
<file path=[Content_Types].xml><?xml version="1.0" encoding="utf-8"?>
<Types xmlns="http://schemas.openxmlformats.org/package/2006/content-types">
  <Default Extension="rels" ContentType="application/vnd.openxmlformats-package.relationships+xml"/>
  <Default Extension="xml" ContentType="application/xml"/>
  <Override PartName="/xl/styles.xml" ContentType="application/vnd.openxmlformats-officedocument.spreadsheetml.styles+xml"/>
  <Override PartName="/xl/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xl/worksheets/sheet1.xml" ContentType="application/vnd.openxmlformats-officedocument.spreadsheetml.worksheet+xml"/>
  <Override PartName="/xl/workbook.xml" ContentType="application/vnd.openxmlformats-officedocument.spreadsheetml.sheet.main+xml"/>
</Types>
</file>

<file path=_rels/.rels><Relationships xmlns="http://schemas.openxmlformats.org/package/2006/relationships"><Relationship Type="http://schemas.openxmlformats.org/officeDocument/2006/relationships/officeDocument" Target="xl/workbook.xml" Id="rId1"/><Relationship Type="http://schemas.openxmlformats.org/package/2006/relationships/metadata/core-properties" Target="docProps/core.xml" Id="rId2"/><Relationship Type="http://schemas.openxmlformats.org/officeDocument/2006/relationships/extended-properties" Target="docProps/app.xml" Id="rId3"/></Relationships>
</file>

<file path=xl/workbook.xml><?xml version="1.0" encoding="utf-8"?>
<workbook xmlns="http://schemas.openxmlformats.org/spreadsheetml/2006/main">
  <workbookPr/>
  <workbookProtection/>
  <bookViews>
    <workbookView visibility="visible" minimized="0" showHorizontalScroll="1" showVerticalScroll="1" showSheetTabs="1" tabRatio="600" firstSheet="0" activeTab="0" autoFilterDateGrouping="1"/>
  </bookViews>
  <sheets>
    <sheet xmlns:r="http://schemas.openxmlformats.org/officeDocument/2006/relationships" name="Sheet1" sheetId="1" state="visible" r:id="rId1"/>
  </sheets>
  <definedNames/>
  <calcPr calcId="124519" fullCalcOnLoad="1"/>
</workbook>
</file>

<file path=xl/styles.xml><?xml version="1.0" encoding="utf-8"?>
<styleSheet xmlns="http://schemas.openxmlformats.org/spreadsheetml/2006/main">
  <numFmts count="0"/>
  <fonts count="2">
    <font>
      <name val="Calibri"/>
      <family val="2"/>
      <color theme="1"/>
      <sz val="11"/>
      <scheme val="minor"/>
    </font>
    <font>
      <b val="1"/>
    </font>
  </fonts>
  <fills count="2">
    <fill>
      <patternFill/>
    </fill>
    <fill>
      <patternFill patternType="gray125"/>
    </fill>
  </fills>
  <borders count="2">
    <border>
      <left/>
      <right/>
      <top/>
      <bottom/>
      <diagonal/>
    </border>
    <border>
      <left style="thin"/>
      <right style="thin"/>
      <top style="thin"/>
      <bottom style="thin"/>
    </border>
  </borders>
  <cellStyleXfs count="1">
    <xf numFmtId="0" fontId="0" fillId="0" borderId="0"/>
  </cellStyleXfs>
  <cellXfs count="2">
    <xf numFmtId="0" fontId="0" fillId="0" borderId="0" pivotButton="0" quotePrefix="0" xfId="0"/>
    <xf numFmtId="0" fontId="1" fillId="0" borderId="1" applyAlignment="1" pivotButton="0" quotePrefix="0" xfId="0">
      <alignment horizontal="center" vertical="top"/>
    </xf>
  </cellXfs>
  <cellStyles count="1">
    <cellStyle name="Normal" xfId="0" builtinId="0" hidden="0"/>
  </cellStyle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styleSheet>
</file>

<file path=xl/_rels/workbook.xml.rels><Relationships xmlns="http://schemas.openxmlformats.org/package/2006/relationships"><Relationship Type="http://schemas.openxmlformats.org/officeDocument/2006/relationships/worksheet" Target="/xl/worksheets/sheet1.xml" Id="rId1"/><Relationship Type="http://schemas.openxmlformats.org/officeDocument/2006/relationships/styles" Target="styles.xml" Id="rId2"/><Relationship Type="http://schemas.openxmlformats.org/officeDocument/2006/relationships/theme" Target="theme/theme1.xml" Id="rId3"/></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sheetPr>
    <outlinePr summaryBelow="1" summaryRight="1"/>
    <pageSetUpPr/>
  </sheetPr>
  <dimension ref="A1:I501"/>
  <sheetViews>
    <sheetView workbookViewId="0">
      <selection activeCell="A1" sqref="A1"/>
    </sheetView>
  </sheetViews>
  <sheetFormatPr baseColWidth="8" defaultRowHeight="15"/>
  <sheetData>
    <row r="1">
      <c r="B1" s="1" t="inlineStr">
        <is>
          <t>category</t>
        </is>
      </c>
      <c r="C1" s="1" t="inlineStr">
        <is>
          <t>question</t>
        </is>
      </c>
      <c r="D1" s="1" t="inlineStr">
        <is>
          <t>options</t>
        </is>
      </c>
      <c r="E1" s="1" t="inlineStr">
        <is>
          <t>answer</t>
        </is>
      </c>
      <c r="F1" s="1" t="inlineStr">
        <is>
          <t>caption</t>
        </is>
      </c>
      <c r="G1" s="1" t="inlineStr">
        <is>
          <t>explanation</t>
        </is>
      </c>
      <c r="H1" s="1" t="inlineStr">
        <is>
          <t>deduction</t>
        </is>
      </c>
      <c r="I1" s="1" t="inlineStr">
        <is>
          <t>image-bytes</t>
        </is>
      </c>
    </row>
    <row r="2">
      <c r="A2" s="1" t="n">
        <v>0</v>
      </c>
      <c r="B2" t="inlineStr">
        <is>
          <t>color_overlap_squares</t>
        </is>
      </c>
      <c r="C2" t="inlineStr">
        <is>
          <t>What is the missing color of the part denoted with a question mark?</t>
        </is>
      </c>
      <c r="D2" t="inlineStr">
        <is>
          <t>['orange', 'green', 'blue', 'yellow']</t>
        </is>
      </c>
      <c r="E2" t="inlineStr">
        <is>
          <t>yellow</t>
        </is>
      </c>
      <c r="F2" t="inlineStr">
        <is>
          <t>There are 3 squares which overlap each other in the image. The color of the squares are ['red', 'blue', '?']. The part where the first and second squares overlap is purple. The part where the second and third squares overlap is green.</t>
        </is>
      </c>
      <c r="G2" t="inlineStr">
        <is>
          <t>We observe that the red and blue squares overlap to form purple. Hence, the pattern is that the color of the part where two squares overlap is determined by mixing the two colors.</t>
        </is>
      </c>
      <c r="H2" t="inlineStr">
        <is>
          <t>Based on the pattern that the color of the part where two squares overlap is determined by mixing the two colors, the missing color of the part which overlaps with blue to form green should be yellow.</t>
        </is>
      </c>
      <c r="I2" t="inlineStr">
        <is>
          <t>b'\x89PNG\r\n\x1a\n\x00\x00\x00\rIHDR\x00\x00\x02\x00\x00\x00\x02\x00\x08\x02\x00\x00\x00{\x1aC\xad\x00\x00!\x17IDATx\x9c\xed\xdd\x7f\x8c\x9du\x81\xef\xf1\xef\xf3\xe3\x9c\xd393\xedt\xa8\x85{\xb5kXtesc/ml\xab\x10)$-)\x18\x8d$.\xebf+\\\xb2\xda\x16\x04\xea&amp;F\x94jn\xc2\xaa\xe0F\xb3\xc1*l)\x01Kmv\x91\xacqc6(\xb9`l\x83\x81\xda\xf2K\x11\xad\x8b.\xdb\xb8\xb8C\xa1\xd3\xe9\xfc&lt;\xe7&lt;\xcf\xf3\xbd\x7f|\xe90\xccLg\xce\x9c\xf3}\x9e\xe7\xfb\xe3\xfd\x8a18V\xfbt\xfa=\x9f\xf7\x9c\x1fs&amp;\x90R\n\x00\x80\x7f\xc2\xb2/\x00\x00P\x0e\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de\x90\xa6\xa9\x94\xb2\xec\xab@q\x02\xfe\xbe\x01\x08!\xa4\x94A\x10L\xff\x078\x8f{\x00\x80\xef\xa4\x94j\xf4\xef\xb8\xe3\x8e\xc1\xc1\xc1 \x08\xb2,+\xfb\xa2P\x04\x02\x00xMJ\x99eY\x10\x047\xdcp\xc3\x17\xbf\xf8\xc5\x8f~\xf4\xa3CCCa\x18\xd2\x00\x1f\x10\x00\xc0_j\xfd\xa3(\xda\xbe}\xfb\xbd\xf7\xde[\xaf\xd7\x0f\x1f&gt;\xbce\xcb\x16\x1a\xe0\t\x02\x00xj\xfa\xfa\xdfw\xdf}\xb5Zm||&lt;\x8e\xe3#G\x8e\xd0\x00O\x10\x00\xc0G\xb3\xd7\xbf\xd1h|\xf0\x83\x1fL\xd3\x94\x06\xf8\x83\x00\x00\xde\x99\xb1\xfe===\x8dFc\xeb\xd6\xad\x07\x0f\x1e\xbc\xeb\xae\xbb\x92$\xa9\xd5j4\xc0\x07\x04\x00\xf0\xcb\xec\xf5\x9f\x98\x98\xb8\xee\xba\xeb\xf6\xed\xdb744\xb4s\xe7\xceo~\xf3\x9b\x8dF\x83\x06\xf8\x80\x00\x00\x1e9\xdb\xfa\xdf\x7f\xff\xfd###B\x88\x13\'N\xd0\x00\x7f\x10\x00\xc0\x17\xf3\xaf\x7f\x96ea\x18\xc6qL\x03\xfcA\x00\x00/\xb4\xb3\xfe\xeaW\xd2\x00\x7f\x10\x00\xc0}\xed\xaf\xbfB\x03&lt;A\x00\x00\xc7-v\xfd\x15\x1a\xe0\x03\x02\x00\xb8\xac\xb3\xf5Wh\x80\xf3\x08\x00\xe0\xacn\xd6_\xa1\x01n#\x00\x80\x9b\xba_\x7f\x85\x068\x8c\x00\x00\x0e\xd2\xb5\xfe\n\rp\x15\x01\x00\\\xa3w\xfd\x15\x1a\xe0$\x02\x008%\x8f\xf5Wh\x80{\x08\x00\xe0\x8e\xfc\xd6_\xa1\x01\x8e!\x00\x80#\xf2^\x7f\x85\x06\xb8\x84\x00\x00.(f\xfd\x15\x1a\xe0\x0c\x02\x00X\xaf\xc8\xf5Wh\x80\x1b\x08\x00`\xb7\xe2\xd7_\xa1\x01\x0e \x00\x80\xc5\xcaZ\x7f\x85\x06\xd8\x8e\x00\x00\xb6*w\xfd\x15\x1a`5\x02\x00X\xc9\x84\xf5Wh\x80\xbd\x08\x00`\x1fs\xd6_\xa1\x01\x96"\x00\x80eL[\x7f\x85\x06\xd8\x88\x00\x0061s\xfd\x15\x1a`\x1d\x02\x00X\xc3\xe4\xf5Wh\x80]\x08\x00`\x07\xf3\xd7_\xa1\x01\x161\xe2\xc4\x00\x98\x9f-\xeb\xaf\xd0\x00[\x18th\x00\xcc\xc9\xae\xf5Wh\x80\x15\x8c;7\x00\xa6\xb3q\xfd\x15\x1a`&gt;C\x8f\x0e\x00a\xf3\xfa+4\xc0pF\x9f\x1e\xc0g\xb6\xaf\xbfB\x03Lf\xc1\x01\x02&lt;\xe4\xc6\xfa+4\xc0X\xd6\x9c!\xc0\x1f.\xad\xbfB\x03\xccd\xd91\x02\x9c\xe7\xde\xfa+4\xc0@V\x9e$\xc0U\xae\xae\xbfB\x03Lc\xf1a\x02\x1c\xe3\xf6\xfa+4\xc0(\xd6\x9f\'\xc0\r&gt;\xac\xbfB\x03\xcc\xe1\xc8\x91\x02\xac\xe6\xcf\xfa+4\xc0\x10N\x9d*\xc0F\xbe\xad\xbfB\x03L\xe0\xe0\xc1\x02,\xe2\xe7\xfa+4\xa0t\xce\x9e-\xc0|&gt;\xaf\xbfB\x03\xca\xe5\xf8\xf1\x02\x8c\xc5\xfa+4\xa0D^\x9c0\xc04\xac\xfft4\xa0,\x1e\x1d2\xc0\x10\xac\xffl4\xa0\x14\xde\x9d3\xa0\\\xac\xff\xd9\xd0\x80\xe2yz\xd4\x80R\xb0\xfe\xf3\xa3\x01\x05\xf3\xfa\xb4\x01Eb\xfd\xdbA\x03\x8a\xc4\x81\x03\x8a\xc0\xfa\xb7\x8f\x06\x14\x863\x07\xe4\x8e\xf5_,\x1aP\x0c\x8e\x1d\x90/\xd6\xbf34\xa0\x00\x9c&lt; G\xac\x7f7h@\xde8|@^X\xff\xee\xd1\x80\\q\xfe\x80\\\xb0\xfe\xba\xd0\x80\xfcp\x04\x01\xfdX\x7f\xbdh@N8\x85\x80f\xac\x7f\x1eh@\x1e8\x88\x80N\xac\x7f~h\x80v\x9cE@\x1b\xd6?o4@/\x8e#\xa0\x07\xeb_\x0c\x1a\xa0\x11\'\x12\xd0\x80\xf5/\x12\r\xd0\x85C\tt\x8b\xf5/\x1e\r\xd0\x82s\tt\x85\xf5/\x0b\r\xe8\x1eG\x13\xe8\x1c\xeb_.\x1a\xd0%N\'\xd0!\xd6\xdf\x044\xa0\x1b\x1cP\xa0\x13\xac\xbf9h@\xc78\xa3\xc0\xa2\xb1\xfe\xa6\xa1\x01\x9d\xe1\x98\x02\x8b\xc3\xfa\x9b\x89\x06t \x90R\x96}\r\x805X\x7f-f\xccN\x10\x04\xba\xfe\x9f\x93$Y\xb9r\xe5\xee\xdd\xbb?\xf3\x99\xcf\xd4j\xb5F\xa3\xb1~\xfd\xfaG\x1f}t``\x80\xbf\x9d\xd9\x08\x00\xd0.\xd6\xbf\x1bY\x96eY\x16\x04A\x14EQ\x14\x85a\x18\x04\x81\xfa\x94\xa6i\x9a\xa6\xa9\x10B}\xb0\xcb\xdf\x88\x06\xb4\x8f\x00\x00ma\xfd;#\xa5L\xd34\x8e\xe3z\xbd^\xadV\xd34\x1d\x1d\x1d\x1d\x19\x19\x99\x98\x98h6\x9b\x95J\xa5^\xaf\xf7\xf7\xf7\xf7\xf5\xf5eY622\x92\xa6i\x14E]\xfe\xa64\xa0M\x04\x00X\x18\xeb\xdf\x99,\xcbj\xb5Zoo\xef\xf0\xf0\xf0\xf3\xcf?\x7f\xe8\xd0\xa1\xa3G\x8f\xfe\xfe\xf7\xbf\x1f\x1c\x1c\x9c\x98\x98H\xd34\x0c\xc3z\xbd\xbej\xd5\xaa\x8b.\xba\xe8C\x1f\xfa\xd0\xe6\xcd\x9b\xfb\xfa\xfa\x86\x87\x87i@1\x08\x00\xb0\x00\xd6\xbf3Y\x96\xf5\xf6\xf6\x1e?~\xfc\xa1\x87\x1e\xfa\xfe\xf7\xbf\xff\x8b_\xfcb\xc1\xff\xc9E\x17]t\xfb\xed\xb7\x7f\xe4#\x1fQ\xcf\xdcvy\x014`A\x04\x00\x98\x0f\xeb\xdf\x994M\xfb\xfb\xfb\x1f|\xf0\xc1[o\xbduhhH}\xb0R\xa9\xa8\x87\xf8\xd5\xf3\x01B\x88 \x08\xd4\'P}\x9e\xd5\x07\xef\xbc\xf3\xce\xcf}\xeesCCC\xdc\x0f\xc8\x9b\xef\x7f~`\x1e\xac\x7f7\xa4\x94\xe7\x9dw\xde\xd0\xd0P\xa5R\xa9T*Q\x14\xb5Z\xadf\xb3\xd9l6\x93$Qs\x9f\xa6i\xab\xd5j\xb5Zi\x9aJ)\xd5\xf3\xc3\xb7\xddv\xdb\xfe\xfd\xfb\x07\x06\x06\xd43\xc3\xdd\xe0\xb5\xa1\xf3\xe3\x1e\x0007\xd6\xbfKY\x96\xf5\xf7\xf7_y\xe5\x95\x8f?\xfe\xb8\xfa\xc8\xb9\xe7\x9e{\xc9%\x97\xac[\xb7\xee]\xefz\xd7\xf2\xe5\xcb\xa3(\x1a\x1b\x1b\xfb\xedo\x7f\xfb\xc8#\x8f\x1c&lt;xP\xfd\x9a0\x0c\xa5\x94+V\xac8z\xf4\xe89\xe7\x9c\xd3j\xb5x]P~\x08\x000\x07\xd6\xbf{i\x9a._\xbe\xfc\x87?\xfc\xe1\xc7&gt;\xf6\xb1\xcb.\xbb\xec\x13\x9f\xf8\xc4\xe6\xcd\x9bW\xadZ\x15\xc7q\x9a\xa6Y\x96I)\xc30\x8c\xa2(I\x92\xfd\xfb\xf7\xdfr\xcb-\x8dFC}0M\xd3;\xef\xbc\xf3\x0b_\xf8\xc2\x89\x13\'\xe28\xee\xfebh\xc0\x9c\x08\x000\x13\xeb\xafK\x10\x04\xcdf\xf3\xc5\x17_\xdc\xb0aCOO\xcf\xe8\xe8\xa8\x9ax\xf5E\xbd\xfa&gt;\x005A+W\xae\xfc\xfa\xd7\xbf~\xeb\xad\xb7\xaa\xc7\xfd\xb3,\xbb\xfc\xf2\xcb\x7f\xf4\xa3\x1f\x8d\x8e\x8e\xea\xfal\xd3\x80\xd9\x08\x00\xf0\x16\xac\xbf^A\x10\xf4\xf4\xf4\x8c\x8d\x8d\xa9\x17\xf8\xcf\xf9x\x8e\xfa\xaa\x7flll\xed\xda\xb5\'N\x9c\x88\xa2(M\xd3\xf3\xcf?\xff\xa9\xa7\x9eZ\xb2dI\x9a\xa6\xba\xbeU\x98\x06\xcc\xe0\xdd\x1f\x18\x98\x07\xeb\xaf\x9d\x94rtt4\x08\x828\x8e\xcf\xb6\xe3A\x10\xa8\xc7\x8b.\xb8\xe0\x02q\xe6\x9d!N\x9f&gt;=99\xa9\xf7\x13\xces\xc23p\x9a\x817\xb0\xfe9i\xf3\xf3\x16\x04\xc1\xf4Bhy[\x88\xd9h\xc0t\x1ch@\x08\xd6\xbfT\xea\x05\xa0ccc\x7f\xfc\xe3\x1f\xa7&gt;\xb8|\xf9\xf2z\xbd\xde\xfd+Ag\xa3\x01S8\xd3\x00\xeb_\xb24M\xfb\xfa\xfa\x9ey\xe6\x99\xe3\xc7\x8f\xab\x97\x81\x06A\xf0\x9e\xf7\xbc\xa7\xbf\xbf?I\x12\xee\x07\xe4\x87c\r\xdf\xb1\xfe\xe5\xca\xb2\xacR\xa9\xb4Z\xad\xdbo\xbf}\xea5)R\xca\x0f\x7f\xf8\xc3Q\x14\xe5\xf7*\x15\x1a x\x15\x10&lt;\xc7\xfa\x97K}\x86\x97-[\xf6\xa9O}j\xdf\xbe}\xea\xb3\x9de\xd9\xbb\xdf\xfd\xee\'\x9f|2\x8ec\xf5\x0e\xd2\xf9]\x80\xe7\xaf\x0br\xfc\x8f\x07\xcc\x83\xf5/W\x92$\xb5Z\xadV\xab]\x7f\xfd\xf5\xfb\xf6\xed\x9b\xfe\xce?w\xdduW~\x8f\xffL\xe7\xf9\xfd\x00\xce7&lt;\xc5\xfa\x97+I\x92e\xcb\x96\x9d&gt;}\xfa\xea\xab\xaf&gt;p\xe0\xc0\xd4\xa3=Y\x96\xed\xde\xbd\xfb\xaa\xab\xae:u\xeaT\xf7o\x06\xd7\x0e\x9f\x1b\xc0C@\xf0\x11\xeb_\xae$I\x06\x06\x06\x9e\x7f\xfe\xf9\xad[\xb7\x1e;vL\r\xbd\xfa\xf1\x00w\xdf}\xf7\x8e\x1d;^\x7f\xfd\xf5b\xd6\x7f\xfa%y\xf8X\x10\x01\x80wX\xffr\xa9\xf5?t\xe8\xd05\xd7\\s\xf2\xe4\xc9\xa9\xf5\x1f\x18\x18x\xe0\x81\x07\xae\xbe\xfaj]\xef\xff\xd3\xc1\x85\xf9\xd6\x00\x02\x00\xbf\xb0\xfe\xe5R?%\xe6\x85\x17^\xb8\xe2\x8a+\xa6\x1e\xe4I\xd3\xf4\xbd\xef}\xefw\xbf\xfb\xdd\xd5\xabW\x9f&lt;y\xb2\x94\xf5W|k\x00\x01\x80GX\xffr\xa9\x17\xf8\x07A\xb0q\xe3\xc6_\xfe\xf2\x97q\x1c\xab\x9f\x18|\xf9\xe5\x97?\xf4\xd0C\xcb\x97/\x1f\x1e\x1e\xaeT*\xe5^\xa4W\rp\xea\x0f\x03\xcc\x83\xf5/\x9d\xfa1a\x07\x0e\x1cP\xeb\xaf~ \xcce\x97]\xf6\x83\x1f\xfc\xa0\xb7\xb7\xf7\xf4\xe9\xd3\xa5\xaf\xbf\xf0\xec9aN&lt;\xbc\xc0\xfa\x9b \x0c\xc3V\xab\xf5\xf0\xc3\x0f\xab\xfb\x01R\xcaU\xabV\xed\xdf\xbf\xbfZ\xadNNN\x96\xf8\xc8\xcf\x0c\xfe4\x80C\x0f\xf7\xb1\xfe&amp;\x90RV\xab\xd5\xc1\xc1\xc1_\xff\xfa\xd7\xf2\x8c\x9d;w\xbe\xf3\x9d\xef\x1c\x1d\x1d-\xf85?\x0b\xf2\xa4\x01\x9c{8\x8e\xf57\x84z\xc7\xb7\xd7^{mxxX\x08\xa1~&lt;\xc0\xc6\x8d\x1b\'&amp;&amp;L[\x7f\xc5\x87\x06p\xf4\xe12\xd6\xdf(a\x18NLLL\xfdd\x98e\xcb\x96\xad\\\xb9\xb2\x80o\xf7\xed\x98\xf3\r\xe0\xf4\xc3Y\xac\xbf\x81\xd4O\x03V\xff&gt;99i\xe6\xd7\xfe\xd3\xb9\xdd\x00^\x06\n7\xb1\xfe\xa6Q\x0f\x01\x8d\x8c\x8c&lt;\xf3\xcc3\xea#\x95Je\xfd\xfa\xf5\xea\xc5\xa0\xe5^\xdb\x82\\}m(\x01\x80\x83X\x7fc\x85a\xd8\xdb\xdb\xab\xfeYJ966f\xcb\x049\xd9\x00\x02\x00\xd7\xb0\xfe&amp;\x93R&amp;I\xa2\x1e9\t\xc3\xd0\x84\x17\xfe\xb7\xcf\xbd\x06\x10\x008\x85\xf57\x9cz+\x88%K\x96\x08!Z\xad\xd6\xc8\xc8\x888\xf3S\xe0\xad\xe0X\x03\x08\x00\xdc\xc1\xfa\x1bNJ\xd9\xdb\xdb\xfb\xf3\x9f\xff\xfc\xe0\xc1\x83\x93\x93\x93\x1b6l\xb8\xe2\x8a+\x1a\x8dF\xde?\xf5E/\x97\x1a@\x00\xe0\x08\xd6\xdfp\xea} v\xef\xde\xfd\xf9\xcf\x7f~\xeaG\xbd_w\xddu\xf7\xdcsO\xa3\xd1\xb0(\x00\xc2\xa1\x06\x10\x00\xb8\x80\xf57\x9c\x942\x8e\xe3S\xa7N\xad^\xbdZ\xbd\xe7\x8f\xfaN\xe04M\x1fy\xe4\x91M\x9b6\x8d\x8c\x8c\xd8\xf5w\xe4F\x03\xec\xb8J`\x1e\xac\xbf\xf9\xa4\x94\xb5Z\xed\xe5\x97_\x1e\x19\x19\t\x82\xa0\xd5j\xa9\xef\xff\n\xc3\xf0W\xbf\xfaU\xa5R\xb1\xee\x05\xf5n|\x7f\x007\x0c\xd8\x8d\xf5\xb7\xc8\x9c\x7f\x17\xf6\xfe\x059\xd0\x00[?\xf5\x80`\xfd\xed\x11\x04\xc1\xe4\xe4\xe4\x05\x17\\\xb0b\xc5\n\xf5\xaep\xea\xed\xa0\xb3,[\xb3fM\xb3\xd9\xb4\xf4o\xca\xf6\x06X\xf9I\x07\x04\xebo\x15\xf5\xb0\xcf\xca\x95+\xbf\xfa\xd5\xafV\xab\xd5f\xb3\xa9\xbe\x1b\xe0\xe6\x9bo\xbe\xe4\x92KFGG\xed\xfd\xcb\xb2\xba\x01&lt;\t\x0c+\xb1\xfe6\x92R\xf6\xf5\xf5=\xfd\xf4\xd3?\xf9\xc9O&amp;&amp;&amp;.\xbe\xf8\xe2M\x9b6MNN:\xb0B\x96&gt;\'L\x00`\x1f\xd6\xdf^Y\x96\xd5\xeb\xf5\x9e\x9e\x1e!D\xb3\xd9\xb4\xee\xc5?\xf3\xb0\xb1\x01\x04\x00\x96a\xfdm\xa7\x1e\xfa\x17B\x04A`\xfe\xbb\x81.\x8au\r \x00\xb0\t\xeb\x0f\xc3\xd9\xd5\x00\xb3\xae\x06\x98\x07\xeb\x0f\xf3\xd9\xf5\x9c07\x18\xd8\x81\xf5\x87-,j\x00\xb7\x19X\x80\xf5\x87]li\x007\x1b\x98\x8e\xf5\x87\x8d\xach\x00\xb7\x1c\x18\x8d\xf5\x87\xbd\xcco\x007\x1e\x98\x8b\xf5\x87\xed\x0co\x00\xb7\x1f\x18\x8a\xf5\x87\x1bLn\x007!\x98\x88\xf5\x87K\x8cm\x00\xb7"\x18\x87\xf5\x87{\xccl\x007$\x98\x85\xf5\x87\xab\x0cl\x00\xb7%\x18\x84\xf5\x87\xdbLk\x00\xef\x05\xe4\x97\xd2_u0\x0f)\xa5\xfa\x19\x81j\xfd\xd5\xbb\xc6o\xdd\xba\xf5\x81\x07\x1e`\xfd\x0b\xc3\'\xb9\x00\xd3\xdf/(\x8a\xa24M\xa7\xde/H\xdd\n\n\xbb\x12\x02\x00\xb3\xa8\xf5\xaf\xd5j\xadVk\xc7\x8e\x1d\xf7\xdcsO\xa3\xd1\x90R2L\x05H\xd3trr\xb2\xec\xab\xf0\xc2T\x03v\xed\xda\xd5j\xb5\x9a\xcd\xe6\x07&gt;\xf0\x81\xef}\xef{\xabV\xad\n\x82\xa0\xb0\x06\x10\x00_\xa8\xaf,&gt;\xfb\xd9\xcf&gt;\xfb\xec\xb3\xea\x8b\x8e\xb2\xafh\xa6 \x08\x86\x87\x87\x9f~\xfaiuyQ\x14]z\xe9\xa5R\xca$IX\xff\xbc\xa9\xc7\x1fV\xaf^\xfd\x8do|cbb\xa2\xc8/B\xfd\xa4\xee\x8b\xafX\xb1\xe2\xd2K/}\xe2\x89\'\xea\xf5\xfa\xf8\xf8\xf8\x97\xbf\xfc\xe5/}\xe9K\xea\xf0\x17s\x19q1\xbf\rJ\xa7\x02\xf0\xb3\x9f\xfd\xec\xf0\xe1\xc3e_\xcb|\xe2J5\xcb\xb20\x8a\xd24\xfd\xe9O\x7fZ\xf6\xe5\xf8e||&lt;\x8e\xe3\x82\x1f\x85\xf0\x90z&lt;s\xe9\xd2\xa5\xd7^{\xed\x13O&lt;Q\xab\xd5\xc6\xc7\xc7w\xec\xd8q\xdbm\xb7\xa9\xe7\xc0\n\xbb\x12\x02\xe0\x97\xbe\xbe\xbe(\x8a\xa2(j6\x9be_\xcb\xdc\x92\xd6\x99\x0b\x0b\x82\xe8\xcc\x17\xfe\x06\xde_qL\xb5ZM\xd3\xb4\xaf\xaf\x8f\x87\x04\xf26\xb5\xfe\x9f\xfc\xe4\'\x0f\x1c8\xa0~f\xc0\xb6m\xdb\xf6\xec\xd9S\xfc\'\x9f\x00\xf8%\xcb\xb24M\xa5\x94\xab\xfe\xd7\xfb\xcf_{ykr,\x08\xccztEJ\x19\xc6\xf1\xc4\xf0\xc9\xe7~\xfc`\x96e"\x10A\x10\\v\xcd\x86\xe5o[:9\xde\x8c\xa2P\n\x19\x08\xbe&gt;\xd5#\x93\xb2\xd6Sy\xf1\xc9\xdf\xfd\xee\xf9\xe3S?\xa8\x0b\xf9\x99\xbe\xfe\xfb\xf7\xefW\xafs\xdb\xb6m\xdb\xde\xbd{\xd34\r\xc3\xb0\xe0\xfb^\x04\xc0GY\x96\x9d\xbf\xe6\xb2\xcd7|m\xec\xe4`\x18W\xca\xbe\x9c\xb7\x92RH\x19U\x97\xbc\xed\x9d\x17&gt;\xb6wW\x14\xc6\x99\xccN\x1c\x7f\xfd\xaf?\xff\xe1\xfa\xd2%\x8d\x89V\x18\x85B\xf0U\xaa\x1ei\x9a\xf5\xaf\xe8\xfb\xa7;\xfe\xed\xdf\x9f}\xb9\xeckq\x9fi\xeb/\x08\x80\xb7Z\x8d\xf1\xb1\xa1W\xc7\x87_\x0b##\xcf\x80\x94\xeb\xae\xbeA\x08\xf1\xd8\xde]Q\x14\xbfx\xf8w\x7f\xf7Ww\xff\xed=\xd7\xd7\x97.iL\xa8\xfb\x01\xd0 K3!Ec\xc2\xd0\xc7\x03]b\xe0\xfa\x0b\x02\xe0\xad \x08\xc3(V\xff*\xfbZ\xe666\xf4\xeaT\x03\xe2J\xe5\xbf^\x1a\xfc\xd6\xce\xfd\x7f{\xf7\x9b\r(\xfb\x02\x1d\x11\xc5a\x10\xf2\x90Z\xbe\xcc\\\x7f\xc1w\x02\xc3Xa\x14\xab\x06l\xde~G\xd2j\xc5\x95\xca\xf1\xdf\xfc\xf1\xae\x9b\xf6\x8d\x8fL\xd6z\xaaY\xca\xa3\xd5\xb0\x83\xb1\xeb/\x08\x00LF\x03`;\x93\xd7_\x10\x00\x18\x8e\x06\xc0^\x86\xaf\xbf \x000\x1f\r\x80\x8d\xcc_\x7fA\x00`\x05\x1a\x00\xbbX\xb1\xfe\x82\x00\xc0\x164\x00\xb6\xb0e\xfd\x05\x01\x80Eh\x00\xccg\xd1\xfa\x0b\x02\x00\xbb\xd0\x00\x98\xcc\xae\xf5\x17\x04\x00\xd6\xa1\x010\x93u\xeb/\x08\x00lD\x03`\x1a\x1b\xd7_\x10\x00X\x8a\x06\xc0\x1c\x96\xae\xbf \x00\xb0\x17\r\x80\t\xec]\x7fA\x00`5\x1a\x80rY\xbd\xfe\x82\x00\xc0v4\x00e\xb1}\xfd\x05\x01\x80\x03h\x00\x8a\xe7\xc0\xfa\x0b\x02\x007\xd0\x00\x14\xc9\x8d\xf5\x17\x04\x00\xce\xa0\x01(\x863\xeb/\x08\x00\\B\x03\x907\x97\xd6_\x10\x008\x86\x06 ?\x8e\xad\xbf \x00p\x0f\r@\x1e\xdc[\x7fA\x00\xe0$\x1a\x00\xbd\x9c\\\x7fA\x00\xe0*\x1a\x00]\\]\x7fA\x00\xe00\x1a\x80\xee9\xbc\xfe\x82\x00\xc0m4\x00\xddp{\xfd\x05\x01\x80\xf3h\x00:\xe3\xfc\xfa\x0b\x02\x00\x1f\xd0\x00,\x96\x0f\xeb/\x08\x00&lt;A\x03\xd0&gt;O\xd6_\x10\x00\xf8\x83\x06\xa0\x1d\xfe\xac\xbf \x00\xf0\n\r\xc0\xfc\xbcZ\x7fA\x00\xe0\x1b\x1a\x80\xb3\xf1m\xfd\x05\x01\x80\x87h\x00f\xf3p\xfd\x05\x01\x80\x9fh\x00\xa6\xf3s\xfd\x05\x01\x80\xb7h\x00\x14o\xd7_\x10\x00\xf8\x8c\x06\xc0\xe7\xf5\x17\x04\x00\x9e\xa3\x01&gt;\xf3|\xfd\x05\x01\x00h\x80\x9fX\x7fA\x00\x00A\x03\xfc\xc3\xfa+\x04\x00\x10\x82\x06\xf8\x84\xf5\x9fB\x00\x807\xd0\x00\x1f\xb0\xfe\xd3\x11\x00\xe0M4\xc0m\xac\xff\x0c\x04\x00x\x0b\x1a\xe0*\xd6\x7f6\x02\x00\xccD\x03\xdc\xc3\xfa\xcf\x89\x00\x00s\xa0\x01.a\xfd\xcf\x86\x00\x00s\xa3\x01n`\xfd\xe7A\x00\xfc"\xa5,\xfb\x12lB\x03l\xc7\xfa\xcf\x8f\x00\xf8BJ)\xa5\x8c\xe3\xb8\xec\x0b\xb1\x0c\r\xb0\x17\xeb\xbf \x02\xe0\x05)e\x10\x04A\x10\x9c:u\xaa\xeck\xb1\x0f\r\xb0\x11\xeb\xdf\x0e\x02\xe0&gt;)\xa5\xba1l\xdf\xbe\xfd\xe8\xd1\xa3q\xa5\xaa&gt;Z\xf6u\xd9\x84\x06\xd8\x85\xf5o\x13\x01p\x9cZ\xff(\x8a\xb6o\xdf~\xdf}\xf7EQ\x94e\x99\x10"\x8cc\x9e\x0fX\x14\x1a`\x0b\xd6\xbf}\x04\xc0e3\xd6\xbfZ\xa9\xa4i\xaa\xfe\xab\xf1\xe1\xd7\xe3j\x8d\x06,\n\r0\x1f\xeb\xbf(\x04\xc0Y\xb3\xd7\xbf\xd9j\x85A\x90\xa5I\x10\x86\xbf\xf8\x7f\xfft\xf8_v\xf7\x9ds^\x96&amp;e_\xa9Mh\x80\xc9X\xff\xc5"\x00n\x9a\xb1\xfe=\xb5Z\xb3\xd5\xfa\x9b\xd5\xab/y\xc7;\x84\x10\xa1\x142K\x1f\xdf\xfb\xc5\xa3\xff\xba\xa7w\xe0\\\x1a\xb0(4\xc0L\xac\x7f\x07\x08\x80\x83f\xaf\xffD\xa3\xf1\x97\x17^\xf8\xedM\x9b\xce&lt;\xe6#\xa5\x10a\x14?\xb6w\x17\r\xe8\x00\r0\r\xeb\xdf\x19\x02\xe0\x9a9\xd7\xff\xaf\xfe\xfc\xcf\xbf\xbdy\xf3h\xb3\x99f\xd9\xd4\xaf\xcb\xd2\x84\x06t\x8c\x06\x98\x83\xf5\xef\x18\x01p\xca\xfc\xeb\x9f\t\xa1n\t\xa9\x94\x1b7\\\xf3\x9e?]\x97\xa5I\x1cWi@gh\x80\tX\xffn\x10\x00w,\xb0\xfeR\x86\xd3n\t\xcb\x96\xbem\xe7\xf5\xff\xf8\x8e\xff\xf1gI\xd2\xa4\x01\x1d\xa3\x01\xe5b\xfd\xbbD\x00\x1c\xb1\xa8\xf5\x17B4\x1a\xe3=K\xfan\xba\xf6[\x7f\xf2?/\xa4\x01\xdd\xa0\x01ea\xfd\xbbG\x00\\\xb0\xd8\xf5\x17B\x84a\xd4lN\xd6{\x96\xde\xfc\x7f\xee\xa6\x01]\xa2\x01\xc5c\xfd\xb5 \x00\xd6\xeb`\xfd\x15\xd5\x80\x9e%4@\x03\x1aP$\xd6_\x17\x02`\xb7\x8e\xd7_\t\xc3\xa8\xd9\x9c\xa0\x01Z\xd0\x80b\xb0\xfe\x1a\x11\x00\x8bu\xb9\xfe\n\r\xd0\x88\x06\xe4\x8d\xf5\xd7\x8b\x00\xd8J\xcb\xfa+4@#\x1a\x90\x1f\xd6_;\x02`%\x8d\xeb\xaf\xd0\x00\x8dh@\x1eX\xff&lt;\x10\x00\xfbh_\x7f\x85\x06hD\x03\xf4b\xfdsB\x00,\x93\xd3\xfa+4@#\x1a\xa0\x0b\xeb\x9f\x1f\x02`\x93\\\xd7_\xa1\x01\x1a\xd1\x80\xee\xb1\xfe\xb9"\x00\xd6(`\xfd\x15\x1a\xa0\x11\r\xe8\x06\xeb\x9f7\x02`\x87\xc2\xd6_\xa1\x01\x1a\xd1\x80\xce\xb0\xfe\x05 \x00\x16(x\xfd\x15\x1a\xa0\x11\rX,\xd6\xbf\x18\x04\xc0t\xa5\xac\xbfB\x034\xa2\x01\xedc\xfd\x0bC\x00\x8cV\xe2\xfa+4@#\x1a\xd0\x0e\xd6\xbfH\x04\xc0\\\xa5\xaf\xbfB\x034\xa2\x01\xf3c\xfd\x0bF\x00\x0ce\xc8\xfa+4@#\x1ap6\xac\x7f\xf1\x08\x80\x89\x8cZ\x7f\x85\x06hD\x03fc\xfdKA\x00\x8cc\xe0\xfa+4@#\x1a0\x1d\xeb_\x16\x02`\x16c\xd7_\xa1\x01\x1a\xd1\x00\x85\xf5/\x11\x010\x88\xe1\xeb\xaf\xd0\x00\x8dh\x00\xeb_.\x02`\n+\xd6_\xa1\x01\x1a\xf9\xdc\x00\xd6\xbft\x04\xc0\x08\x16\xad\xbfB\x034\xf2\xb3\x01\xac\xbf\t\x08@\xf9\xac[\x7f\x85\x06h\xe4[\x03X\x7fC\x10\x80\x92Y\xba\xfe\n\r\xd0\xc8\x9f\x06\xb0\xfe\xe6 \x00e\xb2z\xfd\x15\x1a\xa0\x91\x0f\r`\xfd\x8dB\x00J\xe3\xc0\xfa+4@#\xb7\x1b\xc0\xfa\x9b\x86\x00\x94\xc3\x99\xf5Wh\x80F\xae6\x80\xf57\x10\x01(\x81c\xeb\xaf\xd0\x00\x8d\xdck\x00\xebo&amp;\x02P4\'\xd7_\xa1\x01\x1a\xb9\xd4\x00\xd6\xdfX\x04\xa0P\x0e\xaf\xbfB\x034r\xa3\x01\xac\xbf\xc9\x08@q\x9c_\x7f\x85\x06hd{\x03X\x7f\xc3\x11\x80\x82x\xb2\xfe\n\r\xd0\xc8\xde\x06\xb0\xfe\xe6#\x00E\xf0j\xfd\x15\x1a\xa0\x91\x8d\r`\xfd\xad@\x00r\xe7\xe1\xfa+4@#\xbb\x1a\xc0\xfa\xdb\x82\x00\xe4\xcb\xdb\xf5Wh\x80F\xb64\x80\xf5\xb7\x08\x01\xc8\x91\xe7\xeb\xaf\xd0\x00\x8d\xcco\x00\xebo\x17\x02\x90\x17\xd6\x7f\n\r\xd0\xc8\xe4\x06\xb0\xfe\xd6!\x00\xb9`\xfdg\xa0\x01\x1a\x99\xd9\x00\xd6\xdfF\x04@?\xd6\x7fN4@#\xd3\x1a\xc0\xfa[\x8a\x00h\xc6\xfa\xcf\x83\x06hdN\x03X\x7f{\x11\x00\x9dX\xff\x05\xd1\x00\x8dLh\x00\xebo5\x02\xa0\r\xeb\xdf&amp;\x1a\xa0Q\xb9\r`\xfdmG\x00\xf4`\xfd\x17\x85\x06hTV\x03X\x7f\x07\x10\x00\rX\xff\x0e\xd0\x00\x8d\x8ao\x00\xeb\xef\x06\x02\xd0-\xd6\xbfc4@\xa3"\x1b\xc0\xfa;\x83\x00t\x85\xf5\xef\x12\r\xd0\xa8\x98\x06\xb0\xfe.!\x00\x9dc\xfd\xb5\xa0\x01\x1a\xe5\xdd\x00\xd6\xdf1\x04\xa0C\xac\xbfF4@\xa3\xfc\x1a\xc0\xfa\xbb\x87\x00t\x82\xf5\xd7\x8e\x06h\x94G\x03X\x7f\'\x11\x80Ec\xfdsB\x034\xd2\xdb\x00\xd6\xdfU\x04`qX\xff\\\xd1\x00\x8dt5\x80\xf5w\x18\x01X\x04\xd6\xbf\x004@\xa3\xee\x1b\xc0\xfa\xbb\x8d\x00\xb4\x8b\xf5/\x0c\r\xd0\xa8\x9b\x06\xb0\xfe\xce#\x00ma\xfd\x0bF\x034\x9a\xaf\x01K\xce\xda\x00\xd6\xdf\x07\x04`a\xac\x7f)h\x80Fgo\xc0DmI5\x9d\xd5\x00\xd6\xdf\x13\x04`\x01\xac\x7f\x89h\x80Fs6\xe0\x9b7\xef\x1f\x1f\x9d\\R\xafN\xff\x95\xac\xbf?\x08\xc0|X\xff\xd2\xd1\x00\x8df7\xe0\x0f\xff\xfe\xdf\xffp\xc3w\x86_\x1f\x99\xfa5RJ\xd6\xdf\x1f\x04\xe0\xacX\x7fC\xd0\x00\x8df4 \x8c\xe3cG\xff\xe3\xa7\x0f\xff&lt;\x8a"!D\x96eB\x08\xd6\xdf\x1f\x04`n\xac\xbfQh\x80F\xd3\x1b\x90%I\x18\xc7\xe2\xcca\x8e\xe3\xb8V\xab\xb1\xfe\xfe \x00s`\xfd\rD\x034\x9a\xd1\x80\xa9\xd3\x1c\x04\xc1\x8d7\xdex\xe0\xc0\x01\xd6\xdf\x13\x04`&amp;\xd6\xdfX4@\xa3\xa9\x06l\xda\xfe\xd5 \x8c2)\x85\x10\x87\x0e\x1d\xda\xb3gO\xadVc\xfd=A\x00\xde\x82\xf57\x1c\r\xd0(\x8c\xe2\xd1\x93\x83\xef\xff\x8b\x9d\xff\xfb\x8a\xbf\x96Y\x16Fq\x96e\xd5j\xb5\xd1h\xb0\xfe\x9e \x00ob\xfd\xad@\x034\n\x82 i6\xea\xfd+\xd4\x7f\x8c\xa2\xa8\xd9l\xb2\xfe\xfe \x00o`\xfd-B\x034\n\x82 K\x12!D\x18\x86i\x9a\xb2\xfe^!\x00B\xb0\xfe\x16\xa2\x01:\x05\x81\x10"i5\xd7\xad[\xb7w\xef^\xf5\x8d`\xac\xbf\x0f\x08\x00\xebo+\x1a\xa0\xdd\xf2\xe5\xcb\xa5\x94RJ\xd6\xdf\x13\xbe\x07\x80\xf5\xb7\x1a\r\xd0+I\x92 \x08X\x7f\x7fx\x1d\x00\xd6\xdf\x014@#\xa6\xdf7\xfe\x06\x80\xf5w\x06\r\x00:\xe3i\x00X\x7f\xc7\xd0\x00\xa0\x03&gt;\x06\x80\xf5w\x12\r\x00\x16\xcb\xbb\x00\xb0\xfe\x0e\xa3\x01\xc0\xa2\xf8\x15\x00\xd6\xdfy4\x00h\x9fG\x01`\xfd=A\x03\x806\xf9\x12\x00\xd6\xdf+4\x00h\x87\x17\x01`\xfd=D\x03\x80\x05\xb9\x1f\x00\xd6\xdf[4\x00\x98\x9f\xe3\x01`\xfd=G\x03\x80y\xb8\x1c\x00\xd6\x1f\x82\x06\x00g\xe7l\x00X\x7fL\xa1\x01\xc0\x9c\xdc\x0c\x00\xeb\x8f\x19h\x000\x9b\x83\x01`\xfd1\'\x1a\x00\xcc\xe0Z\x00X\x7f\xcc\x83\x06\x00\xd39\x15\x00\xd6\x1f\x0b\xa2\x01\xc0\x14w\x02\xc0\xfa\xa3M4\x00P\x1c\t\x00\xeb\x8fE\xa1\x01\x80p#\x00\xac?:@\x03\x00\xeb\x03\xc0\xfa\xa3c4\x00\x9e\xb3;\x00\xac?\xbaD\x03\xe03\x8b\x03\xc0\xfaC\x0b\x1a\x00o\xd9\x1a\x00\xd6\x1f\x1a\xd1\x00\xf8\xc9\xca\x00\xb0\xfe\xd0\x8e\x06\xc0C\xf6\x05\x80\xf5GNh\x00|cY\x00X\x7f\xe4\x8a\x06\xc0+6\x05\x80\xf5G\x01h\x00\xfcaM\x00X\x7f\x14\x86\x06\xc0\x13v\x04\x80\xf5G\xc1h\x00|`A\x00X\x7f\x94\x82\x06\xc0y\xa6\x07\x80\xf5G\x89h\x00\xdcft\x00X\x7f\x94\x8e\x06\xc0a\xe6\x06\x80\xf5\x87!h\x00\\eh\x00X\x7f\x18\x85\x06\xc0I&amp;\x06\x80\xf5\x87\x81h\x00\xdcc\\\x00X\x7f\x18\x8b\x06\xc01f\x05\x80\xf5\x87\xe1h\x00\\bP\x00X\x7fX\x81\x06\xc0\x19\xa6\x04\x80\xf5\x87Eh\x00\xdc`D\x00X\x7fX\x87\x06\xc0\x01\xe5\x07\x80\xf5\x87\xa5h\x00lWr\x00X\x7fX\x8d\x06\xc0je\x06\x80\xf5\x87\x03h\x00\xecUZ\x00X\x7f8\x83\x06\xc0Rq)\xbf+\xeb_:)\xb34K\xb2,-\xfbB\xdc119Z\xab\xd6?}\xed\xeeo=x\xd3+\x83/EQ\xfc\xd8\xde]B\x88uW\xdf0vrP\x18y\xa4\xb34\xc9\xd2D\xca\xac\xec\x0bA9J\x08\x00\xebo\x82j\xb5\xa7\xbf\xefm\x81\x10aX\xce\x17\x01\x0e\nD\x9a\xa6K{\xcf\xd9\xf5\xe9\x7f\xfe\xf6\xfe\x9b\x8f\xfd\xfe\xc8T\x036|\xec\x96\xb49)\x82\xc0\xb4\x0cdI\xabw\xe0\xdcJ\xad^\xf6\x85\xa0\x1cE\xdf\xf8Y\x7f\x13\x84A\xf0\x9b\x97\x9ez\xe8\xdf\xeel4\'\x82\xa0\xfcW\x82\xb9B\n\x11dYZ\xab\xd5W\xae\xf8\x93\xdf\xfe\xc7\xd1,\xcb\x82 xl\xef\xae\xd7\x8e\x1f\xeb\xe9?\'K\x92\xc0\xb0\xe3-eVY\xd2\xfb\xf2s\x07\xc30\xcc2\xee\x07x\xa7\xd0\x00H)\x85\x10S\xeb_\xabVY\xff\x82\x85A\x10\x05A\x14\x04/\xfd\xe7\xb3/\xfd\xe7\xb3e_\x8e\xcb\xa2 \x08\x84\x90BH\x11&lt;\xf7\xe3\x07\xcb\xbe\x9c\x05T\xab\xd54M\xc3\x90\xaf\x06\xfcRt\x00\xa4\x947\xddt\x93Z\xffF\xb3\xf9\x97\x17^\xc8\xfa\x17&amp;\x10b\xac\xd5J\xa5L\xa5,\xfbZ\xdc7\xfd\x93\x1cF\x91\x10A\x18\x86I\xabY\xe2%\xcd\xa3\xd9l\n!FGG\xcb\xbe\x10\x14\xaa\xb8\x00\xa4i\x1aE\xd1W\xbe\xf2\x95{\xef\xbd\xb7\xde\xd33&gt;1q\xf1\xdb\xdf\xfe\xc0\x95W\xbe:&gt;.\x84`\xfd\xf3\x16\x08\x91H\xb9\xee\xbc\xf3z\xe28\n\x02\x1a\x90\xab@\x88\xec\xcc\x9d\x80\'_yE\x1d\xfe\xa4\xd5|\xdf\xfb\xde\xd7\xdf\xdf/\xcd\xfb\xe4GQ\x94\xa6\xe9\xda\xb5k\x85\x10\xa6=N\x85\xfc\x04\x85\x9dE\xf5\xe5\xff\x1f\xfe\xf0\x87\x8f\x7f\xfc\xe3O=\xf5T\xb5R\x89\x85\xf8\xbf\x17_|\xe3\x9a5\'\xc6\xc7c\xee{\x16bI\x14q7\xbf\x00R\xca \x08\xfa*\x95[\x1e\x7f\xfc;/\xbcP\xa9T\x1a\xcd\xe6\xb6m\xdb\xf6\xee\xdd[\xf6\xa5\x01o*.\x00\xe2\xcc\xadbhhh\xcb\x96-G\x8e\x1c\x89\xe38I\x92\xbf\xdf\xb8\xf1\xc65k^\xa5\x01\x85\xc8\xcc\xfb\xda\xd3=\xea\xf1\xcc\xbej\xf5\xe6\xc7\x1e{\xf8\xd8\xb1j\xb5\xda&lt;\xb3\xfeY\x96\xa9[A\xd9\xd7xV|}\xe0\x95B\x03 \x84\xc8\xb2,\x0c\xc3\xa9\x06\xd4*\x95F\xab\xf5\xb5\x8d\x1b?M\x03\xe0\x84\xe9\xeb\xff\xd0o~\xa3^\xe7\xa6\xd6_=\xcbj\xf2\xfa\xc37E\x0f\xaez\xb5\xd9\xc0\xc0\xc0\xa3\x8f&gt;\xba~\xfd\xfaF\xabU\xabT\xbep\xe8\xd0=\xcf=wn\xbd\x9e\xf0B4\xd8\x8c\xf5\x87]J\xf8\x8a\x9b\x06\xc0I\xac?\xacS\xceC.4\x00\x8ea\xfda\xa3\xd2\x1es\xa7\x01p\x06\xeb\x0fK\x95\xf9\xa4+\r\x80\x03X\x7f\xd8\xab\xe4W\xdd\xd0\x00X\x8d\xf5\x87\xd5\xca\x7f\xd9%\r\x80\xa5X\x7f\xd8\xae\xfc\x00\x08\x1a\x00\x0b\xb1\xfep\x80\x11\x01\x104\x00Va\xfd\xe1\x06S\x02 h\x00,\xc1\xfa\xc3\x19\x06\x05@\xd0\x00\x18\x8f\xf5\x87K\xcc\n\x80\xa0\x010\x18\xeb\x0f\xc7\x18\x17\x00A\x03`$\xd6\x1f\xee11\x00\x82\x06\xc00\xac?\x9cdh\x00\x04\r\x801X\x7f\xb8\xca\xdc\x00\x08\x1a\x00\x03\xb0\xfep\x98\xd1\x01\x104\x00\xa5b\xfd\xe16\xd3\x03 h\x00J\xc2\xfa\xc3y\x16\x04@\xd0\x00\x14\x8e\xf5\x87\x0f\xec\x08\x80\xa0\x01(\x10\xeb\x0fOX\x13\x00A\x03P\x08\xd6\x1f\xfe\xb0)\x00\x82\x06 g\xac?\xbcbY\x00\x04\r@nX\x7f\xf8\xc6\xbe\x00\x08\x1a\x80\x1c\xb0\xfe\xf0\x90\x95\x01\x104\x00Z\xb1\xfe\xf0\x93\xad\x01\x104\x00\x9a\xb0\xfe\xf0\x96\xc5\x01\x104\x00]c\xfd\xe13\xbb\x03 h\x00\xba\xc0\xfa\xc3s\xd6\x07@\xd0\x00t\x84\xf5\x07\\\x08\x80\xa0\x01X$\xd6\x1f\x10\xce\x04@\xd0\x00\xb4\x8d\xf5\x07\x14w\x02 h\x00\xda\xc0\xfa\x03S\x9c\n\x80\xa0\x01\x98\x17\xeb\x0fL\xe7Z\x00\x04\r\xc0Y\xb0\xfe\xc0\x0c\x0e\x06@\xd0\x00\xcc\xc2\xfa\x03\xb3\xb9\x19\x00A\x030\r\xeb\x0f\xcc\xc9\xd9\x00\x08\x1a\x00!\x04\xeb\x0f\x9c\x9d\xcb\x01\x104\xc0{\xac?0\x0f\xc7\x03 h\x80\xc7X\x7f`~\xee\x07@\xd0\x00/\xb1\xfe\xc0\x82\xbc\x08\x80\xa0\x01\x9ea\xfd\x81v\xf8\x12\x00A\x03\xbc\xc1\xfa\x03m\xf2(\x00\x82\x06x\x80\xf5\x07\xda\xe7W\x00\x04\rp\x1a\xeb\x0f,\x8aw\x01\x104\xc0Q\xac?\xb0X&gt;\x06@\xd0\x00\xe7\xb0\xfe@\x07&lt;\r\x80\xa0\x01\x0ea\xfd\x81\xce\xf8\x1b\x00A\x03\x9c\xc0\xfa\x03\x1d\xf3:\x00\x82\x06X\x8e\xf5\x07\xba\xe1{\x00\x04\r\xb0\x16\xeb\x0ft\x89\x00\x08A\x03,\xc4\xfa\x03\xdd#\x00o\xa0\x01\x16a\xfd\x01-\x08\xc0\x9bh\x80\x15X\x7f@\x17\x02\xf0\x164\xc0p\xac?\xa0\x11\x01\x98\x89\x06\x18\x8b\xf5\x07\xf4"\x00s\xa0\x01\x06b\xfd\x01\xed\x08\xc0\xdch\x80QX\x7f \x0f\x04\xe0\xach\x80!X\x7f \'\x04`&gt;4\xa0t\xac?\x90\x1f\x02\xb0\x00\x1aP"\xd6\x1f\xc8\x15\x01X\x18\r(\x05\xeb\x0f\xe4\x8d\x00\xb4\x85\x06\x14\x8c\xf5\x07\n@\x00\xdaE\x03\n\xc3\xfa\x03\xc5 \x00\x8b@\x03\n\xc0\xfa\x03\x85!\x00\x8bC\x03r\xc5\xfa\x03E"\x00\x8bF\x03r\xc2\xfa\x03\x05#\x00\x9d\xa0\x01\xda\xb1\xfe@\xf1\x08@\x87h\x80F\xac?P\n\x02\xd09\x1a\xa0\x05\xeb\x0f\x94\x85\x00t\x85\x06t\x89\xf5\x07JD\x00\xbaE\x03:\xc6\xfa\x03\xe5"\x00\x1a\xd0\x80\x0e\xb0\xfe@\xe9\x08\x80\x1e4`QX\x7f\xc0\x04\x04@\x1b\x1a\xd0&amp;\xd6\x1f0\x04\x01\xd0\x89\x06,\x88\xf5\x07\xccA\x004\xa3\x01\xf3`\xfd\x01\xa3\x10\x00\xfdh\xc0\x9cX\x7f\xc04\x04 \x174`\x06\xd6\x1f0\x10\x01\xc8\x0b\r\x98\xc2\xfa\x03f"\x009\xa2\x01\x82\xf5\x07\x0cF\x00\xf2\xe5y\x03X\x7f\xc0d\x04 w\xde6\x80\xf5\x07\x0cG\x00\x8a\xe0a\x03X\x7f\xc0|\x04\xa0 ^5\x80\xf5\x07\xac@\x00\x8a\xe3I\x03X\x7f\xc0\x16\x04\xa0P\xce7\x80\xf5\x07,B\x00\x8a\xe6p\x03X\x7f\xc0.\x04\xa0\x04N6\x80\xf5\x07\xacC\x00\xca\xe1X\x03X\x7f\xc0F\x04\xa04\xce4\x80\xf5\x07,E\x00\xca\xe4@\x03X\x7f\xc0^\x04\xa0dV7\x80\xf5\x07\xacF\x00\xcagi\x03X\x7f\xc0v\x04\xc0\x08\xd65\x80\xf5\x07\x1c@\x00LaQ\x03X\x7f\xc0\r\x04\xc0 V4\x80\xf5\x07\x9cA\x00\xccbx\x03X\x7f\xc0%\x04\xc08\xc66\x80\xf5\x07\x1cC\x00Ld`\x03X\x7f\xc0=\x04\xc0PF5\x80\xf5\x07\x9cD\x00\xcceH\x03X\x7f\xc0U\x04\xc0h\xa57\x80\xf5\x07\x1cF\x00LWb\x03X\x7f\xc0m\x04\xc0\x02\xa54\x80\xf5\x07\x9cG\x00\xecPp\x03X\x7f\xc0\x07\x04\xc0\x1a\x855\x80\xf5\x07&lt;A\x00lR@\x03X\x7f\xc0\x1f\x04\xc02\xb96\x80\xf5\x07\xbcB\x00\xec\x93S\x03X\x7f\xc07\x04\xc0J\xda\x1b\xc0\xfa\x03\x1e"\x00\xb6\xd2\xd8\x00\xd6\x1f\xf0\x13\x01\xb0\x98\x96\x06\xb0\xfe\x80\xb7\x08\x80\xdd\xbal\x00\xeb\x0f\xf8\x8c\x00X\xaf\xe3\x06\xb0\xfe\x80\xe7\x08\x80\x0b:h\x00\xeb\x0f\x80\x008bQ\r`\xfd\x01\x08\x02\xe0\x926\x1b\xc0\xfa\x03P\x02)e\xd9\xd7\x00\x9d\xb2,\x0b\xc3phhh\xcb\x96-G\x8e\x1c\xa9U*\x8dV\xebk\x1b7~z\xcd\x9aW\xc7\xc7\xc3 `\xfd\x01(\xdc\x03p\xcd&lt;\xf7\x03V\xd6\xebB\x08\xd6\x1f\x80\xc2=\x007\xcdy?\xe0\xef7n\xbci\xed\xda\xbf\xf9\xf1\x8f\x1f&gt;v\x8c\xf5\x07@\x00\x9c5\xa3\x01q\x1c\xa7I\xf2\xfe\xb7\xbf\xfd\xa9W^\xa9U\xab\x8df\x93\xf5\x07&lt;G\x00\\6\xbb\x01I\x92\xa8{\x03\xac?\x00\x9e\x03p\xd9\x8c\xe7\x03\x92$\xa9\xf7\xf4\xb0\xfe\x00\x14\xee\x01\xb8o\xea~\xc0UW]u\xf8\xf0\xe1\x1d;v\xec\xd9\xb3\x87\xf5\x07@\x00\xbc\xa0\x1a088x\xff\xfd\xf7\xef\xda\xb5K\xfd\xa5\xb3\xfe\x80\xe7\x08\x80/\xa4\x94j\xf1\xa7\xfe\x01\x80\xe7x\x0e\xc0\x17A\x10H)\xd34e\xfd\x01(\xdc\x03\x00\x00Oq\x0f\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ff\x1f\xb3\x13\xc2\xaa\x98{._\x00\x00\x00\x00IEND\xaeB`\x82'</t>
        </is>
      </c>
    </row>
    <row r="3">
      <c r="A3" s="1" t="n">
        <v>1</v>
      </c>
      <c r="B3" t="inlineStr">
        <is>
          <t>shape_reflect</t>
        </is>
      </c>
      <c r="C3" t="inlineStr">
        <is>
          <t>What is the missing shape denoted by a question mark?</t>
        </is>
      </c>
      <c r="D3" t="inlineStr">
        <is>
          <t>['pentagon', 'hexagon', 'triangle', 'square']</t>
        </is>
      </c>
      <c r="E3" t="inlineStr">
        <is>
          <t>triangle</t>
        </is>
      </c>
      <c r="F3" t="inlineStr">
        <is>
          <t>There are six shapes in the image separated by a line. In the top part there are ['triangle', 'hexagon', 'pentagon']. In the bottom part there are ['?', 'hexagon', 'pentagon'].</t>
        </is>
      </c>
      <c r="G3" t="inlineStr">
        <is>
          <t>We observe that the hexagon is reflected across the line as a hexagon. Similarly, the pentagon is reflected as a pentagon. Hence, the pattern is that each shape in the top part is reflected in the bottom part.</t>
        </is>
      </c>
      <c r="H3" t="inlineStr">
        <is>
          <t>Based on the pattern that each shape in the top part is reflected in the bottom part, the missing shape which is reflected from a triangle part should be a triangle.</t>
        </is>
      </c>
      <c r="I3" t="inlineStr">
        <is>
          <t>b'\x89PNG\r\n\x1a\n\x00\x00\x00\rIHDR\x00\x00\x02\x00\x00\x00\x02\x00\x08\x02\x00\x00\x00{\x1aC\xad\x00\x00b\x9dIDATx\x9c\xed\xddg|T\xc5\xfe\x06\xf0\xdf\xd9\xb3\xbb\xe9\x15HB\xb1\x00RT\x82\x94 \x10z\tU\x10\xe9\xa8\x94D\x04i\xa1\x9a \x84\xd0K\x00\x01)\n\x82\x80\x8a\x80 \xdckAJ\x00M\x10\t\x9aPCo\xa2\x94$\xa4m\xfa\xee\x9e\xf2\x7f1\xb2\xff\\z\t\xbb\x9b\x9d\xe7\xfb\xb9/\xaeIH\xce\x9e=;\xcf\x9c\xdf\xcc\x99\x11TU%\x00\x00\xe0\x8f\xc6\xd6\x07\x00\x00\x00\xb6\x81\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lIUUEQl}\x14\xfcR\x14E\x96e[\x1f\x05\xbf\x14E\xc1\xf5o[\x82\xaa\xaa\xb6&gt;\x06\x00kSUU\x96e\xadVKD\xb2,\x0b\x82\xa0\xd1\xa03dU\xb2,\x8b\xa2X\xfc\xff\x80\xf5\xe1\xa2\xb7\rUUUUMII9}\xfa4\xee\x03\xac\x8c\xb5\xf8Z\xad699y\xef\xde\xbd\xa2(j4\x1aI\x92\xd0\x19\xb2\x0eUU%I\x12E\xf1\xaf\xbf\xfe:|\xf8\xb0(\x8a\xb8\x15\xb0\x15\x04\x80m\xb06h\xfe\xfc\xf9}\xfb\xf6\x15\x04\xdc\x87Y\x89,\xcb\x8a\xa2\x88\xa2h0\x18\xa6O\x9f\xde\xacY\xb3\x90\x90\x90\xc1\x83\x07\x9f?\x7f^\xab\xd5\n\x82\x80\x8a\xd0\xb3\xa6(\nK\xdf-[\xb6\x04\x07\x077i\xdad\xc6\x8c\x19\x1a\x8d\x86e\xb0\xad\x8f\x8e?*X\x1dk\x86._\xbe\xec\xed\xedMD\xdf}\xf7\x9d\xaa\xaa\xac\x07\n\xcf\x88\xa2(\x963\xbcv\xed\xda\x97_~\xb9\xf8\xa7\xc0\xd7\xd7w\xea\xd4\xa9\xd9\xd9\xd9\xaa\xaa\xca\xb2,\xcb\xb2M\x0f\xd6a\x99\xcdfUUsrrF\x8d\x1aU\xfc\xfcw\xe8\xd0\xe1\xc6\x8d\x1b\xec\x07\x14E\xb1\xf5ar\x04\x01`\x03\xac%\xea\xd9\xb3\'\x11\x89\xa2X\xadZ5\xa3\xd1(I\x12.\xfdgAQ\x14\xd6\xee\xa8\xaa\xbaw\xef\xde\x90\x90\x10K\xbb\xd3\xbb\x7f\xcf\xde\xef\xf6\xb0\xfcg\xcd\x9a57m\xda\xc4~\x12oG\xc9\xb2\x04pRRR\xfd\xa0\xfa\xec\x847m\x15\xdc/\xb4\x0f\xfb\xff\x15+U\xfc\xf6\xdbo\xd9\x0f#\x80\xad\x06\x01`m\xecc\xf0\xeb\xaf\xbf\x12\x91F\xf8\xb7\x047{\xf6l\x157\x01\xcf\x80\xe5\x94^\xbf~=,,L\x10\x84\x7f\x9b\x9e\x96\xc1\xdf\xfc\xb0&gt;\xc5\xf4w\x8a\xe9\xefo~X\xdf\xa4EcK\x0c\xb4k\xd7.!!\xc1\xf2\xcf\x11\x03O\xcf\xf2.,]\xba\xd4\xdb\xc7\x9b\x88\x04\x12\xc2#G\\H?\x95b\xfe{\xde\xb2Y^\xde^\xec\xe4\x8f\x1a5*\'\'G\xbd}\xaf\x00\xcf\x1a\x02\xc0\xaa\xd8\xbc\xc3\xa2\xa2\xa2\xfa\xf5\xebk4\x1a\x0fO\x8f\x17*?OD\x9e\x9e\x9e\x17/^d\xdf\xb5\xf51:\x08K%\xc7h4\xce\x9c9\xb3|\xf9\xf2\xac\x89y\xa9z\xd5\x05+\xe6^1\x9c\xbb^x\xf9\xd4\x8d\xa3\xa7n\x1c\xbd^x\xf9\xaf\x9c\xf31\xcbg\x07T\x08`?\xe3\xe4\xec\x14\x16\x16v\xed\xda5\xf6\xab\x10\xccO\xccr\xfbu\xfd\xfa\xf5&gt;}\xfe\xed\xecW~\xe9\xc5/\xb7\x7f\x91j\xfe\xfb\\\xda\xc9S7\x8e\xde4^\xfd\xe5\xc8\xee\xa0F\xf5\xd8w\xeb\xd7\xaf\x9f\x94\x94\xa4"}\xad\x02\x01`U\xac)Y\xbf~=\xbb\xd6\x07\x8f\x0c\xdb\x93\xb0C\xa7\xd3\x11\xd1\x80\x01\x03T\xb45%\xa1x\xb9\x7f\xd3\xa6M\xb5k\xd7fg\xdb\xdb\xc7{\xec\xa4Q\xc7\xff\xfe3\xd5\xfc\xf7\x99\x94\xe3\xa7o\x1e;\x97v\xf2\\\xda\xc9\xd37\x8f\x9dM9\x91b\xba\x9ax\xf1\xf7\x91\x13\x8699;\xb1\x9f\x0f\x08\x08X\xbat\xa9\xd1hT10\xf0D,gl\xd7\xae]\x95*Ubg\xb5s\xb7\x8e\xc7\xfe\xfa\xe3\x86\xf1\xafS\xd7\x8f\x9eM=\xc12\xe0j\xee\x85\x0b\x19\xa7\xc2#G\xb0[4o\x1f\xef\xa5K\x97\xb2\x7f\x8bO\xc43\x85\x00\xb0\x1e\xd6\xc1\xcf\xcc\xcc\x0c\x08\x08\xd0h4^\xde^\x7f\x9c\xff-SM\xe9\xd6\xbb+\x1b\x0c\x88\x8b\x8bSq\xc5?\x85\xe2M\x7fBBB\xbbv\xed,\x85\x9d\xae=\xdf\xf8\xe5\xc8\xee4\xf9\xda\x85\xf4S\xa7n\x1ceM\x7f\xf1\xff\x9d\xbaq\xf4R\xe6\x99\x9b\xa6\xab{\x0e\xef\xe8\xd2\xa3\xb3\xe5\x1f\x06\x06\x06\xfe\xfc\xf3\xcf\xecwb\x88\xf2\xd1\xb1\x8e\xbf\xd9l\x1e;v,k\xd6=\xbd&lt;\xa7\xcd\x9f\xf2O\xfe\xa5K\x99g\xeex\x0b\xce\xdc&lt;~.\xedd\x9a\xf4\xcf\xfam\xab\xfd\xcb\xfb\xb13\xdf\xa7O\x9f\xeb\xd7\xaf\xab8\xed\xcf\x12&amp; Z\x0f{\xe0e\xe4\xa8\x91+\x96\xaf \xa2)s&gt;\x1a6nH^n^FzV\xa7&amp;ofef\xb5h\xd1b\xdf\xbe}D\x84\xe7b\x9e\x80\xe5y\xa2\xeb\xd7\xafGGGo\xdc\xb8\xb1\xa8\xa8\x88\x88\xea5\xa83.jt\x8b\xb6\xcdeY\xce\xcf\xcd\x17\xb5\xa2e$\xe0\x0e\xaa\xaa\xca\xb2\xec\xee\xe1\xae\xd5\x8a\xbb\x7f\xda\x1b3u\xe1\xb9\xd3\xe7\xd9\xb7\xfa\xf5\xeb7i\xd2\xa4Z\xb5j\x11\x91$I\xec\t2\xb8\'UU\xd9\\\xdb#G\x8e\x8c\x181"!!\x81\x88\xea\x04\xbd6{\xf1\xf4\xd7\x83\x83n\xa5\xa5\xdf\xf3\xb1;v\xf2}|\xbd\xaf\xfd}}z\xc4\xec\x1d\xff\xddID\x95*UZ\xb3fM\xfb\xf6\xed\x89HQ\x14&lt;\xacW\xe2\x10\x00V\xc2\xa6?\x9f?\x7f\xbeV`-EV^\t|\xf9\xfb_\xb6J\x92l6\x9b\xfd\xfc\xcb\xcd\x992\x7f\xc9\xdceD\xf4\xd5W_\xf5\xef\xdf\x1f\xcfF&gt;\x16\xf6\x0c\x91F\xa31\x99L\xabV\xad\x9a3wN\xca\xcd\x14"*_\xb1\xfc\xd8\x8fFu\xeb\xd3\xd5\xcd\xc3\xcd\x90ex\xc4\xc7}\x15E!\x95&lt;\xbc&lt;\n\x0b\n7|\xb1i\xc5\xc7+\xd3\xd3\xd2\x89\xc8\xc5\xc5e\xfc\xf8\xf1\xa3F\x8d\xf2\xf3\xf3\xb3\xb4q\xcf\xfa\xa5\x95:\x96Kw\xd9\xb2e\xd1S\xa3\xb3\xb3\xb2\x05\x12\x06\r\x1b\x105;R\xa7\xd3\xe5\xe6\xe4iu\x0f\xcaNI\x92\\\\]t:\xdd\x17+\xd6/\x9a\xfdI\x8e!G\x10\x84\xa9S\xa7N\x9e&lt;Y\xab\xd5\xe2sQ\xe2\x10\x00V\xc2\xae\xdd\xf6\xed\xdb\xef\xd9\xb3\x87\x88\xbe\xfe\xcf\xda6\x1d[ee\x1a\xb4Z\x91\x88\x04Ah\xdf\xe8\x8d\xbf._\xadZ\xb5jbb\xa2\x87\x87\x87 \x08\xf7\xeb\xa8\x82E\xf1\x86x\xe7\xce\x9d\x91\x13#O\x9e8ID\xce\xce\xce\x83G\x85\x0e\x1a\xda\xbf\xd2\xf3\x15\r\xd99O\xd0p\xb0\x7f\xe2\xe5\xedy\xe5\xd2\xd5E\xb3?\xf9~\xebO&amp;\xa3\x91\x88*U\xaa4c\xc6\x8c\xd0\xd0P\xc2\x1a\x12\xffK\xbd\xbd\xbaFFF\xc6\x88\x11#\xbe\xfd\xf6["\xf2/\xef\x1f\xb3|V\x87.\xed\x1e\xfd]`\xd5\x9er~e\xff\xf8=q\xf2\xd8\xa9\xc7\x12\x8f\x13Q\xd3fM\xbfX\xf3E\xf5\xea\xd5eY\xd6h4\xf8h\x94\x14\\\xbb\xd6\xc0.\xfd={\xf6\xb0\xd6\xbfC\xd7\xf6\xad\xda\xb7\xc8\xce\xfa\xb7\xf5\x97$\xc9\xdd\xd3}\xf4\xc4\x91Dt\xf1\xe2\xc5%K\x96h4\x1a&lt;\x92\xfa`\xaa\xaaJ\x92$\x08\x82(\x8a\xc9\xc9\xc9\x9d;w\xee\xd4\xa9\x13k\xfd[\xb5k\xf1\xfd/[\xa3f\x7f\xe4\xe3\xeb\x93\x91\x9eIOTRc\xff$#=\xd3\xcf\xbf\xdc\xf2\xf5K6\xef\xf8\xaaY\xeb&amp;Dt\xed\xda\xb5\xb0\xb0\xb0\x90\x90\x90}\xfb\xf6a\r\t\x0b\xcb\xf3\xbd\xbbw\xefn\xd2\xb4\tk\xfd;w\xeb\xf8c\xdc\xb6v\x9d\xdbf\xa4g\xaa\xaa\xfa\x88\xef\x82F\xa3\x11E1-\xe5V`\x9dW\xb7\xed\xd9\x146l \x11\xfdv\xe0\xb7\xc6\x8d\x1b\xafY\xb3F\x14E&lt;\xb0]\x82p\x07\xf0\xcc\xb1\xc1\x16EQj\xd5\xaau\xe1\xc2\x05\xadV\xfb\xd3\x81\xff\xd4|\xa5z~~\x81\xa5\xf3\xa8\xc8\x8a\xa7\x8fg\xf76\xbd\x0f\x1f\xfc\xd3\xdb\xdb;11\xb1J\x95*\xaa\xaa\xa2wyO\x96\xbedZZ\xda\xec\xd9\xb3W\xaf^]XXHD5^\xa9\x119}|H\xa7\xd6\x8a\xa2\xe6\xe5\xe6\xb1\xc6\xe2)\xff\x16\xeb\xd8zx\xb8kD\xf1?\x9b\xff\xbbx\xce\xb2\xcb\x17\xaf\x10\x91 \x08\xa1\xa1\xa1\x91\x91\x91\xd5\xabW\'\xbeW4c\xaf]\x92\xa4\xd9\xb3gO\x9f&gt;]UUOO\xcfqQ\xa3\xdf\x1b1\xc8l6\x17\x16\x14&gt;\xd9\x90\t\xfb\xb5\xde&gt;^[6l\x9b5i^\xea\xcdT"\xea\xd7\xaf\xdf\xb2e\xcb\xca\x94)\x83\x91\x98\x12\x81\x00x\xe6\xd8u\xbcb\xc5\x8a\x91#G\x12\xd1\xd0\xd1\xefO_8%\xe3VF\xf1\xcbWQ\x147w\xb7\xc4\x84\xa4~\x9d\x07\x18\x8d\xc6\x01\x03\x06|\xf9\xe5\x97\xb8\xc4\xeff)\xf7\x9b\xcd\xe6\r\x1b6L\x9d:\xf5\x9f\x7f\xfe!"?\xffr\xc3\xc6\r}\xf7\xbd~.\xae.\xb99\xb9\xecgJ\xf6\xef\xaa\xaa\xeaS\xc6\'-%m\xddg_\xad_\xf9Uv\x96\x81\x88|||\xc6\x8d\x1b\x17\x11\x11\xa1\xd7\xeb-\xc7V\x82\x7f\xd7\xceYJp\xe7\xcf\x9f\x7fo\xf0{\xbf\x1d\xf8\x8d\x88j\xbd\xf6j\xcc\x8a\xd9\r\x1a\x07\xa5\xdfg\xbc\xf7\xb1~\xbf,\xcb\xbee}\xff\xbe\xfc\xf7\x84\xe1\x1f\x1d\xd8\xff\x1b\x11\xd5\xa8Q\xe3\x8b/\xbeh\xd2\xa4\t\x87\'\xbc\xc4!\x00\x9e-v\x8d\xa6\xa5\xa5\xbd\xf2\xea+\x86l\xc3s/T\xfa)\xfe?\xce\xae\xce\xb2$\xdf\xd19\x95$\xa9\x9c\x7f\xd9\x0f\xde\x19\xb9}\xf3\xf7\xa2(\xfe\xf2\xcb/\xcd\x9a5\xe3\xb9_y\x07\xb5\xd8\x02\xce\xb1\xb1\xb1S\xa7N=t\xe8\x10\x119;;\xf7\x1d\xd8kT\xc4\xf0\n\x95\xca\xe7\xe4\xe4\xca\xd23&lt;c\x92$\xeb\xf5:/\x1f\xaf\x93G\x93W.\xfe\xfc\xbb\x8d\xffa\x1f\x9f\xc0\xc0\xc0I\x93&amp;\xf5\xed\xdb\x97\x88\xf8)R[.\xce5k\xd6DFFfff\x12\xd1\xc0!\xefFL\x1b\xef\xe9\xe5i\xc86\xb0\x07\\\x9e\x9e$I...Z\x9d\xf6\xf3O\xd6\xcc\x9f\xb1\xc8d499;}4\xf1\xa3\xa9S\xa7\x12&amp;e=\x1d\x04\xc0\xb3\xc5&gt;$\xa1\xa1\xa1\xec\xe1\xaf\x98e\xb3\x07\r\x1b\x90\x9e\x96~\xf7%\xab\xaa\xaaN\xafKK\xb9\xd51\xb8Kv\x96\xa1~\xfd\xfa\x07\x0f\x1e\xd4\xe9t\x18\r\xa6b\x1f\xf2\xe4\xe4\xe49s\xe7l\xda\xb8\x89}\xbdU\xbb\x16\x13\xa7O\x08\xac\x17X\x98_XTd\xd4\x8a"=\xe3S\xa5\xaa\xaa,\xc9\xae\xee\xae..\xce\xfbw\xff\xba`\xfa\xa2\xa3\x89\xc7\xd9\xb7BBBf\xce\x9c\xd9\xb0aC\xe2 \x06\xd8;\x92\x91\x911j\xd4\xa8M\x9b6\x11\x91\x7fy\xff\xa89\x13{\xf7\xef\x99\x93m0\x9b\xa5\x92\x8da\xd6\x91\xf2-\xeb\x1b\xbf\xef@\xe4\x88\xc9\xac\n\xd7\xa1C\x87\xa5K\x97V\xabV\x8d-.\xed\xc0g\xfb\xd9A\x00&lt;Cld\xec\xc8\x91#M\x9a41\x1a\x8d\r\x1a\x07m\xdd\xbd\xb1\xb0\xa0\xf0~7\xad\x92$\x95-Wf\xf9\x82\xcffN\x9aKD\xeb\xd7\xaf\x1f8p \xe77\x01\x96\x964--m\xf9\xf2\xe5\x0b?^XXPHD5_\xa91|\xfc\xd0\xee\xfd\xba\xc9\x92\x94\x9fW\xa0\x11\xad\xda\xda\xb2\xf5\xeb\xbd}\xbc\xf3\xf3\xf2\xff\xf3\xed\xf7K\xe6,\xbby#\x85\x88\x9c\x9c\x9c\x86\x0c\x19\x12\x15\x15\xe5\xe7\xe7G\x0e:0`)\xbc\xec\xde\xbd{\xcc\x98\xd1g\xcf\x9e#\xa2f\xad\x9b.\xfct\xee\xf3U\x9e\xcfL\xcf|vm\xb1$I\x9e^\x9e9\x86\x9c\x19\x13\xe7|\xfb\xd5V"*W\xae\xdc\xf2\xe5\xcb{\xf7\xeeM\x0ez\xb6\x9f5\x04\xc03\xc4\xae\xc8\x96-[\xc6\xc5\xc5\x89\xa2\xf8\xe5\xf6/Z\xb5kn\xc8\xcey\xf0e\xaa\x115\xed\x1b\xbd\xf1\xd7\xa5\xab\xfe\xfe\xfe\xc9\xc9\xc9\xde\xde\xde|\xde\x04\xb0\xb2;;W\xeb\xd6\xad\xb3\x94\xfb\xcb\xf9\x97\x1b\xf0\xfe\xdbC\xc2\x07{xz\x18\xb2\rd\xbb*\xb0e\xaa\xe8\xb5\xbf\xaf\xaf_\xf9\xf5\x9a\xe5\xeb\xd8\xa3g\x01\x01\x01\x93&amp;M\x1a:t\xa8\xe3\r\x0cXn\xc5\xa6O\x9f\xce\xc6{\xf5z}\xc4\xd4qCF\x0f\x96\xccRa\xe1\x13\x8e\xf7&gt;:Y\x96\xf5z\xbd\x8b\xab\xf3\xb6\x8d\xff\x9d\x161+3#\x93\x88F\x8d\x1a5{\xf6l\x0f\x0f\x0f\x94\x83\x1e\x97\x83\\\x97v\x88\xb5\x0e\xdf}\xf7]||&lt;\x11u\xe9\xde)\xa4S\xeb\xec,\xc3\x83[\x7fY\x96]]]&amp;\xcf\x8aT\x14\xe5\xe6\xcd\x9b\x8b\x16-\xd2h4\xbcm\x96\xc4\xa6x\xb2\xe9\x80\xfb\xf6\xedk\xd7\xae]XX\xd8?\xff\xfc\xe3\xe4\xe4\xd4\xfb\xdd\x1e?\xfc\xba-b\xda\x04"\xca\xce\xccf\x1b\x89\xd8\xea8-SE}|}\xa2\xe6|\xf4\xfd/[[\x864\'\xa2\x94\x94\x94\xf0\xf0\xf0\xa0\xa0\xa0\x9d;wZ\xb6:)\xed=-\xcb\x18\xcc\x85\x0b\x17:v\xec8m\xda4UUk\xbd\xf6\xea\xd6\xdd\x1bG~8\xac \xbf\xc0h4Z\xa1\xf1e\xd3\x8d\x0c\xd99\xbd\x07\xf4\xdc\x16\xbb\xb9~\xc3zD\xb4l\xd9\xb2V\xad[\x1d&gt;|X\xab\xd5bs\xb1\xc7\x82;\x80g\x82\xcd\x8e\xc8\xcb\xcb\xabW\xaf\xde\x95+W\xdc\xdd\xdd\xfe\xfb\xcbwU\xabU.,,zh\x83\xa5(\x8a\x87\xa7{\xdfN\xfd\x0f\xc6\x1d\xd2\xeb\xf5\'O\x9e\xacV\xad\x1a?\xcf\xc1[n\xe4\xcf\x9f?\x1f\x13\x13\xb3n\xfd:UQ\x89\xa8I\xcb\xc6\x13\xa6\x8c\rn\xd1(/\'\xbf\xa8\xa8H+j\x9fu\xb9\xff\xd1Y\xd6\x90\xd0h\x84\xd8\x9f\xf7\xc7D/&lt;w\xc6\xa1\xd6\x90\xb0\xbc)\x9b7o\x1e=ztZZ\x1a\xdd\x1e\xef\xf5\xf2\xf62d\x1b\xac\xff\xba$\xb3\xe4\xee\xe9n6\x99\x96\xce\xfftY\xcc\xa7*\xa9NNN\xf3\xe6\xcd\x1b3f\x0c\xa1\x1c\xf4\xc8\xb8hS\xac\x8f]\x7fK\x96,\xb9|\xf9\xb2\xaa\xaa\xef\x8d\x0c\r\xac[\xab\xf8\xc4\xff\x87\xfds%j\xeeGZ\xad\xd6h4FEE\x11\x11\x0f9\xcd\xfan\x96\xfd\x1a\x1b\x077^\xbbv\xad\xaa\xa8/U\xaf:\x7f\xc5\xdc\r\xdf\xaf\x0fjT/=-\xc3l6k\xb5v\xd4\xfa\x13\x11{\x06\xaa \xbf /7\xbf]\xe7\xb6?\x1d\xf8\xcf\xd4\x98\xa8\xb2~e\x89h\xd3\xa6M\xaf\xbf\xfe\xfa\x94)S\x0c\x06\x03\xeb\x9f\x96\xba\x87\x98\xd8\x10\xab\xc1`x\xff\xfd\xf7\xfb\xf5\xeb\x97\x96\x96\xe6[\xc6w\xf9\xba\xc5\xf3?\x9d\xab\xd7\xebr\x0c96I5\xadN[\x90W \xcb\xca\xe4\xd9\x91\xeb\xb7\xaf\xa9\xfc\xd2\x8bF\xa3q\xec\xd8\xb1}\xfb\xf6\xbdq\xe3\x06\xbbQ\xe0\xe1S\xf3\x94p\x07P\xf2\xd8\xd8\xef\xe5\xcb\x97\x83\x82\x82\x0c\x06\xc3\x0bU^\xd8\x93\xf0\xd3c\x9dgI\x92}\xcbzO\xf8\xe0\xa3o\xd6n"\xa2_\x7f\xfd\xb5E\x8b\x16\x0e\xdc\xa9)\xbe\xa2\xc3\xe6\xcd\x9bg\xcc\x98q\xe6\xcc\x19"\xf2\xf6\xf1\x0e\xfd\xa0\xff\xa0a\x03\x02\xca\xfbgfd\x91J\x1a\xd1\xde\xbb,w\xae!\xb1\xe5G\x93\xc9DD5k\xd6\x8c\x88\x88\xb0\xac!Q*\xe6\x08Y\x060\x0e\x1e&lt;8x\xf0\xe0\xb3g\xcf\x12Q\xb3\xd6Mg,\x98\xf2r\xed\x973ne\xd8|\xee\r\x9b\x94\xe5S\xd6\'\xedf\xda\xa41\xd1?\xffw\x17a\t\xb9\xc7\x81\x00(y\xecN\x7f\xe0\xc0\x81_}\xf5\x95 \x08\x8b?_\xd0{@\xcf\xac\x8c\xacG\xef(\xa9\xaa\xaa\xd3\xe9\xb2\xb3\xb3\xdb\xd4\xef`\xc8\xce\xa9W\xbf\xde\xc1\xdf\x1csJh\xf1\xd9\xfd\x87\x0f\x1f\x8e\x8e\x8ef\xabeh\x04M\x8fw\xde\xfa`\xcc\xfb\x81uk\x19\xb2\x0c&amp;\x93\xa9t\x15O$Irvvv\xf7t\xfb=.a\xc1\x8c\xc5\xbf\xc7\x1db_o\xdb\xb6\xed\xc4\x89\x13\xdb\xb4iC\xb7{\xd6v\xfb\x86\x16\x1f\xef\x9d;o\xae\xb1\xc8\xa8\xd7\xeb\x87\x8d\x1d2.*\\U)?/\xdf~\xde\x11v\xb6\xf5N\xfa\xe2K\xc8\x8d\x193f\xfe\xfc\xf9XB\xee\xc1\x10\x00%\x8c]m\x07\x0e\x1ch\xd5\xaa\x95\xa2(\r\x1a\x07\xfdg\xff\x96\x9c\xac\x9c\xc7\xed\xbaJ\x92\xe4[\xd6\xe7\xd3\x85\xab\x1cxJ\xe8\xfd\x16pn\xd22x\xf8\xb8!m:\xb4*,,*\xc8+x\xc0\x02\xce\xf6\x8ce\x9b\xa7\x97\x87$\xc9[7l_\xb5d\xf5\xa5\x0b\x97\x89\x88\x04\n\x0b\r\x9b9sf\x85\n\x15\xc8.\xab\xd5\xc5\xc7{\xc3\xc3\xc3w\xed\xdaEDU^\xaa\x1c\xb3bv\x8b\xb6\xcd3ne\x90\xfd\xcdk\xc2\x12rO\x06\x01P\x92\xd8\xb2?f\xb39\xb8I\xf0\x91\xa4#Z\xadv\xcb\xaeo\x82\x1a\xd5\xcf\xcf\xcb\x7f\xdc\x0f\x8cJ\xaaF\x10\x04\xcd\xffO\t=u\xea\x94\x97\x97\x97\x83\xdd\x04\x98L\xa6\xf9\xf3\xe7\x7f\xfa\xe9\xa77o\xde\xa4\xdb\x0b8\xf7\x1e\xd0S\xa7\xd3fg\x19l;\xc9\xa7D(\xb2B\x02\xf9\x96\xf1I\xb9\x99\xba\xee\xb3\xaf\xd6}\xf6\x15\x9b\xba\x1a\x10\x100b\xc4\x08\xb6\x86\x84\xad\x8f\xf1\x7fX\x02i\xcb\x96-#G\x8e\xbcu\xeb\x16\x11\xf5\x19\xd0+z\xde$O/\xcf\x9c\xec\x9c\x07\xaf\xe7l[\x92Y\xf2\xf0t7\x9b\xcd\xb3\'\xc7\xac\xfd\xecK"\xf2\xf5\xf5\x8d\x89\x89\x19&lt;x0\xd9e\xd6\xda\\\xe9\xfet\xd9\x1bVp\xdc\xbcy\xf3\x91\xa4#D\xd4g@\xaf&amp;-\x1b\xe7\xe6\xe4&gt;A+&amp;\x90 I\xff3%4::\xdaa\xa6\x84\xb2\xadb7o\xde\\\xbf^\xfd)S\xa6\xdc\xbcy\xd3\xd9\xd9y\xe4\x87\xc3~\x8c\xdb6`\xc8;E\x05E\x86\xec\x1c\xadV[\xda[\x7f"\xd2\x88\x1a\x8dF\x93~+\xc3\xd5\xd5u\xd2\xac\xc8\xff\xee\xdf\xc2\xb6\x1bKII\x992eJ\xbdz\xf56o\xde\xccv\xbc\xb2\xf5\x91\x12\xdd\xaeJ\xe5\xe6\xe6\x86\x87\x87\xf7\xe9\xd3\xe7\xd6\xad[e\xca\xfa.\xfdb\xd1\xa2U1NNN\xb99\xb9\xf6\xdc\xfa\x13\x91V\xa7\xcd\xcb\xcb\x97$y\xee\xd2\x99\xcb\xd6-\xf6/\xef\x9f\x99\x99\xf9\xfe\xfb\xef\xbf\xfd\xf6\xdb\x19\x19\x19ld\xd8\xd6\xc7h_p\x07PbX\xf7?;;\xfb\xd5W_MKK\xf3\xf0\xf4\xd8\x7fd\x97\xb7\xb7\xb7\xd9l~\xe2&gt;\xbb,\xcb^&gt;^\x83{\x7f\xb0\xf3\x87\xdd:\x9d\xee\xe4\xc9\x93\xd5\xabW/\xed\xab\x84Z\xaad\xcd\x9b7\'"Q\x14;\xbd\xd9aT\xe4\xf0\xc0\xba\xb5\n\xf2\n\x8a\x8a\x8a\xec\xa7\xb8\\\x82\xd8p\xa5\x9b\x87\x9b(\x8aq{\x0f,\x9c\xb9\xf8\xd8\xed5$\xe2\xe3\xe3m\xbe\xee\x93e\xbc\xf7\xf0\xe1\xc3#F\x8eHJL"\xa2f\xad\x9bN_0\xe5\xd5\xda/g\xa4g\x96\xa2\x12\xca=\x97\x90\xabY\xb3\xc6\x9a5XB\xeeN8\x0b%\x86u\xff\x17-Z\x94\x92\x92\xa2(Jx\xc4\xf0\n\x95\xca\x17\x15\x15=\xcd\xc7F\x10\x04\xc9,\x8d\x9d\x1c\xaew\xd2K\x92\x14\x1e\x1e.\x08\x0e\x92\xd9f\xb3\x99=\xea5u~\xd4\x17[WV\x7f\xb9Zfz\xe6\xbfS&lt;\x1d\x91 \x08Z\x9d\xb6\xb0\xa007\'\xb7eH\xf3\xff\xee\xdb\x12\x1e1\x82\xed(`6\x9bm{l\xec\xb1;\x8dF\xb3d\xc9\x92\x16-Z$%&amp;\t$\x84G\x8e\xd8\xf0\xfd\xba*\xd5*\xa7\xdb\xc1l\x9f\xc7\xc2f\xe5f\xa6g\x96\xf3/\xf7\xcd\x0f\xeb\xa3fO\xd4\xeb\xf5g\xcf\x9ek\xd3\xb6\xcd\xf4\xe9\xd3-\x8f\xe6\xd9\xfa0\xed\x02\x02\xa0d\xb0\xd6\xff\xdc\xb9s\x0b\x16.\xd0h4U^\xaa&lt;`\xe8\xbb\xb9\x86\\Q\xfbT}:\x8dF\x93\x97\x9bW\xbb^`\xd8\xb0\x81\xaa\xaa\xb2-eDQ,us\xc9\xef&amp;\x08\x02\x9b\x14_\xbdf5\x93\xd1\x94\x97\x9b\xa7\xd5jKQ+\xf3dX\xe6eed\xe9\x9d\xf5M[7\x91e\x99M\x1a\xb6\xd5\xf1\xb0\x87\xae\xb5Z\xed\x8d\x1b7:v\xec8v\xecX\xa3\xd1X\xf9\xa5\xca\xeb\xb7\xaf\x99&lt;;\xb2\xb0\xa0\xf0\x89W\xf3\xb79\xf6\x18MA~\xc1\xc8\x0f\x87m\xdd\xbd\xb1\xd6k\xaf\x1a\x8b\x8c\xd3\xa6M\xeb\xd8\xb1#\xdb\x96C\x96e\xc7\xe8K=\r\x04@\xc9PUU\x10\x84\xf0\xf0p\x93\xd1\xa4(\xca\xe4\xd9\x91\xae\xae.\x92$\x0bO\xfd\xc0\x92(\x8a\xf9\xb9\xf9\xef\x8f\n\xf3\xf3/\xa7\xd1\x08\xe1\xa3\xc3\xd9NX\x0es\xed\x16\x16\x16\xf1\xb6\xb1\xa2\xa8\x15\x15Y\xc9\xcf\xcb\xb7\xedaX\xb6\xf1\xda\xb2eK\xc3\x86\xaf\xb3\xd9&gt;]zt\xde\xbews\xbb\xcem\xd2S3J\xfb\xfb\xc2\xcaV\x19\xe9\x99\xf5\x1b\xd6\xdd\xb2\xeb\x9b&gt;\x03z\x11\xd1\xae]\xbb\x9a6m\xbay\xf3fl.F\x08\x80\x12q\xf7\x8e\x8f\x1d\xdel\xff\xd0E\xdf\x1e\x91 \x08EEE\x95\x9e\xaf8vR\xb8\xa2\xa8\xe7\xce\x9e[\xb5j\x95\xc3\x8c\x06\x13\x91F\xe3\xe0\xbd\xfe{\xb2y\xdb\xca\xca&gt;\x96\xf1\xdek\xd7\xae{y{\xcd[6k\xf5\xa6O=&lt;&lt;23\xb2\xec|\xbc\xf7\xd1i\xb5\xda\x9c\xec\\\x9d^\xb7hU\xcc\xd2/\x16\x95)\xeb\x9b\x96\x96\xd6\xaf_\xbf\xf7\xdf\x7f?77\x97\xf3\x91a\x04\xc0\xd3b}\x7fK\x81^\xaf\xd7\x8f\x9b\x1c.\x99\xa5\x12\xbc\xaf\xd7j\xb5\xd9Y\x86\x9e\xef\xbcU\xab\xce\xab\x82 DGGgeei4\x1a\x87\xb9\t\x00k\xb2L\xf3?r\xe4H\xab\xd6\xad\x96-[FDA\x8d\xea\xfdw\xff\x96\x81C\xfagfdI\xe6\xd2\xbaf\xd1\xfd\x88ZQ\x96dCvN\x9f\x01=\xb7\xee\xde\xd4\xacuS"Z\xb3f\r\x96\x90C\x00&lt;-V\xfd_\xb5j\xd5\xb9s\xe7TU\r\x1b&gt;\xb0v\xbd\xc0\xbc\xdc\xbc\x92\xed\xdf\xc9\xb2\xec\xe6\xee\x1e1u\xbc\xaa\xaa\x99\x99\x99\xd1\xd1\xd1\xac\x86^\x82\x7f\x02x \xcb\xb2 \x08\xa2(.[\xb6\xacM\xdb6\x96\xf1\xdeM;\xbe\xaeR\xadJfF\xa6(\x8a\x82#\xde\x93\xb1W\x9d~+\xa3J\xb5\xca\x1b\xbe_\x17\x1e9\x82\x88\x92\x12\x93Z\xb4h\xb1d\xc9\x1262\xcca9\x08\x01\xf0TX\x15\x95\xcd\xe9\xd6h4\xe5\xfc\xca\xbe?*,?7\xbf\xc4\xe7\xf3\x89\xa2\x98\x9d\x95\xdd\xba}\x8b\x8e]\xdb\x13\x11\xcb\x1bG*\x04\x81\x15\xb0Z\xe5\x8d\x1b7\xfa\xf6\xed\x1b\x1e\x1e\x9e\x9d\x95]\xf9\xa5\x17\xd9x\xaf"+\x05y\x05\x0e\xd6\xf1\xbf\x9bV\xabe#\xdb\x93gG~\xb9\xfd\x8b\xca/UfK\xc8u\xec\xd8\x91-!\xc7[\x06 \x00\x9e\n\x9b\x92\xff\xd1G\x1feee)\x8a2.jL\xa5\xe7+&gt;\xe5\xd4\xcf\xfb\x11\x04A\x91\x15\x87\x9c\x12\nV\xc0v\xd7\xd9\xbd{w\x83\x06\r\xbe\xfd\xf6["\xea\xd4\xad\xe3\x7f\xf6n\t\xe9\xdc&amp;=5CUU\xfb_h\xafD\xb0\x91\xe1\xf4\xd4\x8cv\x9d\xdbl\xdf\xbb\x99=\x97\xb7k\xd7\xae\x06\r\x1a\xec\xde\xbd[\x14E\xae&gt;S\\\xbc\xe5\xcf\x08+\xfe$%%\xb1=Q\x1b4\x0ez;\xb4w\xe6\xe3,\xfa\xf6X4\x1aM.\x9b\x12\xfa\xc1\xbfSB\xb7n\xdd\xcaa\x9f\x05\x9e\x00\xbbU\x9d&gt;}z\x87\x0e\x1dn\xdc\xb8Q\xce\xaf\xdc\xd4\x98\xc9\xab\xbeY\xee\xe1\xe9\x91\x95\x91\xa5\xd59\xfe\x04\xdc;hu\xda\xcc\x8c,\x0f\x0f\x8f\xd5\x9b&gt;\x9d\xfb\xc9\xccr~eo\xdc\xb8\xd1\xa1C\x87\xe9\xd3\xa7sU\\E\x00&lt;96\xfc;~\xfcx\xa3\xd1(\x8a\xe2\xe8\x89#\xb5Z\xed3\xed&gt;\x88\xa2\x98\x9b\x93;b\xc2\x07/VyA\x10\x84\xa8\xa8(\x93\xc9\x84\xfb\x00x(\xd6\xa2\xb1\xbe\x82 \x08\x13\xa6\x8c\x99\x1016\xc7\x90S\xea\x96Y-AZ\xadV2K\xe9\xb72\x86\x87\x7f0a\xcaX\x16\x81\xec\x14!\x00\xe0!X9u\xeb\xd6\xad\x8f\xb5\xe3\xe3S\x12\x04\xc1d4\xf9\x95\xf7\x1b6v\x88\xaa\xaa\xe7\xcf\x9f_\xb8p!F\x02\xe0\xa1\xd8\x94\x84\x81\x03\x07:;;\xab\xaa\x9at\xf8HNQ\x0eq\xbf"\x82\xa0\x11\x04A\xc8+\xcaM:|DUUgg\xe7\x81\x03\x07\x12O\xa7\x85\x97\xd7Y\xb2X\x8f\xdbd2M\x8e\x9aLD\x1e\x9e\xee\xa3"G\x14\x16\x14Z\xe1\xbaa\xcf\xb8\xf7\x19\xd8\xeb\xf5\xe0 "b+Opu\xd3\nO\x80\xf5\x12*W\xae\\\xb7n]"\xfa56\xfeVj\xba\x93\x93\x13\xe7\xf7\x8e\xaa\xaa:99\xddJM\xff56\x9e\x88\xea\xd6\xad[\xb9re\xae\xf6\x90\xe1\xe5u\x96,\xb6}\xd5\xc2\x85\x0b/\x9c\xbf\xa0\xaa\xea{#\x1eo\xc7\xc7\xa7\xa4\xaa\xaaN\xa7\r\x8f\x1c)\x8abFF\xc6G\x1f}\x84g\x02\xe0\xa1X\xbb\xd6\xbd{w"JK\xbdu\xf8\xe0\x9f\xaen.\x9c\xf7\x1b\x14Equs9|\xf0\xcf\xb4\xd4[D\xd4\xbd{w\xde\xee\xa7\x11\x00\x8f\x8d}\x90.]\xba\x143?F\x10\x84\x17\xab\xbe8|\xdc\x90\xc7\xda\xf0\xeb)\x89\xa2\x98\x9de\x08\xe9\xd4\x9aM`\xd8\xb4iSRR\x12o\x17.&lt;.\xd6;\xe9\xda\xb5\xab\x93\x93\x13\x11\xed\xfeq\x0fo\x03\xbf\xf7$\x08\xc2\xee\x1f\xf7\x10\x91\x93\x93S\xd7\xae]\x89\xa7\xfa\x0f!\x00\x9e\x00\x1b\xfb\x9d1cF\x8e!\x87\x88\xc6L\x1c\xe9\xee\xe9a\xe5\xa7\xc95\x1aMaA\xe1\xa8\x88\xe1\x9e^\x9eF\xa3q\xc2\x84\t\x18\n\x86\x07c]\x84\x97^z)((\x88\x88\x0e\x1d8\x9c\x9e\x96\xae\xd3\xe9\xb8\xbdl\xd8\xc6\xab\xe9i\xe9\x87\x0e\x1c&amp;\xa2\xa0\xa0\xa0\x97^z\x89\xab\xfa\x0f!\x00\x1e\x17\x1b\xfb\x8d\x8f\x8f\xff\xe6\x9bo\x88\xa8A\xe3\xa0^\xfd{\x182\rV\x9eJ\xa1\xd1h\xf2\xf2\xf2k\xd7\x0b\x1c\xf0\xfe;D\x14\x17\x17\xf7\xddw\xdfaJ(&lt;\x18k\xddBBB\x88(-\xf5\xd6\xe9\xe4s\xce.\xce\xdc\xde8*\x8a\xe2\xec\xe2|:\xf9\x1c\xab\xff\x84\x84\x84px\x1b\x8d\x00xl\x8a\xa2L\x89\x9e"\xcb\xb2\xdeI?q\xc6\x04Y\x92\x9fz\xc5\xcf\'\xa1\xd5j\xb33\xb3\x87\x8c~\xef\xf9\x17\x9fSU522\xd2`0\xd0\xed\x01j\x80\xbb\xb1\x9aO\xbb\x90v\x1a\x8dF\x96\xe4\xd8\x9f\xf6\xea\x9d\xb8\xbe\x03\xd0;\xe9b\x7f\xda+K\xb2F\xa3i\x17\xd2\x8en\x9f"~ \x00\x1e\x03\xeb\xfe\x7f\xfd\xf5\xd7\xf1q\xf1D\xd4\xb9[\xc7\xa6\xad\x82\x9fl\xc7\xc7\xa7\'\x08\x82\xc9d\xf2\xf3/7&gt;j\x8c \x08\x97/_^\xb2d\tn\x02\xe0\x01\xd8c\xae\xf5\x83\xeaW\xaf^\x9d\x88~\xd9\x13\x97\x9d\x99\xad\xd3\xe9l}\\\xb6\xa1\xd3\xe9\xb23\xb3\x7f\xd9\x13GD\xd5\xabW\xaf\x1fT\x9f=,m\xeb\xe3\xb2*\x04\xc0\xa3b\xa5\xff\xcc\xcc\xcc\x89\x13\'j4\x1a/o\xaf\x88i\xe3ss\xf2lx\xc5h\xb5\xda\xcc\x8c\xac\x9e\xef\xbc\xc5\xa6\x84.Y\xb2\xe4\xd2\xa5K\xa2(\xf2v\x1b\x0b\x8fN\x96e\xbd^\xdf\xa5K\x17"\xbar\xe9\xafc\x89\'\\]]8\xec4\xc8\xb2\xec\xea\xear,\xf1\xc4\x95K\x7f\x11Q\x97.]\xf4z=\x87\xe7\x01\x01\xf0\xa8\xee\xde\xf1\xb1\xcaK/\x16\x15&gt;\x93e\x7f\x1e\x9d \x08\xb2\xacDN\x9f\xe0\xe4\xe4\x94\x9d\x9d=c\xc6\x0c\x8c\x06\xc3\x03\xb0\xcb\xb5G\x8f\x1e\xac\xde\x1d\xbbc\x9f\x8e\xcb*\x90\xaa\xaa:\']\xec\x8e}\xecs\xdd\xa3G\x0f\xe2\xaf\xfeC\x08\x80G\xc4\xae\x92\x0b\x17.,X\xb8@\x10\x04\xb6\xe3cv\x96\xb5\xc7~\xef\xa6\xd1hrsr\x9b\xb6\n\xee\xfcV\x07"\xfa\xe6\x9bo\xe2\xe3\xe3Q\x08\x82\xfbaU\xa0\xbau\xebr^\x05\xba\xa3\xfeS\xb7n]\x0e\xeb?\x84\x00xD\xac\xfe3y\xf2d\x93\xd1\xa4\xaa\xea\xe4\xd9\x13\xed\xe7\xc6Y\x14\xc5\xdc\x9c\xbc\x0f\xa7\x8e\xf7\xf1\xf5\x91e9::\xdaN\x0e\x0c\xec\x13\xaa@\xa8\xffX \x00\x1e\xce\xb2\xe3\xe3\xd6\xad[\x89\xa8i\xcb\xe0\xf6]\xda\xe6\x18r\xed\xa4\xbf \x08BQaQ\xd5j\x95\x07\x0e}\x97\x88\xe2\xe2\xe26n\xdc\x88\x9b\x00\xb8\x1fT\x81P\xff\xb1@\x00&lt;D\xf1\x1d\x1f5\x1a\x8d^\xaf\x8f\x9a\xfb\x91,\xdb\xd7(\xab(\x8aY\x99\xd9\xc3\xc7\r\xad\\\xf5E\xf6\x90\x9a\xc1`\xc0`\x00\xdc\x13\xaa@\xa8\xffX \x00\x1e\xa2\xf8\x8e\x8f\x8a\xa2\x84\r\x1fX7\xe8\xb5\x12\xdf\xf1\xf1)\xb1\x88r\xf7t\x1f=q$\x11]\xbcx\x91\xedr\x87\x9b\x00\xb8\'\x9e\xab@\xa8\xff\x14gG\xad\x98\x1db\xdd\xff\xac\xac\xac\xe2;&gt;\xe6=\x83\x1d\x1f\x9f\x9eV\xab5d\x1az\xf5\xef\xf1zp\x90 \x08K\x96,\xb9|\xf92\xa6\x84\xc2=\xf1\\\x05B\xfd\xa78\x04\xc0\x83\xb0KdJ\xf4\x94\x7fw|\x9c&lt;\xfa\xd9\xed\xf8X\x02\x04\x92%9r\xfa\x04\xadV\x9b\x9d\x9d=q\xe2DT\x81\xe0\x9ex\xae\x02\xa1\xfeS\x1c\x02\xe0\xbe,;&gt;\xaeZ\xb5\x8a\x88^\xad\xfdJ\xcfw\xba\xdb\xc3\xd4\xcf\xfbaSB\x9b\xb4l\xdc\xbb\x7fO"\xda\xbauk\\\\\x1cF\x83\xe1\x9e\xee\xaa\x02\x9dtus\xfc*\x90,\xcb\xaen.\xc7\x12O\xa2\xfe\xc3 \x00\xee\xcb\xb2\xe3\xa3,\xc9\xa2(N\x9a\x15\xe9\xea\xeej\xe7\xd7\x8a(\x8ay9\xf9\xe3\xa2\xc2\xbd}\xbc\x04A\x18?a\xbc\xd1h\xc4}\x00\xdc\xed\x8e*\xd0\x9e\x9fb\xb5\x1c\xac\x0c\xaa\xaa\xaaV\xa7\xdb\xf3S,\xea?\x0c\x02\xe0\xde\x8a\xef\xf8\xa8\xaaj\x97\xee\x9d\xdavl\x95\x9d\x99m\xe7\xb7\x8a\x82 \x14\x15\x15U\xa8T~\xd4\x87\xc3UUMJL\xda\xbcy3\x87k\x1c\xc2C\xddQ\x05\xfa\xf3PbaA\x81\x9d_\xdeOO\x14\xc5\xc2\x82\x82?\x0f%\x12\xea?D\x84\x00\xb8\xa7;v|\xf4\xf4\xf2\xb0\xda\x8e\x8fOO\xd4\x8a\xb9\x86\xdc\x01C\xdf\xadR\xad\xb2F\xa3\xf9\xe8\xa3\x8f233q\x13\x00wS\x14E\xaf\xd77n\xdc\x98\x88\xce\x9d\xb9x\xee\xd4\x05\x17\x87^\x1dZQ\x14\x17\x17\xe7s\xa7.\x9c;s\x91\x88\x1a7n\xac\xd7\xeb\x1d\xf8\xf5&gt;\x8aR\xd0\xa2Y\xdf\x1d;&gt;\x0ex\xff\xdd\xda\xf5\x02\xf3\xf2\xf2KE\x00\x08$H\x92\xec\xea\xea2yV\xa4\xa2(7o\xde\\\xb4h\x11n\x02\xe0~X\x19\xc4XT\xb4\x7f\xf7\xaf\x8e\xbd=\x00\xdb\x00`\xff\xee_\x8dEEt\xfb\x85s\xae\x14\xb4hV\xf6\xff;&gt;\xc6\xc4\x08\x82\xf0\xdc\x0b\x95\x86\x8c~/;3\xdbn\xc7~\xef&amp;\x8ab\x8e!\xb7}\x97\x90\xa6-\x83\x05AX\xb8p\xe1\x85\x0b\x170%\x14\xee\xc0:4\xcd\x9b7\xafP\xa1\x02\x11\xc5\xfe\xbc\xaf\xb0\xb0\xd0\x81\xeb!\xa2(\x16\x16\x16\xc6\xfe\xbc\x8f\x88*T\xa8\xd0\xbcys\xe2l\x03\xc8\xbbq\xfd\xe2\xef\xe9\xffw|\xcc\xc9!\xa2\tS\xc6\xfa\xf9\x973\x99L\xa5n\xa4H\x96\x95\xa8\xb9\x1fi\xb5Z\xa3\xd1\x18\x15\x15E\xd8+\x06\xfe\x97 \x08\xb2,{xx\xb4k\xd7\x8e\x88N\x9d8s6\xf9\x9c\xa3V\x81X\xfd\xe7l\xf2\xb9S\'\xce\x10Q\xbbv\xed&lt;&lt;&lt;dY.u\x9f\xeb\x92\x85\x00\xf8\x1fw\xef\xf8\xd8\xf3\x9d\xb72\xad\xb8\xe1{I\xd1h4y\xb9\xf9\xaf\xd5\x0fdSB\xb7l\xd9\x82)\xa1p?={\xf6$"\x93\xd1\xb8\x7fw\x9c\xa3V\x81n\xd7\x7f\xe2LF#\xdd~\xc9\x80\x00\xb8\x93,\xcb\xff\xb3\xe3\xa3\xac\x94\xd2&gt;\x82(j\n\xf2\n\xc7M\x0e\xf7\xf6\xf1\xd2h4\xe3\'\x8c\x97$\t\xa3\xc1P\x1c?U \xd4\x7f\xee\x89\xf7\xd7_\x9c$I\xa2(n\xdc\xb8\xd1\x1ev||z\xffN\t}\xae\xc2\xa8\x0f\x87+\x8a\x92\x94\x98\xb4j\xd5*\x8c\x06Cq\x9cT\x81P\xff\xb9\x9fR\xd9\xb4=\x0b\xaa\xaaj4\x9a\x9c\x9c\x9c\x193fh4\x1ao\x1f\xdb\xef\xf8\xf8\xf4D\xad\x98\x93\x9d3\xe8\x83\xfe\xb5\xea\xbc\xaa\xd1h\xa2\xa3\xa3\xb3\xb2\xb24\x1a\rn\x02\xe0\x0e\x8e]\x05B\xfd\xe7~\x10\x00\xffb\x93\x7fb\xe6\xc7\\\xbcxQQ\x94Q\x1f\xda\xc5\x8e\x8fOI A\x96e\x17W\x97\x88\xa9\xe3\x15E\xc9\xcc\xcc\x8c\x8e\x8e\x16\x04\xc1\xc1&gt;\xde\xf04x\xa8\x02\xa1\xfes?8\x05D\xb7\'\xfe_\xb8pa\xe1\xc2\x85\x1a\x8d\xc6~v||z\xa2(fg\x19Z\xb7o\xd1\xb1k{"b\xebZ\xa3\x10\x04\x16\x0e_\x05B\xfd\xe7\x01\x10\x00D\xb7\xe7G\xb2\x1d\x1f\x15E\xb1\xab\x1d\x1f\x9f\x9e \x08\x8a\xac\x8c\x9d\x1c\xaew\xd2\xb3\x9dm0\x14\x0cws\xd4*\x10\xea?\x0f\x80\x00\xf8w\xeag\\\\\x9c}\xee\xf8\xf8\xf44\x1aMnn^\xedz\x81a\xc3\x06\xaa\xaa\xbag\xcf\x9e={\xf6`J(X8v\x15\x08\xf5\x9f\x07\xe0\xfd,Xv|\x1c?~\xbcF\xa3\xd1j\xb5v\xb8\xe3\xe3\xd3\x13E1?7\xff\xfdQa~\xfe\xe54\x1a!|t8\xa6\x84\x82\xc5\xddU\xa0\xd3\'\xcf:F\x15\x88\xd5\x7fN\x9f&lt;\x8b\xfa\xcf=\xf1\x1e\x00\x96\x1d\x1f\x93\x92\x92\x14E\xe93\xa0\xe7k\xf5\x03\xf3rK\xc7\xb2?\x8f\x8eM\t\xad\xf4|\xc5\xb1\x93\xc2\x15E=w\xf6\x1c\xa6\x84\xc2\xddz\xf5\xea%\x08\x82\xc9h\xfc\xed\x97\xdf\x9d]\x1d$\x00\x9c]\x9d\x7f\xfb\xe5w\x93\xd1(\x08B\xaf^\xbdl}D\xf6\xc5\xa1\x9a\xb9\xc7\xc5\xa6~\x16\xdf\xf1q|\xd4\x98\x82\xbcBQt\xc0\xd3\xa2\xd5j\xb3\xb3\x0c=\xdfy\xabV\x9dW\x05A`SBq\x13\x00\x0c\xeb\xf14n\xdc\xd8\xd7\xd7\x97\x88\x0e\x1f\xf8\xc3l\x96\x04\xa1\xd4\x7f\x10\x04Ac6K\x87\x0f\xfcAD\xbe\xbe\xbel\xe9S\x07\xeb\xde=\r\xaeO\x84\xa2(\x82 Xv|\x1c=qd@\x05\xff\xfc\xfc|UQe\x87\xa3\xc8\x8a\xc9drvq\x99\x105FUU6%\x147\x01\xc0\xb0\xc9\xc1\xde\xde\xde\x8d\x1a5"\xa2?\x0e%^\xbdt\xd5\xd9\xd9\xa9T\xf7\x0fTUuvv\xbaz\xe9\xea\x1f\x87\x12\x89\xa8Q\xa3F\xde\xde\xde\xecSo\xebC\xb3\x17\xa5~\x9a\xe3\x13c\xc5\x9fs\xe7\xce\xadZ\xb5J\x10\x84\x06\x8d\x83\xde\x1b1H\x91\x15\xdf2\xbe\x0e|y\xc8\xb2\xd2\xadG\xd7\x9e\xef\xec\xfc\xee\x9b\xed\xabV\xad\x1a4hP\xbdz\xf5\xd8\xa9\xb0\xd5!)\x8aR\xaa[\x99\'fo\xafZQ\x14\xadV\xdb\xabW\xaf\x1d;v\xe4\xe6\xe4\x1e\xd8\x7fp\xd0\x07\xfd\x0b\x0b\x0bK\xefdhY\x96]\xdd\\\x0e\xec?\x98\x9b\x93K\xb7\x0b\\\xb2,\xe3\x0e\xc0\xa2\xb4\xbe\xb5O\x8f\xd5\x7f\xc2\xc3\xc3%\xb3DD\xc1-\x1a\xfd\x1e\x9f`\xc8\xce\xd1\x8a\xa2}}.K\x8e@$+\x8a\xab\x9bk\xdd\xa0\xd7\xbe\xdf\xf2\xa3\xd9l\x1e?~\xfc\xaf\xbf\xfej\xdb\x9b\x007w7\x8d\xa8\x91e\xd9a\xa6\x9d&lt;\x94\xaa\xaa\x8a\xa2\xe8\xf4\xf6\xb5\t;;\xff\xed\xdb\xb7\xf7\xf2\xf22\x18\x0c\xbb\x7f\x8a\xed\xff\xfe\xdb\xa5\xba\n$\x08\x1aY\x96w\xff\x14KD^^^\xed\xdb\xb7\xa7\xdb/\x13\x18N\x03\x8057\xdb\xb7o\x8f\x8d\x8d\xd5\xe9u\x8a\xac,\x99\xbbl\xc9\xdce\xb6&gt;.\xeb\x11EQ\xaf\xd7\xff\xf6\xdbo\xdb\xb7o\xef\xde\xbd\xbb\xf5\xdb_\x16\xc0\x82 \xfc\xb6\xff\xe0\xeb\xc1\xf5}|}\x0c\xd9\x06\x8dF\xe3\xf0\xbd3I\x92\xf5z\xbd\xbb\xab{\xea\x8dTA\x10\xd8I\xb0\xf5A\x11\xdd\xae\x02\x05\x04\x044k\xd6\xec\xa7\x9f~JL8\xf2\xd7\xa5\xab\xe5+\x96/\x8dk\xa1\xd3\xed\xfa\xcf_\x97\xae&amp;&amp;\x1c!\xa2f\xcd\x9a\x05\x04\x04\xd8\xf6f\xd7\x0e\xf1x.X\xd3c0\x18F\x8e\x1c\xa9\xaa\xaa\xd9d\x96\xf9\x9b\x11/\xcb\xb2\xc9d\x92ey\xe4\xc8\x91\x06\x83\xc1\xfa\x0b\x04\xe9t:EQdY^:\x7fE\xb7V\xbd\xe2\xf7\x1d(S\xd6\xd7\xd9\xc5Y\x92$k\x1e\x865\xb1\xcb\xcc\xb7\x8cw\x8e!g\xcc\xd0\tS\xc6Mg\x15\t\xfby\xc9\xec^\x90=*\xc5\xaa@\xaen\xa5\xf5\x89\xc8;\xea?\xecEa\xc4\xeb\x0e&lt;N\x02as\xff\r\x06Cbb"k\xf8Jc\x07\xe7\xe9\xb1\x17\xae(JPP\x90\x97\x97\x975\xcf\x03k\xfa\xb7m\xdb6k\xd6\xacS\xa7N\x11\x91 \x08=\xdf~\xeb\x83\xb1C\x02\xeb\xbc\x9a\x95\x99-K\xb2\xa8u\x9c[u6\xce\xe1\xe5\xedUXP\xf8\xf5\x9a\x8d\x9f~\xbc\xf2VZ:\x11\xe9\xf5\xfa\xa1C\x87N\x9f&gt;\xdd\xcb\xcbK\x10\x04\x9b_\x87\xec\x1aHII\xa9Y\xb3\xa6\xc1`h\xd5\xae\xc5\x86\xef\xd7\x19\xb2sK\xe3\xbc8YV\xbc\xbc=\xde}3\xf4\x97=q^^^g\xcf\x9e\r\x08\x08\xe0\xf6\xc3~?&lt;\x06\x00\xd8\x0f\x93\xc94\x7f\xfe\xfcE\x8b\x16eee\x11\x91\x97\xb7\xe7\xe0\x91aC\xc2\xdf\xf3\xf0\xf40d\x1b\xa8\xf4\xcf\xd8SUU\x96ew\x0fw\x8dF\x13\xb7\xf7\xc0\xc73\x17\x1fM&lt;\xce\xbe\xd5\xa9S\xa7\x98\x98\x98Z\xb5j\xd9\xf6\x08\xef\xc0\x8a$]\xbat\xf9\xe9\xa7\x9f&lt;&lt;=v\xfd\xfeCi\xac\x02\xa9\xaa\xaa\xd7\xebo^\xbf\xd9!\xb8knN\xee\x1bo\xbc\xf1\xe3\x8f?\xa2\xfes7~O\x07\xfbd\x82,\xcb\xb6\xea\x04\xc8\xb2\xac\xd7\xeb\xa3\xa2\xa2\x12\x12\x12\xc2\xc2\xc2\x04A0d\xe7|&lt;kI\xd7\x16=\xbe\xfbf\xbb\x87\xa7\x87\x9b\x9b\xab,\xd9\xec\xf0\x9e\x9e$I\xa2V\xf4-\xeb{\xee\xf4\xf9\xe1\x03\xc2\xdf}s\x10k\xfd\x03\x03\x03\x7f\xfe\xf9\xe7\x1d;v\xd4\xaaU\xcb\x86\xe7\xff\x9e\x1c\xa3\n$\xa3\xfe\xf3hp\x07\x00\xb6\xc4b\x98M4\xdc\xb7o\x1f\x0b\x03\xf6\xadf\xad\x9b\x8c\x9d\x14\x1e\xdc\xa2q~n^Q\x91I[\xaa*B\x8a\xac\x90@\xbee|RS\xd2&gt;\xff\xe4\x8b\xd5\xcb\xd7\x1a\x8b\x8cD\x14\x10\x100b\xc4\x88\x88\x88\x08\xbd^\xcf\xda#{\xeb\x93:F\x15\x08\xf5\x9fGT\x9a\xdeTp&lt;\x82 h\xb5ZEQ$Ij\xd3\xa6\xcd\x81\x03\x07\xd6\xae][\xa9R%":\xb0\xff`\xdfN\xfd\'\x8e\x9c\x9c\x9de\xf0-\xe3M\xb7\x07Q\xed\x9c\xaa\xaa\x92$\xb9{\xba9\xbb8\x7f\xf5\xf97\xddZ\xf7^\xbe\xf03c\x91\xd1\xc9\xd9),,,111**J\xaf\xd7\xcb\xb2l\x9fS\x9e\x8a\xcf\x05""6\x17\xa8t=\x11v\xbf\xf9?h\xfd\xeffw\xd7\x1fp\x88-\xc3\xc7n\x05BCC\x93\x92\x92\xa2\xa2\xa2\\\\\\L&amp;\xd3\xfaU_w\x08\xee\xbar\xc9\x1aQ\x14\xbd\xbc\xbddY\xb6\xdf\x1by\x95$I\xd2\xe9te\xfd\xca$&amp;\x1cy\xa7\xeb\xa0\x0fG|t\xf9\xc2e"j\xdb\xb6m\xdc\xafq_|\xf1E\xc5\x8a\x15%IRU\xd5\x9eg\xa3\x97\xf6*\x10\xea?\x8f\x0e\x01\x00\xf6B\x14E\xd6}\xf6\xf3\xf3\x9b9s\xe6\x1f\x7f\xfc\xd1\xa9SG"\xba\x95zkz\xe4\xac^\xed\xfb\xfd\xb2\xe7W\x0fO\x0f\x17W\x17\xc9,\xd9[\x87T\x96e\x12\xa8\xac_\xd9\xb4\xd4[#\x07\x8d\xed\xd3\xf1\xdd\xdf\xe3\x0e\x11Q\xcd\x9a5\xd7\xae]\x1b\x1b\x1b\xdb\xb0aCV\xee\xd7j\xb5v\xde\x15-\xfeD\x18\x11\xed\xfe)V\x96\xe5R\xf4D\x18\x9e\xffzt\xa5\xe6M\x05\x1e\xb0\x8a\x10\x1b\x18\xa8U\xab\xd6\x8e\x1d?\xff\xfc\xf3\xcf\x81\x81\x81Dt4\xf1\xf8\xbbo\x86\x0e\x1f\x10~\xe5\xe2\x95r\x01\xe5DQ\x94$\xbb\xe8\x93*\x8a\xa2(\x8a\x97\xb7\'\x11\xcd\x9f\xb6\xb0k\x8b\xee[7l3\x99L...lH#44\x94\xfd\x8c(\x8av\xde\xf43wW\x81._\xfc\xcb\xd9\xa5tT\x81TUuvq\xba|\xf1/\xd4\x7f\x1e\x05\x02\x00\xec\x8e \x08\xa2(\xb2F\xb3c\xc7\x8e\x89\x89\x893g\xce\x0c\x08\x08 \xa2\x1f\xb7\xed\xe8\xd6\xba\xf7\x9c\xa8\x98\x82\x82\x02\xdf\xb2&gt;\xb6\xad\x08\xa9\xaa*K\xb2\xab\x9b\xab\xbb\x87\xdb\xee\x9f\xf6vi\xd1\xfd\xe3Y\x9f\xb0\t\xfe\xfd\xfa\xf5\xfb\xe3\x8f?f\xce\x9c\xe9\xe5\xe5%I\x92}\x96\xfb\x1f\x80\x9d\xd5\x1e=z\x10QnN\xee\x89#\'K\xcb\xf6\x00l\x03\x80\x13GN\xb2\xfa\x0f{\t\xa5\xe2\xc8m\xa24]\x94\xc0\x15\xd6hZ\xa6\x8a&amp;%%\x85\x85\x85\x91@\x86l\xc3\x92\xb9\xcb\xdej\xdd\xfb\xbb\r\xdb&lt;\xbd&lt;\xdd\xdc\\YU\xdd\xca\x87\xc7\xca\xfd\xdee\xbc\xcf&amp;\x9f\xed\xdf-,\xac\xd7\x90\xf3g.\x10Q\xa3\xc6\x8d\xf6\xec\xd9\xb3q\xe3\xc6Z\xb5j\xb1\x03+\x8d\x8b\xa9\xb1\xb8\n\x0e\x0evrr"\xa2\xfd\xbb~\xa5R\xd4\x83\x16\x84\xfd\xbb~%"\'\'\xa7\xe0\xe0`\xb2\xbf\xa9V\xf6\x03\xd3@\xc1\xde\xdd1Ut\xde\xbcy{\xf7\xeee\xdfbSE\x9b\xb4\x0c\xce\xcb\xc9+**\xb2NS+\xcb\xb2(\x8a^\xde\x9e\xd7\xaf\xdd\\\x1a\xb3|\xf3\x97[-S&lt;\'M\x9a\xf4\xc1\x07\x1f\xb0U.\xa8\x94\xb7;\xec%4m\xda\xf4\xd0\xa1C\xfe\x01~\xbb\x13~r\xf7pg\x1b\xc9\xd9\xfa\xd0\xee\x8b\xc5m^n^\xfbFo\xa4\xa6\xa45n\xdc\xf8\xb7\xdf~\xa3R\xfeF&lt;S8/`\xef\x8a\x0f\x0c\xb4i\xd3&amp;66\xf6\x7f\xa6\x8av\x1e0r\xd0\x98\xb4\xd4[e\xca\xfa\xd23\x9e*\xcaV\xb0\xf0\xf2\xf1\x12\x04\xe1\xcb\xcf7\xbc\xd1\xb4\xdb\x97\xab6\x18\x8b\x8c..\xce\xa3F\x8d:~\xfc\xf8\xa8Q\xa3t:\x9d\xddN\xf1|,\xec\xb9\xd9\xee\xdd\xbb\x13QjJZ\xc2\xc1?\x9d\x9c\xf5&amp;\x93I\xb2c&amp;\x93\xc9\xc9Y\x9fp\xf0\xcf\xd4\x944"\xea\xde\xbd;v\xbcx0\xdc\x01@i\xc2\xdaVA\x10\xd2\xd2\xd2\x96-[\xf6\xf1\xc7\x1f\x17\x16\x16\x12QY\xbf\xb2#\xc6\x7f\xf0\xee{\xfd\\\\]r\r\xb9$\x94p\xa7\x8f\x95\xfb\xdd&lt;\xdcDQ\x8c\xdb\x1b\xff\xf1\xacO\x8e\xfey\x8c}\xab\xf8\x8a\x0e\x96\xc3+\xc1?m+,\x00\xce\x9f?_\xbbvm\xa3\xd1\xd8\xa3\xdf[\x1b6\xae\xcb2e\xdb\xf3t\x1aY\x96}\xf4\xde\xef\xbe\x1d\xbam\xd3\x7f\x9c\x9c\x9cN\x9c8Q\xbdzu\xac\x00\xf1\x00\x08\x00(}$Ib\xd5\x9e\xe4\xe4\xe49s\xe6l\xda\xb4\x89}\xbd\xc6+\xd5#\xa7Oh\xffF[I\x92\xf3r\xf3Jj\xd6\x8d$Iz\xbd\xde\xcb\xc7\xeb\xd4\xf1S\x8bf/\xfdq\xdb\x0e\xf6\xf5\xc0\xc0\xc0I\x93&amp;\xf5\xed\xdb\x97\x1c\xab\xe9\xb7\xb0T\x81\x12\x12\x12||}\xde\x0e\xeb\xf3\xef\xe2\x89d\x8f/S\xa5\x7f\x177\xdc\xb8\xf6\xdb\xac\xcc\xacF\x8d\x1a\xa1\xfe\xf3P\x08\x00(\x95\x8a\x0f\x0c\xec\xdc\xb9322\xf2\xe4\xc9\x93\xec[]zt\x1e\x151&lt;\xb0n\xad\xbc\xdc&lt;\x93\xd1\xf44\x03\x03\x96\x15\x1dRn\xa6\xae\xfb\xec\xabu\x9f}\xc5\x96\xa8\xb3\xff\x15\x1dJ\x04\x0b\xda\x05\x0b\x16DDD\xd8\xfaX\x1e\xdb\xfc\xf9\xf3</t>
        </is>
      </c>
    </row>
    <row r="4">
      <c r="A4" s="1" t="n">
        <v>2</v>
      </c>
      <c r="B4" t="inlineStr">
        <is>
          <t>color_overlap_squares</t>
        </is>
      </c>
      <c r="C4" t="inlineStr">
        <is>
          <t>What is the missing color of the part denoted with a question mark?</t>
        </is>
      </c>
      <c r="D4" t="inlineStr">
        <is>
          <t>['blue', 'green', 'yellow', 'red']</t>
        </is>
      </c>
      <c r="E4" t="inlineStr">
        <is>
          <t>red</t>
        </is>
      </c>
      <c r="F4" t="inlineStr">
        <is>
          <t>There are 3 squares which overlap each other in the image. The color of the squares are ['?', 'yellow', 'blue']. The part where the first and second squares overlap is orange. The part where the second and third squares overlap is green.</t>
        </is>
      </c>
      <c r="G4" t="inlineStr">
        <is>
          <t>We observe that the yellow and blue squares overlap to form green. Hence, the pattern is that the color of the part where two squares overlap is determined by mixing the two colors.</t>
        </is>
      </c>
      <c r="H4" t="inlineStr">
        <is>
          <t>Based on the pattern that the color of the part where two squares overlap is determined by mixing the two colors, the missing color of the part which overlaps with yellow to form orange should be red.</t>
        </is>
      </c>
      <c r="I4" t="inlineStr">
        <is>
          <t>b'\x89PNG\r\n\x1a\n\x00\x00\x00\rIHDR\x00\x00\x02\x00\x00\x00\x02\x00\x08\x02\x00\x00\x00{\x1aC\xad\x00\x00!;IDATx\x9c\xed\xdd}\x90]e\x81\xe7\xf1\xe7\xbc\xdc{\xbbo7I7\xd9\xc4\x9a\x9dhYH9U*\x1bX\x08(Z!3@\x85PZf\xcba\xdd\x1d\xb3YKMB\t\x86\xd9\xb2DQ\xf6\x0fF\x0cSc\xcd\x14\x89\x82$)\\L`\x17\x9dr\xdd\xb1\xa6Bekd$\xeaJL\x02\xf2\x16\x17g\xc6q#\x96\x1bB\xe8$\xfdr\xfb\xde{\xcey\xe6\x8f\x07\x9a\xa6\xd3\xdd\xb9/\xcf9\xe7y\xf9~\xfe\xb0\x98\x18+g\xc8s~\xdf\xbe/\xdd7\x90R\n\x00\x80\x7f\xc2\xb2/\x00\x00P\x0e\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93\xa6\xa9\x94\xb2\xec\xab@q\x02\xfe\xbe\x01\x08!\xa4\x94A\x10\xcc\xfe\x078\x8fG\x00\x80\xef\xa4\x94j\xf4\xb7o\xdf~\xe2\xc4\x89 \x08\xb2,+\xfb\xa2P\x04\x02\x00xMJ\x99eY\x10\x047\xdf|\xf3\x97\xbe\xf4\xa5\x0f\x7f\xf8\xc3ccca\x18\xd2\x00\x1f\x10\x00\xc0_j\xfd\xa3(\xda\xb2e\xcb\xae]\xbb\x06\x07\xeb\x87\x0e\x1dZ\xb7n\x1d\r\xf0\x04\x01\x00&lt;5{\xfd\xf7\xec\xd9S\xad\xd6\x1a\x8d\xa98\x8e\x0f\x1f&gt;L\x03&lt;A\x00\x00\x1f\x9d\xbb\xfe\xadVs\xe5\xbb\xaeJ\xd2\x94\x06\xf8\x83\x00\x00\xde\x99\xb3\xfe\xb5\x81\xc1V\xab\xf9\xee\xb57\xfd\xa7\xbf&lt;p\xdd\xe6\xaf$IR\xad\xd6h\x80\x0f\x08\x00\xe0\x97s\xd7\xbf9\xddx\xcf\x1f}\xf4\xc6\xff\xf2\xb5\xc9\xd3/_\xfe\xe1\xad\xd7m\xd9\xdej5i\x80\x0f\x08\x00\xe0\x91\x85\xd6\x7f\xfdm;Z\x8d\t!\xc4\xd4\xe9\x93Wl\xb8\x99\x06x\x82\x00\x00\xbeX|\xfd\xa5\xcc\x82 \x0c\xa3xr\xece\x1a\xe0\t\x02\x00x\xa1\x93\xf5W\xbf\x93\x06\xf8\x83\x00\x00\xee\xeb|\xfd\x15\x1a\xe0\t\x02\x008\xae\xdb\xf5Wh\x80\x0f\x08\x00\xe0\xb2\xde\xd6_\xa1\x01\xce#\x00\x80\xb3\xfaY\x7f\x85\x06\xb8\x8d\x00\x00n\xea\x7f\xfd\x15\x1a\xe00\x02\x008H\xd7\xfa+4\xc0U\x04\x00p\x8d\xde\xf5Wh\x80\x93\x08\x00\xe0\x94&lt;\xd6_\xa1\x01\xee!\x00\x80;\xf2[\x7f\x85\x068\x86\x00\x00\x8e\xc8{\xfd\x15\x1a\xe0\x12\x02\x00\xb8\xa0\x98\xf5Wh\x803\x08\x00`\xbd"\xd7_\xa1\x01n \x00\x80\xdd\x8a_\x7f\x85\x068\x80\x00\x00\x16+k\xfd\x15\x1a`;\x02\x00\xd8\xaa\xdc\xf5Wh\x80\xd5\x08\x00`%\x13\xd6_\xa1\x01\xf6"\x00\x80}\xccY\x7f\x85\x06X\x8a\x00\x00\x961m\xfd\x15\x1a`#\x02\x00\xd8\xc4\xcc\xf5Wh\x80u\x08\x00`\r\x93\xd7_\xa1\x01v!\x00\x80\x1d\xcc_\x7f\x85\x06X\xc4\x88\x13\x03`q\xb6\xac\xbfB\x03la\xd0\xa1\x010/\xbb\xd6_\xa1\x01V0\xee\xdc\x00\x98\xcd\xc6\xf5Wh\x80\xf9\x0c=:\x00\x84\xcd\xeb\xaf\xd0\x00\xc3\x19}z\x00\x9f\xd9\xbe\xfe\n\r0\x99\x05\x07\x08\xf0\x90\x1b\xeb\xaf\xd0\x00cYs\x86\x00\x7f\xb8\xb4\xfe\n\r0\x93e\xc7\x08p\x9e{\xeb\xaf\xd0\x00\x03Yy\x92\x00W\xb9\xba\xfe\n\r0\x8d\xc5\x87\tp\x8c\xdb\xeb\xaf\xd0\x00\xa3X\x7f\x9e\x007\xf8\xb0\xfe\n\r0\x87#G\n\xb0\x9a?\xeb\xaf\xd0\x00C8u\xaa\x00\x1b\xf9\xb6\xfe\n\r0\x81\x83\x07\x0b\xb0\x88\x9f\xeb\xaf\xd0\x80\xd29{\xb6\x00\xf3\xf9\xbc\xfe\n\r(\x97\xe3\xc7\x0b0\x16\xeb\xaf\xd0\x80\x12yq\xc2\x00\xd3\xb0\xfe\xb3\xd1\x80\xb2xt\xc8\x00C\xb0\xfe\xe7\xa2\x01\xa5\xf0\xee\x9c\x01\xe5b\xfd\x17B\x03\x8a\xe7\xe9Q\x03J\xc1\xfa/\x8e\x06\x14\xcc\xeb\xd3\x06\x14\x89\xf5\xef\x04\r(\x12\x07\x0e(\x02\xeb\xdf9\x1aP\x18\xce\x1c\x90;\xd6\xbf[4\xa0\x18\x1c; _\xac\x7foh@\x018y@\x8eX\xff~\xd0\x80\xbcq\xf8\x80\xbc\xb0\xfe\xfd\xa3\x01\xb9\xe2\xfc\x01\xb9`\xfdu\xa1\x01\xf9\xe1\x08\x02\xfa\xb1\xfez\xd1\x80\x9cp\n\x01\xcdX\xff&lt;\xd0\x80&lt;p\x10\x01\x9dX\xff\xfc\xd0\x00\xed8\x8b\x806\xac\x7f\xdeh\x80^\x1cG@\x0f\xd6\xbf\x184@#N$\xa0\x01\xeb_$\x1a\xa0\x0b\x87\x12\xe8\x17\xeb_&lt;\x1a\xa0\x05\xe7\x12\xe8\x0b\xeb_\x16\x1a\xd0?\x8e&amp;\xd0;\xd6\xbf\\4\xa0O\x9cN\xa0G\xac\xbf\th@?8\xa0@/X\x7fs\xd0\x80\x9eqF\x81\xae\xb1\xfe\xa6\xa1\x01\xbd\xe1\x98\x02\xdda\xfd\xcdD\x03z\xc0I\x05\xba\xc0\xfa\x9b\x8c\x06t\x8b\xc3\nt\x8a\xf57\x1f\r\xe8\n\xe7\x15\xe8\x08\xebo\x0b\x1a\xd09\x8e,p~\xac\xbf]h@\x878\xb5\xc0y\xb0\xfe6\xa2\x01\x9d\xe0\xe0\x02\x8ba\xfd\xedE\x03\xce\x8b\xb3\x0b,\x88\xf5\xb7\x1d\rX\x1c\xc7\x17\x98\x1f\xeb\xef\x06\x1a\xb0\x08N00\x0f\xd6\xdf%4`!\x1cb`.\xd6\xdf=4`^\x9cc\xe0MX\x7fW\xd1\x80sq\x94\x817\xb0\xfen\xa3\x01sp\x9a\x81\xd7\xb0\xfe&gt;\xa0\x01\xb3q\xa0\x01!X\x7f\x9f\xd0\x80\x19\x9ci\x80\xf5\xf7\x0e\rP8\xd6\xf0\x1d\xeb\xef\'\x1a \x08\x00&lt;\xc7\xfa\xfb\x8c\x06p\xb8\xe1/\xd6\x1f\x9e7\x80\xf3\rO\xb1\xfeP|n\x00G\x1c&gt;b\xfd1\x9b\xb7\r\xe0\x94\xc3;\xac?\xce\xe5g\x038\xe8\xf0\x0b\xeb\x8f\x85x\xd8\x00\xce:&lt;\xc2\xfacq\xbe5\x80\xe3\x0e_\xb0\xfe\xe8\x84W\r\xe0\xc4\xc3\x0b\xac?:\xe7O\x038\xf4p\x1f\xeb\x8fny\xd2\x00\xce=\x1c\xc7\xfa\xa37&gt;4\x80\xa3\x0f\x97\xb1\xfe\xe8\x87\xf3\r\xe0\xf4\xc3Y\xac?\xfa\xe7v\x03\xb8\x01\xe0&amp;\xd6\x1f\xba8\xdc\x00\xee\x018\x88\xf5\x87^\xae6\x80\xdb\x00\xaea\xfd\x91\x07\'\x1b\xc0\x9d\x00\xa7\xb0\xfe\xc8\x8f{\r\xe0f\x80;X\x7f\xe4\xcd\xb1\x06p?\xc0\x11\xac?\x8a\xe1R\x03\xb8%\xe0\x02\xd6\x1fEr\xa6\x01\xdc\x15\xb0\x1e\xeb\x8f\xe2\xb9\xd1\x00n\x0c\xd8\x8d\xf5GY\x1ch\x00\xf7\x06,\xc6\xfa\xa3\\\xb67\x80\xdb\x03\xb6b\xfda\x02\xab\x1b\xc0\x1d\x02+\xb1\xfe0\x87\xbd\r\xe0&amp;\x81}X\x7f\x98\xc6\xd2\x06p\x9f\xc02\xac?\xccdc\x03\xb8U`\x13\xd6\x1f&amp;\xb3\xae\x01\xdc-\xb0\x06\xeb\x0f\xf3\xd9\xd5\x00n\x18\xd8\x81\xf5\x87-,j\x00\xf7\x0c,\xc0\xfa\xc3.\xb64\x80\xdb\x06\xa6c\xfda#+\x1a\xc0\x9d\x03\xa3\xb1\xfe\xb0\x97\xf9\r\xe0\xe6\x81\xb9X\x7f\xd8\xce\xf0\x06p\xff\xc0P\xac?\xdc`r\x03\xb8\x85`"\xd6\x1f.1\xb6\x01\xdcE0\x0e\xeb\x0f\xf7\x98\xd9\x00n$\x98\x85\xf5\x87\xab\x0cl\x00\xf7\x12\x0c\xb2\xc0\xfa\xff{\xd6\x1fn0\xad\x01\x81\x94\xb2\xe0?\x12%*\xfd]\x07\x8b\x90R\x06A\x10\x86\xa1Z\xffj\xb5\xdaj\xb5\xde\xfd\x877\xad\xbfmGkjB\xca,\x08C\xc1i\xcdU Hl\x01\xb24\x19\x1a]q\xe4\x7f=\xf0w\xbb\xbf\x18\xc7q\x92$\xabW\xaf&gt;p\xe0\xc0\xe8\xe8\xa8\xba\x0b\n\xbb\x12\x02\x00\xb3\xbc\xbe\xfe\xb5v\xd2\xbe\xf4\x86\xff\xfc\xa6\xf5G~\xa4\x10\x81\x90Y\x9a\xb4\x9ae_\x8a\x17\xb24\xa9\x8f,?\xfa7\xbb\x9e\xd8{\xb7\xc8\x92v\xab\xf5\xde\xf7\xbe\xf7\xdb\xdf\xfe\xf6\xca\x95+\x83 (\xac\x01\x04\xc0\x17\xea+\x8b\xcf~\xf6\xb3O?\xfdt\x14Ei\x9a\x96}Es\x05Ap\xe6\xcc\x99\xa3G\x8f\xaa\xcb\x0b\xc2\xe8\xad\xef~\xaf\x94Rfi\x10\x84\x92/\xfe\xf3\x14\x84\x91\xcc\xd2\xe5o\x7f\xd7\x1f}\xf2\xaevs\xba\xc8/B\xfd$e&amp;\xa4\x18\x1a]\xb1\xef\xb3\xeb^:vhp\xb0\xdehL}\xf9\xcb_\xbe\xf3\xce;\xd34\x8d\xa2\xa8\x98\xcb\x88\x8b\xf9cP:\x15\x80\x9f\xfc\xe4\'\x87\x0e\x1d*\xfbZ\x16S\xab\xc6i\x96\xc5Q\x98\xa4\xe9\xf1\xe7~R\xf6\xe5\xf8%i6\x820\x16R\n\x02\x90\'\xf5jV\xb5&gt;\xfc\xfd\xbf\xd8\xfc\xd2\xb1C\xd5j\xad\xd1\x98\xda\xbau\xeb\x1dw\xdc\xa1^\x03+\xecJ\x08\x80_\x86\x87\x87\xa3(\x8a\xa2\xa8\xd5j\x95}-\xf3k\xb6\x12\xf5\x0fA \x82 \x94"\x10BJ\x83_\xbapC\x18We\x96V\x06\x86\x04\x8f\xb4r\xf6\xda\xfa\x0f\x0e?\xb6\xe3\xb6\x17\xfe\xfe\xaf\xab\xd5Z\xab\xd5\xdc\xbcy\xf3\x03\x0f&lt;P\xfc\xf31\x04\xc0/Y\x96\xa5i*\xa5\\{\xd5\xbf^\xbb\xe6\xad\xd9T;\x0c\xcd\xfaZOJ!\xe2\xf0\xd4\xa9\xc6\xd7\xf7=/\x84\x0c\x02)\x82`\xcdMW\x8e\xfc\xab\x0b\xa6\xa7ZQ\x14J!\x03a\xd65\xdb+\x93\xb26X9\xf6\xd3\x7f\xfa\xc7\x9f\x1f\x972\x93\x92\xd0\xe6k\xf6\xfa?\xff\xf8\xb7\xd5\xfb\xdc6o\xde\xbc{\xf7\xee4M\xc30,\xf8\xc97\x02\xe0\xa3,\xcbn\\\xf3\xd6\xcfm\xbfF\xbc&lt;%b\xf3^\\\x95R\xd4\xe2\x7f\xf3\x07\x17n\xb9\xf3`\x14\x85Y&amp;O\x1e?\xf5\'\x9f\xff`\xfd\x82\x81f\xa3\x1dF!_\xa5\xea\x92\xa6\xd9\xd2e\xc3\xff}\xfb\xdf\xfe\xc3\xd3\xbf.\xfbZ\xdcg\xda\xfa\x0b\x02\xe0\xad\x89\xa9v\xf2\xf2T\xf2\xcaTl`\x00\x84\xc8\xa4\xd8\xbc\xf5R!\xc4\x96;\x0f\xc6qx\xec\xd0?\xfd\xd9\x7f\xb8\xefO\xef\xffx\xfd\x82\x81fC=\x0e\x80\x06Y\x9a\t)\x9a\rC\x9f\x0ft\x89\x81\xeb/\x08\x80\xb7\xc20\x88\xe3P\xc4\xa1\x99\x01\x10B$/O\xcd4\xa0R\x8d~\xfb\x8f\'\xbe\xb6m\xef\x9f\xde\xf7F\x03\xca\xbe@GDq\x18\x18\xf64\xa0{\xcc\\\x7f\xc1w\x02\xc3Xq\x1c\xaa\x06\xec\xbe{M\xbb\x95V\xaa\xd1\xf1\xff\xfb\xbb{oyhj|\xba6X\xcdR\x9e\xad\x86\x1d\x8c]\x7fA\x00`2\x1a\x00\xdb\x99\xbc\xfe\x82\x00\xc0p4\x00\xf62|\xfd\x05\x01\x80\xf9h\x00ld\xfe\xfa\x0b\x02\x00+\xd0\x00\xd8\xc5\x8a\xf5\x17\x04\x00\xb6\xa0\x01\xb0\x85-\xeb/\x08\x00,B\x03`&gt;\x8b\xd6_\x10\x00\xd8\x85\x06\xc0dv\xad\xbf \x00\xb0\x0e\r\x80\x99\xac[\x7fA\x00`#\x1a\x00\xd3\xd8\xb8\xfe\x82\x00\xc0R4\x00\xe6\xb0t\xfd\x05\x01\x80\xbdh\x00L`\xef\xfa\x0b\x02\x00\xab\xd1\x00\x94\xcb\xea\xf5\x17\x04\x00\xb6\xa3\x01(\x8b\xed\xeb/\x08\x00\x1c@\x03P&lt;\x07\xd6_\x10\x00\xb8\x81\x06\xa0Hn\xac\xbf \x00p\x06\r@1\x9cY\x7fA\x00\xe0\x12\x1a\x80\xbc\xb9\xb4\xfe\x82\x00\xc014\x00\xf9ql\xfd\x05\x01\x80{h\x00\xf2\xe0\xde\xfa\x0b\x02\x00\'\xd1\x00\xe8\xe5\xe4\xfa\x0b\x02\x00W\xd1\x00\xe8\xe2\xea\xfa\x0b\x02\x00\x87\xd1\x00\xf4\xcf\xe1\xf5\x17\x04\x00n\xa3\x01\xe8\x87\xdb\xeb/\x08\x00\x9cG\x03\xd0\x1b\xe7\xd7_\x10\x00\xf8\x80\x06\xa0[&gt;\xac\xbf \x00\xf0\x04\r@\xe7&lt;Y\x7fA\x00\xe0\x0f\x1a\x80N\xf8\xb3\xfe\x82\x00\xc0+4\x00\x8b\xf3j\xfd\x05\x01\x80oh\x00\x16\xe2\xdb\xfa\x0b\x02\x00\x0f\xd1\x00\x9c\xcb\xc3\xf5\x17\x04\x00~\xa2\x01\x98\xcd\xcf\xf5\x17\x04\x00\xde\xa2\x01P\xbc]\x7fA\x00\xe03\x1a\x00\x9f\xd7_\x10\x00x\x8e\x06\xf8\xcc\xf3\xf5\x17\x04\x00\xa0\x01~b\xfd\x05\x01\x00\x04\r\xf0\x0f\xeb\xaf\x10\x00@\x08\x1a\xe0\x13\xd6\x7f\x06\x01\x00^C\x03|\xc0\xfa\xcfF\x00\x807\xd0\x00\xb7\xb1\xfes\x10\x00\xe0Mh\x80\xabX\xffs\x11\x00`.\x1a\xe0\x1e\xd6\x7f^\x04\x00\x98\x07\rp\t\xeb\xbf\x10\x02\x00\xcc\x8f\x06\xb8\x81\xf5_\x04\x01\xf0\x8b\x94\xb2\xecK\xb0\t\r\xb0\x1d\xeb\xbf8\x02\xe0\x0b)\xa5\x942\x8e\xe3\xb2/\xc424\xc0^\xac\xffy\x11\x00/H)\x83 \x08\x82\xe0\xf4\xe9\xd3\xbe\x1f\xf9\xee\xd1\x00\x1b\xb1\xfe\x9d \x00\xee\x93RfY\x16\x86\xe1\x96-[\x8e\x1c9R\xa9\xc6B\x08\x9e\n\xea\n\r\xb0\x0b\xeb\xdf!\x02\xe08\xb5\xfeQ\x14m\xd9\xb2e\xcf\x9e=Q\x14eY&amp;\x84\xa8\xc4aF\x04\xbaA\x03l\xc1\xfaw\x8e\x00\xb8l\xce\xfaW\xab\xd54M\xd5\x7f\xf5\xf2\xa9FX\x8bi@Wh\x80\xf9X\xff\xae\x10\x00g\xcdY\xffZ\xad\xd6j\xb5\xc20L\x92,\x0c\x83\xfb\xff\xc7\xb1=_?Z}\xcbp\x920[]\xa0\x01&amp;c\xfd\xbbE\x00\xdc4g\xfd\x07\x07\x07\x9b\xcd\xe6\xcd7\xdf\xbcf\xcd\x1a!D\x10\x84i*\xb7\xfc\xd7\x83{v=\x1d\xaf\xa8\xd3\x80\xae\xd0\x003\xb1\xfe= \x00\x0e:w\xfd\x1b\x8d\xc6\xc6\x8d\x1b\xbf\xf1\x8do\xcc\xfa&gt;\x00Y\x89\xc3-w\x1e\xdc\xb3\xeb\xe74\xa0[4\xc04\xac\x7fo\x08\x80k\xe6]\xffM\x9b6=\xf8\xe0\x83\xcdf3I\x92\xd7\x7f\x9bh\'\x19\r\xe8\x19\r0\x07\xeb\xdf3\x02\xe0\x94E\xd6\x7f||\\\x08\x11\x86\xa1\x10"M\xd3[&gt;\xb4\xea\xdaU+\xdbIV\xabF4\xa074\xc0\x04\xac\x7f?\x08\x80;\x16_\xff,\xcbf\xdf\t\xbfwa\xfdo\xbe\xfa\xc7\xab.Z\xdel\xa54\xa0g4\xa0\\\xac\x7f\x9f\x08\x80#\xce\xbb\xfe\xeak\xff\x19\xe3\x8d\xf6\xd0P\xf5\xc0\xf6\r\xff\xf6\xe2\x154\xa0\x1f4\xa0,\xac\x7f\xff\x08\x80\x0b\xba]\x7f!D\x1c\x85r:\x19\x1d\xae\x1d\xf8\xf3\x7fG\x03\xfaD\x03\x8a\xc7\xfakA\x00\xac\xd7\xc3\xfa+A\x18LM\'\xa3C4@\x03\x1aP$\xd6_\x17\x02`\xb7\x9e\xd7_\x89\xa2\xa0A\x034\xa1\x01\xc5`\xfd5"\x00\x16\xebs\xfd\x15\x1a\xa0\x11\r\xc8\x1b\xeb\xaf\x17\x01\xb0\x95\x96\xf5Wh\x80F4 ?\xac\xbfv\x04\xc0J\x1a\xd7_\xa1\x01\x1a\xd1\x80&lt;\xb0\xfey \x00\xf6\xd1\xbe\xfe\n\r\xd0\x88\x06\xe8\xc5\xfa\xe7\x84\x00X&amp;\xa7\xf5Wh\x80F4@\x17\xd6??\x04\xc0&amp;\xb9\xae\xbfB\x034\xa2\x01\xfdc\xfdsE\x00\xacQ\xc0\xfa+4@#\x1a\xd0\x0f\xd6?o\x04\xc0\x0e\x85\xad\xbfB\x034\xa2\x01\xbda\xfd\x0b@\x00,P\xf0\xfa+4@#\x1a\xd0-\xd6\xbf\x18\x04\xc0t\xa5\xac\xbfB\x034\xa2\x01\x9dc\xfd\x0bC\x00\x8cV\xe2\xfa+4@#\x1a\xd0\t\xd6\xbfH\x04\xc0\\\xa5\xaf\xbfB\x034\xa2\x01\x8bc\xfd\x0bF\x00\x0ce\xc8\xfa+4@#\x1a\xb0\x10\xd6\xbfx\x04\xc0DF\xad\xbfB\x034\xa2\x01\xe7b\xfdKA\x00\x8cc\xe0\xfa+4@#\x1a0\x1b\xeb_\x16\x02`\x16c\xd7_\xa1\x01\x1a\xd1\x00\x85\xf5/\x11\x010\x88\xe1\xeb\xaf\xd0\x00\x8dh\x00\xeb_\xae\xf2\x07\x05\x8a\x15\xeb\xaf\xd0\x00\x8d|n\x00\xeb_:S6\xc5s\x16\xad\xbfB\x034\xf2\xb3\x01\xac\xbf\t\xcc\x9a\x15?Y\xb7\xfe\n\r\xd0\xc8\xb7\x06\xb0\xfe\x860qY\xbcb\xe9\xfa+4@#\x7f\x1a\xc0\xfa\x9b\xc3\xdcq\xf1\x81\xd5\xeb\xaf\xd0\x00\x8d|h\x00\xebo\x14\xd3\xf7\xc5a\x0e\xac\xbfB\x034r\xbb\x01\xac\xbfi\xec\x98\x18\xf78\xb3\xfe\n\r\xd0\xc8\xd5\x06\xb0\xfe\x06\xb2ie\x9c\xe1\xd8\xfa+4@#\xf7\x1a\xc0\xfa\x9b\xc9\xbe\xa1\xb1\x9d\x93\xeb\xaf\xd0\x00\x8d\\j\x00\xebo,[\xb7\xc6R\x0e\xaf\xbfB\x034r\xa3\x01\xac\xbf\xc9\xec\x9e\x1b\xbb8\xbf\xfe\n\r\xd0\xc8\xf6\x06\xb0\xfe\x86saq\xac\xe0\xc9\xfa+4@#{\x1b\xc0\xfa\x9b\xcf\x9d\xd11\x99W\xeb\xaf\xd0\x00\x8dll\x00\xebo\x05\xd7v\xc7@\x1e\xae\xbfB\x034\xb2\xab\x01\xac\xbf-\xdc\x9c\x1esx\xbb\xfe\n\r\xd0\xc8\x96\x06\xb0\xfe\x16qy}J\xe7\xf9\xfa+4@#\xf3\x1b\xc0\xfa\xdb\xc5\xfd\x01*\x0b\xeb?\x83\x06hdr\x03X\x7f\xeb\xf8\xb2A\x05c\xfd\xe7\xa0\x01\x1a\x99\xd9\x00\xd6\xdfF~\xcdP1X\xffy\xd1\x00\x8dLk\x00\xebo)\x1f\x97(W\xac\xff"h\x80F\xe64\x80\xf5\xb7\x97\xbfc\x94\x07\xd6\xff\xbch\x80F&amp;4\x80\xf5\xb7\x9a\xef{\xa4\x11\xeb\xdf!\x1a\xa0Q\xb9\r`\xfdm\xc7$\xe9\xc1\xfaw\x85\x06hTV\x03X\x7f\x07\xb0J\x1a\xb0\xfe=\xa0\x01\x1a\x15\xdf\x00\xd6\xdf\r\x0cS\xbfX\xff\x9e\xd1\x00\x8d\x8al\x00\xeb\xef\x0c\xb6\xa9/\xac\x7f\x9fh\x80F\xc54\x80\xf5w\t\xf3\xd4;\xd6_\x0b\x1a\xa0Q\xde\r`\xfd\x1d\xc3B\xf5\x88\xf5\xd7\x88\x06h\x94_\x03X\x7f\xf70R\xbd`\xfd\xb5\xa3\x01\x1a\xe5\xd1\x00\xd6\xdfI\xecT\xd7X\xff\x9c\xd0\x00\x8d\xf46\x80\xf5w\x15S\xd5\x1d\xd6?W4@#]\r`\xfd\x1d\xc6Zu\x81\xf5/\x00\r\xd0\xa8\xff\x06\xb0\xfenc\xb0:\xc5\xfa\x17\x86\x06h\xd4O\x03X\x7f\xe7\xb1Y\x1da\xfd\x0bF\x034Z\xac\x01\x03\x0b6\x80\xf5\xf7\x01\xb3u~\xac\x7f)h\x80F\x0b7\xa0Q\x1b\xa8\xa6\xe74\x80\xf5\xf7\x04\xcbu\x1e\xac\x7f\x89h\x80F\xf36`\xc7\xad{\xa7&amp;\xa6\x07\xea\xd5\xd9\xbf\x93\xf5\xf7\x07\xe3\xb5\x18\xd6\xbft4@\xa3s\x1b\xf0\xd2?\xfc\xff\xbf\xba\xf9\xbf\x9d95&gt;\xf3{X\x7f\xaf\xb0_\x0bb\xfd\rA\x034\x9a\xd3\x808\x0e_&lt;\xf2\xcf?\xfc\xce\xcf\x820\x12BH)\x03\x11V\x07\x87\xf7\xb3\xfe~`\xc2\xe6\xc7\xfa\x1b\x85\x06h4\xbb\x01I\x92\xc5q8\xb3\xeaa\x18U\xeb\xc3\xfbw\xdc\xf6\x02\xeb\xef\x07Vl\x1e\xac\xbf\x81h\x80Fs\x1a \xc4k\xd3\x1e\x04\xc1\xfe{\xb7\x1d\xfb\xe1_\xb3\xfe\x9e`\xc8\xe6b\xfd\x8dE\x034z\xbd\x01\x97\xed\xfe\xf2\x9a(\n\x84\xc8\x84\x10\xbfy\xfe\xff\xfc\xfc\xb1\x87*\xd5*\xeb\xef\t\xb6\xecMX\x7f\xc3\xd1\x00\x8d\xe28l\x9d\x98\xd8|\xeb\xe5\x9f\xfe\x8f\xef\xca2\x19\xc7\xa1\x94\xb2R\xad\xb6[-\xd6\xdf\x13\xcc\xd9\x1bX\x7f+\xd0\x00\x8d\xc2 \xc8\x9a\xc9\x8ae\x83\xea\xff\x8c\xa2\x88\xf5\xf7\n\x8b\xf6\x1a\xd6\xdf"4@\xa30\x08\xdaI&amp;\x84\x08\xc30MS\xd6\xdf+\x8c\x9a\x10\xac\xbf\x85h\x80Fj\xe7\xdb\xad\xe4\x8a+\xae\xd8\xbd{\xb7:\xf0\xac\xbf\x0f\xd85\xd6\xdfV4@/)\xc4\xc8\xc8\x88\x94RJ\xc9\xfa{\xc2\xf7ic\xfd\xadF\x03\xf4J\x92$\x08\x02\xd6\xdf\x1f^\xaf\x1b\xeb\xef\x00\x1a\xa0\x11\xd3\xef\x1b\x7f\x07\x8e\xf5w\x06\r\x00z\xe3\xe9\xc6\xb1\xfe\x8e\xa1\x01@\x0f|\x9c9\xd6\xdfI4\x00\xe8\x96wK\xc7\xfa;\x8c\x06\x00]\xf1k\xecX\x7f\xe7\xd1\x00\xa0s\x1e\xed\x1d\xeb\xef\t\x1a\x00t\xc8\x97\xc9c\xfd\xbdB\x03\x80Nx\xb1z\xac\xbf\x87h\x00p^\xee\x0f\x1f\xeb\xef-\x1a\x00,\xce\xf1\xedc\xfd=G\x03\x80E\xb8&lt;\x7f\xac?\x04\r\x00\x16\xe6\xec\x02\xb2\xfe\x98A\x03\x80y\xb99\x82\xac?\xe6\xa0\x01\xc0\xb9\x1c\xdcA\xd6\x1f\xf3\xa2\x01\xc0\x1c\xaeM!\xeb\x8fE\xd0\x00`6\xa7\xd6\x90\xf5\xc7y\xd1\x00`\x86;\x83\xc8\xfa\xa3C4\x00P\x1c\xd9D\xd6\x1f]\xa1\x01\x80p#\x00\xac?z@\x03\x00\xeb\x97\x91\xf5G\xcfh\x00&lt;g\xf78\xb2\xfe\xe8\x13\r\x80\xcf,\xdeG\xd6\x1fZ\xd0\x00x\xcb\xd6\x89d\xfd\xa1\x11\r\x80\x9f\xac\\I\xd6\x1f\xda\xd1\x00x\xc8\xbe\xa1d\xfd\x91\x13\x1a\x00\xdfX\xb6\x95\xac?rE\x03\xe0\x15\x9b\xe6\x92\xf5G\x01h\x00\xfca\xcdb\xb2\xfe(\x0c\r\x80\'\xec\x18M\xd6\x1f\x05\xa3\x01\xf0\x81\x05\xbb\xc9\xfa\xa3\x144\x00\xce3}:Y\x7f\x94\x88\x06\xc0mF\xaf\'\xeb\x8f\xd2\xd1\x008\xcc\xdc\x01e\xfda\x08\x1a\x00W\x19\xba\xa1\xac?\x8cB\x03\xe0$\x13g\x94\xf5\x87\x81h\x00\xdcc\xdc\x92\xb2\xfe0\x16\r\x80c\xcc\x1aS\xd6\x1f\x86\xa3\x01p\x89A{\xca\xfa\xc3\n4\x00\xce0eRY\x7fX\x84\x06\xc0\rF\xac*\xeb\x0f\xeb\xd0\x008\xa0\xfcae\xfda)\x1a\x00\xdb\x95\xbc\xad\xac?\xacF\x03`\xb52\xe7\x95\xf5\x87\x03h\x00\xecU\xda\xc2\xb2\xfep\x06\r\x80\xa5\xe2R\xfeT\xd6\xbftY&amp;\x934KR\xb6I\x9b\xf1\xc9\xd6\xf0@\xe5o\xef\xdep\xc3\x1d\xff\xf3\xd9\x7f~\xa5\x12\x87[\xee&lt;(\x84\xd8\xbc\xf5\xd2\xd6\x89\xa90(\xfb\xfa\xe6\x93$\x99H\xb2,\x93e_\x08\xcaQB\x00X\x7f\x13\x0c\rV\xe2\xd1\xa1Q!D\xc4\xbfmM\x02!R\xf9{\xa3\xf5\xa7\x1f\xf8\xd8\xfa;\xbe\xf7w?\xff\xcd\x1b\r\xb8\xe5r\xd1LD`\\\x04\xe2$\x13+\xea\xc3\xf5J\xd9\x17\x82r\x14\x1d\x00\xd6\xdf\x04a\x18\xfe\xef\xa3\xff/\xf9\xda\xe3\xcd\xe9vh\xde*YK\n\x11\xa4iV\xafW/\xfe\xfd\x91\xc7\x9fy)\xcdd\x10\x88-w\x1e|\xf6\xc5W\x97-\x1b\x14If\xda\xbf\xec,\x93a\xbd\xf2\xc3\x83\xbf\t\xc30\xcbx8\xe8\x9dB\x03 \xa5\x14B\xcc\xac\x7f\xadVc\xfd\x0b\x16\x86a\x14EQ\x14\x1d|\xee\xb7\x07\x9f\xfbm\xd9\x97\xe3\xb2(\x8a\x82 \x08\x02\x91e\xe9\xd7\xf7=_\xf6\xe5\x9cG\xb5ZM\xd3\x94\x1b\xd07E\x07@Jy\xcb-\xb7\xa8\xf5o6\x9b\x1b7nd\xfd\x0b\x13\x04\xc1\xc4\xc4D\x9a\xa6i\x9a\x96}-\xee\x9b\xfd/9\x8eB\x11\x88(\x0c\x9b\xad\xa4\xc4KZD\xab\xd5\x12BLLL\x94}!(Tq\x01H\xd34\x8a\xa2\xbb\xef\xbe{\xd7\xae]\xf5z}jj\xea\x03\x1f\xf8\xc0\xbe}\xfbN\x9d:%\x84`\xfd\xf3\x16\x04A\x92$W]uU\xbd^\xe7\xf1~\x01\xb2,\x8b\xe38\x08\x82\x1f\xfd\xe8GI\x9aFQ\xd4l%\x97_~\xf9\xd2\xa5K\xd5Ca\xa3DQ\x94\xa6\xe9e\x97]&amp;\x84\x08L{\xa2\n\xb9\t\n;\x8b\xea\xcb\xff\x97^z\xe9\xa3\x1f\xfd\xe8\x93O&gt;Y\xadV+\x95\xca\xf6\xed\xdb\xb7m\xdbv\xf2\xe4\xc98.\xe7\xfdH\xbe\x19\x18\x18\x88\xa2\xa8\xec\xabp_\x96eA\x10\xd4j\xb5O\x7f\xfa\xd3\xbbv\xed\xaaT*\xcdfs\xf3\xe6\xcd\xbbw\xef.\xfb\xd2\x807\x14\x17\x00!\x84\x942\x08\x82\xb1\xb1\xb1u\xeb\xd6\x1d&gt;|X}\xd1\xb1c\xc7\x0e\x1aP\x18\xbe\xf0/\x80z&gt;\xf3\x82\x0b.\xf8\xc4\'&gt;\xf1\xc8#\x8fT\xab\xd5V\xab\xa5\xd6?\xcb2u\x17\x94}\x8d\x0b\xe2\xb1\xb8W\n\r\x80x\xfd\xde\x98i\x80z%\x80\x06\xc0\x193\xeb\xff\xc9O~r\xef\xde\xbd\xea}nj\xfd\xd5\xab\xac&amp;\xaf?|St\xed\xd5\xb3\xcf\xa3\xa3\xa3\x07\x0e\x1cX\xbdzu\xb3\xd9\xac\xd5j\xb7\xddv\xdb\xce\x9d;\x97/_\x9e$\x86\xbeD\x06t\x82\xf5\x87]Jx\xb8G\x03\xe0$\xd6\x1f\xd6)\xe7\xf9&gt;\x1a\x00\xc7\xb0\xfe\xb0Qi/\xf8\xd0\x008\x83\xf5\x87\xa5\xca|\xc5\x9f\x06\xc0\x01\xac?\xecU\xf2[\xbeh\x00\xac\xc6\xfa\xc3j\xe5\xbf\xe7\x97\x06\xc0R\xac?lW~\x00\x04\r\x80\x85X\x7f8\xc0\x88\x00\x08\x1a\x00\xab\xb0\xfep\x83)\x01\x104\x00\x96`\xfd\xe1\x0c\x83\x02 h\x00\x8c\xc7\xfa\xc3%f\x05@\xd0\x00\x18\x8c\xf5\x87c\x8c\x0b\x80\xa0\x010\x12\xeb\x0f\xf7\x98\x18\x00A\x03`\x18\xd6\x1fN*\xfa\xc7Aw\xc5\xe1\x9f\x1d=\xe7_;\xf3a2\xd6\x1f\xae2:\x00\xc2\xad\x06dY\xa6&gt;(J},\xbb\x1a\x0e)e\x96e3\x9f\xd3\xcb\x9a\x98\x86\xf5\x87\xc3L\x0f\x80\xb0\xbf\x01R\xca4M\xe38\xae\xd7\xeb\xd5j5M\xd3\x89\x89\x89\xf1\xf1\xf1F\xa3\xd1j\xb5*\x95J\xbd^_\xbat\xe9\xf0\xf0p\x96e\xe3\xe3\xe3\xea\xc3\x93\xcb\xbej\x08\xc1\xfa\xc3u\x16\x04@\xd8\xdc\x80,\xcbj\xb5\xda\xd0\xd0\xd0\x993g\x9ey\xe6\x99\x83\x07\x0f\x1e9r\xe4W\xbf\xfa\xd5\x89\x13\'\x1a\x8d\x86\x1a\x91z\xbd\xber\xe5\xcaU\xabV\xddx\xe3\x8d\xd7]w\xdd\xf0\xf0\xf0\x993gh@\xe9X\x7f8\xcf\x8e\x00\x08;\x1b\x90e\xd9\xd0\xd0\xd0\xf1\xe3\xc7\x1f}\xf4\xd1\xef~\xf7\xbb\xcf&gt;\xfb\xecy\xff\'\xabV\xad\xba\xeb\xae\xbb&gt;\xf4\xa1\x0f\x8d\x8d\x8d\xf1\xe9\xac%b\xfd\xe1\x03k\x02 lk@\x9a\xa6K\x97.\xfd\xd6\xb7\xbeu\xfb\xed\xb7\x8f\x8d\x8d\xa9_\xacT*j8\xd4\xeb\x01B\x88 \x08\xd4\xd0\xab\x17\x03\xd4/\xdes\xcf=\x9f\xfb\xdc\xe7\xc6\xc6\xc6x\x1cP\n\xd6\x1f\x9e\xb0\xe9kL\xeb\xde\x1b*\xa5|\xcb[\xde266V\xa9T*\x95J\x14E\xedv\xbb\xd5j\xb5Z\xad$I\xd4\xdc\xa7i\xdan\xb7\xdb\xedv\x9a\xa6RJ\xf5\xfa\xf0\x1dw\xdc\xb1w\xef\xde\xd1\xd1Q\xf5\xca0\x8a\xc4\xfa\xc3\x1f6=\x02P,z\x1c\x90e\xd9\xd2\xa5Ko\xb8\xe1\x86\x1f\xfc\xe0\x07\xeaWV\xacXq\xf5\xd5W_q\xc5\x15\xefx\xc7;FFF\xa2(\x9a\x9c\x9c\xfc\xe5/\x7f\xb9\x7f\xff\xfe\'\x9exB\xfd\x9e0\x0c\xa5\x94\xcb\x96-;r\xe4\xc8\x85\x17^\xd8n\xb7Y\x9c\xc2\xb0\xfe\xf0\x8a}\x01\x10\xf64 M\xd3\x91\x91\x91\xef\x7f\xff\xfb\x1f\xf9\xc8G\xae\xb9\xe6\x9a\x8d\x1b7^w\xddu+W\xae\x8c\xe38M\xd3,\xcb\xa4\x94a\x18FQ\x94$\xc9\xde\xbd{?\xf3\x99\xcf4\x9bM\xf5\x8bi\x9a\xdes\xcf=_\xf8\xc2\x17\x8c\xfa\xff\xc8m\xac?|ce\x00\x84=\r\x08\x82\xa0\xd5j\x1d;v\xec\xca+\xaf\x1c\x1c\x1c\x9c\x98\x98P\x13\xaf\xa6D}\x1f\x80\xfa+X\xbe|\xf9W\xbf\xfa\xd5\xdbo\xbf]=\xef\x9fe\xd9\xda\xb5k\x1f{\xec\xb1\x89\x89\t^\r.\x00\xeb\x0f\x0f\xd9\x1a\x00aU\x03\x06\x07\x07\'\'\'\xd5\x1b\xfc\xe7\xdd\x11\xf5U\xff\xe4\xe4\xe4e\x97]v\xf2\xe4\xc9(\x8a\xd24}\xfb\xdb\xdf\xfe\xe4\x93O\x0e\x0c\x0c\xa4i\xca\xfa\xe4\x8a\xf5\x87\x9f,\xfe\xd2\xd2\x96\xd7\x84\xa5\x94\x13\x13\x13A\x10\xc4q\xbc\xd0\x8e\x04A\xa0\x9e/\xba\xe8\xa2\x8b\xc4\xeb?\x19\xe2\xec\xd9\xb3\xd3\xd3\xd3|\xf9\x9f7\xd6\x1f\xde\xb2{\\li@\x87#\x1e\x04\xc1\xec\xadaz\n\xc0\xfa\xc3gv\x07@\xd8\xd3\x80\xc5\xa97\x80NNN\xfe\xeew\xbf\x9b\xf9\xc5\x91\x91\x91z\xbd\xce;A\xf3\xc3\xfa\xc3s\xd6\x07@8\xd1\x804M\x87\x87\x87\x9fz\xea\xa9\xe3\xc7\x8f\xab\xb7\x81\x06A\xf0\xcew\xbes\xe9\xd2\xa5I\x920Cy`\xfd\x01\x17\x02 ,o@\x96e\x95J\xa5\xddn\xdfu\xd7]3\xaf\xc9K)?\xf8\xc1\x0fFQd\xef\xab\xf4&amp;c\xfd\x01a\xf5\xbb\x80\xcee\xcb\xfb\x82fS\xd7\xbcd\xc9\x92O}\xeaS\x0f=\xf4\x90z\xb5 \xcb\xb2\x8b/\xbe\xf8\xa7?\xfdi\x1c\xc7\xea\'H\x97}\x99Na\xfd\x01\xc5\x91G\x00\x8au\x8f\x03\x92$\xa9\xd5j\xb5Z\xed\xe3\x1f\xff\xf8C\x0f=4\xfb\'\xff\xdc{\xef\xbd&lt;\xff\x93\x07\xd6\x1f\x98\xe1T\x00\x84U\rH\x92d\xc9\x92%g\xcf\x9e\xdd\xb0a\xc3\xc3\x0f?&lt;\xf3lO\x96e;w\xee\\\xbf~\xfd\xe9\xd3\xa7\xf9apz\xb1\xfe\xc0lN=\x054\xc3\xfc\xe7\x82\x92$\x19\x1d\x1d}\xe6\x99g&gt;\xf6\xb1\x8f\xbd\xf8\xe2\x8bj\xe8\xd5\x06\xddw\xdf}[\xb7n=u\xea\x14\xeb\xaf\x17\xeb\x0f\xcc\xe1f\x00\x84\xd9\rP\xeb\x7f\xf0\xe0\xc1\x9bn\xba\xe9\xd5W_\x9dY\xff\xd1\xd1\xd1o~\xf3\x9b\x1b6l(\xfd\n\xdd\xc3\xfa\x03\xe7r6\x00\xc2\xd4\x06\xa8O\x89y\xfe\xf9\xe7\xaf\xbf\xfe\xfa\x99\'y\xd24}\xcf{\xde\xb3o\xdf\xbeK.\xb9\xe4\xd5W_e\xfd\xf5b\xfd\x81y\xb9\x1c\x00a^\x03\xd4\x1b\xfc\x83 X\xb3f\xcds\xcf=\x17\xc7\xb1\xfa\xc4\xe0\xb5k\xd7&gt;\xfa\xe8\xa3###g\xce\x9c\xa9T*\x05_\x95\xdbX\x7f`!\xae\xbd\x08&lt;\x87i\xaf\t\xab\x8f\t{\xf8\xe1\x87\xd5\xfa\xab\x0f\x84\xb9\xe6\x9ak\xbe\xf7\xbd\xef\r\r\r\x9d={\x96\xf5\xd7\x8b\xf5\x07\x16\xe1x\x00\x84a\r\x08\xc3\xb0\xddn\x7f\xe7;\xdfQ\x8f\x03\xa4\x94+W\xae\xdc\xbbwo\xb5Z\x9d\x9e\x9e\xe6\x99\x1f\xbdX\x7f`q\xee\x07@\x18\xd3\x00)e\xb5Z=q\xe2\xc4/~\xf1\x0b\xf9\xbam\xdb\xb6\xbd\xedmo\x9b\x98\x98\xe0=?z\xb1\xfe\xc0yy\x11\x00aF\x03\xd4O|{\xe5\x95W\xce\x9c9#\x84P\x1f\x0f\xb0f\xcd\x9aF\xa3\xc1\xfa\xeb\xc5\xfa\x03\x9d\xf0%\x00\xc2\x8c\x06\x84a\xd8h4f&gt;\x19f\xc9\x92%\xea\x8ff\x8f4b\xfd\x81\x0ey\x14\x00aF\x03\xd4\xa7\x01\xab\xff\x9c\x9e\x9e\xe6k\x7f\xbdX\x7f\xa0s\x8e\xbf\rt^e\xbd7T=\x054&gt;&gt;\xfe\xd4SO\xa9_\xa9T*\xabW\xafVo\x06\xcd\xe9\x0f\xf5\n\xeb\x0ft\xc5\xc7\x00\x88R\xbf? \x0c\xc3\xa1\xa1!\xf5\xcfR\xca\xc9\xc9I?\xff\n\xb4c\xfd\x81ny\x1a\x00Q\xea\xe3\x80$I\xb2,\x13B\x84a\xc8\x1b\xff\xb5`\xfd\x81\x1e\xf8\x1b\x00QR\x03\xd4\x8f\x82\x18\x18\x18\x10B\xb4\xdb\xed\xf1\xf1q\xf1\xfa\xa7\xc0\xa37\xac?\xd0\x1b\xaf\x03 \no\x80\x94rhh\xe8g?\xfb\xd9\x13O&lt;1==}\xe5\x95W^\x7f\xfd\xf5\xcdf\x93O}\xe9\x19\xeb\x0f\xf4\xcc\xf7\x00\x88\x02\x1b\xa0~\x0e\xc4\xce\x9d;?\xff\xf9\xcf\xcf|\xd4\xfb\xa6M\x9b\xee\xbf\xff\xfef\xb3\xc9N\xf5\x80\xf5\x07\xfaA\x00\x84(\xa4\x01R\xca8\x8eO\x9f&gt;}\xc9%\x97\xa8\x9f\xf9\xa3\xbe\x138M\xd3\xfd\xfb\xf7_{\xed\xb5\xe3\xe3\xe3\xea\xf3 \xd1!\xd6\x1f\xe8\x13\x8b#D!\xdf\x1f \xa5\xac\xd5j\xbf\xfe\xf5\xaf\xc7\xc7\xc7\x83 h\xb7\xdb\xea\xfb\xbf\xc20|\xe1\x85\x17*\x95\x8azY\x18\x1db\xfd\x81\xfe\x11\x80\xd7\x14\xf3=b\xf3~\x8d\xcf\x17\xfe\xddb\xfd\x01-\x98\x9e7\xe4\xda\x80 \x08\xa6\xa7\xa7/\xba\xe8\xa2e\xcb\x96\xa9\x9f\n\xa7~\x1ct\x96e\x97^zi\xab\xd5"\x03\x1db\xfd\x01]\x18\x9d7\xc9\xaf\x01\xeai\x9f\xe5\xcb\x97\x7f\xe5+_\xa9V\xab\xadVK}7\xc0\xad\xb7\xdez\xf5\xd5WOLL\x10\x80N\xb0\xfe\x80F\xbc\x08&lt;\x8f\xfc^\x13\x96R\x0e\x0f\x0f\x1f=z\xf4\xf1\xc7\x1fo4\x1a\xef{\xdf\xfb\xae\xbd\xf6\xda\xe9\xe9i\xfe\x16:\xc1\xfa\x03z\x11\x80\xf9\xe5\xd7\x80,\xcb\xea\xf5\xfa\xe0\xe0\xa0\x10\xa2\xd5j\xf1\xe6\x9f\x0e\xb1\xfe\x80v\x04`A\xb96@\xbd\xe7\'\x08\x02~\x1ah\'X\x7f \x0f\x04`1\xa6}\xa6\xbc\x9fX\x7f \'&lt;\xf9\xb0\x18\x13&gt;?\xc0s\xac?\x90\x1f\x02p\x1e4\xa0D\xac?\x90+\x02p~4\xa0\x14\xac?\x907\x02\xd0\x11\x1aP0\xd6\x1f(\x00\x01\xe8\x14\r(\x0c\xeb\x0f\x14\x83\x00t\x81\x06\x14\x80\xf5\x07\nC\x00\xbaC\x03r\xc5\xfa\x03E"\x00]\xa3\x019a\xfd\x81\x82\x11\x80^\xd0\x00\xedX\x7f\xa0x\x04\xa0G4@#\xd6\x1f(\x05\x01\xe8\x1d\r\xd0\x82\xf5\x07\xcaB\x00\xfaB\x03\xfa\xc4\xfa\x03%"\x00\xfd\xa2\x01=c\xfd\x81r\x11\x00\rh@\x0fX\x7f\xa0t\x04@\x0f\x1a\xd0\x15\xd6\x1f0\x01\x01\xd0\x86\x06t\x88\xf5\x07\x0cA\x00t\xa2\x01\xe7\xc5\xfa\x03\xe6 \x00\x9a\xd1\x80E\xb0\xfe\x80Q\x08\x80~4`^\xac?`\x1a\x02\x90\x0b\x1a0\x07\xeb\x0f\x18\x88\x00\xe4\x85\x06\xcc`\xfd\x013\x11\x80\x1c\xd1\x00\xc1\xfa\x03\x06#\x00\xf9\xf2\xbc\x01\xac?`2\x02\x90;o\x1b\xc0\xfa\x03\x86#\x00E\xf0\xb0\x01\xac?`&gt;\x02P\x10\xaf\x1a\xc0\xfa\x03V \x00\xc5\xf1\xa4\x01\xac?`\x0b\x02P(\xe7\x1b\xc0\xfa\x03\x16!\x00Es\xb8\x01\xac?`\x17\x02P\x02\'\x1b\xc0\xfa\x03\xd6!\x00\xe5p\xac\x01\xac?`#\x02P\x1ag\x1a\xc0\xfa\x03\x96"\x00er\xa0\x01\xac?`/\x02P2\xab\x1b\xc0\xfa\x03V#\x00\xe5\xb3\xb4\x01\xac?`;\x02`\x04\xeb\x1a\xc0\xfa\x03\x0e \x00\xa6\xb0\xa8\x01\xac?\xe0\x06\x02`\x10+\x1a\xc0\xfa\x03\xce \x00f1\xbc\x01\xac?\xe0\x12\x02`\x1cc\x1b\xc0\xfa\x03\x8e!\x00&amp;2\xb0\x01\xac?\xe0\x1e\x02`(\xa3\x1a\xc0\xfa\x03N"\x00\xe62\xa4\x01\xac?\xe0*\x02`\xb4\xd2\x1b\xc0\xfa\x03\x0e#\x00\xa6+\xb1\x01\xac?\xe06\x02`\x81R\x1a\xc0\xfa\x03\xce#\x00v(\xb8\x01\xac?\xe0\x03\x02`\x8d\xc2\x1a\xc0\xfa\x03\x9e \x006)\xa0\x01\xac?\xe0\x0f\x02`\x99\\\x1b\xc0\xfa\x03^!\x00\xf6\xc9\xa9\x01\xac?\xe0\x1b\x02`%\xed\r`\xfd\x01\x0f\x11\x00[il\x00\xeb\x0f\xf8\x89\x00XLK\x03X\x7f\xc0[\x04\xc0n}6\x80\xf5\x07|F\x00\xac\xd7s\x03X\x7f\xc0s\x04\xc0\x05=4\x80\xf5\x07@\x00\x1c\xd1U\x03X\x7f\x00\x82\x00\xb8\xa4\xc3\x06\xb0\xfe\x00\x94@JY\xf65@\'\xb5\xefccc\xeb\xd6\xad;|\xf8p\xadVk6\x9b;v\xec\xd8\xb6m\xdb\xc9\x93\'\xc30d\xfd\x01(&lt;\x02p\xcd\xe2\x8f\x03\x84\x10\xac?\x00\x85G\x00nZ\xe8q\xc0\xad\xb7\xde\xbai\xd3\xa6G\x1ey\x84\xf5\x07@\x00\x9c5\xa7\x01q\x1c\xa7i\xfa\xfe\xf7\xbf\xff\xc7?\xfe\xb1\xea\x01\xeb\x0fx\x8e\x00\xb8\xec\xdc\x06$I\xc2\xfa\x03Px\r\xc0es^\x0fH\x92\xa4^\xaf\xb3\xfe\x00\x14\x1e\x01\xb8o\xe6q\xc0\xfa\xf5\xeb\x0f\x1d:\xb4u\xeb\xd6\x07\x1ex\x80\xf5\x07@\x00\xbc\xa0\x1ap\xe2\xc4\x89\x07\x1f|\xf0\x8b_\xfc\xa2\xfaKg\xfd\x01\xcf\x11\x00_H)\xd5\xe2\xcf\xfc\x03\x00\xcf\xf1\x1a\x80/\x82 \x90R\xa6i\xca\xfa\x03Px\x04\x00\x00\x9e\xe2\x11\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fe\x05\xbb8\x7f\xdev\x02\xb6\x94\x00\x00\x00\x00IEND\xaeB`\x82'</t>
        </is>
      </c>
    </row>
    <row r="5">
      <c r="A5" s="1" t="n">
        <v>3</v>
      </c>
      <c r="B5" t="inlineStr">
        <is>
          <t>shape_morph</t>
        </is>
      </c>
      <c r="C5" t="inlineStr">
        <is>
          <t>What is the missing shape of the part denoted with a question mark?</t>
        </is>
      </c>
      <c r="D5" t="inlineStr">
        <is>
          <t>['circle', 'pentagon', 'hexagon', 'triangle']</t>
        </is>
      </c>
      <c r="E5" t="inlineStr">
        <is>
          <t>hexagon</t>
        </is>
      </c>
      <c r="F5" t="inlineStr">
        <is>
          <t>There are eight shapes arranged in a grid. The top left shape is a pentagon and the bottom right shape is a ?. The other shapes do not appear to regular shapes.</t>
        </is>
      </c>
      <c r="G5" t="inlineStr">
        <is>
          <t>We observe that from the top left to bottom right direction, the shapes look like a pentagon but gradually change shape into something like a hexagon. Hence, the pattern is the the shapes are morphing between pentagon and hexagon shapes.</t>
        </is>
      </c>
      <c r="H5" t="inlineStr">
        <is>
          <t>Based on the pattern that the shapes are morphing between pentagon and hexagon shapes, the missing shape at the bottom right should be a hexagon.</t>
        </is>
      </c>
      <c r="I5" t="inlineStr">
        <is>
          <t>b'\x89PNG\r\n\x1a\n\x00\x00\x00\rIHDR\x00\x00\x02\x00\x00\x00\x02\x00\x08\x02\x00\x00\x00{\x1aC\xad\x00\x00\xa5\xb7IDATx\x9c\xec\x9dw|TE\xd7\xc7g\xee\xbd\xdb[\xb2\xa9\x90\x04\xd2 \x01\x82\xa1W!\x94\x04\x14E\xa4\x83\x80\x08(Ux\x88\x8f\x05\x14\x04\x11i\x16\xb0\xd0E\xb0?\x86&amp;EE\x02\xd2\x94\x92\x00I \x94\x90F \x81\xf4lo\xb7\xcc\xfb\xc7\xc8\x9a\x17\x10Q\t\xd9\xec\x9d\xef\x1f\xcf\x87\',f\xf6\xde\x99\xf3;s\xce\x993\x10!\x04\x08\x04\x02\x81 &gt;\xa8\xfa\x1e\x00\x81@ \x10\xea\x07"\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00\x81@ \x88\x14"\x00\x04\x02\x81 R\x88\x00\x10\x08\x04\x82H!\x02@ \x10\x08"\x85\x08@\x83A\x10\x04\x8e\xe3\x10B\xf5=\x10\x02\x81\xe0%@bP&lt;\x1cA\x10\x04A\xa0(\x8a\xa2\x88Z\xd7\x1b\x08!A\x10\x00\x004M\xd7\xf7X\x08\x84\x07\x06\xb1)\x1e\n\xf6\xf7\xb1\xe9g\x18\x86\xa2\xa8\x92\x92\x92\xe5\xcb\x97\x97\x96\x96\n\x82@d\xfb! \x08\x02\xcf\xf3\xf8-@\x08i\x9a\xa6i\x1a!D\x1e\xfeC\x06\xab/\xcf\xf3&lt;\xcf\x93\x87\xff`a\xea{\x00\x84?\xc0\xc6E\x10\x04\x9a\xa6\xdd.\x7fqqqjj\xea\xae]\xbb\x8e\x1c9b0\x18\xccf\xf3\xe2\xc5\x8b9\x8ec\x18\xf2\xee\x1e&lt;X\\\x11B\xb7m\xb9\xaa\xab\xab\xcf\x9f?o0\x18\x06\r\x1a\x84?F6du\x01\xb6\xefx\xb3\x85\x10\x82\x10B\x08)\x8a\x82\x10\xba?C&amp;\xff\x03\x84\x84\x80\xea\x1fl\xf4\x11B\xb5\xa7\xf5\xa5K\x97~\xf8\xe1\x87}\xfb\xf6\xa5\xa7\xa7\x9bL\xa6\xdf\x7f\n\xa1T"9|\xf8p\xd7\xae]y\x9e\'\xe1\x88\x7f\x8f[t\xdd\xb6\xc6\xfdW%%%\xa7N\x9d\xca\xca\xca\xca\xcc\xcc\xfc\xf5\xd7_\xab\xab\xab\x01\x00#G\x8e\\\xbbv\xad\xaf\xaf/y\xfe\xff\x1eT\x0b\x00\x00\xdef\xdd\xf91\x93\xc9d2\x99\xf2\xf2\xf2,f\xf3\x93\x03\x07\xe2\x7f\xc8\xf3&lt;\x91\x81\x7f\x0f\x11\x80z\xe3\xce\xb02\xcf\xf3g\xcf\x9e=r\xe4\xc8\xce\x9d;\xd3\xd2\xd28\x8e\xbb\xed\x9f4\x0e\x0c,\xad\xa8\x08\x08\x0c&lt;\x7f\xfe\xbc\xbf\xbf?vT\x1f\xf6\xb8\x1b&gt;\xb5\x8d\xfem\x16\x07\x1b\xfd\xcc\xac\xac\xac\xcc\xcc\xc3\x87\x0f\xff!\xbd\x00H\x18F\xabVW\x19\x0c\x1d:v\xdc\xbdkW\xa3F\x8d\x88+\xfa\xb7p{\xf7\xb5]\xfb\xdb&gt;#\x08\x82\xc9h\xcc\xcd\xcb\xbb~\xfd\xfa\xb9s\xe7\x8a\x8a\x8a.\xe7\xe4\xe4\xe6\xe6\x9aL&amp;\xd6\xe5\x02\x00t\xe9\xd2e\xf0\x90!\xaf\xbe\xf2\n 2\xf0  \x02\xf0\xb0qG\xf0k\xdb\xfdS\xa7N\xed\xdc\xb9\xf3\xc7\x1f\x7f\xbcx\xf1\xe2m\x9f\xa7)\xaaK\x9b\xf8\x81\xbd{7\x0b\x0b[\xb0zMvn.\x00`\xd8\xb0a)))d\xf6\xdf?\xeem\xd6mF\xdff\xb3UUU\x1d&lt;x\xf0\xe8\xd1\xa39W\xaed\x9f?_\xdb\xe8\x03\x00zw\xee\xcc\xf3\xfc\xd1\xd3\xa7}\xb4Z\x83\xc9\xe4\xef\xeb[US\x13\xdc\xa8\xd1\xae]\xbb:v\xecH4\xe0\xcfp\xfb7\xf70\xf7&amp;\x93\xc9h4\xe6\xe6\xe6\x9e?\x7f\xbe\xbc\xbc&lt;-=\xbd\xe8\xea\xd5\xd2\xb22s\xadW\x10\xe4\xebk\xb2Z[DG\x15\x97\x96\xb98\xce`2)$\x926\x1d:&lt;=x0\x91\x81\x7f\x0f\x11\x80\x87\xc4\x9d\xc5&lt;&amp;\x93\xe9\xd0\xa1C\xbbv\xed:u\xea\xd4\x9dv_\xadT\xf6\xea\xd4)\xb1K\x97\x98\x88\xf0^\x1d;\xca\xd5* \x95\x8d{q\xe6\xb6\xd4\xd4\x90\xe0\xa0\xfc\xa2ko\xbd\xf5\xd6\x9bo\xbeI\x0c\xd0=\xb8\x1f\xa3\x7f\xf0\xe0\xc1\x9b\xa5\xa5\xd8\xbb\x0c\xd0\xe9*\x8dF\x84\x8d&gt;\xc7\x1d;{662\xf2\xc9\x84\x9e#\xfa?f\xb4XZFG\xedHM\xfd`\xcb\xe7Wo\xdc\x10\x04A\xaf\xd7\xaf[\xb7n\xf8\xf0\xe1$\x16tg$\xe7\xb6\xa8=\xc6a\xb7[\xac\xd6\x0b\x17.\x14\x16\x16\xee\xde\xbd\xbb\xac\xbc\xfc\xd2\xa5Kv\x9b\xcd\xe1p\xe0\x0f\xd0\x00\xe8\xb4\x1a\x86a\x0cfkR\xb7\xaeY99\x8f4o\xeeb\xd9\xcb\x85\x85\xc3\xfa\xf5\xfb5#\xa3\xac\xa2\xc2l\xb3\x8dx\xac\xff\x86\x94\xad\n\xa9\xa4M\xfb\xff\'\x03w\xfeF\xc2_B\x04\xa0n\xb9\xd3\xee\x17\x17\x17\xa7\xa5\xa5\xed\xdd\xbb755\xb5\xb8\xb8\xf8\xb6\xcf\x07\xf9\xfb\xc5\x84\x87\x0fM\xea\xf7d\x9f\xde\x91\xa1!\x80f\x00\xc7Ym6\x96\xe3$\x12\x89\x83\xe3\xdeY\xbdf\xe3\xb6mV\xbb\x9d\xa6\xe9\xa3G\x8fv\xed\xda\x95$$k\xf3gY\\\x93\xc9\x94\x91\x91\x81M\xcf\x993g\xdcF\x1f\x02\xd0%&gt;\xfeDV\x16\x00`\xc63\xa3\xd3\xceg\xd7\x18\x8dC\x93\x92\x86$%\xf2\x82\x10\x1f\x1b+e\x18\x08!MQN\x97K\xa6\xd1|\xb4\xe9\xb3%\x1b6\xf8h4W\xae^E\x00\xac[\xb7n\xca\x94)"\xd4\x00\\\x90\xf3g\xae=\x00\xc0`0\xe4\xe5\xe5UUU\xa5\xa7\xa7\xe7\xe6\xe5]\xbdz5//\xcfd4Z,\x16\xfc\x01?\x8d\x06P\x94\xdd\xe9l\x11\x15\t\x00,\xaf\xaev\xb1l\xff\xee\xdd\xd2\xce\x9fw8]SG\x8e\xc8\xca\xb92\xb0W\x82\xd5n\x8fj\xda4,0P\xad\xd1\xd4\xd4\xd4\xe4_/~i\xf9\xf2\xf2\xaa\xaaQO\x0cX\xff]\x8aB*\x8do\xd7n\xd4\xa8Q\xb3f\xcd\x02\x00\x10\r\xf8\xbb\x10\x01\xa8\x13\xdc\xdePm\xbb\x9f\x9a\x9a\xfa\xfd\xf7\xdf\xdf\x16Y\xc64\x0e\x0cL\xea\xd6\xf5\xc9\xde\xbd\x1fm\xdb\xd6O\xa7\x93H\xa5\xac\xcbew:\x7f\xf7^)\n\x00\xc0\xf3\xbcZ\xad\xbe\x90\x9b\xdbi\xe4\xa8\xc6\x81\x817\xca\xca4:]vv\xb6\xbf\xbf\x7f\xed_$B\xdcQ\xb5\xdb\x8cQUUUvvvaa\xc1\xee\xdd{\xd2\xd3\xd3k\xcbm\xa7\xd6qi\xe7\xb3\xf1\x9f_{~R\xd6\xe5\x9c&amp;\x8d\x1a\r\xeb\xd7\xafU\xf3fJ\x99L\xadTB\x08)\x08m\x0eGm\xc7\x96\xe7y\x9d\x9f_Vvv\xd2\xc4I\x1555A\xfe\xfee\x95\x95\xd3\xa7O_\xbdz\xb5x4\xc0\xfd4\xdc?\xc1\x91\x9c\xbc\xbc\xbc\xa2\xa2\xa2\x9c+W\xce\x9c&gt;]]]\x93\x9b{\xa5\xf6&lt;W\xc9dR\xa9\x14B(\x93\xc9\xda\xb5l\xf1\xc3\x91\xa3\x13\x87\x0c\xc9\xb8t\xc9j\xb7\xb5\x88\x8c\x8ak\xd6\xccl\xb5\x86\x04\x06\xf6\xee\xdc\x89\xe3\xf9\x90\xc0@_\xadN\xa5T@\x00 \xc3\x00\x9ew\xb1\xac \x08\x0c\xc30\x0c}!7\xff\xea\x8d\x92\xe4e\xcb\xcb\xaa\xaaF\r\x18\xb0!%\x05\x00p\xe4\xc8\x91\x9e={\x8a\xe7-&lt;(\x88\x00&lt;H\xee\xcc\xeb\xde\xbd\x98\xe7\x16\xb1\x91\x91\x8f=\xfah\xc7\xd6qmc[\xb4\x88\x8d\x01\x1c\xe7p88\x8e\x13\x10\xc2\x06\xe8\xb6\xcf\xf3&lt;\xafV*\x0f\xa7\xa7\xbf\xb8\xf8\x9d\xbck\xd7X\x8e\x1b1b\xc4w\xdf}\'\xc2@\x10\xdeZ\xddg\xe9\x0e&amp;\xacQplDd\xea\xf1\xe3\x00\x80\x0f\xe7\xce\xdds\xe4pthX\xbb\x96-\x13\xbbw\x0bo\xdc\x182\x8c\xe0r\xb1\x1c\xc7\x0b\x02/\x08\xe0\xff\xeb\xb7\x1b\x8e\xe7\x95J\xe5\xc5\xbc\xbcEk\xd6\x1eIO7Y\xad,\xcbn\xdd\xbau\xd8\xb0ab\xb0&gt;\xee\xef\xb8k\xd7\xae\xb3g\xcf\x16]\xbb\x96\x93\x93\x93\x9b\x9bk4\x1a9\x96\xad\xfd\xc9\x98\xf0\xa65fK\xcb\xa8(\xa3\xd9\xacP\xc8Y\x17\xeb\xef\xeb[t\xe3\x06\x05\xe1\xd2\xe4\xe4\xa3g\xce$t\xec\xe0\xa3\xd5\xea\xb5Z_\xad6@\xaf\xa7i\x1a\xd04\xefrQ\x10\xb2\x1c\xc7r\x9c;\x85\x00n\xad\x05\x04\x00BH%\x97S4}\xb9\xa0\xe0bA\xc1\x7f\x96,u\xba\\\xc1~z\xff\xd0\xb0C\x87\x0e\x89\xe1\x15&lt;X\x88\x00&lt;\x00\xdc\xc6\xc8=\xf9\xacV\xeb\xb9s\xe7V\xae\\\xb9c\xc7\x0e\x9e\xe7k\x7fX\xc20QM\x9ath\xd5\xf2\x85\xe1\xc3\xdb\xb7l\xa9\xd2j\x81 \xb0N\xa7\xcd\xe1\x80\x00\xdc5xZ\x1b\x8e\xe7u\xfe\xfe\x13\xfe\xfb\xf2\x96\xef\xbf\xa7(J\x10\x04\x1c\x85\x10\x8f\x06\xb8\x8fJ\xb8\x7f\xe2\x8e\xaa]\xce\xc9\xb9\x90\x9d][hC\x83\x83ZFE\xef\xff\xed7\x00@\x90\x9f\xdf\xa2Y3o\x96W\xb4n\xde\xacK||#\x7f\x7f(\x91\x00\x00\\v\xbb\xd3\xe5\x12\x10\xa2 \xc4\x0f\xff\xde\xaf\x80\xe7y\xadV{\xa3\xac\xac\xcb\xa8\xd1%\xe5\xe52\xa9\x94\x96H232"""\x80Wo\xc5\xf0\x1c3\x9b\xcd\xc9\xc9\xc9\x9b6m\xc2?\x0c\xf2\xf55\xd9l1\x11\x11&amp;\xab\xa5\xe8\xc6\xcdA}\xfa\xe4\x14\x16\x96UU\xb5n\xd6L\xadT\x86\x06\x05\x01\x9a\x8al\x1c\xe2\xa3\xd1\xc4\xc7\xc604\x1d\xa8\xd7\xfb\xeb\xf52\x95\n9\x9d\x00\x02\x8e\xe3yA`Y\x16\x01\x00n\xc5\xf1\xe1\xad\x17qWp\x8cO!\x93I\x14\x8a\xd4c\xc7\xa6.XX\\V\xe6b\xd9\x95+W\xce\x9e=\x9bh\xc0\xdf\x82\x08\xc0?\xe7\xaey\xdd\xc3\x87\x0f\x7f\xff\xfd\xf7\xbf\xfc\xf2KQQ\x91\xafZmq8X\x8e\x03\x00\xd0\x14\xd5\xb5M\x9b\'\x12z&gt;\xde\xa3GT\x93&amp;j\x85\x02\x00`\xb5\xdb9\x9e\x87\x00\xe0\xac\xd9\xfd\xfcR\x84\x10M\xd3v\x87#a\xfcs\x10\xc2\x82\xeb\xd7\xadv{FFF\x9b6m\xbc~\xea\xd7\xae\xf7())\xd9\xbf\x7f\xff\xb1c\xc7j\x97\xee\x04\xfb\xe9\xcb\xaa\xab\x11\x02\xbd;wF\x82p8==\xaeY\xb3\xb7g\xcd&lt;s\xe1B\xbb\x96-[EGG\x84\x84H\x14\n \x08\x0e\x9b\x8d\xe58\x01\x97c\xfd\x95\xe8\xde\t\xcb\xb2&gt;z\xfd\x8f\x87\x0f?1ejhp0\r@\x9f\xc7\x1e\xfbl\xf3f/\x96a&lt;\xbbrss\xc7\x8d\x1bw\xea\xd4)_\x9dN\xa7V7m\xdcX&amp;\x95\\\xcc/\x18\x9a\x94t\xf6\xe2E\x95B\x9e\xd8\xb5\x9bR\xa5\xf4\xd7j\x1b\x07\x066k\xda\x94\x82P\xef\xeb\x8b\x17\x88\xc0q\x08\x00\x8e\xe3\xf06\xeb\xf7\t\x0f!\xfcG\xb1{\xecrQ\x0c\xd3~\xc8\xd0\xb2\xea*\xa9DZVYy\xe0\xc0\x81\xbe}\xfbz\xfdBx\x80\x10\x01\xf8\xdb`\xbbO\xd3\xb4{\xd6\xe2\xf8\xfe\xde\xbd{\xd3\xd2\xd2j\x07\x9a\xc3\x82\x83#CC9\x9e\x1f\xf9\xc4\x80faa\xbd:v\x94k4\xbc\xc3\xe1t:yA@\x00\xd0\xff\xc8[\x14\x04A&amp;\x91\x94UW\'N\x9ct\xa5\xa8\x88\xa2\xa8\xb8\xb8\xb8C\x87\x0e\xe9t\xba\xbf\xdc@4\\\xdc\xab\xdah4~\xbaq\xe3\xeb\xf3\xe6\xb9\x9cN\x00@\x80NWa4\xe2\xcf\x8c~b\xc0\x95\xabE&amp;\xb3ypR\xe2\xf0~\xfdMVKLxx\x80^/U*\xf16\xcb\xe9r\xf1\x82p?;\xad\xbf\x84\xe3y\x9d\xaf\xef\x96\xad[Wl\xfa\xccj\xb7_\xbby355511\xd1\xfb\xac\x8f[w\xf7\xff\xfc\xf3\xe8g\x9e\xa9\xae\xaen\x1e\x1e~\xe5\xea\xd5.\xf1\xf13\xc7\x8e\xb1\xd9\xecQ\xe1M\xc3\x02\x83t\x1a\xb5V\xad\xa6)\x8a\x91I\x81\x80\x10\xcf;].l\xf1k\xa7\r\xee\xed\xdd\xff-\x04A\x90\xca\xe5\xd7JJ\x92\x97.\xfb\xe5\xd4)\xbb\xd3\x19\x15\x1d}\xf1\xc2\x05\x86a\x1e\xe0o\xf1n\x88\x00\xdc\x17\xee\x82\xc2\xdav\xff\xe2\xc5\x8biii\xdf\x7f\xff\xfd\xa1C\x87\xee\x8c\xef\xfb\xf9\xf8&lt;\xf6\xe8\xa3/Mx\xaeEd\xa4B\xa3\x01.\x97\xd5f\xe3x\x9e\x82\x10R\xd4\xbf\x9c\x9b\x1c\xcf\xeb\xf4\xfaw&gt;\xfed}J\x8aZ\xa5\xbc\x94_\xe0\xc5\xc9\x00\xb7Iu\xb9\\k\xd6\xac\xf9d\xf5\xea\xc2\xbc\xbc\xbe\xdd\xba\xa6\x1e?\x01\x00\x98\xf1\xcc\xe8S\xe7\xce\x19L\xe6\xb8\xe8\xe8Q\x03\x06to\xdfN\xa3P\xa8\x95Jp\xabt\x07\xfb\x9b\x0f\xc4\xe8\xd7\x06!DS\x94\x83e\xa3\xfa\xf5\xaf1\x9btj\r#\x95\x9e:u*22\xd2\x9b\x0e\xe8\xb9\x03n\x1b7n\x9c&lt;y\xb2R.\xd7\xfb\xf8X\xac\xd6\x05\xd3\xa7?7\xf8i\x1f\x9d\x0e@\xe8N\xd2r&lt;\x8f\x00@\x82P\xdb\xaf\xafSC\xccq\x9c. \xe0\xb3o\xbe\x9d4\x7f~LDDUu\xd5\x8a\x95\xab&amp;L\x98\xe0\x95\x0b\xa1. \x02p/\xee\xd1\xa4\xe1\xcf\x0e\xeb\xb6\x8c\x8a\xea\xf7h\xf7\x01={F\x85\x866m\xd4\x08@hw8x\x9e\x87\x14\xf5\xcf\xfc\xfd?C@H\xa9V\xad\xdc\xb4\xf9\x95\xf7\xde\xa3i\x9a\xe7y\xefK\x06\xb8\xd3\xbc\x00\xa1\xbd?\xfe8w\xce\x9c\xec\xec\xec\xe8\xb0\xb0\xe2\xf2\xf2\x81\t\tV\x87=48xXR\xbf\xb8\xe6\xcd\x142\x99\x8fN\x07\x00p:\x1c\xee,.\x02\x80\xaaKO\x90\x17\x04\xa5R\xf9\xc3\xa1C\x1f~\xf5U\xc6\xa5\xcb\x06\x93)11155\xd5k6\x01\xee/\x92\x9c\x9c\xbcj\xd5*\xadZm\xb2XZFE-\x981c\xc4c\xfd\xed\x0e\x07\x8b\x13\xbf\xb7\x92\xb4\xf5\xe2t\x0b\x08I\xa5\x92\xcf\xb6\xef8\x92~z\xcf\xa1C*\xad6\xfb\xfc\xf9\xc0\xc0@R\x1e}?\x10\x01\xb8\x0bwm\xd2\x80\x0f\xeb\x1e=r\xe4lF\xc6mv\x9f\xa6\xe9\x8eqq\x8f\xf7\xec\xd1:\xbaY\xb7\xb6m\x82B\x1a\x03\xa7\xcb\xc5\xb2.\x97\xab\xee\x9cA\x01!\xa9DRm0$=\xff\x02EQ^\x96\x0cp\xef\xb7\x00\x00\xbbw\xef~{\xf1\xe2\xec\xac,\x87\xcb\xd5\xa4q#\xab\xcd\x9e\xd4\xb5kLd\xc4\xc2\xe4d\xc0q\x02\xcbb\x1f\x9f\xe3y\x00\xc0C\xb6D,\xc7\xf94\n~s\xe9\xf2\xb7\xd7\xadc\x18\x86\xe38\xafIEbO\xa2\xba\xbaz\xd4\xa8\xd1\xa9\xa9\xfb\x152\x99\xde\xc7\xa7yx\xd3\x85\xd3\xa7\xf7\xec\xd6\xcdT]\xed!\xf1F^\x10\xd4*\xd5\xf1\x8c\x8c\x1ec\xc7\xe9u:\xa3\xd9\xdc\xb1S\xa7\xa3G\x8f\xe2\xcd\xba\'\x8c\xd0\x93!\x02\xf0\x078\xd6Y\xbb\x98\xc7l6\xa7\xa5\xa5\xed\xdb\xb7\xef\xaeM\x1a4*ULxx\xef\xce\x9d\xc7&gt;5062R\xaaP\x00\x8es\xd8\xedN\x97\xeb\xf7\xa3\x90u&lt;\xf9\x04A\x90K\xa5\xa5UU\xeed\xc0#\xad[\x1f8x\xd0\xc7\xc7\xc7C\x16\xe7?\xa0v\xa6\xf7\xc4\x89\x13\x1f\xaeZ\xf5]JJ\xb0^\xcf\x03\x10\x15\x16v\xb5\xa4d\xca\x88\x11\xd3F\x8f\n\xf2\xf33[,\xf7_\xbaSW\xa3\xc5\xb1 \x86\xe9&lt;|\xc4\xcd\xcaJ\x9a\xa6+\xaa\xaa\x0e\x1c&lt;\xd8\xa7O\x9f\x06\xad\x01,\xcbJ$\x92\xf4\xf4\xf4\xd1\xcf&lt;\x93\x9f\x97\xa7V*\xfd}}\xc3\x82\x83w~\xfc\x91\x9f\xaf\xaf\xd1h\xf4\xa8]\xa6 \x08r\x99\xec\x93\xaf\xbf\xf9b\xf7\xee\x9c\xabW\xed\x0e\xc7\xa2\xb7\xdf\x9e?o\x9e7\xed\x86\xeb\x08"\x00\x7f\xb4\x06s\xcf\x15w1\xcf]\x0f\xeb\xaa\x95\xca&gt;\x9d;?\xd9\xabW\xef.\x9dC\x03\x03\xe52\x99\xc0\xf36\x87\xa3.\x02\xcd\x7f\xc9\x1f\xc9\x80\xad)*\x85\xf2rA\xc1\xf8\xf1\xe3\xb7l\xd9\xd2\x10\xa7~\xed\xfa\xce\x9c\x9c\x9c\xf9\xf3\xe6\xed\xdd\xbb\xd7\xe1p&lt;3p\xe0\x81\x13\'\x10B\xafL\x98\xd0\xb3S\xc7N\xf1\xf1\x0e\xab\xd5\xc5q\x0f6\xa4\xf6\x8f\x11\x04A*\x93\x15\x95\x94$/[~8=\xddf\xb77\r\x0f/\xc8\xcf\xc7\x9b\xbf\x06\'\xc3\xee\xb7\xb0y\xf3\xe6\xd9\xb3g[-\x16\x1f\xadV)\x97\xf7\xed\xdae\xc3\xa2E\xac\xcb\xc5r\x1c\xe3y\xc2&amp;\x08\x82\xc6\xd7\xb7\xd7\xe8g\x8e\x9c&gt;\x1d\xa0\xd7+\x14\x8a\xcc\xecl\x1c\x15lp\xaf\xe0aB\x04\xe0\x0fL&amp;\xd3\x8e\x1d;\xf6\xec\xd9s[1\x0f\xa6q``\xbfn\xdd\xba\xb5k\xd7**\xb2[\xbbv\x80\xa2X\x87\x03\xd7\x8f\xc3z\xad\xfe\x16\x10R\xaa\xd5\x1f|\xba\xe9\xf5U\xab\xe2\x9a7/)+;z\xfcxlLL\xc3\x8a\x81\xba\xfde\xa7\xd3\xb9f\xcd\x9awW\xac\xb8YZ\xda\xb6E\x8b\x82\xe2\xe2\xce\x8f\xb4N\xe8\xd8i`\xaf\x84\xe6\xe1M\xa5\x12\xa9\xd9b\xf14\xc3\x8aS\x91\x9b\xbf\xfd\xdf\xc4y\xf3\x9a\x87\x87C\x84\x9e\x7f\xf1\xc5\x97_~\xb9\xc1m\x02\xdc\x03\xfe\xf0\xc3\x0fg\xcf\x9e\r\x00h\xd2\xb81\x12\x84\xffNx\xee?\x13\x9e\xb3\x18M\xe8V\x90\xcd\xd3\x10\x04A&amp;\x97_\xca\xcb[\xf7]JYU\xd5\xbec\xc7F\x8c\x1a\xd5@=\xa1\x87\x89\xd8\x05\x00!\xe4p8\n\x0b\x0b\x7f\xfa\xe9\xa7\xb5\xeb\xd6\xe5\xe7\xe5\xdd\xf6\x81\xf0\x90\x90\x16\x91\x91\x13\x87\x0cN\xe8\xd81  \x00\x00\x80X\xd6l\xb3\xe1"\x10O0C8\x19P^]\xbdi\xdb\xf6\xa3gN\xa7\x9d;\xdf2.\xee\xe0\xc1\x83\n\x85\xa2v\xcd\x92\xe7\xc3q\xdc\xda\xb5k7\xac_\x9f}\xe1\xc2\x80\x9e=,v\xc7\xa9\xac\xcc\xf9\xd3\xa6\xc5FD\x0c\x1d&lt;\x985\x18\x9cu\x99S\xf9\x97\xe0\x81\xfd|\xfc8D`\xf6\xb2eE7n4\xb8|\x0c\x1e\xaa\xd9l~)9\xf9\xd3M\x9b\x02\xfd\xfc\\.\x17\x84p\xcf\xda5\xdd\xdb\xb77\x99L\x0f!\xaa\xf9o\xe08N\xe7\xef\xbf\xf8\xc3\x8f&gt;\xdd\xbe\xdd\xe1r\x95UV\xae^\xbdz\xfa\xf4\xe9\r\xe8\x15&lt;|D-\x00\xd8;X\xbe|\xf9\x1bo\xbc\xc1\xf3\xbc\xafF\xc3#d\xb2X\xc0\xadb\x9eA}\xfa\xb4\x89\x89\xd1\xa8T4\xc38\x1c\x0e\xa7\xcb\x05\x00\xa0\xfe\xa4\xfbU=\xc2q\x9c\xce\xcfo\xe5\xc6\x8d\x1b\xb7m\xaf6\x99\xca*+g\xcc\x98\xf1\xc9\'\x9f4\x08\xf7\x07!\xc4\xb2\xec\xcf?\xff\xfc\xf6\xe2\xc5\xe9ii\x14\x84]\xdb\xb69\x9d}\xe1\xe7\x8d\x1b\xca\xaa\xaa\x06\'&amp;J\x18\xc6`2\xd14\xed\x99\xbe\'\x06!\x04\x01Pi4\x91}\x13\x0bKJ \x84\xf1m\xda\x9c=s\x06\xef\xc3&lt;\xd9nbp\xd7\xa9\xdc\xdc\xdc\xb1c\xc7\xa6\xa5\xa5E5\t+*\xb91\xa0g\xcfO\xde\x9c\x1f\x12\x10`\xb1Z=\xdf\x86\xe2|\x8c\x93eg,Z\xb4\xf5\xe7\xfd2\x99\x94a$g32\xa2"#\x81W\x9f\xd0\xfe7\x90\x87\x02l6\x1b\xcf\xf3\x12\x89D\xa5R=\xdd\xb7\xef\x8cg\x9e\xd9\xb5f\xf5\xc1\xcd\x9f\xad\x9c?\xbfW\x87\x0e2\x89\xc4\xe6p\x98\xccf\x8e\xe3\x18\x9afh\xda\x03g\x12\xc30\xc6\xea\xea\xe4\xe7\x9fO\xe8\xd8\xa1\xac\xb2R\xabV\xaf^\xbd\xfa\xf3\xcf?g\x18\xe6\xb6F\x14\x9e\x06\xb6;6\x9bm\xc8\x90!g\xd3\xd24*\x15\x800P\xef\xb7\xf8?\xb3\xa2\x9b\x84\x8d\x188\xd0\xe1p\x98,\x16\t\xc3x\xb2\xf5\x07\xb8U\x1cB\x1c\xc7M\x1b5\n\x00 \x93\xc9232\xa6N\x9dJ\xd34\xae(\xf3d\xf0\x08322\xbav\xed\x9a\x96\x96\x16\xdd\xa4\xc9\xf5\x9b\xa5\x93\x87\x0f\xff`\xce\x9c\x90\xc0\x00sC\xb0\xfe\x00\x00\x08\x00B\xc8\xdf\xd7w\xda\xa8\xd1\x14\xa4\x1c\x0e\xa7\xd5j]\xbel\x19\xee\x98R\xdf\xa3\xf3P\xc8\x0e\x80Y\xb4h\xd1\xc2\x85\x0b!\x84\xad\xa2\xa2\x0e\x7f\xbeE\xaf\xd7\x03\x00\x1c6\x9b\xd3\xe5\xbaU\xcb\xe3\xd1\xa6\x07# $\x93J\x0b\x8b\x8b_\\\xbc\xb8\xd2`8\x97sE&amp;\x93]\xb8p!""\xc2\x93\x93\x01xl\x19\x19\x19]\xbataY\x16!\xf4\xda\xf3\xcfO\x1a:\xb4Yt\x94\xddlv\xb1\xac\x07\xe6\x1b\xef\x8dT"\x19?\xf7\xf5+EW/\xe6\x17\xd8\x1d\x8e\x94\x94\x14\xcf\xbf3\x00\x0f\xef\xf1\xc7\x1f\xdf\xb7o\x1f\xc30\xbe\x1a\xcd\xab\x93&amp;M\x1d9B.\x97\xdbl6O\x1e\xf9\x9dp\x1c\xa7\xf3\xf7{\xf3\xfd\x0fNggs&lt;\x9f\x96}\xe1\xa7}\xfbH\xd7\xf4?\x83&lt;\x91?\xaa\x80\x02\xf5z\xbd^_SSc2\x1a9\x9eg\x18\xa6Al\xde1\x14\x84N\xa7\xb3Y\xd3\xa6\x9f\xcc\x9bw.\xe7\x8a \x08&lt;\xc7\x8d\x1c9\xd2b\xb1\xb8\xbb%{ x`yyy\x1c\xcb&gt;\x99\x90\xf0\xea\xa4IoN\x9b\x1a\x15\x1ab\xa8\xaa\xe2y\xbe\xc1Y\x7f\x84\x90\x8be?_\xb6\xd4\xe1p\xda\x1d\x0e\x8a\xa2\xa6O\x9fn0\x18 \xf4\\O\x0b\x9f\xb7(--=~\xfc8EQ\x1c\xc7\xcd\x1c;\xf6\xe5iS!\x84v\xbb\xbdaY\x7f\x00\x00\xc30\x96\x1a\xc3\x82\xe9\xd35*U\xc1\xf5b\xbb\xdd&gt;x\xf0\xe0\xb2\xb22pk\xa3C\xa8\r\x11\x80?`9\x0eq\x1cC\xd3\r+w\xea\x86\xa2(\xb3\xd5\xda,2\xf2\xcdiS\xdb\xb7j\xa9\xf7\xf1IOO\x9f3g\x8e\'\x07\x82\xb0Y\xcc\xbepA\xa9P\x18-\x16\xab\xcd&amp;\x93H,6\x9b\x84a\x1a\xe2+\xc0w\x06\xd04\xbd\xf4\xbf/\x01\x00T\n\x85\xd1`x\xfd\x8d7(\x8a\xf2\xd8W\x80\x07\xf6\xf3\xcf?\x9bL&amp;\x84P\x90\x9f\xdf\x7f\xc6\x8e\xb1\x1b\x0c\r\xdaev\xb1\xec\xe8\x01\x03\xa4\x12\t/\x08eee\xaf\xbe\xfa*\t\x04\xdd\x95\x86\xfa\x82\xeb\x82\x86\x12\xed\xb9\x07\x0cM[L\xa6\x05/\xbd\xd4\xbee\xab\xd2\x8a\n\x9c\x0c\xd8\xe2\xc1\xc9\x00lb\xce\x9e=\xab\x94\xc9b##\xe3ccQ\xc3\xd9u\xdd\x15\x9a\xa6\xadV\xeb\xc0\xde\xbd\x16\xce\x98\xde1\xae\x95F\xa5Z\xbbf\xcd/\xbf\xfc\xe2\xc9\xaf@\x10\x84\x94\x94\x14\x8a\xa2h\x8a\xea\xd7\xbd\xbbV\xa7sq\\\xc3\xb5\xfe\x10B\x96\xe3\x9e\x1e8\xb0S\xeb\xd6&lt;\xcf\xc7\xc7\xc6\xfe\xb4g\xcf\xe5\x9c\x1c\x86a\x88\x06\xdcFC}\xc7\x84?\x03R\x94\xd3by\xe9\xb9\xf1\x89]\xbbD\x84\x86B\x08_\x9c1#??\xdf\x93= \x9b\xc5R^S\xb3!%\xe5B^\x1e\xa3P\x08\x9e\x1a-\xb9O \x84v\xbb\xe3?\xcf&gt;\x9b\x9d\x9bWm424=y\xf2d\x9b\xcdFQ\x94\xa7\x05\x82p\xf5\xaa\xc5b9y\xf2$\xee\xe6\xf6X\x8fG\x01\x84\xa0!k0\x00\x80\x82\xd0^S\xb3\xe2\x95\x97\x17\xce\x98\xa1\xd7im\x0e\xc7\xb3\xe3\xc6\x99\xcdf\xf7\xfdn\x04\x0c\x11\x00o\x83\x82\xd0\xe5t6k\xda\xf4\xe37\xde\xb8\x98\x97\xc7\xd0\xb4\xd5j\x9d2e\n\x0eC{\xe0\xecgY\xb6\xda`h\x13\x133c\xcc\x98&gt;\x9d;\xb3v\xbb\x87\x17\xfc\xfc%\x10B\x96euZ\xed\xbb\xaf\xbc\x0c\x00\xe0\x05!??\x7f\xc6\x8c\x198@T\xdf\xa3\xbb\x0b8Q\xf4T\xef\xde\x0b^\x9c\xd1\xb6E\x0b\x97\xc3A7\xfcW\xe0b\xd9\xc0\xc0@\x8dJYZY\xa9R*\xd3\xd3\xd3_\x9f;\xb7A\x14e=L\x88\x00x!8\x19\x10\x1b\x1d\xfd\xf2\x84\xe7X\x8e\x0b\t\n:x\xf0\xe0K/\xbd\x84\x9b\x86\xd6\xf7\xe8\xfe\x00\xbb\x9fv\xbb=??\xdfd\xb5^\xce\xcf\x0f\xf4\xd3\xd3\x004t\xf7\x13\x00@\xd3\xb4\xc5l~v\xc8\x90!\x89\x89\x91\xa1\xa1\x8d\x02\x03\xb7l\xd9\xb2f\xcd\x1aO\x0b\x04\xe1\xc1\x1c8p\xc0`0\x1c\xcf\xcc\xcc\xbbZ\xd4\xb4Q#\x96e\x1bt\x14\x0e\xc3\xd0\xb4\xb1\xa6\xe6\xa5\x17^\xe8\xd9\xbe}yU\x95R\xa1\xf8d\xf5\xea\xc3\x87\x0f{r&gt;\xe6\xe1C\x04\xc0;\xa1)\xcan\xb3\xbd2i\xd2\xac\xb1cT\n\x05EQ+W\xae&lt;p\xe0\x80G\x19 \xbc\x1d\xb9y\xf3\xa6\xd3\xe10[\xad\x1c\xcfI%\x92\x86\x1e\xffq\x03!\xb4\x98\xcd_\xbd\xf7n\xbb\x96-K+*\xe42\xd9k\xaf\xbdVPP\xe0Q\xb18\x1c\xe8OII\x81\x10V\xd6\xd4\x98,\x16\x85R\xc9{\xcc\xf0\xfe%\x14E9\xac\xd6\xd7^x\xc1\xcf\xc7\xc7f\xb7\x07\xfa\xe9W,[\xe6\x05\xda\xf6\x00!\x02\xe0\x9d@\x089\x8eS)\x14\xf3\xa6M\xbbQ^.a\x18\x9dF3z\xf4h\x8fJ\x06\xb8k@i\x08[5\x8bV\xc8\xe4\x01\xbe\xbe&lt;\xc7y\xc7\x02\x85\x10\n&lt;/\x93J\xa7\x8f\x1eEA\xe8p:\xad\x16\xcb\x9c9s \x84\x9e\xf3\xfc)\x8a*\xbe~\xfd\xc8\x91#\xf8]L\x1c:\xc4\x9b\xec#\x0e\x87F\x84\x85\xad}\xf3\xcd\x89C\x86\xb4\x88\x88&lt;\xf8\xcb/\x1b\xd6\xaf\xf7\xb4\xadp=B\x04\xc0k\xa1(\xca\xeep\xe8}|\xbe^\xb1\xbck\x9bx\x8a\xa2*++=*\x19\x80\xc7\x90\x91\x91\xc1\xf1&lt;\x00\xb0c\\\\hP\x90\xcb+\xe2\x0f\x18\x9a\xa6\xcd&amp;S\xafG\x1f\x9d\xfb\xc2\x0b]\xe3\xe3\x9bGDl\xdd\xbau\xdb\xd6\xad\xf8\xe6\x80\xfa\x1e\xdd\xefu\xf19W\xae8\x1d\x8e\xc8\xb0\xb0\xc8\xd0\xd0\x0e\xadZ\xb9\x1a~\x0e\xa66\xf8\x15\x0c\x7f\xac\x7f\x8d\xd1x\xa3\xa2\x82\xa2\xa8)S\xa7fdd\x90d\x00\x86\x08\x807\xc3\xd0\xb4\xd9l~j\xe0\x93=\xda\xb5\xaf1\x1aC\x82\xffH\x06x\xd4\xec\x17\x10:\x9c\x96\xf6\xc3\x91#^c\xfa\xdd0\x0cc\xae\xa9yk\xd6L\xb9L\x96SX\x08\x00\x98&gt;cFyy\xb9\'\x94$b\x01\xbex\xf1"MQ\t\x9d:.I\x9e\xad\xd7jY\x9e\xf7\xb2\xb7\x00!\xb4\xdal\xcb\xff\xfb\x12\x05!&gt;[&gt;i\xd2$\xa7\xd3\xe9!nP\xfdB\x04\xc0\xcba\x18\xc6ZY5{\xfc\xb3\xb3\xc6\x8eU\xca\xe42\xa9t\xe5\xca\x95\x87\x0f\x1f\xf6\x84]064Wrsu*\xd5\xb41c\x92\xc7\x8fgy\xde\x0b2\xc0\xb7\x81\xcd\xcc\xcc\xb1c\x00\x00\xfe\xbe\xbe\xd5UU\x83\x06\r\xc2}/\xea\xd7\x00\xe1\x04\xc0\xcf?\xff, \xb4y\xfb\x8e\xcd;v*\xd5j\xafI\x00\xb8\x81\x10\xf2\x82\xd0\xacY\xb3\x89C\x87\xe0R\xd7\x8c\x8c\x8c\xad[\xb7z\xc2\x12\xa8w\x88\x00x9\x10\x00\x81\xe7\xd5J\xe5\xbciS\xcb\xab\xaa\x9c.W\xb0\xbf\xff\x8ae\xcbx\x9e\xafw\xf7\x07\x07\xa3r._\xf6\xf7\xf5-\xba~\xddb\xb3\xd1R)\xf2:\x03DS\x94\xcdj\x1d\xdc\xb7\xef{\xaf\xbc\x1c\x1a\x14\xc40\xcc\xc9\x93\'\x97,YR\xbf\x06\x08\'\x00JKK\x0f\x1f&gt;\xac\x90\xcb[DEN\x1e1\xdc\xfb\xac?\x86\xa6(\x8b\xc1\xf0\xd2s\xcf\r\xec\xd5k\xe6\x981\x13\x87\x0cy\xf9\xe5\x97\x0b\x0b\x0b=m+\xfc\xf0!\x02\xe0\xfd\xe0d\x80\x9f^\xbfv\xc1\x9b\xef\xbf\xfa\xea\xcc\xb1c\x0e\x1c&lt;\xb8x\xf1\xe2\xfa\x8dDc\x03d4\x1as\xf3\xf2\x1cN\'\x00\xa0u\xf3f\x80\xe3\xbc,\xfe\x80\xa1(\xcad\xb5\xfew\xf2d\x9dZ\xedt\xb9\x00\x84\x8b\x17/&gt;y\xf2d=\x06\x82\xb0\xf6\xec\xdb\xb7\xcff\xb3\x99,\x96\x8a\xaa\xea\x9e\xed\xdb\xb3\x0e\x877%\x00j\x03!\xb4;\x1c\xbb\xd7\xadm\xdb\xa2E\xca\xcf?\x97\x95\x95M\x9e&lt;\xd9\x93{4=\x1c\x88\x00\x88\x02\x86\xa6\xcdF\xe3\xe8\xa1C[DF\xce\xfb\xf0#\x96\xe3\xdey\xe7\x9d\x13\'N\xd4{U(EQ\x14\x84\xd7JK\x7f&lt;z\xb4\xd2`\xa0\x18\xc6[\x97#\x04\xc0e\xb3\xadY\xf0\xa6Z\xa9\x8c\n\x0bc(\xea\xf1\x01\x03*++\xeb+\x10\x84\x85v\xd7\xae]x\x00}\xbbt\xf1\x0f\x0ctzQ\x06\xfeN\xb0\xd6f^\xbad\xb1Z\xe52\xd9\x81\x03\x07\xd6\xacY#\xf2@\x10\x11\x00\xb1@\xd1\xb4\xd3l\xd6\xaa\xd5J\xb9&lt;2,\x8c\x86p\xd0\xa0A\x15\x15\x15\xf5U\x15\xea&gt;\x04`\xb7\xdb\x1f\xeb\xde\xfd\xd5\xe7\'\xc57o\xee\xf4^\x0f\x94\xa2(\xa7\xd3\x19\x13\x1e\xbe\xeb\x93O\x90\x80\\\x1c\x079n\xdd\xbau\xf5e\x80\xf0{/(,\xec\x14\x177\xf7\x85\x17\xc6&gt;\xf5\x14\xcb\xba\xbc\xf5\xe1ch\x8a\xb2Z,\xcb_}\xb9Ml,\xdet\xce\x993\xc7d2\x89y\x1f@\x04@,\xe0\x9a\xe8\xeem\xdb\xec\xfe\xe4\x13\xb9T\xead\xd9\x8a\x8a\x8a\xe9\xd3\xa7\x83zj\x93\x8b\x97\\n^\x1e\xe2yDQ\x97\xf3\x0b\x14\n\x85\xf7%\x00jCQ\x94\xcdn\xef\xd3\xb5\xcb\xb3O?5\xee\xa9\xa7\x82\xfc\xfd\x97-_~\xe6\xcc\x99\x87\x1f\x08\xc2\xf7\xf0\x94\x96\x96\xe6\xe5\xe6f\xe7\xe5\xa5\x9e8\x1e\x1c\x18\x00\x05\xe4}\x19\xf8\xda\xe0l\xb0T"]=\x7f\x9eJ\xa1\x18\xfe\xd8c1aa\xd3g\xcc\xf0\x9c\x931\x0f\x1f"\x00"\x82\xa2(\xa3\xc5\xd2\xa7WB\xbb\x16-dRiT\xd3&amp;\xdb\xb6m{\xfb\xed\xb7\xeb%\x19\x80\x05\xe0Bv6\xcbq\x15UU\x8d\xfc\xfd\xfdu:\xce\xebj\x10o\x03B\xe8p8\xa6\x8c\x18q.\'\x07@h\xb5X\x86\x8f\x18\xf1\xf0\x9b\x94\xe1=Gjj\xaa\xcdf\x0b\xf2\xf7/\xaf\xaa\x963\x0c\x10\x81\x17\x8c\x13\xf2m[\xc4\x9e\xdf\xb3\xbbo\xe7NW\xae]\xfb\xfa\xab\xaf\xc4\\\x11D\x04@\\\xd0\x14e5\x1aW\xcd\x9f7m\xd4\xc8\xb2\x8aJ\x08\xe1\xdbo\xbf\x8d\x93\x01\xf5\xe2\x04]\xbbv-\xc0\xd7\xb7ullDX\xa8\xf7\x9b\x9f[\'\xb4\xb5*\xd5\xd2\xe4\xd9\xd7n\xde\x94J$\x85\x05\x05s\xe7\xce}\xc8\x06\x08\x17\x80n\xdd\xba\x15Bx\xa3\xbc|`\xaf^q-Z\xd8\xbc\xeb\x08\xd8\x9f\x01!\xe4y!40\xf0\x9d\xf5\x1b\xf0m\xa33g\xce,--\xf5\x9c\x13\xda\x0f\x13"\x00\xe2\x02B\xc8s\x9c\xafZ=a\xf0`\x8e\xe7#BC\x19\x8a\x1a4hPyy9x\xb8\xb1 l\x83\xcegg\xdf\xac\xac\xdcw\xe4\x08M\xd1\xb4\\\xee\xade\x88\xff\x0f\x08\x05\x84\x12\x1f}\xb4_\xd7\xae.\x96\xd5&lt;\xf4\x0b\x9co\xeb\x00\xe1t\xb9\x12:v\x04\xc8\xcb\xe3?\xb5\x11\x10\xa2iz\xed\x827!\x84\x08\x80\xb2\xb2\xb29s\xe6\x883\x10D\x04@t\xd0\x14e\xb1XZEE\xfd\xb0v\x8dL"\xe1\x05\xa1\xa2\xa2b\xe6\xcc\x99\xf5\xb2\x00\x18\x9a\x0e\xd4\xeb\xa3\x9a6\xd5\xa8U\xbc\xb7\xc7\x7f0\x10\x00$\x08\x02\xc7\xbd\xff\xda\xab}\xbbt\x89\x0c\re\x18f\xc6\x8c\x19\xb9yy\x0f\xc7\t\xbd\xb3\x03D\xd76\xf1Nq\xb8\xff\x18\xbc\x04\x9eHL\x9c8x0\ra\xf3\xf0\xf0/\xbf\xfc\xf2\xe0\xc1\x83\xf5^\x14\xf7\xf0!\x02 Fh\x9a6\xdbl}\x12\x12:?\xf2\x08\xcbq\x14E\xa5\xa4\xa4\xac_\xbf\xfe\xa1%\x03p\x12\xd2f\xb3\xe5\xe5\xe5U\x19\x8dU55\xfe\xbe\xbeP\x041h\x0cEQ\x0e\x87\xa3i\xe3\xc6\x9f\xcc\x9fw1/\x8f\xe38\xab\xd5\xba|\xe9\xd2\x87\xa3\xc1w\xed\x00\xe1\xf5\xd9\x97\xdb\xa0(\xcaf6/\xf9\xefKc\x9fz\n!\x04\x10\x9a:u\xaa\xd9l\x16[E\x10\x11\x00\x91BS\x94\xddh|\xff\xd5W\xe2\x9a5k\x15\x1d\xadR(\xa6N\x9d\x9a\x99\x99\xf9p\x9c ,\x00\x15\x15\x15F\x83\xa1O\xe7\xce\x9d\x1ey$\xa2qc$&amp;\x1bDQ\x94\xc5f\x8b\x89\x8aze\xc2\x84a\xfd\xfb-\x9a9s\xdb\xd6\xad[\xb7n}\x08\xcf_$\x1d \xee\r\xbe\xb4\'0 \xe0\xd1vms\x8b\x8a$\x12I^^\xde\xdc\xb9s\xc5\x16\x08"\x02 Rp6R\xadP\xfc\xb8n\xad\xd3\xe9\xb4\xda\xed\x14E\x8d\x1f?\xbe\xba\xba\x1a\xdcr\x12\xeb\x0e\xfc\xdf/**2\x9b\xcd\xe5\xd5U\x06\x93\xa9I\xe3\xc6,\xcb\x8a\xc5\xfc\x03\x00\xf0\x05\xcef\xf3\xe2\xe4\xd9\xafN\x9c\xb8y\xe7\x0e\x93\xd9&lt;k\xe6\xcc\xba&gt;\x99\x81\x13\x00eeeG\x8e\x1cQ+\x95-\xa3\xa2\xbc\xb8\x03\xc4\xbdah\xdaTS\xf3\xdc\xb0aC\x93\x12\x9d.\x97L*]\xbdz\xf5\xb1c\xc7DU\x11D\x04@\xbcP\x14ew\xb9\xc2\x9a4yv\xd0\xa0\xb0\xe0\xe0\x98\x88\xf0s\xe7\xceM\x9b6\xed\xa1-\x80\xfc\xfc|\x00!\x84T\x80\xaf\x8f\x18j\x10\xef\x04\xd7~\x16\x96\x94\x14\x16\x97\xd0\x0cSZVV\xd7\'3\xf0\x9b\xfd\xf1\xc7\x1f-\x16K\xb5\xd1x\xfdfi\xcf\x0e\x1d\xbc\xb8\x03\xc4\xbd\x81\x14\xe5\xb4\xdbW\xbd\xfe\xba^\xa7c9N\xabV%\xcf\x9e\xcd\xb2,\xa8{\x1f\xc8C \x02 j\x18\x9a6\x1b\x0cs\xa6M\x995v\xec\xa5\xfc\x02\x9a\xa6\xdd\xc9\x80:\xd5\x00\xf7\x0e\x00!\x94y\xe9\xd2\xafg2\xf4&gt;&gt;\x9c\x976\x02\xba\x074EY\xcc\xe6\x11\x83\x06M\x1a2\x84\xa1\xe9\xa8&amp;\x7f\x9c\xcc\xa8\xd3\xe7\x7f9\'\'\xc0\xc7g`\xef\xde\xcf\r~Z\xaf\xd5\xb2\xe2{\xf2\x18\nB\xa7\xd3\x19\xd2\xa8\xd1\xda7\xe7\'v\xe9\xe2\xe7\xe3{\xe6\xec\xd9\xa5\xf5\xdd\xa7\xefaB\x04\x80\x008\xa7k\xcc\x93O\xb4\x8c\x8aj\x11\x19\xa9\x94\xcb\xa7N\x9d\x9a\x95\x95U\xa7\x8d\x12\xb1\xb9\xa9\xac\xaaj\xec\xef?\xf3\xd9g\xff3n\xac \x08"\xb5A\x14e3\x1a\x97\xbd\xfa\xca\x94\x11#nV\x94K%\x92\xc5\x8b\x17\xd7\xdd\xf3\xa7(\n!t\xec\xe8Q\xbb\xd3\xa9R*\x86$&amp;\xb2b*\x00\xbd\x13\x9a\xa6\xcdF\xe3\x88\xa7\x9e\xa2(\xaa\xb0\xb8X"\x91,~\xe7\x9d\xac\xac,O\xb8\xb0\xe1!@\x04@\xecP\x10\xba\\.?\x9d\xee\xc0\xa6O\x11B6\x87\x03B8f\xcc\x18\xa3\xd1Xw\x15\x11\xd8\xd6\x9f?w\xae\xb4\xbaz\xdbO?Y\x1d\x0e\xb1\x1c\x02\xb8\x03|2\xc3G\xa5\x9a:r\x84J\xae\xe0\x05\x81e\xd9:z\xfe\x82 P\x14UXX\x98\x99\x99i\xb1\xdb\xff\xf7\xc3\x8f\x15\x86\x1a\x99T*\x92p\xc7\x9f\x01)\xcai\xb5\xae\x9a;\'\xd8\xdf_\x10\x04\x8e\xe3\xeaz\xfe{\x0eD\x00\x08\xb7\x83\xe7\xbd\'\xdcY(N\xea\xfa\xf9\xdbl6\x91\xc47\xfe1\xe2\x99\xffD\x00\xc4\x8e\x80\x90T*\xad2\x1a\x13\'=\x0f!T\xca\xe5\x82 |\xf3\xcd7~~~\xb8X\xb3.~)v\xacZ?\xf2H\xb0^?\xec\xf1\xc7Ur9\xefp\xd0\x94\x18g#B\x88f\x18\x83\xd5\xba\xee\xbb\x14\xab\xc3NS\x14\xc30u\xf4\xfcq}Q\\\\\\\xfb\x0e\x1dT\n\xc5\xa8\'\x06\x04\xf8\xf8:].q\x06\xdf\xdc A\x90\xa9T\xb3\x97.+\xad\xac\xa4\xea\xf2\xf9{ b\\r\x84\xdb`d\xd2\xaf\xf7\xfep1?\xffRA\x81\xcd\xe1X\xb7n]||&lt;\xcf\xf3T\x9dYd,\x00\xfe~~7*+?\xfe\xe2\x8b\x0f\xbf\xfc\n\xc7\xa6\xeb\xe8\xd7y2\x82 (u\xba9+\xde]\x9f\x92\xd2( \xd0\xc5\xb2\xf3\xe6\xcd\x8b\x8f\x8f\xe78\xae.\x9e?\x8ek\xf7\xe8\xd1C)\x93Ym\xf6\x1d\x07\x0eH \x14g\t\x16\x86\xe7y\x8dN\x97\xb2{\xb7 \x08\x11\xa1\xa1,\xcb\xce{\xe3\x8d\xba{\xfe\x9e\x86\xf7\x7fC\xc2=\xe0x^\xe3\xe3\xb3l\xed\xfa\x8f\xbe\xfa\xaaET$\xcf\xf3#F\x8c\x982e\n\xc7q4M\xd7\xdd\xef\xc5\x8eU\xd3\xa6M!\x84mZ\xb4x\xb4}\xdbj\x83\x81a\x18\xb1i\x00/\x08j\x8d&amp;e\xd7\xaeM;vp&lt;\x9f\x7f\xed\xda\xb0a\xc3\xe6\xcf\x9f\xcfq\x1c\xc30u\xf7{ccb*\x0c\x86=\x87\x0em\xd9\xf9}\xb5\xc9$\x11\xdf\x93\xc7\x08\x08\xc9d\xb2\x92\x9b7\xa7-z\xfb\xc0\xc9\x93U\x86\x9a\xf6\xed\xda\xcd}\xfdu\x9e\xe7\xebt\xfe{\x0eD\x00\xc4\x8b \x08\n\xa9\xf4\xfa\xb5k_\xec\xdau\xbd\xb44\xa7\xf0\xea#\x8f&lt;\xb2v\xed\xda\x876\xfb\xa3\xa2\xa2\x00B\x08\t\x155\x06q\x16\xa2@\x08!\x00\x11!!\x11\xa1!&lt;\xc7\x05\x07\x05\xadY\xb3\x06\xdc:\xac[\x17\xe07;`\xc0\x00\xb5Z\xad\xd7\xe9\xc2\x1a\x05\x1f=}Z"\x97\x0b\xa2\x14\x00$\x082\x85b\xf6\x92%\xd5F\xa3\x84aL\x16\xeb\xcaU\xab$\x12\t\xb8\xe5\xa3x=D\x00D\nB\x88a\x18\x8b\xdd&gt;`\xea4\x99L\xa6R(\x04A\xf8\xfc\xf3\xcf\xf5z=\xa8\xfb\xd9\xef\xde\x01h4\x9a@\xbd\x9f\x8fV{\xed\xc6\r\x89D"*#\xc4\xf1\xbcZ\xa3\x99\xb7r\xd5\x8a\xcf&gt;\x9b0x\x88V\xa3\xf9\xe8\xe3\x8f\x03\x02\x02p\xadN\x1d\xfdR\xdco.(((!!\xc1b\xb3]\xcc\xcf\xdf\x90\xb2U\x9c\xd9\x17\x8e\xe7\xb5\xbe\xbe[\xb6m\xdb\x9ez@&amp;\x95:]\xae\x193f\xf4\xe8\xd1C&lt;\xee?\x00\xa0\x0e\xb7\x99\x04O\x86\x17\x04\xb5^?}\xd1\xdb\xd9\xb9\xb987\xb8n\xdd\xba6m\xda\xd4u\xf0\x01\x83\x0b]\x02\x02\x02t&gt;&gt;\xbf\x9c:\x15\xdd\xa4I\xe1\x8d\xde\xf1\xadZ!\xd1\xd4\xa4\x0b\x82\xa0V*s\xf2\xf3\xdf\xdd\xbc\x99\xe5\xb8m?\xef\x9f4q\xe2\xf0\xe1\xc3\x1f\xc2\xf3\xc7\x02\xd3\xbf\x7f\xff\x83\xa9\xa9\x13\x86\x0e\xe9\xdf\xad\x9b\xcdb\x11\x9b\x06 \x84$\x12IyE\xc5\xafg3\x9a5m\x9a\x7f\xedZtt\xf4\xd2\xa5K\xebT}=\x10\x11}U\x82\x1b\x9e\xe75J\xe5/G\x8e\x9c:wN\xc20\x82 \xb8C\xff\x0f\xc1\xfa\x83[\x02\xa0T*\xa3\xa3\xa3\xfdt:?_\xdf\xca\x9a\x1a$\x0e\xd3\x0f\x00\x10\x04A.\x97\x17\xdd\xb8\xf1\xe2\xdb\x8b[FG3\x0c\xa3R\xa9^\x9b;\xf7\xe1X\x1f\xbc\xfdj\xd9\xb2%/\x08G\xd2\xd2__\xb9\xaa\xdadbhZTi\x00A\x10\x94\x1a\xcd\xeb\xef\x7f\xf0\xd5\xee\xdd\x10B\x00\xe1\xbau\xeb4\x1a\x8d\x18*\x7fjC\x04@t\xf0\x82\xa0V\xab/\xe4\xe7?1m\xba\x93ei\x8a\n\x08\x08\xf8\xf8\xe3\x8f\xeb\xc5\xf7\xe1x\xbe\xbc\xba:\xbf\xa8\xc8l\xb1\xd2\xe2\xb0A\x08\x00HQ\x14\xc3\xfcw\xf9\x8a\x83\'O\x16\x14\x17s\x1c\xb7z\xf5\xeaf\xd1\xd1\xb8S[]\x0f\x00\xff\x8a\x98\xe6\xcdery\xc1\xf5\xeb\x05\xc5\xc5\'2\xb3d\n\x85x\xd2\x00x\t\xfcp\xe0\xc0g;w\xf2\x08]\xb9zu\xdc\xb8q}\xfb\xf6\xad\xeb\xda\x07\x0f\x84\x08\x80\xb8\xc0U\xe75\x16\xcb\xe6\x9d;\x19\x9a.,.\xe6\x04a\xd7\xae]\x81\x81\x81\xa0.s\x8fw\x82\xeb\x11[\xc7\xc55\xf2\xf7\x7f,!\x81\x17x\xb1\x1c\x05@\x88\x82\xf0\xc0\xaf\xbf\xee?qB*\x91\x98-\x96\x193f\x8c\x1f?\xfe\xa1Y\x1f\x9c\x06\x08\r\x0bKHH\x80\x10\xca\xa4\xd2#\xe9\xe9@L\xc5\xa0\x14\x84&lt;\xcfO{k\x11B\x08\x02\x10\x14\x14\xb4l\xd92\xb1\x05\x7f0\xa2\xfb\xc2"\x87\x17\x04\x95N7\xfb\xed\xc5k\xff\xf7]P\x80?Bh\xfe\xfc\xf9]\xbbv\xad\xaf\xaa\xe7&amp;M\x9aT\xd4\xd4\x9c\xbf|\xb9\xf0z\xb1\x186\xde8\xf7n\xb2Z\xe7\xae\\\xd5\xa4Q#\x17\xcbFDF.]\xba\xf4!\'\x1e\xb1\xfa\x0e\x1f&gt;\x1c!\xd480p\xcf\xe1\xc3\xd9\x97.)\xc5\xb1\t@\x08\xd14U\\^\xfe\xc6\x94\xc9Z\xb5\x9a\xe5\xb8\x8f?\xfe888\xf8\xe1l\xbf&lt;\r\xd1}a1#\x08\x82N\xad\xfe\xe5\xf0\x91\xb3\x97.9]\xae\xfc\xa2\x87Tu~Wp\xa4\xb5U\\\x9c\x84a\x02\xfc\xfcnVVV\x1a\x8d^\x1f\x89F\x08\xc9\xe5\xf2\xf5))\x8f\xc4\xc4\x00\x84Tj\xf5\xd6\x94\x14\x8dF\x03!|\x98\xa1g,6IIIJ\xa5\xb2\xac\xb22\xd0O\xef\xe081\xa4\xdfyAP\xaaT\x19\x97.\xb7\x1e\xf8\xd4\xc1Si\xcd\x9b4\x193v\xec\xf0\xe1\xc3EU\xf9S\x1bR\x05$\x16\x04\x84\xa42\xd9o\x19\x99O\xbd\xf8b\x90\xbf\xbfL"\xd1\xe8tu]u~\x0f\xb0\xbdk\x16\x1d\ri\x1a\nBlT\xa4\xddn\xf7\xd1h\x80\xf7\xb6\xa9\x11\x04A\xa9P\xfcr\xe2\xe4\x17\xdf\xef\xbez\xa3D\xa7R\xcdy\xed\xb5\xf6\xed\xdb?|\x01\xc6I\xf8\xe0\xe0\xe0\xe8f\xcd\xe4&lt;\xdf\xb7k\xd7\xd2\xf2\n\xd4"\xd6\xbb\xaf\x86G\x08\xd1\x14\xe5b]3\xde^l\xb5\xdb\xb7\xee\xdb\xa7\xd1h\x0e\x9e8!\xce\xe0\x0fF\xa4_[\x84\x08&lt;/\xd3hL\x16\x8b\xcd\xe1(\xb8~\x9dGh\xd7\xae]u]u~\x0f\xb0\x004j\xd4H\xa1P\xec\xfb\xed\xb7\x15\x9fn\xca\xbarE\xe6\xbd\'\x92\x04A\x90\xc9d9W\xaf\x0ez\xf1EHA)\xc3 \x86\x99:uj}\xf9\x9e\xf8\xbdGFD\xa4eg/\xdd\xb8\xf1\xab\xdd\xbb%\x12\xa9\xb7&gt;|\x0c/\x08*\xb5\xfa\xb5\x15\xefe^\xbe,\x97\xc9\x00\x00\xcb\x96-\xd3j\xb5b\xab\xfc\xa9\r\x11\x00Q\xc0\xf1\xbcF\xa7\xfbv\xfb\xf6K\x05\x05\x8b\xff3K\xc20o\xbc\xf1\x06\x0e\xfd\xd7\xef\xceW\x10\x04\x01\xa1&amp;\xc1\xc1\x03z\xf6\xf4\xf7\xf1\x118\xce[\x17"\x02@\xaaTN\x7fk\x91\xc5f\xcb\xbf~\x9d\x13\x84\x9f~\xfc\xd1\xdf\xdf\xff!\x07\x7f\xfe\x18\x0fB\x00\x80A\x83\x06\xe1\x01\x1c&lt;y\xb2\xb2\xbc\\&amp;\x91xq\x08\x0e;:mZ\xb4P\xabT\x0e\xa7311q\xfa\xf4\xe9\xa2\r\xfe`H\x08\xc8\xfb\x11\x04A!\x97WUWO{k\x91\xd1b\t\xf6\xf7O\xec\xdbw\xde\xbcy\xf5\x12\xfaw\x83kQt:]\xb3\xe8hCY\x19\x00\xe0\xfc\x95\xdc\xae\x1d:x\xa5\x01\x12\x04A\xabR\xbd\xbfa\x83\xd1b\xc1\x87N\xe7\xcd\x9b\xd7\xa5K\x97z|\x05\xd8\xea=\xf6\xd8cJ\xa5\x92\xa1\xa8\x00?\xfd\xd13g\x06%%\xb9,\x16\xda\x1b\xdda\x84\x90B.\x7fj\xea\xb4\xf0\x90\x90\x11\xfd\xfb\xff\xf0\xdbo\x1b6l\x10\xb3\xef\x8f!;\x00/\x07\x01@\xd1\xb4\xc5f[\xbcv]\xa0\x9f\x9fL*-\xad\xac|u\xce\x1c\x9a\xa6\xeb}\xea\xe3\xe5\x17\x13\x1b[YS\xd34,L\xadT\xf2.\x17\xf4\xbah,N&lt;\xee&lt;x\xf0\xe5w\xdf+.+\xe38\xaeK\x97.\xaf\xd7w\xc71,\xc0\xc1\xc1\xc1\xbdz\xf5\xb2;\x1c\x97\xf2\x0b\xbc\xb8\'\x04/\x08j\x1f\x9f\x0f\xb6l\xd9s\xf8\xf0\xc7_\x7f\xfd\xd9\x8e\x1d\xef\xbd\xf7^DDD\x9d\xb6\xbcm\x10\x88\xfa\xcb\x8b\x01\x8e\xe3T\xfe~\xab&gt;\xff\xe2\xa3\xaf\xbe\xb29\x1dN\x97+99\xb9W\xaf^\x9e\xb0\xf3\xc5\xce~\xf3f\xcd\x8cV\xeb\xda\xaf\xbf^\xf9\xf9\xe7\x12\x9a\xf6\xbejt\x1c\xe2\xf9\xf8\xab\xaf\x01\x00\x9555z?\xbf]\xbbvI$\x92\xfa\n\xfe\xb8\xc1\xc5\xa0\xfd\xfb\xf7\xa7 \x9c0t\xc8\x84!\x83\xbd\xb2\'\x04\xce\xfd\xe6\xe6\xe6~\xb6}\x07EQ\x0cM\xb7m\xdbV\xcc\x95?\xb5\xf1\xb6\x97M\xa8\r\xc7\xf3\x1a\x8df\xf7\x9e\xbd\xc7\xce\x9e\xf1\xd5\xe9JJ\xcb\xfa\xf6\xed\xfb\xc1\x07\x1fx\x9a\xe3CA\xd8\xabS\xa7\'\x12\x12\xbc/\xfe\xc3q\x9c\xc6\xd7w\xc1G\x1f;\x9c\xce\x98\x88\x08\x00\xc0\x9a\xd5\xab\x03\x03\x03=\xa1\xdd\xfc]{BH\xbc\xae\x12\x17!\xa4R*_{\xff\x03\x01!\xa9D\xc2\xf1\xfc\xa6M\x9bd2Y\xbd\x0b\xb0\'@r\x00^\x0b\x0e\xfdW\x1b\x0cc^}\x8d\xe58\xb9L\xe6\xef\xef\xbf~\xfdz\x1cx\xf1\x84\xa9\x8f\xc7\xd0\xb6m[\x86\xa6\x01@\xe9\xd9\xd9\xc5ee\x81z=\xcbq\x9e0\xbc\x7f\x0f\xcf\xf3\x1a\xad\xf6\xf0\xaf\xbf.\xdd\xb8\x91\x17\x04\x08\xc0\xf0\xe1\xc3\x87=\x94\x8eo\xf7\xc3m=!\x00\x00\xa7/\\x:)\xc9a2yM\x1a\x80\xe7y\xadN\xb7\xf5\xc7\x9f|u\xba\xc6\x01\x01E7n\xac_\xb7\xaem\xdb\xb6\xc4\xfd\xc7x\x90\x1bHx\x80\xe0\x13\xa7V\xbb}\xf1\xda\xb5\x8d\x03\x03Y\x8e3\x9a\xcd\xdf~\xfbmTT\x94\xe7T=c+\x1f\x1d\x1d\xcd#t!7\xcf\xeetT\xd4\xd4\xd0\x0c\xe3\x1d\xfe\'B\x88\xa2i\xa7\xcb\xb5\xe6\xdb\xff\t\x08\xc9e2\x95Z\xbdl\xd92\xcf9qz[O\x08\x00\xc0g\xdbwx\x93\xfb\x8f\xcf\xbe\x14^\xbf&gt;m\xd1\xa2\xcfv\xec\xb8TX\xd0\xb7O\x9f\xc9S\xa6\x10\xeb\xef\xc6#&amp;"\xe1\x81\xc3\x0b\x82B\xa9|w\xd3\xa6\x8f\xbe\xfa\xdaj\xb7\x0b\x82\x90\x9c\x9c\x9c\x98\x98X\xefu\x9f\xb5q\x1f\x05\x90\xc9\xe5\x1a\x95\x8a\xa1\x19\x17\xcbR\xde\xe2{"\x84\xd4\x1a\xcd\xd8\x97_9{\xf1bp@\x80\xc3</t>
        </is>
      </c>
    </row>
    <row r="6">
      <c r="A6" s="1" t="n">
        <v>4</v>
      </c>
      <c r="B6" t="inlineStr">
        <is>
          <t>color_hexagon</t>
        </is>
      </c>
      <c r="C6" t="inlineStr">
        <is>
          <t>What is the missing color of the part denoted with a question mark?</t>
        </is>
      </c>
      <c r="D6" t="inlineStr">
        <is>
          <t>['purple', 'green', 'blue', 'yellow']</t>
        </is>
      </c>
      <c r="E6" t="inlineStr">
        <is>
          <t>blue</t>
        </is>
      </c>
      <c r="F6" t="inlineStr">
        <is>
          <t>There is a hexagon split into six parts with the colors ['green', 'orange', '?', 'green', 'orange', 'blue'] in an anti-clockwise order.</t>
        </is>
      </c>
      <c r="G6" t="inlineStr">
        <is>
          <t>We observe that a green part is opposite another green part, and a orange part is opposite another orange part. Thus, the pattern is that the colors in opposite parts are the same.</t>
        </is>
      </c>
      <c r="H6" t="inlineStr">
        <is>
          <t>Based on the pattern that spatially opposite parts have the same color, the missing color of the part which is opposite a blue part should be blue.</t>
        </is>
      </c>
      <c r="I6" t="inlineStr">
        <is>
          <t>b'\x89PNG\r\n\x1a\n\x00\x00\x00\rIHDR\x00\x00\x02\x00\x00\x00\x02\x00\x08\x02\x00\x00\x00{\x1aC\xad\x00\x00}\xccIDATx\x9c\xed\xddy|TE\xba7\xf0\xaa\xa7N\xef\x9dt\xc2\x96\x08\x88l\x11\x85\xc8*K\x0cD@@tD\xf0"\xc8"\xa3(W\xf4\xaas#\xa0\xc00\x01\t:\x88\x02\xe6ug^\xc7\xc1aU\x1ce\x19}!8\x86E\x16eX\x07\x14\x0c\xa0,J@!K\xef\xdd\xa7\xaa\xde?*\xb4\x0cc\x10\xc8\xd2\xcby\xbe\x9f\xf9\xe3\xcax\xc7\xb6\x97\xf3\x9c\xaaz\xce\xf3\xa3RJ\x82\x10B\xc8x \xda/\x00!\x84Pt`\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Z\xb4_\x00\x8a&amp;)\xa5\x942\xda\xaf\x02E\r\xa5\x94R\x1a\xedW\x81\xa2\x86\xe2\xef\xdf\xb0t]\xd74\xbc\x030:]\xd7\x19cX\x06\x8c\t\x0b\x80A\t!\x00\xe0\xe0\xc1\x83\xff\xf3?\xff\x03\x00B\x88h\xbf"T\xa74M\xd3u}\xdc\xb8q\xa3F\x8d\x8a\xf6kAQ\x837\x80\x86\xa3J\xbe\xdf\xef\x9f7o^JJJQQQ\xb4_\x11\x8a\x9a\xb6m\xdb~\xff\xfd\xf7\x03\x07\x0e\xcc\xcc\xcc\x94R\x02\xe0\xa1\xa0\xb1\xe0\n\xc0p8\xe7\x8c\xb1w\xdf}\xf7\xc1\x07\x1f\xa4\x942\xc6"\xdf\x01\x00\x8a\xdf\x86\xc4F\t\x11R\x92\xf3\x1f3c,\x14\n\x8d\x193\xe6\xaf\x7f\xfd+n\t\x1a\x10\x16\x00cQ\xa7\xbe\xe5\xe5\xe5m\xdb\xb6\xfd\xe9\xa7\x9f\x84\x10\xb8\xf9cpf\xb3\x99s^TT\xd4\xabW/us\x10\xedW\x84\xea\x0e\x16|c\x11B0\xc6\xf2\xf2\xf2JJJ\x18cDJJ\t\xa5T\x08\xd9\xe37\x1d{\xdd\xd3\xc5\xe7\x0e\x00\xc3}\x80\xc4$\x85\xb4\xd8L\xdf\xee\xff~\xe5\x1b\x9fJ!\xa5$\x14\xa8\xae\xebB\x88\xdc\xdc\xdc\xad[\xb7\x9aL&amp;)%\x1e\x08\x1b\x07\xae\x00\x0cD\x08A)\xfd\xe6\x9bo233\x85\x10\x91\x1ePJ\xa9\x942\xa5a\xd2\xac\x95O9\x92\xac\xba\xce\xf1\x12\x90\x90\x04\x17\xf6d\xdb\x9c\x07\xff\xb4\x7fk1\x00\x15B\xfd\xf6)c\xc09_\xb8p\xe1\x03\x0f&lt;\x80\x8b\x00C\xc1\x02` \xea\xb7}\xfb\xed\xb7\x17\x16\x16\x9a4-\xac\xeb7g\xa4\x9d.\xf3\x9e\xfc\xd1\x03\x0c8\x17=\x87ty`\xc6=\x9e2\x1f0 D\x12\x82e q\x08.\x9c.\xdb\x96\xd5\xbb\x17&gt;\xfb!\x00\x15\x820\xcd\xd4\xe4\xc6n\xc7\xff\xf5\xb9:\xfbm\xd4\xa8\xd1\x81\x03\x07RRR\xf0\xe1\x00\xe3\xc0\xc5\xbeQ\xa8\xab\x7faaaaa!cLH\x01\x94\xbe\xf1\xbb&gt;\xff;\xa4\xa3\xba\xd2S\xa0\xdb\xd6\xec&gt;\xfe\xf5\x0fv\xa7\x95\x10\x02\x00\x00\x14\xff\x93\x18\xff\xa1@M&amp;\x16\xf4\x87?y{\x03!\x84\x02#D^{S\xf6\xdd\x93\xff\xaf-\xb9\x9e\x94\x12\x18+))\x99?\x7f&gt;\xf6\x04\x1b\n\x16\x00CP\x1b\xbb\xba\xae\xff\xeew\xbf\xa3\x840\xa0\x9c\x8b\xfbn\xbd\xbe\xebMM\xc6\xff\xa6}\xeb\xc6.\x9d\x0b\x06\xc0\xb9X\xf1\xf2Z\xca\xf0\xf6/\xd1\x08.\xec.\xdb\xda\x85\x9b\xcf\x9c&lt;\x07\x0c\x84\x10\xc0X\xcf\xd1\xcf\xa4\xa45\xcb\x1e1IJ)\x84\x04`/\xbd\xf4Rqq1\xd6\x00\xe3\xc0\x02`\x08\xea\xb1\xaf\x05\x0b\x16\x1c:t\x88iL\xe7\xdc\xe50\xe7\x8d\xee\x16\xf2\x86\x9c\x0e\xcb\xb3\xf7\xf7 \x84H)\x00\xe8\xc1\x1dG\xf7l8hO\xb2\n\x8e\x97\x80\x04!\xa54[L\xa7\x8f\x9d-zo;\xa5\x94\x10*\x85\xc8\xbcmd\xe36]\xca\xcf\x9c\xcc\xec7\xa2Q\x8bL!80\x16\n\x85\xa6M\x9b\xa6\xce\x84\xa2\xfd\xaaQ]\xc0\x02\x90\xf8\xd4\xd9oIII^^\x9e\xda\xdc\x15B&gt;&gt;\xa8\xc3\x8d\xd7\xa7\x05B\xba\xd7\x1b\x1c=\xa0m\xcf\xcc\xc6\x9cK\x06@\x08\xf9[\xc1Z\xbf/\xc4\x18\xe05 1\x08!\xadv\xf3\xca\xd7\xd6{+\xfc\xc0@\niq\xb8\xb2GN\n\x07|DJ\xb3\xd5\x913f*\x91R\x08\xce\x18[\xb1b\x85\xda$\xe4\x9cG\xfb\x85\xa3Z\x87\x05 \xf1\xa9\'&lt;\xa7N\x9dZZZj\xd2\x98\xcey\x8b\xf4\xe4\t\xf7v\tT\x044\x00I\x08\xe7\xe2\xc5\x87{j\x0c\xb8\x10\x8c\xc1\xe9\xe3g\xd7-\xdclw\xd9p\x11\x90\x00\x84\x90\x8ed\xdb\xdeM\x87v\x14\xfe\x0b\x80JI\xa4\x14Y\xc3\xfe7\xa9A\x13=\x14\x00M\x0bx\xcaZt\xe9\xdb\xba\xfb@\xc19\x05\xa0\x94\xfe\xeew\xbf\xd3u\x1d\xd7\x01F\x80\x05 \xc1\xa9\xcd\x9f\x9d;w.[\xb6\x8c1&amp;\x84\x90\x92\xcc\xfamV\xfdz\xf6\xb0\xce)%\x0c\xa8\xdf\x17\xca\xeax\xed\xc3\x03\xdb\t!)!\x94\xd2\xa2\xf7\xb6\x9f&gt;v\xd6l\xd1\xf0\x12\x10\xef(!\\\xe7\x1f\xbf]$\x84\xa4\x00B\x88F-2;\xfd\xe6\xa1\xa0\xb7\x1c*\xdb=\xa9\xe0&lt;g\xcc\xef-\xf6$\xce90v\xe8\xd0\xa1\x05\x0b\x16\xe0I\x80\x11`\x01Hp\xea\xf8w\xe2\xc4\x89\xc1`\x90\x01\xd5\xb9\xe8\x99\xd9x\xf4\x80\xb6\xde\x8a\x80v\xfe\x81/\x00\x08\xf9B3\xc7\xf4HqZ\xb8\x90\x8c\x81\xb7\xc2\xbf\xf2\xf5O\xad\x0e\xeb\xf9Vq\x14\x978\x17\xceT\xfb\x96\x95\xbb\x0e\xef9\x0e\x0c\x84 D\xca\x9c1S5\x8bMr\xae\xda|)@\xc8\xe7n\xd4\xf2\xa6\x8ew&lt;(\x85P#\xa2\xf3\xf2\xf2JKK\x01\x00\xef\x00\x12\x1b\x16\x80D\xa6Z?W\xacX\xb1q\xe3FM\xd3t\xce\xcd&amp;\xf6\xe2C=9\xff\xb7\xeb:\xa5$\x18\xd2\xd3\x1a%M\x1f\xd5]=\x1dF\x81\xee\xfct\xff\xc1/\x8f\xda\x1c\x16\xac\x01qJJ\xa2i\xac\xec\x8c{\xed\xc2M\x94RJA\n\x9e\xd1\xe3\x8e\xe6]\xfa\x06=e\xf4\x82\xa7\xbd\x80i\x01w\xe9\xcdC\x1eu\xa55\xe3\\g\x9aVZZ\xaaN\x8cp\x11\x90\xd8\xb0\x00$,u\xef\xa6\xfa:\x08!@\x89\x10rx\xaf\x8c\xac\xce\xd7\xfa}!\x06\xff\xd6\xea\xc9\x18\xf8=\xc1\xc7\xeen\x9f\xd1$\x85s\xc1\x00\xf40\xff\xe8\xd5B`@\xf0\xfa\x1f\x9f\x04\x17\x8e\x14\xdb\xfa\xc5[~\xfc\xbe\x14\x80\n!\x98f\xca\x1e1I\xdd\xe6\xff\xdb\xdfJ)\xd7C\xcez\xe9\xdd\x87&gt;I*[B+{\xc6p#(\xb1a\x01HXj\xec\xcf\xdc\xb9s\x8b\x8b\x8bM&amp;-\xac\xf3zI\xd6\xe7\xc7f\x87\xbc\xa1\xff\x9c\xfaK\t\xe1BZ\xad\xa6y\xff\x9dC\x08\x91B\x00\x83\xe2=\xc7\xb6\xad\xd9\xedL\xb1q&lt;\r\x8e7BH\xab\xc3|\xfc\xebS\x1bV|I\x81J\x02R\x88\xcew\x8dKk\xdd!\xe4s\xd3\xff\xf8\x02\x00\xd3\xfc\xe5go\xea7\xb2\xc9\x8d]\x05\xd7\x81i\x95O\x8d\xe0QpB\xc3\x02\x90\x98\xd4\xd9\xef\x91#G\xe6\xcc\x99\x03\x00j\n\xe8\x93\x83;4k\x9a\x12\x0c\xe9\xbf\xf8\xa0\x17\x03\xea\xf5\x04\x07e\xb7\xbc\xad\xd3\xb5\\H\xa0\x84P\xb2\xfa\xad\xcf\xca\xcfz4\x8d\xe1E \xee\x00\x83\x95\xaf\xad\xf7{\x02\x00 \x05\xb7\xa74\xb8y\xf0\xf8\x90\xdf\x03P\xd5\xa8\x1f\tL\xcb\x1a&gt;\x81\x02\x08\xce\x19\xd3\n\x0b\x0bW\xacX\x81-\xa1\t\x0c\x0b@bRg\xbf\xf9\xf9\xf9\x15\x15\x15\x1aca\x9dg4MyfxW\xbf;\xc0.9\xec\x93\x0b9\xff\x91\x1c\xb3\x89\t!\x19\xc0O?\x94\xae_\xb4\xc5\x99b\xc7\x96\xd08"\xb8p$[\xf7o)\xde\xbd\xe1k`\xaa\xf5S\xf6\x1c\xf9tr\xc3\xa6z(@\xaax\xd0\x9b\x02\x0bx\xcaZu\xed\x7fC\xcf\xc1BT\xb6\x84N\x9b6-\x14\n\xe1: Qa\x01H@\xea\xecw\xd3\xa6MK\x96,\xd1\x18\xe3\\\'\x84\xcc\x1b\x97c\xb7\x9b8\x97\x97\x18\xf3\x00@}\xbeP\xfb\x1b\xd2s\x87t\xacl\t\x05\xbaa\xc5\x97\xdf}\xf5\xbd\xd5n\xc6K@\xbc\x00\x06\x01_h\xe5k\xeb\t%\x942\xc1y\x93\x1b\xbb\xde\xd4\x7f\xb4\xdf}\x0e\xd8\xa5&amp;\xc0\x03\xb0\x90\xdf\xdbk\xcc\xef\xad\xce\x14\xae\x87\x99\xa6\x15\x17\x17\xcf\x9d;\x17O\x02\x12\x15\x16\x80\xc4\xc49\xcf\xcb\xcb\xe3\x9c\x03P.\xe4m\x9d\xae\x1d\x94\xdd\xd2\xeb\t2\xf6+c~\x18@\xc8\x17zjh\xe7\xb4T\xbbZ\x04\xf8=\x81O\xde\xdeh\xb6\x9a\xb0\x1d(.p.\x1c\xc9\xb6m\x7f\xdfs\xfc\xd0)\x00P\xed\xffY\xc3\'\x00\xd3\xc8\xaf\x96pJ\xf5\x90?\xb5q\xcbNw\x8eU\xc3\xc2\x81\xc2\xbcy\xf3JJJ\xb0#(!a\x01H4\xba\xae3\xc6\x96.]\xbai\xd3&amp;\x93\xa6\xe9\x9ck\x0c\xe6?\x92\xc3/\xef\xf2\xadZB\xd3\xd3\x92\xf3\xc7d\xa9\xc4\x00\x00\xf8\xe7\xfa\x7f\xed\xddt\xc8\x91l\xc3\x1a\x10\xe3\xa4\x94f\xb3\xf6\xd3\xa9\xb25\x0b&gt;\x8b\xb4~\xb6\xc9\xbe\xbbU\xb7\xfe\x01O\x19\xadr\xf7\xffg\xc0X\xc0]\xda}\xe8\x13)\xe9\xcd\xd5"\xe0\xdc\xb9sS\xa7N\xc5g\x02\x12\x12\x16\x80\x84\xa2\xae\xd7\x15\x15\x153g\xce\x04J\t\x91B\xc8\x87\x07\xb6k\xdf&amp;\xcd\xef\x0b\x01\\\xd6\x94O\x8d\x81\xdf\x1d\xb8\xbf\xff\x8d\x9dZ7\x14B\x00P!\xe4\xc7o\x17q\x9d\xe3\x98\xd0\x18\'\x84\xb4:,\x9f.\xd9Zq\xd6\xa3\xf6m,\xf6\xa4\xac\xe1\xb9\xe1\x80\xff?;\x7f\xaa@%\xd7\xcd\xf6\xa4[\xee\x9b@\x08\xe1B\xa8\xfb\x89]\xbbv\xa9\'\xc9k\xf5\xf5\xa3:\x86\x05 \xa1\xa8\xe6\x9f9s\xe6\x1c9r\x841\xc6\xb9HqZf\x8e\xe9\x11\xf2\x87\xff\xb3\xf5\xf3\x128\x97v\xbb\xf9\x85\xb1\xd9RV\xb6\x84\x1e\xdes\xfc\xf3\x8fv:]vl\t\x8dYBH\x9b\xdd\xf2\xed\x81\x93\x9f-\xdbF\x81JB\xa5\x10\x1d\xefx0\xadU\x87\xb0\xdfC\xe9\xe5~\x01(\xd3\x02\xee\xb2v\xb7\xdd\xd7\xe4\xc6n\x82\xeb\x14X(\x14\xca\xcd\xcd\xe5\x9c\xe3" \xc1`\x01H\x1c\xaa\xf1_\x9d\xda1`R\n!\xe5\xf4Q\xdd\xd3\x1a%U\xd5\xfaY\x15\xc6\xa8\xd7\x1d\xe8\xd7\xad\xf9=\xb7\xb4R-\xa1\x94\xd2\xd5o}v\xf6T\x99\xd9\x8c\x03\x82b\x14%\x842\xbab\xfeZ=\xcc\x01@\x08\xeejtm\xd7!\x8f\x06\xdc\xa5\x97&gt;\xfb\xfdE\x82\xeb9\xbf\x9d\x06L\xe3\\\xd74m\xf3\xe6\xcdK\x97.\xc5\x96\xd0\x04\x83\x05 q\xa8\xeb\xb2\xea\xdbc\x8cr!:\xb5n\xf8\xd8\xe0\x0e~O\xf0\xd2\xad\x9fU\x11\\\xce~(\xdb\xe50\x0b!\x01h\xc59\xcf\xfa%[-8\x1c"&amp;\t.lI\xd6=\x1b\x0e\x1e\xdcq\x94\x02\x95\x92\x10)\xb3G=cOm\xc4\xf5PU\xad\x9fUQ\x03\x82\x9a\xb5\xcf\xce\xbcm\x84\x14B\x12J)\xcc\x9c9\xb3\xbc\xbc\x1c[B\x13\t\x16\x80\x04\xa1Z?7n\xdc\x18yrGJ\xf2\xc2\xd8l\xabE\xbbt\xebgU\x00\xa8\xdf\x17j\x93\xd1\xe8\xf1A\x1d"-\xa1\x9f-\xdbv\xec\xab\xefq@P\x0cb\x0c\x82\xfe\xf0\xdf\n\xd6\x12B\x00T\xebg\xb7v}\x87\x07*~\xa5\xf5\xb3*\x00,\xe4\xf3d\x8f\x9cdq$s\xae3\x8d\x1d9r\xa4\xa0\xa0\x00\x00p\x11\x900\xb0\x00$\x02\xf5\xd8W0\x18\x9c8q"\xa5T\xb5~\xfeWv\xeb~\xdd\x9a_N\xebgU\x18\x83@E`\xc2\xbd]Z^\xe3\xe2B\xaa\x01Ak\x16\x14\xd1\xcb;LFu\x86saK\xb2nX\xf1\xc5\xe9\xe3gU\xe2#\xd3L9\xbf\x9d&amp;\xb8~\xf1\xd8\x9f\xcbG\xa9\x1e\n$5h\x9c5,W\r\x08b\xc0^~\xf9eu\xbc\x84\xa7\xc1\x89\x01\x0b@"Pg\xbf\xcb\x97/\xdf\xb9s\xa7\xba\xfd7\x9b\xd8\xcc1=d\xf5\xee\xd3)%a\x9d\xd7\xaf\xef\x98z_W)%\x91\x12\x80\xee.\xfaj\xff\x96bG\x92\x15O\x83c\x84j\xfd&lt;WR\xfe\xc9\xdb\x1b\xce\xb7~\x8a\xebo\x19\xd4\xac}\xcf_\x1c\xfbs\xf9\x80\xb1\xa0\xb7\xa2\xe3\x9dcS\x1b\xb7\x10\\\x07\xc6\xca\xcb\xcb\xf3\xf3\xf3\xf1\x99\x80\x84\x81\x05 \xee\xa9\xdb\xff\xd2\xd2\xd2)S\xa6\x00\x00%R\x08\x99;\xa4c\xe6\xf5i\xbe\xcbn\xfd\xac\x8a\xc6\xc0[\xee\x7f``\xbb\x9e\x99\x8dUp&lt;\xa1d\xe5k\xeb\x83\x81\xf0\xd5\x9d+\xa0\x1a\'\x85\xb4:-k\x16|\xe6s\x07\xd4\x18\x1f\xab3\xa5\xd7\xfdSB&gt;w\xd5c\x7f.\x13\x95\x82\x9b,\xb6\xde\x0fL\'\x84\xe8\x9c3\xa6-Y\xb2d\xf3\xe6\xcd\x9a\xa6\xe1FP\x02\xc0\xdfp\xdcS\xb7\xffyyy%%%\x0c@\xe7&lt;-\xd5\xfe\xd4\xd0\xce!\x7f\x88U\xe3\xee/B\x12\xa2i0ctw5R\x18\x00\x8e\x1f:U\xf4\xde\x17v\\\x04\xc4\x00\xd5\xf8\x7f\xf0\xcbo\xb7\xac\xda\xa5\xb6\xe6\xa4\x94\x9d\xee\x1c\x9b\xda\xa4\xd5%\xc6\xfe\\&gt;\n,\xe8\xadh\xd5}`\xb3\xf6=\xa5\xe0\x14(\xe7&lt;777\x18\x0c\xe2ip\x02\xc0\x02\x10\xdf\xd4\x15Ye\xf81\x00)+\x13\x1f\xd3\xd3\x92\xaf\xb4\xf5\xb3*\x0c\xa8\xd7\x1d\xe8\xd7\xa3\xe5\xc8\xdem\xb8\x90\x8c\x12J\xe9\'\x7f\xdep\xae\xa4\x1c3#\xa3\x8e\x12\x02\x0c&gt;z\xb5\x90s\x01\x00\x82\x8b\xd4\xc6-\xba\x0f}"\xe0.\x05V\xcd\xdb\xff\x9fI\xc1\xfb\x8c\x9d\xc14\x13\xe7\\\xd3\xb4]\xbbv-_\xbe\x1c\x07\x04%\x00,\x00\xf1M\xed\xff\xa8\x14o\xc6@%&gt;\x8e\xbd#\xd3[\xe1\xd7jn\x8b\x86\x02\x84\xfc\xa1\xd9c\xb3\xeb%Yu.\x01\xa8\xcf\x1dX\xb3\xe03\x8b\xcd\\\xcdc\x06T\x1d\x9c\x0b{\xb2m\xdb\x9a\xdd\xc5{\x8e\x01\x03!$!\xb2\xf7\x03\xd3M6\xa7\x14\xfc\xea\x8f\x7f\xff\x1d\x05\x08\xf9=\xe9\x19\x9d:\xdf5N\xb5\x84\x02\xc0\x94)S\xce\x9d;\x87\x8b\x80x\x87\x05 \x8e\xa9\xd6\xcf\xc2\xc2\xc2\xc2\xc2B\xc6\x18\x17\x82\x01\x9d1\xaa;\xd3\xa0f\x7f\x95@I0\xa8_\xdb4\xe5\xc9\xc1\x1d\xa4\xacl\t\xdd\xb2j\xd7w\x07\xbe\xb7\xda\xb1%4:$!\x1a\x83\x807\xf8\xf7?\x15\x11B\xd4\xd9o\xb3\xf6=[u\x1f\x18\xf4\x94_\xce\xd8\x9f\xcb\x07\xc0B~\xcf\xcd\x83\xc7\xdbS\x1a\xa8\xd3\xe0\x92\x92\x92\xf9\xf3\xe7\xe3" \xdea\x01\x88W\xea\xde\xbf2\xb6\x89\x10\x06\x94sq\xdf\xad\xd7\xf7\xcbj\xe9u\x07XMwj2\x06~w\xe0\x99\xe1][7v\xa9\xd3`\xce\xc5\x8a\x97\xd7R\x86\xf3\x81\xa2Cpaw\xd9\xd6.\xdc|\xe6\xe49\xd5\xfa\t\x8c\xf5\x19;C\x8aZ8\x9b\xa5T\x0f\x05\x92\x1b6\xcd\x1e\xf1\xb4\xac\xcc\x8cd/\xbd\xf4Rqq1\xd6\x80\xb8\x86\x05 ^\xa9\xdd\x7f\x15\xdc\xca4\xa6s\xeer\x98\xff0\xaa{8\x10\xae\x8d&gt;}\xaa\x06\x049\xcc\xcf\xde\xdf\x83\x10"\xa5\x00\xa0\x07w\x1c\xdd\xb3\xe1\xa0=\xc9\x8aq1uLJi\xb6\x98N\x1f;[\xf4\xdevJ)!T\n\x91y\xdb\xc8\xb4\xd6\x1dB~OuZ?\xab\x02L\x0bx\xca\xda\xf5\x1d\xd6\xa8E\xa6\x10\x1c\x18Sq\xd3\xb8\x0b\x14\xd7\xb0\x00\xc4%!\x04\xa5\xb4\xa4\xa4$//\x8fRJ\t\x11B&gt;&gt;\xa8\xc3\x8d\xd77\n\xf8\xc3P;7\xe5j@\xd0\xe8\x01m{f6\xe6\\\xaa\x16\xa3\xbf\x15\xac\xf5\xfbB\x8c\x01^\x03\xea\x92\x10\xd2j7\xaf|m\xbd\xb7\xc2\x0f\x0c\xa4\x90\x16\x87+{\xe4\xa4p\xc0W\xed\xd6\xcf*I\xceMVG\xce\x98\xa9DJ!8cl\xc5\x8a\x15\x95\xdb\x8f\xd8\x12\x1a\x9f\xb0\x00\xc4%5\xf6y\xea\xd4\xa9\xa5\xa5\xa5&amp;\x8d\xe9\x9c\xb7HO\x9epo\x97@\xc5\xaf$&gt;V\xf7\x9fK\x08\xe7\xe2\xc5\x87{j\x0c\xb8\x10\x8c\xc1\xe9\xe3g\xd7-\xdclw\xd9p\x11Pg\x84\x90\x8ed\xdb\xdeM\x87v\x14\xfe\x0b@%&gt;\x8a\xaca\xff\x9b\xd4\xa0I\x8d\xb4~V\x852\x16\xf4\x94\xb5\xe8\xd2\xb7u\xf7\x81\x82WfF\xaa\x06\x04\\\x07\xc4),\x00\xf1Gm\xfe\xec\xdc\xb9s\xd9\xb2e\xea\xa1|\xd5\xfaY\xbf\x9e=\\\xcb#\xfb\x19P\xbf/\x94\xd5\xf1\xda\x87\x07\xb6\xab\x1c\x10Di\xd1{\xdbO\x1f;\x8b-\xa1u\x86\x12\xc2u\xfe\xf1\xdbE*\xedK\x08\xd1\xa8Ef\xa7\xdf&lt;\x14\xf4\x96\xd7`\xebgU\xffp\xc1y\xce\x98\xdf[\xecI\x9cs`L\xb5 \xe3I@\x9c\xc2\x02\x10\x7f\xd4\xf1\xef\xc4\x89\x13\x83\xc1 \x03\xaaZ?G\x0fh\xeb\xad\x08\xd4`\xebgU\x00 \xe4\x0b\xcd\x1c\xd3#\xc5i\xe1B2\x06\xde\n\xff\xca\xd7?\xb5:\xac\xd8\x0eT\x078\x17\xceT\xfb\x96\x95\xbb\x0e\xef9\x0e\x0c\x84 D\xca\x9c1S5\x8bM\xf2\x1ak\xfd\xac\x8a\x9a\x12\xda\xa8\xe5M\x1d\xefxP\nA\x08\xa5\x94\xe6\xe5\xe5\x95\x96\x96bdX&lt;\xc2\x02\x10gT\xeb\xe7\x8a\x15+6n\xdc\xa8i\x9a\xce\xb9\xd9\xc4^|\xa8\'\xbf\xcc\xc8\xc7jS\x99\x91i\x8d\x92\xa6\x8f\xea.\xa5\x94RR\xa0;?\xdd\x7f\xf0\xcb\xa38%\xb4\xb6II4\x8d\x95\x9dq\xaf]\xb8)\x92\xf8\x98\xd1\xe3\x8e\xe6]\xfa\x06=e\xb4\xd6o\xff\tQ\xa7\xc1\xee\xd2\x9b\x87&lt;\xeaJk\xc6\xb9\xce4\xad\xb4\xb4T\x9dE\xe1" \xee`\x01\x88\'\xea\x0eKu_\x10B\x80\x12!\xe4\xf0^\x19Y\x9d\xaf\xf5\xfbB5\xde\xfaY\x15\xc6\xc0\xef\t&gt;vw\xfb\x8c&amp;)\x9c\x0b5%\xf4\xa3W\x0b\x81\x01\xc1\xeb\x7fm\x12\\8Rl\xeb\x17o\xf9\xf1\xfbR5\x99\x83i\xa6\xec\x11\x93\xd4\xcdx\x1d\xbd\x08J\xb9\x1er\xd6K\xef&gt;\xf4IR\xd9\x12Z\xd9\x8d\x86\x1bAq\x07\x0b@&lt;Q\x99_s\xe7\xce-..6\x99\xb4\xb0\xce\xeb%Y\x9f\x1f\x9b\x1d\xf2\x86\xae(\xf1\xb1\x9a(!\\H\xab\xd54\xef\xbfs\x08\xa9\xcc\x8c,\xdesl\xdb\x9a\xdd\xce\x14\x1b\x0e\x08\xaa%BH\xab\xc3|\xfc\xebS\x1bV|I\x81J\x02R\x88\xcew\x8dKk\xdd\xa1\x9aS?\xaf\x140\xcd_~\xf6\xa6~#\x9b\xdc\xd8Up\x1d\x98V\xf9&lt;\n\x1e\x05\xc7\x1b,\x00qC\x9d\xfd\x1e9rd\xce\x9c9\x00@\xa4\x94R&gt;9\xb8C\xb3\xa6)55\xf6\xe7\xf21\xa0^OpPv\xcb\xdb:]\xab2#\t%\xab\xdf\xfa\xac\xfc\xacG\xd3\x18^\x04j\t0X\xf9\xdaz\xbf\'\x00\x00Rp{J\x83\x9b\x07\x8f\x0f\xf9=\xb5\xd7\xfaY5\tL\xcb\x1a&gt;A\xcd\x1feL+,,\x8c\x84\x11\xd5\xf9\x8bAW\t\x0b@\xdcPg\xbf\xf9\xf9\xf9\x15\x15\x15\x1aca\x9dg4MyfxW\xbf\xbbv[?/\x81\x0b9\xff\x91\x1c\xb3\x89\t!\x19\xc0O?\x94\xae_\xb4\xc5\x99b\xc7\x96\xd0\x1a\'\xb8p$[\xf7o)\xde\xbd\xe1k`\xaa\xf5S\xf6\x1c\xf9tr\xc3\xa6\xb5\xda\xfaY\x15\n,\xe0)k\xd5\xb5\xff\r=\x07\x0bQ\xd9\x12\xaa\xe2Hq\x1d\x10G\xb0\x00\xc4\x07u\xf6\xbbi\xd3\xa6%K\x96h\x8cq\xae\x13B\xe6\x8d\xcb\xb1\xdbMW\x97\xf8X}\x00\xd4\xe7\x0b\xb5\xbf!=wH\xc7Hf\xe4\x86\x15_~\xf7\xd5\xf7V\xbb\x19/\x015\x0b\x18\x04|\xa1\x95\xaf\xad\'\x94P\xaa\x12\x1f\xbb\xde\xd4\x7f\xb4\xdf}\x95\x89\x8f5\xf0\x92\x80\x85\xfc\xde^c~ou\xa6p=\xcc4\xad\xb8\xb8x\xee\xdc\xb9x\x12\x10G\xb0\x00\xc4\r\xcey^^\x1e\xe7\\%&gt;\xde\xd6\xe9\xdaA\xd9-\xab\x93\xf8X}\x0c \xe4\x0b=5\xb4sZ\xaa]-\x02\xfc\x9e\xc0\'oo4[M\xd8\x0eT\x838\x17\x8ed\xdb\xb6\xbf\xef9~\xe8\x14\x00\xa8\xf6\xff\xac\xe1\x13\x80i$\x8a\x85\x96R=\xe4Om\xdc\xb2\xd3\x9dc\xa5\x94R\x12\xa00o\xde\xbc\x92\x92\x12\xec\x08\x8a\x17X\x00\xe2\x80\xae\xeb\x8c\xb1\xa5K\x97n\xda\xb4\xc9\xa4i:\xe7\x1a\x83\xf9\x8f\xe4\xd4U\xe7g\x95TKhzZr\xfe\x98,!\xa5z&gt;\xf9\x9f\xeb\xff\xb5w\xd3!G\xb2\rk@\x8dP\x89\x8f?\x9d*[\xb3\xe0\xb3H\xebg\x9b\xec\xbb[u\xeb\x1f\xf0\x94\xd5\xec\xd4\xcf+\x05\x8c\x05\xdc\xa5\xdd\x87&gt;\x91\x92\xde\\-\x02\xce\x9d;7u\xeaT|&amp; ^`\x01\x88u\xea\xaaZQQ1s\xe6L\xa0\x94\x10)\x84|x`\xbb\xf6m\xd2\xfc\xd5N|\xac&gt;\x8d\x81\xdf\x1d\xb8\xbf\xff\x8d\x9dZ7\x14B\x00P!\xe4\xc7o\x17\xf1Z~&amp;\xd98T\xe6\xd7\xa7K\xb6V\x9c\xf5\xa8\xdd\x15\x8b=)kxn8\xe0\xaf\xcb\xce\x9f*P\xc9u\xb3=\xe9\x96\xfb&amp;\x10B\xb8\x10\xeaNe\xd7\xae]\x18\x1c\x1f\x17\xa2\xfe\x05B\xbfB5\xff\xcc\x993\xe7\xc8\x91#\x8c1\xceE\x8a\xd32sL\x8f\x90?\\\x97\xad\x9f\x97\xc0\xb9\xb4\xdb\xcd/\x8c\xcd\x96\xb2\xb2%\xf4\xf0\x9e\xe3\x9f\x7f\xb4\xd3\xe9\xb2cKh5\t!mv\xcb\xb7\x07N~\xb6l\x1b\x05*\t\x95Bt\xbc\xe3\xc1\xb4V\x1d\xc2~\x0f\xa5\xd1\xff\x02P\xa6\x05\xdce\xedn\xbb\xaf\xc9\x8d\xdd\x04\xd7)\xb0P(\x94\x9b\x9b\xcb9\xc7E@\xec\x8b\xfe\x17\x08]\x82j\xfcWgk\x0c\x98\x94BH9}T\xf7\xb4FIu\xdf\xfaY\x155%\xb4_\xb7\xe6\xf7\xdc\xd2J\xb5\x84RJW\xbf\xf5\xd9\xd9Sef3\x0e\x08\xaa\x16J\x08et\xc5\xfc\xb5z\x98\x03\x80\x10\xdc\xd5\xe8\xda\xaeC\x1e\r\xb8K\xa3u\xf6\xfb\x8b\x04\xd7s~;\r\x98\xc6\xb9\xaei\xda\xe6\xcd\x9b\x97.]\x8a-\xa1\xb1\x0f\x0b@LSWO\xd5]\xc7\x18\xe5Btj\xdd\xf0\xb1\xc1\x1d\xfc\x9e`\xb4Z?\xab"\xb8\x9c\xfdP\xb6\xcba\x16B\x02\xd0\x8as\x9e\xf5K\xb6Zp8D5\x08.lI\xd6=\x1b\x0e\x1e\xdcq\x94\x02\x95\x92\x10)\xb3G=cOm\xc4\xf5P\xdd\xb7~VE\r\x08j\xd6&gt;;\xf3\xb6\x11*3\x92R\x989sfyy9\xb6\x84\xc6\xb8\xd8\xba\x88\xa0\x0b\xa9\xd6\xcf\x8d\x1b7F\x9e\xaf\x91\x92\xbc06\xdbj\xd1\xa2\xd5\xfaY\x15\x00\xea\xf7\x85\xdad4z|P\x87HK\xe8g\xcb\xb6\x1d\xfb\xea{\x1c\x10t\xd5\x18\x83\xa0?\xfc\xb7\x82\xb5\x84\x10\x00\xd5\xfa\xd9\xad]\xdf\xe1\x81\x8a\xa8\xb5~V\x05\x80\x85|\x9e\xec\x91\x93,\x8ed\xceu\xa6\xb1#G\x8e\x14\x14\x14\x00\x00.\x02b\x19\x16\x80\x18\xa5\x1e\xfb\n\x06\x83\x13\'N\xa4\x94\xaa\xd6\xcf\xff\xcan\xdd\xaf[\xf3\xe8\xb6~V\x851\x08T\x04&amp;\xdc\xdb\xa5\xe55..\xa4\x1a\x10\xb4fAQm\xc4\x93\x19\x01\xe7\xc2\x96d\xdd\xb0\xe2\x8b\xd3\xc7\xcf\xaa\xc4G\xa6\x99r~;Mp\xbd\xee\xc6\xfe\\&gt;J\xf5P \xa9A\xe3\xaca\xb9j@\x10\x03\xf6\xf2\xcb/\xab\x83+&lt;\r\x8eYX\x00b\x94:\xfb]\xbe|\xf9\xce\x9d;\xd5\xed\xbf\xd9\xc4f\x8e\xe9!c\xf5n\x9aR\x12\xd6y\xfd\xfa\x8e\xa9\xf7u\x95R\x12)\x01\xe8\xee\xa2\xaf\xf6o)v$Y\xf14\xf8\x8a\xa8\xd6\xcfs%\xe5\x9f\xbc\xbd\xe1|\xeb\xa7\xb8\xfe\x96A\xcd\xda\xf7\xac\xe3\xb1?\x97\x0f\x18\x0bz+:\xde96\xb5q\x0b\x15\x1c_^^\x9e\x9f\x9f\x8f\xcf\x04\xc4\xb2X\xfc&amp;!u\xfb_ZZ:e\xca\x14\x00\xa0D\n!s\x87t\xcc\xbc&gt;\xcd\x17\x03\xad\x9fU\xd1\x18x\xcb\xfd\x0f\x0cl\xd73\xb3\xb1\n\x8e\'\x94\xac|m}0\x10\x8e\xb5\x13\x8b\x18\'\x85\xb4:-k\x16|\xe6s\x07\xd4\xb0\x1d\xab3\xa5\xd7\xfdSB&gt;w4\xc6\xfe\\&amp;*\x057Yl\xbd\x1f\x98N\x08\xd19gL[\xb2d\xc9\xe6\xcd\x9b5M\xc3\x8d\xa0\xd8\x84?\xcbX\xa4n\xff\xf3\xf2\xf2JJJ\x18\x80\xceyZ\xaa\xfd\xa9\xa1\x9dC\xfe\x10\x8b\xc9\xbb\xbf\x08I\x88\xa6\xc1\x8c\xd1\xdd\xd5\xb0b\x008~\xe8T\xd1{_\xd8q\x11p\xd9T\xe3\xff\xc1/\xbf\xdd\xb2j\x97\xda@\x93Rv\xbaslj\x93VQ\x19\xfbs\xf9(\xb0\xa0\xb7\xa2U\xf7\x81\xcd\xda\xf7\x94\x82S\xa0\x9c\xf3\xdc\xdc\xdc`0\x88\xa7\xc1\xb1)\xa6\xaf&amp;\xc6\xa4\xae\x9b*i\x8f\x01HY\x99\xf8\x98\x9e\x96\x1c;\xad\x9fUa@\xbd\xee@\xbf\x1e-G\xf6n\xc3\x85d\x94PJ?\xf9\xf3\x86s%\xe5\x98\x19y\x99(!\xc0\xe0\xa3W\x0b9\x17\x00 \xb8Hm\xdc\xa2\xfb\xd0\'\x02\xee\xd2\xdaO|\xac\x01R\xf0&gt;cg0\xcd\xc49\xd74m\xd7\xae]\xcb\x97/\xc7\x01A\xb1\t\x0b@\xccQ\xfb?*k\x9b1P\x89\x8fc\xef\xc8\xf4V\xf8\xeb \xf1\xb1\xfa(@\xc8\x1f\x9a=6\xbb^\x92U\xe7\x12\x80\xfa\xdc\x815\x0b&gt;\xb3\xd8\xcc1{\x80\x11;8\x17\xf6d\xdb\xb65\xbb\x8b\xf7\x1c\x03\x06BHBd\xef\x07\xa6\x9blN)j=\xf1\xb1\xfa(@\xc8\xefI\xcf\xe8\xd4\xf9\xaeq\xaa%\x14\x00\xa6L\x99r\xee\xdc9\\\x04\xc4\xa08\xb8\xa0\x18\x8aj\xfd,,,,,,d\x8cq!\x18\xd0\x19\xa3\xba3\r\xe2\xe5\xb7\x03\x94\x04\x83\xfa\xb5MS\x9e\x1c\xdcA\xca\xca\x96\xd0-\xabv}w\xe0{\xab\x1d[B/E\x12\xa21\x08x\x83\x7f\xffS\x11!D\x9d\xfd6k\xdf\xb3U\xf7\x81AOyt\xc7\xfe\\&gt;\x00\x16\xf2{n\x1e&lt;\xde\x9e\xd2@\x9d\x06\x97\x94\x94\xcc\x9f?\x1f\x17\x011\x08\x0b@\x0cQ\xf7\xfe\x95\xe1J\x840\xa0\x9c\x8b\xfbn\xbd\xbe_VK\xaf;Pg\x89\x8f\xd5\xc7\x18\xf8\xdd\x81g\x86wm\xdd\xd8\xa5N\x839\x17+^^KY\x8c\xef`E\x99\xe0\xc2\xee\xb2\xad]\xb8\xf9\xcc\xc9s\xaa\xf5\x13\x18\xeb3v\x86\x14qu\x82J\xa9\x1e\n$7l\x9a=\xe2iY\x99\x19\xc9^z\xe9\xa5\xe2\xe2b\xac\x01\xb1\x06\x0b@\x0cQ\xbb\xff*^\x95iL\xe7\xdc\xe50\xffaT\xf7p \x1c_\xdd\xf4T\r\x08r\x98\x9f\xbd\xbf\x07!DJ\x01@\x0f\xee8\xbag\xc3A{\x92\x15\xe3b~\x91\x94\xd2l1\x9d&gt;v\xb6\xe8\xbd\xed\x94RB\xa8\x14"\xf3\xb6\x91i\xad;\x84\xfc\x9e\xd8l\xfd\xac\n0-\xe0)k\xd7wX\xa3\x16\x99Bp`L\x05Y\xe3.P\xac\x89\xa7oUb\x13BPJKJJ\xf2\xf2\xf2(\xa5\x94\x10!\xe4\xe3\x83:\xdcx}\xa3\x80?\x0c\xf1v\xeb\xac\x06\x04\x8d\x1e\xd0\xb6gfc\xce\xa5j^\xfa[\xc1Z\xbf/\xc4\x18\xe05\xe0?\t!\xadv\xf3\xca\xd7\xd6{+\xfc\xc0@\niq\xb8\xb2GN\n\x07|1\xdc\xfaY%\xc9\xb9\xc9\xea\xc8\x193\x95H)\x04g\x8c\xadX\xb1\xa2rc\x13[Bc\x06\x16\x80X\xa1\xc6&gt;O\x9d:\xb5\xb4\xb4\xd4\xa41\x9d\xf3\x16\xe9\xc9\x13\xee\xed\x12\xa8\x88Z\xe2c5IB8\x17/&gt;\xdcSc\xc0\x85`\x0cN\x1f?\xbbn\xe1f\xbb\xcb\x86\x8b\x80\x8b\x08!\x1d\xc9\xb6\xbd\x9b\x0e\xed(\xfc\x17\x80J|\x14Y\xc3\xfe7\xa9A\x93\x18o\xfd\xac\ne,\xe8)k\xd1\xa5o\xeb\xee\x03\x05\xaf\xcc\x8cT\xad\r\xb8\x0e\x88\x1dqyeI&lt;j\xf3g\xe7\xce\x9d\xcb\x96-S\x8f\xce\xab\xd6\xcf\xfa\xf5\xec\xe1\xb8\x1d\xac\xcf\x80\xfa}\xa1\xac\x8e\xd7&gt;&lt;\xb0]\xe5\x80 J\x8b\xde\xdb~\xfa\xd8Yl\t\xbd\x08%\x84\xeb\xfc\xe3\xb7\x8bT\xda\x97\x10\xa2Q\x8b\xccN\xbfy(\xe8-\x8f\x8b\xd6\xcf*P\xc1y\xce\x98\xdf[\xecI\x9cs`L57\xe3I@\xec\xc0\x02\x10\x13\xd4\xf1\xef\xc4\x89\x13\x83\xc1 \x03\xaaZ?G\x0fh\xeb\xad\x08\xc4E\xebgU\x00 \xe4\x0b\xcd\x1c\xd3#\xc5i\xe1B2\x06\xde\n\xff\xca\xd7?\xb5:\xac\xd8\x0e\x14\xc1\xb9p\xa6\xda\xb7\xac\xdcux\xcfq` \x04!R\xe6\x8c\x99\xaaYl\x92\xc7A\xebgU\xd4\x94\xd0F-o\xeax\xc7\x83R\x08B(\xa54//\xaf\xb4\xb4\x14#\xc3bD\x1c_\\\x12\x86j\xfd\\\xb1b\xc5\xc6\x8d\x1b5M\xd397\x9b\xd8\x8b\x0f\xf5\xe4Q\x8f|\xac6\x95\x19\x99\xd6(i\xfa\xa8\xeeRJ)%\x05\xba\xf3\xd3\xfd\x07\xbf&lt;\x8aSB\x15)\x89\xa6\xb1\xb23\xee\xb5\x0b7E\x12\x1f3z\xdc\xd1\xbcK\xdf\xa0\xa7\x8c\xc6\xf1\xed?!\xea4\xd8]z\xf3\x90G]i\xcd8\xd7\x99\xa6\x95\x96\x96\xaaS.\\\x04\xc4\x02,\x00Q\xa6\xee\x83T\x8f\x04!\x04(\x11B\x0e\xef\x95\x91\xd5\xf9Z\xbf/\x14G\xad\x9fUa\x0c\xfc\x9e\xe0cw\xb7\xcfh\x92\xc2\xb9PSB?z\xb5\x10\x18\x10\xbc\xfe\x13"\xb8p\xa4\xd8\xd6/\xde\xf2\xe3\xf7\xa5j~\x06\xd3L\xd9#&amp;\xa9[\xe6h\xbf\xbaj\xa3\x94\xeb!g\xbd\xf4\xeeC\x9f$\x95-\xa1\x95}n\xb8\x11\x14\x0b\xb0\x00D\x99\xca\xfc\x9a;wnqq\xb1\xc9\xa4\x85u^/\xc9\xfa\xfc\xd8\xec\x907\x14#\x89\x8f\xd5D\t\xe1BZ\xad\xa6y\xff\x9dCHefd\xf1\x9ec\xdb\xd6\xecv\xa6\xd8\x0c&gt; H\x08iu\x98\x8f\x7f}j\xc3\x8a/)PI@\n\xd1\xf9\xaeqi\xad;\xc4\xec\xd4\xcf+\x05L\xf3\x97\x9f\xbd\xa9\xdf\xc8&amp;7v\x15\\\x07\xa6U&gt;\xe9\x82G\xc11 \x11\xbea\xf1K\x9d\xfd\x1e9rd\xce\x9c9\x00@\xa4\x94R&gt;9\xb8C\xb3\xa6)\xb1?\xf6\xe7\xf21\xa0^OpPv\xcb\xdb:]\xab2#\t%\xab\xdf\xfa\xac\xfc\xacG\xd3\x98\xc1/\x02\xc0`\xe5k\xeb\xfd\x9e\x00\x00H\xc1\xed)\rn\x1e&lt;&gt;\xe4\xf7\xc4c\xebg\xd5$0-k\xf8\x045\xd9\x941\xad\xb0\xb00\x12s\x14\xed\xd7fhX\x00\xa2I\x9d\xfd\xe6\xe7\xe7WTTh\x8c\x85u\x9e\xd14\xe5\x99\xe1]\xfd\xeexm\xfd\xbc\x04.\xe4\xfcGr\xcc&amp;&amp;\x84d\x00?\xfdP\xba~\xd1\x16g\x8a\xdd\xb0-\xa1\x82\x0bG\xb2u\xff\x96\xe2\xdd\x1b\xbe\x06\xa6Z?e\xcf\x91O\'7l\x1a\xa7\xad\x9fU\xa1\xc0\x02\x9e\xb2V]\xfb\xdf\xd0s\xb0\x10\x95-\xa1*\xe8\x14\xd7\x01\xd1\x95hW\x998\xa2\xce~7m\xda\xb4d\xc9\x12\x8d1\xceuB\xc8\xbcq9v\xbb)\xd6\x12\x1f\xab\x0f\x80\xfa|\xa1\xf67\xa4\xe7\x0e\xe9\x18\xc9\x8c\xdc\xb0\xe2\xcb\xef\xbe\xfa\xdej7\x1b\xf3\x12\x00\x0c\x02\xbe\xd0\xca\xd7\xd6\x13J(U\x89\x8f]o\xea?\xda\xef\x8e\xb9\xc4\xc7\xea\x03`!\xbf\xb7\xd7\x98\xdf[\x9d)\\\x0f3M+..\x9e;w.\x9e\x04D\x17\x16\x80h\xe2\x9c\xe7\xe5\xe5q\xceU\xe2\xe3m\x9d\xae\x1d\x94\xdd26\x13\x1f\xab\x8f\x01\x84|\xa1\xa7\x86vNK\xb5\xabE\x80\xdf\x13\xf8\xe4\xed\x8df\xab\xc9\x80\xed@\x9c\x0bG\xb2m\xdb\xdf\xf7\x1c?t\n\x00T\xfb\x7f\xd6\xf0\t\xc04\x92\x90\xe5\x90R=\xe4Om\xdc\xb2\xd3\x9dc\xa5\x94R\x12\xa00o\xde\xbc\x92\x92\x12\xec\x08\x8a",\x00\xd1\xa1\xeb:cl\xe9\xd2\xa5\x9b6m2i\x9a\xce\xb9\xc6`\xfe#9\xf1\xdf\xf9Y%\xd5\x12\x9a\x9e\x96\x9c?&amp;KH\xa9\x9e|\xfe\xe7\xfa\x7f\xed\xddt\xc8\x91l3T\rP\x89\x8f?\x9d*[\xb3\xe0\xb3H\xebg\x9b\xec\xbb[u\xeb\x1f\xf0\x94\xc5\xcb\xd4\xcf+\x05\x8c\x05\xdc\xa5\xdd\x87&gt;\x91\x92\xde\\-\x02\xce\x9d;7u\xeaT|&amp; \x8a\xb0\x00D\x81\xba\xf6UTT\xcc\x9c9\x13(%D\n!\x1f\x1e\xd8\xae}\x9b4\x7f\x0c\'&gt;V\x9f\xc6\xc0\xef\x0e\xdc\xdf\xff\xc6N\xad\x1b\n!\x00\xa8\x10\xf2\xe3\xb7\x8bx\xdc&gt;\xed|uT\xe6\xd7\xa7K\xb6V\x9c\xf5\xa8=\x10\x8b=)kxn8\xe0O\x8c\xce\x9f*P\xc9u\xb3=\xe9\x96\xfb&amp;\x10B\xb8\x10\xea\x1eh\xd7\xae]\x18\x1c\x1f-\t\xfcm\x8b]\xaa\xf9g\xce\x9c9G\x8e\x1ca\x8cq.R\x9c\x96\x99cz\x84\xfc\xe1\xc4h\xfd\xbc\x04\xce\xa5\xddn~al\xb6\x94\x95-\xa1\x87\xf7\x1c\xff\xfc\xa3\x9dN\x97\xdd -\xa1BH\x9b\xdd\xf2\xed\x81\x93\x9f-\xdbF\x81JB\xa5\x10\x1d\xefx0\xadU\x87\xb0\xdfCi"\x7f\x01(\xd3\x02\xee\xb2v\xb7\xdd\xd7\xe4\xc6n\x82\xeb\x14X(\x14\xca\xcd\xcd\xe5\x9c\xe3" *\x12\xf9\xdb\x16\x9bT\xe3\xbf:\x01c\xc0\xa4\x14B\xca\xe9\xa3\xba\xa75JJ\xa4\xd6\xcf\xaa\xa8)\xa1\xfd\xba5\xbf\xe7\x96V\xaa%\x94R\xba\xfa\xad\xcf\xce\x9e*3\x9b\r1 \x88\x12B\x19]1\x7f\xad\x1e\xe6\x00 \x04w5\xba\xb6\xeb\x90G\x03\xee\xd2\xc4;\xfb\xfdE\x82\xeb9\xbf\x9d\x06L\xe3\\\xd74m\xf3\xe6\xcdK\x97.\xc5\x96\xd0\xa8\xc0\x02P\xd7\xd45N\xf5\xc01F\xb9\x10\x9dZ7|lp\x07\xbf\'\x98x\xad\x9fU\x11\\\xce~(\xdb\xe50\x0b!\x01h\xc59\xcf\xfa%[-\x06\x18\x0e!\xb8\xb0%Y\xf7l8xp\xc7Q\nTJB\xa4\xcc\x1e\xf5\x8c=\xb5\x11\xd7C\x89\xd4\xfaY\x155 \xa8Y\xfb\xec\xcc\xdbF\xa8\xccHJa\xe6\xcc\x99\xe5\xe5\xe5\xd8\x12Z\xf7\x8cr\xc5\x89\x11\xaa\xf5s\xe3\xc6\x8d\x91\xa7`\xa4$/\x8c\xcd\xb6Z\xb4\xc4k\xfd\xac\n\x00\xf5\xfbBm2\x1a=&gt;\xa8C\xa4%\xf4\xb3e\xdb\x8e}\xf5}\xc2\x0f\x08b\x0c\x82\xfe\xf0\xdf\n\xd6\x12B\x00T\xebg\xb7v}\x87\x07*\x12\xb0\xf5\xb3*\x00,\xe4\xf3d\x8f\x9cdq$s\xae3\x8d\x1d9r\xa4\xa0\xa0\x00\x00p\x11P\xc7\xb0\x00\xd4\x1d\xf5\xd8W0\x18\x9c8q"\xa5T\xb5~\xfeWv\xeb~\xdd\x9a\'j\xebgU\x18\x83@E`\xc2\xbd]Z^\xe3\xe2B\xaa\x01Ak\x16\x14\xc5W\xf0\xd9\x95\xe2\\\xd8\x92\xac\x1bV|q\xfa\xf8Y\x95\xf8\xc84S\xceo\xa7\t\xae\'\xc2\xd8\x9f\xcbG\xa9\x1e\n$5h\x9c5,W\r\x08b\xc0^~\xf9eu$\x86\xa7\xc1u\t\x0b@\xddQg\xbf\xcb\x97/\xdf\xb9s\xa7\xba\xfd7\x9b\xd8\xcc1=dB\xdf\xf3\xfe"JIX\xe7\xf5\xeb;\xa6\xde\xd7UJI\xa4\x04\xa0\xbb\x8b\xbe\xda\xbf\xa5\xd8\x91dM\xc8\xd3`\xd5\xfay\xae\xa4\xfc\x93\xb77\x9co\xfd\x14\xd7\xdf2\xa8Y\xfb\x9e\t3\xf6\xe7\xf2\x01cAoE\xc7;\xc7\xa66n\xa1\x82\xe3\xcb\xcb\xcb\xf3\xf3\xf3\xf1\x99\x80:f\xac\xaf]\x14\xa9\xdb\xff\xd2\xd2\xd2)S\xa6\x00\x00%R\x08\x99;\xa4c\xe6\xf5i\xbe\x84n\xfd\xac\x8a\xc6\xc0[\xee\x7f``\xbb\x9e\x99\x8dUp&lt;\xa1d\xe5k\xeb\x83\x81pB\x9e\x85H!\xadN\xcb\x9a\x05\x9f\xf9\xdc\x015\x12\xc7\xeaL\xe9u\xff\x94\x90\xcf\x9dXc\x7f.\x13\x95\x82\x9b,\xb6\xde\x0fL\'\x84\xe8\x9c3\xa6-Y\xb2d\xf3\xe6\xcd\x9a\xa6\xe1FP\x9dI\xc0_ZlR\xb7\xffyyy%%%\x0c@\xe7&lt;-\xd5\xfe\xd4\xd0\xce!\x7f\x88\x19\xec\xee/B\x12\xa2i0ctw5\x06\x19\x00\x8e\x1f:U\xf4\xde\x17\xf6\x84[\x04\xa8\xc6\xff\x83_~\xbbe\xd5.\xb5\xcd%\xa5\xect\xe7\xd8\xd4&amp;\xad\x12l\xec\xcf\xe5\xa3\xc0\x82\xde\x8aV\xdd\x076k\xdfS\nN\x81r\xcesss\x83\xc1 \x9e\x06\xd7\x19\x83^z\xea\x98\xba\xba\xa9&lt;&lt;\x06 ee\xe2czZ\xb2\x11Z?\xab\xc2\x80z\xdd\x81~=Z\x8e\xec\xdd\x86\x0b\xc9(\xa1\x94~\xf2\xe7\r\xe7J\xca\x13,3\x92\x12\x02\x0c&gt;z\xb5\x90s\x01\x00\x82\x8b\xd4\xc6-\xba\x0f}"\xe0.\x8d\xe7\xc4\xc7\x1a \x05\xef3v\x06\xd3L\x9csM\xd3v\xed\xda\xb5|\xf9r\x1c\x10Tg\xb0\x00\xd4\x05\xb5\xff\xa3\x12\xb1\x19\x03\x95\xf88\xf6\x8eLo\x85?\xae\x13\x1f\xab\x8f\x02\x84\xfc\xa1\xd9c\xb3\xeb%Yu.\x01\xa8\xcf\x1dX\xb3\xe03\x8b\xcd\x9c0G#\x9c\x0b{\xb2m\xdb\x9a\xdd\xc5{\x8e\x01\x03!$!\xb2\xf7\x03\xd3M6\xa7\x14q\x9c\xf8X}\x14 \xe4\xf7\xa4gt\xea|\xd78\xd5\x12\n\x00S\xa6L9w\xee\x1c.\x02\xea\x86\xa1\xaf&gt;uC\xb5~\x16\x16\x16\x16\x16\x162\xc6\xb8\x10\x0c\xe8\x8cQ\xdd\x99\x06\xf8\r\x07J\x82A\xfd\xda\xa6)O\x0e\xee eeK\xe8\x96U\xbb\xbe;\xf0\xbd\xd5\x9e\x08-\xa1\x92\x10\x8dA\xc0\x1b\xfc\xfb\x9f\x8a\x08!\xea\xec\xb7Y\xfb\x9e\xad\xba\x0f\x0cz\xca\x13u\xec\xcf\xe5\x03`!\xbf\xe7\xe6\xc1\xe3\xed)\r\xd4ipII\xc9\xfc\xf9\xf3q\x11P7\xb0\x00\xd4.u\xef_\x19\x81D\x08\x03\xca\xb9\xb8\xef\xd6\xeb\xfbe\xb5\xf4\xba\x03\t\x90\xf8X}\x8c\x81\xdf\x1dxfx\xd7\xd6\x8d]\xea4\x98s\xb1\xe2\xe5\xb5\x94%\xc2\xde\x98\xe0\xc2\xee\xb2\xad]\xb8\xf9\xcc\xc9s\xaa\xf5\x13\x18\xeb3v\x86\x14x\xceI\x08\xa9l\tMn\xd84{\xc4\xd3\xb223\x92\xbd\xf4\xd2K\xc5\xc5\xc5X\x03\xea\x00\x16\x80\xda\xa5v\xffU\x08*\xd3\x98\xce\xb9\xcba\xfe\xc3\xa8\xee\xe1@8\xb1{\xde/\x1fU\x03\x82\x1c\xe6g\xef\xefA\x08\x91R\x00\xd0\x83;\x8e\xee\xd9p\xd0\x9ed\x8d\xeb\xb8\x18)\xa5\xd9b:}\xecl\xd1{\xdb)\xa5\x84P)D\xe6m#\xd3Zw\x08\xf9=Fk\xfd\xac\n0-\xe0)k\xd7wX\xa3\x16\x99Bp`LEd\xe3.P\x1d\xc0\xaf`-\x12BPJKJJ\xf2\xf2\xf2(\xa5\x94\x10!\xe4\xe3\x83:\xdcx}\xa3\x80?\x0c\x89p\x83[3\xd4\x80\xa0\xd1\x03\xda\xf6\xccl\xcc\xb9TmQ\x7f+X\xeb\xf7\x85\x18\x83\xf8\xbd\x06\x08!\xadv\xf3\xca\xd7\xd6{+\xfc\xc0@\niq\xb8\xb2GN\n\x07|\x86l\xfd\xac\x92\xe4\xdcdu\xe4\x8c\x99J\xa4\x14\x823\xc6V\xacXQ\xb9e\x8a-\xa1\xb5\t\x0b@-Rc\x9f\xa7N\x9dZZZj\xd2\x98\xcey\x8b\xf4\xe4\t\xf7v\tT$`\xe2c5IB8\x17/&gt;\xdcSc\xc0\x85`\x0cN\x1f?\xbbn\xe1f\xbb\xcb\x16\xa7\x8b\x00!\xa4#\xd9\xb6w\xd3\xa1\x1d\x85\xff\x02P\x89\x8f"k\xd8\xff&amp;5hb\xd8\xd6\xcf\xaaP\xc6\x82\x9e\xb2\x16]\xfa\xb6\xee&gt;P\xf0\xca\xccH\xd54\x81\xeb\x80Z\x85\x97\xa1\xda\xa26\x7fv\xee\xdc\xb9l\xd92\xf5\x80\xbbj\xfd\xac_\xcf\x1e6\xd8\xf8\xfb\xcb\xc1\x80\xfa}\xa1\xac\x8e\xd7&gt;&lt;\xb0]\xe5\x80 J\x8b\xde\xdb~\xfa\xd8\xd98m\t\xa5\x84p\x9d\x7f\xfcv\x91J\xfb\x12B4j\x91\xd9\xe97\x0f\x05\xbd\xe5\x06o\xfd\xac\x02\x15\x9c\xe7\x8c\xf9\xbd\xc5\x9e\xc49\x07\xc6T\xdb4\x9e\x04\xd4*,\x00\xb5E\x1d\xffN\x9c81\x18\x0c2\xa0\xaa\xf5s\xf4\x80\xb6\xde\x8a\x80\xc1[?\xab\x02\x00!_h\xe6\x98\x1e)N\x0b\x17\x921\xf0V\xf8W\xbe\xfe\xa9\xd5a\x8d\xbbv \xce\x853\xd5\xbee\xe5\xae\xc3{\x8e\x03\x03!\x08\x912g\xccT\xcdb\x93\xdc\xd0\xad\x9fUQSB\x1b\xb5\xbc\xa9\xe3\x1d\x0fJ!\x08\xa1\x94\xd2\xbc\xbc\xbc\xd2\xd2R\x8c\x0c\xab=x%\xaa\x15\xaa\xf5s\xc5\x8a\x15\x1b7n\xd44M\xe7\xdclb/&gt;\xd4\x93\'p\xe4c\xb5\xa9\xcc\xc8\xb4FI\xd3Gu\x97RJ))\xd0\x9d\x9f\xee?\xf8\xe5\xd1\xf8\x9a\x12*%\xd14Vv\xc6\xbdv\xe1\xa6H\xe2cF\x8f;\x9aw\xe9\x1b\xf4\x94Q\xbc\xfd\xaf\x020-\xe0.\xbdy\xc8\xa3\xae\xb4f\x9c\xebL\xd3JKK\xd5\xf9\x19.\x02j\t\x16\x80\x9a\xa7\xeeVT\'\x03!\x04(\x11B\x0e\xef\x95\x91\xd5\xf9Z\xbf/\x84\xad\x9f\x97\xc0\x18\xf8=\xc1\xc7\xeen\x9f\xd1$\x85s\xa1\xa6\x84~\xf4j!0 qs\xfd\'\x82\x0bG\x8am\xfd\xe2-?~_\xaa\xa6\\0\xcd\x94=b\x92\xba\xb1\x8d\xf6\xab\x8ba\x94r=\xe4\xac\x97\xde}\xe8\x93\xa4\xb2%\xb4\xb2\x83\x0e7\x82j\t\x16\x80\x9a\xa72\xbf\xe6\xce\x9d[\\\\l2ia\x9d\xd7K\xb2&gt;?6;\xe4\r%|\xe2c5QB\xb8\x90V\xabi\xde\x7f\xe7\x10R\x99\x19Y\xbc\xe7\xd8\xb65\xbb\x9d)\xb6\xb8\x18\x10$\x84\xb4:\xcc\xc7\xbf&gt;\xb5a\xc5\x97\x14\xa8$ \x85\xe8|\xd7\xb8\xb4\xd6\x1d\x0c8\xf5\xf3J\x01\xd3\xfc\xe5go\xea7\xb2\xc9\x8d]\x05\xd7\x81i\x95\xcf\xd0\xe0Qp\xed\xc0\xafc\rSg\xbfG\x8e\x1c\x993g\x0e\x00\x10)\xa5\x94O\x0e\xee\xd0\xaci\x8a\x91\xc7\xfe\\&gt;\x06\xd4\xeb\t\x0e\xcany[\xa7kUf$\xa1d\xf5[\x9f\x95\x9f\xf5h\x1a\x8b\x8b\x8b\x000X\xf9\xdaz\xbf\'\x00\x00Rp{J\x83\x9b\x07\x8f\x0f\xf9=\xd8\xfayy$0-k\xf8\x0453\x951\xad\xb0\xb00\x12\xa0\x14\xed\xd7\x96h\xb0\x00\xd40u\xf6\x9b\x9f\x9f_QQ\xa11\x16\xd6yF\xd3\x94g\x86w\xf5\xbb\xb1\xf5\xf3\np!\xe7?\x92c61!$\x03\xf8\xe9\x87\xd2\xf5\x8b\xb68S\xec1\xde\x12*\xb8p$[\xf7o)\xde\xbd\xe1k`\xaa\xf5S\xf6\x1c\xf9tr\xc3\xa6\xd8\xfay\x99(\xb0\x80\xa7\xacU\xd7\xfe7\xf4\x1c,DeK\xa8\x8aP\xc5u@\x8d\xc3KRMRg\xbf\x9b6mZ\xb2d\x89\xc6\x18\xe7:!d\xde\xb8\x1c\xbb\xddd\x9c\xc4\xc7\xea\x03\xa0&gt;_\xa8\xfd\r\xe9\xb9C:F2#7\xac\xf8\xf2\xbb\xaf\xbe\xb7\xda\xcd\xb1|\t\x00\x06\x01_h\xe5k\xeb\t%\x94\xaa\xc4\xc7\xae7\xf5\x1f\xedw\x1b(\xf1\xb1\xfa\x00X\xc8\xef\xed5\xe6\xf7Vg\n\xd7\xc3L\xd3\x8a\x8b\x8b\xe7\xce\x9d\x8b\'\x015\x0e\x0b@\r\xe3\x9c\xe7\xe5\xe5q\xceU\xe2\xe3m\x9d\xae\x1d\x94\xdd\xd2h\x89\x8f\xd5\xc7\x00B\xbe\xd0SC;\xa7\xa5\xda\xd5"\xc0\xef\t|\xf2\xf6F\xb3\xd5\x14\xb3\xed@\x9c\x0bG\xb2m\xdb\xdf\xf7\x1c?t\n\x00T\xfb\x7f\xd6\xf0\t\xc04\x12\xc3E+\x16Q\xaa\x87\xfc\xa9\x8d[v\xbas\xac\x94RJ\x02\x14\xe6\xcd\x9bWRR\x82\x1dA5\x0b\x0b@\x8d\xd1u\x9d1\xb6t\xe9\xd2M\x9b6\x994M\xe7\\c0\xff\x91\x1c\xec\xfc\xbc\n\xaa%4=-9\x7fL\x96\x90R=S\xfd\xcf\xf5\xff\xda\xbb\xe9\x90#\xd9\x16\x835@%&gt;\xfet\xaal\xcd\x82\xcf"\xad\x9fm\xb2\xefn\xd5\xad\x7f\xc0S\x86S?\xaf\x140\x16p\x97v\x1f\xfaDJzs\xb5\x088w\xee\xdc\xd4\xa9S\xf1\x99\x80\x9a\x85\x05\xa0f\xa8+TEE\xc5\xcc\x993\x81RB\xa4\x10\xf2\xe1\x81\xed\xda\xb7I\xf3\x1b2\xf1\xb1\xfa4\x06~w\xe0\xfe\xfe7vj\xddP\x08\x01@\x85\x90\x1f\xbf]\xc4c\xf29j\x95\xf9\xf5\xe9\x92\xad\x15g=j\xa7\xc2bO\xca\x1a\x9e\x1b\x0e\xf8\xb1\xf3\xe7\xaaP\xc9u\xb3=\xe9\x96\xfb&amp;\x10B\xb8\x10\xea\xeej\xd7\xae]\x18\x1c_\x83\xf0\xabY3T\xf3\xcf\x9c9s\x8e\x1c9\xc2\x18\xe3\\\xa48-3\xc7\xf4\x08\xf9\xc3\xd8\xfay\xd58\x97v\xbb\xf9\x85\xb1\xd9RV\xb6\x84\x1e\xdes\xfc\xf3\x8fv:]\xf6\x98j\t\x15B\xda\xec\x96o\x0f\x9c\xfcl\xd96\nT\x12*\x85\xe8x\xc7\x83i\xad:\x84\xfd\x1eJ\xf1\x0bp5(\xd3\x02\xee\xb2v\xb7\xdd\xd7\xe4\xc6n\x82\xeb\x14X(\x14\xca\xcd\xcd\xe5\x9c\xe3"\xa0\xa6\xe0W\xb3\x06\xa8\xc6\x7fuN\xc5\x80I)\x84\x94\xd3GuOk\x94\x84\xad\x9f\xd5\xa1\xa6\x84\xf6\xeb\xd6\xfc\x9e[Z\xa9\x96PJ\xe9\xea\xb7&gt;;{\xaa\xccl\x8e\xa1\x01A\x94\x10\xca\xe8\x8a\xf9k\xf50</t>
        </is>
      </c>
    </row>
    <row r="7">
      <c r="A7" s="1" t="n">
        <v>5</v>
      </c>
      <c r="B7" t="inlineStr">
        <is>
          <t>grid_number</t>
        </is>
      </c>
      <c r="C7" t="inlineStr">
        <is>
          <t>What is the missing number of the part denoted with a question mark?</t>
        </is>
      </c>
      <c r="D7" t="inlineStr">
        <is>
          <t>['3', '8', '2', '9']</t>
        </is>
      </c>
      <c r="E7" t="inlineStr">
        <is>
          <t>9</t>
        </is>
      </c>
      <c r="F7" t="inlineStr">
        <is>
          <t>There is a 3x3 grid of numbers. The first row is [9, 2, 8]. The second row is ['?', 7, 3]. The third and last row is [8, 3, 8].</t>
        </is>
      </c>
      <c r="G7" t="inlineStr">
        <is>
          <t>We observe that [9, 2, 8] sums to 19, and [8, 3, 8] also sums to 19. Thus, the pattern is that the numbers in each row add up to the same value.</t>
        </is>
      </c>
      <c r="H7" t="inlineStr">
        <is>
          <t>Based on the pattern that the numbers in each row add up to the same value, the missing number of the row ['?', 7, 3] should be 9.</t>
        </is>
      </c>
      <c r="I7" t="inlineStr">
        <is>
          <t>b'\x89PNG\r\n\x1a\n\x00\x00\x00\rIHDR\x00\x00\x02\x00\x00\x00\x02\x00\x08\x02\x00\x00\x00{\x1aC\xad\x00\x00}\x8fIDATx\x9c\xed\xddw|\xd4E\xfe?\xf0\xf7\xcc|\xb6d7\x9b\xdd4B\xe8\x1dQ\x10\xa4JQ\x14\xc5\x82\x1d\x10D@\xa5\xaa(\x1ezz\x9e\x15\xcb\xddY\xef\xf4D\xd4\x03\x15\xce\x82\xe5\xb0+\x1a@P\x11\x05\x04\xa5\t\x08\xd2!\xa4g7\xd9\xfa\xf9|f\xe6\xfb\xc7$\x91/\n\x04\xd8\xc2f\xdf\xcf\xc7\xef\xe7\xf7L\x08n^;;\xef\xcfgf&gt;3DJ\t\x08!\x84R\x0fM\xf4\x0b@\x08!\x94\x18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94\x96\xe8\x17pR\x90R&amp;\xfa%$\x00!$\xd1/\xa1\x06\xe6\x9fX\x98\x7f\xcaJ\xd1\x02 \xa5\x14BH)\t!\x84\x10JS\xf1N(\x81!`\xfe\x80\xf9\'\x1a\x86\x00\x00$\xa5\x8a\xbfz\xcb\x01\x801v\xf0\xd7}&gt;\x9f\x10\x82\x90TIC]\xfbx&lt;\x9e\x83\xbf\xa8&gt;\x0c\x94\xd2\xd8]\x19a\xfe\n\xe6\x9fX\x89\xca\xff$\x94*o\xb9\x94\x92s\xaei5w&lt;\xd5\xd5\xd5\xabV\xadZ\xb1r\xe5O?\xfeXQQ\xb1y\xf3f\xd3\xe4@\x00R"\x0c\x00\x02\x00\xd0\xaem[\x8f\xc7\xd3\xb3g\xcf\xee\xdd\xbb\xf7\xee\xdd\xbbi\xd3\xa6\xea\x9b\xa6iRJ\xa3{A\x84\xf9\xff?\x98\x7fb\xc5=\xff\x93\x97L\x01\xa6i\xaa\xff\x11\x89D&gt;\xfa\xe8\xa3a\xc3\x86\xb5l\xd92\xd1\xc1\x9f\\233\x07\x0f\x1e&lt;{\xf6\xec\xe2\xe2b\x95\x95a\x18\xea\x9a\x08\xf3\x8f\x03\xcc?\xb1b\x9a\xff\xc9\xac\x81\xdf\x01\xa8\xdf\x8e\x10\xe2\xf3\xf9f\xcf\x9e\xfd\xfa\xeb\xaf\xaf_\xbf\xbe\xee\xbb\xe9.W\x93f-s\xf3\xf2Z\xb5=\xc5\x93\x95\xcdM3\x15\xee\xfe$HJ\xa8a\xe8[6\xae\xf3y+\xf7\xee\xda^YQ^\xf7\xdd\xfc\xfc&amp;\xa3G_;q\xe2\xc4\x8e\x1d;\x02\x80\x10\xe2D.\x850\xff\xdf\xc3\xfc\x13+\x9e\xf9\x9f\xfc\x1ar\x01\xe0\x9c\xab\xb1\xce9s\xe6&lt;\xf9\xe4\x93[\xb6lQ_o\xd2\xac\xc5\x99g\x0f\x1ax\xfe\xc5\xa7t\xee\xd6(/\xdf\x99\xeeb\x1a4\xe8w\xf9\x0fH\t\xa6\t\x91p\xa4\xbc\xb4h\xdb/\x9b\xbe\xfbj\xd1\xf2\xa5\x8b\xb6n\xde\xa8\xbe\x9b\x95\x955u\xea\xd4\xdbo\xbf\xdd\xedv\x9b\xa6Y7tpL0\xff#\xc0\xfc\x13+\x0e\xf9\'\x85\x06[\x00T\xeb/,,\x1c?~|AA\x81\xfab\x87N\x9d\xaf\xbbq\xea\xe0K\xae\xca\xce\xcd\x95\x12"\x11\xdd\xd0\r!\xb8\x94\xa2\x81\xc6pX\x04@-}\xb0X\xac6\xbbM\xd3\xa0\xba*\xb8\xea\xbb\xaf\xe7\xbe\xf0\xcc\xf2\xaf\x16\xa9?\xd3\xb1c\xc7W^y\xa5\x7f\xff\xfej\x86\xf0\x98.\x0f1\xff#\xc3\xfc\x13+\xd6\xf9\'\x8b\x86Y\x00T\xd1.((\x18?aB\xe1\xfe\xfd\x00\xd0\xba]\x87\t\xb7\xdey\xc9U#3&lt;\x19\xfe\xea\xa0a\xe8\x00\x84RJ\x08\xd4L\t\xa5*)\xa5\x14BJ\xc94\xcd\x99\x9e\xce\xb9X\xbet\xe1\xcb3\x9e\\\xb1l)\x00Xm\xb6\'\x1e\x7f|\xda\xb4i\xc7\xf4\x19\xc0\xfc\xeb\x0f\xf3O\xacX\xe4\x9fD\x1a`\x01P\xad\x7f\xf6\xec\xd9\x93\'OV_\xb9v\xfc\x94i\xf7&gt;\x9c\xd3(\xc7\xe7\xf5s\xd3\xa4\x8c5\xbc72*8\xe7\x84\x10WF\x06\xe7\xe6\xeb\xb3\x9e\x7f\xee\xf1\xe9\xfe\xea*\x00\x984i\xd2\xacY\xb38\xe7\xf5Y$\x87\xf9\x1f7\xcc?\xb1\xa2\x92\x7frih\x05@\xdd\xf9\xd6\xb5~\xb7\'\xeb\xc1\'g\x0c\x1dum\x95/\xa8\xebz\x03\x1e\xcb\x8b"\xf51\xc8\xce\xc9X\xb3\xf2\x87\xfbn\x9b\xb4\xe5\xe7uP\xfb\x198\xeau\x10\xe6\x7f\xe20\xff\xc4:\x91\xfc\x93N\x83*\x00\x87\xb4\xfe\x9cF\x8dg\xcc\x9d\xdfo`\xff\x92\xa2J\xa6i\r\xe9m\x8b\x03\xc30&lt;\x99\x99\xe5\xa5\xc57]{\xc5\xba5+\xe1\xa0\xeb\xa0C\x1e#\xaa\x83\xf9G\x11\xe6\x9fX\xc7\x91\x7f2j8\x05@\xbd1\x8b\x17/\x1e&lt;x0\x00df\xe7\xbc[\xf0}\xcb6\xed|\x95\x95\x9a\xc5\x92\xe8W\x97\x94\xb8iZ\xed6F\xd9\xb8a\x17\xaeZ\xfe\x15\x00&lt;\xf4\xd0C\xd3\xa7O\xff\xc3u\x11\x98\x7f\xd4a\xfe\x89uL\xf9\'\xa9\x06R\x00\xd4r\xdd\xe2\xe2\xe2\xae]\xbb\x95\x94\x14g\xb8=/\xcd\xfb\xb8\xc7\x99\xfd}^\xaf\xa6a\xeb?~\x9cs\x9b\xdd\xe6\xf7\xf9&amp;\x8c\xb8x\xd3\xfa\x9f\x08!\x05\x05\x05\x83\x07\x0f&gt;\xe4:\x08\xf3\x8f\x11\xcc?\xb1\xea\x99\x7f\xf2j \xab\x7f\xa5\x94\x9c\xf3\xb1c\xc7\x16\x17\x17\x01\xc0\x03\x8f\xcf\xe87p\x80\xb7\x12[\xff\x89b\x8cEB\xe1\xac\xdcF\xff\x9a5\xcf\xed\xc9\x94\x12\xc6\x8e\xbd\xae\xa8\xa8\x88\x10\xa2v\x95Q0\xff\x18\xc1\xfc\x13\xab\x9e\xf9\'\xaf\x86P\x00T5\x9e7o\xde\xa2E\x8b\x00\xe0\xea\xb1\x13\x87\x8d\x19]\\Ti\xc1;\xdfh`\x9a\xe6\xf3z;\x9cz\xca\xbd\x7f\x7f\x16@\x16\x17\x17\xdds\xcf=\x94\xd2\xba{G\xcc?\xa60\xff\xc4:j\xfeI-\xe9\x87\x80\xd4\x8e\x16^\xaf\xb7O\x9f&gt;;v\xech\xd6\xb2\xf5\xfc\xc5\xabl6\xbb\x9a\xcaO\xf4\xabk88\xe7\x9eL\xf7\x941\xc3\x16~\xfa\xbe\xcdf[\xb6lY\xcf\x9e=\xa5\x94j\x0bI\xcc?\xd60\xff\xc4:\\\xfe\xc9\xbeQDr\xbfz\x00P\x8bs\xe7\xcc\x99\xf3\xeb\xaf\xbf\n!&amp;N\xfdKN\xa3,]\xd7\xb1\xf5G\x17!\xc4\xd0\xcd[\xeez\xd0f\xb7G"\x91\xe9\xd3\xa7\xab\xae\x07\xf3\x8f\x0f\xcc?\xb1\x0e\x97\x7f\xa2_\xd7\x89J\xee\x02 \xa5d\x8c\x85B\xa19s\xe6\x10BZ\xb7\xebx\xd9\xf0Q\xbeJ\x7f\x83\x99\xa3?yPJ\xfd~\x7f\xe7n]/\xbcl\x18\x00|\xf3\xcd7\x9b7of\x8cQJ1\xff8\xc0\xfc\x13\xebp\xf9\'\xfbL@r\x17\x00\xf5\\\xc6\xe2\xc5\x8b\x7f\xfe\xf9g)\xe5\xb8)wd\xb8]\xdc4\x13\xfd\xba\x1a&amp;J\xa9\x1e1\xc6\xdfrg\x9a\xc3\x19\x08\x04^~\xf9e\xf5E\xcc?&gt;0\xff\xc4\xfa\xc3\xfc\xb1\x00$\xde\xdc\xb9s\t!\x8d\xf2\x9b\\p\xe9P\x7fu\x906\x88\xe5Y\'!Ji \x10\xec\xdc\xad[\xef\xfeg\x13B\xe6\xcf\x9f\xef\xf7\xfb\x01@]~b\xfe\xb1\x86\xf9\'\xd6\xef\xf3\x0f\x06\x83\x9a\xa6%\xf5@P\x12\x17\x005\xfe\xe3\xf3\xf9V\xad\xfaAJ\xd9\xef\xec\xf3s\x1a\xe5\x18\x86\x81\xa3\x9f1$%!p\xde\xc5WJ)\xf7\xef/\xdc\xb4i\x93i\x9a+W\xae\xc4\xfc\xe3\x04\xf3O\xac\xff\x9f\xff\xbau\xeb \xc9o\x02\x92\xb8\x00\xa8\xdcW\xaf^\xbdo\xdf^\x00\x188xH\xa2_Q\xc3G\x19\x0b\x85\xf43\x07\x9c\x9b\xee\xca\xe0\xdc\xfc\xe6\x9bo6l\xd8PXX\x08\x98\x7f\\`\xfe\x89uH\xfe\x9f\x7f\xfe\x05\xd4\x9e\xba\x93\xa4\x92\xb8\x00\xa8\xdcW\xad\xfa\x01\x00\x1cNg\xa7\xce]#a=\xd9We\x9d\xe4\x08!z$\x92\xdf\xacE\xcb6\xed\x00`\xdd\xbau\xcb\x97/\x07\x00\xa73\x1d\xf3\x8f\x03\xcc?\xb1\x0e\xc9\x7f\xf5\xea\x1f\x00 \xa93O\xe2\x97\xaenu\xd7\xacY\r\x00\xcdZ\xb4\xce\xcbo\x8a\xf7\xbfq \x84Hs\xd8:\x9ev:\x00\xac[\xbf~\xc1\xe7\x9f\x03@\x93\x16-1\xff\xf8\xc0\xfc\x13\xeb\xe0\xfc7o\xde\xec\xf7\xfb\x93\xfa\xa1\xb0$^.\xa6\xd6\xe1\x96\x96\x96\x02@VN\xae#\xdd\xe5\xaf\xaeJ\xeaj\x9c\x14\xa4\x94\x8cA^~S\x00\xa8\xac\xa8P\x03qY\xd9\x98\x7f\x9c`\xfe\x89\xa5\xf2o\x9c\xdf\x0c\x00\xbc^_(\x14JOOO\xf4\x8b:~\xc9Z\x00\xd43x^\xafw\xeb\xd6\xad\x00\xd0\xb6\xc3\xa9\x9a&amp;\x93\xb7\x0e\'\x11J\x88iB\xdb\x0e\xa7\x02@qqqYY\x19`\xfeq\x84\xf9\'\x96\xca\xbfM\x87N\x00PU\xe5\xdb\xbcysnn\xae\x10"I\xf7\x86K\xd6\x02\xa0H)\r\xc3\x04\x80\xcc\xaclJ\x1b\xc2\x83yIAJ\xc8\xcc\xca\x06\x00\xd34\xd5\x15(\xe6\x1fO\x98\x7fb\xd5\xe5/\x840\x93\xfc\xa9\x8b\xa4\xbfaT\x83\x9e\xc9\xfe6$\x1d\x15x\xdd\xe9H\x98\x7f\x9ca\xfe\x89U\x17x\xb2O\xba$}\x01P\x92\xfdmH:\x87\x04\x8e\xf9\xc7\x19\xe6\x9fX\r&amp;\xf0\x06R\x00\x10B\x08\x1d+,\x00\x08!\x94\xa2\xb0\x00 \x84P\x8a\xc2\x02\x80\x10B)\n\x0b\x00B\x08\xa5(,\x00\x08!\x94\xa2\xb0\x00 \x84P\x8a\xc2\x02\x80\x10B)\n\x0b\x00B\x08\xa5(,\x00\x08!\x94\xa2\xb0\x00 \x84P\x8a\xc2\x02\x80\x10B)\n\x0b\x00B\x08\xa5\xa8\xe4&gt;\x0f \x19I)\xa5\x14R\x02\x80\x04\t@\xa0v[_\xd2`\xb6\x18&lt;\x99I)j\xe2?8\x7f\x00B\t!x=\x14s\xb2VM\xfe\x80\x1f\x81D\xc2\x02\x10\'RJ!8\xa5\xd4b\xb5Y\xad6\xc6T\xaf\x03 A\x080M\xa1G\xc2\x86a\x10\x00\x9a\x9cG\x0b\x9d\xe4\x84\xe0RJ\xc64\x9b-\xcdb\xb5P\xfa[\xfeR\x82\x10`\xe8\x86\xaeG87\t\xa1x\xb0b\xd4I)\x85\x10\x04@\xb3X\xad6\xab\xa61JU\xd7_\xf3\x11\xe0\xa6\xd0u\xdd0t)\x05\xa5\x0c+A|`\x01\x889\xd5\xf5\xdblv\x87\xd3\x15\t\x9b\x07\n\xf7\xee\xdd\xb9\xbd\xe8\xc0~_E\x85a\xeaV\x9b=\'7\xafY\x8bV-Z\xb7\xcdn\x94+\x05\xf8\xab\xab\xa5\x10X\x06\xa2CJ.8cZ\xba\xcb\xadiP]\x1d\xd8\xb3k\xfb\xfe\xbd\xbbJ\x8b\x8b\xaa\xbc\x95\x86ah\x1asexr\xf3\xf2\x9b\xb5l\xdd\xa4Y\x8b\xcc,\x8f\xae\xf3`\xc0\x0f@\xb0\x0cD\x85j\xffV\xab\xcd\xe1L\x13\x02\xcaKK\xb6n\xdeu`\xdf\x9e\xf2\xd2\x92`0\x00 \xedi\x8e\xec\x9cF\x8d\x9b4k\xda\xa2Un^c\x8b\x85\x06\x83\x91H8\x84e \x0e\xb0\x00\xc4\x96:,\xd4\xedq\xed\xdd\xbd\xe7\xcdW\xfe\xb7\xe4\xf3O6o\\[]\xe5\xfb\xfd\x9fl\xd2\xacE\x8f3\x07\\2t\xd4\x80s\x07[\xac\xd6\xea*\x1fc\xf8\xee\x9c\x10\xce9c\x9a\'\xd3\x15\xf0\x87\xbe\xfbz\xf1\x97\x9f\x7f\xb4j\xf9\xd7{v\xfc\x1a\x0e\x87~\xff\x87m6{\xab\xb6\xed\xfb\x9d3x\xc8\x95#\xba\xf6\xecc\x18F(\x18\xc0\xb7\xe0\x04\xd5\xb5\xff\xa2\xc2\xa2O\xdf{ki\xc1\'\x1b~Z]|`\xff\x1f\x9e^\x99\x9d\x9bwj\x97ng\x0f\x1er\xdeE\x97\xb7l\xd3*\xe0\x0f\xe9\xba\x9e\xa4g\xed&amp;\x0bl\xdf1\xc49w8\x9dz$\xf2\xdc\xe3\x8f\xbe1\xfb\xf9\xf2\xb2\x12\xf5uB\x08\xa1\x94\x00\xa81\x08)A\x08^\xb8oO\xe1\xfcy\x9f\xcc\x9f\xd7\xa3\xcf\x80\xa9wO\x1fp\xde\xf9U\xdejh@g\x0f\xc5\x93\x1ap\xc8p\xbb\x03~\xff[sf\xbd=w\xd6\xcf\xeb\xd6\xd4}\x97PJkR%\xb5\x7f\\F"\xe1_6m\xf8e\xd3\x86\xff\xbe\xf4\xef\x0b/\x1f6\xf5\xee\xe9\xed;\x9d\xea\xab\xf4a\x07t\xdc87\x9d\xce\xf4p8\xfc\xc2\xd3\x8f\xbf\xf9\xca\xcc\xa2\xc2}u\xdf\xa2\x94\x11\x02\x07\xe5\x0fB\xf0\xf2\xd2\xe2eK\n\x96-)\x98\xf9\xd4#\xc3F\x8f\x9bx\xeb]Y9\xb9\xd5UU\xf8\x16\xc4\x0e\xde\xe4\xc6\n\xe7\xa6+#c\xf7\x8em\xd7]1\xe8\xdf\x8f=X^V\xc2\x98\xa6\xeej\xa5\x94R\x88\xda\xd9`)\xa5 \x84\x10B\x19c\x94\xd25+\xbf\xbda\xe8\xe0\xa7\x1f\xbe/\xcd\xe1\xa0\x94\xe2I\xdf\xc7\x8as\xce\x18\xf3d\xba\x97|\xf1\xc9\xe8K\xcez\xe0\xf6\x1b\x7f^\xb7\x86\x10\xc2\x98F)%\x84Hq0\xae\xfe\x0f!\x84R\xca\x98&amp;\x04\xff\xfc\xc3wG^\xd8\xef\xa3\xb7\xdf\xf0d\xb99\xe7\x89\xfe\x85\x92\x12\xe7\xdc\x95\xe1\xde\xbem\xcb\xd8\xcb\xcf\xfd\xe7\xa3\xf7\x14\x15\xeec\x8c1\xc6\x08\xa1\x84\x105\xf1\x0b\x04\xea\xfe\x07\xa9\xfb\x0c0\xe6\xad(\x7fe\xc6\xd3\xd7\\&lt;`\xf5\x8ao\xdd\x1e7\xc7\x13\x8fc\x06\x0b@Lp\xce\xd3]\xae\xcd\x1b\xd6^w\xc5y\xeb\x7f\\\xa5i\x1a!\x84sS\xcd\x03\xabn\xbd\xae\x07\x92R\xaaO\x05\xe7\\\x08A\x19\xa3\x94\xbe\xf4\xaf\x7f\xfc\xe5\xe6\xeb,V\x8b*\x18\x89\xfe\x85\x92\x86\xba\xf0\x8fD\xc2\xf7\xdc6\xe9\xa6k/\xdf\xb4a\xad*\xabRJ\xceM\x00\xf2[\r\xfe\xad\x00K\xc6\x18!D\x08\xc1\xb9\t\x00\x8ci\xd5U\xbe;o\x1a\xfb\xc6\xec\x17=\x99nnb\r86\x82\xf3t\x97k\xe3\xda5\xd7]q\xde\xc6\xb5\xabk\xdb?\x17BPJ\xa4\x94\x82s\xceMn\x9a\xdc497\x05\xe7RJJ\xa9\x14\x82sN\x08\xd14m\xf7\x8em\x13\x86_\xb4l\xc9\xc2\x0c\x0f\x96\xe1X\xc1!\xa0\xe8\x93B\xd8\xed\xb6\xe2\x03\x857\x8f\xb9\xb2\xb4\xf8\x80\xa6i\xa6iB\xed`\x8ej\xca\x19nOn^\xbe=--\x1c\n\x15\x1f\xd8\xef\xaf\xae\x02\x00J\xa9\x10B\xa8\x0f\x80\xc5\xf2\xc9\xfcy6\x9b\xfd\x1f\xcf\xbfR\xed\xab\xc2\x81\xa0\xfa\x90RZm\xd6\xd5+\x96=t\xe7-[7mP\xb3\xb8*p\xca\x98\x14B\x88\x9a~$\xcd\xe1p8\xd35\xcd\x12\t\x87|\xde\xca\x9a?C\xa9\x10\x02\x0087\xd5\xcf&gt;|\xd7--[\xb7\xebw\xcey\xd5U\xd58\x10QORJ\xab\xcdVZR4\xf5\xfaa\x15e%\x07\xb7\x7f)%\xe7\xdcj\xb3w\xea\xd2\xb5u\xdb\x0e\xee\xccl\x00\xe9\xad\xa8\xd8\xb5}\xeb\x96\x8d\xeb"\x91p\xdd\x1f3M\x931\x16\x0e\x05o\x9fp\xcd\xbb\x0bW4k\xd12\x1c\x8e\xe0\xb4|\xd4a\x01\x88&gt;\t\xa0Y,\x0f\xde~\xd3\x81}{\x0ei\xfd\x000\xe8\xa2\xcb\x86\x8d\x1e\x7f\xda\xe9\xdd3&lt;\x99\x9a\xc5b\x1a\x86\xb7\xa2|\xed\xea\xef\xe7\xbd\xf2\xc2\xea\x15\xdf\xaa\x8e^Ji\x1a\x86\xa6Y\xe6\xbf\xf9j\xa7.\xddn\xb8yje\xb9\x97i\xf8f\x1d\x85\x10"-\xcd\xbe\xf8\xb3\x8f\xb7n\xda`\xb5\xd9u\xd5\xa1PJ\x00\x04\xe7\x00\xd0\xe3\xcc\x01\xe7\\pI\x973z5i\xd6\xc2\x99\xee\xa2\x94\x19\x86^Z\\\xb4n\xf5\xf7\xef\xbf5w\xe3\xda5uo\x93\x10B\xdd7&lt;t\xd7-\xef\x7f\xb9J\xd3,R\x08\xc02\\\x0fB\x884\x87\xfd\xc1;\xee-\xfc]\xfb\xb7\xd9\xed\xe3n\xbe\xfd\x8a\x91\xd7\xb5h\xd5\xc6f\xb7\xaa\xe7.\xa4\x80HX\xdf\xb3k\xc7\xc7\xef\xbe1\xe7\xc5g\xc2\xa1`]\xa9`\x9a\xe6\xf3V&gt;9\xfd//\xbe\xf9A8\x1cI\xf0/\xd6\x10aE\x8d2\xce\xcd\x0cO\xc6\x82\x0f\xfe\xf7\xf5\xe2\x05\xec\xff\xb7\xfetW\xc6\xbff\xcf\x9b\xf5\xf6\xc7\x83/\xbd2;\xb7\x11!\x94\x1b\x06!47/\xff\xf2\xabG\xbd\xfe\xc9\xd2;\xa7?\x0e\xa0\xfe\xb8\xbaW0)\xa5\xffz\xf4\xdem[~Is8\xd4\xc5):\x02\xc6Xu\x95\xff\xce\xe9\xff8\xfb\xbc\x8b\xf4H\x981\x8d\xd5\\\xf8\x8b\x81\x83\x87\xbc\xf6\xd1\x92\xd7?Z:\xe5\xce\xbf\xf6={P\x93f-]\x19n\x873\xdd\x93\x95\xdd\xa9K\xb7\xebo\xba\xf5\xed/\x96\xdf~\xff\xdf\x01@\xcd\x13@\xcd\n\x16m\xf7\x8em\x1f\xbc\xfd\x9a+\xc3\x89\xa3\x10\xf5!\x85Hs8\xb6l\xdc\xf8\xe9{oQJUh\x84R\x90\x90\x9b\x97\xff\xdf\x0f\xbf\xfc\xeb\xa3\xffh\xde\xaaM$\x1c\xf6V\xfa*\xcb\xbc\x95e^o\xa5/\x12\t7o\xd5\xe6\xeeG\xfe\xf6\xfaGK\xf2\xf2\x9b\xaaAQ\x00\xe0\xa6I)]Z\xf0\xe9\xba5\xab\x1dN\'~\x04\xa2\x0e\x0b@\x94Q\xaa\x85\x83\xa1\xd9\xcf=Yw-\xa9f\xb7\xd2\xd2\x1c3_\xfb`\xe8\xb5\xa3\xbc\x15\xde*\xaf\xcf0\x0c\x00uE)\x0cC\xf7Vx\x83\x81\xe0mw\xdf\xfd\xb7\x7f\xbf,\xa5P\xb7\xbaRJBH \xe0\x7f\xe1\xe9\xbf\xd9\xecV)\xb1\xf5\x1f\x9d\x14\x82s\xf1\xc4\x0bs[\xb6n\xc7\xb9\xc99o\xd1\xaa\xedss\xff7\xeb\xedO\xfb\x0c8\'\x1c\nV\x96y\xfd\xd5U\xba\x1e1M\x93s\xd34\x8cP0PQ\xee\x8d\x84#w\xdc\x7f\xef\xdd\x8f&lt;\xad&amp;\x84k\xfe6\x90\x84\x90\x0f\xdf}=\x14\x8c\xe0\x93\x19\xf5!\x84\xb0\xa7Y\xbe^\xbc\xc00tB~[\xc2@\x19}\xec\xf99g\x0e\xe8W\\T\xa1\x87\xc3\x84R\xc6\x18\xd34\xa6ijfX\x0f\x87\x8b\x8b*z\xf6\xeb\xf3\xf8\xf3s\xb5\x83nv\t\xa1B\xf0o\x16/\xb0\xda\x98\xc4\x02\x10mX\x00\xa2Ip\xeeLw\xfc\xf0\xdd\xb2\xcd\x1b~\x02 \xa2\xf6\xf2G\x08q\xeb\xdd\x0f\x9ds\xe1\xa0\x92\x03\x15\xb5-\x9e\xd4\xae\x81#\x84\x10\xa6i\x84\x90\xa2\x03\x95c&amp;\x8e\x1f\x7f\xcb\x9f9\xe7\x942\x00P\x9d\xd1\xe7\x1f\xbd\xbbi\xfd\xfa4\x07^\x01\x1d\x1d\xa14\x12\x0eg\xe54\xfa\xd7\xcbo9\xd3]\x97\x0c\xbd\xe6\x7f\x8b\xbe\x1fr\xe5p\x7fu\x95\xbf\xaa\x8aP\xca\xb4\x9a\xb5Xu(\xa5j\x96\xb2\xf8\x80o\xfc-\xb7\xf7\xea?P\xd4&gt;\x88\xa7\x16k\xfd\xf2\xf3\xfa\x9d\xdb\xb7\xd9\xecv\xec\x80\x8e\x8e\x10\xc1a\xc3O?\xd4&lt;f];\xfb\xd2w\xe0\xf9\xe7\x0c\xbe\xb0\xb4\xc4k\xb5Z\xc9\x1f\r\xe5\x13J\xadVkYq\xe5Y\xe7\x9d\xdf\xef\x9c\xc1R\x8a\xdaI\x17\t\x00?\xaf\xfb\x91\x9b\x80CpQ\x87\x05 \x9a\xa4\x94\x16\x0b]\xf2\xc5\'\x00@\x19\x05\xd5\xfbs\xde\xbce\x9bkn\xb8\xb1\xa2\xcco\xb1Z\x0e\xf7\xb3j\xe5Cey\xe0\xd6\xbb\x1eh\xd9\xa6\x9d\xba\x0f\x90RR\xc6\x0c]\xff\xe8\x7fo\xa4\xa5Y\xb0\x03\xaa\x0f\xc6\x98\xbf\xba\xbaS\xe7\xaeo\x7f\xb1\xfc\xb1\x19s\x9c.\xb7\xb7\xc2K);\xf2%&lt;!\x04\xa4\xa4\x94\\=fB\xdd\x17\xd5\xd2\x14C\xd7wl\xddl\xb5Z\x04.\xc7:\x1aJ\x89a\x98\xc5\x85\x85ju?\xd4,\xf6\x84~\x03\xcf\'D\x1e\xb5\xff&amp;\x84\x10"\xcf&lt;k\x90\xfa\x17\xa8\xfd[J\x8a\n\xf5\x88\x8e\x93\xc0Q\x87\x81F\x13eZ\xc0\x1f\xfeq\xd5r\x00P\x9d\xb5j\xb2\x17\\643+\xc34\xcd\xda\xab\xfe?F\x081\x0c\xc3\x9d\xe9\xbe\xfe\xa6iR\xca\x9a\x0f\x80\x10\x00\xb0\xf8\xb3\x0f\xbd\x15U\x9a\xe5\xb0\xf5\x03\x1d\x8cR\x1a\n\x85\xda\xb4;\xc54\r=\x1c\xae\xe7\xfc9e4\x126N=\xbd\xbb\xc5jUk\xb1\x00@\rF\x17\x15\xee\xa5\x0c\x00\xb0\x00\x1c\x15\xe1\xa6\xa9\xebj\xc2\xb6n\xcbC\xc8\xcd\xcb\x17\x82\x1c\xfd\x12\x9e\x10!H\xa3\xbc|\xa8+ \x00\x00\xa0\xeb\x11\xd34p-\\\xd4a\x01\x88\x1a)\xa5\xc5j)-)\xda\xb3k\x07\xd46_\xd5}\xf7\xeaw\xb6iJZ\x8f\xe6\xcb\x18\x0b\x04\xc2\xe7\x0f\xb9\xd2\x93\x99\xad\xfa 5\n\xb4g\xc7\xaf\x9b7\xae\xb5\xa7\xa5\xe1(P=QJ#\xe1\x90\x1a\xe2\xa9\xf7\x0f\x11\xce\xcd\xcc\xac\xec\x0c\xb7\xe7\xa0\xaf\x01\x00\x04\xfc~\x02\xd8\xff\xd7\x87d\x9af\xb5\xd9\x00\xe0\xe0\xcb\x1d\xce\xcd#^\xfc\x1c\x84\x80i\x1a\x87|\xcdj\xb51M\xc3\x07b\xa2\x0e\x0b@\xd4H)-\x9a\xa5\xf4@\xa1Z\xd4/%\xa8\xee\xdbj\xb5\xb6h\xd5\xd6\xd0MB\x8f\xfe\t \x84\xe8\x91H\xe3&amp;M\xbb\xf7\xe9\x0f\xb57\x10\x941\t\xf2\xa7U\xdf[\xad\x14G\x81\xea\xefX\xba\xfe\x1aR\x02\xa5T\xd3\x0e\xbd\xd3\xc2\x87\x00\xeaI\x08i\xb1h\xea\x12^]\xf0\xa8\xcb\xf6}\xbbv0\np\xd4\x1e\\JFa\xef\x9e\x9du?\xa8f\xcb\xf2\xf2\x9b\xd8\xed6\xbc\xfa\x89:,\x00Q#\xa5\xa4\x8cz\xbd\x15 %\xa5\xb4\xeer\xd1\x95\xe1\xc9\xf0d\xa9\xc7P\xeb\xf9\x171\rN\xef\xd1\x1b\xa0\xf63$\x01\x00~^\xff#\x178\x0f\x16[\x84\x12\xc3\xd0\xc3\xa1\xe0o_\x92\x12\x002\xdc\x99R\xd6\xf7\rLiRR\x06\x9dN?\x03\x00T^\xea\x92\xe5\xeb\xc5\x0b"a\xf3\xa8%\x99P\x1a\t\x9b\xdf~YP\xf7\x83j2\xf9\xf4\x1e\xbd)\xabG\xfd@\xc7\x08\x0b@4\x11\x02\xc1`\xa0\xe6\x7f\xd5\xfe\xd3\xeepX,\x96c\xb8{%Dph\xdd\xb6\x03\x00H!\x01@-\x00\xdd\xbd}[(\x10Vs\xcb(\x16\xa4\x94\x9af)/-U\xf7pu_\x04\x80\xfcf-\xd4\x92\xae\x84\xbd\xb8$A(\xd5#|\xc0\xb9\x17P\xca\xd4s\xd7\xea\x91\xba\r?\xad\xfe\xf0\xdd7\xb2s3\x0c]?\xdc\xcf\x1a\x86\x9e\x99\x9dQ\xf0\xc9\xfb\xeb\xd6\xacTOe\x13B\xa4\x14\x16\x8be\xd0\x85\x97\x87C\x06N\x02G\x1d\x06\x1ae\xaa\xcb&gt;\xd4\xb1\xf4\x1b\x84\x80\x10\xd2\x93\x99\r\xb5]\x7f\xcdB\x88\xe2\x03\xfej\x1fc8\x12\x1a+RJ\xab\x95m\xdb\xb2Qm\'\xa7\x9e\xc3\x10B\xd8\xeci\xad\xda\xb6\xd7u\xbd&gt;\xb38)\x8eR\x1a\x0c\x04\xba\x9c\xd1c\xc0\xa0\x0b\xd4&amp;KP\xf3D\x0b\xfd\xfb=\xd3\xbe\xff\xfa\xdb\xdc\xc6Y\xa6i\x1c2\x92)\xa54\x0c#+;k\xcb\x86M\x8f\xfe\xf56B\x88j\xe2\x8c1!\xc4\xe5#\xc6v\xea\xd2%\x14\x0c\x1e\xc7\x98\x1e:2\x0c4\xcalv;@\xed\xf0\x8f\x94\x00\x10\x0e\x06\r\xfd\x98\x160\x105\x12}\xc8W\xfd\xd5U\xd5U\xb8;q,I\t\x04\x96}\xf9\x05\x00\xd4lSI)!\xa4C\xa7\xce\xcdZ\xb6\xd2#\x11\xec\x80\xeaIp\xf1\xa7{\x1e\xb1X\xad\xf2\xb7MP\xa4\xbf\xdaw\xe3\xa8\xcb&gt;\xf9\xdf\xfc\xec\x9cL\xab\xcdn\x9a\xa6\xba\x94Q\x8f\xfb\xe6\xe6e\xae^\xf1\xdd\xc4\x11\x17\x97\x97\x16\xab\x1d[\x19c\xa6i\xe67k~\xc7\xfd\x7f\x0b\x06\xc2x\xf9\x1f\x0b\x98i\xd4\x10\x02\x82K\xb5\x80\xe4\xe0\xa7v\xab|\xde\xca\x8a2\xa6Y\xea\xb9\x88DJ\xc9\x18\x94\x94\x1c\x80\xff?\x8d\xa9G\xc2\x81\xeajF\x19\xde\x01\xc4\x82\x94\xc2\x96\x96\xb6{\xfb\xce\xaf\x16~\x06\x00j\xf8\x82\x00\x91R\x9ew\xf1\xe5\x0e\x87M\xe0V\x10\xf5C)\r\xf8\x03\xddz\xf6\xbc\xe3\xfe\xbf\x0b\xce\x19\xd3T\r \x94V\xf9\xbc\xb7\x8d\xbb\xfa\xae\x9b\xc7\x1f(\xdc\x93\x9d\xe3\xb1X\xad\x00$3\xdbc\x9a\xc6\xbf\x1e}\xf8\xba\xcb\x07\x15\xee\xdb\xa3\x06\x7f\x18\xd38\xe7\xce\xf4\xf4gf\xbf\x9d\x9d\x9bg\xe8\x11\\\x03\x1a\x0bX\x00\xa2\x86\x005L#7\xaf\x89\xcd\x9e\xa6F\x0fj\x1e#2\xf4\xed\xbfl\xb2Z\x99\xf8\xc3\xd1\xa1\xdf\x91RRF\xbe[\xba\x08j\x17B\xd4mO\x16\x8e\x84\xeb\xb3\x94\x08\x1d\x07\xceEz\xba\xed\xf5\xd93\xd4mV\xed\xf8\x0fW\x8f\x13\x07\x03:\xce\xbe\xd4\x1f\xd3\x98\xb7\xb2j\xe2\xadw\xdep\xd3\xedj\xfd\xbe\xda\xeaY=z\xfd\xde\x9bs\x86\r\xea\xfd\xd8\x03\x7f-.\xdc\'\x849o\xce\xec\x11\x17\x9c9\xe3\x89\x87t=B(\x95R2M\xe3\xdc\xcci\x94\xf7\xd2[\x9f\xf68\xb3\x9f\xbf\xaa\n\xf7\xe1\x88\x11l\xd3Q\xa3\x16\x90\xe4\xe57i\xda\xbc%\xd4-b\xa3\x14\x00\xbeZ\xf8\x99\xda\x06\xfd\xa8\x7f\x89\x10&lt;\xcd\xe1\xd8\xb1\xf5\xd7\x82O\xde\'\x84\xd4]u\xd6lOV\xff\xa5D\xe8X\x08\xce\xd3]\xe9\xeb\xd6\xfc\xf4\xf6\x9c\x97\xea6\x85\xa6\x94I)\x87^;\xaem\x87v\xe1pP=\x11\x86\xea\x89\x10R]]}\xdf?\xfe\xf5\xa7{\x1eQ\xe7^\xa8\xe9+51P\xe5\xab\x9c\xfd\xef\'\x86\x9d\xd7k\xe8\xa0\x9e\x0fL\x9b\xbcc\xdb/\x8c1\xd5\xca\xa5\x94\xdc4\xcf&lt;\xeb\xdcy\x9f-\xeb\xd3\x7f\xa0\xcf\x8b\xfb\xe0\xc6\x10\xb6\xe9h\xe2\xa6\x99\xe1N\xef\xd6\xf3\xcc\xba\xe7\x8f\xd4\xc3\\\x8b&gt;\xfb\xe0\xd7_\xb69\x1c\x8e#\xef(\xa9\x96=\xd8\xed\xd6\xc7\x1f\xb8\xd3_\xed;x/-\xf5\x7f\xb0\x0f\x8a\x89\xda\xa3H\x1e\xf9\xcb\xd4p8\x04\xb5\xe3\x15B\x8a\xac\xec\xdc\x89S\xef\x0c\xf8\xc3jk&amp;T\x7f\xea\x92\xa5\xaa\xaa\xea\xb6{\x1e\x98\xf9\xc6\x07\x8d\x1a7Q\x87\xed\x00\x80:\xf2\x851\xe6\xf3V\xee\xde\xf1\xab:\x01\x89sN\x00\x84\x10\xe9\xae\x8c\xbb\x1e~\xf2\xe5\xff}\xd1\xb4E\xab*\x9f\x17\x8fe\x8e)\xecP\xa2\x8bp.\xcf\xbf\xe4*u\xe8#\xd4\xae\x7f\x08\xf8\xab\x9f\x98~\xa7\xcdne\x1a\xab\x9b\xfb:\x98\x14\xc24\r\xab\xd5\xea\xf6d\xfc\xed\x9e;\xbe\xfc\xfc#\xa6iu\xa7\x97\x00\xd4\xcc\'3M\xc3\xa5\xd0Qgr\xee\xc9r\xfd\xf3\xd1\xfb~\\\xb5\x9c1&amp;j\x0f\x87\x91BL\xbb\xefo\xcdZ4\x8f\x84\xc38\x00}\x1c\xd4\xc8OEY\xe5y\x17]\xfe\xf1\xb2\xb5\xa3\'\xdeb\xb1X\xd4E\x8c\xda\xee_\xfd\x01QsRX\xcd\xa6)K~\xdaq\xcb\x9dw\x85\x82\x81p(\x84\xbd\x7f\xaca\x01\x88&amp;\xc6X\xc0\x1f\xe8\x7f\xce\xf9\x1dN\xed\xa2\xf6q\x03\x00!8\xa5l\xc9\xe7\x1f?p\xfb\x14\xab\xd5\xea\xc9\xf2h\x9a&amp;\x85\x10\x9c\x0b\xceU/oKK\xcb\xce\xcd\xf4V\x96\xdfv\xc3\xa8\xb9/&gt;\xc3\x98v\xf09\xa8\xaa\xf7\xa1\x8c\xd9l6\xdc\x8f,\xbaL\xc3\xc8\xce\xf5\xbc5w\xce+\xcf?\xcd\x18S\xb7h*\xff\xf3.\xbeb\xe4\xf5\x93\xbc\x95U8\x04q\xdc\x04\xe7\x16\x8b\x95RZ\xed\xf3\xa9\xadW\xeb\x96B\xa8\x7f\xad{\xb8W]\x15m\xde\xb0\xf6\x8d\x97g\xee\xde\xb1/3+\x13\x00\xf0\xd1\xdfX\xc3\x02\x10e\x9cs\x87\xd3q\xcb]\x0fJ\xf9\xdb\xe6?\xea(\xe0\xb7\xe6\xbc8j\xc8\xd9\x0b\xde\x7f\xb7\xca\xe7\xb5\xa59\\n\xb7\xcb\xedNw\xb9\x81\xc0\x8em[f&lt;\xfe\xf7\xab\xce\xed\xf9\xd9\x07o\xab\x19\xb0\xcc\xac\x9c4\x87\xe3\xe0\xbf\xd9j\xb1\xa69\x9cRp\xbc\x1a\x8d\x16\xd302\xb33\x97~\xf1\xc5\xf4?\xdft\xd0\xd0?\xe5\xdcl\xde\xb2\xcd\xa3\xcf\xfcG\x8f\x841\xec\xe3\xc6M\xd3\xe1t\x02!\xcf?\xf9\xf0\x15gw{c\xf6\xf3\xba\x1eQ\xb3\xebj\x9a]]\xfd\xa8\xdd\xd1\xd5\xf4\xc0\xde];\x9e{|\xfa5\x17\xf5{\xe7\xb5W\x9d\xe9\xe96\x9b\r\xcf\xe1\x89)\xbc\xb4\x892\xc6X\x95\xb7\xea\xe2+\x87/\xf9|\xecG\xef\xben\xb1X\x0c\xc3\x80\xda\xe7!\xd7\xafY\xf9\xa7\xf1#\xb3r\x1a\xb5l\xd3.+\'W\xd3,\x81\xea\xaa\xa2\x03\xfbw\xfd\xbaUm\x80\xa5Y,\xdc4\xedi\x8e\xa7^z\xfd\xde\xdb&amp;\x84\x82\xc1\xba\xee\xde\x9e\xe6p\xa6\xbb8^\x13E\x89i\x9a\xee\xac\xcc\xb5\xabWM\x9b8\xca\xd0u\xb5\xfeD\xcd\xbb8\xd3]\xcf\xbe\xf2vVN\xae\xbf\x1a\x8f\x02&gt;N\xdc4\xdd\x99\x9e\xcd\x1b\xd7\xdf\xff\xa7I\xeb\x7f\\\x05\x00\xea\x06K\xfd\x93s\x9e\x9b\x97\xdf\xa4Y\xf3ukV\xd5\xdeu\xb1\xdaA!v`\xff\xde\xfbn\x9b\xb0\xe4\xf3\x8f\x1fx\xfc\xb9\xfcf\xcd\xab|&gt;\ro\xc2b\x03c\x8d&gt;BI(\x10x\xe8\xe9\x99\x07\xf6\xefY\xb5\xfck\xa6iB\x08u0\xa1\x1a\xe8\xac(+\xa9(+9\xe4\xa7\x18\xd3\x08%\xa6a\x00\xc0\x93/\xcc\xedx\xda\xe9\xe5\xb5\x7fF]\x1f\xb9=\x99ii\x0e\\\x8d\x1e\x15\xa6ifdd\xfc\xbae\xd3\xcd\xa3\xaf\xac\xf6y\xd5\xbe\x05\xa4\xe6,N\xf2\xd4K\xafw\xed\xd9\xab\xb2\xc2\x8b\xfd\xce\xf1\xe1\xdc\xf4dy\xbe\xfc\xe2\xb3\xbbn\x1cS\xe5\xf32M\xab\x1b\xe8\xe7\x9cgf\xe5\x8c\xbdq\xea\xf0\xd1\x13rrs\xd7\xadY5\xff\xcd9\x0b&gt;x;\x14\x0c\x02\x01B\x08\xe7&amp;!\x94R\xf2\xe5\xe7\x1fmZ\xff\xe3\xbff\xbf\xd5\xb3o\x7f_%\xae\x05\x8a\t\x1c\x02\x8a&gt;B\x88irM\xb3\xbc\xf8\xe6\x87\x17]&gt;\x9c\x9b\xa6z\xac\x911&amp;e\xcd\xb40U\xff\xce4\xa6\xd5\x10B\x98\x86\xe1p:\x9fz\xe9\xf5a\xa3\xaf\xde\xbdc\x9b\xe0\x9c\x10\xa8;\x18 +\'\xd7\xe1L?\xf8\xc0Bt|\xb8i\xa6\xbb\\\xfb\xf6\xec\x9c|\xcd\xa5\xa5\xc5\x07\x18\xab\xed\xfd)\x15B&lt;\xfa\xcc\xac\x8b\xae\xb8\x02{\xff\xe3\xc6\xb9\xe9v{\xbeZ\xf8\xc5\xadc\x87V\xf9\xbc\x8c1n\x9a\x00DJ)\x84\x18:\xea\x86\xf7\x97\xfe0\xed\x9e\x07=\x99\xd9\xa1P\xe4\x8c^\xfd\x9ex\xe1\x95\xf9\x8bV\r\x1f3\x9e\x00\x11B0\xc6\xa4\x14\xeaD\xf8\x03\xfb\xf7N\x1cq\xf1\xaa\xe5\xdf\xb8\xdcn\x1c\x0b\x8a\x05,\x001A)\xd5u]\xd3\xac\xcf\xbc\xf2\xf6\xa3\xcf\xccj\xde\xaa\x8d\xba\xed\x95R\xa8\xc7\xe2AJ)%\xe7&amp;7kH)\x06\x0e\x1e2o\xc1\xb7\x97_=\xba\xba\x8a\x97\x97\x96\xd4\x1d\x8d\xad\xceT\xcao\xda\xc2b\xd5pZ\xec\x04qn:\xd3\xd3K\x0e\xec\x9f4\xf2\xd2}\xbbw\x1e4\xf2@\x05\xe7\xf7\xfc\xed_\xa3\xc6O\xa8(\xc5\xde\xff8\t!\xd2\xd2\x1c;\xb7o\xfb\xf3\x8d\xa3\rC\xa7\xb5\xf1J)\xd2\x1c\xce\xa7^|\xed\xa9\x97\xe6\xe44\xca//\xf3\x9a\xa6A)\t\x04\xfc\xde\no\xabv\x1d\x1e\x9f\xf9\xcak\x1f-9\xa5sW5L\x04\x00\xdc4\x19c\x01\x7f\xf5m7\\\xbdw\xd7\x8e\xb44;6\xfe\xa8\xc3\x02\x10+\xean7\x14\x08\x8c\x1a7i\xfe\xa2\x95\xff\x98\xf1\xca\xe0K\xaej\xd2\xac\x85\xc5bU\x97B\xaa5\xa79\x9c\xedO9m\xd4\r7\xbd\xf6\xd1\x92\xff\xcc\xfb\xa4C\xa7\xce\xde\x8ar\xab\x95\xed\xde\xb1\r\xea\xb6\x82 \x00\x00-\xdb\xb6\xc7\x1dqO\x10\xe7\xdc\xe1t\x96\x95\x14O\x1c1d\xc7\xb6-j\xbf\x01\xd5\xfbs\xceo\xbf\xff\xef\x93n\xbb\xbd\xa2\x0cG\x1bN\x04a\x1a{\xe4\xee\xa9\xbe\xca\n\xc64\xf5\x1c\x0c!\xc4\xe1L\x7f\xf1\xcd\x0f\x87\x8f\x1d[Q\xee5"\x11u\x083\x00PJ\x19\xd3\xc2\xa1\x90\xb7\xdc\xdb\xa7\xff9o-X6d\xe85\x9cs\xb5\x82\x8es\xce\x98V^V2\xfd\xcf7S\xc6\xf0)\xc8\xa8\xc3\x86\x1eC\x84\x10 \xc4[\xe9\xb5\xa79F\x8c\x1d?|\xf4\xf8\x8a\xf2\xb2\x92\xa2\xc2\xca\xf2\xb2H8L)u8\xd3\xb3s\xf3\x1a5\xce\xcfp\xa7\x1b\x86\x0c\xf8\xab\x01@\xd3,\x9c\xc3/\x9b6\x00\xd4,\x99S;\x8c\xb6?\xe54\x81\xe7\x01\x9c\x00\xcey\x9a\xc3QY^6q\xe4\x90m[~f\x9a\xc6M\xb3\xae\xf7\xff\xd3\xbd\x8fN\xfd\xcb\xbd\x15\xe5&gt;\\{~\xdc\x04\xe7.w\xc6\x97\x9f\x7f\xfa\xed\x92\x02\xca\x98z\xf2K\xed\xa8:\xfd\xa9\x99\xe7\x0c&gt;\xbf\xa4\xb8\xc2b\xb1\xfe\xfe\x07)\xa5@i\x95\xcfk\xb1Z\x9f}\xf9-J\xe8\xa7\xef\xcd\xa3\x8c\t\xce97\x19\xd3\x96\x7f\xb5h\xd1\xa7\x1f]|\xe5P\x9f\xb7\n\xa7\xe5\xa3\x08\xdbz\xcc\xa9\xcbLo\xa5\x8f\x00\xa4\xa59\xdav8U\xd34\xd5\x8d\x0b!L\xd34t\xbd\xb2\xc2\xab\xd6?\x00\x00\x00\xa9\xae\xaa\xde\xb4\xfe\'\x00\x90R\xa8\x1di,\x16k\xfbN\xa7\x19\x11&lt;\x16\xf58q\xce\xd3\x1ciU\xde\x8aI#/\xf9\xe5\xe7\xf5u\xbd?!\xea\xda\xff\x1fS\xffrOe\xb9\x8f\xe1\x96\x93\'\x88\xc0\xfb\xf3^%\x84\xa8qK5\xc26\xe8\xa2\xcb\x86\x8d\xbe\xae\xb4\xc4\xfb\x87\xbd\x7f\x1d\xa6i\xa6i\x86\x82\xc1\xbf=\xfb\x9f\xad\x9b\xd6o\xdd\xf2s\xed\xa1\x02\x92\x10\xf2\xde\x9b\xaf\\t\xc5Pl\xfe\xd1\x85\xcd=\x1e\xd4\xc2g5\x1e\x1a\x0e\x05\xfd\xd5\xbej\x9f\xaf\xda\xe7\x0b\xf8\xfdz$\x02\x00\x8ci\xaa\xf7\x17B\xd8\xed\xb6\x9d\xdb~\xd9\xb3\xf3W\xa8\xdd\x1c\x02\x00Z\xb5k\xdf\xbce\xdbH$\x82\x9b\xe2\x1e\x07\xce\xb9=-\xad\xba\xca7i\xe4\xa5\x9b\xd6\xff\xf4[\xefO\xa9\x10\xfc/\x0f=9\xf5\xee{*\xca}\x94Q\xbc\xc1:nRJ\x8b\xd5ZZT\xf2\xd3\x0f\xdf\xabAN\xa8}\xbck\xf4\x84[\xb8Y\xaf\xc5\x0bj\xf2,\xdd\x95~\xf3\x1d\xf7\x81\x9a-\x03\x10BH)\xd7\xadYY\xb4\xbf\xd0j\xb5\xe1n\xb8Q\x84\xbdI\\\xa9\x01\x07J\x19eLm\x81r\xc8\xa7B\na\xb3k\xdf}\xbdX\xad\x82\x80\xdai\x80^\xfd\x06\xba2\x1c\x07?\x1e\x8c\xea\x89sn\xb7\xdb\x83\x81\xea\x1b\xaf\xb9l\xe3\xda\xd5\xea)\xdf\x9a\xde\x9f\xf3\xbf&gt;\xfa\xf4\xcd\x7f\xbe\xab\xa2L\x1d\xb4\x80\xbd\xff\xf1\x93RZ\xac\xb6\xc2\xbd\xbb\xcaKK\xe0\xb7\x9bW\x91\x9d\x9b\xd7\xa9K\xb7p\xa8\xbe\xd7.\x8c\xb1@ \xd4\xab\xff\xc0\xcc\xec\x9c\xdaC\xc1$!\xc4[Y\xb1\x7f\xef.\x8b\xd5\x8a\x05 \x8a\xb0\x00\x9c\\(c\x81@\xe4\xf3\x8f\xde\x85\xda3Q\xd5?\xcf\x19|\t\xe7\x12\xc7\x7f\x8e\x15\xe7\xdcf\xb7\x87\xc3\xc1\x1bG]\xben\xcdJ\xc64\xcekF~\xd4\x9a\x9f\xc9\xd3\xfe\\^\xe6\xc5a\xe5\x13\'\xa5d\x8cV\x94\x97\xc9\x9a3\xb1k\xb60i\xdc\xa4iz\x86[\xc5^\x9f\xbf\x87\x10\xc2M3\xc3\x93\xd9\xa4\x99\xdaU\xf7\xb7\xbf\xca[YN\x19\xc5\x02\x10EX\x00N"\x9c\x9b\xe9\x19\xe9\xcb\x97.\xda\xb4\xfe\'\xb53\x01\xa5T\x08\xd9\xa2U\xdb\x1eg\xf6\x0f\x06\x82\xb8+\xfa1\x11\x9c\xdbl6=\x12\xbei\xd4\x15?\xad\xfaN\xed\xb1Q7\xf2s\xdf?\x9e\x9d\xf4\xa7\xdb+\xcap\xbf\xc9\xa8!\x04j\x8f\xfc%u\xff\xb4X\xac\xec\xd8\xf7R\xa5\x94i\x16\xcb\xc1\x7f7\xa8\xbdu\xa3\xf02\xd1o\xb0\x00\x9c,\xa4\x94\x942#\xa2?\xff\xe4\xc3\x00Ps$!\xa1\x00\xf2\xd2\xe1\xd7ff\xb9\xd5C\xc2\xa8\x9e\x04\xe7V\x9b\xcd4\x8d\x9bG_\xb9z\xc5\xb2\xff7\xee\xcf\xf9\xfd\x8f=7q\xea\x9f\xb0\xf7\x8f"\x02 %X\xed6\x00\xa8;\x13\x15\x00\xaa\xaa\xbc\x91\xc81m\xa7*\t\xa5\x91p\xd0WY^\xf7\x97\xa8#\xf6\xd2\x1c\xe9B\xe08]4a\x018Yp\xd3\xc8\xceq\xbd\xf0\xf4\xdf7\xae]Mk\x9fM\x15R\xb82\xdcC\xaf\xbd!\x10\x88\xe0\xe5\x7f\xfd\t\xc1-V+\xe7\xe6\x941W\xadZ\xfe\x95\xf6\xdb\x9a\x1f"8\x7f\xf0\x89\x19\x13n\x9dZ^\x8a\xbd\x7fT\x11\xc29\xcf\xca\xca!\xb5\xdb\xea\xa9\xb1\x9a\xfd\xbbw\x15\x15\xee\xb3X\xadB\xd6\xeb1.!\xa4\xd5b-\xdc\xb7g\xff\x9e\xdd\x00D\x88\x9a\xc3\xf5,\x16Kn^c\xd34\x01\x0f\xc5\x8b\x1e,\x00\x89\xa7\x16\x836j\x9c\xf5\xcek\xaf\xbf\xf0\xcf\xbfQ\xc6~;\x91J\x88\xd1\x13ni\xd3\xaeM$\x14\xc2\t\x80z\x12BX,\x16\x00y\xeb\xf5\xc3\xbf\xff\xe6KM\xd3\xcc\xba\xde_\x88\xe9O\xce\x1c7\xe5\xd6\xf2R|\xda+\xca\x08!\x86\xae7i\xde2;\'\x17\x00\xd4\xb6z\x8c\xb1H$\\\xf0\xf1\xfc\xf4t+7\xea\xb5\x84\x81\x9b\xa6\xd3eY\xf0\xfe;\x86\xa13\xc6\xd4\x1aP\x00h\xd2\xbcU\x93\xe6-\r=B\xf1X\xa4\xe8\xc1(cH\x1e\xf1\x92G-\x953M\xd3j\xb5f\xe7z^\xfb\xcf\xac{n\x1d\x07@\xa4\x10\xea\x8c*\xce\xcd\x96m\xdaM\x9czg\x95\x0fG\xff\xebK\x08\xa1\x9e2\x9dz\xfd\xd5\xdf.)\xa8\xeb\xfdU\xda\x0f&lt;1c\xec\xe4)%Ee@\x80\x1f;\x9c~&lt;\x02U\x00r\x1a5:\xbd{oB\x08\xa5\x04j\xd71\xcf}\xe9\xd9-?oqgf\x1a\x86^w\x1e\xc0\xefI)\r]\xcf\xca\xc9Z\xb7z\xed\xeb\xb3g\xa8\'`\xa0v!\\\xdf\xb3\x07y23\xd4\xa6\xb9(Z\xf0"(V(\xa5\x9af\x8bD\xc2B\x88\x9a\xfd\x1b\xd4\x15\xbc\x04\xb5\xeb!\xd3,v\xbb\xddb\xa5\xfbv\xedy\xe4\xeeG\xff\xf7\xfa\xcbj+J\xb5\xe8\r\x08a\x8c=\xfa\xaf\xff\xb8\xdc\xee\xea*\xdc\x94\xb8^\xd4RtJ\xe0\xb6q#\xbf^\xbc@\xf5\xfeP\xb3\x15\x81\xf3o\xcf\xbe&lt;v\xc2\xc8\xf2\n\x99\x9d\x9bs|\x7f\x7f0\x10R\xe5$\xba/\xbb\xc1\x90\x00\x84\x90K\x87]\xbb\xe4\x8bOj\xbe"%\xa5\xd4WYq\xdb\xb8\x11\xffy\xeb\xe3\x96mZ\xf9*\x03\xdc4jf\xb8j\x7fJ\xfdC\xd3\xac\xb9\x8d]\x9b7l\xbam\xdc\xd5\xfe\xea*\xb5\x0e\x82\x10"\x85\xa4\x94\r\x1d5N\xd7M&lt;\x155\xba\xb0\x00\xc4\x04\xa54\x18\xf0WV\x947o\xd9\xda\x9efW\xbdwM\x15  %\x98&amp;\xf8*+~^\xbbz\xd1g\x1f~\xf4\xee\xeb\x95\xe5e\x84R\xb5C\x1c!\x842\xc6M\xf3\xfe\xc7\xfe\xdd\x7f\xd0\xa0J\xdc\x9a\xa6\xbe$!\x84\x1b\x91?O\x19\xb7\xe4\x8b\x8fkz\x7f\x00u\xd2\xac\xc3\xe9Z\xbbz\xc5\xb2%\x05\x94Rr\x84\xab\xd0\xc3P\xf7\x10\xe3\xa7\xdc\xd1\xa2M;=\x12\xc1\x1a\xf0\x87\x18c\xfej\xff\xe0K\xaf\xe8\xdc\xb5\xc7\xc6uk\xd4c\xc0j1\xdb\xd6M\x1bF]|\xd6\xed\xf7\xfd\xed\xbc!Wdf{\x00@\x08P3\xba\x84\x02\xa5 %\x94\x95\x96\xbe7\xf3\xd5\x19\x8f?\xe4\xad,\xaf;\x9f\x871f\x9a\xe6\xd0Q\xe3\xba\xf7\xe9\xe3\xad\xf4\xe1\x95Pta\xcf\x12}R\x08\x8b\xdd^\xb2\xfd\xc0\xe8K\xcfn\xde\xaaM\x9b\xf6\xa74n\xd2\xdc\x93\x95\xad\x8e7\n\x06\xfc\xe5e%{wn\xdf\xf1\xeb/\xfb\xf7\xecR?r\xd0a\x84L\x08\xc1M\xf3\xb6\xbf&gt;|\xc3\x94\xdb*\xcb}\xd8\xfb\xd7\x93\xe0\xc2\xe5v\x7f\xb5p\xc1\xa2\xcf&gt;\xa8\xeb\xfd\xa1v*\xb2\xb4\xf8\xc0\x7f_z\xf6\x04\xff\x13\x97\r\xbf\xb6m\xc7S\xf1\x88\xe0#\x10\x82[\xb4\xb4\x07\x9e\x9c1\xe6\xb2sL\xc3P\xfd\xb8\xaa\x01E\x85\xfb\xee\xbe\xe5\x86\x16\xad\xdb\xf6\xee\x7f\xce)\xa7\x9d\xde\xb8Is\x87\xd3)\x01\x82\x01\x7f\xe1\xbe\xdd\x9b\xd7\xff\xb4\xf2\xdb\xaf\x0e\xec\xdf\x0b\x00u\xbd\xbfz\x1f[\xb7\xebx\xf7#O\x04\x02!|\x0c&gt;\xea\xb0s\x89\tu\xe7\x1b\n\x067oX\xbby\xc3\xda#\xfcI\xc64!8\xe7\\=\x15\xcc9\xb7X\xac\xf7\xfe\xe3_c\'\xdf\xe2\xc3\xeb\x9d\xe3R\xd7}\x1c\xec\xa0\xad\x96\x8e\x87\xba\x03\xd04\r\xa7\x01\x8e\x8cR\xe6\xf7\xfb{\xf4\xe9\xfb\x8f\xe7^\xb9\xeb\xa6\xb1RJ\xa6i\xdc\xe4j0\x87\x10\xb2g\xe7\xf6=;\xb7\x1f\xf6\xc7\x19S;\xe5\xaa\xddSL\xd3\xcco\xd6b\xe6\xeb\xef\xbb\xdc\x99\xc1@\x00?\x0eQ\x87\x05 \x86\xd4\xd1\x16\x94R\t5\xab\x99k\xf7\xf6\x075\xda#\xa5\x14\xea\x0f\xd4\xee\x9d\xd2\xb5G\x9f{\xfe\xf6\xaf^\xfd\xfaUV`\xef\x7f\x9cT\xf5\xfd\xfdE\xba\x9aQ&lt;&gt;u\x87\xd6\x9e\xd8KK\t\x8c1o\xa5\xef\xaak\xc68\x1c\xce\x07\xff|\x93\xda\x19\x821M\x1d\x86A)UO\xb7\xd4\xa5I\xa0\xe6$6!\x85\x14B\x1d\x07\xc6\xb9i\x9af\xcf\xbeg=\xfe\xfc\x9cf-[\xf9\xab\xfd\xf8q\x88\x05,\x00\xb1\xa5\xa6sA\xc8\xdf\x1e\x8d\x91\xa0\xda&lt;\xa8m\x1e\xa4T\xddR\x87N\x9d\xc7L\xba\xf5\x8a\x91cm6{e9\x8e\xfb\x1f\'Ys\xd2N\x94O\x8fR\x9d\x15\x16\x80zb\x8cy+\xbd\x17\\vU\xc7\xd3N\x9f\xf9\xf4\xa3\x9f\xbd\xf7\x96^\xf3\x840\x10Bkg\x80\t\xa9\x9b\x8b!\x00\x00D\x82\x90R} \x1a5\xce\xbf\xfe\xa6\xdb\xc7N\xba\x95i\x1a\xf6\xfe\xb1\x83\xbdL\xac\x10B\r]\x97 \xe1\x88\x9dQ\xb3\x16\xad\xba\xf7\xe9\x7f\xc1e\xc3\xfa\r&lt;?\xc3\xed\xaa\xae\xf2\x07\xaa\xab\xb1\xf7?&gt;RJ\xcdbq\xb9=\x7f8\nt"p\x08\xe8X1\xa6\xf9\xbc\xbe\xc6M\x9a?\xf9\xc2\xdc\xebo\xfc\xd3g\x1f\xbc\xf3\xf5\xc2\x05;~\xddb\x1a\x06\x1c\xfe\x9dIs8N\xeb\xda\xf3\x82K\xaf\xba\xf8\xca\x11M\x9a5\xa9\xf2\xf9\r\xc3\xc0\xde?v\xb0\xa3\x89&gt;B\xa9\x11\x894n\xda\xec\xbf\x1f/\xd9\xb1u\xf3\x81}{**\xca\xfdU\xbeH8L\x08\xd8lv\x97\xdb\x93\xd3\xa8q\x8b\xd6m[\xb7\xeb\xd8\xb2M\xbb\xac\x9cl)!\xe8\x0fx+\xbd\x8ci\xb8\xe4\xff\xf8P\xc6B\xc1`\xd7\xee\xbd?\xfbvC\x8c\xfe\x13\x8etW$\x8cS\x91\xf5\xc5\x18\xd3\xf5p8\x1c\xeapj\x97.g\x9cq\xcb\x9d\x0f\xec\xd9\xb9\xfd\xd7_6\xed\xda\xb1\xad\xb4\xe8\x80\xcf[\x11\t\x87\xa5\x946\xbb\xdd\x93\x99\x9d\xd7\xa4i\x9b\xf6\xa7t\xe8\xd4\xb9y\xab6v\xbb%\xe0\x0fWVx\x19c\x98vLa\x01\x88\t\t\xa0iZ\xef~\x03\xfb\x0f&lt;G\x8d\x00I\xf1\xdb2PJ\x81\x10\x10\x02\x0cC\xe8\x91\xb0\xaf\xd2\x07\x00\x8cR\xdc\x99\xe0\x04\xa9;\x80\xcc\xec\x1c\x19\x9b\x9d\x9d\xf1Y\xb0cE\x08e\x0cB\xc1`0 \x18\xd3\xdau&lt;\xb5S\x97\xd3\x19\x03)A\xfc\xee\x13\xc19D"z$\x1c\x0e\x05\x03\x942\xfc8\xc4\x01F\x1c+R\xca\x80\xbfZJ\xa1\x1e\x8f\x81\x83\x9e\x03\xab\x99\t 5\xf0\x0e7\x8a\xa4\x94F\xccv\xcd\xc3\xd5\x9f\xc7\x87R\xaa6\x1d\x08\x85\x82\xc1\xa0\x04)\xff\xe0A0\t@\x08\xa5\xea1\x18\xec\x97\xe2\x04\x83\x8e\xa1\xbav\x8f\xe2\t\xbb\xe9\x93\x16\x8e\xe7\x9cl\xf0\xfd@\x08\xa1\x14\x85\x05\x00!\x84R\x14\x16\x00\x84\x10JQX\x00\x10B(Ea\x01@\x08\xa1\x14\x85\x05\x00!\x84R\x14\x16\x00\x84\x10JQX\x00\x10B(Ea\x01@\x08\xa1\x14\x85\x05\x00!\x84RT\x03)\x00\xf8\xf4\x7f\x9c\x1d\x128\xe6\x1fg\x98\x7fb5\x98\xc0\x93\xbb\x00\xd4\x1d\xa4e\x18:\xee\xd2\x18O\x86\xa1\x03\xe6\x9f8\x98\x7fb\xa9\xfc\x01 \xba\xc7N\xc4_\xb2\x16\x00u@GFFF\xfb\xf6\xed\x00`\xcb\xc6u\x86\x89[M\xc5\x83\x90\xd2b\x81-\x1b\xd7\x01@^^^\xdbv\x98\x7f\\a\xfe\x89\xa5\xf2\xffe\xe3z\x00\xc8\xc8p\xb7o\xdf\x1e\x92\xf9\x86 \x89[\x8c:\xa1)\'\'\x07\x00\xbc\xde\n=\x1cI\xde\xb7!\xb9\x08\t\xe5e%\x00\xe0r\xb9\xf2\xf2\xf2\x00\xf3\x8f/\xcc?\xb1\xea\xf2w:\x1d\x99\x99\x99\x80\x05 !\xd4\xcd\xd7\xe9\xa7w\x05\x80=;~-+&gt;`\xb5Z\xf1\xbc\x8eX\xa3\x94F\xc2\\]\x81v\xee\xdc\xf9\xc2\x0b.\x00\x80\xbd;\xb7c\xfe\xf1\x81\xf9\'\x96\xca\x7f\xf3\xc6\xb5\x00\xd0\xbe}{\xa7\xd3)\x84\xc0\x02\x90\x00*\xf4\x9e={\x00@u\x95o\xfb\xb6-V\x9bU&amp;\xf9\x90\xdcINJi\xb5Z\xcbK\x8avm\xdf\n\x00\x9d\xbbt\x190`\x00`\xfe\xf1\x82\xf9\'\xd6!\xf9w\xeb\xd6-\xea\xa7O\xc7Y\x12\x17\x005\xe2\xd9\xb7o\xdf\xac\xac,!\xc4\xf2\xaf\x16i\x1a\x11x\x05\x14KR\x08{\x9am\xed\xea\x15\x15e\xa5\x94\xd2\xb3\x06\x0c\xe8\xdd\xbb\xb7\xc7\xe3\xc1\xfc\xe3\x03\xf3O\xacC\xf2\xbf\xe0\x82\x0b \x99\xc7\x7f \xa9\x0b\x00!D\x08\x91\x9f\x9f\xdf\xb5kWB\xc8\xd7\x8b&gt;\xab\xf2\x055\r\xcf8\x8b!!%cd\xf1\x82\x8f\xa4\x94\x1e\x8f\xa7G\x8f\x1e\x0e\x87\xa3[\xb7n\x98\x7f|`\xfe\x89uH\xfe\xfd\xfb\xf7\x87$?\xe6,\x89_:\xd4N\x03\x8c\x1cy\x8d\x94r\xd7\xf6m\xab\x96/u\xa6;9\xe7\x89~]\r\x93\x94\xd2n\xb7\xef\xdd\xbd\xef\xdb\xa5\x05\x00p\xe1\x85\x17\xa9\x19\xb0k\xae\xc1\xfc\xe3\x01\xf3O\xac\xdf\xe7\xefv\xbb9\xe7x\x07\x900\xea8\xf5\xe1\xc3\x87\xe5\xe5\xe5I)_\x9e\xf1TRO\xc8\x9c\xe48\xe7N\x97\xfd\xadW_(/-a\x8cM\x9e&lt;I-\xc6\x1d&gt;|8\xe6\x1f\x07\x98\x7fb\xfda\xfe\x89~Q\'*\xb9\x0b\x00!\xc44\xcd\xec\xec\xec1c\xc6H)\x7f\xf8\xee\x9bo\x16/\xcc\xc8p\xe1EP\xd4I)mv\xfb\xfe\xdd\xfb\xdfym6!\xe4\x8c3\xce8\xe7\x9cs\x84\x10\x9cs\xcc?\x0e0\xff\xc4:\\\xfe\xea\x1a4y%w\x01\x00\x00J\xa9\x94r\xf2\xe4\xc9\x1e\x8f\x07\x00f=\xfb</t>
        </is>
      </c>
    </row>
    <row r="8">
      <c r="A8" s="1" t="n">
        <v>6</v>
      </c>
      <c r="B8" t="inlineStr">
        <is>
          <t>size_grid</t>
        </is>
      </c>
      <c r="C8" t="inlineStr">
        <is>
          <t>What is the size of the missing part denoted with a question mark?</t>
        </is>
      </c>
      <c r="D8" t="inlineStr">
        <is>
          <t>['large', 'small', 'medium']</t>
        </is>
      </c>
      <c r="E8" t="inlineStr">
        <is>
          <t>small</t>
        </is>
      </c>
      <c r="F8" t="inlineStr">
        <is>
          <t>There are circles arranged in a grid formation with varying sizes in the image. The sizes in the first row are ['large', '?', 'large'], the sizes in the second row are ['small', 'medium', 'small'], and the sizes in the third row are ['large', 'small', 'large'].</t>
        </is>
      </c>
      <c r="G8" t="inlineStr">
        <is>
          <t>We observe that the circles at the corners are large size, while the circles directly adjacent to the center are small size. Only the center circle is medium size. Hence, the pattern is that the circles alternate in size depending on if they are at the corner or adjacent to the center.</t>
        </is>
      </c>
      <c r="H8" t="inlineStr">
        <is>
          <t>Based on the pattern that the circles alternate in size depending on if they are at the corner or adjacent to the center, the size of the missing part that is adjacent to the center should be small.</t>
        </is>
      </c>
      <c r="I8" t="inlineStr">
        <is>
          <t>b'\x89PNG\r\n\x1a\n\x00\x00\x00\rIHDR\x00\x00\x02\x00\x00\x00\x02\x00\x08\x02\x00\x00\x00{\x1aC\xad\x00\x00]\xf6IDATx\x9c\xed\xddy|T\xd5\xfd?\xfe\xf7\xb9\xf7\xceL&amp;\xfb\x84\x84\xd5\x05\x10\x12\x10B\x00\t\xbb\x08\x82,*\xc5\x16\x04-\x08\x06\x01\xfd\xe2R\xa8\xd6J\xabU\xd4_\xab@\x8bm\x151Q@A\xa1Z[\x14\xfd@X\xc4"\x88\x88\x06L\x80@\xd8dOX\xb2\x10\xb2\xcd\xdcs\xce\xef\x8f#\xd3\x945\x84,\xcc\x9c\xd7\xf3\xe1\xc3\x87\x86\xc9p\xe7\xce\xfb\x9e\xd7=\xe7\x9e{.\x93R\x12\x00\x00\xe8\xc7\xa8\xef\r\x00\x00\x80\xfa\x81\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e\xd5\xf7\x06\xe8HJy\xc1\x9f3\xc6\xeaxK\x00\xea\x1e\xea\xff\xda\x81\x00\xa8]\xb2\x12"2\x0c\xc3\xff\xef\xf3\t!\xfc\xfff\x95\xd4\xe1\xf6\x02\xd4$\xd4\xff5\x8e],\x8d\xa1\xdaT\xb9\x0b!\x18c\xa6i\x9e\xff\x02!DQQ\x11c?\xed|\xf5\x1f!!!n\xb7\xfb\x82/Voe\x18\x06\x0e\x06\xb8\xf6\xa1\xfe\x03\x08\x02\xa0\xc6\xa8\xa2\x97RZ\xd6\x7f\xfbU\x9c\xf3\xa3G\x8f\xee\xd9\xb3\'++\xf3\xe4\xc9\x93\x9b7\x7fg\xdbv^nnn^.#&amp;I\xed|F$\xc3\xc3\xc2[\xb5n%%%&amp;&amp;\xc6\xc6\xc6v\xe9\xd2\xe5\xfa\xeb\xaf\xbf\xf1\xc6\x1bCCC+\xbf\x1b\x11\xe1H\x80k\x10\xea?\x10!\x00j\x80\x94\x92s\xee\xaf{\xceyNNNzz\xfa\xfa\xf5\xebsrr\x0e\x1c\xf8\xf1\xf4\xe9\xe2j\xbc\xad\xcb\xe5l\xda\xb4iBBB\xf7\xee=\x06\x0e\x1c\x98\x94\x94\xe4?\x18l\xdb6\x0c\xe3b]i\x80\xba\x84\xfa\x0f\\\x08\x80\xab\xa2NIT?\x97s\xbei\xd3\xa6\xa5K\x97._\xbe|\xf7\xee\x9c\x8a\no\xe5WFD\x84\x85\x85\x85\xde\x1c\xdf\xdc\xb0\xcc\xa8\x88\xb0\x0e\x1d\xe2%\x17\xea4FJ\xc9,\xc7\x81\x1f\x0f\x1f&lt;\x9c\xcbLs\xcf\x9e\x83\xa7O\x9f9\x95_x\xce\xdf\xd5\xa2E\xf3~\xfdn\x1f6lX\xdf\xbe}###\xe9\xec9\x17N\x88\xa0\xbe\xa0\xfe\x03\x1d\x02\xa0\x9a8\xe7\xfe\xca;|\xf8\xf0\x92%K\xde\x7f\xff\xfd\xad[\xb7\xfe\xf7\x15\x8c5\xbf\xb1\xd9-\x9d\xdavNJ\xe8\xd2\xb1M\xdb\x84\x96\x91Q\xe1Qq\x1e2L2\x18\x91\x83\xa8\xf2\x9egD6\tN\x8c\x95\x9d,())\xdb\x9e\xf3\xe3\x96\xcc\x9c\xacm\xbb7\x7f\xbf}\xf7\x9e\x03\xe5\xe5\x15\xfe\x97\xdex\xe3\x8d#G\x8e\x1c3fL\x87\x0e\x1d\xfc\x1bs\xc1\xc1V\x80Z\x82\xfa\x0f\x0e\x08\x80+\xa6\x06:U\xc1}\xfd\xf5\xd7\xef\xbc\xf3\xce\xbf\xff\xfd\xaf\x82\x82B\xf5\xa7\x1eOd\x97\xce\xed\x06\xf5\xef\xde\xe7\xd6.\xed\xda4\x0f\x8d\x8d!\xb2\x88l\xaa\xf0\x12\x17\xc2\xe7#")IJAT\xf9\xb4E\xfe4\xe1A\x92\xe1\xb0\xc84\xc8\xe5$f\x11I~\xba8g\xef\xa1M\x9b3?K_\xff\xfd\xf7;~&lt;pD\xfd\x82\xd3\xe9\xec\xdb\xb7\xef\xe4\xc9\x93\x87\x0c\x19\xe2t:\xd5\xd9\x10\x0e\x03\xa8m\xa8\xff`\x82\x00\xb8\x02\x95\xc7:\xd7\xacY3c\xc6\x8c\x95+W\xfa\xff\xb4w\xcfN\xc3\x86\xf6\xbbo\xc4\xa0\xebZ^G\x86\x83\x84\x8f\xca*\xb8\xcf\x96R\xfa\xe7\xb3U\xa5\xaf\xaa\xbe\x11!\xa4\x94\x9212-\x93\\.r8\x89Dq^\xfe\xd2\xcf\xd7\xfek\xe9\x17\xab\xbe\xd8XRR\xa6^\xdf!1q\xca\xd4\xa9)))\xf4\xbf\xe7e\x005\x0b\xf5\x1f|\x10\x00U\xa5F\x1b\x89(\'\'\xe7\xd5W_]0\x7f\xbe\x90\x92\x88\xdc\xee\x90_\x8e\x1c2\xfe\xc1\x9f\xf7\xec\x91D.7U\x94\x89\xf2\n!$3\x98Q\x13\xb3\x98\xd5\xe9\x92\x90\x92\x11\x99N\x07\x85\x86\x91\x14;\xb7\xe5\xfc\xe3\xa3\xf4\xd4\xb7?:z\xec\x84z\xd9\x80\x01\x03\x9ey\xe6\x99\xfe\xfd\xfb\x13z\xc4P\x0bP\xffA\t\x01P%\xb6m[\x96\xe5\xf5zg\xcc\x981{\xf6_\xf2\xf3\x0b\x88(\xc6\x135&gt;\xe5\xe7\xe3\xee\xbf\xab}\x97$\x12&gt;y\xa6\x94sa\x9a\xb5x\x02\xf2\xd3\xf4j"#\xccM\x0ew\xde\x81\x83\x0b\x97,\x9f7\xff\xe3\xec]\xfb\x89\x881\x96\x92\x92\xf2\xd2K/5m\xda\x14\xa7BP\x83P\xff\xc1\n\x01p\x19\xea\xbeD\xc306l\xd8\xf0\xc8#\x8fl\xdb\xb6\x8d\x88\xdc.\xd7\xfd\xf7\ry\xfa\xd7\xe3\x13:\xb4#_\t/)c\xc4\x0c\xb3\xee&amp;\xa5\t!\x84\x90V\x88\x93\xdc\x91E\xc7s_{}\xd1[i\x1f\x1d\xcb=ID\x8d\x1b7z\xe9\xa5\x97\'L\x98@8\x15\x82\xab\x86\xfa\x0fn\x08\x80K\xf1\x17\xd0\x0b/\xbc\xf0\xca+\x7fR3\xdb\x06\xf4\xeb\xf6\xf2\x8b\x8fw\xeb\xdd\x8d\xbce\xf6\x99R\xc3\xac\xb7\xf9\xc8RJns\xcb\xe5\xa4\xb0\xc8\xa3\xfb\xf6?7\xfd\x8d\x05\x0b?Q\x1d\xf3\xfb\xee\xbb\xef\xf5\xd7_o\xd0\xa0\x81:w\xab\x97\xcd\x83@\x87\xfa\x0fz\x08\x80\x8bR\xd5\x7f\xec\xd8\xb1\x94\x94\x94\xf4\xf4t"\xf2DGL\xff\xc3\xa3\x8f?6\x86\x0c\xc6O\x17\xb3k\xe3V\x94\x9f.\xcd\xb9C($,}\xd9\xea_=\xf9\xca\xae\xdd\x07\x88(&gt;&gt;~\xde\xbcy\xbdz\xf5\xc2y\x10T\x03\xea_\x07\x08\x80\x0bS\'\x0e\x1b6l\x189r\xe4\xd1\xa3G\x89\xa8w\x8f\x8e\xef\xa4\xbd\x14\xdf\xae\x8d(*$)\xeb\xb2\xc3[\x15RJ\xce\x85\xe5\x89*:U\xf8\xd4S\xaf\xbe\xbd\xe0\xdfD\xe4r9\xff\xfa\xd7\xbf=\xfc\xf0\xc3\x18\x12\x85+\x82\xfa\xd7\xc4\xb5\xf5-^#T\xf5\xa7\xa5\xa5\xf5\xeb\xd7OU\xff\x94\xc7F\xaf]5?&gt;\xbe\xb9]p\xca0\xeat\xb8\xb3\x8a\x18c\x96e\xf2\x82\xa2(\xb73m\xfe+io\xbe\x10\x1d\x19^Q\xe1}\xe4\x91G\x1ey\xe4\x11\xd34\xd5\xf4\xed\xfa\xdeL\x08\x00\xa8\x7f}\xa0\x07p.\x7f\xf5O\x9a4\x89\x88\xa2"\xc2\xfe2\xeb\xe9\xf1\x93\xc6\xc8\xe2\x02\xc9\xc55X\xfa\xe7\x90R\n.LO\x83o\xd7oz\xe0\xc1gr\xf6\x1e"\xa2\x89\x13\'\xa6\xa6\xa6\xe2&lt;\x08.\x0b\xf5\xaf\x15\x04\xc0\xff8\xa7\xfa\x1bx"\x97\x7f\xfafr\xefnv\xfeI\xd32\x03\xa8tl\x9fmEG\xe6\x1f\xcf\x1fr\xd7\xa4o3v\x10\x8e\x01\xa8\x02\xd4\xbfn\xae\xf5&lt;\xafK\xe7T\x7f\xd7\xce7o\xdc\xb08\xb9g\';\xff\xa4\xe5\xb0\x02\xabh,\x87\xc5\x8b\x8ac&lt;\x11\xabW/\x18?\xe6gD\xa4&gt;\x17\xfa\xc2p1\xa8\x7f\r\xa1\x07\xf0\x93\xf3\xab\x7f\xc5\xff\xa5y\xe2\xa2yQ\xb1\x19\xb0\xd3\xc8\x04\x17\x86\xd3A\xee\x90I)\xd3\xd2\xde]Jg\xcf\x83\xd4\x136\x02\xeb\x90\x86Z\x85\xfa\xd7\x13\x02\x80\xe8\xec\x8c7\x7f\xf5\'wj\x9b\xbe\xfcm\x8f\'\x82\x97\x94\x99V`O \x13BH\xc30\xc3\xc3\xce9\x0607\x0e\xfcP\xff\xdaB\x00\xfcT\xfd\x1b7n\xec\xdd\xbb\xb7\x10"&amp;:\xf2\xbb\xaf\x17\xb7Hh\xce\x8b\xce\x04z\xf5+R\x08i\x9a\xcc\xe1\xe8u\xeb/7n\xdeFD\xb3g\xcf\x9e2e\n\xee\x91\x01B\xfd\xebM\xf7\x00P\x9d\xc1\xe3\xc7\x8f\'%u\xc8\xcb;\x1e\x16\xea^\x9b\x9e\x96\xdc\xb33/*\x0e\x8e\xeaW\x84\x10\xe4p\x14\x16\x97\xf6\xbb}l\xe6\x8e\xbdD\xb4r\xe5\xca;\xee\xb8\x03\xe7A\x9aC\xfdk^\xff\xba_\x04VK\x9d&lt;\xf0\xc0\x03yy\xc7\x89\xe8\x8d\xbf\xfc6\xb9ww\xbb\xf0t0U?\x11\x19\x86!+\xbc1q\x9eE\x0b^\x89\xf1D\x12\xd1\xd8\xb1\x0f\xe4\xe5\xe5\x19\x86\xa1\xf6\x00\xe8\t\xf5\xafy\xfdk\x1d\x00\xaa\x0f\xf8\xe2\x8b/\xaeZ\xb5\x8a\x88\xa6\xfc\xbf\xfb\xc6=\xfc\x80/\xff\xa4\xe5\x08\xc2\x8e\xa1i\x99v\xe1\xe9\xc4\xe4N\xa9\x7f{\x96\x88rs\xf3\x1ex\xe0\x01\xc6t\xef\x02\xea\x0c\xf5\x8f\xfa\xd7\xf7\xf3\xab\xf5\xcd\xbf\xf9\xe6\x9b&gt;}\xfa\xf8|\xbe\xee]\xda\xaf_\xb7H\xfal\x93d\x10O\x0f\xb0m\xdb\xf24\x98:\xf9\xb9\xd7\xde\\Bg\x07C\xd1\x11\xd6\x10\xea\x9fP\xff\xda\x06\x80ZX\x9cs\x9e\x98\x98\x98\x93\x93\x13\x11\x11\xb6u\xe3\x92\x96\xf1\xcdEI\xd9\xb5\x7f\xaf\xe3\xd5\x90R\n\xc6\xc8\xb2\xba\xf6\x18\x95\xf1C\x8ee\x19\xdb\xb6m\x8f\x8f\x8f\x97R^\x0b\x0b{A\xdd@\xfd\xa3\xfe\x15\x1d?3\x11\xa9\xc7\x87\xce\x9a5+\'\'\x87\x88^y\xfe\xd1\x96\xed\xda\xd8\xc5%\xc1]\xfdD\xc4\x18#.L\x87\xe3\xed7\xfe\xe0r98\x17O&lt;\xf1\x04:\xc2\xbaA\xfd\xa3\xfe\x95 \xff\xbe/Hu~\xf7\xee\xdd;c\xc6\x0c"\xea\xd3\xab\xd3\xe4_\x8d\xe3E\x05A9\xf4y&gt;\xd34\xec\xe2\xe2N\xbd\xba=\xf5\xd8h)\xe5\xca\x95+?\xfa\xe8#\xd349\xe7\xf5\xbdiP\x17P\xff\xa8\x7f?\x1d\xa3O\r\xf9\x8d\x1b7\xee\xbd\xf7\xde\x0b\tqmX\xf5N\xe7\xee\x1d\xc5\x99\xd2\xa0?\xfd\xf1\x93R\n\xd3,)-\xef\xd2\xe3\xbe\xbd\xfb\x0f\xb5j\xd5:++\xcb\xb2,\xdc\x1e\xa9\x03\xd4?\xea\xdfO\x97\xaf\xdcOU\xff\xbau\xeb\xde\x7f\xff}"\x1a\xf5\xf3\x01\x9d{w\xe7\xc5g\xf4\xa9~"b\x8cI\xaf/2.\xee\xd9\xdf\x8c\x17B\xe6\xe4\xe4\xcc\x9a5\x0bS\xe2t\x80\xfa\'\xd4\x7f%\xda\xf5\x00\xd4w&lt;`\xc0\x80\xb5k\xd76\x88\x89\xfa\xe6?\x0b[\xb6nN\xe5\x15\x86\xa1W\xf2K"I\xe4#\xd6\xa7\xdf\xd8\xcd\x19;bbbv\xec\xd8\x11\x17\x17Gj\x9c\x14\x82\x14\xea_A\xfd+\x1a\xc5&gt;\x11\xa9\xc5`322\xbe\xfc\xf2K"J\x19=\xb4U\xfb\xf6\xa2\xa4T\xb7\xea\'"F$m\xee\x8a\x08\x9f&gt;m\x92\x94\xf2\xd4\xa9S\x8b\x16-b\x8c\xe99\x12\xaa\t\xd4\xbf\x1f\xea_\xd1+\x00\x949s\xe6H)CB\x9c\xe3\xc7\x0e\x93\xde3\x86\xaeS\x80\r\xcb\x14g\x8a\xfb\xf4\xef\xd1&amp;\xa19cl\xde\xbcyeee\xa6i\xea\xd6)\xd4\r\xea_A\xfd\x93V\x01 \xa5T\x0f\xb9\xfe\xe7??"\xa2\xfbG\x0cn\xdb%I\x94\x96ix\xfa\xa30"\xe9\xe3\xa1\xd1\xd1\xd3\xa6&gt;(\xa5\xdc\xbe}\xfb\x9a5k\x18c\x9a\x8c\x84\xcaJ\xea{[\xea\x02\xea\xff\x1c\x9a\xd7\xbf\xa2Q\x00\xa8\xce\xdd\xe2\xc5\x8b\x8b\x8b\xcf\x98\xa69y\xc2\x08)|D\x9aV\xbfb\x98\x86,=3\xfc\x17\x03\xafk\xd6\x881\x96\x96\x96JA=\x06*\x84\xb0m\x9bs\xee_\x11^\x91Rr\xcem\xdb\x0e\xe2\x83\x1f\xf5\x7f&gt;\xdd\xea\xff|\x1a\x05\x80i\x9a^\xaf\xf7\xdd\x05\x0b\x18c]oi\xd7\xb9{\x92&lt;Sj\xea4\xf9\xe1|\x8c1^\xe1\x0b\x8b\x8b\xbd\x7f\xf8@)\xe5\x9a5kv\xef\xde\x1d\x94\xd3!8\xe7j\x04\xdc\xb2,\xd34\r\xc3(***(((,,,,,d\x8c\x99\xa6iY\x96a\x18*\x0c\xea{{k\x1e\xea\xff|\xfa\xd4\xff\xc5\xe8\xf2\xf5s\xce\x19c[\xb6ddm\xdb&amp;\xa5\x1c\xfe\xb3~\x86+Tp]\xbe\xe6K`\x8c\x91\xf0\r\x1f\xd6\xdf0\x8c\x92\x92\xd2\xa5K\x97\xd2\xd9\xb9"\xc1A5\xe8\xa6i\x9a\xa6y\xf8\xf0\xe1\x05\x0b\x16L\x98\xf0P\xff\xfe\xfd\xdb\xb6m\x93\x90\x10\x9f\x10\x1f\x1f\x1f\x1f\xdf\xb3g\x8f{\xef\xbd\xf7\xb5\xd7^\xcb\xce\xceVa\xa0\x16K\xa8\xefm\xaf1\xa8\xff\x8b\t\xfa\xfa\xbf4]\xa6\x81\xaa\x85\x0f\x7f\xfb\xdb\xa7g\xcc\x98\x19\xe3\x89\xda\xf6\xed\x87M\xaeo$+|Zu\xf7.FHI.\xd7m\xfd\xc6n\xf8\xe6\x87\x9e=z\xac\xfb\xea+"\n\x8e\xa5Q\xfc\xeb|\xadY\xb3\xe6\xbd\xf7\xde[\xb6lYAA\xc1%^\xefr\xb9n\xbb\xed\xb6\xd1\xa3G\x8f\x1d;\xb6\xf2\xaf\x07:\xd4\xff%\x04q\xfd_\x96\x167\x7f\x13\x91i\x9a&gt;\x9f\xf7\xb3\xcf&gt;\'\xa2\x8e\x1d\xe2\x9b\xb4\xbc^\x14\x9f\xd1\xe4;\xbe,\xc1\x85\xe5r\x0f\xe8\xd7u\xfd\xc6\xad\xdfgd\xec\xd9\xb3\'&gt;&gt;^-\x18P\xdf\x9bvUT\xf3}\xf4\xe8\xd1\xe7\x9e{n\xfe\xfc\xf9\xfes\x9d\x1boh\xda\xba\xf5\x8d\xed\xdb\xb4\xf0\xc4D\x13\xe7&gt;\x9f\xfd]f\xce\xe1\xc3\xb9\xdb\xb6\xef\xa9\xa8\xa8X\xb9r\xe5\xca\x95+\x17.\\\xf8\xf2\xcb/w\xeb\xd6-8\x9e\x1f\x8b\xfa\xbf\x84`\xad\xff\xaa\xd0"\x00\xce.~\xb2o\xdf\xbe\xbdD4x@O2,!\xa4\x06\xdfo\x950\xc6Hx\x07\xf6\xeb\xfe\xf2\xab\xef\x94\x97\x97o\xd8\xb0!\x08\x0e\x00u\xce\x9b\x9e\x9e\xfe\xd0C\xe3\x8f\x1c9JD\xee\x10\xd7/G\xddy\xff}w&amp;\'%D6\x89#2\x88L"ID$m\xbb\xf8L\xc6\xb6\xdd+\xd2\xd7\xcfM\xfd\xe8X\xee\x89\xd5\xabW\xaf[\xb7\xee\xd5W_\x9d2e\x8a\x1a\x10\x08\xdc\x0c@\xfd_ZP\xd6\x7f\x15\x05\xff\'\xa4\xb3#z+V,//\xaf\xb0L\xb3\xffm\xc9$\xd0\xf9\xfd/\xc3`TV\x9e\xd4\xa9m\xb3f\r\x89h\xd9\xb2O)\x90\xdb;"\xe2\x9c[\x96\x95\x96\x966x\xf0`\xd5\xfa\x8f\x1f{\xcf\xe6\r\x1f\xbc\xbd\xe0\x95\xfe\x83{GF\x85\x8b\xc2b\xbb\xa0\xd0.8i\x17\xe4\xdb\x05\xf9\xa2\xa8\xd8b\xack\xb7\xa4?L\x9f\xba\xe5\xdb\x0f_xn\xb2\'*\xc2\xeb\xf5N\x9d:u\xd2\xa4I\xea\xcap\xe0\x0e\x96\xa2\xfe/-\xf8\xea\xbf\xea\xb4\x08\x00\xf5]\xae\xdf\xb0\x81\x88\x9a5m\x98\xd0\xa6\x05\x95\x95k;\xfd\xf9|\x8c1\xee\xe3\xa11\xd1\xb7tlCD[2\xb6\x94\x96\x96\x06\xee\x1d1j\xe4\'--m\xd2\xa4ID\xd4\xc0\x13\xf5\x8fE3\xdfywV\xbb\xc4x^X\xc8\x0b\x8b\xa5\xcd\r\xd3\xb0,\xd3\xb2,\xcb2-\xcb4LC\x12\x893%vA~\xa3\x06\xd1\xcf\xbf\xf8\xd4\xeaU\xf3:wH "\xf5&gt;\x01=3\x04\xf5\x7fiAV\xffWD\x8b\x000\x0c\xc3\xeb\xf5\xee\xcc\xce&amp;\xa2\xe4[\xda\x85\xc5\xc6p\x1f\xd7$\xe1\xabHJI\xcc\xec\xdb\xfb\x16"\xca;\x9ew\xe8\xd0\xa1\x9f~\x18hT\xeb\xbfz\xf5j\xd5\xfa\xc7DG,\xfft\xce\xc8\xd1\xbf\xf0\xe5\x9f\x14\xa5e\xa6i\x9a\xa6q\xc1\xaf\x9e\x11\x19\x86aY\xa6\xb4m\xdf\xa9\xbc\xce]\xda\xad^5/\xb9S["JKK\x9b&gt;}\xbai\x9a\xb6m\xd7\xf5\xe7\xa9\t\xa8\xff\xcb\n\x9a\xfa\xbfR\xc1\x1f\x00\xea"\xde\xb1c\xc7\x0e\x1e&lt;HD\xb7tlC\xcc\xd2\xe1\xab\xbd"\x8c1\x92v\xa7\xa46\x86a\x94\x95\x95gffR\x00\x1e\x00\xea\xbb\xce\xcd\xcd}\xe0\x811D\x14\xe3\x89\\\xb1lnr\xef.\xbeS\xc7\x1d\x0e\xab\x8aC\xba\x8c1\x87\xd3\xc1\x0bO{\xa2#\xd2W\xbc\xdd\xa5S["\x9a&gt;}\xfa\xea\xd5\xab-\xcb\n\xb8[\x04P\xffU\x11\x1c\xf5_\r\xc1\x1f\x00\xea[\xdc\xbf\x7f\x7fq\xf1\x19"\xea\xd8!\x81\x08\xa7?\xe72\x0cF\x15\xde\x84V7FGE\x10\xd1\xce\x9d\xd9\x14\x80\x07\x80z\xb0\xdf\xb4g\x9e\xc9\xcd\xcd\xb3,3\xf5o\xbfO\xee\xdd\xddw*\xdf\xe1t\\\xe9[\x99\x96\xc5K\xca&lt;\xb1\xd1\x1f.\x9a\x15\xdb \x9aH&gt;\xf6\xd8c^\xaf7\xe0\x9e\x1e\x85\xfa\xaf\x8a\xe0\xa8\xffj\xd0%\x00\xb2\xb22\x89(*2\xa2]\xdb\x96TQ\x81\x03\xe0\x1cj\x85tO\xd3\xb8\xd6\xadn \xa2\xac\xacm\x14h\xd7\xc1\xfc+\xdd/\\\xb4\x88\x88F\x8f\x1c2|\xcc\x08_\xfe\x89j\xb4\xfe\x8ai\x99\xbe\x82\xe2\x167\'\xccz\xf9WR\xd2\xae]\xbb\x02q\xd5x\xd4\x7fU\x04A\xfdWO\xf0\x07\x80\x92\x9b\x9bKD\xa1\xa1!QQ\x11\xc4\xb9\x06\xdf\xec\x15\x93RZ.g\x83\x98("\xca\xcb\xcb\x93R\x06\xe2\x010w\xee\\\xce\xb9\xcb\xe5\x9c\xf6T\x8a\xf0\x96\\\xe5R\x07\x96\xd3\xe2\xc5\x85\xf7\xfdrh\x9b\xf8\xff.\x18\xa9&amp;\x05\xd5\xd4\x06\xd7\r\xd4\xffe\x05G\xfd_\xa9\xe0\x0f\x005\xf2\x9b\x91\xb1\x85\x88\xda$4\x0f\x8f\xf3\x08\x9f\xad\xc3W{\xa5\x84\x90\xc4\xac[\x92\xda\x10QN\xce\xae\xc2\xc2\xc2\x00j\xe9\xfcK]\xfe\xdf\xe7\x9f3\xc6\xc6\x8c\x1a\x92\xd0\xa9\xbd,-\xbb\xca\xa9\xdc\x8c\x88l\xee\x8a\x8c\xf8\xdd\x93)D\xb4w\xef\xde/\xbe\xf8"\xb0\x16\x8cD\xfdWQ@\xd7\x7f\xb5\x05\x7f\x00(\xea\x8bd\xda\xdc\xe1]]L\xcd\x0e\x14B\x04\xd6\x12\x08\xea\xda\xec\xaaU\xab\x8aN\x9f\x96R\x8e\xbd\xff.)E\x8d,ui\x98\x86,+\x1dvw\xdf\x18O\x141\xf6\xaf\x7f}|\xf5\xefY\xf7P\xffU\x13\xa8\xf5_m\xc1_\r\x8c\xb1\xf2\xf2\xf2\xa3G\x8e\x10\x91\':\x92\x88\x05y\xa6_\x15\xe9\x89\x8e$\xa2\x92\x92\x92#G\x8eP\xe0\\\x07S\xa7\xb4_|\xb1\x86\x88\x9a\xdf\xd8\xb4CR\x1b*\xab\x99\x95\xee\xd5\xe8px\xc3\xd8&gt;\xbd:\x91\x94\x1b\xbf\xdeX^^\x1e@\xcd(\xea\xffJ\x04j\xfdW[\xc0\xd4q\xf5\xa8\x81\xbc\xd2\xd2\xd2\xc3G\x0e\x13Q\xa7\x0e\xf1d8\xa4\x08\xf2/\xb5z\x18cD\xbcSR\x02\x11\x95\x94\x94\x1e&gt;|\x98\x02\xe7\x00P\x93s\xf6\xed\xdbOD7\xb5\xbc&gt;\xbaI\xac\xac\xb9\x81\x0e!\xa4a\xb9:%\xc6\x13Qn^nqqq\xa0\xcc\x05B\xfdW]@\xd7\x7f\xb5\x05y\x00(\x8c1\x87\xc3AD\xb6\x1d0C\xb7\xf5\xc5\xbf\x8b\xd4\x1e\x0b\x08j\xf6gQQ\xd1\x9e=\xbb\x89(\xf1\xe6\x9bH\xd6\xe4m\x9c\x8c1"\xbb\xdd\xcd\xad\x88\xa8\xa8\xe8tvv6\x05\xd4\x8a\xc1\xa8\xff\xaa\x0b\xc4\xfa\xbf\x1aZ\x04\x00\xf9\xc7@q\xe9\xebr\xfc\xbb(\xe0\xce}\xa4\x94&gt;\x9f\x8f\x88bc\xa2\x88\x195\xbd\xf92\xb6A\x14\x9d}\xa6X\xcd\xbeu\x1d@\xfdWQ\xe0\xd6\x7f\xf5\xe8\x12\x00\xa0\x0354\xcfk\xe79\'\xfe\xb7\r\xa0\x0b\x00\x00\x97\xa6K)\xab\xe1`MR\xfdj\xf8wQ\xc0\xcd\x14\xf4?\xca\xd1\xe7\xb3\xa9\x16\xbeh\x9f\xef\xa7\x13\xff\x80[\r\x82P\xffU\x16\xb8\xf5_=Z\x04\x80\x94\xd2\xe66\x119\xf5\x18\xd7\xbb\x1a\xfe]\x14@\x03\x1d\xea\x92lddd\xcb\x967\x11\xd1\x96\xac]\xc4x\r\xaev)\xa5$\xb2\xb6f\xee"\xa2\xc8\xc8\x88\xd6\xad[S@5\x10\xa8\xff\xaa\x0b\xc4\xfa\xbf\x1a\xc1\x1f\x00RJ\x87\xc3\x11\x15\x19ED{\xf6\x1f"\x89\x85P.\xc1\xd8\xb3\xff\x10\x119\x1c\x8e\xa8\xa8(\n\x9cfN\x08aY\xd6\r7\xdc@D\x07\x0e\xe6\x96\x17\x9da5\xf7\xb8s\xc6\x88$\xcf\xd9{\x90\x88b&lt;1\xb1\xb1\xb1\x148{\x06\xf5\x7f%\x02\xb5\xfe\xab-\xc8\x03@\x9d\x1bFDD\xc4\xc7\'\x10\xd1\xde\xfdGH\xda\xc1\xfe\x9dV\x93\x94\x92\xc8\xd8\xbb\xef0\x11y&lt;\xd1\xf1\xf1\xf1\x148\x07\x80\xea\xb9\xf7\xee\xdd\x9b\x88v\xec\xdc\x97\x9d\x95Cn7\xaf\x89\x89:RJ\xc3a\x95\x17\x14\xae\xfcb\x13c\xacS\xe7N\xa1\xa1\xa1\xea\x19\xebW\xff\xe6\xb5\r\xf5_u\x01]\xff\xd5\x16\xe4\x01\xe0\xe7\xf5z\x89($\xc4IL\x97\x8f\\=\xee\x10\x17\x11q\xce\x03k\xa4[]\x98\x1d&lt;x\xb0\xd3\xe9\x14B,[\xbe\x8e\x99N\xaa\x89\t\xefBH\xe6\x0e\xfdf\xe3\xd6c\xb9\'\xa4\x94C\x87\xfe\x8c\x02p0\x1d\xf5_E\x01Z\xff\xd5\x16\xfc\xd5\xa0\xe6k\'%%\x11Q\xce\x9eCgN\x160\x0b\xeb\xa1_\x80Z\x12}KV\x0e\x11\xb5j\xd5:222\x80\xd6\xc3R\x8bt&amp;$$\xf4\xee\xdd\x9b1\xf6z\xea\x87\'\x0f\x1df.GM|\xd1\x92\x84xi\xe6;\xb6\xcd\x1b\xc6\xc5\xdd}\xf7\xddD\x14@\xeb\x04\xa0\xfe\xab(\xa0\xeb\xbf\xda\x82?\x00\x94&amp;M\x1a\x13Qaaqiqi\r\x8e\x0e\x07\x13f\x90\xe0v\xde\x89|"\x8a\x8b\x8b\xb3\x02\xad\x99PO&gt;\x990a\x82\x94\xf2\xc4\xc9\x827\xde\\l\x84F\xdb\xbe\xab\xba\x94\xc7mnFG\xad[\xb5a\xed\xba\xef\x88h\xd8=\xf7\xc4\xc5\xc5\x05\xca\xf8Oe\xa8\xff\xcb\n\xf4\xfa\xaf\x9e\xe0/\x05u\xac&amp;&amp;v \xa2\xa2\xd3\xc59{\x0e\x90\xcb)p7\xfc\xff\x92R\x1a\x96U|&lt;\x7f\xef\xde\xc3D\xd4\xbe};\n\xa8\x9b]\x89\xc8\xb2,!\xc4\xbd\xf7\xde\xdb\xa7O\x1fF\xf4\xda\x9b\x8b\xb36\x7f\xe7\xf0D\xf1\xeaN\xe7\x10B0\x97\xa3\xb4\xe0\xf4\xaf\x9e\x99\xc5\x18\x8b\x89\xf1L\x9f&gt;]\xddu\\\xb3[^\xabP\xffU\x11\x04\xf5_=\x81T\xca\xd5\xa3\x0e\x80\xe6\xcd\x9b\x87\x84\x84\x08!\xb6f\xe6\xe0\x91x\xe7\x93RR\x88k\xdf\xbeC\'N\xe6\x13\x91\xbaf\x18\x88,\xcb\x9a={\xb6i\x99\x85\x85\xc5cR~Wp\xa2\xc0\x0c\x0b\xe5\xf6\x15\x8f\xe7\n!$3\x8c\xd0\xd0\xc9\x8fN\xdf\x9a\x99#\x84x\xf1\xc5\x97\x9a4i\xa2\xfa\x19\xb5\xb1\xe5\xb5\x04\xf5_\x15AS\xffWJ\xa3\x00h\xda\xa4\t\x11m\xc9\xdcE$\x03\xea\x10\xae\x0bBH2\xac\xac\xed{|\xb6\xedp8:v\xecH\x01x\xcb\xaba\x18\x9c\xf3\xce\x9d;\xcf\x9c9\x8b\x882\xb7\xef\x194dBAA\xb1\x19\x15\xe1\xf3\xf9\xaa\xde\xe6q\xdb6\x1c\x0e3"l\xd2\x83\xcf\xbc\xbb\xf8s"\x1a1b\xc4\xa3\x8f&gt;j\xdbv\x00\x8d\xfe+\xa8\xff\xaa\x08\x8e\xfa\xaf\x86\xe0\xff\x84\xea\xf1\x1dn\xb7;&gt;!\x81\x88\xbe\xd9\x9c\xe5-.6\x02\xed0\xaem\xaaE\xf8r\xfd\xf7D\xd4\xa0AL\xcb\x96-)0\xe7\xc0\x99\xa6\xc99\x9f2e\xca\xc4\x89\x13\x89h\xf3\x96\xecAwN\xdc\xbds\xbf#&amp;\x8e\x11q\x9b_\xe2\xe4WJ\xe2\x9c\x0b.L\x8f\xa7\xb8\xc2\xf7\xd0\xd8\xdf\xa6\xbd\xbb\x94\x88\x92\x93\x93SSS\x03t\x8dx\xd4\x7fU\x04M\xfd_\xa9\xe0\x0f\x00:;\x96\x97\x9c\x9cLD\xfb\xf6\x1f\xf9q\xf7\x01\xe6va\x18\xb42\xc34}\xc5\xc5\x9b\xbe\xdbNDm\xdb\xde\x1c\x11\x11\x11pc\x1d~jFPjj\xeaO\x19\x90\xb1\xa3W\x9f\xd1\xf3S?\xf0\n2=\x1efYjA7\xce9\xe7B\xfd\xa3\xfe\x8f\x19\xcc\x8c\x8e4"BW\xadX\xd7\xef\xf6q\xf3\x16}JD\xc9\xc9\xc9\xe9\xe9\xe9\x1e\x8f\x87\x02\xb6E@\xfd_V0\xd5\xff\x15\xd1"\x00\xd4\x179d\xc8\x10\xcb\xb2\xca+*6l\xfa\x81,\xa7\x0eWx\xaaH\x08\xc9\xdc\xae\xbd\xbb~\xdc\xf7\xe3\x11"\xba\xf3\xce!\x01\xf7\xe8\xf3\xca\x18c\xea\xb4755\xf5\xf9\xe7_ \xa2\x13\xa7\n\xc7?\xfc\x87.\xbd\xee\x9f\x9f\xba\xf8T\xc1i#"\xcc\xf2\xc4\x9a\xd1Qft\x84\xfa\xc7\xf2\xc4\x98\xd1Q\xa5^\xdf\xaa\xe5\xeb\x06\x0f\x994p\xc8\xc4\xef\xb7f\x13\xd1\xc8\x91#U\xeb/\x84\x08\xdc\x01\x01\xd4\xff\xa5\x05Y\xfd_\x11\xab\xbe7\xa0.\xa8C7))\xa9i\x93&amp;\x07\x0f\x1dZ\xb6\xfc\xab\x94G\xee\xd7 \xdd\xabJ\x08\xc1,W\xfa\x9a\x8d\xe5\xe5\x15\xa6i\xdc~{\x7f\n\xd8\xb3]Em\xbc\x10\xe2\x85\x17\x9e\xef\xd1\xa3\xfbSO=\xb5m\xdb\xb6\xac\xed\xbb\xc7?\xfc|\xc3\xb8\x98\x9e\xdd\x93:vl\x9b\x98\xd0\xc2\xd3 \x8a\xb8\xf0\xf9\xec\xcd\x99\xbb\xf6\xed;\xb4v\xddw\xfb\xf7\x1fV\xef\xd0\xb8q\xa3\xdf\xfd\xee\xf7\x8f?\xfe\xb8z\x9f\xc0m\xfd\t\xf5\x7f9\xc1W\xffU\xa7E\x000\xc68\xe7\xa1\xa1\xa1\xb7\xf7\xef\xbf`\xc1\x82\xef\xb6d\x9f9\x99\x1f\x1e\xe6\x96v\xe0M\xe8\xae\r\x06#&amp;\xf9\xda\xaf\xbeg\x8c%$$\xb4k\xd7N=c\xbd\xbe\xb7\xeb\xaa\xa8~\x80m\xdb\x83\x06\r\xea\xd7\xaf\xdf\x8c\x193\x16/\xfe`\xc7\x8e\xec\xe3\'\xf2\x97.[\xbbt\xd9\xda\x8b\xfdb\x93&amp;M\xee\xbe\xfb\xee\xe7\x9f\x7f\xbeY\xb3fj\x1c \xa0[\x7fB\xfd_NP\xd6\x7f\x15\x05ve_\xa9{\xef\x1dAD\x87\x0e\xe7~\xf2\xc9\x17\xe4\x0e\xe3\x18\x06U\xcf;\x0cs\xef\xfea\xe7\xea\xb5\x9b\xa4\x94w\xddu\xb7\xcb\xe5\n\x9a\xfb\xe0-\xcb\xe2\x9c;\x9d\xceg\x9f}6#c\xcb\xd2\xa5K\xc7\x8f\x1f\x9f\x98\xd8&gt;6\xb6A\xe5\x97EFF\xb6l\xd9b\xf8\xf0\xe1\xf3\xe7\xcf\xdf\xbaukjjj\xb3f\xcd8\xe7\x86a\x04S\x13\x89\xfa?_p\xd7\xffei\xd1\x03\xa0\xb3\xbd\xe0[o\xeds\xddu\xcd\x8e\x1c9\xb2\xe4\xe3\x95\xa3\x1f\x1aa\x10\x0e\x00\x12B\x18\x0e\xf7\'\x9f\x7fYRZf\x9a\xe6\xf0\xe1\xc3)\xb8\xfa\xbf\xa6iJ)\x85\x10.\x97k\xd8\xb0a\xc3\x86\r\xe3\x9c\x17\x14\x14\xec\xd8\xb1\x83s\xce\x18II\xadZ\xb5\x8a\x8d\x8du\xbb\xdd\xeaWT\xd3\x1fL\xe7\x80\xa8\xff\x8b\t\xfa\xfa\xbf\xb4\xc0x\xb6u\x8d\xb0m\xdb\xb2\xac\xdf&lt;\xf5\xd4\xac?\xff9,\xcc\x9d\xb9qI\x8b6-diE\r.\x1c\x1f\x88$In\x98\xb7t\x1f\x95\xb5}O\xb7n]7l\xf8\x9a\x82t\x06\xb4\x8a\x01\xba\xf8J&gt;\x9cs\xd5\xf7\x0f\xca\xe3\x1f\xf5\x7fA\xfa\xd4\xff\x05\xe9\xf29\xe9\xec\x97\xfa`J\x8a\xd3\xe1()){o\xf1\xe7\xcc\x11*\xf5\xb8\xd6\x7f1\x9c\x0b\x16\x1e\xfe\xd5\xdaMY\xdb\xf7H)\xc7\x8f\x7f(\x88\xe7?0\xc6L\xd3T\x1d\x02\xf5\xf80?!\x84j\xfa-\xcb\n\xca\xd6\x9fP\xff\x17\xa2U\xfd_\x90^\x01 \x84h\xd7\xae]\x9f\xdbnc\x8c\xcdy\xfb\xa3\xe3\x07\x0e\x18!N}\xfa@\xe7c\x8c\xb8\xd7~y\xd6&lt;)e\xe3F\x8d~\xfe\xf3\x9f\xebp\xf9K]\x1f6+\t\xb2\xb1\xfe\x0bB\xfd\x9fO\xcf\xfa\xafL\xa3\x00\xa0\xb3\xcb\xb8O\x9d:UJy\xe2D\xc1\xa2\xf7\x971wd5\x16\x8a\t\x0e\x9c\x0b#2\xfc\x87M[\xd5R\x97\xa3\xc7\x8c\x89\x8d\x8d\r\xc4\xa5.\xa1\x8aP\xff\x95\xa1\xfeI\xb7\x000\x0cCJ\xd9\xaf_\xbf6m\xda\x18\x86\x91\xba`i\xd1\xf1\\\xc3\xa5\xebI\x10#\x124\xe3o\x0b\x89(\xc4\xe5z\xe8\xa1\x87\x02n\xa9K\xb8"\xa8\xff\xff\x81\xfa\xd7-\x00\xfc\xeb\xa2L\x9b6M\x08\xb1k\xf7\x8f\xaf\xcd^`\x84E\xea3\xeb\xcb\x8fsaFF|\xb9b\xdd?&gt;^)\xa5\xbc\xef\xfe\xfb\xdb\xb6m\x1b\xe8w&lt;\xc1\xa5\xa1\xfe\xfdP\xff\x8aF\xb3\x80\xfcT\xb9\xf7\xef\xdf\x7f\xdd\xbau\xb1\r\xa23\xbf\xfd\xb0a\xe38\xf2\xf9\x0c\x9d\xba~\\\x08\xe6v\xf7\x1f\xf0\xe0\x7f\xd6g4\x88\x89\xc9\xda\xb6\xadQ\xa3F\x1a\x9e\x01i\x08\xf5O\xa8\xff\xb3\xf4\xfa\xb4~\xa6i\xbe\xf8\xe2\x8b\x86a\x9c8Y0\xed\xd9\xbf\x1a\xee0\xa1\xd3I\x90m\xdbf\x94g\xe1\xbc\x7f~\xf9\xd5\xf7R\xca\xa9\xbf\xfeu\xe3\xc6\x8d5&lt;\xfd\xd1\x16\xea\x1f\xf5\xaf\xe8\xd8\x03 "\xce\xb9i\x9a)))\x0b\x16,0M3}\xe9\xdf\xfb\xdf\xdd\x8f\x17\x9c6\xad\xe0\x9f\x00 \x84$\xa7\xe3\xe4\xf1\xfc\x8e\xddG\xe6\x1d\xcf\x8f\x8fo\xfd\xc3\x0f\x99j\xfa\xa3V\x97\xbft\x86\xfaG\xfd+\x9a\x06\x80\x9a\xea{\xfc\xf8\xf1\xb6m\xdb\x16\x16\x16\xb6jy\xdd\xd6\xef&gt;\x0eq:\x0c\r\xe6\x00\xd86\xb7&lt;\x9eQ\xbf\x98\xfc\xe1\xbfW\x13Qzz\xfa\xc0\x81\x03U\x8bP\xdf\x9b\x06u\x04\xf5\x8f\xfaW\xb4\xeb\xf2(j:D\xe3\xc6\x8d\xff\xfc\xe7?\x13\xd1\x9e}\x87\x9fx\xe2e3,\x9c\xf3 \xbf\x07\xc4\xf6\xd9\x96\'f\xfe\x9c\x85\xaa\xfa\xc7\x8fO\xd1\xb9\xfa\xb5\x85\xfaG\xfd+\x9a\xf6\x00\x14us\xfc\xa8Q\xa3&gt;\xfc\xf0C"\x9a\xf7\xc6\x1fR&amp;\x8f\xb5\xf3OZ\x8e\xe0\\"\x89\xdb\xdc\x8c\x8a\xc8\xfa~{\x8f~cKK\xcbZ\xb4h\x99\x99\x99\xe9v\xbb\xf5\xec\xfc\x02\xea\x1f\xf5\xafu\x00\xa8\xc5a\x8a\x8a\x8a\x92\x93\x93\xf7\xef\xdf\x1f\x1a\x1a\xf2e\xfa\xdb]zt\xe2E\xc5\xc17\x18*\x84 \x87\xa3\xe8Li\xdf\xdb\xc7en\xdfkY\xe6\xfa\xf5\xeb\xbbu\xeb\xa6\xe7\xb5/ \xd4?\xea_\xdb! E%\x7fLL\xcc\x07\x1f|\xc0\x18+))\x1b5\xfa7\x05\'\xf2Mw\x88\x08\xae\xbe\xb0\x94R\x103B\xdd\x93&amp;&gt;\x9b\xb9}\x0f\x91\x9c9sf\xb7n\xddl\xdb\xd6\xb9\xfa5\x87\xfaG\xfdk\xfd\xe1\x89\xc80\x0c\xdb\xb6\xbbu\xeb\xf6\xe6\x9bo\x12\xd1\xbe\x03G\x07\xdd9\xa9\xb4\xbc\x82\x9c\x8e`Z\x13\x8a\x0baEE=2~\xda??]KD\xe3\xc6\x8d\x9b2e\x8a\x1a\x01\xa8\xefM\x83\xfa\x84\xfa\xaf\xefM\xabg\xba\x07\x00\x11Y\x96e\xdb\xf6\xa4I\x93\x1e~\xf8a"\xda\x9c\xb1\xe3\xd1\xc9\xd3\x8dP\xb7d\x86\x0c\x8a\'f\xf8l\xdb\x8a\x8e}\xeb\xaf\xf3\xdf\x9a\xffo"JNN\x9e3g\x8e\x10B\xdb\x0b_P\x19\xea_g\x08\x00""\xd34m\xdb\x9e;w\xee\xc4\x89\x13\x89h\xc1\xe2\xcf\'=\xf8\x8c\x19\x11Ff\x80\xaf\r+%\xe7\xdc\xe1\x89K{}\xfe#S\xfeDD\xc9\xc9\xc9\xe9\xe9\xe9\xa1\xa1\xa1\xa4\xd3S/\xe0\xd2P\xff\xdaB\x00\x10\x9d])\x9es\x9e\x9a\x9a\xaa\x8e\x81\xb4w\x97NJ\x99\xc6-\xcbp8\x02t\xb9D!\x04\x97dFG\xbf\xf5\xb7y\x93\x1e\x7f\x99\x88\xbavMNOO\xf7x&lt;\x9a_\xf8\x82s\xa0\xfe\xb5\xa5\xf5,\xa0s\xa8I\x11\xa6iN\x9a4)--\x8d\x88zu\xeb\xb0\xec\x939\x9e\x861v\xc1\xe9\xc0\x9a\x1b\xc7mn\x868\xc9\xed~d\xc2\xef\xdfz\xe7c"\xea\xda\xb5\xeb\x8a\x15+P\xfdp1\xa8\x7f\raG\xfc\x17c\xcc0\x8c\xca\xe7A\x1b6e\xf6\x1f\xf8\xd0\x96\xef\xb6[1\xb1\xb6\xcf\x0e\x94\xb0\xb4}\xb6\x19\x1dYp\xbat\xd4/\x1eC\xf5C\x15\xa1\xfe5\x84\x1e\xc0\xb9\xce?\x0fj\xe0\x89\x9c\xf3\xf7\xe7F\x8e\xbeG\x16\x17\x89k\xfb\xa6A)\xa4\x90\xc2\x8c\x8e\xd9\xb2y\xeb\x84\t\xcffd\xee"T?\\\t\xd4\xbfV\xb0;\xce\xa5\xce\x83\x84\x10\xa9\xa9\xa9\xb3g\xcf&amp;\xa2S\x05\xa7G\x8d\xf9\xcd\xd4\xc7_\xe0\xa6iF\x84\xdb\xf65z*d\xfbl\xe6r\x98\xd1\x9e\xb7\xe7\xbe\x7f\xfb\x80\x14U\xfd\xe3\xc7\x8f_\xbdz5\xaa\x1f\xaa\x08\xf5\xaf\x15\xf4\x00.L=7\xdc0\x8c\xf4\xf4\xf4\x87\x1e\x1a\x7f\xe4\xc8Q"\xea\x9e\x9c\xf8\xda_\x9e\xe9\xd6\xbb\x1b\x95\x9c\xb6\xbd\xdekg\x12\xb1z\x8e\x9d\x11\xe59\xfa\xe3\xc1\'\x9f\x9e\xb9\xe4\xa3\x15D\xe4r\xb9^y\xe5\x95)S\xa6\x10\x11\xaa\x1f\xae\x08\xea_\x13\x08\x80KQ\xb7\x8a\x1c;v,%%%==\x9d\x88B\\\xce\xdfL}\xf0\xc9_\x8f\x8b\x8akH\xc5E\xdc\xe6\x86e\xd6\xe3l2\xce\x05#2\xa2#\xa8\xc27\xff\xdd\x7f\xffa\xfa\x1b\x87\x8f\x1e\'\xa2\x84\x84\x84w\xdey\xa7W\xaf^B\x08\x9d\x97:\x81\xab\x81\xfa\x0fz\x08\x80\xcb\xf0\xaf\x14\xf8\xdak\xafM\x9b6\xad\xbc\xbc\x9c\x88\xda&amp;\xb4\xf8\xcd\x93)cF\xdd\xe5\x88\x0c\xa7\xe2bns\xc34\xea\xb2\xc8$\x91Pg=\x91\xe1$iU\xfaW3g\xce_\xb5\xf6\x1b\xf5\xa7\x13&amp;L\x985kVTT\x14\xeeu\x84\xab\x84\xfa\x0fn\x08\x80\xcb\xf3\x9fDl\xdb\xb6\xed\xe9\xa7\x9f^\xbe|\xb9\xfay\x8f\xae\x1d\x9e\xf9\xed\xc4A\xb7wuE{\xa8\xe4\x8c\xed\xf51\xc6L\xb3v{\x9aB\x08!\xa4e\x99\x14\x11F^\xdf\xc6o2\xff\xfe\xc6\xfb\x8b?\xfci\x93\x12\x13\x13_}\xf5\xd5!C\x86P\xa5C\x17\xe0j\xa0\xfe\x83\x18\x02\xa0\xaa\xfc\xf5\xb4d\xc9\x92?\xfe\xf1\x8fYYY\xea\xe7\x1d\xda\xb7\x9e\xf2\xf8\x98\xe1\xf7\xdc\x11\xd90\x96\x84O\x9e)\xe5\x9c3\xc30j\xae\xe3)\x89\xa4\x10BH\x831#,\x84\x1cn^R\xfc\xc5\xba\xcd\x7f\xfe\xcb\xbb\xe9\xab\xbfV\xafi\xd2\xb8\xf1\xe4G\x1f}\xfa\xe9\xa7\x9dN\'\xba\xbdP\xe3P\xffA\t\x01p\x05\xd4m\xf1\x86ax\xbd\xde\x193f\xcc\x99\xf3\xc6\xb1c\xb9\xea\x8fn\xbc\xa1\xe9\xc8\xe1w\xdc\xf3\xb3\xdb{\xf6\xecDN7\t/\x95Up\x9f-\xa5d\x8c\xa9\xa3\xe1\x8a\xfe.)\xa5\x90R\n\xc9\x18\x99\x96I.\x179\\D|\xe7\x0f;?[\xfe\xd5\x07\xffX\xbeek\xb6z\xa5\xdb\xed\xbe\xff\xfe\xfb_|\xf1\xc5f\xcd\x9a\x11N|\xa0\xd6\xa0\xfe\x83\x0f\x02\xe0\x8a\xf9+,//o\xe1\xc2\x85\x0b\x17.\xcc\xcc\xcc\xf4\xffi\xef^\x9d\x07\xf4\xeb6\xb0_\xd7\xa4\xa46\xa1\r\xa2\x89L\x926Ux\xa5\xd7\'\x85\x14R\x12I\xb5\x10\xef9o{\xf6\x8b\x90\x8c\x19\x8c\x91\xe1p\x90\xcbI\xa6ED\xbc\xb88g\xf7\x81\x95k7\xfdg\xdd\xf7\xe9\xab\xbf.--S\xbf\xd2\xb4I\x93_\x8e\x1e=n\xdc\xb8\xf6\xed\xdb\x93z\xd4\xb5i\xe2\xc4\x07j\x15\xea?\x98 \x00\xaa\xc3\x7f\xb3\x0c\x11y\xbd\xde\x15+V\xcc\x9f?\x7f\xe5\xca\x95\xa5\xa5\xa5\xfe\xd7\xb4hq]\xe7\x8emn\xed\xd9\xa9SR\xc2\xcd\xad\x9b\xc76\x8e\xa5\x10\x17\x91\xba$%\x89\xce__\xc58{[\x86M\xb6]x&lt;?g\xef\xe1\xed\xd9{\xd7\x7f\xbde\xf3\xf7\xdbsv\x1f\xa8\xa8\xa8\xf0\xbf\xb4w\xef^\xe3\xc6=8t\xe8\xd0F\x8d\x1a\x11\x11\xe7\\\xf5\xb9k\xf5S\x03(\xa8\xff\xa0\x81\x00\xa8&gt;)%\xe7\xdc?\xcd`\xe7\xce\x9d\x9f}\xf6\xd9\'\x9f|\xb2y\xf3\xe6\xca\xc5JD\rb\xa2[\xb7\xba!\xda\x13\x99\xdc\xb1\x8deYQ\x11a\x1d\x92\x12$\xe7\x8c\x98z\x1ffY\x07~&lt;|\xe0P.\xb3\xcc\xac\xcc\x9cS\xf9E;w\xffx\xec\xd8\x89s\xfe\xc6\xc4\xc4\xf6\x83\x07\x0f\xbe\xe7\x9e\x9f\xf7\xec\xd9S\xfdD=\xd1\x02s\x9c\xa1\xee\xa1\xfe\x83\x00\x02\xe0j\xa9\xb3!u\xff\xa4\xfaIvv\xf6\xa6M\x9b&gt;\xfb\xec\xb3\x8c\x8c\x8c\xa3G\x8fTTx\xaf\xe6\xfd\x1b7n\x94\x98\x988h\xd0\xe0&gt;}\xfat\xee\xdcY\x9dv\xa9\xbf\x14g=P\xefP\xff\x01\r\x01Pc\x84\x10\xaa_\xec/\xca\xd2\xd2\xd2\x03\x07\x0e\xec\xdc\xb93+++++\xeb\xd4\xa9S\xd9\xd9;8\xe7\xa7\x8bNWx/pT\xc4\xc5\xc5\x12\xd1M7\xb5\xf2x&lt;]\xba\xdc\xd2\xb2\xe5M\xed\xda\xb5k\xdd\xbautt\xb4\xff5\xb6m\xab\xc5{\xeb\xe43\x01T\x15\xea?\x10!\x00j\x9e:\x12.X\xa6EEEB\x88\xdc\xdc\xdc\xdc\xdc\\\xc6\xa8\xf2\xbe\x0f\x0f\x0fo\xdd\xba\xb5\x94\xd2\xe3\xf1\\\xec\rq\xca\x03\xd7&gt;\xd4\x7f\x00A\x00\xd4"Y\x89\x9a\x98\\\x95\xc1J\xd5\xbdU\xdf\x0b\x8a\x1e\x02\x17\xea\xff\xda\x87\x00\xa8Sjo\xabC\xe2\xfc?U\x87\x07\xca\x1d\x82\x15\xea\xffZ\x83\x00\x00\x00\xd0\x14\xa6O\x01\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xca\xaa\xef\r\x00\xa8;\xb2\x92s\xfe\x88UR/\xdb\x06P\xf7\xd8\xf9G\x02@\x90\x91R\n!\x88\xc84\xcd\xcb\xbe\x98s.\xa54\x0c\xc30\xd0?\x86 \x87\x00\x80`&amp;\x84\x90R\xfa\xdb}\xce\xf9\x91#G\xf6\xee\xdd{\xe0\xc0\x81\x83\x07\x0f0\xc6\xa4$"\x19\x1d\xedILLl\xdc\xb8q\xf3\xe6\xcd\xddnw\xe5\xdf5\x0c\x03}\x02\x08V\x08\x00\x08NB\x08\xffxN^^\xde\x86\r\x1b&gt;\xff\xfc\xf3\xcd\x9b\xbf=p\xe0\xe0\xe9\xd3\xa7/\xf8+.\x97\xb3Y\xb3f\x9d;w\xbe\xeb\xae\xbb\xbbw\xef\xde\xa6M\x1b\xf5s\xceyU\xba\x0e\x00\x01\x07\x01\x00\xc1F\r\xf8\xa8&amp;;33\xf3\x8d7^\xff\xec\xb3\xcf\x8f\x1e=z\xce\xcb\xe2\xe2\x1a\x90\x14\x92\x881\xa3\xa8\xa8\xd8\xeb\xf5V\xfe\xd3\xb0\xb0\xd0;\xee\xb8c\xf2\xe4Go\xbf\xfdv\xd34\xd5\x08\x12\x06\x85 \xc8 \x00 \xa8\x08!T3\xbdm\xdb\xb6\xdf\xfe\xf6\xb7\xabW\xaf\xf6\xb7\xec7\xde\xd0\xb4K\x97v\x9d\x93\x12\xba$\xb5\xf1x"[\xddt\x03\tADdZ\xb9G\xf3\x8e\x9d\xc8\xcf\xda\xb1/3+g\xf3\xf7\xdb\xb3\xb6\xe5\xf8\xdf0))\xe9O\x7f\xfa\xd3\x90!C\x08]\x01\x08:\x08\x00\x08\x1e\xb6m[\x96U\\\\\xfc\xfb\xdf\xff\xfe\xed\xb7\xd3\xca\xca\xca\x89(\xd4\x1dr\xef\xf0\x81\xbf\xb8g@\xdf\xde\x9d#\x1b\xc5\x12\x99D6\tA\x15^"5\xb8/\xc9a\x91e\x11\x99D\x92\x17\x17o\xfa~\xfb\xd2ek\xdf_\xfc\xf9\xd1c\'\xd4;\x0f\x192\xe4\xb5\xd7^\x8b\x8f\x8fW\x7fE\xfd}D\x80\x9a\x84\x00\x80 \xa1\x9a\xe6\x8c\x8c\x8c\x89\x13\'fdd\x10\x91;\xc4u\xff\xa8!S\x1f\x7f\xa0\xfd-\xed\x89$\x95\x96r\xafOJb\x8c\x11#\xa3\xd2\xa5]5/TJ\xc9\x18\x99\xa6Ian2\\y\x87\x0e\xcdM\xfb\xf0\xad\xb4\x8f\x8e\xe5\x9e$\xa2\xd8\xd8\xd87\xdexc\xe4\xc8\x91\x95\xaf.\x00\x044\x04@\xbd\xa9\xbc\xe7\xd1\x9a\\%\xd5\xfa\xcf\x9b7o\xea\xd4\xa9\xea\x1a\xef\xe0\x01=g\xcdx\xaa]\xa7v\xe4\xf3\xf23\xa5\xc4\xa8\x8a\xf3y$\x91\x14B\x08a\x85\x84\x90;\xf4\xf8\xe1c/\xffq\xee\x1bs\x97\x08)\x89h\xca\x94)\xb3g\xcfF\x06\\\r\x7f\xe5K)\xd5&gt;\xc4\x9e\xac/\x08\x80:%\x84\xf0\xb7\x1d\x95\xaf(\xaa\xeb\x96\x98~^=\xaa\xf5OKK\x9b4i\x12\x11\xb9\x9c\x8eW^\xfa\xd5\x94_\xa7\x10I^\\\xc2\x0cV\xbd]*\xa5\xe4\x9c\xab\x18H_\xb6\xfa\xa1I\x7f8\x92{\x92\x88&amp;N\x9c\x98\x9a\x9a\xca9\xc7\x0c\xd1\xaaS7\xdf\xa9\xe2?\xff:\x8a\xda\xd5\xea\xa0\xc0.\xadK\x08\x80:\xc29\xa7\xff\xbd\x11\xa9\xa8\xa8H\x1d\x0fD\x14\x1d\x1d\xed\xffy\xe5I,pY\xe7\xb4\xfe1\xd1\x11\x9f\xfe\xeb\xf5^\xfdz\x8a\xa2B\x92\xd20\xaf6M\xa5\x94\x9c\x0b\xcb\x13u\xec\xe0\xd1a\xf7&lt;\xb6y\xcb\x0e:\x9b\x01\xb6m\x9b\xa6\x89\x06\xeb\xd2~\xca\xd1\xff\xbdpR\\\\\\ZZ\xea\xf5z\x1d\x0eGXXXDD\x84\xff\x8fp\xa5\xbd.!\x00j]\xe5\x06\xfd\xf0\xe1\xc3\xabW\xaf^\xbf\xfe\xab\xfd\xfb\x7f\xcc\xce\xdea\xdb6#&amp;\x89Z\xb5\xba\xa9Y\xb3\xebz\xf5\xea5h\xd0\xa0\xb6m\xdb\xd2\xd93&amp;\xf4\x06.M5\x16\xef\xbe\xfb\xee\x83\x0f&gt;HD7\'\xb4X\xb4pf\xa7\xe4D;\xbf\xc0r\xd4\xe4\xa5Z\xdbg[\x11\xe1\x05\x05E\xe3\xc7\xffn\xe9\xe7\xff!\xa2\x87\x1f~x\xee\xdc\xb9\xb8&amp;|i\xfeA\x1e"\xca\xc8\xc8X\xbbv\xed\xc6\x8d\x1b\xf7\xec\xd9\x93\x9b\x9b[ZZ\xaazQaaa\xd7_\x7f}\xe7\xce\x9d\x87\x0e\x1d:d\xc8\x10\xd34\x91\x01u\x06\x01P\xbb\xfc\xa5\xbcf\xcd\x9a\xf7\xde{o\xd9\xb2e\x05\x05\x05\x97x\xbd\xcb\xe5\xba\xed\xb6\xdbF\x8f\x1e=v\xecX\xc2\xd9\xd0%\xa9\x19\x9fYYY=zt/))m\xe0\x89\\\xbbr^b\x97\x0ev\xfe)\xcb\xe1\xa8\xf1\xbf\x8e\xdb\xdc\x0cs\x97\x97{\xfb\xf4}`\xf3\x96l"\x9a7o^JJ\n\xbe\xa3\x8bQ\xad\xff\xd1\xa3G\x17.\\\xb8d\xc9\x92\xad[\xb7^\xf6Wn\xb9\xe5\x96?\xfe\xf1\x8f\x03\x07\x0e\xc4^\xad\x1b\x08\x80Z\xa4\x8a\xf8\xe8\xd1\xa3\xcf=\xf7\xdc\xfc\xf9\xf3\xfd\xbb\xfa\xc6\x1b\x9a\xb6n}c\xfb6-&lt;1\xd1\xc4\xb9\xcfg\x7f\x97\x99s\xf8p\xee\xb6\xed{\x88~z\xcd\x80\x01\x03^~\xf9\xe5n\xdd\xba\xe1z\xe3\x05\xa9~Uiii\xef\xde\xbd23\xb3,\xcb\xfc*\xfd\x9d\xee\xb7\xf7\xb0\xf3\xf3-\xa7\x83j\xa7\xa8\x05\xe7F\x88\xab\xa0\xe8L\x97\xee\xa3\xf6\x1f8\x1a\x1a\x1a\xfa\xf5\xd7_w\xe8\xd0\xc1\x7f\xf3\x01\xf8\xa9\xe2\x7f\xff\xfd\xf7\x9fx\xe2\x89\xfc\xfc|\xf5C\x87\xc3a\x18\x86\xff\x8a\x97J\x08\xb5\xeb\xd4\xff\xaa\x91\xd2\xd9\xb3gO\x992\x05\x19P\x07\x10\x00\xb5E\r\x0e\xa4\xa7\xa7?\xf4\xd0\xf8#G\x8e\x12\x91;\xc4\xf5\xcbQw\xde\x7f\xdf\x9d\xc9I\t\x91M\xe2\x88\x0c5\xf1\x9c\x88H\xdav\xf1\x99\x8cm\xbbW\xa4\xaf\x9f\x9b\xfa\xd1\xb1\xdc\x13D\xe4t:_}\xf5\xd5)S\xa6 \x03\xce\xa7Z\x87\xc7\x1e{\xec\x8d7\xde \xa2\xd9\x7f\xfa\xf5\x94g&amp;\xfb\xf2O:jt\xe4\xe7\x02\x7f\xaf\xcd\xcd\xe8\xc8M_n\xea3h\x82\xd7gw\xea\xd4\xe9\x9bo\xbe\xb1,\x0b_\xd09\xd4\x17\xf4\x9f\xff\xfc\xa7o\xdf\xbeN\xa7S5\xfa\xaa}\xbf \xb5\xf7T\x18p\xce\xff\xf1\x8f\x7f\x8c\x1c9\x12\x19P\xdb\x10\x00\xb5B\x15\xae\xff\xca$\x11\x8d\x1f{\xcf\xaf\x7f\xf5@\xbb\xce\xed\x89\x04\x95\x96\t\xaf-\xa4$\x92\xea^$\x831\xc34(\xd4M\xa63\xef\xd0\xe1\xb9i\x1f\xfd\xf5o\x0b\x0b\x8a\x8a\xe9\xec\xf5Fd@e\xea\x8c{\xd7\xae]\x89\x89\x89\xb6m\xf7\xef\x9b\xbcj\xd5\x02\xfb\xcc\x19\xabNN\xc3m\x9fm\xc5\xc4M\x9f\xf6\xca\x0b\xaf\xa4\x11\xd1\x82\x05\x0b\xc6\x8d\x1b\x87\xa6\xea|\xeak\x1a2d\xc8\x8a\x15+\xd4O\x1a5j\xd4\xa7O\x9f\xee\xdd\xbb\xc7\xc7\xc7GGG[\x96u\xe6\xcc\x99\xed\xdb\xb7\x7f\xfa\xe9\xa7_|\xf1\x85z\x8d\xea"\xc4\xc6\xc6fgg\xc7\xc4\xc4\x10&amp;\x89\xd6&amp;\x04@\xcd;\xa7\xf5o\xe0\x89\x9a\xf3\xf7gG\x8e\xfe9\xf9\xcaxI)\x113\x8c\x0b4\xe5g\xa7\x9fK\xcb\xe5\xa4\xd0\xa8\x8c\xcd\xdfO\x9c\xf0lF\xe6.\xaa4\xef\x10M\x8c\xa2\xe2p\xc8\x90!\xe9\xe9\xe9!!\xce\x1f\xbe^\x12\x9f\x18/\xce\x94^\xfd\x9c\x9f\xaa\x90R\n\xc6\x043:\xdc\xf2\x8b\x9c=\x07\x1b5j\x94\x99\x99\xd9\xa0A\x03BS\xf5\xbf\xd45\xdeU\xabV\r\x1a4\xa8\x7f\xff\xfe\x0f&gt;\xf8\xe0\x90!C\xd4\x8e:\xdf\x92%K\xc6\x8f\x1f_QQ\xa1Vo\xb5m\xfb\xaf\x7f\xfd\xeb\x13O&lt;\x81\xcb\xec\xb5\n\x03\x975L5\xd3\xabW\xaf\xf6\xcfJ\\\xfe\xe9\x9c\x91\xa3\x7f\xe1\xcb?)J\xcbL\xd34\xcd\x0b\xcftfD\x86aX\x96)m\xdbw*\xafs\x97v\xabW\xcdK\xee\xd4\x96\x88\xd2\xd2\xd2\xa6O\x9f\xae\x8e\x8a\xba\xfe&lt;\xd7\x1e\xd5\xfaggg\xafY\xb3\x86\x88F\xfdb`|\xa7\xf6\xbc\xb8\xa4nZ\x7f"b\x8cI\x9b;\xc2\xc3\xa7M}P\x08q\</t>
        </is>
      </c>
    </row>
    <row r="9">
      <c r="A9" s="1" t="n">
        <v>7</v>
      </c>
      <c r="B9" t="inlineStr">
        <is>
          <t>color_size_circle</t>
        </is>
      </c>
      <c r="C9" t="inlineStr">
        <is>
          <t>What is the missing color of the part denoted with a question mark?</t>
        </is>
      </c>
      <c r="D9" t="inlineStr">
        <is>
          <t>['light red', 'dark green', 'light green', 'dark red']</t>
        </is>
      </c>
      <c r="E9" t="inlineStr">
        <is>
          <t>light green</t>
        </is>
      </c>
      <c r="F9" t="inlineStr">
        <is>
          <t>There are circles of various sizes and colors in the image. The circles are ['small', 'medium', 'large', 'extra large'] size, and their colors are ['?', 'medium green', 'dark green', 'very dark green'].</t>
        </is>
      </c>
      <c r="G9" t="inlineStr">
        <is>
          <t>We observe that the largest circle is very dark green color, and the smaller circles change color from dark green to medium green. Hence, the pattern is that the circles become lighter as they become smaller.</t>
        </is>
      </c>
      <c r="H9" t="inlineStr">
        <is>
          <t>Based on the pattern that the circles become lighter as they become smaller, the missing color of the smallest circle denoted with a question mark should be light green.</t>
        </is>
      </c>
      <c r="I9" t="inlineStr">
        <is>
          <t>b'\x89PNG\r\n\x1a\n\x00\x00\x00\rIHDR\x00\x00\x02\x00\x00\x00\x02\x00\x08\x02\x00\x00\x00{\x1aC\xad\x00\x00\xe2bIDATx\x9c\xec\x9dw\x9c\x15\xd5\xf9\xff\x9fs\xce\xcc\xdc\xde\xb6\xb3\x85\xddea\xe9\xbd\x83\x82\x88\xa8\xa8X\xa3\xc6\xc4\x16\xa3\x89\xd1$\x96\x14\x93\x9f\xf9&amp;j\xe27_\x93\xd8\x92h\x12MT\xd0\xc4\x16\xa3XPAD\x91\xde\x91\xbe,\xbb,[\xd8\xbe\xb7\x97\x999\xe7\xfc\xfe8\xcbu\x0546\xd8sw\xe7\x9d\xbc|\xdd\xb9,\xcb\xdc\xb93\xcf\xe79O;\x88s\x0e\x16\x16\x16\x16\x16\xfd\x0f\xdc\xdb\'`aaaa\xd1;X\x02`aaa\xd1O\xb1\x04\xc0\xc2\xc2\xc2\xa2\x9fb\t\x80\x85\x85\x85E?\xc5\x12\x00\x0b\x0b\x0b\x8b~\x8a%\x00\x16\x16\x16\x16\xfd\x14K\x00,,,,\xfa)\x96\x00XXXX\xf4S,\x01\xb0\xb0\xb0\xb0\xe8\xa7X\x02`aaa\xd1O\xb1\x04\xc0\xc2\xc2\xc2\xa2\x9fb\t\x80\x85\x85\x85E?\xc5\x12\x00\x0b\x0b\x0b\x8b~\x8a%\x00\x16\x16\x16\x16\xfd\x14K\x00,,,,\xfa)\x96\x00XXXX\xf4S,\x01\xb0\xb0\xb0\xb0\xe8\xa7X\x02`aaa\xd1O\xb1\x04\xc0\xc2\xc2\xc2\xa2\x9fb\t\x80\x85\x85\x85E?\xc5\x12\x00\x0b\x0b\x0b\x8b~\x8a%\x00\x16\x16\x16\x16\xfd\x14K\x00,,,,\xfa)\x96\x00XXXX\xf4S,\x01\xb0\xb0\xb0\xb0\xe8\xa7X\x02`aaa\xd1O\xb1\x04\xc0\xc2\xc2\xc2\xa2\x9fb\t\x80\x85\x85\x85E?\xc5\x12\x00\x0b\x0b\x0b\x8b~\x8a%\x00\x16\x16\x16\x16\xfd\x14K\x00,,,,\xfa)\x96\x00XXXX\xf4S,\x01\xb0\xb0\xb0\xb0\xe8\xa7X\x02`aaa\xd1O\xb1\x04\xc0\xc2\xc2\xc2\xa2\x9fb\t\x80\x85\x85\x85E?\xc5\x12\x00\x0b\x0b\x0b\x8b~\x8a%\x00\x16\x16\x16\x16\xfd\x14K\x00,,,,\xfa)\x96\x00XXXX\xf4S,\x01\xb0\xb0\xb0\xb0\xe8\xa7X\x02`aaa\xd1O\xb1\x04\xc0\xc2\xc2\xc2\xa2\x9fb\t\x80\x85\x85\x85E?\xc5\x12\x00\x0b\x0b\x0b\x8b~\x8a%\x00\x16\x16\x16\x16\xfd\x14K\x00,,,,\xfa)Jo\x9f\x80\x85\xc5I\x82s\xfe\x19\x7f\x12!tB\xcf\xc4\xc2B\x12,\x01\xb0\xc8`\xd26\x9d1v\xd4;\x08\xa1\x9ev\xfc\xa8\xc3\xff\xfak{\xaaE\xcf\xc3\xf4/\xc1\x18\x1f\xf5\x8e\x85E\xc6\x81&gt;\xbb[da\xd1[\x88\xbbTXy\xf1Z\x18\xf4\xb4\x15\xfe,tuu!\xf4_nx\xf1\x03\x81@\xe0\xb3\xffZ\xc6XZ!\x84\x18\x88\xb3\xb2\x84\xc1B~,\x01\xb0\x90\x0e\xde\x03\x00@\x08\x11B\x8e\xfb\x93\x94\xd2p8\xcc\x18\xdb\xb5k\x17\xa5\xd44\xcd\r\x1b6\x18\x86\x81\x10\xaa\xab\xab;x\xf0`\xda\xe2G\xa3\xd1\xea\xea\xea\xcfx\x02\x83\x07\x0fv\xbb\xddpD\x0f\xca\xca\xcaJKK9\xe7\xaa\xaaN\x992EQ\x14B\xc8\xc8\x91#1\xc6^\xaf\xf7S\xce\xad\xa7V}\xae%\x88\x85\xc5\xc9\xc1\x12\x00\x8b\xde\x87s\x9e\xf6\xee1\xc6\xc7\xfa\xf5\x94\xd2H$\xb2\x7f\xff\xfeh4\xba}\xfb\xf6P(\xb4}\xfb\xf6`0\xd8\xd2\xd2r\xf8\xf0a\xc6X(\x14:\xc9\xe7\xec\xf3\xf90\xc6\x03\x06\x0c\xc8\xcf\xcf\xf7\xfb\xfdc\xc7\x8e\xf5\xf9|c\xc7\x8eu\xbb\xddC\x86\x0c\xf1x&lt;\xc7\n\x03c\x8c1\x96^%Xz`\xd1\xebX\x02`\xd1\x0b\xf4\xf4\xf1\x8f\xb5\xf8\x89D\xa2\xbd\xbd\xbd\xba\xba\xfa\xc3\x0f?lkk\xdb\xb8qc}}}sssWW\xd7\'\xfdB\x04\x88\x03 \x00\x0e\xd0\xfd\x9f\x13\x02\x12\xff\x04\x02\xe0\x9f\xfc\xaf\x04\x02\x81\x82\x82\x82\x92\x92\x92\xc9\x93\'\xe7\xe6\xe6\x8e\x193f\xf0\xe0\xc1999\x0e\x87\xa3\xe7\x8f\xa5\xf5\xc0Z\x1fX\xf4\x16\x96\x00X\x9c$\x84\x9b\xcf9?6\xa4\x13\n\x85\xaa\xaa\xaa\x1a\x1a\x1a\xb6l\xd9\xb2a\xc3\x86={\xf6ttt\xc4\xe3\xf1\xe3\xfd\x1aa%\x8f\xbei\x15\x8d(\x1a\xe1\x9c\xfb\n\\\x9aS\xe5\x8ck.5\xb7\xcc\xc7\x18G\x80\x00\x00\x11\x94W\x11 \n\xfa\xf4\xfb\x1d!\xa0&amp;o=\xd0\xc5)\x07\x00\x0e\x1cc\xd4v0\xa4\xc7\x0c\x84\x91\x1e7B\xcd1\x84\x90\xa9SS\xa7\x9f\xf1\xdc\x00\xc0\xe9tfgg\x0f\x1f&gt;|\xca\x94)\x13&amp;L(..\xae\xac\xac\xf4\xf9|=\x7fF\x84\x8cDb\xc3\x12\x03\x8b\x93\x83%\x00\x16\'\x90O2\xfa\x94\xd2\xaa\xaa\xaa\xbd{\xf7n\xd9\xb2e\xed\xda\xb5\xdb\xb7oooo?\xea\xef\n\xa7\xbe\xa7=\xc5\x04i\x0e\xd5\xe1\xb3\xb9\xb2\xed\xee\x80\xc3[\xe0Rm$\xa7\xdc\xcf)\xf7\r\xe8\xb6\xfb\x0e\xafF4\x02\x8c#\x8c\xb0\xd2ca\xc1\x81Q\xf6\x19O\x1b\x13\x0c=,03\x19g\x1c0\xa2:M\x84\xf5n%8\x1cC\x04\xb5\xd7\x06\x8d\x14\r7\xc7\xa2]\x89XG2\x11J\xe9\t\x83\xd1\x9e\xcf\x14:\xeer!\'\'g\xec\xd8\xb1\xd3\xa7O\x9f0a\xc2\xb0a\xc3*++\x8f\xba&gt;\x96\x18X\x9c\x04,\x01\xb0\xf8\xea\x11F\x1f\x00z\x1a\xb5x&lt;\xbes\xe7\xce5k\xd6|\xf8\xe1\x87\xeb\xd7\xaf\xaf\xaa\xaa2M3\xfd\xa7\x08!\xe0\x1f3\x94\x9aSue\xd9\xddY\x8e@\x91\xdbW\xe0\xce*\xf18|6w\xb6C\xd1\x88\xcd\xa5\x02B\x98 \xce\xb9p\xd5\xa9\xc18\xe3\x80\x80Q\xceY\xf7/9\xea\xd6\xfe\xec\x86\xf4\x93\xfe"\xc2\x08\x13\x04\x1c\x10FD\xc5\x00\x80\x08B\x081\xca\x81\xf3T\xcc0u\x1a\xedH$B\xa9\xce\xfaH\xa89\xda\xd5\x18\x8dv&amp;b\x9dI=n|\xf4\xdb\x00\x01\xfaXS\x82\xa2(\x95\x95\x95S\xa7N\x1d3f\xcc\x8c\x193F\x8d\x1a\xe5t:\xd3\x7fJ)\x15\xd7\xe7s\x95&lt;YX|\x16,\x01\xb0\xf8jH;\xfb=c\xfa\x94\xd2-[\xb6\xac^\xbd\xfa\x83\x0f&gt;\xd8\xb4i\xd3\xa1C\x87z\xfe\x15\x04\xa8\xa7\xc5wxm\x81"wN\xb9?\xb7\xcc\xe7-p\xf9\n\xdcv\x8fjs\xaa\x08#@\x88S\xc6(\xa7&amp;K\x1b}q\xe7v[\xe7\xb4\x9f|\xa2\xdd\xe5\xf4\xaa\x84\x1f}\x0eB\x0c\x88\x821A\x88`\xe0\x9c3\x9e\x8a\x1b\xc9\x88\x11j\x8e\x86\x9bcm\x07C\xed\xb5\xc1\xae\xc6h"\x9c\xfa\xa4\x8b\x00\x00\x03\x07\x0e\x9c4i\xd2\xa9\xa7\x9e:s\xe6\xcc\t\x13&amp;\xa4E4\x9d3\xb0\x96\x05\x16_\x15\x96\x00X|)\xd2v_Q&gt;j*lhh\xd8\xb0a\xc3\xeb\xaf\xbf\xben\xdd\xba={\xf6\xa4\xdfG\x08\x01G\x1c\xbaC1v\xb7\x965\xd0\x9bS\xe6\xcb-\xf7e\x95x\xbd\xf9.\xa7\xcfF4\x0c\x1c\x18\xe5\xd4`\x8c1N\x85\xa1\x05\x84\x8e8\xcf2\x9b&gt;~\xe4\x7f\\\x9c- \x820\xc6D\xc5\x98 @@u\x16\x0f\xa5\xc2-\xb1\xce\xfap[m\xa8\xfd`\xa8\xf3P8\x19\xd5\xc5\xdfF\x80\x01}\xac\x07m\xf8\xf0\xe1\xd3\xa6M;\xef\xbc\xf3\xa6L\x99R\\\\\x9c~\xdf4MK\t,\xbe&lt;\x96\x00X|\x11\x8e\xb5\xfb\xc2\xd9\x7f\xff\xfd\xf7\xdfz\xeb\xad\r\x1b7D\xc2\x11\xf1\xfeQF\xdf\x93\xe3\xcc\xad\xf0\x17\x0e\xcf\xce)\xf7\x05\x8a&lt;\xeel\x07Q0\x00P\x93Q\x831\xca8\xeb6\x9d\xd0W\xeab8?\xd2\xbd\xc6\x01a\xc0\x04\x13\x15\xa7?u\xb4#\xd1\xd5\x18i\xaf\r5\xed\xe9h;\x10\x8c\xb4w\xa7\xbe\x8f\x12\x03\x8f\xd73e\xf2\x94\xb3\xcf&gt;{\xf6\xec\xd9=\x97\x05\x96\x12X|\x19,\x01\xb0\xf8\x1c\x1c\xd7\xee\xaf_\xbf\xfe\xe5\x97_^\xb2d\xc9\xee\xdd\xbb\xd3?\x89\x10\xe6\xfc\x88\xd1\xcfu\xe6\r\xf2\x0f\x18\x9e]04+\xab\xd8\xeb\xf0j\x88`f2jPj~d\xf1\x11\x92\xdb\xbb\xff\xaa\xe0\xc0{\xe8\x01Q0Q\tV0\xa7,\x11\xd6;\x1b\xc2\xcd\xfb:\x0f\xef\xe9h\xad\tF\xda\x8e\x88A\x8f\x8b\t\x00#F\x8c8\xe7\x9cs.\xba\xe8\xa2\xa9S\xa7ZJ`\xf1e\xb0\x04\xc0\xe23!\x02\xd0\x9fn\xf7\x11B\xdd\x86\r@s(y\x83\x03\x03\xc7\xe6\x15\x8d\xca\r\x14y\xba\x8d\xbeAM\x9d1\xca8\x07\x84\xfa\x8d\xc5\xfft\x84\x1ep@\x080\xc1\x8a\x86\xb1J\x84\x18t5F\x1aw\xb6\x1d\xda\xde\xdaZ\xdd\xa5\'D\xc2\x1c\xa1\x1e\t\xe4OR\x82\xe36\xd3YX\x1c\x8b%\x00\x16\x9f\x86p\xf9\xd3~\xe5\x7f\xb5\xfbY%\xde\xfc!\x81\xb2\x89\x05y\x15~_\x81\x1b\x13\xc4Lf\x19\xfd\xcf\xca\xb1b\xa0`Fy\xa89\xdaz xpss\xcb\xfe\xae\xce\xfa0\x00\xfcW%8\xea\x8b\xb3\xb08.\x96\x00X\x1c\x1fQ}\x98\xf6+w\xef\xde\xbdd\xc9\x92\xa7\x9f~\xfa\xc3\x0f?\x14\xef\xf4\x1c\xac\x96U\xec)\x9dX0h\xf2\x80\xbc\xc1\x01\x9bK\xe5\x1cL\x9dR\x9dZF\xff\x8b\xd3C\x0c\x88F\x14\x8d \x04\xa9\x98\xd1Z\xddU\xb3\xf1p\xdd\xe6\xe6\xce\x86\x8f\xb2,\xe9/b\xcc\x981W]u\xd59\xe7\x9c3b\xc4\x08\xf1\xceQ\xdf\xa3\x85EO,\x01\xb0\xf8\x18Gy\x8e\xe1px\xf1\xe2\xc5O?\xfd\xf4\x8a\x15+D\xd9~O\x7f\xbf`hV\xc5\xd4\xc2\xc2\x1199\xa5&gt;\xbbG\xa3&amp;3\x92&amp;c\xbc/\xa5pe \x9dF\xc6\x18\xa9v\x85(8\x19\xd1\xdb\xebBM\xbb\xdb\x0f\xacoj\xde\xd7\t\x00=\xd7\x04\x8a\xa2\xcc\x993\xe7\xaa\xab\xae\xba\xe0\x82\x0b\xbc^/X\x0b\x02\x8bO\xc0\x12\x00\x8bnDv7\xed*\xaeY\xb3\xe6\xa9\xa7\x9ez\xf3\xcd7\x1b\x1a\x1a\x00D\xbd:\x16\xc5&lt;Y\xc5\xde\xd2\x89\xf9\x83&amp;\x0f\x180&lt;[\xb5)\xd4\xa0F\x8a2\xca\x11\x02\x84-\xfbrb\xe1\x8cs\x0e\x98 \xd5F\x88J\x8c\x94yxOG\xcd\xc6\xc3u\x9b[:\x1b\xc2\x00\x80\x00s\xc4DkAqq\xf1\xfc\xf9\xf3\xaf\xbd\xf6\xda\x193f\x88\xbfN)\xb5z\xca,\xd2X\x02`\xf1\xb1(A\xda\xe5_\xb6l\x99\xf8S\x8c\xb1\x18\xd5\xe9\xcev\x94\x8e\xcf\x1f6\xa74\xaf\xc2owk\xd4dz\xc2\xe4\xcc\xb2\xfb\xbd\x83P\x02\x84\x91\xe6P\x88\x82\x93Q\xbd\xf5@p\xef\x8a\xba\xba\xad-\xd1\x8e\x04\xf4\xf8\xe2\x00`\xde\xbcy=\x17\x04V\\\xc8B`\t@\xff\xe5\xa8\xb0\xc0\xde\xbd{\x9f\x7f\xfe\xf9\xbf\xff\xfd\xef\xc2\xe5\xc7\x043\xca\x018Q\xf1\xc0q\xf9\x15\xd3\n\xcb\'\x0fp\x05\xec\x8cr#iZ\xfe\xbe&lt;|\xb4&amp;\xb0+\x98\xa0XW\xb2v\xe3\xe1\x03\xeb\x9a\x0emk\xa1\x06\x03@\x98 1\x07\xa9\xb8\xb8\xf8\xfa\xeb\xaf\xbf\xfc\xf2\xcb\x87\r\x1b\x06V\\\xc8\xc2\x12\x80\xfe\x89x\xf2\xd3\x0e\xe0\xb2e\xcb\x9ey\xe6\x99\xe7\x9f\x7f&gt;\x95J\x01\x00!Dx\x88\x81"\xcf\x90S\x8a\x87\xcc,\xce)\xf5\x02BF\xd2\xa4&amp;C`\xd9}I\xe1\x8cs\x00\xa2`\xd5\xae\x00\xe7\xedu\xe1\xfd\xab\x1b\xf6\xafj\xe8j\x8c@\x8f\xaf\xd5f\xb3]~\xf9\xe5W^y\xe5\xbcy\xf3\xc4_\xa4\x94Z2\xd0?\xb1\x04\xa0\x7f\xd1\xd3\xf4\xeb\xba\xfe\xd6[o\xfd\xf9\xcf\x7f\xee\x8e\xf6 \xc0\x1c3`\x08\xa3\x92\xd1\xb9\xa3\xe7\x0f*\x19\x9d\xe7\xf0\xd9\x8c\x145S\xdd\xe9_\xab\x98\'\x03\xe0GR\xc16E\xb5\x91D(U\xbf\xa3u\xc7\x9b5\xf5;\xda8\xe3\x180;\x92!\x987o\xde\xf7\xbf\xff\xfd\xb3\xcf&gt;[\xd34\xb0d\xa0_b\t@\x7f\xe1(\xd3\xff\xcf\x7f\xfe\xf3\x81\x07\x1e\xd8\xb9s\'\x00\x10\x82)\xe5\x00\xdc\xe9\xb3\r=m\xe0\xd0SKr+\xfc\x98`=a0\x93#lmo\x9b\x91p\xce9\x03\xac \xcd\xa12\xca\xda\x0e\x04\xf7}P\xbf\xef\xbdC\xf1P\n\x00\x11\x82(e\x000j\xd4\xa8\xdbo\xbf\xfd\x9b\xdf\xfc\xa6%\x03\xfd\x10K\x00\xfa&gt;\x9ff\xfa\x15BM\n\x00\xd9\x03\xbd\xc3\xe6\x0c\xac&lt;\xa5\xc4_\xe86S\xd4H\x99b\xe8q/\x9f\xba\xc5W\x81\x18\x94\xad\xda\x14\xc5F\x82M\xd1\xaaU\xf5{W\x1c\xea8\x14\x86\x1e7\x80%\x03\xfd\x13K\x00\xfa2\x9fb\xfa\x15E\x11u\xfd%c\xf3\x86\xcd\x1eX1\xbd\xd0\xe1\xb5\xe9q\xc3\xd4\x99\xe5\xf2\xf7I\xc4\x82@\xd1\xb0\xe6T\x13\xe1\xd4\x81\xb5M{\xdf?T\xbf\xbd\x15z\xdc\x0c\x96\x0c\xf47,\x01\xe8\xb3PJ\x8f\xef\xf5cB\x19\x05\x80\x92\xb1y\x13.\x18R:&gt;\x1f+8\x153\x18\xe5\x18[Q\xfe\xbe\x0e\x07\xc68&amp;\xc8\xe6R\x99\xc9\xea\xb6\xb6lY\xbc_\xc8@\xfa\xc68V\x06\xac\x82\xd1\xbe\x8a%\x00}\x90t\xb3\xcf1\xb1~B)%\n\x1e2\xb3x\xe8\xec\x92\x81\xe3\xf31F\xa9\x98!\x8a\x08{\xfb\xac-N*\xa2\x90\xd7\xe6R\x19\xe3\x87\xb6\xb6\xec{\xbf~\xff\xea\x06j\xb2t\xb1PO\x198\xaaI\xd0\xa2\xcf`\t@\x9f\xa2\xe7\x83\xfa\xdcs\xcf\xdd{\xef\xbd=\x03&gt;X\xc1Cg\x95\x8c[08\x7fp\x80Q\xae\'\x0c+\xd0\xdf\xcf\x11\xe9\x01\xcd\xa1b\x82Z\xaa\xbb\xb6\xbdV\xbdoe=3Y\xcf\xa0\xd0\x9dw\xde\xf9\xf5\xaf\x7f\x1d\xac.\xe2\xbe\x88%\x00}\x84\x9e\xe1\xfe\xe5\xcb\x97\xdfw\xdf}\xa2\xb83\xfd$\x0f\x99Y&lt;\xf9\xd2ay\x15~j0=aZm\\\x16iD+\x99\xe6P\x88\x8a[\x0f\x047\xbe\xb8w\xff\xea\x06\xe8q\xf3\xcc\x9b7\xef\x8e;\xee\x98;w.X\x89\x81\xbe\x85%\x00}\x81t\x94v\xe7\xce\x9d\x0f&gt;\xf8\xe0\x13O&lt;\x01\x00\x8aBL\xb3G\xac\x7fB\x01g\\O\x98V\x8e\xd7\xe2\xb8\x88,\xb1\xe6P\x10Fu[\x9a\xd3\xb9\x81\xf4\x8dt\xddu\xd7\xddv\xdbm\xa3F\x8d\x02+1\xd0W\xb0\x04 \xb3\x11\xc3^0\xc6\xa1P\xe8\x0f\x7f\xf8\xc3\xef~\xf7;]\xd7\x89\x82\xa9\xc9\x00 \x7fH`\xfa7F\x96\x8c\xcb\x13\xb1~\xb0\x9ax-\xfe\x1b\x9cq\x80\xee\xdc@\xfd\xb6\xd6\xb5\xff\xda\xd5\xb2\xbf\x0b\x00\xc4M\xa5i\xdaO\x7f\xfa\xd3\x1f\xff\xf8\xc7&gt;\x9f/}\xef\xf5\xf2\x19[|\t,\x01\xc8Tz\xc6|\x9e{\xee\xb9_\xfd\xeaWUUU\x08#\xc4\x11\xe3,\xab\xc4;\xfe\xfc\xc1Cg\x95\xa8\x0e5\x15\xd5\xc12\xfd\x16\x9f\x87n\x19pkF\xc2\xd8\xb7\xb2~\xeb\xab\xd5\x9d\xf5a\x8c0G\x9c3^YYy\xf7\xddw\xa7\x13\x03VD(s\xb1\x04 #\xe9\x19\xf3\xf9\xe9O\x7f\xfa\xe6\x9bo\x02\x80\xa2*\xa6a:\xbc\xb6\xb1\xe7V\x8c\xbf`\x88\xcd\xa5\xa6b\x06g\xdc2\xfd\x16_\x0cq\xf3\x88\x1bi\xeb\xe2\xfd\xdb\xdf8\x90\x08\xa7\xc4m\x06\x00\xf3\xe7\xcf\xff\xdd\xef~gE\x842\x1aK\x002\x8c\xb4\xe3\xff\xf1\x98Ow?\xe7\xf09\xa5S\xaf\x18\x11(t\'\xa3:\xa3\xdc*\xee\xb4\xf8\xf2\x88\x1b\xc9\xee\xd6\xba\x9a\xa2\xeb\x9f\xdd\xbdgE\x1d\x1ci!\xee\x19\x11\xb2\x96\x02\x99\x88%\x00\x99\x84i\x9ab[\xf67\xdf|\xf3\xd6[o\x151\x1f\xe0\x88s\x96?$0\xfd\xca\x91e\x13\n\x8c$5uj\x99~\x8b\xaf\x16F\xb9\xa2\x11\xd5N\x0eni^\xfb\xcc\xae\x96\xfd]\x08a8\x12\x11z\xe8\xa1\x87\xe6\xcf\x9f\x0f=nQ\x8b\x8c\xc0\x12\x80\xcc \xed\xf8755\xfd\xe8G?z\xee\xb9\xe7\xa0G\xccg\xf2\xa5\xc3F\x9fU\xae\xd8H2j \xcb\t\xb381p\x0e\x9cq\xbb[5St\xc7\xdb\xb5\x1b_\xdc\xdb3"\xf4\xf5\xaf\x7f\xfd\xfe\xfb\xef/,,\xb4\x96\x02\x19\x84%\x00\x19@\xda\xabz\xee\xb9\xe7~\xf4\xa3\x1f555)*1\x8d\x8fb&gt;\xfeBw*\xaa[\xe1~\x8b\x93@wb\xc0\xad\x05{D\x84\xc4\rYXXx\xff\xfd\xf7\x8b\xe4\xb0\xb5\x14\xc8\x08,\x01\x90\x9a\xe3;\xfe\x8ab\x9a\xa6\x7f\x80{\xd6\xf5c+\xa6\x16\xea\t\xd3\x8a\xf9X\x9cdDDHs(\x07\xd67\xad\xfc\xfb\xf6\xe0\xe1h\xbak\xccZ\nd\x10\x96\x00\xc8K\xba\xb2\xa2\x87\xe3\xaf\x98\x86\x890\x9axq\xe5\x84\x0b*\x1d&gt;[2\xa2[1\x1f\x8b^\xa1;"\xe4\xd1\x12\xa1\xd4\x96\xc5U\x9b\xffS\xc5\x19\x17\xb7h\xcf\xa5\x80U $3\x96\x00\xc8\x08\xe7\x9cR\xaa(JGG\xc7\xf7\xbf\xff\xfd\x9e\x8e\x7f\xfe\xe0\xc0\xac\xeb\xc7\x16\x8f\xceM\xc5\x0cj0\xcb\xf1\xb7\xe8]\x18\xe5D\xc56\x97\xda\xb0\xa3m\xe5\xdf\xb7\xb7Tw\xf5\\\n\xfc\xf9\xcf\x7f\xce\xce\xce6M\x93\x10b\xf9)\x12b\t\x80t\x88}\xba\x01\xe0\xed\xb7\xdf\xfe\xe1\x0f\x7fXUU\x95v\xfc\'\x7fm\xe8\xa4\xaf\rS4\x92\x8a\x19\xd6\xe8f\x0bY\xe0\xc0\x18\xb7\xb9TS\xa7\x9b\xfe\xbdw\xe3\xbf\xf7\xa5\x97\x02\x95\x95\x95\x7f\xfc\xe3\x1f\xcf:\xeb,\xe8qc[\xc8\x83%\x00r!Rg\xa6i\xfe\xe4\'?y\xe8\xa1\x87\x00@U\x15\xc38\xe2\xf8\x8f\xcaMZ\xc9^\x0b)\x11\xb7\xa5\xdd\xad5\xec\xec^\n\x88[\x17\x00n\xbd\xf5\xd6\xdf\xff\xfe\xf7\xe2\xc6\xb62\xc3Ra\t\x80,\xa4\xc3&gt;\xfb\xf7\xef\xff\xd6\xb7\xbe\xb5z\xf5jE%\xd4`\x1c\xf8\xd8s+N\xb9v4QH*nX1\x1f\x0b\x99a\x94\xdb\x9c*5\xe9\xaa\xa7vl\x7f\xe3\x00\x02DTl\x1at\xe6\xcc\x99O&gt;\xf9\xe4\x90!C\xacp\x90TX\x02 \x05\xe9\xd5\xf1\x0b/\xbcp\xd3M7utt\xa8\x9aj\xe8\x86\xd3o\x9b\xfb\xfd\x89\x15S\x0b\xad\xa1\x0e\x16\x99Bz\x80\xc4\x81\xf5M\xcb\xff\xbc9\x1eL\x89\x9b9;;\xfb\xd1G\x1f\xbd\xec\xb2\xcb\xc0\n\x07I\x83%\x00\xbd\xcf\xb1a\x1f\xd1g?xz\xd1\xaco\x8f\xf5\xe49\x93\x11\xdd\x8a\xf8[d\x12\x1c\x18\xe3v\x8f\x16i\x8d\xaf\xfc\xc7\xf6\xea\xb5\x8d\xe9i%V8H*,\x01\xe8e\xc4c\xd0#\xec\xd3\x9d\xef\x9dy\xf5\xa8\t\x17U2\x83\x19)\xab\xc6\xdf"#a\x94\xab6\x82U\xbc\xe5\xe5\xaa\xd5\x8bv\xa63\xc3=\xc3A\x96\x06\xf4.\x96\x00\xf4\x1a\xe9&amp;\xaf\x8f\xc2&gt;6\xd5H\x19\xbe\x02\xd7\x19?\x984p\\^"\x94\x02dm\xdeb\x91\xc1p\xce\x81\x83\xc3g;\xb4\xad\xf5\x9d?m\n5\xc7\xc4M\x9e\x0e\x07Y\xcdb\xbd\x8b%\x00\xbdC\xba;\xe6\xee\xbb\xef\xbe\xeb\xae\xbb\xa0G\xd8g\xce\x8d\xe3\x9d~[2j\xe5{-\xfa\x08\x8cr\xbb[\x8d\x07S+\xfe\xba\xb5g8\xe8\xae\xbb\xee\xfa\xd5\xaf~\x05V\xb3X\xefa\t@/ V\xbe]]]7\xdex\xe3\x0b/\xbc \xe6\xa8\xa4\xc3&gt;T\xa7\xa6nuxY\xf4)\x18\xe5\x8a\x86\x89Fz\x84\x83\x88i\xd0\xcb.\xbb\xec\xaf\x7f\xfdk \x10\xb0\xc2A\xbd\x82%\x00\'\x1b\xe1\xec\xec\xdf\xbf\xff\x9b\xdf\xfc\xe6\xc6\x8d\x1b5\x9b\xa6\xa7t\xa7\xdfv\xf6\x8f\xa7\x96\x8e\xcf\xb7\xc2&gt;\x16}\x95t8\xa8nk\xcb[\x7fX\x1f\x0f\xa6\xc4\xcd?y\xf2\xe4\x7f\xfe\xf3\x9fC\x86\x0c\xb1\xd6\x01\'\x1fK\x00N*\xc2\xcdY\xbdz\xf5\xf9\xe7\x9f\xdf\xd9\xd9\xa9i\xaa\xae\x1b\x05\x95Y\xe7\xfct\xaa;\xc7\x99\x8aYa\x1f\x8b&gt;\x0e\xa3\xdc\xe6R\xa3\xed\xf1%\xbf[\xdf\\\xd5\xfd\x08dee\xbd\xfa\xea\xab3g\xce\xb4\xd6\x01\'\x19K\x00N\x12\xe9\x94\xef\xe3\x8f?~\xd3M7\x99\xa6)*"F\xce+\x9f\xf3\xddq\x00`U\xfbX\xf4\x13Du\x10\x00\xac\xf8\xdb\xb6]\xcbj\xc5\x83\xa0(\xca\xa3\x8f&gt;z\xc3\r7Xi\xe1\x93\x89%\x00\'\x83t\xdb\xcbm\xb7\xdd\xf6\xd0C\x0fa\x8c8G\x9c\xb3\xd97\x8c\x1b\x7f\xfe`\xab\xc9\xeb\xab\x84\x03\x88h\x838\xfa\xf8\xdd\xfdY\xac\xca\'\xfd\x95n\x93d}K_\x05\xe9f\xb1\xad\xafV\xbf\xff\xf86\x840B\x9c1~\xeb\xad\xb7&gt;\xf8\xe0\x83`u\x8a\x9d,,\x018\xe1\x88[\xd94\xcd\x9bn\xba\xe9\xf1\xc7\x1f\x17\xfe\x8e\xcd\xa5\x9eu\xfb\x94A\x93\x07$\xa3:BV\x93\xd7\xe7\x87\xa7\xff\x07\xc0\xbb\xcd4\xc2H\xac\xa2\x88B\x10\x06\x00@\x04\xa7-8g\x9c\xd1\xff~\xb7c\x82\xd2b\xcc9p\xca\x00\x803\x10\x85+\x8cr\xce\xb8\xf8#\x10\xdf\x1b\xea\xfe\x9f\xc5\xe7\x83\x03\xe7\xdc\xee\xd6j6\x1e~\xfb\x81\r\xa9\x98!\x1e\x8d\x1bn\xb8\xe1\xd1G\x1fU\x14\xc5\xd2\x80\x93\x80%\x00\'\x16\x91\xd7\xea\xea\xeaZ\xb0`\xc1\xea\xd5\xabE\xd6\xcbW\xe0:\xeb\xb6\xc9E\xa3r\xe3\xc1\x94\x15\xf6\xf9\x8cp\x0e\xc09\x17\xb6\x1e\x01&amp;\x18\x13\x84\x15\x8c1B\x181\xca9\xe7T\xa7\x89\xb0\x8e0\n6E\x8d\x84\x89\x08j\xaf\r\xeaq\x13\x00\x10\x86d\xd4\xe8\xa8\x0b\x01\xea^%\x1c\x07\x04\xc0!\xbb\xd4gw\xab\x9c\x01\x00hN%\xa7\xdc\xcf)W\x1d\x8a\xbf\xd0\xcd\x19wx5\xa2\x11\x84\x10&amp;\x883\xce\x18g&amp;c\x943\xca\x80\xc3\x91\xd3\xb3\x02\x18\x9f\x15F\xb9\xd3ok\xdc\xd9\xf6\xf6\x83\x1bC\xcd1\xf1\x80\xcc\x9c9\xf3\xb5\xd7^\x0b\x04\x02VZ\xf8Dc\t\xc0\tD\xdc\xbe\x87\x0f\x1f\xbe\xe0\x82\x0b6n\xdc\xa8\xd9T=e\xe4U\xf8/\xf8\xe5)\x0e\x9f-\x15\xd5\xb1b98\x9fHO\x8b\x8f0"\n&amp;*\xc6\n\xe6\x94S\x93%\xc2\xa9T\xd4\x88\xb4\xc7C\xcd\xb1XW2\xdc\x12\x8bv$\xf4\x84\x19:\x1cE\x08%\xa3\xfaW~&gt;v\xb7\xc69\xf7\rpk\x0e\xc5\x9d\xed\xf0\xe6\xbb\\\x01\xbb\xaf\xc0\xe5\xc9q\xda\xdc\xaa\xc3k#\nF\x041\x93Q\x83Q\x93q\xc6-=\xf8,0\x93\xd9\xdcZ"\x94Z|\xcf\xaa\xd6\x03A\xf1\x98L\x9e&lt;y\xf1\xe2\xc5\x03\x06\x0c\xb04\xe0\x84b\t\xc0\x89B\xd43l\xdc\xb8\xf1\x82\x0b.8|\xf8\xb0h\x80\x1cv\xda\xc0\xd3\xbe3N\xd1\x88\x95\xf2=.\x9cs\xce\x018`\x8c\x88\x8a\x89\x8a1\xc1\x8cq=n\xc4:\x13\x9d\r\x91\xf6\x83\xa1`S4\xd4\x12\x13&gt;\xbe\xa9\xd3\xde&gt;eP4"\xd6\x07\xbe|\x97\xbf\xd0\x9dS\xe6\xcb*\xf6\xb8\xb2\x1c\x9aS\xc5\x181\xca\xa8\xc1\xa8\xc1\x18\xe3\x80\x00Y5\xbe\xc7C\xa4\x85M\x9d\xbe\xf7\xd8\xb6\xbd\xef\x1d\x12\x0f\xcb\x80\x01\x03\x16/^&lt;y\xf2d\xab4\xe8\xc4a\t\xc0\t!m\xfd\xcf:\xeb\xac\xae\xae.US\x0c\xdd\x1c1\xb7l\xde-\x93\x8c\xa4\xc9Lf\xa5|\xd3\xa4=}L\x10\xd1\x88\xa2b@\xc8L\x9a\xe1\xd6XgC\xa4\xad&amp;\xd4~0\xd8\xd5\x10\t\xb7\xc5\xcd\xd4g5\xf7\x9aMU\xed\nc\xdc\x9b\xe5\x0e\xe4y\x19e\x1c\xc0\xe1\xb6\x97T\x160\xc6&gt;9\x93\xcb1\xc6\xf5U\xcd\x89h\x12\x01`\x82\xbbZ\xc3\xe1\xce(\xc6\xc8H\x9az\xca\xf8\x8c\xff\xbab#\xde\\g\xa0\xd8\x93S\xe6\xcf\x1d\xe4\xcb*\xf6x\xf3\\\x8a]\x01\xceM\x83Q\x9d2\xca\xad\x95\xc1Qp\xc6\xb1\x82U\xbb\xb2\xec\xe1M\xbb\x97\x1f\x14\x8fL \x10x\xfb\xed\xb7-\r8qX\x02\xf0\xd5\x93.\xf6_\xb0`AWW\x97\xe8x\x9cy\xcd\xe8\x89\x17U\x1aI\xd3*\xf8\x11\xa4#$D#\x8aF0F\xc9\xa8\x1ej\x8e\xb5\xec\xefl\xaf\x0b5\xef\xeb\xec8\x14\xfe\xaf\x16\xdf\xee\xb29\xdc\xf6\xbc\x92,\xbb\xcbV&lt;\xa4\xc0\xe6\xd4\x8a+\x070\xcarK\xb2\x1cn\x1b\xa3\xdc\xe1\xb29\xdcv\xc6\x19\x02\x84\x10"*\xf9\xe4\x0c\x80\x00Q\x83r\xce9p\x8cp"\x9aL\xc4R\x98\xa0D4\xd5V\xdf\x89\tn\xa8:\x9c\x8a\xeb\r\xfb\x9b\x93\xb1Tk}g"\x9aL\xc6R\x9f~\x92\x8a\x8dd\x0f\xf4\x16\x0c\xcd\xca)\xf5\xe5\x0f\xc9\xf2\x15\xb8\xecn\x8d1n\xea\x94\xea4\x1d\xe3\xfa\x9c\xd7\xaf\x0f"\x1e\r\xd5\xael~\xb9j\xf5\xc2\x1d\xe2\xc1\t\x04\x02\xaf\xbd\xf6\x9a\xd5"p\x82\xb0\x04\xe0+F\xdc\xa6\xe9b\x7f1\xf6\xe4\xb4\xef\x8c\x9bxQe\xac+i\x15\xfc\x08\xbb\x8f\tRm\x04+\x98Q\x1ej\x8e\xb6V\x07\x9b\xf6v\xd4oo\r6E&gt;\xa5P\xc7\xe1\xb6\xe5\x95d\x07\n|E\x15\xf9\x05\xe5\xb9\x9e,W^I\xb6\xcd\xa1\xb9\x03N\x04@T\x85s\xceL\x06\x08L\xddd\x8c#\x00\xc6\x18\xa5\\\\r\xb1\xd2\xf8\xf4\xcb\xcf{\xf8\xe5\x1c\x80\x10\x841\xe6\x00\x18#ES\x80\x03V0B\x88\x1a&amp;\x07\x88v\xc5S\t\xbd\xb5\xbe#\xd2\x19k\xaemk&lt;\xd0\xd2\xd5\x1cj\xad\xefHD?Q\x120A\xfeBO\xc9\xd8\xbc\xc2a\xd9y\x83\xfd\xbe\x027&amp;\x88\x99\xccHu/\x0b\xfa\xbb\x12p\xe0\x9c\xbb\x02\xf6\xcd/W\xbd\xf7\xd86\xf1\xf8\xa4[\x04,\r\xf8\xca\xb1\x04\xe0\xab$m\xfd\xbf\xf3\x9d\xef`\x8c8\x07\xce\xf9i\xdf\x1d7\xe1\x82!\xb1\xced\x7fN\xf9~d\xf7\xed\nQp2\xa2\xb7\xd7\x85\x1aw\xb6\x1d\xda\xde\xdaZ\xdd\xa5\'L\xf1c\x08}\xec\x86\xd4\xecj\xe1\xa0\xbc\x01\x83\xf2\x8a\x86\xe4\x17\x0f)\xc8\x1f\x98\xed\xcdq\xab6\x95(\x98Q\xc6\x18\x17\x86\x9e\x9a\x0c\xd2\xc6\x1d!\x00\x8eD\xa9P\xf7\x8b/w\xe6\xa2\xdeSD\xa9\x00u\x1f#Ql\x8a\x850`\x8c0\xc1\xd4dF\xca\x08\xb7G[\x0eu4\xecon\xdc\xdfr\xb8\xa6\xb5\xa9\xa6UO~\x14;\xea\xf9\x015\x87\x92780pl^\xd1\xa8\xdc\x9cR\x9f\xdd\xa3Q\x93\x19I\xd3R\x02f2W\x96}\xcb\xe2\xfd\xef\xfdm\x1bB\x08!`\x8c?\xf6\xd8c\x96\x06|\xe5X\x02\xf0\x95\xd1\xd3\xfa+\xaaB\r\xaa\xb9\x94\xb3n\x9fR&gt;y@*\xa2\xa3~\x99\xf2\xe5\x9cs\xd6\xc3\xeeG\xf5\xd6\xea\xae\x9a\x8d\x87\xeb67w6D\x8e\xfbW\\^G\xd1\x90\x82\x8aq\x03\x07\x8d*\xce/\xcd\xc9)\n\xa8v\x15!DMj\xea&amp;5\x18\xe3\xac;\x8a\x83\xc4\x82\xaa\xf7\x16U\\8\xacG\x9a\xc7\x10`\x84\x89\x8a\x15M!\n\xe1\x9c\x1bI\xa3\xbd\xb1\xab\xa5\xae\xbdfg\xc3\x81m\x87\x1a\xf77\xc7\xc2\x89\xe3\xfe\xa6\xacbO\xe9\xc4\x82A\x93\x07\xe4\r\x0e\xd8\xdd=\x94\x00\xf7\xd3\xa41\xa7\xdc\xe6\xd1j7\x1e~\xfb\x81\rz\xcc$*1\r\xd3\xd2\x80\xaf\x1cK\x00\xbe\x1a\x8e\xb2\xfe\xa6Am.\xe5\xfc\xff\x99Y&lt;\xba_\x16\xfbs`\x8c#\x0c\xaaM!*N\xc5\x8cc\xed~O_\xd8\xee\xb4\x95\x8e(\x1c4f`\xc5\xb8\x81\xc5C\xf2\xfd\xb9^US(e\xa6n\x1a\xba)\x1a\xaf\xba\xcd\xbd\xf4\xd6\xf0H!\x13\x07\x00\x84\x91\xaa)\x8a\xa6\x10\x82\r\xdd\x0c\xb6\x85\x1b\xf6\xb7\x1c\xd8v\xa8\xe6\xc3Cu\xbb\x9b\x92\xf1\xeeHQ\xcfK\xd1S\tl.\x95\x1a\xccH\x99\x9cA?\xdc\x12N\xb4\x084\xech{\xf5\xd7\xabS1S\xb14\xe0\x04`\t\xc0W\xc0q\xac\xbfS9\xff\x973\x8bF\xe6$B\xa9~\x15\xf9\x11.\xbf\xa2a\xd5\xaeP\x83u\xd4\x87\xab\xd74V\xafi\xe8\xac?\x8e\xdd\xcf*\xf0\r\x9d4h\xf4\xa9\x95\x03\x87\x15\xe6\x16g\x11\x950\x93\x19)\xc34(\xe7\xa2h2\xe3\x0be\xb8\x10\x04\x0e\x08!E%\xaaM\xc5\n\xa6\x06mk\xe8&lt;\xb4\xb7i\xc7\x07U\xfb6\xd5t6\x87\xc4\x0f\x7f\xec\xe2\x94x\x06\xcf(\x1e&lt;\xa3(\xbb\xc4KTl$MSg\xfdmA\xc0L\xe6\xf0\xd9\x1aw\xb5\xbfz\xcf\xeaT\xdc\xd2\x80\xaf\x1eK\x00\xbe,\x96\xf5\x17\x88x\x85jS\x88FB\xcd\xd1\xfam\xadU\x1f\xd47\xecl\x13I\xdd\x9e\xa6m@y\xee\xc8\x99C\xc6\xce\x1a^4$\xdf\x13p\x01\x80\x9e2\xcc\x94)\xaa\x822\xc2\xcd\xffb\xa4\x17\x07\x08!\xc5\xa6h6\x15\x00"]\xb1\xc6\xfd-\xdbW\xee\xd9\xb5z\xff\xe1\xda6\xf1\x93\xe9\xcb\x85\t*\x1e\x95[yjI\xc9\xb8&lt;_\x81\x9b\xea\xb4{A\xd0o\xd6\x94\x96\x06\x9cP,\x01\xf8RX\xd6\x9fsQ\xc1\x8dlN\x95\x9a\xac\xad&amp;\xb8\xe3\xad\xda\xda\x8dM\xf1`\n\x8eo\xf7\x87\x95\x8e(rz\x1d\xd4\xa0z\xca\xa0\x06\x05\x00\x843\xde\xd3\xff\xbcp\xde=S\x88\xa8D\xb3\xa9D%\xf1p\xa2nw\xe3\xf6\x95{\x8f\xab\x04N\xbf\xad|r\xe1\xe8\xb3\xcbs\x07\xf9\x89\x82Sq\x83\x99\x1c\xf5\x8f\xa1\x99\x96\x06\x9c8,\x01\xf8\xe2\x88\x9b\xef\xef\x7f\xff\xfb\r7\xdc\xd0\x0f\xad\xffG\xd1\x1e\x87\x9a\x0c\xa7\x0e\xack\xda\xf7\xfe\xa1\xfa\x1dm\xc2\xae!\xd4\x9d\x19\xf5\xe7y\'\xcd\x1b5v\xf6\xf0\xd2\x11\x85\xc2\xee\xa7\x12:\xa3\x0c\x10\xc2\xfd\xbe(\x16\x00\x80\x03\xe3\x1c8\xc7\x04\xdb\x1c\xda\x11%h\xda\xfe\xfe\x9eM\xcbv\x06[\xc3\xd0\xe3b"\x8cJF\xe7\x0e\x9d=\xb0bZ\xa1\xddk3\x12F?\x89\x0b\x1dW\x03\x1e\x7f\xfc\xf1\xeb\xaf\xbf\xde\xd2\x80/\x83%\x00_\x10q\xdb\xad[\xb7n\xc6\x8c\x19\x18cF\x99\xe6R\xce\xff\x9f~a\xfdE(C\xb3+\x8a\x8d\x84\x9ac;\x97\xd6\xee_\xd5\xd0\xd5\x18\x01\x00\x8c\x11c\x1c\x00\x14\x95\x8c\x98&gt;x\xfa\x82\xf1C\xc6\x97\xf9\xf3\xbc\x1f\xb3\xfb\xfd\xb8\xc0\xf1\xd3a\xeccJ\x10l\r\xef\xdfzp\xedk[w\xaf\xad6\r\n=.o\xa0\xc83\xe4\x94\xe2Qg\x96\xfb\n\\f\x8a\xeaI\xb3\x0f\x87\xce\x04\x1fi\xc0\xafW\xeb1\x13\x13\xcc\x18[\xb3f\xcd\xb4i\xd3,\r\xf8\xc2X\x02\xf0E\x10\x03\xaa6n\xdcx\xf6\xd9g\x87B!\x00P\x1dd\xc1/f\xf4y\xeb/\xbc~\xcd\xa1\x10\x157Wu\xee[Y\xbf\xef\xbdC\xf1P\n\x000\xc1\x8c2\x00\xc8/\xcd\x99t\xe6\xa8I\xf3F\x17\r\xc9\x07\x00=\xa1\x9b\x06\xb5\xec\xfe\xe7B(\x81\xa2\x12\xcd\xa1\x01@\xe3\xfe\x96M\xcbvlZ\xba\xb3\xa5\xae\x1dz\\j\xa7\xcf6\xf4\xb4\x81Cg\x95\x14TfQ\x83\xe9\t\xb3o\xaf\x06\xd2\x1a\xf0\xdao\xd6\x18\t\n\x00&gt;\x9f\xef\xad\xb7\xde\x9a&lt;y\xb253\xee\x8ba\t\xc0\xe7&amp;m\xfd\xc5\x9c\x1f\xd1\xacx\xfe/f\x0e\x9e^\x18\xeb\xea\xb3\xdd^=M\x7fKu\xd7\xb6\xd7\xaa\xabV\xd6\x8b\x0e\xact\x80b\xd8\x94\x8ai\xe7\x8c\x1d\x7f\xfa\x08\x97\xdfi$\x8dTR\x07\x0e\x18c+\xce\xf3\x05\xe1\xc0\x18\x03\x046\xbb\xa6\xda\xd5X0\xbe\xf5\xdd\xdd\xeb\x96l\xdf\xbb\xe1\x00\xf4\xb8\xecD\xc1\x95\xb3J\xc6-\x18\x9c?8\xd0\xe7e\x80\x99\xcc\x15\xb0W\xafmz\xf57\xab\xc5\xa3\x97\x9e\x17di\xc0\x17\xc0\x12\x80\xcf\x87\xd8\xa4\xa2\xad\xadm\xe4\xc8\x91mmmb\x0b\x8b\xd3\xbe3n\xdcy\x83\x13\x11\xbdO\xd6f\x88\xc2\x15\xd5\xfe\x91\xe9\xdf\xb7\xb2\x9e\x99\xacg\xb4g\xf2\xd9cf^0\xa1b\xcc@\xd5\xa6\xc4\xa3I1\xed\xae\xaf\xda\xa0\x93\x8f\xc8\x18c\x05;\xddv#e\x1e\xf8\xf0\xd0\xea\xc5[6\xbe\xf5a\xcf\xb8\x10V\xf0\xd0\x1e2`$\xcd\xbe:l\x8eQ\xee\xf0h\xdb^\xaf~\xef\xb1m\xe2\x01\xcc\xcd\xcd\xdd\xb5kWnn\xae\xb5\x87\xcc\xe7\xc5\x12\x80\xcf\x01c\x0c\x00\x82\xc1\xe0\xfc\xf9\xf37l\xd8\xa0j\xaa\xa1\x1b\xa7}g\xdc\x84\x0b\x87\xc4\xbbR}\xb0\xd7\x97\x03c\\\xd1\x88j#-\x07\x8ec\xfa=Y\xaeY\x97L\x9e4otqe\x01\xa3,\x19Oq\xc61\xb1\x9e\xc0\x13\x05\xa3\x0cadw\xda0\xc1\rU\xcd\x9b\x96\xedX\xf9\xd2\xc6Hg\x0c\x8e\x95\x81\x8a\x80\x91\xa2\xa6N\xfbd\x07\x19\xa7\xdc\x19\xb0mye\xff{\x8fm\x13\x8f\xe1\x94)S\xde|\xf3M\xbf\xdf\x0f\x00\x96\x06|v,\x01\xf8\xac\x88\x8e\x1e\x84\xd0\xcc\x993\xd7\xae]+F\x96\xcf\xbcz\xd4\xb4o\x8c\x88\xb6\'\xfa^\xe4\x87QNT\xac9\xd5H[|\xe3\x8b{w.\xad=\xd6\xf4\xcf\xbaxrNQ@O\x1a\xa9\x84nE\xf9O\x1a"C`sh\x9a]mo\xecZ\xf9\x9f\x8d\xc7\xca\xc0\xa83\xcb\'_:\xcc\x93\xeb\xd4\xe3\x065X\xdf[\x9b2\x93\xb9s\x1c\xeb\xfe\xb5{\xf5\xa2\x9d\xe2a\x9c&gt;}\xfa\xea\xd5\xab\xc5C\xda7\xd7&gt;\'\x00K\x00&gt;\x13\x9csJ\xa9\xa2(\xdf\xf9\xcew\x1e\x7f\xfcq\x9bMK\xa5\xf4\xe1\xa7\x97\xce\xfb\xe1$=n\xf4\xb1\xb9]\x9cq@\xe0\xf0\xd8\xa2\x9d\x89\xed\xaf\x1f\xd8\xf1vM"\x94\xc2\x18\x8b\x05PO\xd3\x9f\x88\xa5\x0c\xdd\xc4V\xb4\xa77\xe0\x9c3\xc6UMq\xb8l\xc7\xc8\x00f\x8c9|\xb6\xd1g\r\x1a{^\x85;\xcb\x91\x88\xa4\x80\xf7\xb5\x01s\x9cq\xcd\xa9.\xfb\xe3\xa6=\xef\xd6\x89G\xf2\x86\x1bnx\xec\xb1\xc7L\xd3$\x84X\xf7\xe4g\xc1\x12\x80\xcf\x84\xa83\xbb\xed\xb6\xdb\x1ez\xe8!\xb1m\xe9\xd0Y%g\xffx\xaa\x1e7\x80\x7f\xf2\xfe"\x99\x86\xe8\xea\xb29U\xc6\xd8\x9ew\x0fm\xfe\xcf\xbe\xe0\xe1(\x00 \x8c8\xe3\x9e\x80k\xd6\xd7,\xd3/\x17\xc7\x91\x81\x7fo\x8ct\xc5\xc4W\x06\x00\xfe\x01\xee\x89\x17\x0f\x1d~\xfa@\x8cq*n\xf4\xa9\xde1\x0e\x80@s\xaao\xfda\xfd\xbe\x95\xf5\xe2\xc1\xbc\xf5\xd6[\x1f|\xf0A\xab0\xf43b\t\xc0\x7f\xa7g\xbb\xaf\xd8\xb04w\x90\xff\x92{g\x8bI\xee}\xc6\xabb\x94+\x1a\xd6\x1cJ\xc3\xce\xf6\xb5\xff\xdc\xd5\xb0\xa3\r\x00\xb0\x82\x99\xc9\x88B\xce\xbcj\xe6i\x97O\xcb.\xf4\'-\xd3/\x1fi\x19\xb0\xbbl\x1dM\xc1\xf7\x9e_\xb7\xf4\xe9\xd5\xd4\xa4\xe2\xeb\x03\x80\xe2\xd1\xb9\xd3\xbf9\xb2xT\x8e\x9e0M\xbd\xefD\x84Dn\x9cQ\xfe\xd2\x9d\xef\xb7\xd5t\xef\'l5\t\x7fv,\x01\xf8/\x88\xda\xb2t\xc3\x17\xa5\xd4\x93\xeb\xfc\xfa\xfd\xa7\xdb\x9c\xaa\xa9\xd3\xbea\xfd\xc5\xb42\xbb[\x8bt$6\xbe\xb8w\xe7\xdb5\x8cr\xb1\x1f\x13\x00L?o\xfc\xdcoN/\x1bQ\x94J\xe8z\xca2\xfd\xf2"d@\xb3)6\x87vpw\xe3\xf2\x7f\xae]\xfb\xfaV\x00\x10_%&amp;h\xd4Y\x83&amp;_:\xcc\x93\xedHFu\xe8+\x8dc\x9cqE#\xa9\xb8\xf1\xdc\x8f\xde\x8d\xb4\xc5\t!\xe9\x061\xab0\xf4\xbfb\t\xc0\xa7!\xaa\xcajkk\'M\x9a\x14\n\x05\x01@u(\x0b\xfeg\xc6\x80\xa1\xd9\xa9\x98\xd17\xdc(F\xb9j\'D\xc1{V\x1cZ\xbdpG\xac+\x99\xee3\x1a:\xa9\xfc\xeco\xcd\x1a}\xcaPC7Rq\xdd\xaa\xec\xcc\x08D\xcd\xa8\xcd\xa9\xa9\x9a\xbac\xd5\xbe\xb7\x9e\\\xb9oS-\x1ci\x1fs\x05\xec3\xaf\x19=|\xce@j2#I\xfb\xcc=ls\xa9\x87\xf7u\xbc\xf6\xeb5F\xc2\x04\x00\x9f\xcf\xbfi\xd3\xa6\xf2\xf2r\xab0\xf4\xd3\xb1\x04\xe0\x13\x11W&amp;\x18\x0c\x9ey\xe6\x99\x9b6m\x12\x15\xc7\x0b~1s\xf0\xf4\xc2x\x9fh\xf8\xe2\x8c\x03B\x0e\x8f\xd6V\x13\xfc\xe0\xc9\x0f\xeb\xb6\xb6\x00\x00&amp;\x88Q\xee\xcb\xf1,\xb8\xf1\xf4\x99\xe7O *\x89\x85\x13\x18\xa1\xbe\xb1\xd6\xe9?p\xc6\x19\xe7.\xaf\x83\x1at\xf5\xab[^\xfb\xeb\xbb\xa1\xf6\x88\xf8r\x01\xa0t|\xfe\xa9\xdf\x1a\x93;\xc8\x9f\x88\xe8\xc0\xfb\xc2&amp;\xd5\xccd\xce\x80\xbdzm\xd3k\xbfY-\x1e\xd5I\x93&amp;-]\xbaT\x14\x86Z\x8e\xcb\'a\t\xc0\'"b\x88\x97^z\xe9\xbf\xff\xfdo\x11[\x9cu\xfd\xd8\t\x17\x0cI\x84t\xacd\xfc\xfd\xc4(\xd7\x1c\n\x00l\x7f\xe3\xc0\xba\x7f\xed\xd2\x13&amp;Q\t5(&amp;x\xd6%\x93\xcf\xb9~vV\xbe?\x16\x8e[u\xfd\x19\x8d\xe8\x1bpy\x9d\x9d-\xc1%\x7f\x7f\x7f\xe5K\x1b\x19e\xe2\x8b\xd6\x1c\xca\xb4o\x8c\x1c{n\x05\x00\xe8\t\xb3\x0f,\x05\x98\xc9\x1d&gt;m\xcb\xe2\xfd+\xff\xbe]&lt;\xb0_\xfb\xda\xd7^|\xf1E+\x19\xf0)X\x02p|\xc4Ms\xf7\xddw\xdfu\xd7]\xa2\xc2l\xc4\xdc\xd23o\x9b\x92\x0c\xa72\xdd]\x12\x11\x7f\x87\xd7\xd6V\x1b|\xff\xef\xdb\xeb\xb7\xb7"\x848p\xe0P6\xb2\xe8\xb2\x1f\x9fS9\xb1\\dz\x89e\xfa\xfb\x04\x942\x91\x1f\xae\xda\\\xfb\xc2\x1f\x96\x1c\xdc\xd5(6\xd2\xe4\x9c\x97\x8c\xcd\x9b}\xfd\xd8\xdcr\x7f"\x9c\xea\x03Y\x01\xce\xb8\xddk[\xfa\xe0\x86\xdd\xcb\xbb\x0bC\xef\xba\xeb\xae_\xfd\xeaW\x96\x06|\x12\x96\x00\x1c\x07\x91;z\xe9\xa5\x97\xbe\xf6\xb5\xafi\x9a\xaa\xebF\xfe\x90\xc0\xa5\xffw\x1a5X\xa6\x17}2\xcaU\x1b\xc1\n\xde\xf6Z\xb5p\xfcE\x86\xd0\xee\xb2\x9d\xff\xbd\xb9\xb3.\x99\xacjJ&lt;\x9a\xb42\xbd}\x0c\x91\x1fv\xba\xed\x86n\xae|i\xe3\xab\x7fY\x9e\x8c\xa5\xc4W/\x96\x02\xe3\x16\x0cf&amp;3R\x19\x9e\x15\xe0\x00\x08\x88\x8a_\xfc\xd9{-\xfb\xbb\xc4\xc3\xfb\xef\x7f\xff\xfb\x92K.\xb1\x12\xc2\xc7\xc5\x12\x80\xa3a\x8c!\x84\x8e$~C\x00`s\xabW&lt;8\xd7\xe9\xb3ez\xd9\x0f\xa3\xdc\xee\xd1"\xad\xf1\x95\xff\xd8^\xbd\xb6\x11!$\xd6\x03\xc3\xa7V\\\xfe\xe3sK\x86\x16\xc4\xc2\t\xc6\xb8\xd5\xd0\xdbW\x11_\xae\xcb\xeb\xa8\xdf\xd7\xfc\xfc\x1f\xde\xd8\xb3\xfe\x00B \x8c\xc0\xe0\xe9E\xb3\xbe=\xd6\x93\xe7Lf\xf8H+Q\x14\x14\x0f\xa5\x9e\xbdmy*j\x00\x80\xcf\xe7\x13\ta\xce\xb9\x95\x10&gt;\nK\x00&gt;\x06\xe7\\\xf4\xbb\x9er\xca)\xeb\xd6\xadSTB)\xbb\xe8\xeeSK\xc6\xe4\xa6\xa2F\xe6N\xfb\xe1\x9c#@v\xafV\xbd\xb6q\xf9\x9f7\xc7\x83)E#\xa6Nm\x0e\xed\x82\x9b\xcf8\xfd\xeb\xd38\xe7\xc9\x98N2?\xb3m\xf1_\xa1&amp;\xb3\xbb4\x84\xd0\xbb\xcf\xad[\xfc\xc8;\xa9\x84.n\x06\xa7\xdf6\xf7\xfb\x13\x07O/J\x86u\x0e&lt;s\x97\x80\x9cr\x9b[\xad\xff\xb0\xed\xe5_}@\x086\r:m\xda\xb4U\xabV\x01\x00\xc6}\xa9\x11\xee+\xc0\x12\x80\x8f\xf1\xf1\x8e_UO\x193\xaf\x1e5\xe5\xf2\xe1\xf1`*s\xdd"\x11\xf6A\x18\xad{v\xf7\xc6\x17\xf7\x02\x00Q05Y\xe9\x88\xa2o\xfe|\xc1\xe0\xf1\xa5b~@F/n,&gt;\x17\xfc\xc8@\xa7\xea\xadu\xff\xfc\xedku\xbb\x1b\xc5-\x01\x00\x93/\x1d6\xed\x8a\x11\x9c\xf1\x8c\x0e\x071\xca\x9d~\xdb\x86\xe7\xf7\xac^\xb4S&lt;\xc8V\x87\xf0q\xb1\x04\xe0#\x8e\r\xfd\x0f\x9aR\xb8\xe0\x173RQ=s\x8d\xa3\x98\x9d\x1bj\x89\xbd\xf3\xe7\xcd\xf5\xdb[\xd3\xcf\xf99\xdf\x9e}\xce\xb7OS4\x92\x88&amp;\x89b\xc5F\xfb#\xd4\xa4\x0e\xb7\xdd\xd4\xe9\x92\x7f\xbc\xb7\xe4\x1f\xef\xc3\x11\xcf\xa0dl\xde\x19\xdf\x9f\xe8\xcbwe\xf4\x84s\xce\xb8\xcd\xad\xbd\xf6\x9b55\x1b\x9a\xacd\xc0\'a\t@7=C\xff\xe1p\x88q\xf0\xe4\xd8/\xff\xc3\xe9\x9aC\xa1&amp;\xcf\xc4U#\xe7\x1c\x01\xd8=Z\xf5\xba\xa6\xe5\x7f\xde\x12\x0f&amp;\xc5J\xdf\x9b\xed\xbe\xfa\x7f.\x1c?wd,\x14\xb7\xdad\xfa9\xe2\x06p\xf9\x9c[\x97\xefZ\xf4\xebW\xc2\x1d\xd1#\xe1 \xfb\xdc\xefO\x18&lt;\xad0\x19\xd1yf\xd6\xd1s\x0eDAz\xc2|\xfe\xc7\xefF\xda\x93\x18\x81\xd7k%\x03\x8e\xc6\x12\x00\x80O\x08\xfd_|\xcf\xa9\xc5\xa335\xf4\xcf\x19\'\n&amp;\x1a\xd9\xf2r\xd5\xaa\x85;\xe0\x88s7lJ\xc55\xbf\xba(\xa7(\x10\r\xc6\t\xb1\xf6\xea\xb2\x00\xe0@)s\xfb\x9d\xed\x8d]\x0b\xef~y\xef\x86\x03\xe9e\xe2)\xd7\x8c\x9epQ%\xd5)\xcd\xcc\x99W"\x19\xd0\xb0\xa3\xed?\xbf\xb4\x92\x01\xc7\xc7\x92A\x80#\xc1\x9f\x1f\xff\xf8\xc7\xeb\xd6\xad\xd34\xd54\xe8\x8c+G\x0e\x1c\x9f\x9f\x8c\xea\x99h\xfd\x19\xe5\x8a\x8dP\x93-}x\xd3\xaa\x85;Dj\x97\x9a\xec\x9co\xcf\xbe\xf5\x91k|9\xeeh(N\x14\xcb\xfa[\x00\x00\x00\x02\xa2\xe0h(\xee\xcbq\xdf\xfa\xc85\xe7|{\xb6\xb0\xfeD\xc1\xab\x16\xeeX\xfa\xf0&amp;j2\xc5FD\x0bqf\x81\x08JF\xf5\x81\xe3\xf3g\\9\xd24\xa8\xa6\xa9\xeb\xd6\xad\xfb\xf1\x8f\x7fL\x08\xa1\x94\xf6\xf6\xd9I\x81\xb5\x02\xe8\xb6\xfe\xcb\x97/?\xe3\x8c3\xc4\xeeB\x83\xa6\x16.\xb83SC\xff\x8c2\x9bS\x8dv&amp;_\xff\xdf5\xad\x07\x82\xdd+z\x8f\xfd\xba\xdf\\:\xfe\xf4\xe1\xd1`\xbc\xef\xcd\x85\xb7\xf8J\x10\xfb@\xb8\xfd\xce\xad\xef\xeey\xe2\x17/\xc6#\xdd1\xc3\xbc\n\xffy\xffo\x86;\xcb\x9e\x8a\x1b\x99\xd8\x16\xde\x9d\x0c\xb8wM\xcd\xfa&amp;\xf1\x80\xbf\xf3\xce;s\xe7\xce\xb5\x92\x01`\t\x80\xd8\xe7+\x18\x0cN\x992\xa5\xb6\xb6\x16\x00\xec\x1e\xf5\xeb\x0f\x88\xaa\x7f\x862\xedng\x94\xbb\xfc\xb6\xfa\x0f\xdb\xde\xb8om&lt;\x98R4\xc5\xd4\xcd\x81\xc3\x0b\xaf\xbf\xf7\xd2\x01\x83\xf2\xa2\xc1\x98\x95\xef\xb5\xf8t\xa8I\xdd~\xd7\xe1\x9a\xd6\xbf\xdf\xf9\xe2\xa1=M\xe2\x16r\xfam\xe7\xde1\xbddLn,\x03\xcb\xe18\x03E\xc3\xf1P\xea\xb9\xdb\x97\'#\x06\x00\x94\x97\x97o\xd8\xb0\xc1\xef\xf7[{\x87e\x9a\x85\xfb\xaa\xa1\x94b\x8c\xbf\xf7\xbd\xef\x1d8p\x80(\x8416\xf7\xfb\x13=\xb9\x0e#E3\xcc\xfas\xe0\x8c;\xfd\xb6\xedK\x0e\xbcr\xf7\xaax0E\x14b\xea\xe6\xb4s\xc7\xfd\xe8o\xd7\xe5\r\xcc\x8e\x06\xe3\x96\xf5\xb7\xf8\xaf\x10\x85D\x83\xf1\xbc\x81\xd9?\xfa\xdbu\xd3\xce\x1dg\xea&amp;QH&lt;\x98z\xe5\xeeU\xdb\x97\x1cp\xfam\x9cq\xc8(\xa7\x11a0R\xd4\x93\xeb\x98\xfb\xfd\x89\x8c1\xa2\x90\x03\x07\x0e|\xef{\xdf\x13\xd3\xdd{\xfb\xecz\x99~\xbd\x02\x10k\xc0\x17^x\xe1\xf2\xcb/WU\xd50\x8c1\xf3\x07\xcd\xbdyb&lt;\x94an\x0e\xe7\x80\x00lnu\xeb\xab\xd5\xef?\xbe-=\xdb\xe7\x92[\xce:\xf3\xeaS\x0c\xdd4u3\x13\x17\xef\x16\xbd\x05\xa3L\xd1\x14US\x96.Z\xf5\xd2\xc3o\xa7g\x07\xcd\xbea\xdc\xf8\xf3\x07\xa7\xa2\x06\x07\xc8,\xd7\x99Q\xee\xf4\xd9\x96?\xb2\xf9\xc37k\xc4\xc3\xfe\xfc\xf3\xcf_v\xd9e\xfd&lt;\x10\xd4\x7f\x05@\x94\xfd\xb4\xb7\xb7\x8f\x1e=\xba\xbd\xa3\x9dS\x9e]\xe6\xbd\xfc\x0f\xa733\xc3\x06\xfep\xc6\x11F\xaaCY\xfe\xe7-\xbb\x96\xd5\x8aY\x8f6\x87v\xd9\x8f\xe6\x9f~\xc5\xf4pG\xb4\x0f\x0c\xf9\xb28\xf9\x88\xa1\x81\xdel\xf7\xbb\xcf\xae}\xe1\xfe7S\t]\xdcZ#\xe7\x95\xcf\xfd\xfe\x04#a\x8a\x1b\xaf\xb7O\xf33\xc3\x01\x10`\x05?\xff\xe3w;\x0e\x86\x11A9\xd99;v\xec\xc8\xc9\xc9\x01\x80~[\x15\xdaO?6\x1c\xa9\x80\xfe\xc1\x0f~\xd0\xda\xda\x8a\x11F\x04\xe6\xdc8\x9e(H\xa4\xc22\x05Q\xee\xa99\xd5w\x1e\xde\xb4kY\xad\xa2\x12jP\x87\xc7~\xcb#\xd7\xcc\xb9|Z\xb0-b\xed\xe2b\xf1\xc5@\x08!\x8c\x82m\x919\x97O\xbb\xe5\x91k\x1c\x1e;5\xa8\xa2\x92]\xcbj\xdfyx\x93\xe6T\x89\x82EGqf\x80\xc4\xc3\x82\xe6\xdc8\x1e\x11\xc0\x08\xb7\xb6\xb6\xfe\xe0\x07?\xc0\x18\x0b_\xb0\x7f\xd2O\x05\x80R\xaa(\xca\x8b/\xbe\xf8\xc2\x0b/\xa8\xaaj\x9a\xe6\x84\x0b+\x8bG\xe7\xa6bf\x0695\x9cr\xc5F\xf4\xa4\xf9\xfa\xff\xae\xdd\xfdn\x9d\xa2)\xa6AK\x86\r\xf8\xf9\xc2\xefV\x8c\x1b\x18\xea\x88X\xb3},\xbe$D\xc1\xa1\x8eH\xc5\xb8\x81?_\xf8\xdd\x92a\x03L\x83*\x9a\xb2\xfb\xdd\xba\xd7\xffw\xad\x9e4\x15\x1b\xe1\x99S\x1e\x8a0J\xc5\xcc\xe2\xd1\xb9\x13.\xac4MSU\xd5\x17^x\xe1\xc5\x17_T\x14\xa5\xdf&amp;\x03\xfac\x08H4\xfd\xb6\xb5\xb5},\xf8\xf3\xfb9\x8c\xf2\x0c\n\xfep\xca\x15;I\xc5\x8c\xc5w\xadj\xad\xe9.\xf7\x1c8\xac\xf0\x96G\xaeq\xfb\x9d\xf1h\xd2\x9a\xe6o\xf1UA)s\xba\xed\xd1`\xfc\xe1\x9b\x17\x1e\xda\xdb\xd4]\x1e:\xc8\x7f\xc1]\xa7\xd8\\\xaa\x99\xa4\x19\xd3.#\x02A\x04=\xff\x93\x15=\x03A\xb9\xb9\xb9\xfd\xb3=\xb8\xdf}`\x103\x12\x10\xfa(\xf8\xa3\xa097\x8e\'*\xce\xa0\xe0O\xda\xfa\xbf\xd2\xc3\xfa\x0f\x9b2\xe8\x87\x7f\xba\xda\xe9\xb1[\xd6\xdf\xe2\xab\x85\x10\x1c\x8f&amp;\x9d\x1e\xfb\x0f\xfft\xf5\xb0)\x83L\x9d*\x1ai\xad\t\xber\xd7\xaaT\xccP\xec\x99\xb3\x0e\x10\x81 \x15\xcf\xb9q&lt;RP:\x10\x84P\x7ft\x85\xa1\x1f\n\x80H\xfa/[\xb6,\x1d\xfc\x19w\xde\xe0\x921\x99\x14\xfc\xe9i\xfd\xdb\x8eX\xff\xe9\x0b\xc6\xdf\xfe\xd7\xeb\xecn[*iX\xd6\xdf\xe2+\x87\x10\x9cJ\x1av\xb7\xed\xf6\xbf^7}\xc1x\xa1\x01m\x19\xa8\x01"\x10T2&amp;w\xdcy\x83\xd3\x81\xa0e\xcb\x96\xf5\xcf\xf6\xe0\xfe\xa5{\xa2\xed+\x1a\x8dN\x9c8\xb1\xa6\xa6\x86s\xf0\xe69.\xbf\xfftE\xc5\x9ceF\xf0\xe7\x93\xac\xff\xb7\xee\xb9$\x19KeXa\x86E\xa6!n0\xbb\xcb\xf6\xe4/_Z\xfb\xdaVq\xfb\xe5\x0e\xf2_\x98Y\xb1 \x0e\x08\x83i\xb0\xe7\x7f\xf4n\xb85\x81\x10\x0c\x1a4h\xf3\xe6\xcdn\x</t>
        </is>
      </c>
    </row>
    <row r="10">
      <c r="A10" s="1" t="n">
        <v>8</v>
      </c>
      <c r="B10" t="inlineStr">
        <is>
          <t>shape_reflect</t>
        </is>
      </c>
      <c r="C10" t="inlineStr">
        <is>
          <t>What is the missing shape denoted by a question mark?</t>
        </is>
      </c>
      <c r="D10" t="inlineStr">
        <is>
          <t>['square', 'triangle', 'pentagon', 'hexagon']</t>
        </is>
      </c>
      <c r="E10" t="inlineStr">
        <is>
          <t>pentagon</t>
        </is>
      </c>
      <c r="F10" t="inlineStr">
        <is>
          <t>There are six shapes in the image separated by a line. In the top part there are ['pentagon', 'triangle', 'hexagon']. In the bottom part there are ['?', 'triangle', 'hexagon'].</t>
        </is>
      </c>
      <c r="G10" t="inlineStr">
        <is>
          <t>We observe that the hexagon is reflected across the line as a hexagon. Similarly, the pentagon is reflected as a pentagon. Hence, the pattern is that each shape in the top part is reflected in the bottom part.</t>
        </is>
      </c>
      <c r="H10" t="inlineStr">
        <is>
          <t>Based on the pattern that each shape in the top part is reflected in the bottom part, the missing shape which is reflected from a pentagon part should be a pentagon.</t>
        </is>
      </c>
      <c r="I10" t="inlineStr">
        <is>
          <t>b'\x89PNG\r\n\x1a\n\x00\x00\x00\rIHDR\x00\x00\x02\x00\x00\x00\x02\x00\x08\x02\x00\x00\x00{\x1aC\xad\x00\x00a~IDATx\x9c\xed\xddg\\\x14W\xdb\x06\xf0{fv\x97\xba,\xa0\x02\x96\x145\x96$b,\x18[\x14\x1b\xa8)&amp;1\xd6$j$Qc\xafQ\xa3\x08\x11EE\xb1\x04\xd4h4j\x8c-jL5Q\xb1\xa1\xb1\x06+\xd8\x15cl\x80\n,\x9d\xdd)\xef\x87\x13\xf7\xe1\xb5E\x05\xb60\xd7\xff\xf7|x\x82(\xc3\xec\xcc\xb9\xce\xdc\xe7\xcc9\x9c\xa2(\x04\x00\x00\xea\xc3\xdb\xfa\x00\x00\x00\xc06\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lI\x96eY\x96m}\x14\xea\xa5(\n\xce\xbf\r\xc9\xb2,I\x92\xad\x8fB\xd58EQl}\x0c*%I\x92 \x08E\xff\x0f\x80J(\x8a"I\x92F\xa3!"I\x928\x8e\xe3ytFm\x00\'\xdd\x06\x14E\x11EQ\x10\x84\xbf\xff\xfe\xfb\xd0\xa1C\x82 \xe0Q\xc0\xca\x14EQ\x14%%%\xe5\xf4\xe9\xd3x\x0e\xb02\xd6\xe2k4\x9a\xa4\xa4\xa4\xed\xdb\xb7\x0b\x82\xc0\xf3\xbc(\x8a\xe8\x8cZ\x1f\x02\xc0\xdadYfW\xff\xfa\xf5\xeb\x9b5k\xd6\xfc\xb5\xe6\x11\x11\x11&lt;\xcf\xb3{\xc0\xd6G\xa7\x16\xac\r\x9a9sf\x8f\x1e=8\x0e\xcf\xc1V"I\x92,\xcb\x82 \x18\x8d\xc6\xc9\x93\'\xb7h\xd1"((\xe8\x93O&gt;9\x7f\xfe\xbcF\xa3\xe18\x0e\x15!kS\xc0\x8a\xccf\xb3\xa2(YYYC\x87\x0e-\xfa)t\xe8\xd0\xe1\xc6\x8d\x1b\xec\x1bdY\xb6\xf5a\x96q\xac\x19JNN\xf6\xf4\xf4$\xa2\x8d\x1b7*\x8a\xc2z\xa0PJdY\xb6\x9c\xe1e\xcb\x96\xbd\xf8\xe2\x8bE\xaf\x7foo\xef\xf0\xf0\xf0\xcc\xccLEQ$I\x92$\xc9\xa6\x07\xab"\x08\x00+\xb1\xdc\x00G\x8e\x1ci\x18\xd0\x90]\xf7\xaf\xb5n\xd6\xb3ow\xf6\xff+W\xa9\xfc\xfd\xf7\xdf\xb3o\xc6\rP\xaa\xd8\x07\xd1\xa5K\x17"\x12\x04\xa1F\x8d\x1a\x85\x85\x85\xa2("zK\x83,\xcb\xac\xdf\xa3(\xca\xf6\xed\xdb\x83\x82\x82,\xed~\xb7^]\xba}\xf8\x9e\xe5?k\xd7\xae\xbdv\xedZ\xf6\x9d\xf88\xac\x03\x01`\r\x96\xbeOLL\x8c\xa7\x97\'\x11q\xc4\r\x1b7\xf8\xc2\xedS)\xe6\x7ff\xc4N5x\x1a\xd8=0t\xe8\xd0\xac\xac,\xe5\xee\xb3\x02\x948\xf6Y\xec\xde\xbd\x9b\x88x\xee\xdf\x12hdd\xa4\x82\x87\x80R`9\xa5\xd7\xaf_\x0f\t\t\xe18\xee\xdf\xaeO\xabf\xab\x7fY\x91b\xfa\'\xc5\xf4\xcf\xea_V4\x0flj\x89\x81\xe0\xe0\xe0\x83\x07\x0fZ\xfe:b\xa0T!\x00J\x97\xa5\xfbs\xfd\xfa\xf5\xee\xdd\xff\xed\xecW}\xe1\xf9o7}\x93j\xfe\xe7\\Z\xe2\xa9\x1b\xc7n\x16^\xd9utk@\x93\x06\xecO\x1b6lx\xe4\xc8\x11\x05W\x7f)`\xf3\x0e\x0b\n\n\x1a6l\xc8\xf3\xbc\xdeC\xff\\\xd5g\x89\xc8\xc3\xc3\xe3\xe2\xc5\x8b\xecOm}\x8ce\x84\xa5\x92SXX8e\xca\x94\x8a\x15+\xb2\xcb\xfb\x85\x9a\xd5g-\x98~\xd9x\xeez~\xf2\xa9\x1b\xc7N\xdd8v=?\xf9\xef\xac\xf3Q\xf3#\xfd*\xf9\xb1\xefqrv\n\t\t\xb9v\xed\x1a\xfb\xa7\x10\xcc\xa5\x07\x01P\x8a,\xad\xc9\x96-[\xaaT\xa9\xc2.\xee7\xde\xe9x\xfc\xef\xc37\n\xff&gt;u\xfd\xd8\xd9\xd4\x93,\x03\xaed_\xb8p\xe7\xd4\xb0q\x83Y\x17\xc9\xd3\xcb3&amp;&amp;\x86\xfd]\\\xfd%\x88\x9d\xcc\x15+V\xb0\xcf\xe2\x93!!\xdb\x0en\xd6j\xb5D\xd4\xbbwo\x05g\xbb$\x14-\xf7\xaf]\xbb\xb6n\xdd\xba\xecl{zy\x8e\x9c0\xf4\xc4?\x7f\xa5\x9a\xff9\x93r\xe2\xf4\xcd\xe3\xe7\xd2\x12\xcf\xa5%\x9e\xbey\xfcl\xca\xc9\x14\xd3\x95\x84\x8b\xfb\x87\x8c\x19\xe8\xe4\xec\xc4\xbe\xdf\xcf\xcf/&amp;&amp;\xa6\xb0\xb0P\xc1\xc0@\xa9A\x00\x94\x16\xd6\xf17\x9b\xcd#G\x8ed\xcd\xba\x87\xc1\xe3\x8b\x99\x93\xae\xe6^\xba\x94~\xe6\xd4\x8dc\xec\xeag\xff;s\xf3\xc4\xb9\xb4\xc44\xf1\xea\x8a\x1f\x96\xf8V\xf4a7@\xf7\xee\xdd\xaf_\xbf\xae`d\xb8\x84\xb0\x0e~zz\xba\x9f\x9f\x1f\xcf\xf3\x06O\xc3\xe1\xf3\x7f\xa6+)\xeft\xeb\xc4\x06\x03\xe2\xe3\xe3\x15d@1\x14m\xfa\x0f\x1e&lt;\x18\x1c\x1cl)\xect\xea\xf2\xe6\xae\xa3[\xd3\xa4k\x17n\x9f\xba\xe7\xe2g\xff;u\xe3\xd8\xa5\xf437MW\xb6\x1d\xda\xfc\xd6{oX\xfe\xa2\xbf\xbf\xff\xef\xbf\xff\xce\xfeM\xdc\x08%\x0e\x13\xe0J\x9e\xa2(l\xae\xdb\xd1\xa3G\x07\x0f\x1e|\xf0\xe0A"\xaa\x17\xf0J\xe4\xdc\xc9\xaf6\x0b\xb8\x95v\xfb\x81\xaf\xbd(\x8a"I\x92\x97\xb7\xe7\xb5\x7f\xaeO\x1e\x1b\xb9\xf9\xa7?\x88\xa8J\x95*K\x97.m\xdf\xbe=\x11\xc9\xb2\x8c\x97e\x8a\x83\xbdp7d\xe8\x90\x05\xf3\x17\x10\xd1\xa4i\x9f\x0f\x1c\xd5?\';\xe7\xce\xed\x8c\xd7\x9b\xbf\x9d\x91\x9e\x11\x18\x18\xb8c\xc7\x0e"\xc2{yO\xc1\xf2&gt;\xe3\xf5\xeb\xd7\xc3\xc2\xc2\xd6\xacYSPP@D\r\x1a\xd5\x1b\x15:&lt;\xb0]KI\x92r\xb3s\x05\x8d`\x19\t\xb8\x07\xbb\x05\xdc\xf5\xee\x1a\x8d\xb0\xf5\xb7\xedQ\xe1\xd1\xe7N\x9fg\x7f\xd4\xb3g\xcf\t\x13&amp;\xd4\xa9S\x87\x88DQdo\x90A\xf1!\x00J\x98\xe56\x88\x8d\x8d\r\x0b\x0f\xcb\xcc\xc8\xe4\x88\xfbh`\xef\xd0\xc8qZ\xad6;+G\xa3}\xd4\xb5+\x8a\xa2\x8b\xab\x8bV\xab\xfdf\xc1\x8a9\x91_f\x19\xb38\x8e\x0b\x0f\x0f\x9f8q\xa2F\xa3\xc1;\xc3O\x8d\xbd~q\xfe\xfc\xf9:\xfeudI~\xc9\xff\xc5\x9fwm\x10E\xc9l6\xfb\xf8V\x986i\xe6\xbc\xe9\xb1D\xb4r\xe5\xca^\xbdz\xe1&lt;?\x11\xf6\x1a\x1d\xcf\xf3&amp;\x93i\xf1\xe2\xc5\xd3\xa6OK\xb9\x99BD\x15+W\x1c\xf9\xf9\xd0w\xbawr\xd3\xbb\x193\x8c\x8f\xf9\xba\xaf,\xcb\xa4\x90\xde\xa0\xcf\xcf\xcb_\xf5\xcd\xda\x05\xb3\x17\xddN\xbbMD...\xa3G\x8f\x1e:t\xa8\x8f\x8f\x8f\xa5\x8fU\xda\xbfZ\x99\x87\x00(1\xca\xdd\xb7\xdb\xef\xdc\xb93x\xf0\xe0\xef\xbf\xff\x9e\x88|+\xfaF\xcd\x9f\xda\xe1\xad`cf\xd6c6+\xec!\xb7\x82O\xf9\xc3\xfb\x13&amp;\x8e\x0c?\x9ep\x82\x88^k\xf1\xda7K\xbf\xa9Y\xb3\xa6$I&lt;\xcf?\xac\x0f\x05\x0f\xc3N~\xfb\xf6\xed\xb7m\xdbFD\xdf\xfd\xb8\xacm\xc7\xd6\x19\xe9F\x8dF "\x8e\xe3\xda7y\xf3\xef\xe4+\xd5\xabWOHH\xd0\xeb\xf5\x1c\xc7\xe1$\xff\xa7\xa2\r\xf1\x1f\x7f\xfc1n\xfc\xb8\xc4\x93\x89D\xe4\xec\xec\xfc\xc9\xd0\xbe\x1f\r\xe8U\xe5\xd9\xca\x8f\x7f\xe5\x17\xc5\xfe\x8a\xc1\xd3\xe3\xf2\xa5+s"\xbf\xfcy\xc3o\xa6\xc2B"\xaaR\xa5JDDD\xdf\xbe}\tkH\x94\x04\x9c\xbb\x92ay\xbfw\xeb\xd6\xad\xcd_k\xceZ\xff7\xde\xe9\xf8k\xfc\x0f\xc1o\xb4\xbbs;]Q\x94\xc7\xbc\x07x\x9e\x17\x04!-\xe5\x96\x7f\xbd\x97\x7f\xd8\xb66d`\x1f"\xfas\xef\x9fM\x9b6]\xbat\xa9 \x08xa\xf2I\xb1\xd6d\xdb\xb6m\xac\xf5\xef\xd0\xa9}\xeb\xf6\x81\x99\x19\xff\xb6\xfe\xa2(\xba{\xb8\x0f\x1f?\x84\x88.^\xbc8o\xde&lt;\x9e\xe7q\x86\x1fMQ\x14Q\x149\x8e\x13\x04!))\xe9\x8d7\xdex\xfd\xf5\xd7Y\xeb\xdf:8\xf0\xe7]\x1bB#?\xf7\xf2\xf6\xbas;\x9d\x9e\xaa\xa4\xc6\xfe\xca\x9d\xdb\xe9&gt;\xbe\x15\xe6\xaf\x98\xb7n\xf3\xca\x16m\x9a\x13\xd1\xb5k\xd7BBB\x82\x82\x82v\xec\xd8\x815$\x8a\x0fO\x00%\x80\xb5/\xa2(FFFN\x9e&lt;YQ\x14\x0f\x0f\x8fQ\xa1\xc3?\x1e\xfc\x91\xd9l\xce\xcf\xcb\x7f\xba\x92%\xfbg=\xbd\x0c\xebW\xfd0u\xc2\x8c\xd4\x9b\xa9D\xd4\xb3g\xcf\xd8\xd8\xd8r\xe5\xca\xa1\x12\xfa\x98\xd8`\x97,\xcbu\xea\xd4\xb9p\xe1\x82F\xa3\xf9m\xef\x8f\xb5_\xaa\x99\x9b\x9bg\xe9&lt;\xca\x92\xec\xe1\xe5\xd1\xb9m\xb7C\xfb\xfe\xf2\xf4\xf4LHH\xa8V\xad\x9a\xa2(\xe8]&gt;\x90\xa5G\x9f\x96\x96\x16\x19\x19\xb9d\xc9\x92\xfc\xfc|"\xaa\xf5R\xadq\x93G\x07\xbd\xdeF\x96\x95\x9c\xec\x1c\xd6Y)\xe6\xcfb\x0f\xd6z\xbd;/\x08?\xae\xfbi\xee\xb4\xd8\xe4\x8b\x97\x89\x88\xe3\xb8\xbe}\xfb\x8e\x1b7\xaef\xcd\x9a\x84\x15\x15\x9f\x16\x02\xa0X,\x8f\xc0\xe7\xcf\x9f\xff\xf8\x93\x8f\xff\xdc\xfb\'\x11\xd5y\xe5\xe5\xa8\x05\x91\x8d\x9a\x06\xdc~\xc8x\xef\x13\xfd\xfb\x92$y\x97\xf7\xfe\'\xf9\x9f1\x83&gt;\xdf\xbb\xf3O"\xaaU\xab\xd67\xdf|\xd3\xbcysK\xed\xb5\xa4~\x9d2\x895\r\x0b\x16,\x182d\x08\x11\r\x18\xdeor\xf4\xa4;\xb7\xee\x14\x8dOY\x96\xdd\xdc\xdd\x12\x0e\x1e\xe9\xf9F\xef\xc2\xc2\xc2\xde\xbd{\x7f\xfb\xed\xb7\x88\xd8\xfbY.9\xb3\xd9\xbcj\xd5\xaa\xf0\xf0\xf0\xabW\xaf\x12\x91\x8fo\x85\x81\xa3\x06|\xf8qO\x17W\x97\xec\xacl*\xe9\xcb\x92\xd5E\xbd\xcay\xa5\xa5\xa4-\xffj\xe5\x8aE+33\x8cD\xe4\xe5\xe55j\xd4\xa8\xb1c\xc7\xeat:\xdc\x0eO\x01\x01\xf0\xf4,\x9d\x8e\xa5K\x97\x8e\x1b7.==\x9d\x88\xfa\xf4\xffp\xec\x17\xa3=\x0c\x1e\xc6L#\x9b`^|\xa2(\xba\xb8\xb8h\xb4\x9a\xaf\xbf\\:3b\x8e\xa9\xd0\xe4\xe4\xec\xf4\xf9\xf8\xcf\xc3\xc3\xc3\t\x93"\x1e\x895\niii/\xbd\xfc\x921\xd3\xf8\xccsU~\xdb\xf3\xa3\xb3\xab\xb3$J\xf7tNEQ\xac\xe0[\xfe\xd3\x0f\x86lZ\xf7\xb3 \x08\xbbv\xedj\xd1\xa2\x05\xfa\x95\x16J\x91\x05\x9c\xe3\xe2\xe2\xc2\xc3\xc3\x0f\x1c8@D\xce\xce\xce=\xfat\x1d:vP\xa5*\x15\xb3\xb2\xb2%\xb1\x14\xcf\x98(J:\x9d\xd6\xe0eH&lt;\x96\xb4h\xee\xd7\x1b\xd7\xfc\xc8\x9a/\x7f\x7f\xff\t\x13&amp;\xf4\xe8\xd1\x83\x880H\xf6D\x10\x00O\x895\xbbw\xee\xdc\x19:t\xe8\xda\xb5k\x89\xc8\xb7\xa2o\xe8\xb4\xf1\xddzu\xc9\xca4\x9a\xcdb\xc9\xde\x06\xac!\xf3.\xef\xbdg\xc7\xdeq\x83\'\xb2\xa7\xe0\x0e\x1d:\xc4\xc4\xc4\xd4\xa8Q\x83-.\x8d\x8b\xfe~\xac\x05\xef\xdb\xb7/{\xf9+*6\xf2\xa3\x81\xbdo\xa7\xdd\xbe?2\x15E\xd1\xea\xb4i)\xb7:6{+3\xc3\xd8\xb0a\xc3}\xfb\xf6i\xb5Z\x8c\x06S\x91NFRR\xd2\xb4\xe9\xd3\xd6\xaeY\xcb\xbe\xde:8p\xfc\xe41\xfe\r\xfc\xf3s\xf3\x0b\n\n5\x82@\xa5|\xaa\x14E\x91D\xc9\xd5\xdd\xd5\xc5\xc5y\xe7\xd6\xdd\xb3&amp;\xcf9\x96p\x82\xfdQPP\xd0\x94)S\x1a7nL\x88\x81\xc7\x86\x00xb\x96\'\xcd\xad[\xb7\x8e\x181\xfc\xec\xd9sD\xd4\xa2\xcdk\xd1\x0b\xa7?[\xed\xd9\xf4\xdb\xe9\xa5\xd7\x16\x8b\xa2\xe8a\xf0\xc82fE\x8c\x9f\xf6\xfd\xca\rDT\xa1B\x85\xf9\xf3\xe7w\xeb\xd6\x8dP\x06\xbd\x0f\x1b\x99?z\xf4h\xf3\xe6\xcd\x0b\x0b\x0b\x1b5\r\xd8\xb0uM~^\xfe\xc3\xaa\x04\xa2(\x96\xafPn\xfe\xac\xaf\xa6L\x98ND+V\xac\xe8\xd3\xa7\x8f\xca\xcf\xaa\xa5%MKK\x9b?\x7f~\xf4\xec\xe8\xfc\xbc|"\xaa\xfdR\xadA\xa3\x07t\xee\xf9\x8e$\x8a\xb99y\xbc`\xd5\xd6\x96\xed\x9f\xe1\xe9\xe5\x99\x9b\x93\xfb\xe3\xf7?\xcf\x9b\x16{\xf3F\n\x11999\xf5\xef\xdf?44\xd4\xc7\xc7\x87pG&lt;\x06\x04\xc0\x93\xb1t\x85&amp;O\x9e\xcc\xc6{u:\xdd\xd8\xf0Q\xfd\x87\x7f"\x9a\xc5\xfc\xfc\xa7\x1c\xef}|\x92$\xe9t:\x17W\xe7\x1f\xd6\xfc\xf4\xc5\xd8\xa9\xe9w\xd2\x89h\xe8\xd0\xa1\x91\x91\x91z\xbd\x1e\xe5\xa0\xa2\xd8\xfd\xdf\xaaU\xab\xf8\xf8xA\x10\xbe\xdd\xf4M\xeb\xe0\x96\xc6\xcc\xacG7\n\xbc\xc0\xb7o\xf2\xe6\xdf\x97\xae\xf8\xfa\xfa&amp;%%yzz\xaa\xf3!\x80\x95\xdd\xd9\xb9Z\xbe|\xb9\xa5\xdc_\xc1\xb7B\xef~\xef\xf7\x1f\xf6\x89\xdeCo\xcc4\x92\xed\xca\xee\x96\xa9\xa2\xd7\xfe\xb9\xbeb\xd1wK\xe7/g\xaf\x9e\xf9\xf9\xf9M\x980a\xc0\x80\x01\x18\x18\xf8O8/\x8f\xcbR\x03\xbdp\xe1B\xc7\x8e\x1d\xbf\xf8\xe2\x0bEQ\xea\xbc\xf2\xf2\x86\xadk\x86|60/7\xaf\xb0\xb0\xd0\n\x8d/\x9bnd\xcc\xcc\xea\xd6\xbb\xcb\x0fq\xeb\x1a6n@D\xb1\xb1\xb1\xad\xdb\xb4&gt;t\xe8\x90F\xa3\xc1\xe6b\x0ck\x1d6n\xdc\xb8g\xcf\x1e"z\xab\xf3\xebA\xaf\xb7\xc9\xcc0&gt;\xba\xf5\x97$\xc9\xd5\xd5e\xe2\xd4q\xb2,\xdf\xbcys\xce\x9c9&lt;\xcf\xab\xed|\xb2)\x9el:\xf2\x8e\x1d;\x82\x83\x83CBB\xae^\xbd\xea\xe4\xe4\xd4\xed\xc3\xf7~\xd9\xfd\xc3\xd8/\xc6\x10Qfz&amp;\xdb\xc8\xc8V\xc7i\x99*\xea\xe5\xed\x15:\xed\xf3\x9fwmh\x15\xd4\x92\x88RRR\x86\r\x1b\x16\x10\x10\xf0\xc7\x1f\x7fX\xb6ZBO\xf7\x81\xf0\x04\xf0X,\xcf\x92\xeb\xd6\xad\x1b&gt;|xZZ\x1a\xdd\x1d\xef5x\x1a\x8c\x99F\xeb\xf7\xbbE\xb3\xe8\xee\xe1n6\x99bf.\x8c\x8dZ\xa8\x90\xe2\xe4\xe44c\xc6\x8c\x11#F\x90\xea\x1f~\xd9\xec\xac\x9c\x9c\x9c\x06\r\x1a\\\xbe|\xd9\xdd\xdd\xed\xa7]\x1b\xab\xd7\xa8\x9a\x9f_\xf0\x9f\r\x96,\xcbz\x0f\xf7\x1e\xaf\xf7\xda\x17\x7f@\xa7\xd3%&amp;&amp;\xd6\xa8QC=\xebpX\xae\x9c\xf3\xe7\xcfGEE-_\xb1\\\x91\x15"j\xde\xaa\xe9\x98I#\x9b\x056\xc9\xc9\xca-((\xd0\x08\x9a\xd2.\xf7?&gt;\xcb\x1a\x12&lt;\xcf\xc5\xfd\xbe3*,\xfa\xdc\x19\xac!\xf1XTqM\x17\x13\x1bb5\x1a\x8d\xfd\xfa\xf5\xeb\xd9\xb3gZZ\x9aw9\xef\xf9\xcb\xe7\xce\\8]\xa7\xd3f\x19\xb3lrUi\xb4\x9a\xbc\x9c&lt;I\x92\'F\x8e[\xb1ii\xd5\x17\x9e/,,\x1c9rd\x8f\x1e=n\xdc\xb8\xc1\x1e\x14T\x9b\xee\xac\x15\x9b7o^rr\xb2\xa2(\x1f\x0f\xe9\xeb_\xbfN\xd1\x89\xff\xff\xf5\xd7\xe5\xd0\xe9\x9fk4\x9a\xc2\xc2\xc2\xd0\xd0P"R\xc3\x99d\xcf\x8e\x96\xfd\x1a\x9b6k\xbal\xd92EV^\xa8Y}\xe6\x82\xe9\xab~^\x11\xd0\xa4\xc1\xed\xb4;f\xb3Y\xa3\xb1\xa3\xd6\x9f\x88\xd8;\x98y\xb9y9\xd9\xb9\xc1o\xb4\xfbm\xef\x8f\xe1Q\xa1\xe5}\xca\x13\xd1\xda\xb5k_}\xf5\xd5I\x93&amp;\x19\x8dF\xf6|\x8cW\xfc\x8a\xc2\x13\xc0\xa3X\n\x88\xfb\xf6\xed\xfb\xe4\x93O\xce\x9e=KD-\xda\xbc\x161k\xd2\x8bu_\xbcs\xeb\x8e\xcd\xe7\xde\xb0I\x11^\xe5\xbd\xd2n\xa6M\x18\x11\xf6\xfbO[H\xf5K\xc8\xb1\xb1\xdf\xe4\xe4\xe4\x80\x80\x00\xa3\xd1\xf8\\\xb5\xe7\xb6\x1d\xfc\xed\x89\xaesQ\x94\xbc\xcb{\x8e\xf9\xf4\xf3\xd5\xcb\xd6\x12\xd1\xee\xdd\xbb\x03\x03\x03\xcb\xf0CU\xd1\x15\x1d\xd6\xad[\x17\x11\x11q\xe6\xcc\x19"\xf2\xf4\xf2\xec\xfbi\xaf\x8f\x06\xf6\xf6\xab\xe8\x9b~\'\x83\x14\xe2\x05{\xbf\x96\xee]Cb\xfd\xaf&amp;\x93\x89\x88j\xd7\xae=v\xecX\xcb\x1a\x12\x98#\xc4 \x00\x1e\xaa\xe8x\xef\xf4\x19\xd3\x0b\x0b\nu:\xdd\xc0\x91\xfdG\x85\x0eS\x14\xca\xcd\xc9\xb5\x9f\xc7IQ\x14\x9d\x9d\x9duN\xba\xa2K\xc8\x8d\x181b\xe6\xcc\x99*\\B\x8e}p}\xfa\xf4Y\xb9r%\xc7qs\xbf\x9e\xd5\xadw\x97\x8c;\x19\x8f\xffy)\x8a\xa2\xd5j333\xdb6\xec`\xcc\xccj\xd0\xb0\xc1\xbe?\xcb\xe6\x94\xd0\xa2\xb3\xfb\x0f\x1d:\x14\x16\x16\xc6V\xcb\xe09\xfe\xbd\x0f\xde\xfdtD?\xff\xfau\x8c\x19F\x93\xc9d?W\xfb\xe3`w\x84\xbb\x87\xdb\xfe\xf8\x83\xb3"\xe6\xee\x8f?\xc0\xbe\xde\xae]\xbb\xf1\xe3\xc7\xb7m\xdb\x96\xee&gt;\xd9\x97\xb1\x0f\xf4I!\x00\x1e\xa0\xe8x\xef\xb0a\xc3\xb6l\xd9BD\xd5^\xa8\x1a\xb5 2\xb0]\xcb;\xb7\xee\x90\xfd\xcd+\xc0\x12r\x0cK\xbb\xbd{\xf7\xb6n\xddZ\x96\xe5FM\x03~\xdc\xb9&gt;+#\xebI\xbb\xae\xa2(z\x97\xf7Z\x18\xbd\xb8\x0cO\t}\xd8\x02\xce\xcd[5\x1b4\xaa\x7f\xdb\x0e\xad\xf3\xf3\x0b\xf2r\xf2\x1e\xb1\x80\xb3=cw\xb1\x87A/\x8a\xd2\x86U\x9b\x16\xcf[r\xe9B2\x11\x11G!}C\xa6L\x99R\xa9R%R\xfdh\x19\x02\xe0^\x96\x0bb\xfd\xfa\xf5C\x86\x0c\xb9u\xeb\x16\x11u\xef\xdd5l\xc6\x04\x0f\x83GVf\xd6\xa3\xd7s\xb6-\xd1,\xea=\xdc\xcdfs\xe4\xc4\xa8e_}KD\xde\xde\xdeQQQ\x9f|\xf2\t\xa9\xe0Zg\xcb\xfe\x98\xcd\xe6f\xcd\x9b\x1d=rT\xa3\xd1\xac\xdf\xb2:\xa0I\xc3\xdc\x9c\xdc\'\rl\x85\x14\x9e\xe38\xfe\x7fSBO\x9d:e0\x18\xca\xd8C\x80\xc9d\x9a9s\xe6\xc2\x85\x0bo\xde\xbcIw\x17p\xee\xd6\xbb\x8bV\xab\xc9\xcc0\xdav\x92O\x89\x90%\x998\xf2.\xe7\x95r3u\xf9W+\x97\x7f\xb5\x92M]\xf5\xf3\xf3\x1b&lt;x0[C\xc2\xd6\xc7hK\x8e\xfd\xe9\x968\xf6T\x98\x9d\x9d=l\xd8\xb0\xee\xdd\xbb\xdf\xbau\xab\\y\xef\x98o\xe6\xccY\x1c\xe5\xe4\xe4\x94\x9d\x95m\xcf\xad?\x11i\xb4\x9a\x9c\x9c\\Q\x94\xa6\xc7L\x89]&gt;\xd7\xb7\xa2ozzz\xbf~\xfd\xde\x7f\xff\xfd;w\xee\xb0\x91a[\x1fc)b\x03\x1e\xeb\xd6\xad;z\xe4(\x11u\xef\xdd\xb5y\xab\xa6\xd9Y\xd9O\xd1\x8aq\xc4\x89\xe2\xff\x9b\x12\x1a\x16\x16Vf\xa6\x84\xb2\xad\xaa\xd7\xad[\xd7\xb0A\xc3I\x93&amp;\xdd\xbcy\xd3\xd9\xd9y\xc8g\x03\x7f\x8d\xff\xa1w\xff\x0f\n\xf2\n\x8c\x99Y\x1a\x8d\xc6\xd1[\x7f"\xe2\x05\x9e\xe7\xf9\xdb\xb7\xee\xb8\xba\xbaN\x98:\xee\xa7\x9d\xeb\xd9vc)))\x93&amp;Mj\xd0\xa0\xc1\xbau\xeb\xd8Fc\xb6&gt;R\xdb\xc0\x13\xc0\xbf,\xe3\xbd\x87\x0e\x1d\x1a&lt;d\xf0\x91\x84#D\xd4\xa2\xcdk\x93gMz\xb9\xee\x8bwn\xa7;P\t\xe5\x81K\xc8\xd5\xae]k\xe9\xd2\xb2\xbc\x84\x1c\xeb\xfegff\xbe\xfc\xf2\xcbiiiz\x0f\xfd\xce\xa3[&lt;==\xcdf\xf3S\x7fp\x92$\x19\xbc\x0c\x9ft\xfb\xf4\x8f_\xb6j\xb5\xda\xc4\xc4\xc4\x9a5k:\xfa*\xa1\x96*Y\xcb\x96-\x89H\x10\x84\xd7\xdf\xee0t\xdc \xff\xfau\xf2r\xf2\n\n\n\x1c\xab\xdc\xff\x98\xd8t\t7\xbd\x9b \x08\xf1\xdb\xf7FO\x99{\xfc\xee\x1a\x12{\xf6\xecQ\xed\xbaO\x0e|\x1d\x97 \xf6\xda\x0b\xcf\xf3\xf3\xe6\xcd\x0b\x0c\x0c&lt;\x92p\x84#n\xd8\xb8\xc1\xab~^^\xadF\xd5\xdbv0\xdb\xe7\x89\xb0Yq\xe9\xb7\xd3+\xf8VX\xfd\xcb\x8a\xd0\xc8\xf1:\x9d\xee\xec\xd9sm\xdb\xb5\x9d&lt;y\xb2\xe5\xd5\x18[\x1ff\tc\xdd\xff9s\xe6\xa4\xa4\xa4\xc8\xb2&lt;l\xec\xa0JU*\x16\x14\x14\x14\xe7\x83\xe38N4\x8b#\'\x0e\xd39\xe9DQ\x1c6l\x18\xc7\x95\x91&gt;\x93\xd9lf\xafz\x85\xcf\x0c\xfdf\xc3\xa2\x9a/\xd6H\xbf\x9d\xfe\xef\x14\xcf\xb2\x88\xe38\x8dV\x93\x9f\x97\x9f\x9d\x95\xdd*\xa8\xe5O;\xd6\x0f\x1b;\x98\xed(`6\x9bm}t6\xa3\xf6\x00`/=j4\x9a\x1b7nt\xec\xd8q\xe4\xc8\x91\x85\x85\x85U_\xa8\xbab\xd3\xd2\x89\x91\xe3\xf2\xf3\xf2\x9fz5\x7f\x9bc\xd3\xd8\xf3r\xf3\x86|6p\xc3\xd65u^y\xb9\xb0\xa0\xf0\x8b/\xbe\xe8\xd8\xb1#[\x16_\x92\xa4\xb2\xd1\x96\xd1\xdd\xd6\xff\xdc\xb9s\xb3\xa2g\xf1&lt;_\xed\x85\xaa\xbd\x07|\x98m\xcc\x164\xc5\xea\xd3\xf1&lt;\x9f\x93\x9dS\xb7\x81\x7f\xc8\xc0&gt;\x8a\xa2\xb0-e\x04A(\x03s\xc99\x8ec\x93\xe2k\xd6\xaea*4\xe5d\xe7h4\x1a\x07\xea\xe5&lt;\x1d\x96y\x19w2t\xce\xba\xd7\xda4\x97$\x89M\x1a\xb6\xf5q\xd9\x8c\xaa\x03\xc0\xb2\x8d\xd7\xfa\xf5\xeb\x1b7~\x95\xcd\xf6y\xeb\xbd76m_\x17\xfcF\xdb\xdb\xa9w\x1c}\xc39V\xb6\xbas;\xbda\xe3\xfa\xeb\xb7\xac\xee\xde\xbb+\x11m\xd9\xb2\xe5\xb5\xd7^[\xb7n]Y\xda\\LQ\x14\x8e\xe3\x86\r\x1bf*4\xc9\xb2&lt;1r\x9c\xab\xab\x8b(J\\\xb1_X\x12\x04!7;\xb7\xdf\xd0\x10\x1f\xdf\n&lt;\xcf\r\x1b&gt;\x8c\xed\x84Uf\xb23?\xbf\xc0\xd1\xaf\xf3\'%h\x04Y\x92ssrm} \xb6\xa7\xa2O\xfd\x1e\xac\xecc\x19\xef\xbdv\xed\xba\xc1\xd30#v\xea\x92\xb5\x0b\xf5z}\xfa\x9d\x0c;\x1f\xef}|\x1a\x8d&amp;+3[\xab\xd3\xceY\x1c\x15\xf3\xcd\x9cr\xe5\xbd\xd3\xd2\xd2z\xf6\xec\xd9\xaf_\xbf\xec\xec\xec202|\xff\x8e\x8f\x1d\xden\xff\x9f\x8b\xbe=&amp;\x8e\xe3\n\n\n\xaa&lt;[y\xe4\x84a\xb2\xac\x9c;{n\xf1\xe2\xc5ef4\x98\x88x^\x8d\xfd_\xb5e\xde\xc3\xa8\xf1\x14X\xa6\xf9\x1f=z\xb4u\x9b\xd6\xb1\xb1\xb1D\x14\xd0\xa4\xc1O;\xd7\xf7\xe9\xdf+\xfdN\x86h.kk\x86\x08\x1aA\x12%cfV\xf7\xde]6l]\xdb\xa2\xcdkD\xb4t\xe9\xd22\xb0\x84\x1c\xeb\xfb[\n\xf4:\x9dn\xd4\xc4a\xa2Y,\xc1\xe7z\x8dF\x93\x99a\xec\xf2\xc1\xbbu\xea\xbd\xccq\\XXXFF\x06\xcf\xf3e\xe6!\x00TKu\x01 I\x12\xdb\xc9:66\xb6m\xbb\xb6\x96\xf1\xde\xb5\x9b\xbf\xabV\xa3Z\xfa\x9dtA\x10\xb8\xb2\xd8\'b\xbf\xf5\xed[w\xaa\xd5\xa8\xba\xea\xe7\xe5\xc3\xc6\r&amp;\xa2#\tG\x02\x03\x03\xd96\xe8\x0e\xba\x13:\xab\xfe/^\xbc\xf8\xdc\xb9s\x8a\xa2\x84\x0c\xeaS\xb7\x81\x7fNvN\xc9\xf6\xef$Irsw\x1f\x1b&gt;ZQ\x94\xf4\xf4\xf4\xb0\xb00VC/\xc1\x1f\x01`}\xea\n\x00V+\xb8q\xe3F\x8f\x1e=\x86\r\x1b\x96\x99\x91Y\xf5\x85\xe7\xd9x\xaf,\xc9y9ye\xac\xe3\x7f?\x8dF\xc3F\xb6\'F\x8e\xfbv\xd37U_\xa8\xca\x96\x90\xeb\xd8\xb1#[B\xce\xb12\x80\x8d\xe2\xb09\xdd&lt;\xcfW\xf0)\xdfohHnvn\x89\xcf\xe7\x13\x04!3#\xb3M\xfb\xc0\x8e\x9d\xda\x13\x11\xcb\x9b\xb2T\x08\x02uRQ\x00\xb0\xdd-\xb6n\xdd\xda\xa8Q\xa3\xef\xbf\xff\x9e\x88^\x7f\xa7\xe3\x8f\xdb\xd7\x07\xbd\xd1\xf6v\xea\x1dEQ\xec\x7f\xa1\xab\x12\xc1F\x86o\xa7\xde\t~\xa3\xed\xa6\xed\xeb\xd8{1[\xb6li\xd4\xa8\xd1\xd6\xad[\x05Ap\xa0\xca\x06\x9b\x92\xff\xf9\xe7\x9fgdd\xc8\xb2&lt;*tD\x95g+\x17s\xea\xe7\xc3p\x1c\'Kr\x99\x9c\x12\n\xaa\xa5\x8a&amp;\x8f\xeev\x15\'O\x9e\xdc\xa1C\x87\x1b7nT\xf0\xa9\x10\x1e5q\xf1\xea\xf9z\x0f}\xc6\x9d\x0c\x8d\xb6\xecO\x80\xbb\x87F\xabI\xbf\x93\xa1\xd7\xeb\x97\xac]8\xfd\xcb)\x15|\xca\xdf\xb8q\xa3C\x87\x0e\x93\'Ov\x94\xe2\x06+\xfe\x1c9r\x84\xed\xc9\xdc\xa8i\xc0\xfb}\xbb\xa5?\xc9\xa2oO\x84\xe7\xf9l6%\xf4\xd3\x7f\xa7\x84n\xd8\xb0\xc1\xe1\x9e\x99\x00\x8aRQ\x00\x10\x11\xbbW9\x8e\x1b3i\xc4\x98\xb1#\xb3\x8cY\x0e\xb7\xcca\t\xd2h4\xa2Y\xbc}\xeb\xce\xa0a\x9f\x8e\x994\x92E ;E\x0e\x11\x00l\xf8w\xf4\xe8\xd1\x85\x85\x85\x82 \x0c\x1f?D\xa3\xd1\x94j\x97\\\x10\x84\xec\xac\xec\xc1c&gt;}\xbe\xdas\x1c\xc7\x85\x86\x86\x9aL&amp;&lt;\x07\x80\xe3RK\x00\xb0!\xc1&gt;}\xfa8;;+\x8ar\xe4\xd0\xd1\xac\x82,*\x8b+"&lt;\x11\x8e\xe78\x8e\xcb)\xc8&gt;r\xe8\xa8\xa2(\xce\xce\xce}\xfa\xf4!G8-l8g\xc3\x86\rO\xb4\xe3c1q\x1cg*4\xf9T\xf4\x198\xb2\xbf\xa2(\xe7\xcf\x9f\x8f\x8e\x8e\xc6H\x008.{\xbf\xcfK\n\xbbK\xabV\xadZ\xbf~}"\xda\x1d\xb7\xe7V\xeam\'\'\'\x95\xf7\xdd\x14Eqrr\xba\x95z{w\xdc\x1e"\xaa_\xbf~\xd5\xaaU\xed\x7f\x0f\x19\xf6\xa9\x99L\xa6\x89\xa1\x13\x89H\xef\xe1&gt;t\xdc\xe0\xfc\xbc|+\x1c6[c\xa3{\x9f\xae\xaf6\x0b "\xb6\xf2\x84\xa3\x14\xcd\x00\xeea\xd7\xf7y\xc9b\xedZ\xe7\xce\x9d\x89(-\xf5\xd6\xa1}\x7f\xb9\xba\xb9\xa8\xfc\xbe\x95e\xd9\xd5\xcd\xe5\xd0\xbe\xbf\xd2Ro\x11Q\xe7\xce\x9d\x1d\xa2?\xcb\xb6\xaf\x8a\x8e\x8e\xbep\xfe\x82\xa2(\x1f\x0f~\xb2\x1d\x1f\x8bIQ\x14\xadV3l\xdc\x10A\x10\xee\xdc\xb9\xf3\xf9\xe7\x9f\xe3\x9d\x00pP*\n\x00\xd6:t\xea\xd4\xc9\xc9\xc9\x89\x88\xb6\xfe\xbaMm\x03\xbf\x0f\xc4q\xdc\xd6_\xb7\x11\x91\x93\x93S\xa7N\x9d\xc8\xee\xeb?,\xc8/]\xba\x1453\x8a\xe3\xb8\xe7\xab??hT\xff\'\xda\xf0\xab\x98\x04A\xc8\xcc0\x06\xbd\xde\x86M\xa0Z\xbbv\xed\x91#G\x1c"8\x01\xeea\xd7\xb7z\xc9b\xb7\xe8\x0b/\xbc\x10\x10\x10@D\x07\xf6\x1e\xba\x9dv[\xab\xd5\xaa\xb6\xef\xc66&gt;\xbc\x9dv\xfb\xc0\xdeCD\x14\x10\x10\xf0\xc2\x0b/8D\xfd\x87\xe3\xb8\x88\x88\x88,c\x16\x11\x8d\x18?\xc4\xddCo\xe5\xd5,x\x9e\xcf\xcf\xcb\x1f:v\x90\x87\xc1\xa3\xb0\xb0p\xcc\x981\x18\n\x06Gd\xd7\xb7z\x89c\xad[PP\x10\x11\xa5\xa5\xde:\x9dt\xce\xd9\xc5Y\xb5\x1d7Y\x96\x9d]\x9cO\'\x9dc\xf5\x9f\xa0\xa0 \xfb\xef\xc6\xb2\xb1\xdf={\xf6\xac^\xbd\x9a\x88\x1a5\r\xe8\xda\xeb=c\xba\xd1\xcaS\xb9x\x9e\xcf\xc9\xc9\xad\xdb\xc0\xbfw\xbf\x0f\x88(&gt;&gt;~\xe3\xc6\x8d\x98\x12\n\x0eG]\x01\xc0j&gt;\xc1A\xc1&lt;\xcfK\xa2\x14\xf7\xdbv\x9d\x93\xaa\x9f\x00tN\xda\xb8\xdf\xb6K\xa2\xc4\xf3|pP0\xdd=E\xf6L\x96\xe5Ia\x93$I\xd29\xe9\xc6G\x8c\x91D\xa9\xd8+~&gt;\r\x8dF\x93\x99\x9e\xd9\x7f\xf8\xc7\xcf&gt;\xff\x8c\xa2(\xe3\xc6\x8d3\x1a\x8dtw\x80\x1a\xc0!\xa8+\x00\xd8k\xae\r\x03\x1a\xd6\xacY\x93\x88vm\x8b\xcfL\xcf\xd4j\xb5\xb6&gt;.\xdb\xd0j\xb5\x99\xe9\x99\xbb\xb6\xc5\x13Q\xcd\x9a5\x1b\x064d/K\xdb\xfa\xb8\x1e\x8au\xff\xbf\xfb\xee\xbb=\xf1{\x88\xe8\x8dw:\xbe\xd6\xba\xd9\xd3\xed\xf8X|\x1c\xc7\x99L&amp;\x1f\xdf\n\xa3CGp\x1c\x97\x9c\x9c&lt;o\xde&lt;&lt;\x04\x80cQW\x00\x10\x91$I:\x9d\xee\xad\xb7\xde"\xa2\xcb\x97\xfe&gt;\x9ep\xd2\xd5\xd5E\x857\xad$I\xae\xae.\xc7\x13N^\xbe\xf47\x11\xbd\xf5\xd6[:\x9d\xce\x9e\xcf\x03+\xfd\xa7\xa7\xa7\x8f\x1f?\x9e\xe7y\x83\xa7a\xec\x17\xa3\xb3\xb3rl\x98X\x1a\x8d&amp;\xfdNF\x97\x0f\xdeeSB\xe7\xcd\x9bw\xe9\xd2%A\x10\xec\xbc\x8c\x06`\xa1\xba\x00`%\x8e\xf7\xde{\x8f\xd5\xbb\xe36\xef\xd0\xaa\xb2\n\xa4(\x8a\xd6I\x1b\xb7y\x07\x1b\x17y\xef\xbd\xf7\xc8\xbe\xeb?\xf7\xef\xf8X\xed\x85\xe7\x0b\xf2Ke\xd9\x9f\xc7\xc7q\x9c$\xc9\xe3&amp;\x8fqrr\xca\xcc\xcc\x8c\x88\x88\xc0h08\x10\xd5\x05\x00\xab\x02\xd5\xaf__\xe5U\xa0{\xea?\xf5\xeb\xd7\xb7\xe7\xfa\x0fk\xfd/\\\xb80+z\x16\xc7ql\xc7\xc7\xcc\x0ck\x8f\xfd\xde\x8f\xe7\xf9\xec\xac\xec\xd7Z7{\xe3\xdd\x0eD\xb4z\xf5\xea={\xf6\xa0\x10\x04\x8eBu\x01@\xa8\x029l\xfdg\xe2\xc4\x89\xa6B\x93\xa2(\x13#\xc7\xdb\xcfG&amp;\x08BvV\xceg\xe1\xa3\xbd\xbc\xbd$I\n\x0b\x0b\xb3\x93\x03\x03\xf8Oj\x0c\x00T\x81\x1c\xab\xfec\xd9\xf1q\xc3\x86\rD\xf4Z\xabf\xed\xdfj\x97e\xcc\xb6\x93\xe7\x15\x8e\xe3\n\xf2\x0b\xaa\xd7\xa8\xdag\xc0\x87D\x14\x1f\x1f\xbff\xcd\x1a&lt;\x04\x80CPc\x00\xa0\n\xe4@\xf5\x9f\xa2;&gt;\xf2&lt;\xaf\xd3\xe9B\xa7\x7f.I\xf65\xca*\x08BFz\xe6\xa0Q\x03\xaaV\x7f\x9e\xbd\xa4f4\x1a1\x18\x00\xf6O\x8d\x01@\xea\xae\x029V\xfd\xa7\xe8\x8e\x8f\xb2,\x87\x0c\xeaS?\xe0\x95\x12\xdf\xf1\xb1\x98XD\xb9{\xb8\x0f\x1f?\x84\x88.^\xbc\xc8v\xd9\xb4\xdb\xb3\n\xc0\xd8\xd1]dMj\xae\x029P\xfd\x87u\xff322\x8a\xee\xf8\x98S\n;&gt;\x16\x9fF\xa31\xa6\x1b\xbb\xf6z\xef\xd5f\x01\x1c\xc7\xcd\x9b7/99\x19SB\xc1\xce\xa94\x00\xd4\\\x05r\xa0\xfa\x0f\x8b\xa8Ia\x93\xfe\xdd\xf1q\xe2\xf0\xd2\xdb\xf1\xb1\x04p$\x89\xd2\xb8\xc9c4\x1aMff\xe6\xf8\xf1\xe3Q\x05\x02;\xa7\xd2\x00\xa0\x07T\x81\x12]\xdd\xca~\x15H\x92$W7\x97\xe3\t\x89\xf6_\xff\xb1\xec\xf8\xb8x\xf1b"z\xb9\xeeK]&gt;\xe8l\x0fS?\x1f\x86M\tm\xde\xaai\xb7^]\x88h\xc3\x86\r\xf1\xf1\xf1\x18\r\x06{\xa6\xde\x00\xb8\xa7\n\xb4\xed\xb78\x8d\nV\x06U\x14E\xa3\xd5n\xfb-\xceQ\xea?\xa3G\x8f\x96DI\x10\x84\tS\xc7\xb9\xba\xbb\xdayc*\x08BNV\xee\xa8\xd0a\x9e^\x06\x8e\xe3F\x8f\x19]XX\x88\xe7\x00\xb0[\xea\r\x80{\xaa@\x7f\x1dH\xc8\xcf\xcb\xb3\xcfJH\t\x12\x04!?/\xef\xaf\x03\td\xdf\xf5\x9f\xa2;&gt;*\x8a\xf2V\xe7\xd7\xdbul\x9d\x99\x9ei\x87\x87Z\x14\xc7q\x05\x05\x05\x95\xaaT\x1c\xfa\xd9 EQ\x8e$\x1cY\xb7n\x9d\xfd\xaf\xb1\n\xaa\xa5\xde\x00 "Y\x96u:]\xd3\xa6M\x89\xe8\xdc\x99\x8b\xe7N]p)\xd3\xabC\xcb\xb2\xec\xe2\xe2|\xee\xd4\x85sg.\x12Q\xd3\xa6Mu:\x9d\x1d\xfe\xbe\xf7\xec\xf8\xe8a\xd0[m\xc7\xc7\xe2\x134B\xb61\xbb\xf7\x80\x0f\xab\xd5\xa8\xca\xf3\xfc\xe7\x9f\x7f\x9e\x9e\x9e\x8e\x87\x00\xb0O\x0epG\x956V\x06),(\xd8\xb9uw\xd9\xde\x1e\x80m\x00\xb0s\xeb\xee\xc2\x82\x02\xba\xfb\x8b\xdb\xa1{v|\xec\xdd\xef\xc3\xba\r\xfcsrr\x1d"\x008\xe2DQruu\x998u\x9c,\xcb7o\xde\x9c3g\x0e\x1e\x02\xc0&gt;9\xc0\x1dUzX\x83\xd2\xb2e\xcbJ\x95*\x11Q\xdc\xef;\xf2\xf3\xf3\xed\xbc\xc8P\x1c\x82 \xe4\xe7\xe7\xc7\xfd\xbe\x83\x88*U\xaa\xd4\xb2eK\xb2\xbf\r \xff\xb7\xe3cT\x14\xc7q\xcf&lt;W\xa5\xff\xf0\x8f3\xd33\xedv\xec\xf7~\x82 d\x19\xb3\xdb\xbf\x15\xf4Z\xabf\x1c\xc7EGG_\xb8p\x01SB\xc1\x0e\xd9\xd7\xcdoe\x1c\xc7I\x92\xa4\xd7\xeb\x83\x83\x83\x89\xe8\xd4\xc93g\x93\xce\x95\xd5*\x10\xab\xff\x9cM:w\xea\xe4\x19"\n\x0e\x0e\xd6\xeb\xf5\x92$\xd9\xdb\x08\xf0\xffv|\xcc\xca"\xa21\x93F\xfa\xf8V0\x99L\xf6v\x9c\xffI\x92\xe4\xd0\xe9\x9fk4\x9a\xc2\xc2\xc2\xd0\xd0P\xc2^1`\x7fT\x1d\x00\x16]\xbat!"Sa\xe1\xce\xad\xf1e\xb5\nt\xb7\xfe\x13o*,\xa4\xbb\xbf\xb2\xbd\xb9\x7f\xc7\xc7.\x1f\xbc\x9bn\xc5\r\xdfK\n\xcf\xf39\xd9\xb9\xaf4\xf4gSB\xd7\xaf_\x8f)\xa1`\x87\xd4\x1e\x00\xea\xa9\x029D\xfd\x87\x88$I\xfa\x7f;&gt;J\xb2\xc3\xf5\xfd\x19A\xe0\xf3r\xf2GM\x1c\xe6\xe9e\xe0y~\xf4\x98\xd1\xa2(b4\x18\xec\x8a\xdd\xdd\xffV\xa6\x92*\x90C\xd4\x7fDQ\x14\x04a\xcd\x9a5\xf6\xb0\xe3c\xf1\xfd;%\xf4\x99JC?\x1b$\xcb\xf2\x91\x84#\x8b\x17/\xc6h0\xd8\x15\x87\xbc\xb5JC\xd9\xae\x02\xd9\x7f\xfdGQ\x14\x9e\xe7\xb3\xb2\xb2"""x\x9e\xf7\xf4\xb2\xfd\x8e\x8f\xc5\'h\x84\xac\xcc\xac\x8f&gt;\xedU\xa7\xde\xcb&lt;\xcf\x87\x85\x85edd\xf0&lt;\x8f\x87\x00\xb0\x13\x08\x00UT\x81\xec\xbf\xfe\xc3&amp;\xffD\xcd\x8c\xbax\xf1\xa2,\xcbC?\xb3\x8b\x1d\x1f\x8b\x89#N\x92$\x17W\x97\xb1\xe1\xa3eYNOO\x0f\x0b\x0b\xe38\xae\x8cu/\xc0q\xd9Q\x13`+e\xbe\nd\xff\xf5\x1f6\xf1\xff\xc2\x85\x0b\xd1\xd1\xd1&lt;\xcf\xdb\xcf\x8e\x8f\xc5\'\x08Bf\x86\xb1M\xfb\xc0\x8e\x9d\xda\x13\x11[\xd7\x1a\x85 \xb0\x13\x08\x80\xff)\xabU \x87\xa8\xff\x10\x11\xdb\xf1Q\x96e\xbb\xda\xf1\xb1\xf88\x8e\x93%y\xe4\xc4a:\'\x1d\xdb\xd9\x06C\xc1`\'\x10\x00De\xbd\nd\xe7\xf5\x1f6\xf53&gt;&gt;\xde&gt;w|,&gt;\x9e\xe7\xb3\xb3s\xea6\xf0\x0f\x19\xd8GQ\x94m\xdb\xb6m\xdb\xb6\rSB\xc1\x1e\xd8K+`[\xf7W\x81N\'\x9e-\x1bU V\xff9\x9dx\xd6&gt;\xeb?\x96\x1d\x1fG\x8f\x1e\xcd\xf3\xbcF\xa3\xb1\xc3\x1d\x1f\x8bO\x10\x84\xdc\xec\xdc~CC||+\xf0&lt;7l\xf80L\t\x05{\x80\x00\xf8\x7f\xbav\xed\xcaq\x9c\xa9\xb0\xf0\xcf]\xfb\x9d]\xcbH\x008\xbb:\xff\xb9k\xbf\xa9\xb0\x90\xe3\xb8\xae]\xbb\xda\xfa\x88\xfe\x1f\xcb\x8e\x8fG\x8e\x1c\x91e\xb9{\xef.\xaf4\xf4\xcf\xc9v\x8ce\x7f\x1e\x1f\x9b\x12Z\xe5\xd9\xca#\'\x0c\x93e\xe5\xdc\xd9s\x98\x12\n\xf6\xa0L\xddf\xc5\xc1Z\x9c\xa6M\x9bz{{\x13\xd1\xa1\xbd\x87\xcdf\x91\xe3\x1c\xfe\xfcp\x1co6\x8b\x87\xf6\x1e&amp;"ooo\xb6\xf4\xa9\x9d4\xafl\xeag\xd1\x1d\x1fG\x87\x8e\xc8\xcb\xc9\x17\x04\xbb8\xbc\x92\xa5\xd1h23\x8c]&gt;x\xb7N\xbd\x979\x8ecSB\xf1\x10\x00\xb6U\x06\xef\xb4\xa7\xc3&amp;\xe7yzz6i\xd2\x84\x88\x0e\x1fH\xb8r\xe9\x8a\xb3\xb3\x93C\xdf\x9f\x8a\xa28;;]\xb9t\xe5\xf0\x81\x04"j\xd2\xa4\x89\xa7\xa7\xa7,\xdb\xcb\xbb\xb5\xecH,;&gt;\x0e\x1f?\xc4\xaf\x92onn\xae"+R\x99#K\xb2\xc9drvq\x19\x13:BQ\x146%\x14\x0f\x01`[\x0e?\xcd\xae\x04\xc9\xb2\xac\xd1h\xbav\xed\xbay\xf3\xe6\xec\xac\xec\xbd;\xf7}\xf4i\xaf\xfc\xfc|\xc7\x9d\x8c(I\x92\xab\x9b\xcb\xde\x9d\xfb\xb2\xb3\xb2\xe9n\x81K\x92${x\x02`\xc5\x9fs\xe7\xce-^\xbc\x98\xe3\xb8FM\x03&gt;\x1e\xfc\x91,\xc9\xde\xe5\xbc\xed#\x9eJ\x85$\xc9\xef\xbc\xd7\xa9\xcb\x07\x7fl\\\xbdi\xf1\xe2\xc5\x1f}\xf4Q\x83\x06\r\xd8\xa9\xb0\xd5!\xc9\xb2\xec\xd0\xbd\x9c\xa7\xa6\xce\xdf\xfa\x1e\x8e\xda\xb4\x95\x066\xed\xa4}\xfb\xf6\x06\x83\xc1h4n\xfd-\xaeW\xbf\xf7\x1d\xba\n\xc4q\xbc$I[\x7f\x8b#"\x83\xc1\xd0\xbe}{\xba\xfbk\xda\x1c\xab\xff\x0c\x1b6L4\x8bD\xd4,\xb0\xc9\xfe=\x07\x8d\x99Y\x1aA(\xab\xf7%G$\xc9\xb2\xab\x9bk\xfd\x80W~^\xff\xab\xd9l\x1e=z\xf4\xee\xdd\xbbm\xfb\x10\xe0\xe6\xee\xc6\x0b\xbc$IvraX\x81\xa2(\xb2,kuZ[\x1f\x88\xed!\x00\xfe\x87U\x81\xfc\xfc\xfcZ\xb4h\xf1\xdbo\xbf%\x1c&lt;\xfa\xf7\xa5+\x15+Wt\xc4\xb5\x88\xe9n\xfd\xe7\xefKW\x12\x0e\x1e%\xa2\x16-Z\xf8\xf9\xf9\xd9\xb6\xb3i\xc1\x9a\x9bM\x9b6\xc5\xc5\xc5iuZY\x92\xe7M\x8f\x9d7=\xd6\xd6\xc7e=\x82 \xe8t\xba?\xff\xfcs\xd3\xa6M\x9d;w\xb6~\xfb\xcb\x02\x98\xe3\xb8?w\xee{\xb5YC/o/c\xa6\x91\xe7y{\xb8&lt;J\x95(J:\x9d\xce\xdd\xd5=\xf5F*\xc7q\xec$\xd8\xfa\xa0l\xa6\x8c\x7f\xd8O\x8a\xf5\xc5\xd8\xabR\xac\n\xe4\xea\xe6\xa8o$\xddS\xffa\xbf\x94=T\x9cY\xd3c4\x1a\x87\x0c\x19\xa2(\x8a\xd9dv\xd03\\\x1c\x92$\x99L&amp;I\x92\x86\x0c\x19b4\x1a\xad\xbf@\x90V\xab\x95eY\x92\xa4\x98\x99\x0b\xdei\xddu\xcf\x8e\xbd\xe5\xca{;\xbb8\x8b\xa2h\xcd\xc3\xb0&amp;v\x99y\x97\xf3\xcc2f\x8d\x180f\xd2\xa8\xc9\xac"Z\x86\x7f\xe5\xff\x84I\x08\xff\x0f\x9b\x96\x9e\x92\x92R\xbbvm\xa3\xd1\xd8:8p\xd5\xcf\xcb\x8d\x99\xd9\x8e8/E\x92d\x83\xa7\xfe\xc3\xb7\xfb\xee\xda\x16o0\x18\xce\x9e=\xeb\xe7\xe7\xc7~A\xdb\x1e\x18;\x06\xa3\xd1\x98\x90\x90\xc0\x1a&gt;\x9b\x1f\x92M\xb0_\\\x96\xe5\x80\x80\x00\x83\xc1`\xcd\xf3\xc0\x9a\xfe\x1f~\xf8a\xea\xd4\xa9\xa7N\x9d""\x8e\xe3\xba\xbc\xff\xee\xa7#\xfb\xfb\xd7{9#=S\x12%ASv*Bl\x9c\xc3\xe0i\xc8\xcf\xcb\xffn\xe9\x9a\x85\xb3\x17\xddJ\xbbMD:\x9dn\xc0\x80\x01\x93\'O6\x18\x0c\x1c\xc7\xa9\xf0:D\x00\xdc\x8b\x15I\xdez\xeb\xad\xdf~\xfbM\xef\xa1\xdf\xb2\xff\x17G\xac\x02)\x8a\xa2\xd3\xe9n^\xbf\xd9\xa1Y\xa7\xec\xac\xec7\xdf|\xf3\xd7_\x7f\xb5\x93\xfa\x0f\xd8\x0f\x93\xc94s\xe6\xcc9s\xe6ddd\x10\x91\xc1\xd3\xe3\x93!!\xfd\x87}\xac\xf7\xd0\x1b3\x8dd73\x86\x9f\x9a\xa2(\x92$\xb9\xeb\xddy\x9e\x8f\xdf\xbew\xf6\x94\xb9\xc7\x12N\xb0?z\xfd\xf5\xd7\xa3\xa2\xa2\xea\xd4\xa9c\xdb#\xb4-\xc7\xfetKC\xd9\xa8\x02\xd9m\xfd\xc7\x82\xdd\x99 I\x92\xad:a\x92$\xe9t\xba\xd0\xd0\xd0\x83\x07\x0f\x86\x84\x84p\x1cg\xcc\xcc\x9a=u^\xa7\xc0\xf76\xae\xde\xa4\xf7\xd0\xbb\xb9\xb9J\xa2\xcd\x0e\xaf\xf8DQ\x144\x82wy\xefs\xa7\xcf\x0f\xea=\xec\xc3\xb7?b\xad\xbf\xbf\xbf\xff\xef\xbf\xff\xbey\xf3\xe6:u\xea\xd8\xf0\xfc\xdb\x03&lt;\x01\xdc\xablT\x81\xec\xb6\xfe\x03v\x85\xc50\x9b\xe8\xbcc\xc7\x0e\x16\x06\xec\x8fZ\xb4i&gt;r\xc2\xb0f\x81Ms\xb3s\n\nL\x1a\x87\xaa\x08\xc9\x92L\x1cy\x97\xf3JMI\xfb\xfa\xcbo\x96\xcc_VXPHD~~~\x83\x07\x0f\x1e;v\xacN\xa7c\xfd!G\x7f\xc4)&amp;U\xff\xf2\x0fTt.\x10\x11\xb1\xb9@\x8e\xf5F\xd8\xc3\xe6\xff\xa0\xf5\x87{p\x1c\xa7\xd1hdY\x16E\xb1m\xdb\xb6{\xf7\xee]\xb6lY\x95*U\x88h\xef\xce}=^\xef5~\xc8\xc4\xcc\x0c\xa3w9O\xba;\x88j\xe7\x14E\x11E\xd1\xdd\xc3\xcd\xd9\xc5y\xe5\xd7\xab\xdfi\xd3m~\xf4W\x85\x05\x85N\xceN!!!\t\t\t\xa1\xa1\xa1:\x9dN\x92$5Ly\xfaOj\xff\xfd\x1f\xc8\xd1\xab@\x92\xdd\xd7\x7f\xc0\xae\xb0e\xf8\xd8\xa3@\xdf\xbe}\x8f\x1c9\x12\x1a\x1a\xea\xe2\xe2b2\x99V,\xfe\xaeC\xb3N\x8b\xe6-\x15\x04\xc1\xe0i\x90$\xc9~/$\x85DQ\xd4j\xb5\xe5}\xca%\x1c&lt;\xfaA\xa7\x8f&gt;\x1b\xfcy\xf2\x85d"j\xd7\xae]\xfc\xee\xf8o\xbe\xf9\xa6r\xe5\xca\xa2(*\x8a\xa2\x9e\x97\x1e\x1e\r\x01\xf0\x00E\xdf\x08#\xa2\xad\xbf\xc5I\x92\xe4@o\x84\xd9\xf3\xfb_`\xb7\x04A`\xddg\x1f\x1f\x9f)S\xa6\x1c&gt;|\xf8\xf5\xd7;\x12\xd1\xad\xd4[\x93\xc7M\xed\xda\xbe\xe7\xaem\xbb\xf5\x1ez\x17W\x17\xd1,\xda\xdb\x03\xb1$I\xc4Qy\x9f\xf2i\xa9\xb7\x86|4\xb2{\xc7\x0f\xf7\xc7\x1f \xa2\xda\xb5k/[\xb6,..\xaeq\xe3\xc6\xac\xdc\xaf\xd1h\xf0(l\xe10\x8d\x9a5\xdd_\x05J\xbe\xf8\xb7\xb3\x8bcT\x81\x14EqvqJ\xbe\xf87\xea?\xf0\xa4XE\x88\r\x0c\xd4\xa9Sg\xf3\xe6\xdf\x7f\xff\xfdw\x7f\x7f\x7f":\x96p\xe2\xc3\xb7\xfb\x0e\xea=\xec\xf2\xc5\xcb\x15\xfc*\x08\x82 \x8av\xf1L,\xcb\xb2,\xcb\x06O\x0f"\x9a\xf9Et\xa7\xc0\xce\x1bV\xfd`2\x99\\\\\\\xd8\x90F\xdf\xbe}\xd9\xf7\x08\x82\x80\xbb\xe0\x1e\x08\x80\x07c\xcf\xb9\xef\xbd\xf7\x1e\x11ege\x9f&lt;\x9a\xe8(\xdb\x03\xb0\r\x00N\x1eMd\xf5\x1f\xf6+8\xc4\x91\x83\x9d\xe08N\x10\x04\xd6hv\xec\xd81!!a\xca\x94)~~~D\xf4\xeb\x0f\x9b\xdfi\xd3mZhT^^\x9ewy/\xdbV\x84\x14E\x91D\xc9\xd5\xcd\xd5]\xef\xb6\xf5\xb7\xedo\x05v\x9e=\xf5K6\xc1\xbfg\xcf\x9e\x87\x0f\x1f\x9e2e\x8a\xc1`\x10E\x11\xe5\xfe\x87\xc1Iy0v\xb94k\xd6\xcc\xc9\xc9\x89\x88vn\xd9M\x0e\xd4w\xe0\xb8\x9d[v\x13\x91\x93\x93S\xb3f\xcdH\xf5S\x1d\xe0)\xb0F\xd32U\xf4\xc8\x91#!!!\xc4\x911\xd38oz\xec\xbbm\xbam\\\xf5\x83\x87\xc1\xc3\xcd\xcd\x95U\xd5\xad|x\xac\xdc\xefY\xce\xf3l\xd2\xd9^\xef\x84\x84t\xed\x7f\xfe\xcc\x05"j\xd2\xb4\xc9\xb6m\xdb\xd6\xacYS\xa7N\x1dv`\x8e\xbb\x98\xa3\x15`\x1a\xe8C\xb1\xae\xcdk\xaf\xbdv\xe0\xc0\x01_?\x9f\xad\x07\x7fs\xd7\xbb\xb3\x8d\x9cl}h\x0f\xc5.\xf7\x9c\xec\x9c\xf6M\xdeLMIk\xda\xb4\xe9\x9f\x7f\xfeI\x08\x00(\x86{\xa6\x8a\xce\x981c\xfb\xf6\xed\xec\x8f\xd8T\xd1\xe6\xad\x9a\xe5d\xe5\x14\x14\x14X\xa7\xa9\x95$I\x10\x04\x83\xa7\xc7\xf5k7c\xa2\xe6\xaf\xfbv\x83e\x8a\xe7\x84\t\x13&gt;\xfd\xf4S\xb6\xca\x05\xe1\xb2\x7f\x0c8A\x0f\xc5\xde\x9b\xed\xdc\xb93\x11\xa5\xa6\xa4\x1d\xdc\xf7\x97\x93\xb3\xced2\x89v\xccd299\xeb\x0e\xee\xfb+5%\x8d\x88:w\xee\x8c\x15\xe7\xa1\x98\x8a\x0e\x0c\xb4m\xdb6..\xee\xffM\x15}\xa3\xf7\x90\x8fF\xa4\xa5\xde*W\xde\x9bJy\xaa([\xc1\xc2\xe0e\xe08\xee\xdb\xafW\xbd\xf9\xda;\xdf.^UXP\xe8\xe2\xe2&lt;t\xe8\xd0\x13\'N\x0c\x1d:T\xab\xd5b\x8a\xe7\xe3\xc3\x13\xc0C\xb1\x008\x7f\xfe|\xdd\xbau\x0b\x0b\x0b\xdf\xeb\xf9\xee\xaa5\xcb3L\x99\xf6&lt;\x9dF\x92$/\x9d\xe7\x87\xef\xf7\xfda\xed\x8fNNN\'O\x9e\xacY\xb3&amp;V\x80\x80\x92\xc2\xdaV\x8e\xe3\xd2\xd2\xd2bccg\xcf\x9e\x9d\x9f\x9fOD\xe5}\xca\x0f\x1e\xfd\xe9\x87\x1f\xf7tqu\xc96f\x13W\xc2\xbdoV\xeew\xd3\xbb\t\x82\x10\xbf}\xcf\xec\xa9_\x1e\xfb\xeb8\xfb\xa3\xa2+:X\x0e\xaf\x04\x7ft\xd9\x86\x00x\x14K\x15\xe8\xe0\xc1\x83^\xde^\xef\x87t\xffw\xf12\xb2\xc7+L\xa1\x7f\x17\x17[\xb3\xec\xfb\x8c\xf4\x8c&amp;M\x9a\xa0\xfe\x03\xa5A\x14EV\xedIJJ\x9a6m\xda\xda\xb5k\xd9\xd7k\xbdTs\xdc\xe41\xed\xdfl\'\x8aRNvNI\xcd\xba\x11EQ\xa7\xd3\x19\xbc\x0c\xa7N\x9c\x9a\x13\x19\xf3\xeb\x0f\x9b\xd9\xd7\xfd\xfd\xfd\'L\x98\xd0\xa3G\x0fB\xd3\xff\xb4\x10\x00\x8f\xc2.\xf4Y\xb3f\x8d\x1d;\xd6\xd6\xc7\xf2\xc4</t>
        </is>
      </c>
    </row>
    <row r="11">
      <c r="A11" s="1" t="n">
        <v>9</v>
      </c>
      <c r="B11" t="inlineStr">
        <is>
          <t>color_hexagon</t>
        </is>
      </c>
      <c r="C11" t="inlineStr">
        <is>
          <t>What is the missing color of the part denoted with a question mark?</t>
        </is>
      </c>
      <c r="D11" t="inlineStr">
        <is>
          <t>['yellow', 'purple', 'orange', 'green']</t>
        </is>
      </c>
      <c r="E11" t="inlineStr">
        <is>
          <t>orange</t>
        </is>
      </c>
      <c r="F11" t="inlineStr">
        <is>
          <t>There is a hexagon split into six parts with the colors ['?', 'red', 'blue', 'orange', 'red', 'blue'] in an anti-clockwise order.</t>
        </is>
      </c>
      <c r="G11" t="inlineStr">
        <is>
          <t>We observe that a blue part is opposite another blue part, and a red part is opposite another red part. Thus, the pattern is that the colors in opposite parts are the same.</t>
        </is>
      </c>
      <c r="H11" t="inlineStr">
        <is>
          <t>Based on the pattern that spatially opposite parts have the same color, the missing color of the part which is opposite a orange part should be orange.</t>
        </is>
      </c>
      <c r="I11" t="inlineStr">
        <is>
          <t>b'\x89PNG\r\n\x1a\n\x00\x00\x00\rIHDR\x00\x00\x02\x00\x00\x00\x02\x00\x08\x02\x00\x00\x00{\x1aC\xad\x00\x00|rIDATx\x9c\xed\xddy|T\xd5\xf9?\xf0s\x9esg\xc9d\x99I\x80\x84M4\x04D \xec\x04\x12\x03\xb1\x15\xa5bk\xa9U\x94ET\\\xbe\xda\xd6Z\x04di\x8cH\x10\x10\t\x98\x9f-.\xfd\xb6*\x95MP\xbf\x95\x16\x17\\\xd8$ \x84\x08\x88[I@0B\x88\x94L2\x93\xcc\xcc\x9d{\xce\xf9\xfdq\x92H\x114\x90e\x96\xfb\xbc_\xfd\xa3\x8b}1$s\xefs\xee9\xcf}&gt;TJI\x10B\x08\x99\x0f\x84\xfa\x03 \x84\x10\n\r,\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J\x0b\xf5\x07@\xa1$\xa5\x94R\x86\xfaS\xa0\x90\xa1\x94RJC\xfd)P\xc8P\xbc\xfeM\xcb0\x0cM\xc3\x15\x80\xd9\x19\x86\xc1\x18\xc32`NX\x00LJ\x08\x01\x00_|\xf1\xc5o\x7f\xfb[\x00\x10B\x84\xfa\x13\xa16\xa5i\x9aa\x18\xf7\xdcs\xcf\xc4\x89\x13C\xfdYP\xc8\xe0\x02\xd0tT\xc9\xf7\xf9|K\x97.u\xb9\\\x9b7o\x0e\xf5\'B!\xd3\xa7O\x9fo\xbe\xf9\xe6\xba\xeb\xaeKOO\x97R\x02\xe0\xa1\xa0\xb9\xe0\x13\x80\xe9p\xce\x19c+V\xac\xb8\xf3\xce;)\xa5\x8c\xb1\xc6\xef\x00^\xffQ\x8fR*\x84h\xfc\x8d3\xc6t]\x9f&lt;y\xf2\xdf\xff\xfew\xdc\x124!,\x00\xe6\xa2N}\xab\xab\xab\xfb\xf4\xe9s\xea\xd4)!\x04n\xfe\x98\x9c\xd5j\xe5\x9co\xde\xbcy\xe4\xc8\x91jq\x10\xeaO\x84\xda\x0e\x16|s\x11B0\xc6\xf2\xf2\xf2***\xd4\xda\x9f\x12B\x01\x84\x10\x93&amp;M\xba\xeb\xae\xbb\xaa\xab\xab\xf1\x16\x10\xad\x84\x10\x0e\x87\xa3\xb8\xb8x\xee\xdc\xb9B\x08!$\x05j\x18\x86\x10b\xea\xd4\xa9EEE\x16\x8bEJ\x89\x07\xc2\xe6\x81O\x00&amp;"\x84\xa0\x94\xfe\xfb\xdf\xffNOOW\xfb\x00\xea\xb7\xaf\x0e\x81;w\xee\xfc\xe9\xa7\x9f\xba\\\xae`0\x88\xb7\x80\xa8\xc49\xb7\xd9l\xd7]w\xdd;\xef\xbc\xc3\x18\xe3\x9c\x13B\x08\xa1\x8c\x01\xe7\xfc\xa5\x97^\xba\xe3\x8e;\xf0!\xc0T\xb0\x00\x98\x88\xba\xb6\x7f\xf6\xb3\x9fm\xda\xb4\xc9\xa2iA\xc3\x18\x90\x9c\xfcm]\xdd\t\xaf\x971fp&gt;e\xca\x94\xbf\xfc\xe5/\xff\xf9\xcf\x7f\xf0\x16\x10}8\xe7\x89\x89\x89\x7f\xff\xfb\xdf\xef\xbd\xf7^u\xf7g\x9a\xb5K\xefa\xc7&gt;\xf9P\x9d\xfd$\'\'\xab\x15\x00\xbe\x1c`\x1eX\x00\xccB\xdd\xfd7m\xda\xf4\xb3\x9f\xfd\x8c1\xa6N\x03\xde\xbc\xe9\xa6\x9d\xc7\x8f\xcf+*\xd2\x00\x04!\x00PTT\xd4\xaf_\xbf\xda\xdaZ&lt;\x10\x8e&amp;jc\x87R:d\xc8\x90\xc3\x87\x0f3\xcd\xc2\x8d\xe0e\x83~\xfa\x8b\xe9\xcf\xfc\xed\xb7\xd9~O\x15\xd34#\x18\xcc\xcd\xcd}\xfc\xf1\xc7\xf1!\xc0&lt;\xf0"7\x05u\xfd\x1b\x86\xf1\xe0\x83\x0fRB\x18\xa5\\\x88\xb1=z\\\xd9\xb9\xf3\xed}\xfb^\xe6t\x1aB0\x00\xc30f\xcd\x9a\x85\x17\x7f\xf4Q\xcb\xff\x82\x82\x82\xc3\x87\x0fk\x9a&amp;8\x07\xc6FL\x9a\xe9J\xe9\x96=~\x86\x94R\x08\t\xc0\x96,Yr\xe8\xd0!|/\xc4&lt;\xb0\x00\x98\x82z\xed\xeb\xf9\xe7\x9f\xff\xf2\xcb/\xd5nO\x82\xd5:m\xe8\xd0j]wZ\xad3\x86\x0e%\r\xe7\xc3\x9b7o\xde\xb0a\x83\xd3\xe9l\xd8 F\x11OJ\x19\x13\x13SZZ\xfa\xcc3\xcfPJ%!R\x8a\xf4Q\x13:\xf7\x1aR]Y\x9e~\xcd\xf8\xe4\xd4t!80\xa6\xebznn.\xa5\xb81`\x16X\x00\xa2\x9f:\xfb\xad\xa8\xa8\xc8\xcb\xcbS\x9b\xbbB\xca)\xe9\xe9\x03\x93\x93\xfd\x86Q\xa3\xeb\xe3{\xf7\x1e\xde\xa9\x13\x17\x02\x08\xa1\x94\xce\x9e=\xdb\xeb\xf5\x9e\xf9~\x00\x8ah\x9c\xf3\xb8\xb8\xb8\xbc\xbc\xbc\xaa\xaa*\xa6i\x82\x0b[\xac3{\xc2\x8c\xa0\xbf\x8eHi\xb5\xc7\xe6L\x9eC\xa4\x14\x823\xc6\xd6\xaf_\xbfi\xd3\xa63\x8e\x88Q4\xc3\x02\x10\xfd\xd4\x1b\x9es\xe6\xcc\xa9\xaa\xaa\xb20fp\xde-!\xe1\xb7\x83\x06U\xf9\xfd\x1a\x80$\x84\x0b\x91\x97\x95\xa5\x01p!\x18c\xa5\xa5\xa5\x05\x05\x05\x89\x89\x89x\x0b\x88\x02j\xf3g\xe3\xc6\x8d\xeb\xd6\xadc\x8c\t!\xa4\x14Y\xe3\xfe\x10\xdf\xbe\x8b\xa1\xfbA\xd3\xfc^w\xea\x90\xab{\x0c\xbfNpN\x01(\xa5\x0f&gt;\xf8\xa0a\x18\xf8\x1c`\x06X\x00\xa2\x9c\xda\xfc\xd9\xbbw\xef\x9a5k\xea\xaf\x7fBf\r\x1b\x96\xecp\xe8\x9c\xab\xf3\x00\x8f\xae\x8f\xe8\xdaub\xef\xdeBJ"%\x05x\xe6\x99gJKK\xedv;\xde\x02"\x1d\xa54\x18\x0c.\\\xb8P\x08\xa1^\xf8HNM\x1f\xf4\xf3\xbb\x02\xb5\xd5P\x7f\xd8C\x05\xe79\x93\xffhs\xc4s\xce\x81\xb1/\xbf\xfc\xf2\xf9\xe7\x9f\xc7\x93\x003\xc0\x02\x10\xe5\xd4\xf1\xef\xf4\xe9\xd3\x03\x81\x00\xa3\xd4\x10bx\xa7N\xb7^q\xc5i\xbf_k\xe8\xf3a\x00^]\x9f\x99\x91\xe1\xb4\xd98\xe7\x1a@UUU^^^||&lt;&gt;\x04D4\xc30\xda\xb5k\xf7\xd2K/\x15\x15\x151\x8dq.\x88\x949\x93\xe7h\xb6\x18\xc99!\x94\x10B\x01\xf4:Or\xf7~\x03\xc7\xdc)\x85P#\xa2\xd5~\x11\x00\xe0\n \xbaa\x01\x88f\xaa\x9fo\xfd\xfa\xf5[\xb7n\xd54\xcd\xe0\xdc\xcaX^V\x16\x17\xe2\xcc6oJ\x88\xdf0:\xc7\xc7O\x1b:T\x12"\x85\x00\x80\xd7_\x7f}\xcb\x96-\xf1\xf1\xf1\xb8\x0c\x8cPRJ\xab\xd5z\xe2\xc4\x89%K\x96PJ\t\x01)x\xcf\xcc1\x97\r\xb9:\xe0u\xd33z\xbd\x80i~O\xd5\xd0_\xdd\xefL\xe9\xc6\xb9\xc14M\xad\x00\xd4\xe0\xa0\x10\xfe\x15Pk\xc3\x02\x10\xb5\xd4\xdaM\xf5u\x10B\x80\x10!\xe5\rii#\xbbv\xf5\xe8:\xfc\xf7\x9b&gt;\x0c\xa0&amp;\x10\x98\x92\x9e\xde\xdd\xe5R-\xa1\xea\xff\xa8i\x1a\xae\x01#\x94a\x18N\xa7\xb3\xb0\xb0\xf0\xc8\x91#\x8c1!8\xd3,\xd9\xe3g\xa8e\xfe\x7f\xfd\xa3\x94rC\x8fK\xea8\xfc\xa6\xdf\x93\xfa\x96\xd0\xfa\x9e1\xdc\x08\x8anX\x00\xa2\x96j\xeb,((8t\xe8\x90E\xd3\x82\x9c\xbb\xec\xf6\xdc\xccL\x8f\xae\xb3\xef\xbd\xe4E\t\xe1R:,\x96\xc7\xae\xbc\x92\x10"8g\x8c\x15\x15\x15\xad\\\xb9\xb2]\xbbv\x86a\x84\xe2o\x80.\x9e\x10"&gt;&gt;\xfe\xc0\x81\x03j7_=\xd8\r\xfe\xc5=)=\x06\xe8u\x1e\xfa\xbd/\x000\xcdW\xfd\x9f~\xd7L\xe8\xd2;Cp\x03\x98V\xff\xd6\x08\x1e\x05G5,\x00\xd1I\x9d\xfd\x96\x95\x95-^\xbc\x18\x00\xd4{\xbfw\xa7\xa7\xa7\xb9\\~\xc38\xe7k\xfe\x8c\xd2\x9a@`Lj\xea\xc8\xae]\xb9\x94\xaa%\xf4\xb1\xc7\x1e\xab\xa8\xa8\xb0Z\xadx\x17\x88,RJM\xd3\xf2\xf2\xf2\xaa\xab\xab\x01\x98\xe0\xdc\xe1j?t\xec}\xba\xcf\x0bp\xbe\x17\xfd$0-\xeb\x96i\x14@p\xce\x98\xb6i\xd3\xa6\xf5\xeb\xd7cKh\x14\xc3\x02\x10\x9d\xd4\xd9o~~~MM\x8d\xc6X\x90\xf3\xee.\xd7\x83\x83\x07W\xf9\xfd\xdf_\xfe\x9f\x89K9/;\xdb\xca\x98j\t=z\xf4haa\xa1\xd3\xe9\xc4\x87\x80\x08\xa2Z?\xdf~\xfb\xed\r\x1b60\xc6\x84\x14R\xca\x11\x13\x1eN\xe8\xd0\xd5\xd0\xfd\xe4&lt;s~(0\xbf\xd7\x9d\x96q\xed\x15#\xc6\nQ\xdf\x12\x9a\x9b\x9b\xab\xeb:&gt;\x07D+,\x00QH\x9d\xfdn\xdb\xb6m\xd5\xaaU\x1ac\xdc0\x08!\x8f]ye\x9c\xd5\xca\xa5\xfc\x81)_@\xa9W\xd7\x07\xa7\xa4\xdc\xdb\xbf\xbfj\tU{\xc1\xfb\xf7\xef\x8f\x8b\x8b\xc3\xbd\xe0H\xc1\x18\xf3z\xbd\xf5\xef\xfdQ\x10\x9cw\xe9\x9d\xd1\xef\xdaI&gt;\xcfi`?4\x01\x1e\x80\xe9\xbe\xda\x91\x93\xffh\x8fsq#\xc84\xed\xd0\xa1C\x05\x05\x05x\x12\x10\xad\xb0\x00D\'\xcey^^\x1e\xe7\x1c(\xe5R\x8e\xec\xdauLjju \xc0~l\xca\xa3j\t\xbd\x7f\xc0\x80\x0e\x0e\x07\x17\x82\x01TWW/Z\xb4\xc8\xe1p\xe0- "\x18\x86\x91\x98\x98\xb8r\xe5\xca\xfd\xfb\xf7\x03\x00\x17\x82\x02d\xdd2\r\x98F~t\x15O\xa9\xa1\xfb\x12;w\x1ft\xfd\x145,\x1c(,]\xba\xb4\xa2\xa2\x02;\x82\xa2\x12\x16\x80hc\x18\x06cl\xf5\xea\xd5\xdb\xb6m\xb3h\x9a\xc1\xb9\x060/;\x9b7\xed\x11^\xb5\x84^\x92\x9003#CJ\xa9N\x92_}\xf5\xd5\x8d\x1b7\xe2\xbb\xc1\xe1OJi\xb7\xdb\x8f\x1d;\x96\x9f\x9f\x0f\x00\x84\x82\x14\xbcW\xf6/\xd3\x86]\xeb\xf7\xba\xe9yw\xff\xbf\x03\x8c\xf9=U\xc3oz\xc0\xd5\xf12\xf5\x10p\xfa\xf4\xe99s\xe6\xe0;\x01Q\t\x0b@TQS\x1fjjj\xe6\xcd\x9b\x07\x94\x12)\x85\x94\x13{\xf7\x1e\x98\x9c\xec\xfd^\xeb\xe7\xf9h\x00n\xbf\xff\xd6+\xae\xe8\xd7\xbe\xbd\x10\x02(\xe5\x9c/\\\xb8\x10\x83b\xc2\x1f\xe7&lt;&gt;&gt;\xbe\xb0\xb0\xb0\xb2\xb2\x12\x00\x84\xe06G|\xd6-S\x83~\xdf\xf7;\x7f\xce\x83JnX\x1d\xf1W\xde:\x8d\x10\xa2\x8e\x82V\xaf^]RR\xa2\xde$o\xd5\xcf\x8f\xda\x18\x16\x80\xa8\xa2\x9a\x7f\x16/^\\VV\xc6\x183\x84p\xdal332\xea\x82\xc1\x1f&gt;\xfb=\x0b\x972\xd6j\xcd\xcd\xcc\x94g\xb4\x84\xbe\xf0\xc2\x0b\xd8\x12\x1a\xceT\xebgqq\xf1\xf2\xe5\xcb\x01@\x10"\x85\x188\xe6\xce\x94\xb4\x01A\x9f\x97\xd2\xa6~\x01(\xd3\xfc\x1ew\xdfQ\xb7v\xe9=Lp\x83\x02\xd3u}\xea\xd4\xa9\x9cs|\x08\x882X\x00\xa2\x87\xda\xaeQ\xa7v\x8c1)\x84\x94\xf2\xa1!C\xba\xc4\xc7\x9f\xaf\xf5\xf3|\x18\xa5n\xbf\x7f\xd4\xa5\x97\x8eIMml\t\xcd\xcf\xcf?v\xec\x18\x0e\x08\ng\x8c\xb1\x993g\xea\xba\xaeZ?\x9d\xc9\x97d\xfc\xea~\xbf\xa7\xea\x87\xcf~\xcfIp#\xe7\xf6\\`\x1a\xe7\x86\xa6i\xdb\xb7o_\xbdz5\xb6\x84F\x19,\x00\xd1C\xdd\x97U\xdf\x9e\x8a|\xe9\xd7\xbe\xfd=\xfd\xfbW\x07\x02\x17\xb4\xfcW\xd4\xaba\x8fde%X\xadj\x1f\xa0\xb2\xb2\xb2\xb0\xb00..\x0eo\x01a\x88s\xeet:7l\xd8\xb0y\xf3\xe6\xfa\xbd\x1a)\xb3\'\xcet$&amp;sC?_\xeb\xe7\xf9\xa8\x01A\xdd\xfag\xa7\x8f\x1a/\x85\x90\x84R\n\xf3\xe6\xcd\xab\xae\xae\xc6\x96\xd0h\x82\x05 J\xa8\xd6\xcf\xad[\xb76\xbe\xb9#\t\xc9\xcd\xcc\x8c\xd1\xb4\x1fn\xfd&lt;\x1f\xa0\xd4\xa3\xeb\xfd;t\x98\xd2\xaf\x9f\x90\x92\x08\x01\x00\xcb\x97//))\xc1\x01AaH\xd3\xb4\xba\xba\xba\xd9\xb3g\xab\x01oB\xf0.\xbd\x87\xf5\xbd\xfa\x16\x7f\xcd\x8f\xb4~\x9e\x0f\x00\xd3\xeb\xbc\xd9\x13f\xd8b\x1387\x98\xc6\xca\xca\xca\n\x0b\x0b\x01\x00W\x00Q\x03\x0b@4P\xaf}\x05\x02\x81\xe9\xd3\xa7SJU\xeb\xe7\xf5\xdd\xbb\x8f\xba\xf4Rw\x13Z?\xcfG\x03\xa8\xf2\xfb\x7f3p\xe0\xa5\t\t\xbca@\xd0\xfc\xf9\xf31+&amp;\xdc\x18\x86\x91\x90\x90\xf0\xdcs\xcf\x95\x96\x96B\xc3\xd8\x9f\x9c\xdbs\x057\xce\x1e\xfb\xd3t\x94\x1a\xba?\xbe}\xe7\xacqS\xd5\x80 \x06\xec\xa9\xa7\x9eR\xc7K\xb8\x02\x88\x0eX\x00\xa2\x81:\xfb]\xbbv\xed\xde\xbd{\xd5\xf2\xdf\xca\xd8\xcc\x8c\x0cqQk\xffF\x94\x10\x9d\xf3N\xb1\xb1\x0f\x0e\x1e,\x1b\xce\x18\xdex\xe3\x8dw\xdey\xc7\xe5r\xe120L\xa8\xd6\xcf\xf2\xf2\xf2E\x8b\x16QJ\t\x05)\xc4\xe5W\xde\xd0\xad\xff\x88s\x8e\xfdi:`,P[3\xf0\xfa)\x89\x9dS\x057\x80\xb1\xea\xea\xea\xfc\xfc||\' j`\x01\x88xj\xf9_UU5{\xf6l\x00\xa0R\n)\xef\xed\xdf\x7f`J\xca\xf7\xa7~^(\r\xe0?&gt;\xdf\xa4&gt;}\x86\xa9\xccHJ)\xa5\x8f&lt;\xf2\x88\xcf\xe7\xc3\xec\xf80\xa1Z?\xf3\xf3\xf3\xddn7cLp\xc3\x1e\xe7\x1ay\xdbl\xbd\xces\xfe\xb1?MD\xa5\xe0\x16[\xccO\xeex\x94\x10bp\xce\x98\xb6j\xd5\xaa\xed\xdb\xb7k\x9a\x86+\x80(\x80\x05 \xe2\xa9\xe5\x7f^^^EE\x05\x0308\xef\xe0p\xdc?`\x80\xf7\\S?/\x82$D\x03\x981t(P*8\x07\x80\xfd\xfb\xf7?\xfb\xec\xb38 (\x1c\xa8\xd6\xcf-[\xb6\xacX\xb1\x02\x00\x84$R\xcaA\xd7OI\xec\x92\xf6\x03c\x7f\x9a\x8e\x02\x0b\xd4\xd6\xa4\r\xbf\xae[\xff\x11Rp\n\x94s&gt;u\xea\xd4@ \x80\xa7\xc1Q\x00\x0b@dSw\x7f\x95\xe1\xc7\x00dC\xe2\xe3%\t\t\x17\xda\xfay&gt;\xaa%ttj\xea\x8d={\xaa\x96P\x00X\xb4hQyy9\xb6\x84\x86\x03M\xd3rss\r\xc3\x00\xc6\x047\x12;\xa7\x0e\xbf\xe9\x01\xbf\xa7\nZ\xee\x11M\n\xfe\xd3)s\x99f\xe1\x9ck\x9aVRR\xb2v\xedZ\x1c\x10\x14\x05\xb0\x00D6\xb5\xff\xa3R\xbc\x19\x80!\xc4\xb0N\x9dn\xeb\xd3\xe7\xb4\xcf\xa7\xb5\xc4\xf2_a\x00\xb5\xba\x9e\x9b\x99\xe9\xb2\xdb\r!\x00\xc0\xedv\xe7\xe7\xe7\xc7\xc6\xc6F\xd6&gt;\x80\x1an\xc197\xfe\x1b\xe7&lt;\x12\xefe\x86a\xb8\\\xae\x97_~\xb9\xa8\xa8\x881\xc6\xb9 \x84\xfc\xe4\x8eG-1qR\xf0\x8b?\xfe\xfdo\x14@\xf7y;\xf6\x1c4\xf8\x17\xf7\xa8\x96P\x00\x98={\xf6\xe9\xd3\xa7\xf1! \xd2a\x01\x88`\xaa\xf5s\xd3\xa6M\x9b6mbj\x803\xa53\x86\x0e\xd5\x00Z\xf6\xa2\xa4\x84\xf8\x0c#\xcd\xe5\xba;=]6\xb4\x84\xaeX\xb1b\xef\xde\xbd\x11\xd1\x12*\xa5\xe4\x9c\xab\xd5k\\\\\\RRR\x87\x0e\x1d:t\xe8\xd0\xbe}{\xf5o\x12\x13\x13\x1d\x0e\x87\xfa\xc7B\xfda\x9bJM\xfc\xf7x&lt;\x8f?\xfe8!D\x8d\xfd\xe9\xd6\x7fD\xda\xf0\xeb\x02\xde\xea\xa6\x8c\xfdi:\x00\xa6\xfb\xbcC\xc7\xde\xe7p\xb5W\xa7\xc1\x15\x15\x15\xcb\x96-\xc3\x87\x80H\x87\x05&lt;RI)\xd5z6==\xfd\xdf_~i\xd14\xdd0~\xdd\xb3\xe7\x0bc\xc6\x9c\xaa\xabk\xc1\xe5\x7f\xfd\x1fG\x08%\x84R\xfa\x93\xb5k\x8fTW[4-h\x18?\xfd\xe9O\xdfy\xe7\x9d\x9a\x9a\x1ah\xe9?\xae\xa5\xa8{\xba\xcdfS\xe3\xac+**\x0e\x1d:TVV\xf6\xf5\xd7_\xd7\xd4\xd4\x04\x02\x01\x8b\xc5\x92\x98\x98\xd8\xbd{\xf7\xf4\xf4\xf4^\xbdz\xc5\xc4\xc4\xb8\xddn5R)\xd4\x9f\xfdG\x18\x86\xd1\xa1C\x87G\x1eyd\xc1\x82\x05\x9a\xa6q.(\xd0\xc9\x05o\xb7\xbf\xb4w\xd0_\xd7\x9c\xe6\x9fs\x12\xdcp8\xdb\x97\xfc\xebo\xef&gt;7K\r\x16\xd54v\xf0\xe0\xc1\x1e=zD\xc4\x8f\x0b\x9d\x13\x16\x80H\xa5\x96\xff\xcb\x97/\x7f\xe0\x81\x074\xc6\x84\x10q\x16\xcb\xc6\x9bn\xea\xe1r\xf9\x0c\xa3\x99\xcd?\xe7dH\x99d\xb7\xaf\xfe\xec\xb3\x07\xde\x7f\x9f\x01\x10J9\xe7\xaf\xbe\xfa\xea\xd8\xb1cU\xffI\x8b\xff\x89\xcd$\xa5\xb4\xd9l\x0e\x87\xa3\xbc\xbc|\xd3\xa6M\x1b7n\xfc\xe8\xa3\x8f\x8e\x1f?~\xce\x7f\xd8j\xb5\x0e\x1d:\xf4\xae\xbb\xee\x1a?~\xbc\x94\xd2\xef\xf7\x87\xe1\xdf\xa8\x91\n|\xaf\xa8\xa8\x186l\x98\xdb\xed\x06\xc6\xb8a\xf4\x1f}\xdbu\xbf_\xe6\xbb\xd87\xbf\x9a\x82\x02\xac\x9e\xf5\xcb\xca\xaf&gt;\xd54\x8b\x11\xd4\xc7\x8d\x1b\xb7n\xdd:\xf5Ul\xa5?\x11\xb5*,\x00\x11I=wWVV\xf6\xe9\xd3\xc7\xedvk\x00A\xce\xff0x\xf0\xe3#GV\xd4\xd6ZZm9&amp;\xa4L\xb0\xd9~\xfe\xdak\x1f\x9d8aa\xcc\x10"--m\xcf\x9e=\xeaq$\xacf\x85\xaa\x1d\x92\xaf\xbf\xfe\xfa\xc5\x17_\\\xb3fM\xe3}\x9fR\xca\x18\x03\x80\xc6O+\x84P\x07\x03\xea?^s\xcd5\x7f\xf9\xcb_:v\xecXWW\x17\xb6\x0b[\xb5\xfc\x9f0a\xc2\xda\xb5k5\x8b\x85\x1b\xdc\xea\x88\xbf\xeb\xcf[\xedq.a\x04\x9b\xdf\xfcsN\x92s[\xbc\xebH\xf1{\xaf\xe6O\x02\xc6(!\x9c\xf3w\xdeyg\xf4\xe8\xd1X\x03"T\x98~\xbf\xd1\x0fS\x0f\xdds\xe6\xcc\xa9\xaa\xaa\xb20fp\xde-!\xe1\xb7\x83\x06U\xf9\xfd-\xbe\xf9s\x16.D^V\x96\x06\xa0\x06\x04\x95\x96\x96\x16\x14\x14\x84aT\x80\xea\x8f|\xf3\xcd7\x97.]z\xfc\xf8q\xc6\x98\xc5b\xb1X,\x84\x10\xc30t]\x0f4\x08\x06\x83RJU\x154M{\xef\xbd\xf7~\xfe\xf3\x9f\x9f:u*l\x93\x90U\xe2\xe3\xc6\x8d\x1b\xd7\xad[\xa7^\xca\x95Rd\x8d\xfbC|\xfb.-\xd2\xfay&gt;\x94\xb1\x80\xd7\x9d:\xe4\xea\x1e\xc3\xaf\x13\xbc&gt;3R5 \xe0ip\x84\xc2_[\xe4\x11BPJKJJ\xb2\xb3\xb3\r\xc3\xa0R\x1aB,\xbf\xe6\x9a\x89\xbd{\xff\xa7E\x9b\x7f\xce\xc9\x10\xa2\xbd\xc3\xf1\xe0\xfb\xef\xff\xfd\xd3O5\xc6\xb8\x94.\xa7s\xf7\xee\xdd)))a\x15\x18\xa0\x9e\x00jjj233+++\xcf\\\xe3w\xee\xdc\xb9K\x97.N\xa7\xd3b\xb1x&lt;\x9e\xa3G\x8f~\xfd\xf5\xd7\x84\x10u\xa4i\xb5Zu]\xbf\xe1\x86\x1b^}\xf5U\x8f\xc7\x13\x86\x0f\x01B\x08\x87\xc3q\xcd5\xd7\x14\x15\x15i\x16\x8ba\x18\xc9\x97\xf5\x9d\xf4\xe4\xbf\x047\x1a\x0ekZ\x8b\x14\xc2bwT\x1d?\xbcj\xe6\xcfu\x7f-\x00p\xc3\xf8\xf3\x9f\xff\xfc\xbb\xdf\xfd\x0e\x1f\x02"Q\xd8}\xb9\xd1\x8fR\x9b-\xd3\xa7O\x0f\x04\x02\x8cRC\x88\xe1\x9d:\xddz\xc5\x15\xa7[\x7f\xf9O\x1a2#gfd8m6\xce\xb9\x06PUU\x95\x97\x97\x17\x1f\x1f\x1fV\x0f\x01j8R\xd7\xae]o\xbf\xfd\xf6`0\xc89\xef\xdb\xb7\xef#\x8f&lt;\xb2e\xcb\x96\xdd\xbbwo\xde\xbc\xf9\xcd7\xdf|\xe3\x8d7\xde}\xf7\xdd\xdd\xbbw\xbf\xf1\xc6\x1bC\x86\x0cQ/U\xe8\xba\xce\x18\xfb\xe7?\xff\xf9\xde{\xef%$$\x84\xd5_\x8a\x10b\x18F\xbbv\xed^z\xe9\xa5\xa2\xa2"\xa61\xce\x05\x912g\xf2\x1c\xcd\x16#y\x8b\xb5~\x9e\x8f\x9a\x12\x9a\xdc\xbd\xdf\xc01wJ!\x08\xa1\x94\xd2\xbc\xbc\xbc\xaa\xaa*\x8c\x0c\x8bDX\x00"\x8cZg\xad_\xbf~\xeb\xd6\xad\x9a\xa6\x19\x9c[\x19\xcb\xcb\xca\xe2B\xb4\xcd\xda[eFv\x8e\x8f\x9f6t\xa8$D\n\x01\x00\xaf\xbf\xfe\xfa\x96-[\xc2\xad%\x941VWW7i\xd2\xa4\x1bo\xbc\xf1\xb5\xd7^\xfb\xf0\xc3\x0f\xf3\xf3\xf3333\xe3\xe3\xe3\x03\x81@uuuuuumm\xad\xddn\xff\xf9\xcf\x7f\xfe\xc1\x07\x1f\xe4\xe4\xe4\xa8\x1a@)\xa5\x94\xae[\xb7N\xd3\xb4\xb0\xba\xa9\xa9\xb3\xdf\x13\'N,Y\xb2\x84RJ\x08H\xc1{f\x8e\xb9l\xc8\xd5\x01\xaf\x9b\xb6\xc9\x02\x1c\x98\xe6\xf7T\r\xfd\xd5\xfd\xce\x94n\x9c\x1bL\xd3\xd4\n\x00\x07\x04E",\x00\x91D\xdd\x8ct]\xcf\xcd\xcd%\x84\x00!B\xca\x1b\xd2\xd2Fv\xed\xda\xfc\xb1?M\xc7\x00j\x02\x81)\xe9\xe9\xdd].\xa3aJhnnn\xb8\xdd.\xd5C@\x97.]^y\xe5\x95_\xfe\xf2\x97R\xcaS\xa7Ny\xbd^\xb5g\xcd\x18S\xfb\xfeB\x88S\xa7N\xc5\xc4\xc4&lt;\xf1\xc4\x13\x16\x8bE6())\xa9\xa9\xa9\xd1\xb4\xd6\xea\xa8\xb9\x08\x86a8\x9d\xce\xc2\xc2\xc2#G\x8e\xb0\x86\xa9\x9f\xd9\xe3g\xa8\xc5x\x1b}\x08J\xb9\xa1\xc7%u\x1c~\xd3\xef\xd5\x94P\x00x\xfe\xf9\xe7\xbf\xfc\xf2K|- \xe2`\x01\x88$j\x1egAA\xc1\xa1C\x87,\x9a\x16\xe4\xdce\xb7\xe7ffzZh\xecO\x13\xa9\xac\x18\x87\xc5\xf2\xd8\x95W\x9232#W\xae\\\x19\x86\x99\x91R\xca\x9a\x9a\x1a\xb7\xdbM\x08\xd14\xed\xcc\xfe\x1f\x85Rj\xb5Z=\x1eO\xef\xde\xbdUW\xbb\xfa\x07*++=\x1eO\xf8\xcc\xbeV\xc7\xda\x07\x0e\x1cx\xfe\xf9\xe7\x01@=~\r\xfe\xc5=)=\x064s\xea\xe7\x85\x02\xa6\xf9\xaa\xff\xd3\xef\x9a\t]zg\x08n\x00\xd3\x0c\xc3x\xf0\xc1\x07\xf1(8\xe2`\x01\x88\x18jw\xa2\xac\xacl\xf1\xe2\xc5\x00\xa0\xde\x04\xbb;==\xcd\xe5j\xa9\xb1?M\xc7(\xad\t\x04\xc6\xa4\xa6\x8e\xec\xda\xb513\xf2\xb1\xc7\x1e\xab\xa8\xa8\x08\xc3\xe6\x19\x00\xf8\xd1\xf3I\xf5\xd2@RRR\xe3\x7f\xa3\xeb\xbazVh\xe5O\xd7T\xeaX;//\xaf\xba\xbaZ%&gt;:\\\xed\x87\x8e\xbdO\xf7y\x9b=\xf5\xf3b&gt;\x0e0-\xeb\x96i\x14@p\xce\x98\xb6i\xd3\xa6\xc60\xa26\xff0\xe8"a\x01\x88\x18je\x9a\x9f\x9f_SS\xa31\x16\xe4\xbc\xbb\xcb\xf5\xe0\xe0\xc1U~\x7f[.\xff\xcf\xc4\xa5\x9c\x97\x9dmUS(\x18;z\xf4haaa\x84N\t\xa5\x94\x06\x83A\xaf\xd7\xdb\xf8\xdf\xc4\xc4\xc4\x84O1S\xad\x9fo\xbf\xfd\xf6\x86\r\x1b\x18cB\n)\xe5\x88\t\x0f\'t\xe8\xda\xaa\xad\x9f\xe7C\x81\xf9\xbd\xee\xb4\x8ck\xaf\x181V\x88\xfa\x96P\x15G\x8a\xcf\x01\x11\x04\x0b@dPg\xbf\xdb\xb6m[\xb5j\x95\xc6\x187\x0cB\xc8cW^\x19g\xb5^\\\xe2c\xf3\x01\xa5^]\x1f\x9c\x92ro\xff\xfeBJ"\xeb\xf7\x82\xf7\xef\xdf\xaf\xe6.\x84\xe2C]$\xd5\xfdy\xf2\xe4\xc9\xb2\xb22\xd2p\xd6\xd2\xa9S\xa7\x84\x84\x840y\x08`\x8cy\xbd^u\xd6J)\x08\xce\xbb\xf4\xce\xe8w\xed$\x9f\xa7\x15\xdf\xfb\xfda\x00L\xf7\xd5\x8e\x9c\xfcG{\x9c\x8b\x1bA\xa6i\x87\x0e\x1d*((\xc0\x93\x80\x08\x82\x05 bp\xce\xf3\xf2\xf28\xe7*\xf1qd\xd7\xaecRS\xab\x9b\x91\xf8\xd8|\xaa%\xf4\xfe\x01\x03:8\x1c*3\xb2\xba\xbaz\xd1\xa2E\x0e\x87#\xb2n\x01\x86a\xc4\xc5\xc5\xbd\xfc\xf2\xcb^\xaf\x971\xa6\xee\xf8\xc3\x87\x0f\x0f\x93q\xa7\x86a$&amp;&amp;\xae\\\xb9r\xff\xfe\xfd\x00\xc0\x85\xa0\x00Y\xb7LS3yB\xf6\xb1(5t_b\xe7\xee\x83\xae\x9f"\xa5\x94\x92\x00\x85\xa5K\x97VTT`GP\xa4\xc0\x02\x10\x01\x0c\xc3`\x8c\xad^\xbdz\xdb\xb6m\x16M38\xd7\x00\xe6eg\xf3P?h\xab\x96\xd0K\x12\x12ffd\xa8\xc9t\x8c\xb1W_}u\xe3\xc6\x8da\xf8n\xf0\xf9\x04\x83\xc1\x94\x94\x94\xf7\xdf\x7f\xbfq\xf5\xaa^\x0c\x9e4iR \x10\x08\xf9\x8b`*\xf1\xf1\xd8\xb1c\xf9\xf9\xf9\x00\xa0\xa6~\xf6\xca\xfee\xda\xb0k\xfd^w\xcbN\xfd\xbcP\xc0\x98\xdfS5\xfc\xa6\x07\\\x1d/S\x0f\x01\xa7O\x9f\x9e3g\x0e\xbe\x13\x10)\xb0\x00\x84;5\xf5\xa1\xa6\xa6f\xde\xbcy@)\x91RH9\xb1w\xef\x81\xc9\xc9\xde6l\xfd&lt;\x1f\r\xc0\xed\xf7\xdfz\xc5\x15\xfd\xda\xb7\x17B\x00\xa5\x9c\xf3\x85\x0b\x17\x86\xd5[\xc1? \x18\x0cv\xe8\xd0a\xdb\xb6m\xe3\xc7\x8f\xf7\xf9|\xea\xa0\x95s~\xf7\xddwgffz\xbd\xde\x90\x17\x00\x95\xf8XXXXYY\t\x00Bp\x9b#&gt;\xeb\x96\xa9A\xbf\xaf-;\x7f\xce\x83JnX\x1d\xf1W\xde:\x8d\x10\xa2\x8e\x82V\xaf^]RR\x82\xc1\xf1\x11!\xe4_ \xf4#T\xf3\xcf\xe2\xc5\x8b\xcb\xca\xca\x18c\x86\x10N\x9bmfFF]0\x18\xaa\xb3\xdf\xb3p)c\xad\xd6\xdc\xccLyFK\xe8\x0b/\xbc\x10\x86-\xa1gR\x93\xa2\x93\x93\x93\xff\xef\xff\xfe\xef\x17\xbf\xf8\xc5\xa9S\xa7T\xb3P0\x18\xcc\xc8\xc8X\xb4hQ8\xcc\x81P\xad\x9f\xc5\xc5\xc5\xcb\x97/\x07\x00A\x88\x14b\xe0\x98;S\xd2\x06\x04}^JC\xff\x05\xa0L\xf3{\xdc}G\xdd\xda\xa5\xf70\xc1\r\nL\xd7\xf5\xa9S\xa7r\xce\xf1! \xfc\x85\xfe\x0b\x84~\x80\xdaTQgk\x8c1)\x84\x94\xf2\xa1!C\xba\xc4\xc7\xb7}\xeb\xe7\xf9\xa8\xcc\xc8Q\x97^:&amp;5\xb5\xb1%4??\xff\xd8\xb1ca\x9b\x19\xa9&gt;URRRAA\xc1\xb8q\xe3\xd4\xbd\x1e\x00\x0c\xc3\x18:t\xe8\xeb\xaf\xbfn\xb3\xd9\xc2\xe7\xf8w\xe6\xcc\x99\xba\xae\xab\xd6Og\xf2%\x19\xbf\xba\xdf\xef\xa9\n\xd5\xd9\xef9\tn\xe4\xdc\x9e\x0bL\xe3\xdc\xd04m\xfb\xf6\xed\xabW\xaf\xc6\x96\xd0\xf0\x87\x05 \xac\xa9\xfb\x94\xea\xaec\x94r!\xfa\xb5o\x7fO\xff\xfe\xd5\x81@\x98,\xff\x15\xf5j\xd8#YY\tV\xab\xda\x07\xa8\xac\xac,,,\x8c\x8b\x8b\x0b\xc3[\x80\xdaUs8\x1c\xbf\xfb\xdd\xef\x1e~\xf8a\xf5\x1f)\xa5\x86a\xfc\xecg?\xdb\xb8qcRR\x92\xcf\xe7\x0b\xf9\xf2\x9fs\xeet:7l\xd8\xb0y\xf3\xe6\xfa\x1d\x15)\xb3\'\xcet$&amp;sCo\xfb\xd6\xcf\xf3Q\x03\x82\xba\xf5\xcfN\x1f5^eFR\n\xf3\xe6\xcd\xab\xae\xae\xc6\x96\xd00\x17F7\x11t\x16\xd5\xfa\xb9u\xeb\xd6\xc6\xf7k$!\xb9\x99\x991\x9a\x16\xaa\xd6\xcf\xf3\x01J=\xba\xde\xbfC\x87)\xfd\xfa\x89\x86\xcc\xc8\xe5\xcb\x97\x97\x94\x94\x84\xdb\x80 %&amp;&amp;\xe6\xde{\xef}\xee\xb9\xe74MS7)\xce\xf9o\x7f\xfb\xdb\xd7^{-&amp;&amp;\xa6\xae\xae.\x1c\x06[j\x9aVWW7{\xf6lJ\x08\xa1 \x04\xef\xd2{X\xdf\xabo\xf1\xb7f\xe4\xcb\xc5\x01`z\x9d7{\xc2\x0c[l\x02\xe7\x06\xd3XYYYaa!\x00\x84\xe1\n\x005\xc2\x02\x10\xa6\xd4k_\x81@`\xfa\xf4\xe9\x94R\xd5\xfay}\xf7\xee\xa3.\xbd\xd4\x1d\xd2\xd6\xcf\xf3\xd1\x00\xaa\xfc\xfe\xdf\x0c\x1cxiB\x02o\x18\x104\x7f\xfe\xfc\xf0\x19\xa5\xa0p\xce].W~~\xfe\xca\x95+-\x16K\xe3Vuaa\xe1\x9f\xff\xfc\xe7@ \xa0\xa6\x81\x86\xfac\x12\xc30\x12\x12\x12\x9e{\xee\xb9\xd2\xd2Rh\x18\xfb\x93s{\xae\xe0F\xdb\x8d\xfdi:J\r\xdd\x1f\xdf\xbes\xd6\xb8\xa9j@\x10\x03\xf6\xd4SO\xa9\x83\xab0\\\x01 \x05\x0b@\x98Rg\xbfk\xd7\xae\xdd\xbbw\xafZ\xfe[\x19\x9b\x99\x91!\xc2l\xed\xdf\x88\x12\xa2s\xde)6\xf6\xc1\xc1\x83e\xc3\xe9\xc5\x1bo\xbc\xf1\xce;\xef\xb8\\\xae0Y\x06\n!bccw\xef\xde\xfd\xe4\x93O\xaa\x9f*\xa5T\xd3\xb4\x97_~\xf9\x0f\x7f\xf8\xc3\xa9S\xa7\x08!!\xdf\xf9!\r\xad\x9f\xe5\xe5\xe5\x8b\x16-\xa2\x94\x12\nR\x88\xcb\xaf\xbc\xa1[\xff\x11m&lt;\xf6\xa7\xe9\x80\xb1@m\xcd\xc0\xeb\xa7$vNU\xc1\xf1\xd5\xd5\xd5\xf9\xf9\xf9\xf8N@8\x0b\xc7o\x12R\xcb\xff\xaa\xaa\xaa\xd9\xb3g\x03\x00\x95RHyo\xff\xfe\x03SR\xdar\xea\xe7\x85\xd2\x00\xfe\xe3\xf3M\xea\xd3gX\xa7N\\\x085U\xf9\x91G\x1e\xf1\xf9|\xe1\xb0\xa6&amp;\x84\x08!\xecv\xfb\xff\xfe\xef\xff6\x1e\xf0\n!\xfe\xf4\xa7?M\x9a4\xa9\xb2\xb2Rm\x07\x85\xfa3\x12\xd2\xd0\xfa\x99\x9f\x9f\xaf\xc2\x96\x057\xecq\xae\x91\xb7\xcd\xd6\xeb&lt;\xa1\x18\xfb\xd3DT\nn\xb1\xc5\xfc\xe4\x8eG\t!\x06\xe7\x8ci\xabV\xad\xda\xbe}\xbb\xea\xac\r\xf5\xc7C\xe7\x80\x05 \x1c\xa9\xe5\x7f^^^EE\x05\x0308\xef\xe0p\xdc?`\x80\xb7m\xa7~^\x04I\x88\x060c\xe8P\xa0Tp\x0e\x00\xfb\xf7\xef\x7f\xf6\xd9g\xc3d@\x90\xc5b\xa9\xaa\xaa\xda\xbe}\xbb\x9a\xf8/\x84\xf8\xf5\xaf\x7f}\xdf}\xf7}\xfb\xed\xb7*-2\x1c\xa8\xd6\xcf-[\xb6\xacX\xb1\x02\x00\x84$R\xcaA\xd7OI\xec\x92\x16\x92\xb1?MG\x81\x05jk\xd2\x86_\xd7\xad\xff\x08)8\x05\xca9\x9f:uj \x10\xc0\xd3\xe0\xf0\x14\xd6w\x13sRw\xff/\xbf\xfc\xf2\xf9\xe7\x9fg\x00R\x08I\xc8\xaca\xc3.IH\x08\x9f\xd6\xcf\xf3Q-\xa1\xa3SSo\xec\xd9S\xb5\x84\x02\xc0\xa2E\x8b\xca\xcb\xcbC\xde\x12*\xa5\xb4X,\'O\x9e\xfc\xe6\x9bo\xd4{\xcb\x84\x90;\xef\xbc3\x0c\xdfY\xd34-77\xd70\x0c`Lp#\xb1s\xea\xf0\x9b\x1e\xf0{\xaa &lt;\x1e\xa4~\x98\x14\xfc\xa7S\xe62\xcd\xc29\xd74\xad\xa4\xa4d\xed\xda\xb58 (&lt;a\x01\x08;j\xffGem3\x00C\x88a\x9d:\xdd\xd6\xa7\xcf\xe9\xd6\xcf\xfbm\x11\x0c\xa0V\xd7s33]v\xbb!\x04\x00\xb8\xdd\xee\xfc\xfc\xfc\x90\xcf\xd5Q\xed\x9e\xd5\xd5\xd5\x8d\xc7\xbcqqq=z\xf4\x08\x87y\x0f\x8d\x0c\xc3p\xb9\\/\xbf\xfcrQQ\x11c\x8csA\x08\xf9\xc9\x1d\x8fZb\xe2\xa4h\xf5\xc4\xc7\xe6\xa3\x00\xba\xcf\xdb\xb1\xe7\xa0\xc1\xbf\xb8G\xb5\x84\x02\xc0\xec\xd9\xb3O\x9f&gt;\x8d\x0f\x01a(\\\xbe\xf7HQ\xad\x9f\x9b6m\xda\xb4i\x13Sc\x96)\x9d1t\xa8\x06\x10)\x97\x0e%\xc4g\x18i.\xd7\xdd\xe9\xe9\xb2\xa1%t\xc5\x8a\x15{\xf7\xee\ryK\xa8\x8a\xfc5\x0c\x83s\xce9\xd7u\xdd\xe1p\x84\xcf]I\r\xa2\xf0x&lt;\x8f?\xfe8!D\x8d\xfd\xe9\xd6\x7fD\xda\xf0\xeb\x02\xde\xea\xd0\x8e\xfdi:\x00\xa6\xfb\xbcC\xc7\xde\xe7p\xb5W\xa7\xc1\x15\x15\x15\xcb\x96-\xc3\x87\x800\x84\x05 \x8c\xa8\xb5\x7f}\xb8\x12!\xea\xcd\xaf\xb1=z\x8cNMu\xfb\xfda\xd8\xfay&gt;\x0c\xa0\xca\xef\x7fp\xc8\x90T\xa7SeF\x1a\x861k\xd6\xac\xd0\x1e\x05SJ\xd5\xe1\xea\xc8\x91#srrF\x8e\x1cy\xed\xb5\xd7\x86U\x8c\xa5\x1a\xfa_PPp\xf8\xf0aM\xd3\x04\xe7\xc0\xd8O\xa7\xcc\x95"\xa2NP)5t\x7fB\x87\xae\xd9\xe3\x1f\x96\xf5\x99\x91l\xc9\x92%\x87\x0e\x1d\xc2\x1a\x10n\xf0\xa1,\x8c\xa8\xe5\xff\xf2\xe5\xcb\x1fx\xe0\x01\x8d1!D\x9c\xc5\xb2\xf1\xa6\x9bz\xb8\\&gt;\xc3\x08\xdb\xe6\x9fs2\xa4L\xb2\xdbW\x7f\xf6\xd9\x03\xef\xbf\xcf\x00\x08\xa5\x9c\xf3W_}u\xec\xd8\xb1\xaa\xb3%T\x1f\x0c\x00bbb\xd4\xbf\x97R\xaa\x01p\xa1\xfa0gR\x81\xef\x15\x15\x15\xc3\x86\rs\xbb\xdd\xc0\x187\x8c\xfe\xa3o\xbb\xee\xf7\xcb|\xe1\xf7\xe6WSP\x80\xd5\xb3~Y\xf9\xd5\xa7\x9af1\x82\xfa\xb8q\xe3\xd6\xad[\xa7\xbe\xe4\xa1\xfeh\xa8\x1e&gt;\x01\x84\x0b!\x04\xa5\xb4\xa2\xa2\xa2&gt;\xf4\x83\x10!\xe5\x94\xf4\xf4\x81\xc9\xc9\xde`0\xb2\xee\xfe\x84\x10\x8dR\xb7\xdf?\xbew\xef\xe1\xaa%\x94\x10J\xe9\xec\xd9\xb3\xd5\xc0\xfd\x10\xdes\x85\x10\x1e\x8f\xa7\xa6\xa6\xa6\xa6\xa6\xc6\xeb\xf5\x86\xc9\xdd\x9f\x10\xc29\x8f\x8b\x8b\xcb\xcb\xcb\xab\xaa\xaab\x9a&amp;\xb8\xb0\xc5:\xb3\'\xcc\x08\xfa\xeb\xc2\xb8\xf5\xf3\xbc$\xe7\x16{l\xce\xe49DJ!8cl\xfd\xfa\xf5\xf5\x1b\x9b\xd8\x12\x1a6\xb0\x00\x84\x0buD9g\xce\x9c\xaa\xaa*\x0bc\x06\xe7\xdd\x12\x12~;hP\x95\xdf\x1f\x11g\xbf\xe7\xc4\x85\xc8\xcb\xca\xd2\x00\xd4\x80\xa0\xd2\xd2\xd2\x82\x82\x82\xd0F\x05\xa8q\xffV\xab\xd5f\xb3\xa9\xff\x18\xaaOr&amp;\xb5\xf9\xb3q\xe3\xc6u\xeb\xd6\xa9Wg\xa5\x14Y\xe3\xfe\x10\xdf\xbeK\x98\xb7~\x9e\x0fe,\xe0u\xa7\x0e\xb9\xba\xc7\xf0\xeb\x04\xaf\xcf\x8cT\xad\rx\x1a\x1c&gt;"\xf5\xce\x12eT\xeb\xe7\xde\xbd{\xd7\xacYS\x7f\xfd\x132k\xd8\xb0d\x87C\xe7&lt;\xf2\xae~BH\xc3\x80\xa0\x11]\xbbN\xec\xdd[eFR\x80g\x9ey\xa6\xb4\xb44T-\xa1*\xf9\xdd\xe9tz&lt;\x9e\xd3\xa7O;\x1c\x8e0I\xafT\x89\xc4\x0b\x17.\x14BP\x00!Drj\xfa\xa0\x9f\xdf\x15\xa8\xad\x8e\x88\xd6\xcf\xf3\xa0\x82\xf3\x9c\xc9\x7f\xb49\xe29\xe7\xc0\x98jn\xc6\x93\x80\xf0\x81\x05 ,\xa8\xe3\xdf\xe9\xd3\xa7\x07\x02\x01F\xa9!\xc4\xf0N\x9dn\xbd\xe2\x8a\xd3\x91\xbc\xfc\'\r\x99\x91332\x9c6\x1b\xe7\\\x03\xa8\xaa\xaa\xca\xcb\xcb\x8b\x8f\x8fo\xfb\x87\x00\xb5\xf0?~\xfc\xf8m\xb7\xdd6l\xd8\xb0\xa1C\x87\xfe\xe2\x17\xbf\xd8\xb9sglllh\xefG\x86a\xb4k\xd7\xee\xa5\x97^***b\x1a\xe3\\\x10)s&amp;\xcf\xd1l1\x92G@\xeb\xe7\xf9\xa8)\xa1\xc9\xdd\xfb\r\x1cs\xa7\x14\x82\x10J)U{\\\x18\x19\x16&amp;"\xf8\xe6\x125\xd4\xb1\xd8\xfa\xf5\xeb\xb7n\xdd\xaai\x9a\xc1\xb9\x95\xb1\xbc\xac,.D\xa4^\xfa\rTfd\xe7\xf8\xf8iC\x87JB\xa4\x10\x00\xf0\xfa\xeb\xafo\xd9\xb2%$-\xa1\x94\xd2\xbb\xee\xbak\xdd\xbau\xc7\x8f\x1f?u\xea\xd4\x07\x1f|p\xe3\x8d7\x96\x97\x97[\xad\xd6P\xdd\x8fTY:q\xe2\xc4\x92%K(\xa5\x84\x80\x14\xbcg\xe6\x98\xcb\x86\\\x1d\xf0\xbai\x04/\xff\t!\x04\x98\xe6\xf7T\r\xfd\xd5\xfd\xce\x94n\x9c\x1bL\xd3\xd4\n\x00\x07\x04\x85\t,\x00!\xa6\xee;\xba\xae\xe7\xe6\xe6\x12B\x80\x10!\xe5\rii#\xbbv\r\xe7\xb1?M\xc7\x00j\x02\x81)\xe9\xe9\xdd].\xa3aJhnnn\x1b\xf7_\n!bbb\xbe\xfc\xf2\xcb\x9d;w2\xc6T\x00\x80\xd5ju\xbb\xdd\x1f|\xf0A\x08\x1f\x02\x0c\xc3p:\x9d\x85\x85\x85G\x8e\x1ca\rS?\xb3\xc7\xcfPK\xe6\x90|\xa4\x96D)7\xf4\xb8\xa4\x8e\xc3o\xfa=\xa9o\t\x85\xe7\x9f\x7f\xfe\xcb/\xbf\xc4\x8d\xa0p\x80\x05 \xc4\xd4\xd4\xcc\x82\x82\x82C\x87\x0eY4-\xc8\xb9\xcbn\xcf\xcd\xcc\xf4\x84\xfd\xd8\x9f&amp;RY1\x0e\x8b\xe5\xb1+\xaf$gdF\xae\\\xb9\xb2\x8d3#\xd5k\xc0j\xf4\xbf:\n\xe6\x9c\x03@UUU\xa8\x8e%\xd5\xd8\x9f\x03\x07\x0e\xa8\x9dq\xf5\x904\xf8\x17\xf7\xa4\xf4\x18\x10\xb6S?/\x140\xcdW\xfd\x9f~\xd7L\xe8\xd2;Cp\x03\x98V\xff\xa6\x0b\x1e\x05\x87\x81h\xf8\x86E.u\xf6[VV\xb6x\xf1b\x00 RJ)\xefNOOs\xb9\xc2\x7f\xecO\xd31Jk\x02\x811\xa9\xa9#\xbbvm\xcc\x8c|\xec\xb1\xc7***\xdar\xef\x85s\xde\xae];\xc6X\xe3\x13\x80Z\x84&amp;\'\'\xab3\x98\xb6\xf9\x18gR\xaf\xfe\xe6\xe5\xe5UWW\xab\xc4G\x87\xab\xfd\xd0\xb1\xf7\xe9&gt;o$\xb6~\x9e\x9f\x04\xa6e\xdd2\x8d\x02\x08\xce\x19\xd36m\xda\xd4\x18s\x14\xea\xcffjX\x00BI\xddw\xf2\xf3\xf3kjj4\xc6\x82\x9cww\xb9\x1e\x1c&lt;\xb8\xca\xef\x8f\x8e\xe5\xff\x99\xb8\x94\xf3\xb2\xb3\xadj\xbe\x05cG\x8f\x1e-,,l\xb3)\xa1\x00\xe0\xf3\xf9.\xbf\xfc\xf2Q\xa3F5&gt;\x01\x04\x83\xc1N\x9d:\x8d\x1a5\xca\xeb\xf5\xb6\xfd8 \xd5\xfa\xf9\xf6\xdboo\xd8\xb0\x811&amp;\xa4\x90R\x8e\x98\xf0pB\x87\xae\x11\xda\xfay&gt;\x14\x98\xdf\xebN\xcb\xb8\xf6\x8a\x11c\x85\xa8o\tUA\xa7\xf8\x1c\x10Z\xd1v\x97\x89 \xea\xecw\xdb\xb6m\xabV\xad\xd2\x18\xe3\x86A\x08y\xec\xca+\xe3\xac\xd6pK|l&gt;\xa0\xd4\xab\xeb\x83SR\xee\xed\xdf_\xb5\x84\xaa\xbd\xe0\xfd\xfb\xf7\xb7Y#\xa6\x1a\xb3\xf1\xfc\xf3\xcf\xdfv\xdbm\x9d;wn\xdf\xbe\xfd\xb5\xd7^\xfb\x8f\x7f\xfc#999$\x03A\x19c^\xaf\xb7\xfe\xbd?\n\x82\xf3.\xbd3\xfa];\xc9\xe7\x89\xc8\xf7~\x7f\x18\x00\xd3}\xb5#\'\xff\xd1\x1e\xe7\xe2F\x90i\xda\xa1C\x87\n\n\n\xf0$ \xb4\xb0\x00\x84\x12\xe7&lt;//\x8fs\xae\x12\x1fGv\xed:&amp;5\xb5:,\x13\x1f\x9bO\xb5\x84\xde?`@\x07\x87CeFVWW/Z\xb4\xc8\xe1p\xb4Y\x01\xd0u=))\xe9\x85\x17^\xd8\xbd{wqq\xf1\x86\r\x1b\xfa\xf5\xebW[[\xdb\xf6\xcb\x7f\xc30\x12\x13\x13W\xae\\\xb9\x7f\xff~\x00\xe0BP\x80\xac[\xa6\x01\xd3HT\xae\x88)5t_b\xe7\xee\x83\xae\x9f"\xa5\x94\x92\x00\x85\xa5K\x97VTT`GP\x08a\x01\x08\r\xc30\x18c\xabW\xaf\xde\xb6m\x9bE\xd3\x0c\xce5\x80y\xd9\xd9&lt;*/~BHCK\xe8%\t\t332\xd48~\xc6\xd8\xab\xaf\xbe\xbaq\xe3\xc66{7X\xbdoU]]\x1d\x1f\x1f\x9f\x94\x94T[[[WW\xd7\xf6w\x7f\x95\xf8x\xec\xd8\xb1\xfc\xfc|\x00PS?{e\xff2m\xd8\xb5~\xaf;R\xa6~^(`\xcc\xef\xa9\x1a~\xd3\x03\xae\x8e\x97\xa9\x87\x80\xd3\xa7O\xcf\x993\x07\xdf\t\x08!,\x00!\xa0\xa6&gt;\xd4\xd4\xd4\xcc\x9b7\x0f(%R\n)\'\xf6\xee=09\xd9\x1b\x15\xad\x9f\xe7\xa3\x01\xb8\xfd\xfe[\xaf\xb8\xa2_\xfb\xf6B\x08\xa0\x94s\xbep\xe1\xc2\xb6\xdc\x81\xa1\x942\xc6\x0c\xc3\x08\x06\x83\x00\x10\x92$\x005\x94\xb4\xb0\xb0\xb0\xb2\xb2\x12\x00\x84\xe06G|\xd6-S\x83~_tt\xfe\x9c\x07\x95\xdc\xb0:\xe2\xaf\xbcu\x1a!D\x1d\x05\xad^\xbd\xba\xa4\xa4\x04\x83\xe3C%\x8a\xbfm\xe1K5\xff,^\xbc\xb8\xac\xac\x8c1f\x08\xe1\xb4\xd9ffd\xd4\x05\x83\xd1w\xf6{\x16.e\xac\xd5\x9a\x9b\x99)\xcfh\t}\xe1\x85\x17\xda\xb8%TEB\xb6\xd9\x1fw&amp;\xd5\xfaY\\\\\xbc|\xf9r\x00\x10\x84H!\x06\x8e\xb93%m@\xd0\xe7\xa54\x9a\xbf\x00\x94i~\x8f\xbb\xef\xa8[\xbb\xf4\x1e&amp;\xb8A\x81\xe9\xba&gt;u\xeaT\xce9&gt;\x04\x84D4\x7f\xdb\xc2\x93\xda\xfaP\'`\x8c1)\x84\x94\xf2\xa1!C\xba\xc4\xc7GS\xeb\xe7\xf9\xa8\xcc\xc8Q\x97^:&amp;5\xb5\xb1%4??\xff\xd8\xb1c!\xcf\x8cl3\x8c\xb1\x993g\xea\xba\xaeZ?\x9d\xc9\x97d\xfc\xea~\xbf\xa7*\xfa\xce~\xcfIp#\xe7\xf6\\`\x1a\xe7\x86\xa6i\xdb\xb7o_\xbdz5\xb6\x84\x86\x04\x16\x80\xb6\xa6\xeeq\xaa\x07NE\xbe\xf4k\xdf\xfe\x9e\xfe\xfd\xab\x03\x81\xa8_\xfe+\xea\xd5\xb0G\xb2\xb2\x12\xacV\xb5\x0fPYYYXX\x18\x17\x17\x17\xf5\xb7\x00\xce\xb9\xd3\xe9\xdc\xb0a\xc3\xe6\xcd\x9b\xeb\xf7=\xa4\xcc\x9e8\xd3\x91\x98\xcc\r=\x9aZ?\xcfG\r\x08\xea\xd6?;}\xd4x\x95\x19I)\xcc\x9b7\xaf\xba\xba\x1a[B\xdb\x9e)\xee8\xe1C\xb5~n\xdd\xba\xb5\xf1-\x18IHnff\x8c\xa6E_\xeb\xe7\xf9\xa8)\xa1\xfd;t\x98\xd2\xaf\x9fh\xc8\x8c\\\xbe|yIII\xc83#[\x9b\xa6iuuu\xb3g\xcf\xa6\x84\x10\nB\xf0.\xbd\x87\xf5\xbd\xfa\x16\x7fdF\xbe\\\x1c\x00\xa6\xd7y\xb3\'\xcc\xb0\xc5&amp;pn0\x8d\x95\x95\x95\x15\x16\x16\x02@\xd4\xaf\x00\xc2\r\x16\x80\xb6\xa3^\xfb\n\x04\x02\xd3\xa7O\xa7\x94\xaa\xd6\xcf\xeb\xbbw\x1fu\xe9\xa5\xee(m\xfd&lt;\x1f\r\xa0\xca\xef\xff\xcd\xc0\x81\x97&amp;$\xf0\x86\x01A\xf3\xe7\xcf\x0fmVLk3\x0c#!!\xe1\xb9\xe7\x9e+--\x85\x86\xb1?9\xb7\xe7\nnD\xc3\xd8\x9f\xa6\xa3\xd4\xd0\xfd\xf1\xed;g\x8d\x9b\xaa\x06\x041`O=\xf5\x94:\x12\x8b\xee\x15@\xb8\xc1\x02\xd0v\xd4\xd9\xef\xda\xb5k\xf7\xee\xdd\xab\x96\xffV\xc6ffd\x08\xd3\xac\xfd\x1bQBt\xce;\xc5\xc6&gt;8x\xb0l8\x17y\xe3\x8d7\xdey\xe7\x1d\x97\xcb\x15\x95\xcb@\xd5\xfaY^^\xbeh\xd1"J)\xa1 \x85\xb8\xfc\xca\x1b\xba\xf5\x1f\x115c\x7f\x9a\x0e\x18\x0b\xd4\xd6\x0c\xbc~Jb\xe7T\x15\x1c_]]\x9d\x9f\x9f\x8f\xef\x04\xb41s}\xedBH-\xff\xab\xaa\xaaf\xcf\x9e\r\x00TJ!\xe5\xbd\xfd\xfb\x0fLI\x89\x8e\xa9\x9f\x17J\x03\xf8\x8f\xcf7\xa9O\x9fa*3\x92RJ\xe9#\x8f&lt;\xe2\xf3\xf9\xa223V\xb5~\xe6\xe7\xe7\xabHd\xc1\r{\x9ck\xe4m\xb3\xf5:Ot\x8d\xfdi"*\x05\xb7\xd8b~r\xc7\xa3\x84\x10\x83s\xc6\xb4U\xabVm\xdf\xbe]\xd3\xb4\xa8\\\x01\x84\',\x00mD-\xff\xf3\xf2\xf2***\x18\x80\xc1y\x07\x87\xe3\xfe\x01\x03\xbc\xd12\xf5\xf3"HB4\x80\x19C\x87\x02\xa5\x82s\x00\xd8\xbf\x7f\xff\xb3\xcf&gt;\xdbf\x03\x82\xda\x8cj\xfd\xdc\xb2e\xcb\x8a\x15+\x00@H"\xa5\x1ct\xfd\x94\xc4.iQ6\xf6\xa7\xe9(\xb0@mM\xda\xf0\xeb\xba\xf5\x1f!\x05\xa7@9\xe7S\xa7N\r\x04\x02x\x1a\xdcfLz\xebic\xea\xee\xaf\xf2\xf0\x18\x80lH|\xbc$!\xc1\x0c\xad\x9f\xe7\xa3ZBG\xa7\xa6\xde\xd8\xb3\xa7j\t\x05\x80E\x8b\x16\x95\x97\x97G_K\xa8\xa6i\xb9\xb9\xb9\x86a\x00c\x82\x1b\x89\x9dS\x87\xdf\xf4\x80\xdfS\x15\xc9\x89\x8f-@\n\xfe\xd3)s\x99f\xe1\x9ck\x9aVRR\xb2v\xedZ\x1c\x10\xd4f\xb0\x00\xb4\x05\xb5\xff\xa3\x12\xb1\x19\x80!\xc4\xb0N\x9dn\xeb\xd3\xe7\xb4\xcf\x17\xd1\x89\x8f\xcd\xc7\x00ju=73\xd3e\xb7\x1bB\x00\x80\xdb\xed\xce\xcf\xcf\x8f\x8d\x8d\x8d\x9a}\x00\xc30\\.\xd7\xcb/\xbf\\TT\xc4\x18\xe3\\\x10B~r\xc7\xa3\x96\x988)"8\xf1\xb1\xf9(\x80\xee\xf3v\xec9h\xf0/\xeeQ-\xa1\x000{\xf6\xec\xd3\xa7O\xe3C@\xdb0\xf5\xdd\xa7m\xa8\xd6\xcfM\x9b6m\xda\xb4\x89\xa9a\xc8\x94\xce\x18:T\x03\xc0/8%\xc4g\x18i.\xd7\xdd\xe9\xe9\xb2\xa1%t\xc5\x8a\x15{\xf7\xee\x8d\x8e\x96P5\xf1\xdf\xe3\xf1&lt;\xfe\xf8\xe3\x84\x105\xf6\xa7[\xff\x11i\xc3\xaf\x0bx\xab\xa3u\xecO\xd3\x010\xdd\xe7\x1d:\xf6&gt;\x87\xab\xbd:\r\xae\xa8\xa8X\xb6l\x19&gt;\x04\xb4\r,\x00\xadK\xad\xfd\xeb#\x90\x08Qo~\x8d\xed\xd1ctj\xaa\xdb\xef7U\xeb\xe7\xf90\x80*\xbf\xff\xc1!CR\x9dN\x95\x19i\x18\xc6\xacY\xb3\xa2\xe3(X\r\xfd/((8|\xf8\xb0\xa6i\x82s`\xec\xa7S\xe6J\x11%\xcf7\xcdE\xa9\xa1\xfb\x13:t\xcd\x1e\xff\xb0\xac\xcf\x8cdK\x96,9t\xe8\x10\xd6\x806\x80\x05\xa0u\xa9\xdd\x7f\x15\x82\xca\x1838O\xb0Z\x1f\x1a:\xd4\x17\x0c\x9a\xb0\xf3\xe7\x9c(!\x86\x94\xf1V\xeb\xf4\xa1CICK\xe8\xe6\xcd\x9b7l\xd8\xe0t:#z#HJ\x19\x13\x13SZZ\xfa\xcc3\xcfPJ%!R\x8a\xf4Q\x13Rz\x0c\xd0}^\xb3\xb5~\x9e\x0f0\xcd\xefu\xf7\xbdz\\rj\xba\x10\x1c\x18S\xa9\xd1\xb8\x0b\xd4\x06\xf0+\xd8\x8a\x84\x10\x94\xd2\x8a\x8a\x8a\xfa\xd0\x0fB\x84\x94S\xd2\xd3\x07&amp;\'{\xb1\x00\x9cA\xa3\xd4\xed\xf7\x8f\xef\xdd{\xb8j\t%\x84R:{\xf6l\xaf\xd7\x1b\xd1\xaf\x86q\xce\xe3\xe2\xe2\xf2\xf2\xf2\xaa\xaa\xaa\x98\xa6\t.l\xb1\xce\xec\t3\x82\xfe:S\xb6~\x9e\x97\xe4\xdcb\x8f\xcd\x99&lt;\x87H)\x04g\x8c\xad_\xbf\xbe~\xcb4\x92W\x00\xe1\x0f\x0b@+Rc\x9f\xe7\xcc\x99SUUea\xcc\xe0\xbc[B\xc2o\x07\r\xaa\xf2\xfbM~\xf6{N\\\x88\xbc\xac,\r@\r\x08*---((h\xb3\xa8\x80\x16\xa76\x7f6n\xdc\xb8n\xdd:\xf5\x82\xab\x94"k\xdc\x1f\xe2\xdbw1m\xeb\xe7\xf9P\xc6\x02^w\xea\x90\xab{\x0c\xbfN\xf0\xfa\xccH\xd54\x81\xcf\x01\</t>
        </is>
      </c>
    </row>
    <row r="12">
      <c r="A12" s="1" t="n">
        <v>10</v>
      </c>
      <c r="B12" t="inlineStr">
        <is>
          <t>rectangle_height_color</t>
        </is>
      </c>
      <c r="C12" t="inlineStr">
        <is>
          <t>What is the missing color of the part denoted with a question mark?</t>
        </is>
      </c>
      <c r="D12" t="inlineStr">
        <is>
          <t>['orange', 'red', 'blue', 'yellow']</t>
        </is>
      </c>
      <c r="E12" t="inlineStr">
        <is>
          <t>blue</t>
        </is>
      </c>
      <c r="F12" t="inlineStr">
        <is>
          <t>There are 7 rectangles in the image with varying colors and lengths. The lengths from left to right are ['medium', 'short', 'medium', 'long', 'long', 'short', 'medium']. The colors from left to right are ['blue', 'purple', 'blue', 'red', 'red', 'purple', '?'].</t>
        </is>
      </c>
      <c r="G12" t="inlineStr">
        <is>
          <t>We observe that the red rectangles are of long length and the purple rectangles are of short length. Hence, the pattern is that the color of each rectangle corresponds to its length.</t>
        </is>
      </c>
      <c r="H12" t="inlineStr">
        <is>
          <t>Based on the pattern that the color of each rectangle corresponds to its length, the missing color of the part denoted with a question mark should be blue.</t>
        </is>
      </c>
      <c r="I12" t="inlineStr">
        <is>
          <t>b'\x89PNG\r\n\x1a\n\x00\x00\x00\rIHDR\x00\x00\x02\x00\x00\x00\x02\x00\x08\x02\x00\x00\x00{\x1aC\xad\x00\x00&gt;8IDATx\x9c\xed\xdd{|T\xd5\xbd?\xfc\xefZ{\xcf-\xd7\x19B\x12\x10\x10\x85pS4\xc8U\x88\x82\xa8\x08\xb6U\xb1*\x82\x82\xed\x0f\x05[Km8&gt;\xb6\xf5&lt;&gt;\x07\xd0\xa7\xb5(\x9e\x9e\xda\xf6hAD\xb0\xa2\xadZ\xeb\xad\x10\x82\nX\x15\x02\xa8\xdc\x12\xaer\x8f\xb9\'3If23{\xaf\xf5\xfc\xb15\x0f\xc5*!$\x99\xbdg}\xde\xafW_/\x9a\xe0\xe4\xcb\xcaw\xd6g\xed\xb5/\xc3\xa4\x94\x04\x00\x00\xea\xe1\x89.\x00\x00\x00\x12\x03\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d2\x13]\x00@\xa7\x93R\xb6\xe3\xbfb\x8cux%\xed\xe3\xf4\xfa\xc1\xb6\x10\x00\x90\x84\xa4\x94B\x08)%c\x8c1\xc6y{\x8et;\xe4E\xda\xc7\xe9\xf5\x83S\xb0\xf6-.\x00l\xc8\x9a\xf2\x88H\xd3\xb4S\xbf\x1e\x0c\x06\x85\x10\x8c\xb5\xb5\xdb\xad\xb5\xb3\xdf\xef?\xf5\x8b\xd6d\xca9\xef\xbc\x95\xb5\xd3\xeb\x07\xc7A\x00@2\x90R\x9a\xa6\xa9\xeb_\x1e\xd1666\x96\x94\x94l\xd9\xbc\xf9\x93O&gt;\xa9\xab\xab++-5\x0c\x83\x11\xb5\xb1\xd7\xad\xa96//\xcf\x1f\x08\x8c\x1c5j\xf8\xf0\xe1\xa3G\x8f\xee\xd5\xab\x97\xf5]\xc308\xe7\x1d\xbb\xa0vz\xfd\xe0P\x08\x00p&lt;\xd34\xad%s,\x16[\xbbv\xed\xaa\x95+\xb7m\xddz\xf4\xf8\xf1\x0e\xfc\x11\x81\xcc\xcc\x91\xa3FM\x9b6\xed\xc6\x9bn\xca\xc9\xc9!"\xc304M\xeb\x90\xd5\xb4\xd3\xeb\x07\xe7B\x00\x80\x83Y\xdd\xcb\x18\x0b\x06\x83\xcb\x96-{a\xd5\xaa\x9d\xbbv\xb5~7\xdd\xeb\xed\x9d\x9e\x9e\xe3\xf3\xe5\xf9\xfd\x01\xaf\xd7\x10\xa2\x8d\xb3\x1dc,n\x9a{\xea\xea\x1a\xa2\xd1\xc3\xc1`}8\xdc\xfa\xad\x9e=z\xdc9s\xe6=\xf7\xdc3h\xd0 "\x12B\x9c\xcbR\xda\xe9\xf5\x83\xd3!\x00\xc0\xa9Z\x17\xce+V\xacx|\xf1\xe2\xbd\xfb\xf6Y_\xef\x9d\x99y\xe5y\xe7]\xdb\xb7\xef\xd0\xac\xac\x9c\xd4\xd44\x97K\xe7\x9c\x9f\xe5RWJi\x08\xd1b\x9a\xd5\xe1\xf0\xbe\xfa\xfaM\'N\xbc\x7f\xfcxYm-IID\xdd\x02\x81\x9f\xde\x7f\xff\xfc\xf9\xf3333\r\xc3h\xdd\xbaQ\xaa~H\x02\x08\x00p$k\xf6,//\x9f={vQQ\x91\xf5\xc5!\xdd\xbb\xcf\xb9\xe4\x92\xef\xf6\xeb\x97\x9d\x92"\xa5\x8c\x9af\xcc4\x85\x94\xb2]WR2\xc68c.\xce\xbd\x9a\xa6s\x1e\x8a\xc5&gt;*/\x7ff\xc7\x8e\r\xc7\x8f[\xd3\xe8\xa0A\x83\x96/_^PP`\x9d\xa1=\xab\xed\x14\xa7\xd7\x0f\xc9\x01\x01\x00\xcec-Z\x8b\x8a\x8af\xcf\x9e]^^NDy\x81\xc0O\x86\r\x9b:`\x80\xdf\xe3i\x8c\xc5\xe2\xa6I\x8c\xf1\x8e\xb8\x16^\x12\t)\xa5\x94:\xe7i.\x97)\xe5\x86\xe3\xc7\x7f\xff\xe9\xa7\xff&lt;q\x82\x88&lt;n\xf7o\x16/.,,&lt;\xab9\xd4\xe9\xf5C\xd2@\x00\x80\xc3X\xb3\xe7\xb2e\xcb\xe6\xce\x9dKD\xc4\xd8\xff\xb9\xf8\xe2\x87.\xbf&lt;\xc7\xe7k\x88F\r!4\xce;i\x1a3\xa5dD\x19\x1e\x8f)\xc4\xb2\x9d;\x17o\xdd\xda\x18\x8d\x12\xd1\x9c9s\x96.]j\x9af[.\xb2tz\xfd\x90L\x10\x00\xe0$\xd6\xceI\xeb\xec\xe9\xf7z\x7fs\xe5\x953\x86\x0c\tF\xa31\xd3\xd4\xbb\xe4|\xa65\x8dv\xf7\xf9J**~\xf6\xde{{jkIJk\x0e=\xe3:\xda\xe9\xf5C\x92A\x00\x80c\xfc\xcb\xec\xc9X\x8e\xcf\xb7b\xca\x94\xf1}\xfaT47\xeb\x9d\xb6j\xfe&amp;q!\x02^ou8&lt;\xf3\x9dw\xb6WW\x93\x10\xad\xeb\xe8\xd3n\xe3J\x9a\xfa!\xf9 \x00\xc0\x19\xac\x89i\xfd\xfa\xf5\x93&amp;M"\xa2,\x9fo\xcd-\xb7\xf4\xcb\xcc\xac\x8fF]\t\xba\x90\xd1\x10\xc2\xab\xeb\x9c\xb1\xdb\xde|\xf3\xc3\x93\'\x89h\xe1\xc2\x85\x0b\x16,\xf8\xb7\xd7\xd58\xbd~HJ\x08\x00p\x00\xebr\xf5\xca\xca\xca\xfc\xfc\xfc\xaa\xaa\xaaL\x8f\xe7\xc5\xef|gL\xcf\x9e\r\xd1h\xd7l\x9b|\x13SJ\xaf\xa6\x85b\xb1io\xbd\xb5\xab\xa6\x86\x11\x15\x15\x15M\x9a4\xe9\xb4u\xb4\xd3\xeb\x87d\x85{@\xc0\x01\xac\'%\xcc\x9a5\xab\xb2\xb2\x92\x88\x1e\xbb\xf2\xca\xf1}\xfa\xd4\'z\xf6$"\x8d\xb1\x88iv\xf7\xf9\xfe4i\x92\xdf\xe3\x91R\xce\x9a5\xab\xa2\xa2\x821f=\xd5\xc7\xe2\xf4\xfa!Y!\x00\xc0\xee\xac\xd5\xe8\xea\xd5\xab\x8b\x8b\x8b\x89h\xe6\x90!w^tQEss\xa2vNN\xa33\xd6\x10\x8d^\xd4\xbd\xfb\xff[P@D\x95\x95\x95\x0f=\xf4\x10\xe7\xbc\xf5\xd8\xda\xe9\xf5C\x12\xc3\x16\x10\xd8\x9a\x94RJ\xd9\xd0\xd00f\xcc\x98\xcf\x0f\x1d\xea\x9b\x91\xb1\xee\xb6\xdb&lt;\x9af]\xcab\x1f\xa6\x10\x01\xafw\xd6\x9a5\xef|\xfe\xb9\xc7\xed\xfe\xe0\x83\x0fF\x8e\x1ci=\x8a\xd9\xd1\xf5\xe3A\x11\xc9\r\xbf]\xb05\xeb\xe2\xf4\x15+V\x1c&lt;xPH9\xef\xb2\xcbrRRb\xa6i\xab\xd9\x93\x88\x18c1!\x1e\x1c9\xd2\xabi\xd1ht\xc1\x82\x05\xd6\xd4\xef\xf4\xfa\x13]\x17t.\x04\x00\xd8\x97\x94R\xd3\xb4H$\xb2\xe2\xb9\xe7\x18cy\x81\xc0-\x03\x07\xd6\xb7\xb4$|\xeb\xfc\xeb8cM\xb1X~N\xce\xf7\xfa\xf7\'\xa2M\x1b7\x96\x95\x95i\x9a\xc69wt\xfd8\x13\x90\xdcl\xd7\x88\x00\xad\xac\xfb\x92\xd6\xaf_\xbf\xa7\xb4TJ\xf9\xe3\xfc\xfcL\x8f\xc7\xb0\xeb\x94\xc4\x19\x8b\x9a\xe6}\xf9\xf9)nws8\xfc\xec\xb3\xcf\x12\x11\xe7\xdc\xd1\xf5#\x00\x92\x1b\x02\x00\xec\xee\xf9\x15+\x18c=\xd2\xd3\xbf\xdb\xbf\x7fc,\xa6\xd9o\xf9l\xe1\x8c5\xc7b\xf999\xe3\xce;\x8f1\xf6\xea_\xff\xda\xd4\xd4DD\xd6\xf2\xdf\x89\xf5\x87\xc3a]\xd7\xb1\x11\x94\xc4l\xda\x8b\x00\xd6\xfeO0\x18,))\x91R\x8e\xef\xd5+\'%%n\xbf\xdd\xf3SI"\xce\xd8\xf5\x17\\ \xa5&lt;\xf9\xc5\x17\xa5\xa5\xa5\x86al\xd9\xbc\xd9\xa1\xf5\xef\xd8\xb1\x83p\x10\x90\xd4\x10\x00`S\xd6\xbc\xb3m\xdb\xb6\x13\'O\x12\xd1\xa4\xbe}\x89\x88\xec\xfd\x98\x1a\x8d\xf3\x88a\\\xd1\xabW\xba\xd7k\x9a\xe6\xa6M\x9bv\xed\xdaU^QA\xce\xac\x7f\xcd\x9a5\xd4\xae\'Q\x83S\xe0\x86o\xb0)k\xde)))!\xa2T\x8f\xe7\xe2\xac\xac\x16\xc38\xdb\xcfE\xe9b\x8c(j\x9a\xbd\xd2\xd3/\xcc\xcc\xdc\xd9\xd2\xb2\xe3\xb3\xcf\xbc^/9\xb6\xfem[\xb7\x12\x11\xae\x04Mb\xf8\xd5\x82MY\xcf\xa4\xdc\xbem\x1b\x11\x9d\x9f\x91\xd13-\xcd\xe6\xfb\'\x16!D\x8a\xcbuq\xb7nD\xb4s\xc7\x8e5\xef\xbcCD}\xd2\xd3\x9dX\x7fYiiSS\x13n\nKb\x08\x00\xb0)\xeb:\xf4\xea\xeaj"\xca\xf2z\xd3\xdcn\xd3\t\xd3\x90$\xd2\x18\xeb\x99\x9aJDu\xb5\xb5\xc7\x8e\x1d#\xc7\xd6\xdf\xd0\xd0\x10\x89D\x12]\x11t"\x04\x00\xd8\x91u\x0fj0\x18\xdc\xbfo\x1f\x11\r\xf2\xfbu\x87\xdc\x97\xc4\x183\x84\x18\x18\x08\x10Qeu\xf5\xc1\x83\x07\x89h\xa03\xeb\x0f55\x95\x95\x95\x11\xce\x03\'/\x9c\x03\x00\xfb\x92R\xc6\xe3q"\nx\xbd\x9c1\x07L\x9fDD$\x89\xbay\xbdDd\x18\x86`\x8c\x88\xba9\xb3~!\x84a\x18\x89.\x07:\x11\x8e\x00\xc0\xd6\xac3\x01\x86\x13\xd6\xce\xa7\xb2\nn\xfdt-\x87\xd6O\x1d\xf1\xa1\xc4`g\x08\x00p\x00\xc7MB\xec[\xff\xaf\xfd9\xae`h\x1f\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d2\x13]@\x9bH)\xdb\xf1_1\xc6:\xbc\x125a\xfcAeI\xdc\xff6\r\x00)\xa5\x10BJ\xc9\x18c\x8cq\xde\x9e#\x95\x0ey\x115a\xfcAe\xea\xf4\xbf\xbd\x02\xc0\x1a2"\xd24M\xd3\xb4\xd6\xaf\x07\x83A!\x04c\xac\x8dQle\xaf\xdf\xef?\xf5E\xac_\x06\xe7\xdc\x11\xc9\x9c\x10\x18\x7fP\x99\x82\xfdo\x97\x00\x90R\x9a\xa6\xa9\xeb\xba5d\x8d\x8d\x8d%%%\x9b7o\xf9\xe4\xd3O\xeaj\xebJ\xcb\xca\x0c\xc3`\x8c\xdax(\xc6\x18#\x92\xfd\xfb\xe7\x05\x02\xfeQ#G\x0e\x1f&gt;|\xf4\xe8\xd1\xbdz\xf5\xb2\xbek\x18\x06\xe7\xdc\x9e\x81\x9c(\x18\x7fP\xd9\xbf\xed\xff-[\xb6|\xf2\xc9\'uuueee\xa6i\x9e\xedk\xf6\xef\xdf\xdf\xef\xf7\x8f\xb4w\xff\xdb"\x00L\xd3\xd44M\xd7\xf5X,\xb6v\xed\xda\x95\xabVm\xdd\xba\xed\xf8\xb1\xa3\xe7\xf8\xb2\xb555DT\xb4v-\x11e\xfa\x03\xa3F\x8e\x9c6m\xdaM7\xdd\x98\x93\x93CD\x86ah\x9af\xab4N\x14\x8c?\xa8\xec\xb4\xfe_\xb5j\xd5\xb6m\xdb\x8e\x1e=\xd7\xfe\xaf\xae\xae&amp;\xa2\xb5k\xd7\x12Q \x10\x189r\xe4\xb4i\xd3n\xbc\xd1^\xfd\x9f\xe0\x00\xb0\x0e\xa94M\x0b\x06\x83\xcb\x96-[\xf5\xc2\x0b\xbbv\xeel\xfd\xae75=#\xbbW\xaa?\'p^\x7foz@\x08\x83Q\xdb\xc6\x8b1a\xc4\xab\x8f\x94\xb645\x04+\x8e4\x87\xea\x83\r\xf5\xeb\xd7\x17\xaf__\xfc_\x0b\xfek\xe6\x9dw\xdes\xcf=\x83\x06\r""!\x84M\xa28!0\xfe\xa0\xb2\xd3\xfa\xff\x85\x17^\xd8yJ\xff\xa7\xa7\xa7\x9f\x7f\xfe\xf9=z\xf4\x188p`\xb7n\xdd\x0c\xc3h\xe3|\xcd\x18\x8b\xc7\xe3;w\xee\xac\xaf\xaf?t\xe8P]]]}}}qqqqq\xf1\x82\x05\x0b\xee\xb8\xe3\x0e\xfb\xf4\x7f"\x03\xc0\n^"Z\xb1b\xc5\xe2\xc7\x1f\xdf\xb7w\xaf\xf5u\x7fN\xef&gt;\x97\x14\\8\xe2\x9a\xec\x0b.N\xeb\x96\xe3\xf6\xa51\xaeq\xaeI\x92\xd4\xc6\t\x88\x88\xa4\x14f\xdc\x88E\xc3\r\xd55\xc7\xf7\x1f\xdb\xf1\xc1\xd1\xcf6T\x1d\xdd[\xf1\xc5\x17K\x96,Y\xbe\xfc\xb9\xfb\xef\xff\xe9\xfc\xf9\xf3333\r\xc3\xd0u[\x1c\tu1\x8c?\xa8\xec\xd4\xfe\x7f\xfc\xf1\xc7\xf7~\xd5\xff\xe7\x9f\x7f\xfeUW]5e\xca\x94\xfc\xfc\xfc\x1e=z\xa4\xa7\xa7\xeb\xba\xde\x8e\xa5z&lt;\x1e\x8fF\xa3\x95\x95\x95eee\xef\xbe\xfbnqq\xf1\x9e={\xca\xcb\xcb\x97,Y\xf2\xdcs\xcf\xfd\xf4\xa7\xb6\xe8\xff\xb6\x9e\xd6\xe8p\xd6\xe8\x97\x97\x97\xcf\x9e=\xbb\xa8\xa8\xc8\xfabv\xdf\xc1\xc3\xbfw\xcf\x80\xcb\xafO\xf1g\x93\x94F\xac\xc54\xe2R\x08I\xb2\xad\xdb\xcf\xa7`\x8c3\xc6\xb8\xee\xd2\xdd^\xaei\xd1\xe6\xc6\xe3{&gt;\xde\xfe\xe6\xd2\xa3\x9fm\xb4^k\xd0\xa0A\xcb\x97//((\xb0\xce\xf0$\xfcp\xac+\xd9|\xfc\xadk\'\xea\xeb\xeb\x07\xe6\xe5\xd5\xd4\xd5\xcd\x1f9r\xe1\xb8q\xd5\xe1\xb0n\xfb\xc3\x05S\xcaL\x8f\xa7\xf8\xc8\x91\x19o\xbf\xcd\x19\xe3\x8c\x19B\x14\x8e\x18\xb1\xa8\xa0\xc0q\xf5\x13\xd1{\xef\xbd7q\xe2\xc4\xd6\xb92i\xfc\xdb\xfe\xbf\xf8\xe2\x8b\xe7\xcd\x9b7u\xea\xd4\x9c\x9c\x1c)eKKK,\x16\xb3v\xff\xdb1OZW\xfe\xb8\\.\x9f\xcf\xa7iZ(\x14\xfa\xe0\x83\x0f~\xf7\xbb\xdf\xad_\xbf\xde\xfa\x0bv\x98\x7f\x12\x93&lt;V\xe8\x15\x15\x15\xcd\x9e=\xbb\xbc\xbc\x9c\x88\xb2z\xf5\x1f9\xf5\xbe\xc1W\xde\xe4I\xcd\x8c\x85\x1b#\xa1z\xc6\x88\x18\xb7\xae\x9f:\x97\x811\x8d\xb8\x19\x8fJ)\xb9\xa6\xf7\x1bq\xf5\x85\x97]u\xe4\xb3\x8d%\xaf\xff\xf1\xd8\xce\x0f\xf7\xed\xdbw\xf5\xd5\xd7,^\xfc\x9b\xc2\xc2B\xeb\xec\xbf"\x19\x80\xf1\x07\x95\xb5\xf6\xff\xddw\xdf}\xf2\xe4I"\x1a0`\xc0\x03\x0f&lt;p\xdbm\xb7\x05\x02\x81P(T[[kM\xdf\x8c\xb1sL&gt;\xeb8@J\xa9\xeb\xfa\x94)S&amp;M\x9aT\\\\\xfc\xe4\x93On\xd8\xb0a\xdf\xbe}\xd7\\s\xcdo~\x93\xc8\xfeO\xc0z\xc4\x1a\xfde\xcb\x96M\x992\xa5\xbc\xbc\x9c\x11\r\xbb\xfe\x873\x16\xbf5\xec\xfa\x1f\x10Q$T+\xa5\xc95\x8d\xf1\x8e9C\xc2\x18c\\\xe3\x9aND\xd1\xe6P,\xd2|\xe1\xf0\xabo[\xf4\xd7\xab\xef~\xc4\x93\x92\x16\x8bE\xe7\xcf\x9f?w\xee\\\xce\xb9u\x9d\xd6\xb9\xffD\x9b\xc3\xf8\x83\xcaN\xed\x7fk\xf6\xff\xd1\x8f~\xf4\xc1\x07\x1f\xdc{\xef\xbd\x8c\xb1\x9a\x9a\x9a\xd6\xcb\x81:\xaa\xff\xad3\xccD\xd4\xd0\xd0\xd0\xd4\xd44e\xca\x945k\xd6,Y\xb2$===\x1aMp\xffwu\x00X\x83\xbbl\xd9\xb2\xb9s\xe7\x12\x91/\xdd\xff\x9d\xff\xf8\xdf\xc9\xf3\x9e\xd4]\xdep\xb0\x86\x88\xb8\xa6\x9f\xc5F\xf3Yb\\c\x9c\xb74\x07\xe3\x91\xe6\xd1\xdf\x9f7\xed\xd1Ws.\xb8\x88\x88\xacz4M\x93R&amp;\xf7\x1c\x84\xf1\x07\x95\x9d\xd6\xff\x81@`\xd5\xaaUO?\xfd\xb4\xd7\xeb\xb5.\xdai\xdfv\x7f\x1bi\x9a\xc69ohhhnn~\xe0\x81\x07\xd6\xad[w\xe9\xa5\x97RB\xfb\xbfK\x03\xc0\xdaw\xb3\xfe\xb5\x8c(5\x90s\xf3\xff\xbd\xea\x92kg\x84\xeb\xab\xa40\xadEb\x17\xe0\\c\x9c7\xd7W\xf6\xc8\x1bv\xdb#\x7f\xed9p8\xfb\xeaw`\xe5p\xd7\x94\xd1\xf50\xfe\xa0\xb2S\xfb\x9f\x88rss_\x7f\xfd\xf5Y\xb3fUUUY\xc1\xd05eX1PUU5b\xc4\x885k\xd6\x8c\x1e=\x9a\x12\xd7\xff]\x17\x00\xd6\xe8\xaf_\xbf\xde\x1a}oF\xb7\x19\x8f\xbd\xd1k\xc8\xa8\xe6\xba\n\xae\xbb\xa8\xeb7\xbftWKS\x83\xdb\x976\xe3\xb1\xbf\xf7\x1e:\x96\x88\x96-[\xb6h\xd1"M\xd3\x0c\xc3\xe8\xe2b\xba\x00\xc6\x1fTvZ\xffw\xef\xde}\xc3\x86\r\xe3\xc6\x8d\xab\xaa\xaar\xb9\\]\xbf\xf9\xeer\xb9\x1a\x1a\x1a\xd2\xd3\xd3\xdf\x7f\xff\xfd\xf1\xe3\xc7S\x82\xfa\xbf\x8b\x02@\x08\xa1iZee\xe5\xcc\x993\x19c\xde\xb4\xcc\x9b\xff\xf3\xf9@\xcf\x0b[\x9a\x82\\wuM\r_\xc75\xdd\x8cG\xa5\x907&gt;\xb84\xb7\xdfPF\xb4h\xd1\xa2\xe2\xe2b]\xd7\xdbq\xe3\x9f\x9da\xfcAe\xad\xfd?k\xd6,\xc6X \x10x\xf5\xd5W\xfb\xf7\xef___\xefr%\xac\xffu]\x8fF\xa3B\x88\xd5\xabW\x0f\x1b6\x8c\x12\xd1\xff]\x14\x00\xd6\x9d\xd6\xb3f\xcd\xaa\xac\xac$\xa2k\xe6\xfc\xea\xfc\xfc+[\x1a\xeb\xbbl\xdb\xe1\x9b0\xae\x99\xb1\x88/\xb3\xfb\xf7\x1ex\xda\x93\xe6\x97R\xce\x9a5\xab\xa2\xa2\x821\x96L{\x11N\x1c\xff\xc4\x16\x06\xc9\xa4\xb5\xff+**\x88\xe8\x7f\xfe\xe7\x7f&amp;L\x98\x90\xd8\xd9\xdf\xa2iZ$\x12\xc9\xce\xce~\xe1\x85\x17\x02\x81\x00\x11\xddu\xd7]]9\xfftE\x00X\x07_\xabW\xaf...&amp;\xa2K\xae\xbd\xe3\x92Iw4\xd7V$p\xedy*\xa6\xe9\xd1\xa6\x86\xee}\x87\\}\xf7#DTYY\xf9\xd0C\x0fq\xce\x93\xe6l\xa4\x13\xc7?\xc9\xae:\x87\x04:\xad\xffg\xcf\x9e}\xd7]wY;?\x89.\x8d\x88H\xd7\xf5\x86\x86\x86\xa1C\x87&gt;\xf9\xe4\x93R\xca\x8a\x8a\x8a\xae\x9c\x7f:=\x00\xac;z\xea\xea\xea\x1ey\xe4\x11\xc6y\xa0\xe7\x05\x13~\xf0pKcC\xc2\xd7\x9e\xa7\xe2\xba+\x1c\xac\x1dz\xed\xf4\x81c\xbf\xc3\x88^z\xe9\xa5\xad[\xb7&amp;\xc7\tI\x87\x8e\x7fIII\xeb\xa3\x19\x01\xda\xed\xd4\xfe\xe7\x9c\xf7\xeb\xd7\xefW\xbf\xfaU0\x18\xb4\xd5\xcd\xe7.\x97\xab\xa6\xa6\xe6\x07?\xf8\xc1\xd4\xa9S\xa9k\xe7\x9fN\x0f\x00\xd349\xe7+V\xac8x\xf0\xa0\x14b\xd4\xd4\xfbR\x029\xa6\x11\xeb\xfa\xb3\x8e\xdf\x8e1f\xc6cco\xff\x0f\xcd\xed\x89F\xa3\x0b\x16,h\xfb\xd3_\xed\x0c\xe3\x0f*;\xb5\xff\x85\x10\x0f&lt;\xf0@nnn,\x16\xb3\xdb\x1e#c,\x16\x8b=\xfc\xf0\xc3\x1eO\x97\xf6\x7f\xe7\x06\x80\x94\xd2\xda\xe4zn\xc5\n\xc6XV\xaf\xfeC&amp;|\xdf\x0e[\xcf_\xc78\x8fE\x9ar\xf3\xf2\x07\x8e\xfd\x1e\x11m\xdc\xb4\xa9\xac\xacL\xd34G/B\x9d;\xfe\x9b6m:p\xe0@ZZ\x9a\xa3\xc7\x1f\x12\xab\xb5\xffW\xacX\xc1\x18\x1b8p\xe0\x8c\x193\xea\xeb\xebm\xb5\xfc\xb7p\xce\x1b\x1b\x1b\x87\x0f\x1f\xfe\xfd\xef\x7f\x9f\x886u\xd5\xfc\xd3\xb9\x01`=\xe3b\xfd\xfa\xf5\xa5{\xf6H)G\xdc\xf4#OZ\xa60mz\x91\x1fc\xdc\x8cEGN\xfd\x91\xdb\x9b\x12nn~\xf6\xd9g\x89\xc8\xd1\x13\x90\x83\xc7?\x1c~v\xf9r\xaf\xd7\xeb\xe8\xf1\x87\xc4j\xed\xff={\xf6H)\x0b\x0b\x0b\xfd~\xbfm/2\xe6\x9c\xb7\xb4\xb4\xcc\x9f??%%\xa5\xb9\xab\xe6\x9f\xae8\t\xbcb\xc5\xf3\x8c\xb1\x8c\xac\x1e\x03\xc7~\'\x16n\xe4\xdc\xa6\xe7\xf7\x18\xe7\xb1Hs\x8f\xbc\xfc&gt;\x17\x8fe\x8c\xfd\xf5\x95W\xc3\xe1\xb0\xae\xebN\xdf\x88p\xe8\xf8\xbf\xf2\xca+\x95\x95\x95\x1e\x8f\'\xd1u\x81\xb3=\xff\xfc\xf3\x8c\xb1\x9e={\xde|\xf3\xcd\xa1P\xc8\xb6\xd7\x17p\xce\x9b\x9b\x9b\x87\x0f\x1f&gt;~\xfcx\xc6\xd8\xab\xafv\xc5\xfc\xd3\x89\x01`\x1d\x7f\x05\x83\xc1\x92\xad%R\xca\xf3/\xbd2\xc5\x9fm\xc6\xe3v\xdb}\xfeW\x92\x88\xf5\x1f3YJ\xf9E\xf9\xc9\x1d;v\x90c\x0f\x02\x9c&gt;\xfe\xc7\x8f\x1d\xdf\xbe}{\x8a\xcf\x97\xe8\x92\xc0\x91Z\xfb\x7f\xeb\xd6\xadR\xcak\xae\xb9&amp;\'\'\'\x1e\x8f\xdbm\xf7\xffT\xd6)\xeb\x1bn\xb8AJY^^\xde\x05\xf3O\'\x06\x80U\xf7\xb6m\xdbN\x9e8AD\x17\x8e\xb8\x86\xa4\xbd\'\x1f"\xce5#\x1a9\xff\x92+\xbc)\xe9\xa6i\xaeY\xb3\x86\xda\xf5$X;p\xf4\xf8{R\xd2\x0c#\xbef\xedZ\xb7\xdb\x9d\xe8\xa2\xc0\x91Z\xfb\xff\xf8\xf1\xe3D4e\xca\x14\xfb\xbf\x91\xad3\x16\x13\'N\xcc\xc8\xc80\x0c\xc3\xfa41\x07\x1f\x01\x10QII\t\x11y|\xa99\x17^l\xc4[\x18\xb3\xf7\xf3\xd0\x193\xe3\xd1\xf4\xec^\x81\xf3. \xa2\xad[\xb7\x11\x91C?\xb2\xca\xd1\xe3\xef\xefy\x01\x11m\xdd\xba5n\xd7\x1d[\xb09\xab\xff\xb7n\xddJDiii\xf9\xf9\xf9---6\x7f/3\xc6\xa2\xd1h\x9f&gt;}\xfa\xf7\xefO_\x15\xdf\xa95w\xe2K[\x87Z\xdb\xb6m\'\xa2\xcc\x9c&gt;iY=m\xbf\xff@D$\x84py|\xdd\xfb^DD\xa5eeMMM\x0e\xbd)\xcc\xd1\xe3\x9fm\x8d\x7fi\x99u\xeb\xb2\x13\xc7\x1f\x12\xeb\xab\xfe\xdfFD}\xfb\xf6\xed\xd5\xab\x97\xcd\xf7\x7f,B\x88\x94\x94\x94K.\xb9\x84\x88\xca:\x7f\xfe\xe9\xdc\x00\x90RZ\x0fYM\xc9\xccr\xfbR\xa5p\xc4\x03^$\xe3ZZVO"jhh\x88D"\x89\xae\xa7\x9d\x1c=\xfe\xe9Y=\x89\xa8\xb1\xb1\xb1\xa5\xa5%\xd1\xf5\x80#\x9d\xda\xff\xd9\xd9\xd9iii\x8ex\xc0\x94\x94\x92s\xde\xabW/"\n\x06\x83\x9d=\xfftV\x00X\xff\x8c`0\xb8o\xff~"\xea\xd6{ \xe3\xce\xb8\x9c\x861&amp;L#\xab\xf7\x00"jj\x0c\x95\x95\x95\x91\x03\xcf\x03;~\xfc\xfb\x0c$"\xce\xd5\xfa\x9cN\xe8(\xad\xfd\xbf\x7f\xff~"\x1a&lt;x\xb0\xf5\xb4\xfdD\xd7uf\x8c1\xd34\x07\x0f\x1eLD\xc1`\xb0\xb3\xe7\x9fN\xbf\x11,\x1e\x8f\x13\x917=\xc08\'r\xc0/\x80\x88HJoz7"\x12B\xd8\xf6\xaa\xe1\xb6p\xfa\xf8;\xe2\x1d\x0b\xb6%\xa5\xb4\xde\xbfYYY\x0e\xda\xc8\x95RfeeQ\x97\xcc?\x9d~J\xc4Z\xc1I\xe1\xb0i\xb4\xb5`\xa7\xaf@\x9d&gt;\xfe\x00\xe7\xc2\xea\x7f\xc7-\xe3Z\x0b\xee\xec\xf9\xa7\xcb\xce\x89;n\x1au\\\xc1\xdf\xceq\xff\x1c\xc7\x15\x0c\xf6\xe5\xb8e\\\x97\x15l\xeb\x8b\xa2\x00\x00\xa0\xf3 \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a5\'\xba\x00%H)\xdb\xf1_1\xc6:\xbc\x12\x80\xae\x87\xfe\xb7-\x04@\xa7\x90R\n!\xa4\x94\x8c1\xc6\x18\xe7\xed9\xd2\xea\x90\x17\x01\xe8z\xe8\x7f\xa7@\x00t$\xabe\x89H\xd34M\xd3Z\xbf\x1e\x0c\x06\x85\x10\x8c\xb16.\x85\xac\xb5\x8f\xdf\xef?\xf5E\xac7\x03\xe7\x1c+#\xb0\'\xf4\xbf\xe3 \x00:\x86\x94\xd24M]\xd7\xad\x96mll,))\xd9\xbcy\xf3\xa7\x9f|Z[WWVZf\x98\xc6\xd9\xbef^\xff\xfe\xfe@`\xd4\xa8\x91\xc3\x87\x0f\x1f=zt\xaf^\xbd\xac\xaf\x1b\x86\xc19\xc7\x82\x08\xec\x03\xfd\xefP\x08\x80\x0e`\x9a\xa6\xa6i\xba\xae\xc7b\xb1\xb5k\xd7\xaeZ\xb9j\xeb\xb6m\xc7\x8e\x1d=\xc7\x97\xad\xad\xad!\xa2\xa2\xa2\xb5D\xe4\xf7\x07F\x8e\x1c1m\xda\xed7\xddtcNN\x0e\x11\x19\x86\xa1i\x1aVC\x90p\xe8\x7f\xe7B\x00\x9c\x13\xeb\x90V\xd3\xb4`0\xb8l\xd9\xb2U\xab^\xd8\xb5kg\xebwS|i\x81\xcc\x1e\x19i\xdds\xb2\xceOM\xc9\x14\xc2$jK\xbfJ\xc6\x98i\x1a\'+\x0f\x84#\xa1\x9a\xfa\x13\x8dM\r\r\r\xf5\xeb\xd7\xaf_\xbf~\xfd\x82\xff\xfa\xaf;g\xdey\xcf=\xf7\x0c\x1a4\x88\x88\x84\x10X\nA\xa2\xa0\xff\x9d\x0e\x01\xd0~\xd6\xc2\x87\x88V\xacX\xb1x\xf1\xe3\xfb\xf6\xed\xb5\xbe\x9e\x15\xe89\xf0\xc2Q\x17\x0f(\xe8\xd5c`fzw\x8f;\x85s\x8dsNgs)\x84$i\x9a\x86a\xc4B\xcd\xb5\x15U\x87\xf7~\xbee\xef\xa1\xcd\'+\x0e~Q\xf1\xc5\x92%K\x96/\x7f\xee\xfe\xfb\x7f:\x7f\xfe\xfc\xcc\xccL\xc30t\x1d\xbfG\xe8j\xe8\xff$\x80\x81k\'\xab\xfb\xcb\xcb\xcbg\xcf\x9e]TTd}\xb1Wn\xde\x84\xcb\xa7\x0f\x1b21=\xad\x9b\x94d\x18Q\xc3\x8cG\xa2M\xd4\xae\xcb\xe0\x881\xceXFjV\xd6\xc0\x9e\x97\x0c\x1e\x1fii:x\xe4\x93\xf7&gt;~q\xef\xa1\xcd\xf5\xf5u\x8b\x16-z\xf9\xe5\x97\x97/_^PP`\x9da\xc3\xe10t\x19\xf4\x7fr@\x00\xb4\x87\xb5\xe8(**\x9a={vyy9\x11\xe5v\xef{m\xc1]#.\xb9\xce\xe7Mo\x8967\x87\x83\xf4e\x033\xcex\x9b\x0e|\xbf\xe9g\x99\xf1\xb8\x19#)9\xd7.\x1a8nH\xde\xe5e\x077\xaf\xffp\xd5\xbe\xcf\xb7\xee\xdb\xb7\xef\xea\xab\xaf^\xbcxqaa\xa1u\xf5\x05\xde\x03\xd0\x05\xd0\xffI\x03\x01p\xd6\xac\xee_\xb6l\xd9\xdc\xb9s\x89\x88\x18\x8d\x1fu\xdb\xf7\xae\xf9qFZV8\x12j\x0e7p\xce9\xd7\xce\xf42m\xc5\x18c\xc4\xac\xb7P$\xd2\xc4\x18]&lt;\xb0`H\xde\xe5\x1b6\xbf\xfc\xce\xfb\xcfDZ\x9a\xe7\xcf\x9f_ZZ\xbat\xe9R\xd34q\x91\x1ct6\xf4\x7f2A\x00\x9c\x1d\xebZ\xb7\xd6\xeeOM\xc9\xb8\xed;\xbf\x18{\xd9\r\xe1\x96\xc6\xc6\xe6:\x8d\xeb\x1d\xd8\xfa_g\x9d\xef\nGB\x8c\xb1\xeb\xae\xfca\xff\xbe\x97\xfd\xf9\xef\x8bNV\x1cX\xb6l\x19\x11-]\xba\x14\xeb \xe8T\xe8\xff$\x83\x13\xe8g\xc1\xda\xf7\xb4\xba\x9f1\xcaH\xcb\xfa\xd1\x1d\xbf\x1d7\xe2\xa6PS\xad\x10\xa6\xc6\xbb(M9\xd7\x18\xe3\xc1\xc6\x9a\xbe\xbd\x86\xdc\xff\x83\xff\xbd\xa0\xf7P\xc6\xc8\xaa\x8asn\xbd\x07\x00:\x1c\xfa?\xf9 \x00\xda\xca\xea\xfe\xf5\xeb\xd7\x7f\xb9\xf6\xf1\xf9\xff\xe3\x9e\xe5\xfd\xce\x1f\x16\x0cUk\x9a\xde\xf5\x8b\x0eM\xd3\xc3\x91F\x8f\'\xf5?\xeeY\x9e\xd7w\x04\x11-[\xb6l\xd1\xa2E\x9a\xa6\x19\xc6Y\xdft\x03\xf0\xed\xd0\xffI\t\x01\xd0&amp;B\x08M\xd3*++g\xce\x9c\xc9\x18K\xf1e\xdc{\xc7\x7fgw\xeb\x13n\tiZ\xc2\xb6\xd18\xd7\x0c#.\xa5\xb8\xfb\xf6\xdf\xf4\xe99\x88\x18-Z\xb4\xa8\xb8\xb8X\xd7u\xd34\x13U\x15$\x1f\xf4\x7f\xb2B\x00\xb4\x95i\x9a\xb3f\xcd\xaa\xac\xac$\xa2i\xdf\xfd\xf9\xa0\xfe\xa3\xc3\x91P\x97\x1d\xf6~\x13\xcey&lt;\x1eMO\xed\xf6\x7fn\xfbu\x8a7CJ9k\xd6\xac\x8a\x8a\nl\x83B\xc7B\xff\'%\x04@\x9b\xb8\\\xae\xd5\xabW\x17\x17\x17\x13\xd1\xb8\xe1S\xc7\x0e\xbf)\xd8X\x9d\xc0\xb5\xcf\xa98\xd7\xc2\x91\xd0y\xb9y\xb7^\xff\x00\x11UVV&gt;\xf4\xd0C\xa7&gt;E\x0b\xe0\x1c\xa1\xff\x93\x15\x02\xe0\x0c\xac\x9b\xddkkk\x1fy\xe4\x11\xceyv\xb7\xdeS\xaf\xfbi8\x12\xe2\xccF\x1d\xa6izSs\xfd\xd8\xe17\x0e\xbb\xe8j"z\xe9\xa5\x97JJJZ\x1f\xcd\x08\xd0n\xe8\xff\xe4\x86\x008\x03\xeb\x84\xd2\xf2\xe5\xcb\x0f\x1e&lt;(\x84\xb8\xf6\x8a\xbb2\xd2\xba\x1bf\xdcv\xc7\x98\x8c\x19f\xfc;W\xcdq\xb9&lt;\xd1ht\xc1\x82\x05m\x7f\xfa.\xc07qz\xff\xe3-\xf0\xed\x10\x00g\xe0r\xb9\x84\x10+V\xac`\x8c\xe5f_0\xea\xd2\xeb\x9b#A\xad3/vn\x1f\xcex4\x1a&gt;\xff\xbc!\x97]t5\x11m\xda\xb4\xe9\xc0\x81\x03iiiX\x04\xc1\xb9@\xff\'7\x04\xc0\x19ddd|\xf0\xc1\x07{\xf7\xee\x95R^3\xf6\xce\x14o\x86\x106\xbd\xc0\x801\x167b\xd7\x8c\x9b\xe9q\xfb\xc2\xe1\xf0\xb3\xcf.\xf7z\xbdx\x03\xc0\xb9@\xff\'7\x04\xc0\x190\xc6\xac\xe5\x8f?3\'\xff\xa2\x89\x91h\x13c6\x1d4\xc6x4\x16\xee\xd3\xeb\xa2\x01\x17\x8e`\x8c\xbd\xf2\xca+\x95\x95\x95\x1e\x8f\'\xd1u\x81\x83\xa1\xff\x93\x9bM\x7f\x97\xf6q\xf2\xe4\xc9\x92-[\xa5\x94\x83\xfa\x8d\xceH\xebn\xdap\xf7\xf3T\x8c8\xb1K\x06M\x90R\x1e?~l\xfb\xf6\xed))\xbeD\xd7\x04\x0e\xe6\xfc\xfeOItM\xb6\x86\x00\xf86\x9a\xae\x7f\xfc\xf1\xc7\x07\x0e\xec\'\xa2\x8b\xf3\n\x88$\xd9\xb9\xfb\x89\x18\xf1h\xbce\xd0\x85#\xbd\xdeT\xc30\xd6\xae]\xebv\xbb\x13]\x148\x95\xaei\xe8\xff\xe4\x86\x00\xf86n\x97{\xdb\xb6m\x86i\xb8\\\xde\xde=\x07\xc6\xe3Qv.O\xb6\xed|\x8c1\xd3\x8c\x05\xfc=\xb2\xbb\xf5!\xa2\xad[\xb7\xc6\xe3\x06\xd1Y}\x14\x07\xc0\x97\xdc\xee$\xe8\xffx\xa2\x8b\xb25\x04\xc0\xb7\x89\xc5c\xdb\xb6m#\xa2,\x7fO\x7fF\xb6a\xc6m\xfe\x06 "!\x84\xdb\xe5\xeb\x95;\x80\x88J\xf7\x94Z\xb7n\xb6\xf3\x139@m\xb1X\x92\xf4?.\x06\xfd&amp;\x08\x80o#\x84\xa8\xaf\xaf\'\xa2\xb4\xd4\x80\xc7\x93*\xa5\xb0}\xff\x13\x11q\xc6\xfd\x199D\x14jlliiIt9\xe0T\xe8\xff\xa4\x87\x008\x03\xeb\x9e\xf2\xf3r\xfas\xa69c\x1d\xc1\x98\x10f\x8f\xec\x0b\x89\x08\x9f\x8f\x01\xe7\x08\xfd\x9f\xdc\x10\x00g`\xf5|j\x8a\x9f\xdb\xf5\xea\xb7\xaf\x93$\xd3R\xfc\x84#_8w\xe8\xff\xa4\xe6\x98_jb\t\xe1\xb0\'\x8c;\xae`\xb03\xc7\xb5\x93\xe3\nN\x14\x04@\x1b9\xee@\xd2q\x05\x83\x9d9\xae\x9d\x1cWpb \x00\x00\x00\x14\x85\x00\x00\x00P\x14\x02\x00\x00@Q\x08\x00\x00\x00E!\x00\x00\x00\x14\x85\x00\x00\x00P\x14\x02\x00\x00@Q\x08\x00\x00\x00E!\x00\x00\x00\x14\x85\x00\x00\x00P\x14\x02\x00\x00@Q\x08\x00\x00\x00E!\x00\x00\x00\x14\xa5\'\xba\x00\x00\x00g\x90\xa7h\xfd";E\x02kk\x1f\x04\x00\x00\xc0\xb7\x11B\x08!4Ms\xbb\xddn\xb7[\xd34\xeb\xb3\xc6\xac\x18\x10B\xc4b\xb1h4j\x18\x06c\x8cs\'m\xab \x00\x00\x00\xfe\r)\xa5i\x9a\xba\xae\xa7\xa7\xa7\xbb\xdd\xee\xa6\xa6\xa6\xf2\xf2\xf2c\xc7\x8eUTT\xd4\xd4\xd4X\x9f6\x9c\x9a\x9a\x9a\x9b\x9b{\xc1\x05\x17\\x\xe1\x85YYY\xf1x\xbc\xb1\xb1\xd1A\x1fE\x89\x00\x00\x008\x9d\x94\xd2\xe3\xf1\xa4\xa4\xa4\x04\x83\xc1M\x9b6\x15\x15\x15m\xdc\xb8\xf1\xc0\x81\x03\r\r\r_\xff\xcb.\x97\xabo\xdf\xbe\x13\'N\xbc\xe3\x8e;\n\n\n\xa2\xd1hKK\x8b\xf5q\xca6\x87\x00\x00\x00\xf8\x17RJM\xd3\x8e\x1f?\xfe\xb7\xbf\xfd\xed/\x7f\xf9\xcb\xce\x9d;\xbf\xfd\xef\xc7\xe3\xf1\x83\x07\x0f\x1e&lt;xp\xd9\xb2e\xd3\xa7O\xff\xd5\xaf~\xd5\xbbw\xefP(d\xff\x0c@\x00\x00\x00\xfc\x0b\xd34\x03\x81\xc0c\x8f=\xb6x\xf1\xe2\xd6/2\xc6\xfa\xf5\xeb7h\xd0\xa0\xfe\xfd\xfbggg\xfb|&gt;)eCC\xc3\xe1\xc3\x87?\xfb\xec\xb3\xb2\xb22"\xd24\xed\xe5\x97_\xfe\xe8\xa3\x8f^~\xf9\xe5\x11#F\xd8?\x03\x10\x00\x00\x00\xff\x82s\x1e\x89D\xa6O\x9f\xfe\xc4\x13O\x08!.\xba\xe8\xa2\xa9S\xa7N\x9e&lt;y\xc8\x90!~\xbf\xdf\xe5r\x11\x91u\x06\x981f\x9af(\x14\xda\xb6m\xdbSO=\xf5\xf6\xdbo\xbb\\\xaec\xc7\x8e\xddt\xd3M\x1b6l\xb8\xe0\x82\x0b"\x91\x88\x9dO\x0b#\x00\x00\x00\xfe\x05\xe7\xbc\xa5\xa5e\xe0\xc0\x81\xbf\xfc\xe5/\x07\x0c\x18p\xf3\xcd7gffF\xa3\xd1H$\x12\x0c\x06O\xbd\x06\x94\x88\x18c\x9a\xa6M\x980\xe1\x9ak\xaey\xe6\x99g~\xf6\xb3\x9f\xb9\xdd\xee\xea\xea\xea\x9f\xfc\xe4\'k\xd6\xacI\xd4?\xa1\x8d\x10\x00\x00\x00\xa7c\x8c\xb5\xb4\xb4,\\\xb8\x901\xd6\xd4\xd4T]]m]\xdb\xf3M[:\xa1PHJy\xdf}\xf7I)\xe7\xcd\x9b\xa7\xeb\xfa\x86\r\x1b\xdey\xe7\x9d\x9bn\xba\xa9\xa1\xa1\xc1\xb6\x1bA\xf6=6\x01\x00H \xc6X0\x18lhh\x10B\xe8\xba\xfe\xed\x17wj\x9a\xa6iZuu\xf5\x8f\x7f\xfc\xe3k\xae\xb9\xc6\xba\'`\xf5\xea\xd56\xbf\x1e\x14\x01\x00\x00\xf0\xefY\xd3z\x1b\'q\xeb\xafI)\xef\xbe\xfbn\xeb\x0f%%%\xd5\xd5\xd5.\x97\xeb\xb4]#\xfb@\x00\x00\x00t\x0cM\xd3"\x91\xc8\xf0\xe1\xc3SSS\x89\xa8\xa2\xa2\xe2\xc4\x89\x13n\xb7\x1b\x01\x00\x00\x90\xfc\x0c\xc3\x08\x04\x02\xb9\xb9\xb9\xd6\x9fkkk5MC\x00\x00\x00$9\xeb\x01A.\x97+%%\xc5\xfaJ4\x1a\xb5\xf3e\xa0\xf6\xad\x0c\x00\xc0Y\xa4\x94\x8c1!D&lt;\x1e\xb7\xbe\xa2\xeb\xbam\x97\xff\x84\x00\x00\x00\xe8@\x9c\xf3p8\\__o\xfd\xd9\xef\xf7\x9b\xa6i\xdbk\x81\x10\x00\x00\x00\x1dCJ\xe9v\xbb\x8f\x1d;V[[KD\x81@\xe0\xbc\xf3\xce\x8b\xc7\xe3\x08\x00\x00\x80$\'\x84\xf0z\xbd\xef\xbd\xf7\x9e\xb5\xea\x1f:th\xcf\x9e=c\xb1\x18\x02\x00\x00 \x99Y\xa7\x7fkjjV\xacXa\xfd\xdf\x9bo\xbe\xd9\xedv\x0b!\x12]\xda7\xc2\xa3 \x00\x00:\x80a\x18999\x0f&lt;\xf0\xc0\xe1\xc3\x87\x19c}\xfa\xf4\xb9\xfd\xf6\xdbm\xfe@P\x1c\x01\x00\x00\x9c\xabx&lt;\x9e\x93\x93\xb3r\xe5\xca\xdf\xfe\xf6\xb7\xd6\xad\xbf\x8f&lt;\xf2Hvv\xb6\x9d\xf7\x7f\x08\x01\x00\x00p.\xa4\x94\xd6\xda\xff\xcf\x7f\xfe\xf3\x9c9s\\.W&lt;\x1e\xff\xe1\x0f\x7f8s\xe6\xcc\xfa\xfaz]\xb7\xf5.\x0b\x02\x00\x00\xa0\x9d\x84\x10\x8c\xb1\xec\xec\xec\xff\xfe\xef\xff\xbe\xeb\xae\xbb\x88(\x16\x8b}\xef{\xdf\xfb\xfd\xef\x7fo}8p\xa2\x0b&lt;\x03[\xa7\x13\x00\x80m\x19\x86\x91\x9a\x9a*\x84\xf8\xf1\x8f\x7f\xfc\xcc3\xcfXk\xff\xdbn\xbb\xed\xb9\xe7\x9e3M\xd34M\xfb\x07\x80\xdd\xeb\x03\x00\xb0!\xeb\x99?\xc7\x8f\x1f\xbf\xfe\xfa\xeb\x9fy\xe6\x19M\xd3\xe2\xf1xaa\xe1\x0b/\xbc`\x18\x86a\x18\xf6\x9f\xfd\tG\x00\x00\x00g\xcb0\x8cn\xdd\xba}\xf0\xc1\x07w\xdeygyy9\x11\xb9\\\xae?\xfc\xe1\x0f\xf7\xde{o}}\xbd\x94\xd2\x11\xb3?!\x00\x00\x00\xce\x8a\xf5\x91\xf1\xef\xbe\xfb\xee-\xb7\xdc\xd2\xd4\xd4DDyyy\xcf?\xff|AAAuu\xb5\xa6iN\x99\xfd\t\x01\x00\x00\xd0vB\x88\xd4\xd4\xd4\xdd\xbbw\xdf~\xfb\xed\xcd\xcd\xcdDTPP\xf0\xf2\xcb/\xe7\xe4\xe4TUUY\x9f\x17\xef \x08\x00\x00\x80\xb6\xe2\x9c\x9b\xa6y\xef\xbd\xf7644\x10\xd1\xe5\x97_\xfe\xe6\x9boz&lt;\x9e`0\xe8\xb8\xd9\x9fp\x12\x18\x00\xa0\x8dL\xd3\xcc\xc8\xc8x\xed\xb5\xd7JJJ8\xe7=z\xf4\xf8\xf3\x9f\xff\xec\xf3\xf9\xc2\xe1\xb0\xcd\xaf\xf7\xff&amp;\x08\x00\x00\x806\xb1\x9e\xf5o}\xd4\xbb\x10\xe2?\xff\xf3?\xfb\xf7\xef\xdf\xd8\xd8\xe8\xd0\xd9\x9f\x10\x00\x00\x00ma=\xeb\xed\x8b/\xbe\xf8\xec\xb3\xcf\xa4\x94=z\xf4\xf8\xfe\xf7\xbf\x1f\x0c\x06\x9d;\xfb\x13\x02\x00\x00\xa0-N{\xd6\xff\xe5\x97_\x9e\x9b\x9bk\xe7g\xfd\xb7\x05\x02\x00\x00\xe0\xcc\xa4\x94\xba\xaeWUU\x99\xa6IDC\x86\x0c\xb1\xf9\xc7=\xb6\x05\x02\x00\x00\xa0M8\xe7\xd6\xc5?D\xd4\xb3gO\xeb\x13\x80\x13Z\xd1\xb9r\xf0\xee\x15\x00@\x17\x8bF\xa3\xd6}^\x19\x19\x19v\xfe\xa4\x976B\x00\x00\x00\xb4\tc,\x16\x8bY\xf3~\x12,\xff\t\x01\x00\x00\xd0\x16\x9c\xf3\xa6\xa6\xa6\xc9\x93\'\xbf\xf1\xc6\x1bD4d\xc8\x90\xe6\xe6f\x07=\xf5\xe1\xdfB\x00\x00\x00\x9c\x19c,\x1e\x8f\xf7\xee\xdd;//\x8f\x88"\x91\x88\xd3/\x01"\x04\x00\x00@\x1bY[@---D\xc49w\xfa\xecO\x08\x00\x00\x80\xb6c\x8c\xd9\xf9C\xde\xcf\x96\xb37\xb0\x00\x00\xba\x98\x942\t\xae\xff\xb1 \x00\x00\x00\xdaJ\x08\xe1v\xbb\xbd^\xaf\x94\xd2\xe9w\x81\x11\x02\x00\x00\xa0\x8d\x18ciii\xe5\xe5\xe5\x9f\x7f\xfe\xb9\xcb\xe5r\xbb\xddN\xcf\x00\x04\x00\x00\xc0\x99Y\xcf\x02\xfa\xc5/~1j\xd4\xa81c\xc6\xdcp\xc3\r\xd5\xd5\xd5.\x97\xcb\xd1\x19\x80\x00\x00\x008\x03!DZZ\xda\xc7\x1f\x7f\xfc\xbb\xdf\xfd.\x14\nE\xa3\xd1\x8d\x1b7&gt;\xfd\xf4\xd3iii\xd6\xa3\x81\x1c\nW\x01\x01\x00\x9c\x81\xf5$\xb8\xbd{\xf7j\x9af]\xfd\xc9\x18+++3M\xd3\xd1\x17\x83\xe2\x08\x00\x00\xa0M\xac\xf5&gt;\xe7\\\xd34!DJJ\x8a\xd3\xef\x04vv\xf5\x00\x00]\x80s\xde\xdc\xdc&lt;~\xfc\xf8\xdc\xdc\xdcX,\x16\x8dF\xa5\x94\xb7\xdcr\x8b\xa3\xf7\x7f\x08[@\x00\x00gd\xdd\x03\xdc\xa3G\x8f7\xdf|s\xe5\xca\x95\xe1p\xf8\xba\xeb\xae\xbb\xe1\x86\x1b\x1a\x1b\x1b\x1d}_\x18\x02\x00\x00\xe0\xcc8\xe7\xe1px\xe8\xd0\xa1\x7f\xf8\xc3\x1f\xac{\xc1B\xa1\x90\xa3O\x00\x10\x02\x00\x00\xa0\x8d8\xe7\x91H\xa4\xb9\xb9\xd9\x9a\xf7\x1d\xbd\xf6\xb7 \x00\x00\x00\xda\x8as\xee\xf4\x13\xbf\xa7J\x9e\x7f\t\x00\x00\x9c\x15\x04\x00\x00\x80\xa2\x10\x00\x00\x00\x8aB\x00\x00\x00(\n\x01\x00\x00\xa0(\x04\x00\x00\x80\xa2\x10\x00\x00\x00\x8aB\x00\x00\x00(\n\x01\x00\x00\xa0(\x04\x00\x00\x80\xa2\x10\x00m\xe2\xb8G&gt;9\xae`\xb03\xc7\xb5\x93\xe3\nN\x14\x04@\x9b\x18f\\\x92\x93&gt;\xf9\xd30\xe3\x89.\x01\x92\x07\xfa?Y!\x00\xce@JAD\'\xbe\xd8g\n\xc3\x19\xcb\n)5\xae\x9f\xf8b\x7f\xa2\xeb\x80d \xd0\xffI\r\x01p\x06.\x97\x8b\x88\x9a#\xc1\xb8\x11s\xc6\x1b\x80HJ\xd9\xd8\\OD.\x97+\x99\x9e\\\x08]\x0f\xfd\x9f\xdc0:\xdf\xc6\xeb\xf1\x8e\x181\x82\x88\xaakO46\xd6p\xee\x92\xd2\xee\x07\xc2\x8c\xb1\xb8\x19=Y\xb9\x9f\x88\x06\x0f\x1a\xd4\xa3G\x0f\xeb\xab\t.\x0b\x1c\xc8\xebM\x92\xfewJtu=\x04\xc0\xb71Lc\xf8\xf0\xe1\x8cX4\xd6\\Q}\xd8\xed\xf2\xd8|\'TJ\xa9i\xae\xc6\xc6\xda\xaa\xdacD\x94?,\xdf\xe7\xf3\x12\x11\xda\x1f\xda\xc10\x92\xa0\xff}\x89.\xca\xd6\x10\x00\xdf&amp;\x1e\x8f\x8f\x1b7\xaew\xef&gt;R\xca\xbd\x87J8\xd7\xc8\xde+ I\xd2\xed\xf2\x1e&gt;\xb1\xab\xb1\xa9\x8es~\xddu\xd7\x19\x86\xb3?\xb4\x1a\x12()\xfa\xdfHtQ\xb6\x86\x00\xf8VR\x0e\x180`\xf8\x88\xcb\x18c{\x0e\xfe3\xd2\xd2\xc8\xb9\xbd?\x04NJ\xce\xb5\x9d{7\x12QVV\xf7+\xae\xb8"\x1c\x0e\'\xba&amp;p*I\x84\xfeOn\x08\x803\xd0u\xfd\xf6\xdbo\x97RV\xd5\x1c;px\xbb\xd7\x93j]\x17aCRJ\x97\xee\xae\xa9?Yvh3\x11M\x992\xa5w\xef\xde---\x89\xae\x0b\x1c\x0c\xfd\x9f\xdc\x10\x00g\xd0\xd4\xd44u\xea\xd4\xec\xecl)\xe5\xfa\x0fW\t)l\xbb\x9f.\xa5\xf0z\xd2&gt;(y5\xd4X\xabi\xda\xdc\xb9s\x12]\x118\x1e\xfa?\xb9!\x00\xce \x12\x89\xf8|\xbe;\xee\xb8CJy\xe0\xc8\'\xa5\xfb?\xf4y\xd3\x85\xb0\xdd\xc6\xba\x94R\xd7\xdd5\xf5\'?\xda\xfe:c,??\xff\x8a+\xae\x08\x85B\x9af\xefcv\xb07\xf4\x7frC\x00\x9c\x81\xa6iR\xca\x1f\xfd\xe8G~\xbf\x9f\x88\xd6}\xf0\xbc\x10\xc2\x86W\x95\ti\xfa\xbc\xe9\xefo~\xc9\xba\x02\xfa\xc1\x07\x1f\x94R\na\xd3\xa3up\n\xa7\xf7\xbf\rK\xb5\x15\x04\xc0\x19p\xce\x19c\x83\x07\x0f.,,\x94R\x1e&lt;\xfa\xe9{\x1f\xbf\x98\x9e\xda\xcd4mtu\x81\x10f\x8a7c\xff\xe1\xad\x1b6\xbfLD\xe3\xc7\x8f\x9f&gt;}:c\x0c\xcb\x1f8G\xe8\xff\xe4\x86\x00h\x13\xc30\n\x0b\x0b\xfb\xf5\xebGD\xffx\xffO\x87\x8e}\x96\xea\xcb\xb0\xc9\x81\xb0u\xf0\xdb\x12m~\xe9\x8d_\x99f\\\xd3\xb4\'\x9f|\xd2\xfe7\xec\x80\x83\xa0\xff\x93\x15\x02\xa0M\xa4\x94\x99\x99\x99\xabW\xaf\xd6u=\x1a\x8b\xac\xfa\xdb\xc2\xc6p\xbd\xae\xbb\x13\xbe\xc7"\xa5\x94$]\xba\xe7\xa5\xb7~]^uHJ\xb9d\xc9\x92\x11#F\x98\xa6-\xde\x9c\x90\x1c\xd0\xff\xc9\n\x01\xd0&amp;\x9cs\xc30\xc6\x8c\x19\xf3\xc4\x13OH)\xbf\xa8:\xf4\xc7\x17\xee\xe7\\s\xb9\xdc\t\\\x07I)\x89\xa4?=\xfb/o\xfff\xdb\xce\xb5Dt\xeb\xad\xb7\x16\x16\x16\x1a\x86\x81\x83_\xe8@\xe8\xffd\x85\x00h+]\xd7\xad\x03\xe19s\xe6\x10\xd1\xb1\xf2\xd2?\xac\x9c\x17ii\xf2y\xd3\x13\xb2\x1f*\x84\xa9i\xba\xd7\x93\xba\xea\xf5\x85\xff\xdc\xf6\x1a\x11\x8d\x1a5j\xe9\xd2\xa5B\x08t?t8\xf4\x7fRB\x00\x9c\x05M\xd3\x84\x10K\x97.\x9d3g\x0eI\xda\x7fx\xeb\x1f_\xf8ie\xcd\x91\xf4\xb4nB\x98\xb2\xabn\x90\x91R\x9a\xc2\xf0y\xd3M3\xbe\xf2\xb5\x05\x9b\xb6\xfcU\x081j\xd4\xa8\xa2\xa2\xa2@ @x\xf4\x15t\x0e\xf4\x7f\xf2A\x00\x9c\x05\xc6\x18c\xcc4\xcd/\xdf\x03D\xc7\xcb\xf7&gt;\xf9\xec\xec\x8f?y3\xc5\x97\xe1v\xf9:\xfbm \xa54\x85\xa9izFZ\xd6\xe1\xe3;\x7f\xbb|N\xc9\x8ew\x88h\xd4\xa8\xd1V\xf7\x0b!\xf0\xfc[\xe8$\xe8\xff\xe4\x83\xc1:;\x8c1\xce\xb9\xb5\x0eZ\xb8p!\x115\x87\x83+_\xfb\x7f\x96\xff\xe5\x97_T\x1dJM\xf1[o\x03!\xcc\x0e\xbc\x0e\xc1\xba\xa2\xd9:\xe6MO\r4G\x82\x7f[\xfb\xdb\xdf=\x7f\xef\x89\x8a\xfdD4m\xda\xb4\xa2\xa2\xb5\xe8~\xe8\x02\xe8\xff$\xa3\'\xba\x00\xe7\xb1\x0e0\x85\x10\x0b\x16,\xb8\xfc\xf2\xcbg\xcf\x9e]^^\xbe}\xf7\xba]\xfb7\x0e\xbf\xf8\xba\x89\x97\xcf\xe8s\xde`\xc6X,\x1e5\x8c\xd8\xff\xbf :\xdb\xc3R\xf9\xe5\xff\x18c\x9a\xe6r\xbb\xbc\x9ck\xb5\xf5\'\x8b6\xad\xf8h\xfb\xeb\xc1\xc6\x1a"r\xbb\xdc\x8b\x1f_\\XXh\xd5\x83\xee\x87.\x80\xfeO&amp;\x08\x80\xf6\xb0\x8e\x85\r\xc3\x98&lt;y\xf2\xd6\xad[\x1f~\xf8\xe1\x17_\\\x1d\x8bE7\x7f\xfa\xd6\xa7\xa5\xc5\x83\xfa\x8d\x19:\xf0\xca\x81\x17\x8e\x0cd\xf6p\xbb\xbc\x9cqS\x18\x92$;\x8b\xc7\xf2K"\xa6q]J\x117c\x8dM\xb5{\xf6\x7f\xb8{\xff\x07e\x87&gt;n\x08V[\x7fc\xd2\xa4I\x8f&gt;\xfa\xe8\x981c\xac\xdb\x1d\xd1\xfd\xd0e\xd0\xffI\x03\x01\xd0~\xba\xae\x9b\xa6y\xdey\xe7=\xf7\xdcs\xf7\xde{\xef\xaf\x7f\xfdX\xf1\xbau\x91\x96\xc8\xce\xb2\x8d;\xcb6\xa6\xf8\xd2r\xbb_\xd8#\xfb\xc2@f\x8f\xdc\xac\xf3SS\xfc\xa60\xdb\xf2\x0e\x90D\x8c1\xd3\x8c\x9f\xac8\xd0\x14\xae/\xaf:XQ}$\xd4X\xdb\xfa\x17\xc6\x8d\x1b7o\xde\xbc\x193f\x10\x91i\x9a\xb8\xe6\x01\x12\x02\xfd\x9f\x04\x10\x00\xe7\xc4zR\x8a\x10b\xcc\x981o\xbc\xf1\xf7\xdd\xbbw\xaf\\\xb9\xf2\xd5W^=r\xf4H8\xd2t\xf8\xf8\xae\xc3\xc7wu\xd4\xcf\xca\xce\xce\xb9\xfe\xfa)3g\xce\x9c4i\x12\x11Y\xf7\xe0\xa0\xfb!\x81\xd0\xffN\x87\x008W\xd6#G\x84\x10R\xca\xa1C\x87&gt;\xf1\xc4\x13\x8b\x16-\xda\xb1c\xc7\xbau\xeb&gt;\xfex\xf3\xde\xbd{C\xa1P}}];^9-5=55e\xc8E\x17\r\x1b6l\xe2\xc4\xab\n\n\n\xb2\xb2\xb2\xe8\xabsbh}\xb0\x03\xf4\xbf\xa3!\x00:\x86\xb5\x05)\x84\x10B\xa4\xa4\xa4\x8c\x1d;v\xec\xd8\xb1D\x14\x89D\x9a\x9b\x9bKKK\xdbqoz^^^FFFfff\xebW\xac\x17\xd14\r\xdd\x0f\xb6\x82\xfew(\x04@G\xe2\x9cs\xce\xad\x15\x8a\x94\x92s\xee\xf3\xf9|&gt;\xdf\xf8\xf1\xe3\xdb\xfd\x9a\xd6\x9b\xca:\xcd\x85\xbe\x07;C\xff;\x0e\x02\xa0\xe3\x9d\xfa\x1cZ\xebj\xe8\xf6=3\xcb\xba\xd6\xc2zSud}\x00\x9d\t\xfd\xef \x08\x80\xcee]4\x8d\x95\x0b\xa8\t\xfdos\x88V\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t>
        </is>
      </c>
    </row>
    <row r="13">
      <c r="A13" s="1" t="n">
        <v>11</v>
      </c>
      <c r="B13" t="inlineStr">
        <is>
          <t>circle_size_number</t>
        </is>
      </c>
      <c r="C13" t="inlineStr">
        <is>
          <t>What is the missing number of the part denoted with a question mark?</t>
        </is>
      </c>
      <c r="D13" t="inlineStr">
        <is>
          <t>[3, 4, 1, 5]</t>
        </is>
      </c>
      <c r="E13" t="inlineStr">
        <is>
          <t>5</t>
        </is>
      </c>
      <c r="F13" t="inlineStr">
        <is>
          <t>There are 6 numbered circles with varying sizes arranged in a ring with number ['?', 3, 5, 4, 3, 4] in a clockwise order.</t>
        </is>
      </c>
      <c r="G13" t="inlineStr">
        <is>
          <t>We observe that the size of the circle is related to the number in the circle. The circle with the largest value 5 seems to be the biggest and the circle with the smallest value 3 seems to be the smallest. Thus, the pattern is that the larger the number the larger the circle.</t>
        </is>
      </c>
      <c r="H13" t="inlineStr">
        <is>
          <t>Based on the pattern that the larger the number the larger the circle, the missing number of the circle denoted with a question mark should be 5.</t>
        </is>
      </c>
      <c r="I13" t="inlineStr">
        <is>
          <t>b'\x89PNG\r\n\x1a\n\x00\x00\x00\rIHDR\x00\x00\x02\x00\x00\x00\x02\x00\x08\x02\x00\x00\x00{\x1aC\xad\x00\x00\xa5.IDATx\x9c\xec\xbdw\\S\xe7\xfb\xff\x7fN6\t\x84\x0c\x02\xe2^\xc8\x96%8@\xdc[\x11G]u\xb5Z\xeb\xb6\xda\xdajk}\xd7\xd6\xad\xadZ\xad[k\xd5*R\x15\xb5\xb8\xea\x1e\xec\xad,\xc1Y\x07\xb2\x12H \x90\xe4\x9c\x93\xdf\x1f\xd7\xcf|\xf9Xk\x1d\x90\x9c\x93\xdc\xcf?\xde\x0f\xdf4\x84;\xb9\xefs\xbd\xae\xfb\xba\xae\xfb\xbaq\xa3\xd1\x88!\x10\x08\x04\xc2\xf6`Yz\x00\x08\x04\x02\x81\xb0\x0cH\x00\x10\x08\x04\xc2FA\x02\x80@ \x106\n\x12\x00\x04\x02\x81\xb0Q\x90\x00 \x10\x08\x84\x8d\x82\x04\x00\x81@ l\x14$\x00\x08\x04\x02a\xa3 \x01@ \x10\x08\x1b\x05\t\x00\x02\x81@\xd8(H\x00\x10\x08\x04\xc2FA\x02\x80@ \x106\n\x12\x00\x04\x02\x81\xb0Q\x90\x00 \x10\x08\x84\x8d\x82\x04\x00\x81@ l\x14$\x00\x08\x04\x02a\xa3 \x01@ \x10\x08\x1b\x05\t\x00\x02\x81@\xd8(H\x00\x10\x08\x04\xc2FA\x02\x80@ \x106\n\x12\x00\x04\x02\x81\xb0Q\x90\x00 \x10\x08\x84\x8d\x82\x04\x00\x81@ l\x14$\x00\x08\x04\x02a\xa3 \x01@ \x10\x08\x1b\x05\t\x00\x02\x81@\xd8(H\x00\x10\x08\x04\xc2FA\x02\x80@ \x106\n\x12\x00\x04\x02\x81\xb0Q\x90\x00 \x10\x08\x84\x8d\x82\x04\x00\x81@ l\x14$\x00\x08\x04\x02a\xa3 \x01@ \x10\x08\x1b\x05\t\x00\x02\x81@\xd8(H\x00\x10\x08\x04\xc2FA\x02\x80@ \x106\n\x12\x00\x04\x02\x81\xb0Q\x90\x00 \x10\x08\x84\x8d\x82\x04\x00\x81@ l\x14$\x00\x08\x04\x02a\xa3 \x01@ \x10\x08\x1b\x05\t\x00\x02\x81@\xd8(H\x00\x10\x08\x04\xc2FA\x02\x80@ \x106\n\x12\x00\x04\x02\x81\xb0Q\x90\x00 \x10\x08\x84\x8d\x82\x04\x00\x81@ l\x14$\x00\x08\x04\x02a\xa3 \x01@ \x10\x08\x1b\x05\t\x00\x02\x81@\xd8(H\x00\x10\x08\x04\xc2FA\x02\x80@ \x106\n\x12\x00\x04\x02\x81\xb0Q\x90\x00 \x10\x08\x84\x8d\x82\x04\x00\x81@ l\x14$\x00\x08\x04\x02a\xa3 \x01@ \x10\x08\x1b\x05\t\x00\x02\x81@\xd8(H\x00\x10\x08\x04\xc2F\xe1Xz\x00\x08\x04\xe2\xdd1\x1a\x8d\x18\x86Q\x14e\xfa7\x86a,\xd6\xab\x1d;x\x19\x86a8\x8e\x9b^\x06\xffF\xd8&amp;\xb8i\xd1 \x10\x08F@Q\x94\xd1h4\x1a\x8d,\x16\xeb\xdfl\xfd[\xbd\x1b\x08\x03\x8b\xc5\xc2q\x1c\xe9\x81M\x81\x04\x00\x81`\x00&amp;\xa3\xcf\xe1\xfc\x9f];A\x10*\x95*77\xb7\xa2\xa2"##C\xa9TR\x14\x95\x91\x91A\x92\xe4?\xdf\xc4\xd3\xd3S,\x16s8\x9c.]\xba\xd8\xd9\xd9\x05\x04\x04888\xd8\xdb\xdb\xd7}\rI\x92\xf5%-\x08\xfa\x83\x04\x00\xf12\xff\xb6$\x90oh~\x8cF#I\x92/\x99\xe3\xbbw\xef\xc6\xc7\xc7\'%%eddh4\x1a\xadVkoo\xcf\xe3\xf1\xda\xb4i#\x91H0\x0c\xeb\xd4\xa9\x13\x97\xcb}i\x1e\xd9lvzzzee%A\x10\xd9\xd9\xd9\x04A\xa8\xd5j6\x9b-\x95J=&lt;&lt;\x02\x02\x02\xbav\xed\xea\xeb\xeb\xcb\xe5rM\xbfB\x10\x04R\x02\xeb\x06\t\x80\xedb\xac\x03\x86a\xa6\xed\xff\x7fF\x90\xe1\x1fx\x1d\xcc5d[\xc1h4R\x14\x85\xe3\xb8i.\x1e&gt;|x\xed\xda\xb5\xabW\xaf\xde\xbau\xab\xaa\xaaJ"\x91x{{w\xe8\xd0\xc1\xd7\xd7\xb7I\x93&amp;\n\x85B$\x12\x99^\xfc\x9f\x12N\x92$A\x10EEEJ\xa5\xf2\xd6\xad[iii\xd9\xd9\xd9eee,\x16\xcb\xcd\xcd-,,\xac{\xf7\xee\xfe\xfe\xfeu\x07\x03\x01\xa2\x86\xfd\xd8\x08\xb3\x83\x04\xc0\xb6\x80\x87\xd9h4\xe28\xcef\xb3_\xf9\x9a\xaa\xaa\xaa\x9a\x9a\x1a\x1c\xc7M\xc2`4\x1a\xd9l\xb6L&amp;{\xe5\xeb!\x88\x0cJ\x80\xbc\xc5\xf7\x04&amp;\xc845\x0f\x1e&lt;8q\xe2\xc4\xe9\xd3\xa7\x0b\x0b\x0b\x9b7o\x1e\x16\x16\x16\x1a\x1a\x1a\x10\x10\xe0\xea\xea\n_\xb5N\xa73\x18\x0c\x06\x83\xc1\x14#\xc2\xfe}\xaf\xf6R\x96\x98\xc7\xe3q8\x1c\x81@\x00\xafW*\x95999\xf1\xf1\xf1\xf1\xf1\xf1YYY\n\x85\xa2o\xdf\xbe#F\x8c\x08\x0c\x0c\x84\xdf"I\x12M\xb1\x95\x81\x04\xc0&amp;0\xd9\xe8\xbaF\x9f$\xc9\xfb\xf7\xef\xe7\xe5\xe5\xdd\xbf\x7f\x1f\xfe\xa1\xd1h0\x0cS\xa9T\x06\x83\xe1\xa5\x85\xc1b\xb1\xe4r9\x8b\xc5b\xb3\xd9~~~...\xfe\xfe\xfe\xcd\x9a5k\xd7\xae]\xdd \xb2\xe9\x0f!\x87\xf1m\x01\x0b\x0e\x13\xa4\xd3\xe9\x8e\x1d;\xb6s\xe7\xce\xc7\x8f\x1f\xfb\xf8\xf8\x0c\x1e&lt;\xb8g\xcf\x9e-[\xb6d\xb3\xd9\x04Ah\xb5Z\xb0\xf8\xef\xb9\t3U\x10\x81C\xc0\xe1p\xec\xec\xec\xf8|&gt;\x86a\xcf\x9f?OJJ\x8a\x89\x89IJJ\xe2\xf1x\x13&amp;L\x187n\\\xe3\xc6\x8d\xb1\x7fH\x14\x82\xd1 \x01\xb0f \x82\xccf\xb3M\x06\xa2\xb2\xb2\xf2\xfa\xf5\xeb\xd7\xae]\xbbu\xebVQQ\x11A\x10\xf6\xf6\xf6\x8d\x1a5j\xda\xb4i\xd3\xa6M\xdb\xb6m\xab\xd7\xeb\xbd\xbc\xbc\xa4Ri\xdd,"\x8e\xe3\x04Addd`\x18\xa6T*o\xdf\xbe]QQq\xff\xfe}\xb0D\n\x85\xc2\xcf\xcf\xafc\xc7\x8e\xe1\xe1\xe1-[\xb64\xfd\x16\x8a \xbf!uM\xff\xc3\x87\x0f\x7f\xfe\xf9\xe7s\xe7\xce9::\x0e\x1f&gt;|\xe8\xd0\xa1\xed\xda\xb53\x1a\x8d\xd5\xd5\xd5:\x9d\xce\x14\x8ai q5\xe97\x97\xcb\x15\x89D\x1c\x0e\xa7\xb4\xb4466\xf6\xe8\xd1\xa3w\xee\xdc\t\n\n\xfa\xfc\xf3\xcfCBB^\x1a3\x82\xb9 \x01\xb0B\xc0G\xc30\xcc\xf4|fee]\xb9r\xe5\xec\xd9\xb3\x0f\x1f&gt;\xe4p8~~~]\xbbv\xf5\xf6\xf6n\xdb\xb6\xad\xb3\xb3\xb3\xa9\xb0\x04\x1e\xfe\xda\xda\xda\x7f\xd6\x90\xe08nggW\xd7\xf4\x90$YYY\xf9\xf0\xe1\xc3\xec\xec\xec\xb8\xb8\xb8\x94\x94\x94\xb2\xb2\xb2\xa6M\x9b\xf6\xe8\xd1\xa3_\xbf~aaa`\xfaQ\x04\xf95\xd4\xf5\xa6333\x97/_\x9e\x99\x99\xe9\xef\xef?{\xf6\xec\xd0\xd0P.\x97k\n\xc7\x99\xf9\x0b\x84h\x12EQ&lt;\x1eO,\x16\xe38\x9e\x9b\x9b\xbbm\xdb\xb6\x8b\x17/J\xa5\xd2\xc5\x8b\x17\x0f\x192\x04{\x91\rB\x1a\xcf\\\x90\x00X\x15/m\xcf\x1f&gt;|\xb8{\xf7\xee?\xff\xfcS\xa5R\x05\x04\x04\x0c\x180\xa0S\xa7N\xee\xee\xeevvv\x18\x86\xe9t:\x88 \xc3\xd3n\xb2/\xff\xe6`\x9a\x92\xc0\xf0b\x08(\xf1\xf9|\x08"\x13\x04\xf1\xe0\xc1\x83\x94\x94\x94\xf3\xe7\xcf\xc7\xc5\xc5\xe18\xde\xad[\xb7i\xd3\xa6\x81\xc3\x88a\x18T\xb3 \x190A\x10\x04H/\x98\xfe\xc4\xc4\xc4\xe1\xc3\x87\xcf\x9b7\xafM\x9b6:\x9d\xae\xaa\xaa\n\xa6\xd2\xb2\xdf\x98\xc9\x99\x10\n\x85B\xa1\xb0\xbc\xbc\xfc\xd7_\x7f\xdd\xb1c\x87B\xa10\xc9\x00A\x10\x16\x1f\'\xe2\xdd@\x02`%\xd45\xfd\x14E\x9d:uj\xdf\xbe}\xb7o\xdf\xf6\xf6\xf6\x8e\x8c\x8c\xec\xd7\xaf_\x93&amp;M0\x0c\xd3j\xb5\xe0\xe0\xd7W\r\x8f)\xab\xccb\xb1\xf8|\xbeH$\xc2q\xbc\xa2\xa2\xe2\xc6\x8d\x1b\xc7\x8e\x1dKLL\x94\xcb\xe5\xe3\xc6\x8d\x1b?~\xbc\xa3\xa3#\x86\x8c\x05\x86a/vZ8\x8e\x17\x17\x17\xaf^\xbd\xfa\x8f?\xfe\x186l\xd8\x82\x05\x0bZ\xb5j\x05.?\rCg\x10N\xe4r\xb9\x12\x89\xa4\xa2\xa2b\xcf\x9e=\xdb\xb6m\xf3\xf4\xf4\xfc\xe1\x87\x1f\xa0^\x08\x82\x8d\x96\x1e&amp;\xe2\xed@\x02`\r\x98\x9e=\x9dN\xb7}\xfb\xf6\x1d;v\xd8\xd9\xd9\r\x1b6l\xcc\x981m\xdb\xb65\x1a\x8d\x1a\x8dF\xaf\xd7c/N{6\xd00Lb\xc0\xe5r\xed\xed\xed!\x82|\xea\xd4\xa9\x03\x07\x0e\xfc\xfd\xf7\xdfC\x87\x0e\xfd\xe2\x8b/@\x87lY\x06L\x8e\xff\x96-[V\xaf^\x1d\x1e\x1e\xbej\xd5\xaa\x16-Z\x80\xe9\xa7\xff\xd7B\x10\x04\xc8\x80Z\xad\xfe\xf1\xc7\x1fw\xef\xde=z\xf4\xe8e\xcb\x96988\xd8\xf2\xb42\x14$\x00\xcc\xc6\x14W1\x18\x0c[\xb6l\xd9\xbf\x7f\xbfD"\x99&gt;}zdd$\x9f\xcf\xb7T\x04\x19{\x91N4E\x90\xe3\xe2\xe26l\xd8p\xe7\xce\x9d&gt;}\xfa,\\\xb8\xd0\xd5\xd5\x15\xabc\nm\x04S\xff\x86\xdc\xdc\xdc\xc9\x93\'\x93$\xf9\xcb/\xbft\xea\xd4\x89)\xa6\xbf.&amp;\x19\xf8\xfb\xef\xbf\x17-Zt\xf3\xe6\xcdM\x9b6\r\x1b6\x0cC[\x01F\x81\x04\x80\xa9\xd4\x8d\xf9l\xde\xbc\xf9\x97_~\xf1\xf0\xf0\xf8\xfc\xf3\xcf\xbbv\xed\n\xe9\xd9\x97\xea\x7f,8H\x0c\xc3\xec\xed\xed\x05\x02Aaa\xe1\xe6\xcd\x9b\xcf\x9d;7d\xc8\x90\xa5K\x97:::\xdaN\x16\xd1d\x16\x97/_\xbew\xef\xde\x193f\xcc\x9b7\x0f\xc3\xb0\xca\xcaJ\x8bO\xd3\xbb\x01A!;;;{{\xfb\x98\x98\x98o\xbf\xfd600p\xcb\x96-b\xb1\xd8\xd6\xa4\x9d\xb9 \x01`$&amp;kr\xe6\xcc\x99U\xabV\xe9\xf5\xfa/\xbf\xfcr\xc4\x88\x11:\x9d\x0ej\xf9\xe9\xe6\x82\xc1\x86\x00\x8cEjj\xea\x0f?\xfcPPP0k\xd6\xac\xd9\xb3gc6\xb0\x15\x80\x0fXTT\x14\x19\x19igg\xb7k\xd7.77\xb7\xf2\xf2r\x8c\xf9\xe2\x072 \x97\xcb\xb5Z\xed\xc2\x85\x0bccc\x0f\x1c8\xd0\xbd{w\x94\xf3g\x04H\x00\x18\x06&lt;o\x1c\x0eG\xadV\xcf\x9b7\xef\xe2\xc5\x8b\x8b\x17/\x9e1c\x06EQJ\xa5\x92\x86\xc9\xc3\xba\x18\x8dF\x82 \x1c\x1c\x1c\xec\xec\xec\xfe\xfa\xeb\xaf\xc5\x8b\x17\xf3x\xbc={\xf6xyy\x99\xf2\xa2\x96\x1ec=c\n\xfb\x9c:uj\xea\xd4\xa9S\xa7N]\xb1bEMMMUUU\xdd\xae;L\x07\x14N*\x95\x1e9rd\xf6\xec\xd9s\xe6\xccY\xbat)\x86\xc2A\xb4\x07\t\x00\x93\x80\x82z\x0c\xc3N\x9e&lt;\xf9\xc5\x17_\x84\x84\x84l\xd8\xb0\xc1\xd9\xd9\xb9\xac\xac\x0c\xa3\x9f\xd7\xffo\xc0n@"\x91\xe08\xbe|\xf9\xf2\xfd\xfb\xf7\x7f\xf2\xc9\'\x8b\x17/\xc6\xac\xce^\x98\xe6k\xfe\xfc\xf9QQQ{\xf7\xee\x1d0`\x80u8\xfe\xff\x04\xd4\xdd\xd9\xd9\xf9\xde\xbd{\x1f|\xf0\x81\\.?z\xf4\xa8\xa3\xa3\xa3\x95\xcd\xa9\x95\x81\x04\x801\x80\x93e4\x1a\xa7N\x9dz\xf6\xec\xd9]\xbbv\r\x1a4\xa8\xb2\xb2R\xaf\xd731~\x02\xa5\xa8r\xb9\xbc\xa0\xa0`\xcc\x981&lt;\x1e\xef\xf8\xf1\xe3\x8d\x1b7\xb6\x9ap\x10\x18\xbe\xaa\xaa\xaa\x89\x13\'\x16\x17\x17\x1f=z\xd4\xd9\xd9\xb9\xbc\xbc\xdc\x9a\x1c\xff\x7fB\x10\x84H$\xe2\xf3\xf93f\xcc\xb8~\xfd\xfa\xc9\x93\'\xdd\xdd\xdd\xadfN\xad\x0fksC\xac\x15x\x84\xee\xdc\xb9\xd3\xbe}\xfb\xd2\xd2\xd2[\xb7n\xf5\xef\xdf\xbf\xb4\xb4\x14\xc2A\x96\x1e\xdd\xbb\xc0f\xb3Y,Viii\xd3\xa6MSRRz\xf6\xec\xe9\xef\xef\x7f\xea\xd4)\x0e\x87\x03\xb5\xa4\x96\x1e\xe0{\x01\xd6\xbf\xa2\xa2"00\x90\xa2\xa8\xb8\xb88{{{\xa5Ri\xdd\xd6\x1f\xc30\x0e\x87SSSSQQ\xb1s\xe7\xceI\x93&amp;\x05\x06\x06&amp;$$p8\x1c\x82 ,=4\xc4+@\x02@wLA\xff\xdf~\xfb\xadk\xd7\xae\x13&amp;L8u\xea\x14\x8f\xc7S*\x95\x1c\x0e\x87\xe9As\x93\xbdX\xb9r\xe5o\xbf\xfd\xf6\xe9\xa7\x9f~\xfe\xf9\xe7\x90&lt;4\x1d&lt;f\x1c`\xfd\x0b\n\n\x82\x83\x83?\xfc\xf0\xc3\x13\'N\x94\x97\x973t\xa3\xf6\x0e\xc0\xf4\x95\x94\x94,^\xbc8:::""\xe2\xcf?\xffD\x1a@OP\x08\x88\xd6\x98j=\x97/_\xbei\xd3\xa6#G\x8e\xf4\xec\xd9\xb3\xb4\xb4\x94\xa1\x85\x83\xaf\xc1`0899=\x7f\xfe\xbc_\xbf~\xee\xee\xee\xfb\xf6\xed\xb3\xb7\xb77\xc5\xd0\x19\x04\xec\xd5RSS;w\xee\xfc\xfd\xf7\xdf/^\xbc\xd8*\xe7\xebM0\x18\x0c\xce\xce\xceW\xae\\\xe9\xd5\xab\xd7\xe6\xcd\x9bg\xcd\x9ae0\x18\xac~\x0f\xc4,\x90\x00\xd0\x17\x93\xf5\xff\xe0\x83\x0f\xd2\xd2\xd2\xe2\xe2\xe2\x14\n\x85\x15\x87\x11\x08\x82\x10\x08\x04\x0e\x0e\x0e\x91\x91\x91\xb9\xb9\xb9\xc9\xc9\xc9\x12\x89\x84Y)D\x18mjjj\xc7\x8e\x1d\xd7\xacY\xf3\xc5\x17_\x94\x94\x94X\xeb|\xbd\t\xa0\x017n\xdc\x08\x0f\x0f\xdf\xb2e\x0b\xd2\x00\xba\xc10\xf7\xcav0Y\xff\xe1\xc3\x87k4\x9a\xbc\xbc&lt;\x07\x07\x07\x95Je\xc5\x0f\x0f\x87\xc3\xd1\xeb\xf5J\xa5\xf2\xc4\x89\x13\x1f~\xf8app\xb0J\xa5b\xb3\xd9\xaf\xbc\xde\x96\x86\x80\xf5\xcf\xce\xceF\xd6\xdf\x04\x97\xcb-))\xe9\xda\xb5\xeb\xf5\xeb\xd7g\xcf\x9e\xbdk\xd7..\x97k0\x18,=.\xc4\xff\x0f\xda\x01\xd0\x91\xba\xd6\xbf\xa6\xa6\xe6\xec\xd9\xb3p\x95+\xe3\xe2!\xef\x00\xe4&lt;\x14\n\xc5\xf7\xdf\x7f\xbf\x7f\xff\xfe\x94\x94\x14\xb8\x9c\x80\xe6\xfb\x00\x88V)\x95\xca\xf6\xed\xdb\xcf\x9a5k\xf1\xe2\xc5\xc8\xfa\x9b0\xc5\x82\x06\x0f\x1e|\xfe\xfc\xf9\xb0\xb00\xfaO\xa8\x8d\x80\x04\x80v\xfc\xd3\xfa\xabT*&amp;F\xc3\xdf\x070\x19L\xd1\x008\xed\xa5V\xab;v\xec8~\xfc\xf8o\xbf\xfd\x16Y\xff\x97\x80\t\xbdx\xf1\xe2\xa8Q\xa3\xce\x9e=\xdb\xb1cG:O\xa8\xed\x80\x04\x80^\x98\x0e\x8e\xda\xb2\xf5\x07L\x1ap\xe0\xc0\x81\xa4\xa4$\x99LF\xcf\xef\xc1T\xa6\xd5\xbd{w\'\'\xa7\xa3G\x8f"\xeb\xffJ\xf4z\xbd\x8b\x8b\xcb\xf6\xed\xdb\x17-Zt\xff\xfe}\xa9T\x8a\xfd\xfb\xf5\xc5\x08\xf3`\x13ui\x0c\x02L\xc9\xe8\xd1\xa3m\xdc\xfac/\xc2\xc7K\x97.5\x1a\x8d\xa1\xa1\xa1qqq\x12\x89\xa4\xee\xc554\x01\xa6\xec\xe3\x8f?\xe6p8\x7f\xfc\xf1GYY\x99\x8d\x94{\xbe-&lt;\x1e\xaf\xa4\xa4d\xfa\xf4\xe9\xc5\xc5\xc5aaa\xd9\xd9\xd9\xe0\xeb\xd0mBm\n\xb4\x03\xa0\x11P 1\x7f\xfe\xfc\xd3\xa7O\x17\x14\x14\xd8\xb2\xf57\x01\xfb\x80)S\xa6\xa4\xa6\xa6fee\xd1\xad\xe3&lt;\xc41\x0e\x1c8\xf0\xe5\x97_\xe6\xe6\xe6B\x1e\xdb\xc6\xa7\xec\xf5\x90$\xe9\xe4\xe4\xd4\xaf_\xbf\xc6\x8d\x1b\xff\xfa\xeb\xaf\xe8\x90\xb0eA\x02@\x17\xc0\x94l\xdd\xbau\xc5\x8a\x15iiiB\xa1\xd0`0 S\x02\x19\x11\x99L6p\xe0@GG\xc7#G\x8e\xd0\xc7d\x80&lt;\x17\x16\x16\x06\x06\x06\x9e={6$$\xa4\xb2\xb2\x92&amp;c\xa3-p\x95&lt;I\x92\xde\xde\xdek\xd7\xae\x9d0a\x02J\x06X\x10$\x00\xb4\x00LIFFFhh\xe8\x85\x0b\x17:v\xec\xa8R\xa9\x90)\x01\xe0b\x190\x19_\x7f\xfd\xf5\xacY\xb3\xe8\xa0\x01\xa6\xeb\xcf|||&amp;M\x9a\x84\xca~\xde\x1c\x82 \x1c\x1d\x1d\x93\x93\x93\x07\x0c\x18\x90\x96\x96\xe6\xe6\xe6\x06\xb1 K\x8f\xcb\x16A\x02`y\xc0\x94\xd4\xd6\xd6zzz~\xfd\xf5\xd7\xd3\xa7O/))\xe1\xf1xhjL\x90$)\x16\x8b\xf3\xf3\xf3\xbbt\xe9r\xe3\xc6\x8d\x80\x80\x00\x8b\x07\xc7@\x84\x16,X\x90\x93\x93s\xfe\xfc\xf9\xd2\xd2R\x8bk\x12\x83\x80\xc8\xde\x8a\x15+N\x9e&lt;\x99\x9c\x9cL\x07E\xb7M\x90\x00X\x1eX\xfd#F\x8c`\xb3\xd9\xd1\xd1\xd1\xc8\x91|%`2\xb6m\xdb\xb6f\xcd\x9a\xec\xecl;;;\x0b\xe6\x0fA~\x12\x13\x13G\x8c\x18\x91\x99\x99\xc9\xe7\xf3\t\x82\xa0Of\x82\x11\x10\x04\xa1P(\xbau\xeb6`\xc0\x80E\x8b\x16\xa1@\x90E@\x02`a`\xdd\xff\xfa\xeb\xafK\x96,\xb9{\xf7nmm-\r\x0b]h\x02h\x00\\\xaau\xf8\xf0aK\xb9\x8d\xb0c\xa3(\xca\xcb\xcbk\xe9\xd2\xa5\xe3\xc7\x8fG\x95?\xef\x00EQ|&gt;\xbf\xa8\xa8\xa8S\xa7N7o\xdetww\xc7\xac\xf1\x9a\x04\x9a\x83\xbenK\x02\xd7`\x15\x15\x15-^\xbc\xf8\xf0\xe1\xc3,\x16\x0b\xba\xe4[z\\4\x85\xc3\xe1TVV\xee\xde\xbd;&gt;&gt;\xfe\xf4\xe9\xd3\x1c\x0e\xc7"]"\xe0\x98\xde\xb7\xdf~\xdb\xa8Q\xa3\xf1\xe3\xc7\x97\x97\x97#\xeb\xff\x0e\xb0X\xac\x9a\x9a\x1a77\xb7\x193fL\x9e&lt;\x99\xc5b!g\xd4\xfc\xa0\x1d\x80%\x01\xf7\xbfO\x9f&gt;\xee\xee\xee[\xb6lA\xc1\x9f\xff\x84 \x08\'\'\xa7\x13\'N|\xfa\xe9\xa7\xf7\xee\xdd\x13\x89Df\xbeH\x12\x9aT\x17\x14\x14\x84\x87\x87\xc7\xc5\xc55n\xdc\xb8\xb6\xb6\x16\xf9\xad\xef\x0cEQb\xb18  \xe0\xf3\xcf?\xff\xe8\xa3\x8fP \xc8\xcc \x01\xb0\x18\xb0\xd6\x7f\xfb\xed\xb7\xa5K\x97fgg\x1b\x0c\x06\xe4\xfb\xbf\t\x10;\x1e&gt;|\xb8H$:p\xe0\x80\x99M\x06\xfc\xb9\xa1C\x876i\xd2d\xeb\xd6\xadH\xb3\xdf\x13\x92$\xa5RiLL\xcc\xfc\xf9\xf3\xef\xdd\xbb\x07W\\\xa0\x07\xc1l \x01\xb0\x0c\xd0\xf2\x81 \x886m\xdal\xdc\xb8q\xd8\xb0aJ\xa5\x12\xf9&gt;o\x82\xd1h\xe4r\xb9*\x95\xca\xdf\xdf\xff\xfa\xf5\xeb\xde\xde\xdef+"\x04\xeb\x7f\xfe\xfc\xf9)S\xa6\xe4\xe4\xe4\xc0$\x9a\xe1\xefZ7\xa0\xe8\xfd\xfb\xf7o\xdf\xbe\xfd\xda\xb5k\xd1&amp;\xc0\x9c \x01\xb0\x0c\xb0\xca\xbf\xfc\xf2\xcb[\xb7n\x9d;w\x0e\x15\x11\xbe\x15`2V\xaf^\x1d\x13\x13\x93\x94\x94d\xb6\x92P\xf8C\x81\x81\x81\x1f|\xf0\x01\xdc\xf4\x82f\xed\xfd\xa1(J$\x12\xa5\xa7\xa7\x0f\x1c8\xb0\xb0\xb0\xd0\xc9\xc9\tC=\x82\xcc\x05\x12\x00\x0b\x00\xdfyYY\x99\x9b\x9b\xdb\xd9\xb3g\x03\x02\x02\xaa\xab\xabQ\x1c\xf9ma\xb1X\x1e\x1e\x1e{\xf7\xee\x1d0`\x80\x19\xdcF\xf8\x13\xe7\xce\x9d\xfb\xf8\xe3\x8f\xf3\xf2\xf2\x90\xfb_\x8f\x80\xa2\xf7\xeb\xd7\xcf\xcb\xcbk\xc3\x86\rh\x13`6\x90\x00X\x00X\xdf\x9f}\xf6Yee\xe5\xaf\xbf\xfe\x8a\x1c\xc9w\x80$I\xb9\\\xfe\xdbo\xbfm\xdf\xbe=11\xd1\x0c\x9b\x00(\xd9\n\x0c\x0c\x1c=z\xf4\xa2E\x8b\xd0\xac\xd5#\xb0\t\xc8\xc8\xc8\x184hP^^\x9e\xb3\xb33\x866\x01f\x01y\x9d\xe6\x06\x02\xd6\xcf\x9f?\x8f\x8d\x8d\xfd\xe6\x9bo\xaa\xab\xab\x91\xb3\xf3\x0e\xb0\xd9l\xa5R\xf9\xe1\x87\x1f\x92$\x19\x1b\x1b\x0b\x15\xb4\r\xf7\xe7H\x92d\xb1Xqqq\xe5\xe5\xe5\xd3\xa7O\xaf\xa8\xa8@\xd6\xbf\x1ea\xb1X\x1a\x8d\xa6s\xe7\xce!!![\xb7n\xc5q\x9c)\xd7\xc01\x1d$\x00\xe6\x06\x1c\xc9U\xabV\x85\x84\x84\xb4m\xdb\xb6\xba\xba\x1ay:\xef\x06EQ\x1c\x0eg\xda\xb4i\xdf}\xf7\x1df\x16\x87q\xdd\xbau\xa3F\x8d\x92H$\xe8R\xc3z\x07\xc7q\x82 \xe6\xcc\x99\xb3\x7f\xff\xfe\xda\xdaZ6\x9b\x8d\x82\x13f\x00\t\x80Y\x01\xf7\xbf\xb4\xb4\xf4\xf7\xdf\x7f\x9f9s&amp;,tK\x0f\x8a\xa9\xc0\xb9\xb0\x11#F\x14\x15\x15\x9d;w\xae\xe16\x01\xd0\xc0\xf2\xf1\xe3\xc7\xc9\xc9\xc9\xd3\xa6M\xab\xaa\xaaB\xb3V\xef\xb0\xd9\xec\xca\xca\xca\xde\xbd{;88\x9c8q\x02\xc7q8r\x81hP\x90\x00\x98\x158\xe8\xbbo\xdf&gt;\x7f\x7f\xff\xb0\xb00\x8dF\x83r\xbf\xef\x83\xc1`\x90\xc9d\xd3\xa6M\xfb\xf9\xe7\x9f\x1b\xee\xaf\x80\xae\xec\xda\xb5+88\xb8]\xbbv555h\xd3\xd6\x10@s\x88\x89\x13\'n\xdb\xb6\rC9\x00\xb3\x80\xac\x8fYa\xb1X\x14E\xed\xdf\xbf\x1f\x0e=\xa2%\xfe\x9e\xb0\xd9\xec\xaa\xaa\xaa\x0f?\xfc0++\xeb\xf1\xe3\xc7\r\x147`\xb3\xd9\x06\x83\xe1\xd0\xa1CS\xa7NEM\xdf\x1a\x0e6\x9b\xadV\xab\xc7\x8e\x1d[XX\x98\x9b\x9b\x0b\x0f\x8b\xa5\x07e\xe5 \x010\x1f\x90H\xbcy\xf3\xa6V\xab\x1d2d\x88Z\xadF\x91\x84\xf7\x04\xc7\xf1\x9a\x9a\x9a\xb6m\xdb\x06\x05\x05\xed\xdc\xb9\x13{\xe1\xad\xd7#\xa0\xd3qqq$I\x86\x87\x87k4\x1a4k\r\x04\x8e\xe3:\x9d\xaeI\x93&amp;\x81\x81\x81\xbf\xff\xfe;\xf6\xa2\xf1\x06\xa2\xe1@\x02`n~\xfe\xf9\xe7\xa1C\x87\x8a\xc5b\x82 ,=\x16k\x00\x92\x87S\xa7N\x8d\x8a\x8a\xd2\xeb\xf5\xf5n\x9daKq\xf0\xe0\xc1\xc8\xc8H\x89D\x82f\xadA1\xcd\xe6\xd9\xb3g-~\xe5\x83-\x80\xbe_3\x01\x89D\xb5Z}\xf3\xe6\xcd\xe1\xc3\x87\xebt:\xb4\xb8\xeb\x05\x88\x02\x85\x87\x87\xd7\xd6\xd6&amp;$$\xd4{\x05!\x9b\xcd\xd6\xe9t\xf1\xf1\xf1\x91\x91\x91h\xd6\x1a\x1a\xd3lVWWggg\xa3(PC\x83V\xb3\x99\x80u|\xe6\xcc\x19\xa9T\xda\xa1C\x07z\x1e\xfd\x85N\xf7$I\x12\xff\x17\x92$\xe9\\\x93g0\x18$\x12I\xb7n\xdd\xf6\xef\xdf\x8f\xbd\xf0\xd9\xeb\x05\x88\xff\xdc\xb8q\x03\xc3\xb0\x90\x90\x10z\xce\xda[A\xff\x03\xcc\x90\xd8\xf7\xf7\xf7?t\xe8\x10\x86\xa2@\r\x0c\xb3W3\x83\x80\xa7\xee\xec\xd9\xb3\xfd\xfa\xf5\x13\x08\x04t;\xe7B\x92$\x9cO\xb6\xb7\xb7\x97\xc9d\n\x85B\xa1P899\xc1?$\x12\t\xdc\xcaK\xb7a\x03\x107\x181bDJJ\n4\xeb\xaf\xafw\x86Y;u\xeaT@@\x80\x9d\x9d\x1d=?\xfe\x9b\x03}\xf4\xb8\\.\x9de\x0c\n@{\xf5\xeau\xf9\xf2etWpC\x83N3\x9a\t\x88$\xa4\xa4\xa4l\xdb\xb6M\xaf\xd7\xd3gYCjZ,\x16s8\x9c\x92\x92\x92\xac\xac\xac\xc2\xc2\xc2\xc7\x8f\x1f\xab\xd5j\x83\xc1`gg\xe7\xe4\xe4\xd4\xa6M\x1b__\xdfV\xadZ\x19\x8dF\xb5Zm\xc1\xbb\x18_\t\xc4\r\xbau\xeb\xa6\xd3\xe9\xb2\xb3\xb3\xdb\xb7o__\xe1c\xb8\xa5$%%e\xce\x9c9p\x82\xef\xfd\xdf\xd3\x82p\xb9\xdc\xf2\xf2r\x0c\xc3\x04\x02\x81@ \xa0\xe7V\x80\xc5bi\xb5\xda\x9e={\xaeY\xb3\xa6\xb4\xb4\xd4\xd9\xd9\x19\xdd\x91\xd7p \x010\x07`\x8f\xf2\xf2\xf2\x08\x82h\xdf\xbe\xbdV\xab\xa5\x83\x00@\xc0\xc7\xd1\xd1\x91 \x88\xabW\xaf\x1e9r\xe4\xea\xd5\xab\xf7\xef\xdf\x7f\xe5\x8be2Yxx\xf8\xa7\x9f~\xda\xa7O\x1f\x8dFC7k\x08\x17\xc5\xb4i\xd3\xe6\xd2\xa5K\xf5%\x00\xe0~\x96\x94\x94\x14\x17\x17w\xe8\xd0\x81&amp;\xb3\xf6n@\xb7\xb5%K\x96l\xd9\xb2\x05\xc3\xb0\xaf\xbf\xfez\xe1\xc2\x85\xf4\xbc\xc9\x12j\x81\x9a7o.\x95J\x13\x13\x13#""\xeawW\x87\xa8\x0b\xed\xa6\xdf*\x01{\x14\x13\x13\xd3\xbauk\xa9TZVVf\xf1\x05m4\x1a\xf9|&gt;\x9f\xcf?w\xee\xdc\x86\r\x1b._\xbe\x0c?\xe7\xf1xnnn\xcd\x9b7\x97\xcb\xe5\\.W\xab\xd5&gt;y\xf2$77W\xa9T\x9e8q\xe2\xe4\xc9\x933f\xccX\xb3f\r\x84\x83\xe8\xa3\x01\xe0\xcc\x86\x85\x85\x9d:uj\xfe\xfc\xf9\xf520\xb0;\x89\x89\x89r\xb9\xbcU\xabV\xb0\xf5y\xff\xb75?\x04AH\xa5\xd23g\xce\xacX\xb1\x02~B\xf3\xb3l\x14E\xf1x\xbc\xa0\xa0\xa0\xcb\x97/GDD\xd0s\xa7b\x1d \x010\x07\xf0\xb0\xdd\xbcy\xb3W\xaf^X\xbdf)\xdf\r\xa3\xd1\xc8\xe1p\x1e?~\xbcj\xd5*H\x9cb\x18\xd6\xad[\xb7\x91#G\x86\x85\x855o\xde\xdc\xc1\xc1\x01\xe2&lt;F\xa3Q\xa7\xd3={\xf6\xec\xfc\xf9\xf3\x1b7n\xbc{\xf7\xee\xd6\xad[\x8b\x8b\x8b\xf7\xef\xdfO\xab\x808\x8b\xc5\xd2\xe9t]\xbbv\xdd\xbe}\xbbV\xab\x15\n\x85\xef\x1f7\x80i\xbax\xf1\xa2\x8f\x8f\x0f\x97\xcbehU"EQ\x02\x81\xa0\xb8\xb8x\xe6\xcc\x99l6\xdb\xc1\xc1\xa1\xb2\xb2\xd2\xe2\xfe\xc7\xeb\x81\x85\xd7\xb9s\xe7m\xdb\xb6\xa14@\x83\x82\xbeYs\xc0b\xb1jkk\x8b\x8a\x8aBCC\xe9\x90\x00\xa0(J(\x14\xc6\xc5\xc5\x81\xf5\xef\xde\xbd{ll\xec\xd9\xb3gg\xcd\x9a\xd5\xae];\x1c\xc7\xd5j\xb5J\xa5R*\x95*\x95\xaa\xb6\xb6\xd6\xc5\xc5e\xd6\xacY7n\xdc\xe8\xdb\xb7/\x86a\xc7\x8e\x1d\xdb\xb0a\x83T*\xa5\x8f\x06\xc0\r\xe3\xde\xde\xdeB\xa1\xb0\xb0\xb0\x10\xab\x0f\x95\x85iJMM\r\x08\x08\xc0\x18\xdb\x99\xc0h4\n\x85\xc2y\xf3\xe6=z\xf4h\xd2\xa4I\xed\xdb\xb7\xa7\x7fH\x1d\xc7\xf1\xda\xdaZ__\xdf\'O\x9eTVV\xa2\xfb\xe2\x1b\x0e$\x00\r\x0e\x84\xcb\x9f&lt;y\xa2\xd7\xeb\xdd\xdc\xdc\xe8\xb0\xfb\x86\x13\t\xe3\xc7\x8f\xff\xe4\x93OV\xaf^}\xfe\xfc\xf9\xbe}\xfbj\xb5\xda\xb2\xb2\xb2\x9a\x9a\x1a\x0c\xc3X,\x16\xfb\x058\x8e\x1b\x0c\x86\x92\x92\x12\xb1X|\xe8\xd0!\x0f\x0f\x0f\x16\x8b\xb5q\xe3\xc6G\x8f\x1e\xf1x&lt;\xfa&lt;\x99\x10\xe8h\xd4\xa8QZZ\x1a\xf6\xde\x02\x00\x8eguu\xf5\xd3\xa7O\x03\x02\x02t:\x9d\xc5g\xed\x1d0\x18\x0cNNN\xbf\xfc\xf2\xcb\xb1c\xc7\\\\\\\x16/^\xac\xd1h,=\xa8\xff\x06\xf6s\xad[\xb7\xe6\xf1x\xb9\xb9\xb9\x18\r6\xcd\xd6\n\x12\x80\x06\x07\xd6nFF\x86\x93\x93\x93\x8b\x8b\x0bM\x9a\xc9\xe08\xae\xd5j\x7f\xfe\xf9\xe7\x05\x0b\x16TWW\x83\x9f\xc5\xe1p^\xb9;\xc1q\x9c\xcb\xe5j4\x1a\xb9\\&gt;\x7f\xfe|\x8a\xa2\xca\xca\xca.^\xbchooO\x9f2m\xf8\x9e}||RRR\xb0\xfa\x10\x00\x0c\xc3\x9e&gt;}\xca\xe7\xf3\xdb\xb6m[[[K\x87Y{+H\x92tttLNN^\xb2d\t\x86a\xdf~\xfbm\xf3\xe6\xcd+++1&amp;\xd8S\x82 $\x12I\xeb\xd6\xad\xf3\xf2\xf20&amp;\x0c\x98\xa1 \x01hp`\xed\xa6\xa6\xa6\xb6k\xd7\x8en\'\x1b\xc1\xf4c\x18\xf6&amp;Aa.\x97\x0b\xa74\x1d\x1c\x1cp\x1cOKK\x83Xm\xc3\x0f\xf3\x8d\xc0q\x1c\xc7q\x7f\x7f\xff\xec\xecl\xecE\x00\xe7\x9d\x81\xcfUXX(\x14\n\x15\n\x05Md\xfb\xcd\x814OMM\xcd\x8c\x1934\x1a\xcd\xc0\x81\x03?\xfd\xf4\xd3\xb2\xb22\xfa\xcc\xd7\xeb\x818U\x8b\x16-`6\x992l\xc6\x81\x04\xa0\xc1\x01\xc3\xf1\xfc\xf9sWWW\xba\x19\x11\x08\xf5\xbc\xf9\xeb\t\x82\x90\xc9d\x8d\x1a52\x1a\x8d\xcf\x9f?\xa7U!\x10\x1c\x07k\xd4\xa8QUU\x95^\xaf\xaf\x97\x81\x15\x16\x166k\xd6\x8c\x891h\x92$%\x12\xc9\xd7_\x7f\x9d\x9e\x9e\xde\xacY\xb3-[\xb6\x18\x0c\x068\xe6m\xe9\xa1\xbd\x11\xe0[\xb4i\xd3\xe6\xf1\xe3\xc7\x18c\x130\xf4\x07\t@\x83\x03k\xf7\xce\x9d;&gt;&gt;&gt;\x18\xf3\x972\x9b\xcd\xe6\xf1x\x18\x86\x11\x04A+\xb3\x08\x99Cwww\x95JUUU\xf5\x9e\xbb\x13\xf8\xdd\xfb\xf7\xef\xbb\xb8\xb80N\x00\x08\x82\x90\xcb\xe5QQQ\xdb\xb7og\xb3\xd9?\xff\xfcs\xb3f\xcd \xf9D\xab\r\xe8\xeb\xc1q\xbce\xcb\x96\x7f\xff\xfd7\xc6\xfc\xa7\x86\xb6 \x01hp\xa0e\xb1J\xa5\x92J\xa5\x8c\x8b$\xbc\x04\x1c\xd2\x81D\xa2T*\xa5[5!T7\x19\x8dFp\x1b\xdf\xc7j\xc34\x15\x15\x15\xb5l\xd9\x92\xfee3u\x81/\xe1\xde\xbd{\xf3\xe7\xcf7\x1a\x8d\xf3\xe6\xcd\x8b\x8c\x8cT*\x95\x1c\x0e\x07\x8e\xfeYz\x80o\x04\x8e\xe3z\xbd\xde\xd5\xd5\xb5\xa6\xa6\x06\xaeMe\x96\x063\x05$\x00\r\x0b\xd8\x0e\xb5Z][[\xeb\xe5\xe5E\x87\x12\xa0w\xc6h4\xf2x\xbc\xc7\x8f\x1f\x17\x15\x15a\x18\xe6\xe9\xe9I+\xd7\x18\xaa\x95\\]]\x15\n\xc5\xdd\xbbw\xb1\xfa\x10\x80\x07\x0f\x1e\xb8\xb9\xb9\xd5\xdb\x10\xcd\x05\x87\xc3\x995k\xd6\xf3\xe7\xcf;w\xee\xbcl\xd92\x95JE7\xa9\xfeO\xc0\xd5\x80\xf3w\xb0\x9f\xb3\xf4\x88\xac\x13$\x00\xe6\x80\xcf\xe7\x83Gc\xf1\x13\x00\xef\x03A\x10vvv\'N\x9c0\x18\x0c&lt;\x1e\xafW\xaf^555t\xfbD$I\x1a\x0c\x06\x91HT/\xef\xc6\xe3\xf1\x98\xa5\xd9\x10\xfcY\xbbv\xed\x85\x0b\x17d2\x19\x84\x80\xe8\xd6\xb7\xe3\ra\xb1X\xf0\xc8p\xb9\\K\x8f\xc5j\xa1\xd7\xd3k}\x80\x13\xfa\xe0\xc1\x03\xa1P(\x97\xcb\x99{\x9d\x88^\xaf\x97\xcb\xe5\x19\x19\x19p\xf1\xd6\xd0\xa1C\x83\x82\x82\xe8\xd6\x1e\x19.]h\xd6\xac\xd9\x9d;w\xde\xf3}p\x1c\xaf\xa8\xa8(//\xf7\xf5\xf5e\x8a\x06@\xe9\xe4\xe5\xcb\x97W\xae\\\x89a\xd8\x9a5k|}}\x19z\xef48LM\x9a4qpp\xb8}\xfb6\x86\n\x81\x1a\x06\xe6\xad\x0cf\xf1\x92\x00\x18\x0c\x06:\x9b\x12\xe3?\x80\xbb\x01\x8cF\xa3\x8b\x8b\xcb\xbd{\xf7&amp;L\x98\xa0T*]]]W\xae\\IC\xb3\x08\xa7\xb7L\x02\xf0\x9e! \xbd^\xaf\xd3\xe9\x98\x92\xb9\x81\xe6NJ\xa5r\xc6\x8c\x19\xb5\xb5\xb5\x13\'N\x9c2eJyy9s\xddgHf\xf0x&lt;\xa5R\x89!\x01h\x18\x90\x00\x98\x03.\x97\x0b\xc6\x94\xcev\x04\xc7qv\x1d8\x1c\x0e\x9f\xcfwttT(\x14\\.\xf7\xc0\x81\x03=z\xf4\xc8\xc9\xc9i\xd2\xa4\xc9\xd1\xa3G\x9b7o^[[KO\xd7\x12"T\xef\xff&gt;p\xb0\x80\x11\xd6\x1f\xc30\x8a\xa2\xec\xed\xed?\xff\xfc\xf3\x82\x82\x02//\xaf\xf5\xeb\xd73\xb7{\x9d\t\x8a\xa2\xe0@\x83\xa5\x07b\xb5\xa0o\xd6\x1c\x80\xf3Bg;\x02\x19\xd4\xba\xc6\x8e \x88\xca\xca\xca\x87\x0f\x1f&amp;$$DGGC\x83\x9d\xe1\xc3\x87\xaf\\\xb9\x12Rs\xb4\xcd+\xd6o\xc5\x08\x9dg\xcd\x84\xc1`pvv\xde\xb9s\xe7\xef\xbf\xff.\x14\n\xb7m\xdb\xe6\xe8\xe8XYYi\x1d\xa6\x13\xf9\xfe\r\x875\xac\x0f\xc4{\x02\x99\xc3U\xabV\xed\xdc\xb9\x93\xcb\xe5\xc2Y!(\xf7\xac\xaa\xaa\xc20\xace\xcb\x96\x8b\x16-\x1a5jT@@\x80Z\xad\xae\xa8\xa8\xa0U\x17 \x1b\x87$I\x07\x07\x87\xac\xac\xac\xaf\xbe\xfa\n\xc3\xb0o\xbf\xfd6&lt;&lt;\xbc\xb4\xb4\xd4:\xac?\xa2AAK\x04\x81a\x18\xc6b\xb1\x8a\x8a\x8a\xe0\xd0\xcd?1\x18\x0c\x0f\x1f&gt;\xbcv\xed\x9aN\xa7\x0b\x0c\x0c\xe4p8Z\xad\x96\xb6;\x00\x9b\x02\xf2\xde$I\xce\x981\xa3\xa2\xa2b\xe0\xc0\x81\x9f\x7f\xfeyyy9\xb2\xfe\x887\x01\xad\x12s@\xf30\x02\x9b\xcd\xd6h4\x9f|\xf2I\xbf~\xfd\xa0\xb4\xdfh4\xea\xf5\xfa\xca\xca\xcag\xcf\x9e\x15\x16\x16&amp;$$DEEEEEq8\x9c\xc8\xc8\xc8%K\x96x{{WTT\xd0V\x03\xea\xf1\x0b\xa7\xf9F\x87$I\x85B\xf1\xf9\xe7\x9f\'$$4m\xda\xf4\x97_~\xd1\xe9t\x96\x1eT\xbdA\xff\xd8)\xd3A\x02`\x0e \xb6N\xdbu\x0c\t\x00777oo\xef\xba?g\xb1X\xd0\xbd\xae\xaa\xaa*//o\xff\xfe\xfd;w\xee&lt;z\xf4\xe8\xc5\x8b\x17\xf7\xec\xd9\x13\x11\x11AO\r`\xb1X\xf5RnKQ\x14EQ\x90\xc0\x7f\xffwk\x08\xa05\xd3\x89\x13\'6m\xdadj\xf9\x00\x87~-=\xb4z\x0067\xb08-=\x16\xab\x85\xd9E\x02\xf4\x07\x8c\xbe\xaf\xaf\xafZ\xad~\xf6\xec\x19m\xad\t4\xd2\xa9\xf8\xbf(\x95\xca\xd2\xd2R\xa5RI\x92\xa4\x9f\x9f\xdf/\xbf\xfcr\xfe\xfc\xf9\xe6\xcd\x9bWTT\x8c\x1d;6..\xce\xc1\xc1\x81V\xcd\xc5X,\x16I\x92w\xee\xdc\t\x0e\x0e\xc6\xde\xc3s\x844\xb2\x83\x83\x83X,~\xf8\xf0!\x9f\xcf\xa7\xe1\xacQ\x14egg\xf7\xe4\xc9\x93y\xf3\xe6\x91$9o\xde\xbca\xc3\x86Y\x93\xf5\x87+\xec\xb5Zm\xabV\xad0\xb4\x0fh\x18\x90\x004,\xb0je2\x99\xc1`\xa0\xe1\xb9\xd9\xba\xbcT\x06j*\x06\x05\x1f\xbf\xba\xba\xba\xa4\xa4\xa4g\xcf\x9e\xd1\xd1\xd1\x12\x89D\xaf\xd7\xcf\x9f?_\xaf\xd7\xd3m\x07`4\x1a+++\x15\n\xc5\xfb\xbf\x8fP(tppx\xf8\xf0!m3\xde|&gt;\x7f\xce\x9c9\x7f\xff\xfd7s[&gt;\xbc\x06\x0e\x87\x03\x02\xd0\xb2eK\x0c\t@\xc3@_{dM\x10\x04A\x92$=\x8d\xc8\x1b\x02\'\xf2\x9f?\x7f\xde\xb1c\xc79s\xe6`\x18\x96\x91\x91q\xe1\xc2\x05\xbam\x02 n\xa3\xd7\xeb\xeb\xe5\xdd\x0c\x06\x83\x9d\x9d\x1d\r\'\x0e\n\xb76m\xda\xf4\xe7\x9f\x7f:88l\xd9\xb2\x05\xc30\xbd^\x0f\x07\xf7^\x03\xfc:EQ/\xfd\x9c\x86M\xe2\xe0jx\x0c\xc3\xeak6\x11\xff\x04\t@\xc3\x02\xc1\x04\x99L&amp;\x16\x8bo\xdd\xba%\x14\ni\xf8\xa4\xbd9\\.\xb7\xba\xbaz\xc4\x88\x11vvv8\x8e_\xbe|\x99\xcdf\xd3\xc4&gt;B\xaf\xba\xa7O\x9f\x96\x97\x97\xb7o\xdf\x1e{?\x9f\x11&gt;\x94\xaf\xaf/\xdd\xee\xbd\xc1^\\\xf5\x15\x17\x17\xf7\xbf\xff\xfd\xcf\xce\xcen\xdf\xbe}\x81\x81\x81\x02\x81\xc0\xc5\xc5E\xf1\xef\xc8d2\'\'\'\xd8\x83\x8aD"\x0e\x87S\xf7\xbf\xda\xdb\xdb\xd3\xea3\x1a\x8dF;;\xbb\xec\xecl\xb9\\.\x93\xc9\x18\xda\xce\x88\xfeXC\xb8\x90\xe6\xc0QF\xb9\\\xae\xd1h\x98\xbe\x88!#\xd7\xa4I\x93\xe6\xcd\x9b\xdf\xb9s\xa7\xb0\xb0\xd0`0\xd0\'\xae\x05W\xc3\x0b\x04\x02\xa9T\x8a\xd5\x87\x00888\xa8T\xaaz\x1b_}\x00\xcbI\xadV\xcf\x9e=\xbb\xa6\xa6\xa6I\x93&amp;\xe9\xe9\xe9\xf1\xf1\xf1\xff\xf9a\xe1\xa2]\xb8\x00.66\xb6\xb2\xb2R\xab\xd5\xe28\x0ey\xfe\x80\x80\x80a\xc3\x86\xd1\xa7\xbd\x87\xe9cr8\x1c.\x97\xcbh\xb7\x89\xce \x01hp(\x8ab\xb1X\x9e\x9e\x9e\xe9\xe9\xe9\x1f\x7f\xfc1\xad\xfc\xac\xb7\x05n\x14\xb1\xb3\xb3\x93H$\x18\x86UVV\xd2\xa7\xbb\x11\x0c,\'\'G"\x918::\xc2\xd7\xfe\xce\xef\x06\x1f\xca\xdf\xdf\x7f\xff\xfe\xfd\xb4r?\xa1\xe7\xcf\xbd{\xf72331\x0c{\xf2\xe4\xc9\x8a\x15+\xde\xf6M\xae^\xbdz\xf5\xea\xd5\xba?\x19&lt;x\xf0\xb8q\xe3\xaa\xab\xabi\x92E\x80\xc7\xe4\xf6\xed\xdb\x1e\x1e\x1e\x18\xed\x8bq\x99\x0b\x12\x003\xd1\xa8Q#\xb8\xde\xda\n\x808;\x86a,\x16\x8b&gt;\x96\x11\xc30\x1c\xc7\x8b\x8b\x8b\xa5R)\x94\x03\xbd\xff\x1b6i\xd2D\xa5R\xd1j\x97\x83\xe38I\x92\xf6\xf6\xf6\xbd{\xf7\xd6\xe9t\x90\xba\x7f\xc3_$\x08"))I\xa7\xd3\xb5m\xdb\xb6u\xeb\xd6pq&amp;\x9c#\xeb\xdc\xb9s}\xdd\xa3Y_\x18\x8d\xc6\xa2\xa2"WWW\x0c\t@\x83\x81\x04\xa0\xc1\x81\x87\xaas\xe7\xce\'N\x9c\xd0\xe9t4\xf1\xb0\xde\r(\xcd\xae\xae\xae.--\xc50L.\x97\xf3x&lt;\x9a\x9c\n\x06\x1b\x91\x92\x92\x12\x10\x10\x80\xbd\xb7\xc9\x00\x8b\xef\xed\xed\r\xa7\xe1\x9c\x9c\x9ch\xb2\xd7\x81(\x9c\x8b\x8bKll\xec\x9b\x8f\x07"*\x95\x95\x95\xed\xdb\xb7\x7f\xfa\xf4\xe9\'\x9f|\xf2\xe5\x97_j\xb5ZS\xcd\xa8\xc1`\xa8\xaa\xaa\xa2\x8f\xceA`\xea\xce\x9d;\x83\x06\r\xc2P\tP\x83\x81\x04\xa0\xc1\x81\x87\n:\xb3\xd3\xca\x94\xbc\x03\x10\x7f\xc8\xc9\xc9y\xfa\xf4)\x86a^^^p\xd1\xa0\xa5\xc7\x85auL\xc6\xe0\xc1\x83\xb1\xf76\x19\x90\xf8\x95\xcb\xe5l6\xfb\xce\x9d;\xcd\x9a5\xa3\x95\x83l4\x1a\xa1M\xd3\x9b\xbf\x9e\xc3\xe1TUU\xc1d\xe9t:\x8a\xa24\x1a\x8dI\x00huP\x11F[ZZZTT\x04! \xfa\x8c\xcd\xca\xa0\x8b\xe0[1`J\x9c\x9d\x9d\xed\xed\xedsrr\xe8SV\xf8\x0e\xc3 IR \x10\x1c=z\x14\x0eg\xf6\xec\xd9\x93&amp;b\x06\xe7\x86\x8a\x8b\x8bKKKa\x07\xf0\xfe\xa3\xa2(J \x10\xb4l\xd92--\x8d\xc3\xe1\xd0-\x0f\xc9z\'\xe0w!\xf7[\x17:L\xa2\t\xa3\xd1(\x10\x08\xa0\x01-\\\xc9I\xab\xe1Y\x13H\x00\xcc\x01EQ\x1c\x0e\xa7e\xcb\x96\xd7\xae]\xa3\x89)\x81\xe0\xef[\x15\x80\x1b\x0c\x06\xa9T\x9a\x91\x91\xb1g\xcf\x1e\x1c\xc7;t\xe8\x10\x1a\x1a\xaa\xd1hh\x12\xff\x11\n\x85\x19\x19\x19F\xa3\xb1y\xf3\xe6p3\xcc\xfb\xbf\'\x86a\xa1\xa1\xa1YYY\xf51F\xc4\x9b\x02\x1b\xcd\xcc\xccL777\xa1PH\xf3\x8b4\x18\r\x12\x00s\x00\xa6\xa4w\xef\xde\t\t\tt()\x818rmm\xadB\xa1\x10\n\x85F\xa3\x11\x8e\xaa\xc1\xfd\x1b\xa6\x9d\x01\xfc\x1b\x0e\r\x91$\xe9\xe4\xe4TTT4i\xd2$\xb5Zm4\x1a\xff\xf7\xbf\xff\xf1\xf9|:\x88\x19\xf6Bb\xaf]\xbb\xe6\xef\xef\xcf\xe3\xf1\xeaeT !\xbdz\xf5\xca\xcb\xcb\xa3I\x9e\xc3F\x80\x15x\xf3\xe6\xcd\xae]\xbbb(\x03\xdc\x90 \x010\x07`;\x06\x0f\x1e\xfc\xec\xd9\xb3\xe7\xcf\x9f[\xb6\xb5\x00$rkjj"##\xbf\xfe\xfa\xeb\x9c\x9c\x1c\x1e\x8f\xe7\xe4\xe4$\x95J\x85B!\x97\xcb5\xf9\xcep\xfaW$\x12\xc9\xe5r\x07\x07\x873g\xce\xf4\xe9\xd3\x07.h\xfd\xf6\xdbo\x07\x0c\x18PYYI\x13\xb3\x08q\xb6\xc4\xc4\xc4\xc8\xc8\xc8z|O\x0c\xc3\xfc\xfd\xfdkjj\xf2\xf3\xf3\xe9\x13\xbb\xb3z\xa0\xd0 \'\'\xa7g\xcf\x9e\xd8\x0b%F4\x04(\tl\x0e\xa0|\xbey\xf3\xe6r\xb9&lt;))i\xc8\x90!\x96\xed\xa3\t\x11\x92\x94\x94\x94\xc4\xc4\xc4u\xeb\xd6\x05\x06\x06v\xe9\xd2%88\xd8\xcd\xcd\xcd\xd9\xd9\x19d\x00\xc30\x83\xc1PQQ\xf1\xec\xd9\xb3\xf4\xf4\xf4S\xa7N]\xb8p\x01\xc306\x9b\xbdt\xe9\xd2\xaf\xbf\xfe\x9a&gt;\xad@!b\xf0\xf8\xf1\xe3\xa2\xa2\xa2\xf0\xf0p\xac\x9eL\x06\x14\\\x8a\xc5\xe2V\xadZ%$$\x04\x04\x04\xd0\xa7L\xfe\x9d\x81\x16O\x16\xdf\x83\xbe\x068\x03\x9c\x9f\x9f\xaf\xd3\xe9\xfc\xfd\xfd1\x94\x00hH\x90\x00\x98\t\x88Qt\xe9\xd2\xe5\xe8\xd1\xa3\xc3\x86\r\xb3\xa0/\tvM$\x12}\xff\xfd\xf7\x07\x0f\x1e\xcc\xcb\xcbKNNNNN\x86\xff\x04\'\xef\x05\x02\x01\x8e\xe3555\xe5\xe5\xe5\xe5\xe5\xe5\xa6\xdf\xed\xda\xb5\xeb\x92%Kz\xf7\xee\xadR\xa9\xe8\xe3\x97\xc1u\xb8QQQ\x12\x89\xa4e\xcb\x96\xefy\x04\xac.\xa64\xc0\xe9\xd3\xa7g\xcd\x9aU/\xefiA\x8cF\xa3Z\xad&amp;I\x92\xcew\x06\x90$iggw\xee\xdc\xb9\xa6M\x9b\x8a\xc5b\x92$\x99.\xbat\x06\t\x80\x99\x00/f\xe8\xd0\xa1\x1f}\xf4QEE\x05\x1d\xfaB/Z\xb4h\xda\xb4i\xa9\xa9\xa9W\xaf^MII)(((...+++++\xab\xfb2\x91H\xd4\xa6M\x9bN\x9d:EDDt\xef\xde\x9d\xcb\xe5*\x95JZ=\x93F\xa3\x11\xc7\xf1\xe3\xc7\x8f\xf7\xe9\xd3\x07{q\xf4\xba^\xde\x19\xde\'22\xf2\xf7\xdf\x7f\x87N\xcb\x16\x9f\xb5w\x06j+{\xf4\xe8Q^^\xde\xaaU+\x9a_v\x7f\xfd\xfa\xf5\xa1C\x87b(\x01\xd0\xc0\xd0\xab\xcb\x95u\x03\xb9\xd6\xb6m\xdbn\xde\xbcy\xe0\xc0\x81\x16\x0f\xa1\x90$\xc9\xe1pD"\x11\x97\xcb\xad\xad\xad-///)))++\xd3h4\xe0!\xda\xd9\xd99::6j\xd4\xc8\xd5\xd5\x15|1\x8dFCQ\x14\xdd\xac?\x87\xc3\xd1h4\x01\x01\x01W\xae\\\xf1\xf6\xf6\xaeG\x01\xc00\x0c\xf2\xc9\xc1\xc1\xc1\xdf|\xf3\rm\xef\xc0ys\x84B!\x8e\xe3z\xbd\x9eV\xc7\x1aL@9\xafJ\xa5\xea\xd1\xa3\xc7\x95+W\xa0\xa0\x8b\x86\xe3\xb4\x1a\xd0\x0e\xc0|\x90$\xc9\xe5r###\x8f\x1c9\x12\x11\x11aq\xe9e\xb3\xd9\x14EUVVBJ\xc0\xc1\xc1A*\x95z{{\x9b\xaa\xc2\xa1\x04\xc8`0\xe8\xf5z\xa5R\x89\xbd\x88 [v\xd8/a\x8a\xff\xb4l\xd9\xd2\xcb\xcb\xab~\xad?\xf6"v\xd7\xaf_\xbfc\xc7\x8e\r\x1f&gt;\xdc\xe2\xb3\xf6\x9e\xc0\xf11Z\x1d\xfb\xaa\x0b\xcc\xe6\xa1C\x87\x9a5k\xd6\xbcy\xf3z\x9fM\xc4K \x010\x1f\xb0\x94g\xcc\x98\xd1\xbbw\xef\xa7O\x9f:88X|\x1b^\xb7\x93\x0cA\x10\x06\x83\xe1%\x03\x87\xbf\x80nv\xff%~\xfd\xf5\xd7)S\xa6@z\xa3~M\x06\xbc\xdb\xb8q\xe3z\xf5\xeaE\x93Y{\x1f\xe8oO\x8dF\xe3\x9e={\xc6\x8f\x1f\x8f\xd5k4\x0f\xf1J\xd0\x97k&gt;\xa0W\x81\x87\x87G\x9b6m\x0e\x1f&gt;\x0cA\x15K\x0f\xea\xff\x01\xa7C_\xba\x11\x8cngD_\x02\x1c\xc6\xd4\xd4\xd4\'O\x9e\x8c\x1d;\x16*\\\xeb\xf7O\xc0\xacy{{\xb7h\xd1\xe2\xf4\xe9\xd3\xf6\xf6\xf649\xfa`}\xc0i\xbe\x9c\x9c\x9cg\xcf\x9e\x8d\x1a5\n{Q?\x8dh8\x90\x00\x98\x15\xf0\xafg\xcc\x98q\xe0\xc0\x01Z\xf5\x98d(\xd0\xada\xe7\xce\x9d}\xfa\xf4\x01Am\x08\xb9\x82\xb3{S\xa6L\xd9\xb7o\x1f\x9a\xb2\x86\x83$I\xa1P\xb8o\xdf\xbe\xce\x9d;7j\xd4\x08\x1d\x006\x03h5\x9b\x15\x16\x8be4\x1a###\x95J\xe5\xf1\xe3\xc7\x1d\x1d\x1di\xb5\t`\x16P0~\xff\xfe\xfd\xe3\xc7\x8f\xcf\x9f?\x1fk\xb0\xf8\x06\xdcz6v\xec\xd8\x87\x0f\x1f\xde\xb8q\x03m\x02\x1a\x08\xb8\x05\xfe\x8f?\xfe\x983g\x0e\xd3s-L\x01\t\x80Y\x81\x13a\x02\x81`\xe1\xc2\x85\xbbv\xedbtY\xa1\xc5\x81\xb6\xf8\xfb\xf7\xef\x0f\x0f\x0f\xf7\xf5\xf5\xad\xf7\xe8\xbf\t\x985\xb1X&lt;|\xf8\xf0\xed\xdb\xb7\x0b\x04\x02$\x00\xf5\x0eA\x10\x8e\x8e\x8e111\n\x85\xa2k\xd7\xae\r\x11\xcdC\xfc\x13T\x06jn\xa0\xc1\x8eN\xa7\x0b\x0c\x0c\xdc\xb5kWHH\x88F\xa3A\x81\x85w\x00\xe2\x03!!!\x7f\xfc\xf1G\xfb\xf6\xed\xeb\xa5\x01\xdc\xbf\x01\xd9\xc8\x82\x82\x82.]\xba\xa4\xa4\xa4(\x14\nz\x96Q2\x17\x8a\xa2\x1c\x1d\x1d\x83\x82\x82f\xcf\x9e\xfd\xc9\'\x9f\x10\x04ajU\x8dh8\x90\xdd17\xd0\xb5\xc6\xce\xcen\xe6\xcc\x99K\x96,\xa1\xcf\xa5\xea\xcc\x82 \x08\x89D\xb2v\xedZ\x1f\x1f\x1f??\xbf\x86.\x17\x81+\xc6\xda\xb5k\xd7\xa5K\x97\xd5\xabW\xdb\xdb\xdb\xa3\xd8]=B\x92\xa4D"9v\xec\x98R\xa9\x9c0a\x02r\xff\xcd\x06\xda\x01X\x00\xd8\x04\x10\x04\xd1\xa2E\x8b\x8d\x1b7~\xf0\xc1\x07t;[Ks\x8cF#\x8f\xc7+++\xf3\xf1\xf1IJJ\xf2\xf2\xf2jP\xf7\x1f\x80TpnnnXXXzz:\xa3/\xf6\xa1\x1b\xe0\xfe\x07\x04\x04L\x9f&gt;}\xd6\xacY\xa8\xfd\x83\xd9@;\x00\x0b\x00\x9b\x00\x1e\x8f\xb7j\xd5\xaa\x95+W";\xf2\xb6@\xf4\xff\x87\x1f~\x186lX\xbd\x1f\xfd\xfd7L\xf5\xa0\xe1\xe1\xe1+W\xae\x84\x03\x01\r\xfdGm\x01\x92$\xa5R)\xb8\xff\x9f|\xf2\t\xaa\xfd7\'h\x07`1\xc0\xcd\xf1\xf7\xf7\x1f3f\xcc\xa2E\x8bJKKQ\xd0\xf3M\x80\x0e\x9diii\xfd\xfa\xf5{\xf8\xf0\xa1D"1\xdb\xb9V\xd8\x04\xdc\xb9s\xa7{\xf7\xee\xd7\xae]k\xd2\xa4\t\xca\x04\xbc?\x14E\x89D\xa2\x8e\x1d;\xce\x9f?\x7f\xf2\xe4\xc9\xc8\xfd7\'Hi-\x06\xec\x03\xb6o\xdf\xbez\xf5\xea\xbbw\xef\n\x04\x02$\xc6o\x02\x18\xdcO?\xfdt\xc9\x92%2\x99\xcc\x9c\xbdb \x13\xe0\xe1\xe11v\xec\xd89s\xe6\xa0L\xc0\xfbC\x10\x84\\.\xdf\xb4i\x13\x8e\xe3\xc8\xfa\x9b\x1f\xb4\x03\xb0$\xb0\xdc?\xfb\xec\xb3\xbc\xbc\xbc\xf3\xe7\xcf\xa3M\xc0\x7fb0\x18\x9c\x9d\x9dW\xaf^\x1d\x1d\x1d\x9d\x9e\x9en~{\x01\xfd\x91\xd4j\xb5\x9f\x9f\xdf\xee\xdd\xbb{\xf4\xe8A\x9f[q\x18\x074\xf2\xab\xa9\xa9\t\x0c\x0c\xfc\xe3\x8f?:w\xeel\x86\\\x0e\xa2.H\x00,\tX\x13\x8a\xa2|}}\xe7\xcd\x9b7c\xc6\x0c\xa4\x01\xaf\x01B\xffyyy\xbdz\xf5JLLtss\xb3\x88\xbd\x00\xd5\xd9\xbf\x7f\xff\x92%K\xf2\xf2\xf2\xf4z\xbd\x99\x07`5\x10\x04\xa1P(\x86\x0f\x1f.\x14\n\x0f\x1e&lt;\x88\xdc\x7f\xf3\x83\x04\xc0\xc2@\xca+))\xa9g\xcf\x9e\xb7n\xddj\xd4\xa8Qmm-r\x82^\tEQ\x12\x89\xc4\xd7\xd7w\xe2\xc4\x89\x8b\x16-\xb2\xa0\xbd\x80*\xf5~\xfd\xfa\x05\x05\x05\xad\\\xb9\xb2\xa4\xa4\x04\xeePC\xbc9$I:::^\xbe|y\xea\xd4\xa9999"\x91\x88\xe6\x8d\xa7\xac\x12$\x00\x96\x07\x0c\xd9\xf2\xe5\xcb\xa3\xa2\xa2233+++\x91\x00\xfc\x13\x08\xfeL\x9b6\xed\xde\xbd{\x97.]\xb2\xecA!8\t\\\\\\\x1c\x10\x10p\xfa\xf4i\x1f\x1f\x1f\x8dF\x83\xbc\xd77\x0727&lt;\x1e\xaf}\xfb\xf6\x1b7n\x1c2d\x08r\xff-\x02\x12\x00Z\x00\xe6\xacg\xcf\x9ennn;v\xec(..\xe6\xf1x\x96\x1e\x14\x8d\x00\xeb\x7f\xe4\xc8\x91\xd9\xb3g\x17\x14\x148::Z\xbc\xa3=\x18\xac}\xfb\xf6-[\xb6,77\xb7\xb6\xb6\x16]]\xf2\xe6@\xf0g\xe4\xc8\x91\x02\x81\xe0\xe0\xc1\x83\xe8\xdc\xaf\xa5@\x02@\x0b\xe0hXeee\xdb\xb6m\x97/_&gt;c\xc6\x0c\x14U0\x01\x87~\xf3\xf3\xf3\x03\x02\x02\xae]\xbb\x16\x1a\x1aJ\x13o\x11\xcc\xd6\xf0\xe1\xc39\x1cNtt4</t>
        </is>
      </c>
    </row>
    <row r="14">
      <c r="A14" s="1" t="n">
        <v>12</v>
      </c>
      <c r="B14" t="inlineStr">
        <is>
          <t>polygon_sides_color</t>
        </is>
      </c>
      <c r="C14" t="inlineStr">
        <is>
          <t>What is the missing color of the part denoted with a question mark?</t>
        </is>
      </c>
      <c r="D14" t="inlineStr">
        <is>
          <t>['green', 'purple', 'yellow', 'blue']</t>
        </is>
      </c>
      <c r="E14" t="inlineStr">
        <is>
          <t>yellow</t>
        </is>
      </c>
      <c r="F14" t="inlineStr">
        <is>
          <t>There are 6 colored polygons arranged in a triangle with color ['?'] in the top row, ['orange', 'blue'] in the middle row, and ['blue', 'orange', 'yellow'] in the bottom row.</t>
        </is>
      </c>
      <c r="G14" t="inlineStr">
        <is>
          <t>We observe that the polygon with 5 sides is orange in color and the polygon with 6 sides is blue in color. Thus, the pattern is that the polygons with the same number of sides have the same color.</t>
        </is>
      </c>
      <c r="H14" t="inlineStr">
        <is>
          <t>Based on the pattern that the polygons with the same number of sides have the same color, the missing color of the part with 9 sides should be yellow.</t>
        </is>
      </c>
      <c r="I14" t="inlineStr">
        <is>
          <t>b'\x89PNG\r\n\x1a\n\x00\x00\x00\rIHDR\x00\x00\x02\x00\x00\x00\x02\x00\x08\x02\x00\x00\x00{\x1aC\xad\x00\x00pqIDATx\x9c\xed\xddw\\\x14\xd7\xda\x07\xf03ewY\xd8]\xba\xb4\xd8\xc5\x82b\xef\x1a5\x96\x10{\x8d\xbdEc\xefz\xd5\xd8K\xecXc\xef%\x1a[,\xa0\xa8\xd8\xc5.6D\x11Ac\xc1Nga\xd92s\xce\xfdc\x94\x10[\xd4\x00;\xb3\xf3|\xffz?\xb9\xf7\xbd\x19\xd8\xe5\xfcNy\xe69\x14!\x04\x01\x00\x00\x90\x1f\xda\xda\x0f\x00\x00\x00\xc0: \x00\x00\x00@\xa6 \x00\x00\x00@\xa6 \x00\x00\x00@\xa6 \x00\x00\x00@\xa6 \x00\x00\x00@\xa6 \x00\x00\x00@\xa6 \x00\x00\x00@\xa6 \x00\x00\x00@\xa6 \x00\x00\x00@\xa6 \x00\x00\x00@\xa6 \x00\x00\x00@\xa6 \x00\x00\x00@\xa6 \x00\x00\x00@\xa6 \x00\x00\x00@\xa6 \x00\x00\x00@\xa6 \x00\x00\x00@\xa6 \x00\x00\x00@\xa6 \x00\x00\xf80B\x08\xc6\xd8\xdaO\x01@.\xa2\xe0N`\x00\x10B$\x1b\x8a\xa2\x18\x86\x11\xfe9\xcf\xf34MS\x14e\xdd\xc7\x03 7@\x00\x00\x99\x12&amp;\xf8\xc2\xf7\x9fa\x98\xf7\x87\xf8\xb8\xb88BH\x81\x02\x05\x10B\x1c\xc7}\xf0\xbf\x03\x80\xa4A\x00\x00Y\xc8&gt;\xc1\xa7i\x9a\xa6\xdf\xdd\xfcLIIy\xfe\xfcydd\xe4\xb5k\xd7\xe2\xe2\xe2\xe2\xe3\xe3\x15\nETTT\xcb\x96-\'O\x9e\xec\xe6\xe6\x86\x10\xe2y&gt;ke\x00\x80\r\x80\x00\x006H\xf8V\x7fz\x82\xff\xf8\xf1\xe3\x88\x88\x88\xfb\xf7\xefGGG?\x7f\xfe&lt;99\xd9\xd1\xd1\xd1\xcd\xcd\xadd\xc9\x92E\x8a\x14)Q\xa2D\xb1b\xc5\xee\xdf\xbf?u\xea\xd4K\x97.M\x9a4i\xd0\xa0A\x14E\t\xa7\x02\xef\xe7\x07\x00R\x04\x01\x00lA\xd6\x81\xed\xc7&amp;\xf8/_\xbe|\xf2\xe4\xc9\xc3\x87\x0f\xaf]\xbbv\xef\xde=\x93\xc9d6\x9b]]]}||\xca\x94)S\xbati\x1f\x1f\x9f|\xf9\xf2\xd9\xd9\xd9!\x840\xc6F\xa3\xd1h4\xaa\xd5j\xb5Z\x1d\x1c\x1c&lt;}\xfat\x93\xc94g\xce\x9c\xa6M\x9b"\xd8\x11\x02\xb6\x02\x02\x00H\xcf;\x07\xb6\xef\x1f\xd2\x1a\x8d\xc6\x97/_\xde\xbau\xeb\xfa\xf5\xeb/^\xbcx\xfc\xf8qFF\x86\x83\x83C\xa1B\x85\xbe\xf9\xe6\x9br\xe5\xca\x15-Z\xd4\xcb\xcb\xcb\xd9\xd99\xeb\xbfo\xb1X\xccf\xf3;\xff\x9b\x18c\x8c\xb1\x8b\x8b\x0b\xc7q\xabV\xadZ\xb0`\x81\xbf\xbf\xff\xa2E\x8b\x8a\x17/\x8e`G\x08H\x1f\x04\x00\x90\x80\xec\x07\xb6\x1f\x9b\xe0\xdf\xbe}\xfb\xf1\xe3\xc7\x91\x91\x91111\xc2p\xafV\xabK\x94(Q\xb2dI__\xdf\xa2E\x8b:99)\x95J\x84\x10\xcf\xf3\xc2\x88\xcfq\\\xd6p\x8f\x10\xfa\xd8\x8c\x9e\xe7y\x8a\xa2\\]]_\xbf~=m\xda\xb4\xdd\xbbw\xf7\xe8\xd1c\xd2\xa4I:\x9d\x0ev\x84\x80\xa4A\x00\x00\xb1\x13\xc6\xe8\xec\xffD8\xb0\x8d\x8e\x8e\xbeu\xebVLLLzzzRR\x92\x93\x93S\xe1\xc2\x85\x8b\x16-Z\xb6l\xd9\xfc\xf9\xf3{zzj\xb5Z\xe1\xff\xddd2\x99L&amp;\x8e\xe30\xc6T6_\xf4\x18\x1c\xc7\xa9T*\x9dN\x17\x1e\x1e&gt;~\xfc\xf8\xd8\xd8\xd8\xb1c\xc7\x0e\x180\x00A\xa9(\x90,\x08\x00 j\x18c\x9a\xa6\x9f={v\xf7\xee\xdd\xc8\xc8\xc8\xb8\xb8\xb8\xe8\xe8\xe8\xd4\xd4T\xe1\xc0\xd6\xc7\xc7\xa7l\xd9\xb2%K\x96\xf4\xf2\xf2\xca\x97/\x9f0\x137\xbf%,\x1a\x84\xb1&gt;G&amp;\xe9\x84\x10\x9e\xe7u:\x9dB\xa1\xd8\xbf\x7f\xff\x84\t\x13\x9c\x9c\x9c\xe6\xcf\x9f_\xabV-\x04\x07\x03@\x82 \x00\x80xq\x1c\xc7\xb2l\x9f&gt;}bbbt:]\x91"E\xfc\xfd\xfd\x0b\x15*T\xa2D\t777\xb5Z\x8d\x10"\x84\x18\x8dF\xb3\xd9l\xb1X\xb2\x86\xfb\xaf\x98\xe0\x7f&gt;!W\\\\\\\x8cFc``\xe0\xaaU\xab\xea\xd4\xa9\xb3p\xe1B\x1f\x1f\x1f\x04\x07\x03@R \x00\x80H\t\xa3\xff\xdc\xb9s\xb7n\xddz\xf9\xf2e\x95J%\x0c\xacf\xb3Y\xd8\xc1\xcf~`\x8b&gt;\xbe\x83\x9fK\x84\x81\xde\xd9\xd9\xf9\xf1\xe3\xc7\xe3\xc7\x8f?}\xfat\xb7n\xddf\xcc\x98\xc1\xb2,\x1c\x0c\x00\xa9\x80\x00\x00b$\x8c\xfeAAA\xfd\xfb\xf7\xbfv\xed\x9aN\xa7\xcb\xcc\xccD\x08\xe5\xc1\x04\xff\x8bp\x1c\xa7V\xab5\x1a\xcd\xc5\x8b\x17G\x8e\x1c\x99\x98\x988a\xc2\x84\x1e=z 8\x18\x00R\x00\x01\x00DG\x98\\\xdf\xbcy\xb3a\xc3\x86\xc1\xc1\xc1U\xabVMNNfY\xd6\xda\xcf\xf5a\xd9\x0f\x06v\xee\xdc9a\xc2\x04oo\xef\xe5\xcb\x97\x97+W\x0eA\x0c\x00q\x83U*\x10\x17\xa1P\'11\xb1E\x8b\x16K\x96,\xa9Y\xb3fRR\x92B\xa1\xb0\xf6s}\x14EQ,\xcb\xa6\xa7\xa7\'\'\'w\xe8\xd0\xe1\xc6\x8d\x1b\xd5\xaaUk\xdc\xb8\xf1O?\xfd\xf4\xfa\xf5k\xe1X\x98\xe7yk?&amp;\x00\x1f\x00\x01\x00D$\xabWO@@@\x8f\x1e=\xbat\xe9\xf2\xfa\xf5k\x85B!\xfeu\xaa\xf0vBRR\x12!d\xc1\x82\x05g\xce\x9cIMM-_\xbe\xfc\xec\xd9\xb3\x85\x05\x8d\xf0N\x99\xb5\x1f\x13\x80\x7f\x80-  "\xc2\xd6\xff\x8f?\xfe\xc8q\xdc\xbe}\xfb\x12\x12\x12$WQ#\xec\x08\t\x07\x03\xc7\x8f\x1f\x9f8qbRRR```\xcb\x96-\x11\x94\x8a\x02\x91\x81\x00\x00ba\xb1X\x14\n\xc5\xa4I\x93BCC/_\xbe\x9c\x94\x94$\x9e\xc3\xde/%\xc4\x80\xa3\xa3#\xcb\xb2\xeb\xd6\xad\x9b9sf\xe9\xd2\xa5\xe7\xce\x9d\xeb\xef\xef\x8f\xde\xe6\x9c\xb5\x9f\x11\x00\xd8\x02\x02\xe2\xc0q\x9cB\xa1\xf8\xfd\xf7\xdf\xb7l\xd9r\xe0\xc0\x81\xf4\xf4t\x94\xe7\x95\x9d9H8\x18\xd0\xeb\xf5III}\xfb\xf6\xbd|\xf9r\xf1\xe2\xc5\xeb\xd7\xaf?|\xf8\xf0\x84\x84\x04\x96e\x85\x84\xb0\xf6c\x02\xb9\x83\x00\x00\xd6\xc7\xf3&lt;\xcb\xb2\x97.]\x1a&gt;|xPP\x90\xf0\x8e\x95\r\xd4\xd1\xd34\xcd0L||\xbcZ\xad^\xbcx\xf1\xb1c\xc7\x1e&gt;|\xe8\xe7\xe7\xb7b\xc5\n\xe1\xd21\xa1;\x85\xb5\x1f\x13\xc8\x17l\x01\x01+\x13\xca~\x12\x12\x12\xca\x94)\xb3f\xcd\x9a\x16-Z\x08\x97\xb1X\xfb\xb9r\x12!\x84\xe38\xadV+4\x97\x1e;v\xac\xa3\xa3\xe3\xb4i\xd3\x02\x02\x02\x10\x1c\x0c\x00\xeb\x91\xfc$\x0bH\x9a0\xff\xa0(\xaa~\xfd\xfaC\x87\x0em\xd9\xb2eBB\x82\x8d\x8d\xfe\x08!\x8a\xa2\x14\n\x85\xc1`\x88\x8f\x8fo\xd6\xacYxxx\xbbv\xed\xbau\xeb\xd6\xae]\xbb\x98\x98\x18\x96e)\n\xa6b\xc0\n \x00\x805\t\xefI\xb5n\xdd\xbaL\x992\x13&amp;L\x88\x8f\x8f\xb7\xe1\xd3Q\x9a\xa6Y\x96MJJ\xb2X,\xff\xfb\xdf\xff\xae]\xbb\xe6\xee\xee^\xabV\xad\xd1\xa3G\xa7\xa6\xa6B\x06\x80\xbc\x07\xdf9`5B\xd9\xcf\xb0a\xc3n\xde\xbcy\xea\xd4\xa9\xa4\xa4$\xf9\xbc4\xcbq\x9c\x9d\x9d\x9dV\xab\r\x0f\x0f\x1f;v\xec\xf3\xe7\xcf/\\\xb8 \\P#\x93\xdf\x00\x10\x03X\x01\x00\xeb\x10\xca~V\xae\\y\xf0\xe0\xc1\xfd\xfb\xf7gddH\xb7\xe8\xf3+\xb0,k\xb1X\xe2\xe3\xe3\xfd\xfd\xfdO\x9e&lt;igg\xb7i\xd3&amp;xg\x18\xe41\x08\x00`\x05B\xd9\xcf\xd9\xb3g\'L\x98\x10\x1a\x1a\xaaV\xabM&amp;\x93\r\x94\xfd|\x11\xa1T455\x15c&lt;d\xc8\x90\xf5\xeb\xd7#\xe8!\n\xf2\x16|\xdb@^\xc3\x183\x0c\xf3\xe2\xc5\x8b\xd6\xad[o\xdf\xbe\xbdP\xa1Bz\xbd^ro\xfc\xe6\x14\x85B\x91\x9e\x9e\xfe\xc3\x0f?$&amp;&amp;\xde\xb8q\x83\xa6i(\x0c\x05y\x06\x02\x00\xe4)\xe1\xcc)33\xb3~\xfd\xfa\xe3\xc6\x8d\x0b\x08\x08HJJ\xb2\xe1\x83\xdf\x7fEQ\x94\xc9d\xf2\xf1\xf1\xa9_\xbf\xfe\xf2\xe5\xcb\x11B\x10\x00 \xcf@\x00\x80\xbc#\x94\xc3\xd34\xdd\xa6M\x9bZ\xb5j\x8d\x1a5J\xe8\xf5f\xed\xe7\xb22\x8a\xa28\x8e\xeb\xd8\xb1\xe3\xf1\xe3\xc7\x85w\x02\xac\xfdD@. \x00@\xde\xe1y^\xa1P\xf4\xee\xdd\x1bc\xbcz\xf5\xea\xc4\xc4D\x18\xfd\x11B\x0c\xc3\xe8\xf5\xfa\xbau\xebR\x14\x15\x1a\x1a\x8a\x10\x82\xa3`\x907 \x00@\x1e\x11:\xa0-^\xbc\xf8\xdc\xb9sAAA\xe9\xe9\xe9\xf2\xa9\xf9\xf9W\x1c\xc79::\xb6l\xd9r\xf5\xea\xd5\xf0k\x01y\x06\xde\x03\x00yA\xe8\x89\x7f\xf2\xe4\xc9\xf6\xed\xdb\xdf\xb8q\xc3\xd9\xd9Y\x86e?\x9f\x801vpp\x88\x88\x88h\xd9\xb2eDD\x84\x87\x87\x87p\xdd\xb1\xb5\x9f\x0b\xd88\xf8\x0b\x04\xb9N(\xfb\x89\x8d\x8dm\xdf\xbe\xfd\xee\xdd\xbb\xbd\xbc\xbc233a\xf4\xcf\x8e\xa6\xe9\xf4\xf4\xf4\xaaU\xab\x16(P`\xe7\xce\x9d\xd0+\x14\xe4\r\xf8#\x04\xb9K\xa8iIIIi\xdc\xb8\xf1\xaf\xbf\xfe\xfa\xddw\xdf\xc9\xbc\xec\xe7c\x84)\x7f\xabV\xadv\xed\xdaEQ\x14\x04$\xc8\x03\xb0\x05\x04r\x910\x93eY\xb6n\xdd\xba\x15+V\\\xb4h\x11\x94\xfd|\x0c!D\xa9T\xbez\xf5\xaaF\x8d\x1ag\xce\x9c)U\xaa\x14\xc6\x18b\x00\xe4*\xf8z\x81\\$\x8c\xfe\x9d;w\xd6j\xb5\x0b\x16,\x80\xb2\x9fO\xa0(*33\xb3h\xd1\xa2\x15+V\xdc\xbau+\x82\x17\x02@\xee\x83\x00\x00\xb9E(\xfb\x99;wndd\xe4\x81\x03\x07\x84\x86\x97\xd6~(Q\xa3(\nc\xdc\xae]\xbb\xfd\xfb\xf7\x13B`\xfa\x0fr\x1b|\xc3@\xae\x10F\xff\xa0\xa0\xa0\xc5\x8b\x17\x87\x86\x86\xa6\xa7\xa7\x0b\x17\xbfX\xfb\xb9D\x8d\xa6i\xbd^\xdf\xbau\xeb\xd4\xd4\xd4\xb3g\xcf\xd24\rG\xc1 WA\x00\x80\x9c\'\xec\xfc\xdc\xbcy\xb3w\xef\xde{\xf6\xec\xc9\x97/\x9fm\\\xf1\x98\xdb(\x8a2\x9b\xcd\xae\xae\xaeu\xeb\xd6\xdd\xbcy3z\xdb9\x03\x80\\\x02\x7f\x93 \x87\t{\x17\t\t\t-Z\xb4X\xb2dI\xcd\x9a5\x93\x92\x92`\xeb\xff3\xd14m2\x99\xfa\xf4\xe9s\xe8\xd0\xa1\xb4\xb44\xe1\xfaxk?\x14\xb0Y\x10\x00 \x87\t\r\x7f\x9a7o\xde\xbd{\xf7.]\xba\x08e?0\x8a}&amp;\x9a\xa6322j\xd6\xac\xe9\xe8\xe8(\xb4\x85\x80\xa3`\x90{ \x00@N\x12z\xbd\x05\x06\x062\x0c3c\xc6\x0c\x9b\xbc\xe07\xb7\xf1&lt;\xafT*\x9b4i\xb2i\xd3&amp;k?\x0b\xb0q\x10\x00 \xe7=}\xfa\xb4|\xf9\xf2\x84\x10\x98\xbd~\x05\x86a\x0c\x06\xc3\xcf?\xff|\xf9\xf2\xe5\xe7\xcf\x9f3\x0c\x03\xeb\'\x90K \x00@\xceS*\x95F\xa3QlW&lt;\n\x81\xc4q\x1c\xcf\xf3\x18cB\x88\xf0Ox\x9e\xe78N&lt;YEQ\x94\xc1`(Y\xb2d\xb1b\xc5\xb6o\xdf\x8e\xa09(\xc85\x10\x00 \xe7\x89\xad\x91\x990\xee\xd34\xad\xd1h\xdc\xdc\xdc\\\\\\\xb4Z\xadJ\xa5R(\x14\x0e\x0e\x0e\xce\xce\xcennn\x1a\x8dFT\x1dx(\x8a\xea\xdd\xbb\xf7\xc6\x8d\x1b\xe1\x85\x00\x90{\xa0%\x0b\xb0}\x0e\x0e\x0e*\x95*))\xe9\xc2\x85\x0bW\xaf^\xbd{\xf7n\\\\\x9c\xf0j\x82\x9d\x9d\x9d\xb7\xb7w\xe9\xd2\xa5\xeb\xd4\xa9S\xa5J\x15\xa1\x12\xdf\xeaW\xb2\x08\x8f\xd1\xa4I\x93\x89\x13\'\xde\xbd{\xd7\xcf\xcf\x0f\xdaB\x80\xdc\x00\x01\x00l\xdf\xad[\xb7\xf6\xec\xd9s\xf0\xe0\xc1\xa8\xa8\xa8\x8f\xfdw\x18\x86\xa9[\xb7\xee\xc4\x89\x13\xeb\xd6\xad\x9b\x9c\x9cl\xdd\xd1Vx!\xc0\xc7\xc7\xa7Z\xb5jk\xd7\xae]\xb4h\x11\x04\x00\xc8\r\x10\x00\xc0f\t\x9b\'\x16\x8b\xa5C\x87\x0e\x8f\x1e=\x12\xfe\xa1\xbf\xbf\xbf\xbf\xbf\x7f\xa1B\x85\x9c\x9d\x9di\x9aNMM\xbd\x7f\xff\xfe\xc5\x8b\x17\x1f&gt;|x\xf2\xe4\xc9\xb3g\xcf.X\xb0`\xe0\xc0\x81\xc9\xc9\xc9V_\x07p\x1c\xf7\xf3\xcf?\x0f\x1e&lt;X\xa8\xaa\xb2\xee\xc3\x00\x9b\x04\x01\x00l\x16EQ\x16\x8b\xc5\xcd\xcd\xadU\xabV\x7f\xfe\xf9g\x8f\x1e=\x1a7n\xec\xe7\xe7\xa7\xd3\xe9\xb2Jk(\x8a\xe2y&gt;!!\xe1\xcf?\xff\x9c6mZ||\xfc\xd0\xa1C\xf3\xe5\xcb\xd7\xb6m\xdb\x94\x94\x14+\x0e\xbbY\xf7D2\x0c\x13\x1a\x1a\xda\xb4iS\xe1R\x1dk=\x0f\xb0I\xd0\x0e\x1a\xe4$\xa1\x05\xd0\xb0a\xc3\x0c\x06\xc3\xda\xb5k\xe3\xe3\xe3\xad\xdb\xfa\x9f\x10\xc2\xb2lJJ\n\xcf\xf3\x85\x0b\x176\x1a\x8d\x99\x99\x99&lt;\xcfg\xff\xdaS\x14\xc5\xb2\xac\x93\x93\xd3\xd5\xabW\x9b7o\xfe\xea\xd5\xab\xfc\xf9\xf3_\xb9r\xc5\xce\xce\x8e\xe7y+\x9efs\x1c\xe7\xee\xee&gt;b\xc4\x88\x07\x0f\x1e\x04\x07\x07C\x00\x80\x1c\x07\xbb\x8a\xc0\x96Q\x14\xc5q\x9c\x93\x93\x93\x9b\x9b[|||FF\x06B\x88a\x186\x1b\x86a0\xc6/_\xbe\xac\\\xb9\xf2\xec\xd9\xb3\t!O\x9e&lt;\t\t\t\xd1j\xb5\xd6\xad\r\x15\xdaB\xb4k\xd7\xee\xca\x95+\xe9\xe9\xe9\xf0B\x00\xc8q\x10\x00\xc0\xc6\t\x19`\xb1XX\x96\xfd\xd89*EQJ\xa5299\xb9y\xf3\xe6E\x8b\x16\xa5(*,,\xcc\xea\x95\xac\xc2=\x91\x95+W\xf6\xf4\xf4\xdc\xb6m\x1b\x82\x17\x02@N\x83\x00\x00\xb6\xefs^I\x13\x0e\x03\x1c\x1d\x1d\xcb\x96-K\x08\xf9\xeb\xaf\xbfL&amp;\x93\xd53\x00c\xacR\xa9:v\xec\xf8\xfb\xef\xbf#\x84\xa0\x10\x08\xe4,\xf8&gt;\x01\xf07\x9a\xa6\xdd\xdc\xdc\x10B\x19\x19\x19&amp;\x93\xc9\xea\x03.\xc30\x19\x19\x19-Z\xb4\xb8w\xef\xde\xb3g\xcfh\x9a\x86] \x90\x83 \x00\x00\xf8\x07a\x9b\x85\xa6i\xab\x8f\xfe\xe8\xed=\x91\xa5J\x95*W\xae\xdc\xaaU\xab\x10\xec\x02\x81\x1ce\xfd\xaf8\x00\xe2\xc1q\xdc\xcb\x97/\x11B...*\x95J&lt;\r\x82:u\xea\xb4w\xef^h\x0b\x01r\x16|\x99\x00@\x08!B\x88B\xa1HLL\x8c\x8c\x8cD\x08\x95.]Z\xa9T\x8a!\x00h\x9aNKKk\xd5\xaaUjjjXX\x18\xdc\x13\tr\x10\x04\x00\x00\x08!\xc4q\x9c\xa3\xa3\xe3\xc1\x83\x07\xe3\xe2\xe2(\x8a\n\x08\x080\x9b\xcdb\x98ng\xdd\x13Y\xaf^\xbd\xad[\xb7"\xb8\'\x12\xe4\x1c\xeb\x7f\xbf\x01\xb0:\x8e\xe34\x1aM\\\\\xdc\xcc\x993\x11B\xf5\xea\xd5\xab[\xb7\xae^\xaf\x17C\x00\xa0\xb7\xaf4w\xe8\xd0\xe1\xe8\xd1\xa3\x99\x99\x99\xf0B\x00\xc8)\xa2\xf8~\x03`E\x1c\xc7988\x18\x8d\xc6\xae]\xbb&gt;~\xfcX\xadV\xcf\x993\xc7\xda\x0f\xf5\x0fB[\x88\xef\xbf\xff^\xa5R\x1d&lt;x\x90\xa2(1\xecM\x01\x1b\x00\x01\x00d\xcdb\xb1899\tW\xd8\x0b/\x7f\xadZ\xb5\xaaR\xa5J\xe2\x99\xfe\x0bx\x9eW\xa9T\xcd\x9a5\xdb\xb8q\xa3\xb5\x9f\x05\xd8\x0e\x11}\xc5\x01\xc8c\x1c\xc7\xe5\xcb\x97\xef\xca\x95+\r\x1b6&lt;\x7f\xfe\xbcJ\xa5\xda\xb8qc\xb7n\xdd\x92\x92\x92\xac\xdb\xc2\xe8}\xc2\x0b\x01}\xfa\xf4\xb9v\xed\xda\x83\x07\x0f\x84\xf6\x15\xd6~( y\x10\x00@\x8e\x84\xcb ]]]W\xaf^\x1d\x10\x10\x10\x1b\x1b\xeb\xe5\xe5\xb5o\xdf\xbe\xee\xdd\xbb\'$$\x88m\xf4\x17\xf0&lt;\xef\xe4\xe4\x84\x10JMM\xb5\xf6\xb3\x00\x1b\x01\x01\x00\xe4\x88\x10\xe2\xe4\xe44y\xf2\xe4\xfe\xfd\xfbgdd\xd4\xae]\xfb\xc4\x89\x13\x8d\x1a5\x12\xed\xe8\x8f1\xd6j\xb5\xdb\xb6m+X\xb0`\xc5\x8a\x15\xe1~\x18\x90#\xe0;\x04d\x87\xe7ygg\xe7\xd9\xb3g\x0b5?\xdd\xbau;t\xe8P\xc1\x82\x05\x93\x93\x93\xc59\xfag\xd9\xb1cG\xb7n\xdd\x10B\xb0\xff\x03r\x04\x04\x00\x90\x17\x9e\xe7\xb5ZmXX\xd8\x94)S\x10B\xdd\xbau\xdb\xb8q#\xcf\xf3\x06\x83A\xb4\xa3?\xc6X\xa3\xd1\\\xb9r\xe5\xe9\xd3\xa7\xed\xdb\xb7\'\x84\xc0\xc5\x00 G@\x00\x00\xd9a\x18f\xc9\x92%\x18\xe3r\xe5\xca-[\xb6L\xaf\xd7\x8b\xfc\xae\x15\xe1\xf2\xfa\xed\xdb\xb7W\xadZ\xd5\xc3\xc3\x03cl\xf56\xa5\xc06@\x00\x00\x19!\x84\xa8T\xaa\'O\x9e\x9c={\x16!4b\xc4\x08\xadVk\xb1XD\xbe\x9f\xce\xb2ljjjPPP\xbf~\xfd\xe0\x150\x90\x83D\xfd\xbd\x07 g\t\xed\xf5\x1f=z\x94\x98\x98\xa8\xd3\xe9j\xd5\xaa%\xdc\xb4e\xed\xe7\xfa\x14a\xcf\xea\xcc\x993\x84\x90\x80\x80\x00\x84\x90\xc8\x1f\x18H\x08\x04\x00\x90\x17\x86a^\xbf~\x8d\x10*T\xa8\x90\x9b\x9b\x1b\xc7q"\xdfN\x11\xae5\xde\xb1cG\xc3\x86\rY\x96\x85Np \x07\x89\xf4\xd4\x0b\x80\\BQTFF\x06M\xd3...vvv\xc2\xffm\xed\x87\xfa(a\xcf\xea\xd9\xb3g\'O\x9e&lt;|\xf80\x82K\xc1@\x8e\x82/\x13\x90\x17\x8a\xa2\x8cF#\xc6X\xe4\x07\xbf\x02\xa1\xfc\xff\xd0\xa1C\xae\xae\xae\x15*T\x80\xf2\x7f\x90\xb3`\x05\x00dD\xb8f\xbda\xc3\x86AAA...\x99\x99\x99"\xdf\xffA\x08\x11B\xd6\xaf_\xdf\xabW/\x84\x10\x04\x00\xc8Y\x10\x00@F\x84\xbe\xca&gt;&gt;&gt;E\x8b\x16\xe58\xce`0\x889\x00\x08!\xf6\xf6\xf6\xd1\xd1\xd1\xf7\xef\xdf\xef\xd4\xa9\x13\x82\xe3_\x90\xd3 \x00\x80\xbc\x08\xf7\xab\x18\x8dF\x8a\xa2D&gt;\x9b\xe6y\xde\xde\xde~\xdd\xbau\xd5\xaaU\xf3\xf6\xf6\x96\xc4\x9e\x15\x90\x16Q\xff\x01\x00\x90K\xc8[\xd6~\x90Oa\x18\xc6l6\x1f:t\xa8g\xcf\x9e\xd6~\x16`\x9b`\x05\x00\xe4E\xa8\xabqpp\xc0\x18\xa7\xa5\xa5\x896\x03\x84\xf6\x0f\x17.\\HMM\x15\xca\xffE\xbe^\x01R\x04\x01\x00d\x04c\xacV\xab\xff\xfa\xeb\xaf\xa0\xa0 WW\xd7\x1f\x7f\xfcQ\xa8\xac\x17\xe1I\x80\xf0\xce\xda\xda\xb5k\x9b4i\xa2\xd3\xe98\x8e\x13m\xab" ]\xf0\x95\x02r!\xf4P\xcb\xc8\xc8h\xdb\xb6mLL\x0cB(&amp;&amp;&amp;00099Yl{\xeb\x84\x10\xa5R\x99\x98\x98x\xe6\xcc\x99?\xfe\xf8\x03!$\xc2\x88\x026\x00\x16\x95@.\x08!j\xb5\xfa\xde\xbd{111*\x95J\xa1P\x9c&gt;}\xdah4\x8apkE(\xff\xdf\xb7o\x9f\xa3\xa3\xe3\xb7\xdf~\x8b1\x16[D\x01\xdb \xba\xaf&gt;\xb0\x01\x14E\x89so\x9d\xe38\xe1R-\x93\xc9d\xb1X\x1c\x1d\x1d\x95J\xa5\x08\x1f\x95\x10B\xd3\xf4\x9e={Z\xb7n\rW\xc0\x83\xdc\x03\x01\x00r\x9e\xd9l\xb6\xb3\xb3\x13[\x99\rM\xd3F\xa3\xb1X\xb1bc\xc7\x8euss+V\xac\xd8\xe8\xd1\xa3E8\xb6\n+\x95\xd8\xd8\xd8;w\xee\xf4\xeb\xd7\x0fA\xf9?\xc85p\x06\x00r\xde7\xdf|s\xe8\xd0!\x11\x16\xda\x0b\x190u\xea\xd4\x81\x03\x07\xda\xd9\xd9\xe9t:\x11\xf6\x02\xe2y^\xa3\xd1\xfc\xf9\xe7\x9f\xdf|\xf3M\xfe\xfc\xf9\xe1\xed_\x90{\xe0\x8b\x05r\x12\xcb\xb2\x18\xe3\xd1\xa3G\xf3&lt;?q\xe2D777\x8b\xc5b\xed\x87\xfa\x07BHFF\x86\x93\x93\x93R\xa9\xcc\xc8\xc8\x10\xe1\xe1*M\xd3&amp;\x93i\xd7\xae]=z\xf4@p\xfb#\xc8M\xb0\x02\x009\x8c\xa2(\x96e\x0f\x1c8P\xb1b\xc5R\xa5Ju\xe9\xd2\xe5\xf5\xeb\xd7\n\x85\xc2\xda\xcf\xf57\x9a\xa69\x8eC\xa2\xac\xac\x17\xca\xff\xaf]\xbb\xf6\xec\xd9\xb3.]\xba \xd8\xff\x01\xb9\t\x02\x00\xe40\x8a\xa2x\x9ewss\x0b\x0e\x0en\xd8\xb0\xa1\xb7\xb7\xf7\xb7\xdf~+\xb6\xfb\xd6E8\xf1\x17\x08\xe5\xff\x9b7o\xaeW\xaf\x9eF\xa3\x81\xf6\x0f W\x89\xb4Z\x03H\x9d0r\x9d8q\xa2C\x87\x0e7o\xdetqq1\x18\x0c0\x96\xfd+!\x99\xca\x94)\xf3\xc7\x1f\x7f\xd4\xa9S\x07\x02\x00\xe4*\xd1-\x81\x81m`\x18\x86\xe3\xb8\x06\r\x1aL\x9a4\xa9^\xbdz&amp;\x93I\xa5R\xc1v\xf6\xa7\t\xc7\xbfg\xcf\x9ee\x18\xa6z\xf5\xea\xc2\x9bk\xd6~(`\xcb \x00@naY\xd6b\xb1\x0c\x1b6\xaci\xd3\xa6m\xda\xb4qpp\x10[a\xa8\x08\xb1,\xbbv\xed\xda6m\xda(\x95J\xb8\xfd\x11\xe46\xd8\x02\x02\xb9\x88\x10\xc2q\x9cB\xa1h\xd2\xa4\x89\xb7\xb7\xf7\xbau\xeb\xc4v ,\x1e\xc2\xdd\xbf\xe9\xe9\xe9\xe5\xca\x95;s\xe6\x8c\x9f\x9f\x1f\x14\x80\x82\xdc\x06_/\x90\x8b\x84\x8a \x8c\xf1\x9e={\xce\x9f??{\xf6\xec|\xf9\xf2\t\x158\xe0\x1dB\xfd\xcf\xf6\xed\xdb\x0b\x17.\\\xaaT)\x18\xfdA\x1e\x10Qa\x06\xb0IB[\x08\xb5Z}\xf6\xec\xd9\xd2\xa5K\xfb\xf9\xf9\xb5h\xd1"&gt;&gt;\x1e\xd6\x01\xef\xa3(j\xc7\x8e\x1d\xdd\xbbw\x17*\xa9 \x00@n\x83o\x18\xc8u4M\x0b\x85\xa1AAA\xbdz\xf5\xbau\xeb\x96\x8b\x8b\x0b\xac\x03\xb2\x13\xa6\xffW\xae\\\x89\x8b\x8bk\xdf\xbe=\x1c\xff\x82\xbc\x01\x01\x00\xf2\x82P\x14T\xbdz\xf5\xc5\x8b\x177k\xd6\xec\xf5\xeb\xd7vvvP\x14\x94\x05clgg\xb7}\xfb\xf6\xea\xd5\xab{xx`\x8cE\xfb\xa6\x02\xb0%\xb0\x05\x04\xf2\x88P\x14\xd4\xad[\xb7g\xcf\x9e\x05\x04\x04DDDX,\x16B\x08\x8ct\x08!\x86a\x8cF\xe3\xe1\xc3\x87\x7f\xfd\xf5W\xa8\xcb\x00y\x06V\x00 \xef(\x14\n\x8e\xe3~\xf9\xe5\x17\x7f\x7f\xff6m\xda\xb8\xb8\xb8\xc0"\x00!\xc4\xf3\xbcN\xa7;v\xec\x98\xd1hl\xde\xbc9\x12e\x8f\n`\x93\xe0{\x06\xf2\x94\xb0\x17\xf4\xc7\x1f\x7f&lt;}\xfat\xc2\x84\t"\xec\x16\x97\xf7\x84\x02\xd0\xed\xdb\xb77j\xd4H\xadV\x8b\xf3\x8aJ`\x93`\x0b\x08\xe4)\x8a\xa2\x18\x86\xc1\x18\x87\x86\x86V\xadZ\xf5\x9bo\xbe\x190`\x80\x9c_\x0e\x10.\xa9\x7f\xf6\xec\xd9\xc9\x93\'\x0f\x1f&gt;\x8c`\xfa\x0f\xf2\x10\x04\x00\xc8k\xc2\x15W\xae\xae\xaeG\x8e\x1c\xa9^\xbdz\xb1b\xc5\xbe\xfb\xee;\xb1u\x8b\xcb3\x16\x8b\xc5\xc9\xc9i\xf7\xee\xdd\xae\xae\xae\x15*T\x80\xf2\x7f\x90\x97\xe0\xab\x06\xac\x80a\x18\x9e\xe7}}}\xf7\xed\xdb\xd7\xa1C\x87G\x8f\x1ei\xb5Z\xb9u&gt;\x10^\x93vtt\xa4iz\xe9\xd2\xa5\xbd{\xf7F\xd0\xfd\x1f\xe4-\x08\x00`\x1d\xc2a@\x9d:uf\xce\x9c\x19\x10\x10\x90\x99\x99)\xabnqB\x87\x0cww\xf7\xc8\xc8\xc8\xfa\xf5\xeb\x1b\x8d\xc6\x9e={B\xf9?\xc8c\x10\x00\xc0j\x84\xc2\xd0\x01\x03\x064k\xd6\xacU\xabV2\xe9\x16\',t\xdc\xdd\xddSRR\x06\x0c\x18\xd0\xa4I\x93J\x95*]\xbe|\xd9\xc5\xc5\x05\x89\xf8\xa2\x02`\x93 \x00\x805\t\x85\xa1K\x96,qqq\xe9\xd2\xa5\x8b\x9b\x9b\x9b\ro\x04a\x8c9\x8esqqQ(\x14\xf3\xe7\xcf\xafT\xa9R||\xfc\xf9\xf3\xe7\x03\x03\x03\x1d\x1d\x1d\xe1\x95\x08\x90\xf7\xa0\x1b(\xb02a\xd6O\xd3\xb4\xbf\xbf\x7f\xc7\x8e\x1d\'L\x98`{EA\xc2v\xbfV\xabU\xab\xd5\xc1\xc1\xc1c\xc7\x8eutt\x9c6mZ@@\x00B\x88\xe38\x86a`\xf4\x07yO\x8eu\x17@T\x84nq\x84\x90\x93\'O\x96)S\xa6L\x992-[\xb6|\xfd\xfa\xb5R\xa9\xb4\x8d\xd9\t\xc7qJ\xa5\xd2\xc5\xc5\xe5\xe6\xcd\x9bS\xa6L\xb9x\xf1\xe2\xd4\xa9S\x07\x0e\x1c(\xfcG4M\xcb\xb3\xfc\t\x88\x01l\x01\x01\xeb\xa3i\x1ac\xec\xee\xee\x1e\x14\x14\xd4\xbbw\xef\x0b\x17.\xb8\xb8\xb8\xd8\xc0\x0bb\x18c\x9e\xe7\xdd\xdd\xdd333\x87\x0f\x1f\xde\xa8Q\xa3\xc2\x85\x0bGEE\r\x1c8\x90\x10\xc2\xf3&lt;\xcb\xb2P\xf4\t\xac\x08\xbe|@\x14\xb2\xba\xc5\xad_\xbf\xbem\xdb\xb6R\xef\x16\x97\xb5\xe7\xe3\xe2\xe2\xb2f\xcd\x9aj\xd5\xaa\xc5\xc4\xc4\x9c&lt;yr\xf1\xe2\xc5nnn\x1c\xc7\t/\xc4Y\xfb1\x81\xdc\xc1\xda\x13\x88\x85P\x14\xd4\xb2e\xcb\xe8\xe8\xe8\x80\x80\x80[\xb7n\xa5\xa4\xa4H\xeehT\x98\xda\xab\xd5j\x8dFs\xfc\xf8\xf1\x89\x13\'&amp;%%\xfd\xf6\xdbo-[\xb6Do\xb7\xfba\xcf\x07\x88\x04\x1c\x02\x03q\xe18\x8ee\xd9\xce\x9d;\xa7\xa5\xa5\x05\x07\x07\'\'\'Kh\x93D\xd8\xd5qrr\x8a\x8d\x8d\x1d;v\xec\xa5K\x97\x86\x0c\x192f\xcc\x18\xa1\xfb\x05\x826\x0f@d\xe0\xeb\x08\xc4%\xab[\x9c^\xaf\x1f5j\x94\xab\xab\xab$\x0e\x030\xc6\x18c\x17\x17\x17\x8a\xa2F\x8d\x1aU\xb7n]GG\xc7\x9b7o\x8e\x1b7Nx\xed\x99\xa6i\x18\xfd\x81\xd8\xc0R\x14\x88\x0bEQ\xc2\x99pPP\x90\xd0-n\xd4\xa8Qb.\x0c\x15\xf6|t:\x9dB\xa1\xd8\xb9s\xe7\x84\t\x13\xbc\xbd\xbd\x0f\x1f&gt;\\\xae\\9\x84\x900\xf4\xc3v?\x10\'\xd8\x02\x02b$\xf4D{\xf1\xe2\x85\xbf\xbf\xff\xb6m\xdb\x1a6l\x98\x98\x98H\xfd\x93\xb5\x9f\x11!\x848\x8e\x13\xb6\xfb/^\xbc8r\xe4\xc8\xc4\xc4\xc4\t\x13&amp;\xf4\xe8\xd1\x03\xbd\x1d\xfaE\xf2\x9c\x00|\x10\x04\x00\x10)\x9e\xe7\x19\x869{\xf6l\xabV\xad\xc2\xc2\xc2\xfc\xfc\xfc\x84\xc1\x94\xe7\xf9\xcc\xccL\xb3\xd9\x8c1\x16\x8e\x88\x85E\x83U\x1e\xcf\xd9\xd9\xf9\xf1\xe3\xc7\xe3\xc7\x8f?}\xfat\xb7n\xddf\xcc\x98\xc1\xb2,l\xf7\x03\xa9\x80\x00\x00\xe2%\x1c\x08\xaf]\xbbv\xd9\xb2e\xf9\xf3\xe7\xf7\xf1\xf1)]\xbat\xa1B\x85J\x96,\xe9\xed\xed\xad\xd1h\x10B\x84\x10\x93\xc9d2\x998\x8e\x13\xae\xd2\xcd\xed%\x82\x10&lt;...F\xa3100p\xd5\xaaUu\xea\xd4Y\xb8p\xa1\x8f\x8f\x0fz\x1b\x0c\xb9\xf4\xaf\x06 gA\x00\x00Q\x13\xf6\x82\xe2\xe3\xe3\xff\xfa\xeb\xaf\xdb\xb7o\xdf\xbd{766699Y\xab\xd5\xda\xd9\xd9\x95(Q\xa2d\xc9\x92\xbe\xbe\xbeE\x8b\x16urrR*\x95\x08!\x9e\xe7\x8dF\xa3\xc5b\xe18NX"\x08\x93\xf1\xff\x1e\t\xd9\xb7\xfb\xf7\xef\xdf?a\xc2\x04\'\'\xa7\xf9\xf3\xe7\xd7\xaaU\x0bAG\x07 A\x10\x00@\xec\xde\xbf#\xc5d2\xbdx\xf1\xe2\xd6\xad[\xd7\xaf_\x7f\xf1\xe2\xc5\xe3\xc7\x8f322\x1c\x1c\x1c\n\x15*\xf4\xcd7\xdf\x94+W\xaeh\xd1\xa2^^^\xce\xce\xce\xc2\x7f_\xc8\x03a\xd7\xe8\xab\x97\x08\x1c\xc7\xa9T*\x9dN\x17\x1e\x1e&gt;~\xfcx\xa1\xd0s\xc0\x80\x01\x08\xb6\xfb\x81dA\x00\x00\t \xd9|\xf0\x1d\xda\x97/_&gt;y\xf2\xe4\xe1\xc3\x87\xd7\xae]\xbbw\xef\x9e\xc9d2\x9b\xcd\xae\xae\xae&gt;&gt;&gt;e\xca\x94)]\xba\xb4\x8f\x8f\x8f\xa7\xa7\xe7\xc7\x96\x08\x9f\x8e\x04\xe1\x92^WW\xd7\xd7\xaf_O\x9b6m\xf7\xee\xdd=z\xf4\x984i\x92N\xa7\x83\xed~ i\x10\x00@z\x84/\xad\xb0\x17\x8f\x10\xfa\xe0\xc6\xcb\xe3\xc7\x8f#""\xee\xdf\xbf\x1f\x1d\x1d\xfd\xfc\xf9\xf3\xe4\xe4d\x8dFS\xa4H\x11\x1f\x1f\x1fa\x89\xe0\xe9\xe9\xe9\xe4\xe4$\x8c\xddf\xb3Y\x88\x84\xac\x8c\x11f\xf4Y\xd5\xfd\x1c\xc7\xadZ\xb5j\xc1\x82\x05\xfe\xfe\xfe\x8b\x16-*^\xbc8\x82\xed~ }\x10\x00\xc0\x16d_"|\xf0\x95\xab\x94\x94\x94\x98\x98\x98\xac%\x82\xd1h\xe48\xce\xce\xce\xaeX\xb1b\xfe\xfe\xfe\x85\n\x15*Q\xa2\x84\x9b\x9b\x9bZ\xadF\x08a\x8c\x8dF\xa3\xd1hT\xab\xd5B\x03\xe7\xe9\xd3\xa7\x9bL\xa69s\xe64m\xda\x14\xc1v?\xb0\x15\x10\x00\xc06\x11B&gt;\xbdDx\xfa\xf4itttddd\\\\\\tttjj\xaa\xa3\xa3\xa3\x9b\x9b[\xc9\x92%\x8b\x14)R\xa2D\x89b\xc5\x8a\xdd\xbf\x7f\x7f\xea\xd4\xa9\x97.]\x9a4i\xd2\xa0A\x83\x845\x01\x82=\x1f`+ \x00\x80,\xfc\xeb)BJJ\xca\xf3\xe7\xcf###\xaf]\xbb\x16\x17\x17\x17\x1f\x1f\xafP(\xa2\xa2\xa2Z\xb6l9y\xf2d777\x04{&gt;\xc0\xe6@\x00\x00\x99\xca\xbeD\xf8\xe0\xaeQ\\\\\x1c!\xa4@\x81\x02\x08\xf6|\x80\x8d\x82\x00\x00\x00\xa1\x8f/\x11\xa0\xc4\x13\xd80\x08\x00\x00&gt;,\xebH\xd9\xda\x0f\x02@n\x81\x00\x00\x00\x00\x99\x82\xd9\r\x00\x00\xc8\x14\x04\x00\x00\x00\xc8\x14\x04\x00\x00\x00\xc8\x14\x04\x00\x00\x00\xc8\x14\x04\x00\x00\x00\xc8\x14\x04\x00\x00\x00\xc8\x14\x04\x00\x00\x00\xc8\x14\x04\x00\x00\x00\xc8\x14\x04\x00\x00\x00\xc8\x14\x04\x00\xc81\x18c\xe1\x8e-x\xbd\x1c\x00I\x80V\x10\xe0?\xc9\xea\xa9\xc9\xb2\x0cBT\xf6\x7f\x0e\r\xd4\x00\x109X\x01\x80\xafA\x08\xe1y\x9e\xe38\xa1q&amp;\xcb\xb2\x08Q\xe1\xd7oM\xfeu\xb6\x7f\x85\xcaG\x8e\x84R\x14\xc5\xf3\xbc\xb5\x1f\x13\x00\xf0)\xb0\x02\x00_ \xdb|\x9f\x15\xfe\x89\xd9\xc2\x9d&lt;s.44\xf4\xea\xa5\xb38\xe5q\x03?\x97\x82\x9e\x8e\x93w\xc5\\\xb9v\xc3\xdb\xcb\x13\xbai\x02 f\xac\xb5\x1f\x00H\x800\xee#\x84\x18\x86\x11\x1a\xe5\x9b\xcd\x96\x93a\xe7\xf7\xee\xdd\x1bq%\xcc\x05%}W\xc6}N\xab\x02U\xfd**\xec\xed\x90\xbd*!%\xa3\xcd\x8f\x9d.\x9f?-4\xd3\xb7\xf6\xe3\x03\x00&gt;\x0cV\x00\xe0\xa3\xb2\x8f\xfb\xc2?1\x9a-\xa7\xb3\x8d\xfb\xf5\xfd\xf35\xadQ\xdc\xaf\xa8\'R*\x90\xc9\x92\x99i\xe6xL\x08\xd2\xb9\xeb\xea\xf7][\xa7\xcb\xd8\xa9\x13\xc6p\x1c\x97\xb5\\\x00\x1f#\xfc\x9e\xa5\x85\x10D\xd3\x14\x9c\xf4H\x1a\x04\x00x\xd7\xfb\xe3~BRJ\xc8\xe1\xa3!\x07\x0f&lt;\xff\xeb\x8e\x86KhX6_\x93\xb7\xe3&gt;1\x98\x0cF\x0b&amp;\x84\xa6)\x9a\xa2\x10B\x98\x10\x86eR3L\xe5\xfbl\xde{\xf4|\x8d\xaa\x95\xe0*\xddO\x83\x03s`-\x10\x00\xe0\r\xe1\\7\xfb\xed\xb8\tI)\x87\x8e\x1c;x0\xf8qTx\x01\x87\xcc\xc6\x95\x0b\xd4+_\xa8H~w\xa4\xfa{\xdcg&gt;4\x07\xe4x\xacu\xd6\xec9z\xf3\x7f;\x9f\xdc\x8e\xb8fgg\x07\xb7*~\x8c\x90\x8eAAA\x0b\xe6\xcd\xa1i\x9a\xc7\x18!\xb1\xffIR\x88B\x14R(Uk\xd6m(R\xb80\x9c\xf4H\x17\x04\x80\xdc\xbd?\xee?}\xf1\xea\xe4\xa9\xb0\x83\x07\x82\x1f\xdf\r/\xe0\x90\xf9C\xe5\x02\x8d\xab\xf9z\xfb\xb8!\x84\xf8L\xb3\xd1l\xc1\xf8\xc3\xe3~v\x1c\x87\xb5\xf9\x1c\x07N\xdf\xfd\xc2\xb1\xda\xbe]\xdb`#\xe8\x83\x08!\x04c\x1e\xe3\xe2\xc5\x8a8Vj\xf7M\xf1r\xa6\xcc\x0c\x8a\x12\xfb`\x8a1\xef\xe0\xe8zq\xff\xba\x06%u\xdbw\xef\x83\x15\x9etA\x00\xc8\x14\xc6\x18c\x9c}\xdc\x8f\xfd\xeb\xd1\xc1\x90#\xc7BC\xd2\x9eE{\xda[\x1aW\xce\x9f5\xee[2L&amp;\x0b\x87\x10\xfa\xfc-_\x82\x10!\xc4^\xa3.\xd7}\xc5\xb0\x99k{\xf7\xe8\x02\x19\xf0&gt;a\xe8\x9c2\xe1\x97\xe5\xbbO\rZy\xca\x94\x99.\xfe\xd1\x1f!\x84\x08\xa1Y\x85!-qy\xaf*\xa1\xfbw~\xd7\xb0\x11d\x80DA\x00\xc8\x8b0\xeeg\x1f\x88c\xffzt \xe4\xc8\xf1\xd0\x90\xc4G\x91e\xbc\xd8V5\x8b\xd6-WX\xe7\xaaC_5\xee\xff\xf3\xdfET\xf6\xca\xe8G\xf1\xdf\x8d\r9w)\xbcD\xf1bB\xe4\xe4\xdcO#m\xc2A\xcb\xabW/\xcb\x94\xad\xd0t\xc2v\x8f\x82%L\x06=%\x8d\xdf\x0f\x85y\x8b\xce\xcd+\xec\xcf\x95|\xe4\xdes\x17\xaf\x10B \x00\xa4\x08\x02@\x16\xde\x8e\xfb\x7f\xbf\xac\x1b~="\xec\xdc\xc5\x13GC\x12\x1fE\xfa{)Z\xd6,R\xafB\x11\xad\xab\x0eYx\x93\xc1d\xe11\xfa\xdaq?;\x8e\xc3Z7\xed\x9a\x9d\xe7\x97\x9c5D\\\xbbBQ\x14\x1c\x06d\x11f\xcd\x1d\xdb\xb6\xbc\x9e\xa2\xeb\xf8\xcb\xca\x94\xd7OiVa\xed\x87\xfa\x02\x18\xf3\x1a\'\xd7%\xbdj,\x9e2\xacO\xffA\xb0\x08\x90"\x08\x00\x9b\xf5\xfeK[\x08\xa1\xf0\xeb\x11A\xc1\x07\xcf\x1c?D\xd2\x9eT,\xe8\xd0\xb0|\x81\xfa\x95\x8aj\\u\xc8\xc2\x1b\r&amp;\x0b\xc7S\x14\xc5\xd099@s\x1c\xd6z8\xb5\x1b\xbe\xd1\xabv\xcf\xa5\x0bg\xc3F\x90@\x18.O\x9d8\xfeC\xeb\x8e\xfdV\x9ee\x14v\x04\xf3HR\xd1H0V\xd9k\xff\xbau.lI\xff\xbb\xf7\xee9;;S\x14T\x85J\x0c\x04\x80\xad\xf9\xd8\xb8\xbf?\xf8`\xd8\x89\xc3$\xf5qm_\xc7\x165}\xab\xfa\xe5g\xb5jd\xce\xadq?\xdb\xf3 \x8a\xa1L&lt;)\xf7\xd3\xfa%\x9b\xf7\xb6j\xd6\x18\xa6\x8a\x08!\x9e\xe7)\x8a\xaeQ\xa5&lt;\xed\xd7\xb2A\xd7Qi\x89/iFz\xb9\x88y\xce\xd1\xdd{\xed\xc8\x16\xdd\x1a\x96\t\\\xb4\x14&gt;Y\xc9\x81\x00\xb0\x11\x1fh\xd2 \xbc\xac\xbbg\xef\xbd\xdbW\xf9\x94\'\xb5\x8b;\xbd\x19\xf75jd\xb2\x182\xcd&lt;\x8fi\x8a\xa2sg\xdc\xcf\x8e\xe7\x89\x83\xd6\xeeR\xe4\xe3V\xb3\xceDD\xde\xf1\xc8\xe7.\xf3\xc2Aa\xa0\\\xbff\xd5\x90I\xf3\x87\xae;\x9f\x99\x9e&amp;\x91\xad\xff\xf7\x10\xc2(\x94\xfa\xa4\x97\x9b\x875\xb8u\xfdJ\xf1\x12%e\xfe\xc9J\x0e\x04\x80\xb4\xbd\xff\xd2\xd6;M\x1a\xea\xfb\xe7\xfb\xbeJ\x11\xbf\xc2\x9e\n\xad\x1a\x19\xdf\x8e\xfbo_\xda\xca3\x16\x8e\xd7y8M\xfb-\xe4tR\xc1SG\x0f\xc8y#H\xf8\xc8\xd2\xf5\xe9e\xcb\x94*\xdbmV\xe9ZM3\xf5\xc9\x14-\xd5\x893\xe69\x9d\x9b\xd7\xbeE#\x8a\xd1O\x83BBa\x11 -\x10\x00\x92\xf4\xfe\xb8\x9f\x92\xaa\xbfx\xe5\xda\xbe}\x1fj\xd2\x90i\xce4Y8k\x8c\xfb\xd9\xf1\x98h\x1c\x1d\xbe\xed\xbb\xa6I\x9f\xa9\xe3F\x0f\x97m\x06\x08?\xf8\xf81#\xd7\x1e\xbc\xda\x7f\xf1\xc1\xd4\x84\x17R\xdc\xfcy\x07\xc32KzT&gt;\xba\xef\x8f\xfa\x8d\xbe\x87\x0c\x90\x10\x08\x00)\x116y\xd0?\x9b4\x1c:r\xec\xe0\x81\xe0\xb8{\xd7\xdc\x14\x86:\xa5\\\x9b\xd6,\xf1N\x93\x86\x7f}i+o`L\x94*\xc5\x8b$}\xe5A\xbb\x0e\x9d8[\xb9by\x19V\x85b\x8c)\x8azp?\xb6J\xf5\xda\xedf\x1f\xd0\xb9z\xf3\x16\x93\xb4\xce~\xdfG0o\xafs\xb9~|\xd7\x8b\xa3K\xafG\xdc\xa6)DA\xad\x97D@\x00H\xc0\xe74i\x08\xa8Z\xcc\xc7\xcb\x05\xb1,\xc9\x14\xd7\xb8\x9f\x9d\xd0"b\xd7\xe1\xebc\xff|z\xebF\xb8\xbd\xbd\xbd\xdc\xaaB\x85\xd9q\xcb\xa6\x011\x9cO\xbbQ\x8bmc\xfa\x8f\x10"\x18\xdb;:/\xefWw\xfa\xf0\x1e\xc3G\x8d\x81E\x80T@\x00\x88\xd7\xfb\xe3~\xec\x83Ga\xe7.\x86\x1e9\xf4~\x93\x06\x8b\xc1d2sD\x94\xe3~vBUh\xbf\xc9;\xd2\xbc\xebo\xdf\xb2NV\x1bA\xc2\xb0x\xe2Xh@\xabN\xc3\xb6\xdc\xe09\xce\xdaO\x94c\x08\xc6J{\xcd\xf3\xd8\x9b\x07\xa6\xfd\xf8\xf8\xf1\x13\'\'\'\x04%\xa1R\x00\x01 :\x1fl\xd2\xf0\xe6e\xdd\x87\x91~^lm?\xcf\xc6\xd5\x8b\x7fu\x93\x06\xeb"\x04Q\x14\xa2\x94l\xf9\x9ek\x7f\t\\\xdf\xb3kG\x99\xcc\x16\x85\xb6?\x1c\xcfW\xa9P\xce\xb9v\xcf\x1a-\x7f\xceHI\xb0\x8d\xe9\xbf\x00\xf3\x9c\xd6%\xdf\xb6\xa9\xdd\x03J\xbb\xae^\xbfI&amp;\x1f\xab\xd4A\x00\x88\x850\xdf\xcf\xfe\xb2n\xf6&amp;\r\xffxY\x17\x13a\xbe\x8f\xa43\xeeg\xc7c\xa2\xb6WE=|U\xff\x97C\xe7.\x85\x17\xf7-*\x87\xdaAa@\\\xbbj\xf9\xb0)\x8b\x86o\xba\x92\x91\x92 \xdd\xca\x9f\x0f#\x84Q(\r\xfa\xa4u\xfdkF^\xbfZ\xa2T)9|\xacR\x07\x01 :\xe1\xd7#B\x0e\x1d\t\xbft.\xe1\xbd&amp;\rY/mIq\xdc\xcf\x8e\xe3\xb0\xd6]\xb7b\xeb\x99u7\x98\xeb\x97\xcfq\x9c\x90|6\x8b\x10B\x08INN.Y\xdc\xb7\xde\xf05\x85\xcb\xd62\x19\xd2\xa5Z\xfb\xffq\x98\xe74\xce\xf9B\xd7\xff\xaa}q\xe1\xf4\xf9K\xb0\x08\x10?\x08\x00\xeb\x13&gt;\x82\xc7\x8f\x1f\xfd\xb1c\xf7\xe1\x83A$\xedIm_\xc7z\xe5\xf2\xd7\xf4/\xa8ss\xcc\xbd&amp;\r\xd6\xc5\xf3X\xe3\xa2m6lS\xd1\x06\xbd\x97\xcc\x9fe\xdb\x87\x01\xc2P8f\xe4\xb0\xedg\xef\xf7\x9c\xb9\xddf\xce~?\x88U*W\xf5\xfbv\xd7\x86\xdf\x9a4k\x01\x19 r\x10\x00\xd6\'\x8c}\xc3F\x8d9\xbd}\xc1\xbaI?\x96+\xe8\xae\xd4\xda\x0bM\xd9\xcc67\xeeg!\x04\xd1\x0cm\xc2\xb8\xecO\xeb\x97\xff\xbe\xbfY\xe3\x00[\x1d,\x84\xd2\xcf\xe8\xbbQ\xe5+U\xeb\xb5\xf2\x9cZ\xe3\x8c9\x8b\xd4K??\x86\xf0\x9c\xbd\xa3\xeb\xad3\xfb\xa3vL\x89\xb9\xff\x88a\x19h\x10$f\xb6\xb6\x08\x95.\x82\x98FU\x8aW\xa9^\xc2h\xe2\xf5\x89\xfa\x0c}&amp;O\x08\xcb\xd069\xfa#\x84(\nq\x16\xceQc\xb7eL@\xdf&gt;}\x12\x12\x13\xd1\xdb\xc5\x90\x8d\x11n|\x1c\xd8\xafO\x99\xa6}]&lt;\nrf\xa3\xad\x8e\xfe\x08!\x8aa3\xd2\x92\xca\xd5k\x95\xae.0s\xfad\x9a\xa6\xa5x\xdd\xb1|@\x00\x88\x07\xd1g\x9ap\xba\x91\xa2\x10\xcb\xd0\xb4\x15\xdf\xd9\xcd+\x0cC\xebS\x0cuk\x96\xecYM\xdb\xb9{o\x86a8\x9e\xb7\xf6C\xe50aYs8\xe4\xc0\xf9\x88\xfb\xf5:\x0f\xcfHK\xb2\xe1\xcd\x1f\x01\x85(\xceb\t\xe8;u\xf1\xd2\xe5/_\xbc\xa0(\n2@\xb4 \x00D$oZ\xb3\x89\n\xcb\xd2\x19I\xfaY\x83\x1b\'F\x9d\\\xb2b\x8d\x82ey\x1b\xca\x00a\xee\xcfq\xfc\xa0\x81\x03\xeb\xf7\x9e\xa6P\xa9\t\xb6\x9d\x9f\xeec(\x9a6f\xa4\x15*S\xdd\xbdB\xd3\x91C\x07\xd24m\x93\x0b;\xdb\x00\x01\x00\xac\x8d \x8b\x89\xfbsz\xdb\x19\xe3G^\xbd~\x93a\x18\x9b\x990\n\xefs,]&lt;?\t9Uh\xf8cfZ\x8a\xad\x95~~\x04M3\x06}J\xa3\x9e\xbf\xec;r:\xfc\xcae\xd8\x08\x12-\x08\x00`e4M\x19\x8d\xe6\xc2\x05\xdd\x97\xf5\xab\xd6\xa9sW\x9e\xe7\x85\xa2Ik?\xd7\x7f%L\xff\x93\x93\x92\xa6N\x9f\xd9d\xf0&lt;\x8e\xb3X\xfb\x89\xf2\x10Eqf\xa3\xb3W\xc1\xb2-\x06\x0e\x1d\xd4\x9f\xa2\xa0\xd8D\xa4 \x00\x80\xf5\xb1\x0c\xadOL\xef\xd0\xbcJU\xf7\xb4^\xfd\x870\x0cc\x03\x1bA\xc2\xf4\x7f\xcc\xa8a\x1e\x95\x9a\x15)[\xd3\x94!\xd9\xa6\xff_\x85f\xd8\xf4\xe4\xf8z\x1d\x86D\xbd4n\xdf\xba\xd96&gt;S\xdb#\xa3o$\x103\x86\xa13\x9336Lls\xe9\xc0\xa6\xcd\xdbv\xb0\x12?\x0c\x10F\xff\xf0+\x97\xb7\xec\nn\xd0c\x8cA\x9fB\xcbc\xf3\xe7\x1f\x08\xa1h\xe6\xdb.c\xc6\x8c\xfd%55\x15\xd9h\x95\x97\xa4A\x00\x00Q\xa0(\xc4c\xcc\xd2\xf4\xee\xa9-\xff7l\xd0\xf3\x17/\x19)o\x1c\x0b\xfb?C\x07\xf6\xab\xd0j\xb0\xabWa\xdb.\xfd\xfc\x18\x8af\x0ciI\x15\x1a\xb45:\x16\x9b3c\x1a,\x02D\x08\x02\x00\x88\x05CS\x86tc\xd9\xd2\x05\xc64+\xdc\xa2M{$\xd9\xf2A\xa1\xf4s\xfb\xb6\xdfo=I\xa9\xdd\xb6_\xbam5}\xfb"\x14Mg\xa6\xeb\x9b\xf4\x9f\xb6b\xed\xc6\xd8\xd8\x188\r\x16\x1b\x08\x00 ",K\xa7\'\xeaG\xff\xdc\xd0\xc3\x18=r\xecD\x96e9\xa9\xf5L\x16\xe6\xfe\x16\x8be\xdc\xd81u{LT\xa8\x1c\x88\x8c\xa7\xbd\x14E\x9b\r\xfa\x82~U\xf3Ul:q\xec\xff\xa0$Tl \x00\x80\xb8\xd04mL5l\x9b\xd2n\xc7\xda\x85\xa7\xcf^`YVZsFa\xf7\x7f\xc6\xd4I\x19\x0e\x05\xcb\x7f\xd7:#-\x91\xb2\xc5\xfe\x16\x9f\x8ffX}R|\xe3\x9f\'\xee?v\xfe\xe4\xf1c\xb0\x11$*\x10\x00@\\(\nq\x16\xdeIg\xbfqd\xfd\xae\x9d;\xe9\xd3\xd3%T\x15*\xb4\xfdy\xf1\xe2\xf9\xb25\x1b\x1b\x0f\x98e1\x9b($\xbb\xad\xffwQ\x14\xcf\x99\xb5.\x9eU\xdb\x8f\x9a8a\x9c\xb4\xe2\xdc\xe6A\x00\x00\xd1a\x18J\x9fj\x08\xa8\xef\xdf\xda_\xd5\xed\xa7~\x12\x9a3\n\x1d\xf0G\x0c\x1e\xe0Z\xf6\xfbB\xa5\xab\xca\xad\xf4\xf3ch\x86\xd5\'\xbf\xfe\xb6]\xbf\x88\'i\xeb\xd7\xac\x94\xd0\x07j\xf3\xe0\xdb\t\xc4\x88e\xe9\x8c\x84\xb4%\xa3\x9a?\xbe\x1c\xb4d\xc5\x1aIT\x85\ng\xbf\xa7N\x1c\xdfw\xec\xfc\x0f\xbd\xc6\xeb\x93\xe3e{\xf6\xfb&gt;\nQ\x9c\xd9\xd2x\xe0\xac\t\x13\xa7$&amp;&amp;\xc2\xaba"\x01\x01\x00\xc4\x8a \x9e\xe3\xf7\xcdj?c\xfc\xa8\xbb\xf7b%\xd1"\x02c\xf2\xcb\x98Q\x15[\x0e\xd4\xb9y\xf3\x9cY\x86\xa5\x9f\x1fC\xd1\xb41#\xb5T\xf5\x00\xda\xcb\x7f\xce\x8c\xa9P\x0e$\x12\x10\x00@\xa4h\x9a2\x1a\xcc\x85\n\xb8\xcf\xeeV\xa1\xed\x8f\xedE\xde"B\x98\xfeo\\\xb7:\xf2iF\xdd\xf6\x83\xf4I\xafa\xfa\xff\x0e\x9af\x0ci\xc9-\x86\xce\xfdm\xf5\xa6{\xd1w!\x03\xc4\x00\x02\x00\x88\x17\xcb\xd2\xfaD\xfd\xcf\x1dk\x95\xd7\xc6\xff&lt;`\xa8h\xf7\x8e\x85XJMI\x9d&gt;}z\x83^\x13\x11E#$\xd2\xa0\xb2&amp;\x8a\xb2\x982\xf3\x15,Y\xacn\xfb1\xa3\x86\xc3.\x90\x18@\x00\x00Qc\x18\xda\x90\xa4\xdf8\xb9\xdd\x99}\x1b\xf6\x1d8,\xce\xc3\x00a\xfa?w\xd64\x83\xaeX\xf9\xef\xda\x18\xd2\x92d\xd2\xf5\xf3K\t\r\x82~\xf8yR\xc8\x99k\'\x8f\x1d\x15m\xa2\xcb\x07\x04\x00\x105\x8aB\x18\x13\x96\xa1\xb7Mh\xda\xafW\xf7g\xcf_\x8am\xeb\x00c\xcc0\xcc\xfd\xd8\x98\x95\xeb\xb7\xb6\x1a\x1eh\xd0\xa7\xca\xb1\xed\xcfg#\x98W\xdai\x1a\xf4\x99&gt;|\xf80\x8e\xe3)h\x10dU\x10\x00@\xec\x18\x9a2\xe8\x8d5*\x17\x1b\xdd\xb4`\x9b\x1f;\x8a\xed\x86)\xe1\xd5\xdfQ\xc3\x87xVn\xe6Y\xa8\x94\xc5d\x80\xb3\xdfO\xa0h\xc6\x90\x96\\\xb1Q\xfbGi\xf4\xb2%\x0bh)\x9c\xed\xdb0\x08\x00 \x01,K\xeb\x13\xd2F\xff\xdc\xd0!9r\xea\xccy\xe2i\x11!l\xfe\x9c8\x16\x1ar:\xbcI\xdf)P\xfa\xf9\x998\x8b\xa5\xf9\xb0\xf9\x93\xa7NONJ\xa2\xe10\xc0z \x00\x804\xd04eL3l\x9f\xd6nu\xe0\xe4\x8bW\xae\x89\xe10\x80\x10B!d6\x9bG\x0e\x1f^\xbb\xebX\xa5Z\x83yQ\xc4\x92\xc8Q4m\xcaH+T\xa6\xbaK\xe9\xef~\x19=\x92\x12\xd9\x9e\x9e\xac@\x00\x00i\xa0)\xcab\xe6&lt;\xf29.\x1bT\xa7s\xe7.\x19\x19\x19\xc8\xda\xdb\xc7\x18c\x9aa6oX\x1b\x9b`\xa9\xd9\xaa\x8f!5\x11\xa6\xff\x9f\x89\xa6\x19c\x86\xbeq\xff_7l\xdb\x15\x1d\x15%\xb6s\x1d\xf9\x80\x00\x00\x92\xc12\xb4&gt;)\xbdm\x93J\x8d\x8br]\x7f\xeak\xdd\x1a\x12a\xeb?11q\xfc\x84IM\x07\xcf\xe1\xcc&amp;\x04m\x7f&gt;\x1fEYL\x99\xce\x1e\x05\xcb6\xeb\xdf\xbfO/(\t\xb5\x16\x08\x00 %\x0cKg$\xa6-\x1f\xdb\xea\xc1\x85}\xeb7o\xb3\xe2a\x80\xd0\xf5s\xee\xcc\xe9vEj\x94\xac\xf6\xbd\x11\xda\xfe|!\x9aa\riI\xdfu\x19q5\xf6\xe5\xa1\x83\xc1P\x12j\x15\xf0\x95\x05RB!\x84\x08\xe2y\xfe\x8f)m~\x191\xf8^\xcc}\xab\xf4\x8b\x16F\xff\xbbQw\x96\xac\\\xdfl\xd0\xcc\x8c\xb4d(\xfd\xfc\n\x84\xe7\x14Ju\xdd\x9e\x13\x07\r\x1c`1[`\x1d\x90\xf7 \x00\x80\xc4\xd04\x95\x99n*S\xd2gf\xe7\xd2m~l\xcfq\\\xde\xb7\x88\x10\xf6\x7f\x06\xf6\xebS\xa6i_\x17\x8f\x82\xf2\xbc\xf1\xf1\xbf\xa3\x186#-\xa9\\\xbdV\xe9\xea\x023\xa7O\x86\x93\x80\xbc\x07\x01\x00\xa4\x87ei}\x82\xbeo\xe7:\xa5T/F\x8c\x99\x94\xc7\xbb\x07B\xe9\xe7\xe1\x90\x03\xe7#\xee\xd7\xeb&lt;&lt;#-\t\xce~\xbf\x1a\x85(\xceb\t\xe8;u\xf1\xd2\xe5/_\xbc\x10\xdbK\x1e6\x0f\x02\x00H\x12\xc3\xd0\x99\xc9\xfau\x13\xdb\x06o^\xbc\xff`\xde\xb5\x88\x10\xe6\xfe\x1c\xc7\x0f\x1a8\xb0~\xefi\n\x95\x9a`\xd8\xb9\xfez\x14M\x1b3\xd2\n\x95\xa9\xee^\xa1\xe9\xc8\xa1\x03\xe1\xce\xc8&lt;\x06\x01\x00$\x89\xa2\x10o\xc1\x8e\x0e\xaa\x1d\x93\x9a\xf6\xeb\xd5\xfd\xe5\xab\xd7y\xb3\x81 \xec\xfe/]&lt;?\t9Uh\xf8cfZ\n\xb4\xfd\xf9\x8fh\x9a1\xe8S\x1a\xf5\xfce\xdf\x91\xd3\xe1W.\xc3FP^\x82\x00\x00R\xc50\x94&gt;\xcdP\xa3\xaa\xef\xc0\xfa^\x9d\xba\xf5\xce\x83\xdd\x03a\xfa\x9f\x9c\x944u\xfa\xcc&amp;\x83\xe7q\x9c%W\xffurAQ\x9c\xd9\xe8\xecU\xb0l\x8b\x81C\x07\xf5\x87\xa3\xe0\xbc\x04\x01\x00$L\xc12\xe9\xf1iS\xfa\xff\xc0=:;;pqnW\x85\n\xd3\xff1\xa3\x86yTjV\xa4lM\xb8\xf11\xa7\x08]B\xebu\x18\x12\xf5\xd2\xb8}\xebf(\t\xcd3\xf0\xf5\x05\xd2F!d1\x9a\xb7Mm\xbbh\xd6\xa4+\xd7n\xe4^U\xa8\xd0\xf53\xfc\xf2\xa5\xcd;\xf67\xe81\xd6\xa0O\x81\xd2\xcf\x9cD\x08E3u\xba\x8c\x19=ztZj*\x1c\x06\xe4\r\x08\x00 m4M\x19\x8d\xe6\x02&gt;.\xcb\xfaW\xfb\xb9g\x8f\x17/^\xa2\\k\x11a6\x9b\x87\r\x1dR\xa5\xc3\xff\\&lt;\</t>
        </is>
      </c>
    </row>
    <row r="15">
      <c r="A15" s="1" t="n">
        <v>13</v>
      </c>
      <c r="B15" t="inlineStr">
        <is>
          <t>polygon_sides_number</t>
        </is>
      </c>
      <c r="C15" t="inlineStr">
        <is>
          <t>What is the missing number of the part denoted with a question mark?</t>
        </is>
      </c>
      <c r="D15" t="inlineStr">
        <is>
          <t>[3, 9, 7, 5]</t>
        </is>
      </c>
      <c r="E15" t="inlineStr">
        <is>
          <t>5</t>
        </is>
      </c>
      <c r="F15" t="inlineStr">
        <is>
          <t>There are 6 numbered polygons arranged in a triangle with number [8] in the top row, ['?', 3] in the middle row, and [9, 6, 4] in the bottom row.</t>
        </is>
      </c>
      <c r="G15" t="inlineStr">
        <is>
          <t>We observe that the polygon with 8 sides has the number 8, the polygon with 9 sides has the number 9, the polygon with 6 sides has the number 6, the polygon with 4 sides has the number 4, and the polygon with 3 sides has the number 3. Thus, the pattern is that the number inside the polygon represents the number of sides the polygon has.</t>
        </is>
      </c>
      <c r="H15" t="inlineStr">
        <is>
          <t>Based on the pattern that the number inside the polygon represents the number of sides of the polygon, the missing number of the polygon with 5 sides should be 5.</t>
        </is>
      </c>
      <c r="I15" t="inlineStr">
        <is>
          <t>b'\x89PNG\r\n\x1a\n\x00\x00\x00\rIHDR\x00\x00\x02\x00\x00\x00\x02\x00\x08\x02\x00\x00\x00{\x1aC\xad\x00\x00\x98/IDATx\x9c\xec\x9dwx\x14\xc5\x1b\xc7ggw\xaf\xd74z\xef\x10\x90\xde\x94\x1a\x82\x14A\x90.D\x8a \xa8T\xf1\x07* M\xaaRDDCG\x08\xbd\xf7\xde\x14\xa4\xb7\xd0\x94\xdeI/\xd7owf~\x7f\x0c9#M\xd0\xe4\xee\x92\x9b\xcf\xa3\xcf\x03\xb9%\x99\xdc\xee\xbd\xdf\x99w\xde\xf9\xbe\x1c!\x040\x18\x0c\x06#\xf0\x80\xbe\x1e\x00\x83\xc1`0|\x03\x13\x00\x06\x83\xc1\x08P\x98\x000\x18\x0cF\x80\xc2\x04\x80\xc1`0\x02\x14&amp;\x00\x0c\x06\x83\x11\xa00\x01`0\x18\x8c\x00\x85\t\x00\x83\xc1`\x04(L\x00\x18\x0c\x06#@a\x02\xc0`0\x18\x01\n\x13\x00\x06\x83\xc1\x08P\x98\x000\x18\x0cF\x80\xc2\x04\x80\xc1`0\x02\x14&amp;\x00\x0c\x06\x83\x11\xa00\x01`0\x18\x8c\x00\x85\t\x00\x83\xc1`\x04(L\x00\x18\x0c\x06#@a\x02\xc0`0\x18\x01\n\x13\x00\x06\x83\xc1\x08P\x04_\x0f\x80\xc1\xf0\x01\x84\x10\x8c1\x00\x00B\x88\x10\xe2y\x9e\xe38_\x0f\x8a\xc1\xf06\x1c\xeb\t\xcc\x08(\x08!\x08!Axz\xea\x83\x10\xe28\x0eB\xb6&amp;f\x04\x10\xecqg\x04\n\x18c\x1a\xe5\x05A@\x08\xed\xd9\xb3\xa7K\x97.\x91\x91\x91K\x97.MOO\xe7y\x1eBH\xafa\xb3"F\x80\xc0V\x00\x8c\\\x0e\xcd\xf6@\x08i\x92\'..n\xe9\xd2\xa5K\x97.\xbbp\xe1\xbc\xe7\x9aB\x85\n}\xf8\xe1\x87\x9d:u*[\xb6,\xfd\x8a,\xcb,/\xc4\xc8\xf50\x01`\xe4Z0\xc6\x18cO\xb6\xe7\xe8\xd1\xa3\x8b\x17/\xde\xb2e\xcb\xe3\xc7\x8f\x9f{\xbdJ\xa5z\xfb\xed\xb7{\xf5\xea\xd5\xacY3\x85B\x01\x00@\x08\x01\x00x\x9e\xf7\xda\x98\x19\x0co\xc2\x04\x80\x91\xdbxj\xcao\xb1X\xd6\xae];\x7f\xfe\xfc\xa3G\x8fz\xae\x11E\xb1v\xcd\xb7\xda\xbf\xf7~\x909x\xfd\xa6U\xdbwnr\xb9\x9c\x9eW\xc3\xc3\xc3\xbbw\xef\xde\xb9s\xe7\x82\x05\x0b&gt;\xfb\r\x19\x8c\\\x03\x13\x00F\xee\x01cL\x08\xf1L\xd8/\\\xb8\xb0t\xe9\xd2U\xabV\xdd\xbbw\xcfsMhhX\x93F\xcd\xa3\xde\xff\xb0B\xf97DQ\xc4\x08C\x1e^\xbe\x12\xbbu\xc7\x86-\xdb\xd6\xdf\xb8\xf9\xa7\xe7J\x83\xc1\xd8\xbe}\xbb\xde\xbd{\xd7\xa9S\x87~E\x96e\x08!\xdb(f\xe4\x1a\x98\x000r&lt;\x9e\x9aN\x1a\xfa].\xd7\xae]\xbbf\xcf\x9e}\xf0\xc0AI\x96&lt;\x97U\xabR\xb3]\x9b.\x91\x11-\n\x15,\xe2r9\xed\x0e;!\x84\xe3\x00!@\xa3\xd1\xa8T\xea\xe4\xe4\xa4#\xbf\x1f\xfa%f\xde\xef\xc7\x7f\x95e\xd9\xf3\x0f\xeb\xd6\xad\xdb\xa3G\x8f\xd6\xad[\xe7\xc9\x93\x07\xb0\x05\x01#\x17\xc1\x04\x80\x91\x83y\xaa\xa6\xf3\xea\xd5\xab\xabV\xadZ\xb5j\xd5\x95+W&lt;\xd7\xe8\xf5\x86&amp;\x8d\x9a\xbf\xd7\xa6S\xfd7\x1b+\x14J\xbb\xc3\xe6r99\xeeo\x13y\x8c1!X\x10D\x9dV/\xcbR\xec\xa5s\x9b\xb6\xac\xdd\xb0yUBb\xbc\xe7\x9a&lt;y\xf2FEu\x8b\x8a\x8a\xaaT\xa9\x12\xfd\nB\x88\xc9\x00#G\xc3\x04\x80\x91#\xc9\x9c\xedA\x08\xed\xdf\xbf\x7f\xd9\xb2e\xabW\xafv:\xffJ\xe5\x97.U\xae}\xdb.-\x9a\xb5)^\xb4$&amp;\xd8bM\'\x98\xbc4d\x13\x840\xc7q\x1a\xb5F\xa5\xd6\xdc\xbd{k\xcf\xbe\xed\xeb6\xae8}\xf6\x84\xe7\nQ\x14\x1b6l\xd8\xbf\x7f\xff\xb7\xdf~[\xa9T\x82\x8c\x8db\xa6\x04\x8c\x9c\x08\x13\x00FN\xe2Uj:UJU\xbd\xb7\x1a\xb5o\xdb\xb5\xfe[\x8d\x83\x82Bl6\x8b\xd3\xe9\x04\x1c\xe0\xe1\xab\x16\xf3\xd0\xf2!\x95J\xa5\xd1h\x9d\x0e\xc7\x99s\'W\xaeY\xb2s\xcfV\x8b%\xddsM\xd9\xb2e;w\xee\xfc\xe1\x87\x1f\xd2\x8db\xc0\x16\x04\x8c\x1c\x08\x13\x00F\xce\xe0Uj:\xf3\xe5+\xd0\xf1\xbd\xae\xad[\xb6+[&amp;\x1cp\xc0f\xb3J\x92\xf4\xaf\xcb\xf9\t!\x18#\x08y\xadV\xc7C\xfe\xe6\xed\xeb\xdbwn\\\xbba\xc5\x9f\xd7\xfe\xca/\x19\x8d\xc6w\xdf}\xb7[\xb7n\x8d\x1b7\xf6,G\xd8\x89bFN\x81\t\x00\xc3\xafy\xf5\x9a\xce\xb6\xad;E4j\x16\x16\x96\xc7\xe5r\xd9\xed6\x90ui\x19\x8c\x11!@\xa5Ri\xb5\xfa\xe4\xe4\xc4\xc3\xbf\xed_\xbb!\xe6\xd7#\x072\xa7\x9b*U\xaa\xd4\xbf\x7f\x7f\xb6Q\xcc\xc8Y0\x01`\xf8)\xaf[\xd3\xa9P(\xacV\x8b$\xb9\x9f\xda\xe0\xcd*\xe8\x86\xb3(\x8aZ\xad\x0e\x10p\xf5\x8f\x8b\x9b\xb7\xad[\xb3&gt;\xe6\xe1\xa3\x07\x9ek\xf2\xe6\xcd\xdb\xaaU\xab\xfe\xfd\xfbg\xde(f\x0b\x02\x86\xdf\xc2\x04\x80\xe1_\xfc\x87\x9aN\x0ca\xb6\x9b7x\x86\xa7\xd1h\x95Je||\xdc\xbe\x03;\xd7oZ\xf9\xdb\xd1\x83\x9ek\xe8FqTT\xd4\xbb\xef\xbek0\x18@\x86\x98\xb1\x05\x01\xc3\xdf`\x02\xc0\xf0\x17\xb2\xaa\xa6\xd3;\xd0\xcaQQT\xe8t\x06\x97\xcby\xea\xf4\xb1u\x1bW\xec\xdd\xbf#s\xe5(\xb3\x18b\xf89L\x00\x18\xbe\'{j:\xbd\x01\xdd(\xe6 \xd4it\xa2Bq\xe7\xce\xadM[\xd7l\xd8\xbc\xfa\xca\xd5\x8b\x9ek\xd4ju\xd3\xa6M?\xfd\xf4\xd3\xcc\x1b\xc5\x80Y\x0c1\xfc\x00&amp;\x00\x0c_\x821\xe68.[k:\xbd\x03]\x10(\x95*\xadVgIO?v\xf2\xb7\r\x9bVm\xdf\xb9\xc9\xe9\xfa\xdbFqTTTf\x8b!\x9a\x17\xf2\xdd\xa8\x19\x81\x0e\x13\x00\x86\xcf \x84\xd0\xd0\xef\x85\x9aN\xef@\x08A\x18\t\xbc\xa0\xd5\xea |b1\xb4u\xdb\xfa\xeb\x7f\xb3\x182\xb4o\xdf\xfe\xc3\x0f?\xac[\xb7.\xc8\xf4&amp;0\x18\xde\x87\t\x00\xc37\xd0\xb9\xff\xde\xbd{G\x8f\x1e\xfd\xfb\xef\xbf{\xbe\x9e\xdd5\x9d\xde\x01a\x042,\x86RR\x92w\xec\xda\xbca\xf3\xaac\'~\x93\xa4\xbf\xf6\xb1\xeb\xd4\xa93n\xdc\xb8&amp;M\x9a\xd0\x82Q\x1f\x8e\x96\x11\xb00\x01`\xf8\x06\xba\xe5[\xbe|\xf9k\xd7\xae\xd1V\\\xde\xac\xe9\xf4\x0e\x1e\x8b!\xbd\xde \xb9\xdd\xcfZ\x0c\x95(Q"66V\xa5R\x01\x00r\x90\xbc1r\rL\x00\x18&gt;\x80\xf6a\xdf\xb7o_\xd3\xa6M!\x84\x1a\x8d\xf6\x8b\xa1c\xbc_\xd3\xe95\x10\x929\x0eR\x8b\xa1;wo\xee\xdb\xbfs\xda\xf7\x13\xd2\xd2S%I\xda\xb2eK\xcb\x96-1\xc6lO\x98\xe1}r\xea\xdc\x8a\x91\x0b\x98&gt;}:\xc6X\x96\xe5\xee\xdd&gt;\x1a\xd4\x7f\xb0\xd1hJNI\xb4;\xec\x10B\x9e\x17rM\xf4\x07\x00\xf0\xbc\x00!\xb4;\xec\x89\x89\xf1F\x83yP\xffA\x1f\xf6\xf8T\x92$\x8e\xe3\xa2\xa3\xa3=\xdb\xe0\x0c\x86\x97a+\x00\x86\xb7\xa1)\xef\x1b7nT\xacX\xc9\xe1\xb0k4\xda\xbd\xdb\x8e\x87\x85\xe5q\xbb\xdd\x810\x0bF\x18)\x04\xc5\xe3\xb8G\x91\xef\xd4v8\xecj\xb5\xfa\xf4\xe9\xd3\xe5\xca\x95c;\x01\x0c\xef\xc3\x1e8\x86\xb7\xa1\'i\x97-[\xe6p\xd8\x01\x00\x8d\x1b6-Z\xb4x\x80D\x7f\x00\x00\x0fy\xb7\xe4.^\xacd\xf3\xa6\xad\x00\x00\x0e\x87c\xfe\xfc\xf9 \xe3ma0\xbc\t\x13\x00\x86W\xa1\x07\xbe\x9cN\xe7\xd2\xa5Ki\xea\xa3\xc3{]\t\x0e\xb8e(\xc6\xf8\xfdN=ii\xd3\x8a\x15+l6\x1b\xcf\xf3l9\xce\xf02L\x00\x18^\x85\x9a\xa3m\xd8\xb0\xe1\xc6\x8d\x1b\x00\x80\x12\xc5K\xd5\xad]\xdfj\xb3\x04\xc8\xf4\x9f\xc2\xf3\xbc\xd5f\xa9V\xb5f\x85\xf2\x95\x08!\x8f\x1e=Z\xbbv-\xc7ql\x11\xc0\xf02L\x00\x18^\x05BH\x08\x997o\x1e\xc7q\x84\x90\xee\xdd\xfa\xeau\x86\xcc\rx\x03\x04\x84\x90J\xa5~\xbfSO\xfa\xd7\xd9\xb3g\xd3\x83\x11\xbe\x1d\x15#\xd0`\x9b\xc0\x0c\xefAc\xdc\xe5\xcb\x97+W\xae,\xcb\xb2\xd9\x1c\xb4k\xf3\xd1\xe0\xe0\x10Z\x0f\xe3\xeb\xd1y\x15B\x88\xc0\x0bv\x87\xbdI\x8b\x9a\t\t\xf1\x1c\x84\xc7\x8f\x1f\xab^\xbd:-\x90\xf5\xf5\xe8\x18\x81\x02[\x010\xbc\x07\x15\x80E\x8b\x16\xd1)\x7f\xd3\xc6-\n\x17.\xeat:\x03-\xfa\x03\x008\x8es\xb9]y\xc2\xf2\xb4l\xde\x96\x00\x821\xfa\xf1\xc7\x1f}=(F\xc0\xc1\x04\x80\xe1%\xe8\xf6obb\xe2\xd2\xa5K\xe9W\xda\xbd\xd75\x00\xe7\xfe\x1e \x84N\x97\xb3\xc3{]\xe9I\xe05k\xd6&lt;z\xf4\x88m\x053\xbc\t\x13\x00\x86\x97\xf0l\xff\xc6\xc7\xc7\x03\x00j\xd5x\xb3V\xf5:Vk`m\xfff\x06Bh\xb3\xd9\xaa\xbcQ\xadN\xadz\x1c\xc7\xd9l\xb6\x15+V\x80\x0c\xb3h\x06\xc3\x0b0\x01`x\tj\xf83\x7f\xfe|:\xe5\xef\xd8\xae\x9bR\xa9bu/\x84\x80\x8e\xed\xa2\xe8\xac\x7f\xfe\xfc\xf9\x0e\x87\x83-\x02\x18^\x83\t\x00\xc3\x1b \x84 \x84g\xce\x9c9u\xea\x14!$,4O\x93\xc6\xcd,\xd6\xf4\x80\x9d\xfeS \x84V\x9b\xa5a\xfd&amp;%\x8a\x97\x02\x00\\\xb9re\xdf\xbe}\x80\x1d\ncx\x0b&amp;\x00\x0c\xef\xf1\xe3\x8f?\xd2\xd0\xd6\xb2y\xdb\xbcy\xf2\xbb\xdd\xee\x80\xdd\x00\xa0p\x1c\'IRpPH\x87\xf7\xba\xd2\xbf2k \x867a\x02\xc0\xc8v\xe8\xf6\xef\xa3G\x8f\xd6\xacY\x03\x00P\xa9T\x1d\xde\xeb\xeat9\x98\xf5\r\xc88\x14\xf6N\xf3\xb6j\xb5\x86\x10\xb2o\xdf\xbe+W\xae\xd0t\x99\xaf\x87\xc6\xc8\xfd\xb0O #\xdb\xa1\xbb\x9a\xd4\xf0\x00\x00\xaeN\xadzU\xde\xa8f\xb3\xd9\x98\x00\x00\x008\x8es:\x9d\xc5\x8b\x95b\xd6@\x0c\xef\xc3&gt;\x81\x8cl\x87\xe7yY\x96\x17.\\\x08\x00\x00\x80tl\x1f\xc5\xf68\x9f\x82Y\x031|\x02\x13\x00F\xf6B\xab?\x0f\x1d:t\xe9\xd2e\x00@\xe1BE\x1a\xbc\x15a\xb5Y\xd8\xf4\xdf\x03\xb3\x06b\xf8\n\xf6!dx\x83\xe9\xd3\xa7\x03@\x00\x00mZu\x0c\x0e\nD\xef\x87\x97\xc3\xac\x81\x18&gt;\x81y\x011\xb2\x91\xe7\xf5~9\x967o\x01\xb7\xdb\xc5\xa2[f\xa85\x90\xc3ao\xd4\xaczRR"\xb3\x06bx\x07\xb6\x02`d#\xcf\xeb\xfdR\xc2\xe9t\xb0\xe8\xff\x14\xd4\x1a(44O\xa7\x0e\x1f0k \x86\xd7`\x02\xc0\xc8.X\xef\x97\xd7\x82Z\x03\xb5m\xddQ\xa5R\x03\x00\xd6\xacY\x13\x17\x17\xc7\xb6\x82\x19\xd9\n\x13\x00Fv\xe1\x9f\xbd_0\xc6\x08\xc9\x08!\x8c1!\x84\x10\x821F\x08!$\xfbv\xd3\x15Bh\xb7\xdb\xca\x95\r\xaf]\xf3M\x00\x80\xcdf\x8b\x8e\x8e\x06\xac\x1e\x94\x91\x9d0\x01`d\x17\xfe\xd6\xfb\x05!D\x08\xd1h\xb4A\xe6\x10\x93\xc9\xac\xd5\xea\x14\n\x85B\xa1\xd0ju&amp;\xa39((D\xa7\xd5\x01_{\xb1\xd17\np\x00\x00\xb0d\xc9\x12\x87\xc3A\xdfF\x1f\x0e\x89\x91\x8ba\x9b\xc0\x8cl\xc1\xafz\xbf\xd0\x87\xdc`0:\x9d\x8e\x8b\x97\xcf\x9f:}\xec\xca\xd5K\xf7\x1f\xde\xb5\xdbm\x80\x00\xb5Z\x93/o\x81\xd2\xa5\xcbU\xafZ\xabRx\x15\x83\xc1\x98\x9e\x9eF\xb7\xaf\xbd&lt;N\n\x84\xb0E\x9bz\xd7o\xfcI\x08\xd9\xb6m[\x8b\x16-\xd8V0#\x9b\x10|=\x00F\xee\x04c,\x08\xc2S\xbd_\x92\x92\x12\x05\xc1\xdb\x8f\x1c\xc6X\xa1P\x08\xbc\xb0v\xfd\xf2%1\xf3\xce\x9c=\xf1\x92IO\xb9\xb2\xe1];\xf7\xec\xd4\xfe\x03\x85B\xe9p\xd8\xbd\x1fveY\x0e\t\t}\xef\xdd\xceS\xa6\x8d\xe58n\xfa\xf4\xe9\xcd\x9b7g{\xe6\x8cl\x82\xad\x00\x18Y\x0f}\xa8\x92\x92\x92*T\xa8@\xdd\xffW\xc7\xec\xa8S\xeb-\x8b\xc5\xdb\xf6\x9f\x18c\xa5R\x95\x9e\x9e:\xec\xab\xfe\xbb\xf7m\xa7_\x14E\x91\xe3 \xdd\t\x00\x00\xf0&lt;\xcf\xf3\x02!D\x96%:\xf2\x9a\xd5\xeb\xce\x98\x1a]\xb0`!\xbb\xdd\x06\xa1W\x07L\x08\x11E1!1\xbe\xf9\xbbo\xa5\xa4$\x0b\x82p\xee\xdc\xb9\xf2\xe5\xcb\x13B\xd8\xd19F\x96\xc3\x1e)F\xd6\xe3\'\xbd_h0\xb5\xd9\xac\xddz\xbd\xb7{\xdfv\x9e\x17 \x84\x10\xf2\x92$\xb9\xdd.\x84\x90B\xa1T(\x94\x08!\xb7\xdb%In\x8e\xe3 \x84\x82 \x9c8u\xb4K\x8f\xd6\x8f\x1f?R*U\x84xu\x0f\x96Z\x03\x15+R\xbci\xe3\x16\x00\x00Y\x96\x17-Z\xc4N\x053\xb2\t\xb6\x02`d=4Z\xd5\xa9S\xe7\xe4\xc9\x93\x84\x90i\x93\x7f\xea\xda\xb9gR\xb2\xb7\xf3?\x18c\x83\xde\xf8\xc9\xe0\x1e\x9b\xb6\xac\x11EQ\x92$\x8e\x83\x84\xe0\n\xe5+uh\xfb~xx\x15\xb3\xc9\x0c\x00HIM\xb9t\xe9\xfc\xda\x8d+b/\x9e\xa5\xfb\xd5\x82 \xca\xb2\xd4\xa0^\x93\xa5\x0b\xd7y\xdf\xb4\x0e!\xa4\xd7\x1b~?\xfe[\xc7\xae\xcd\x01\x00aaa\x97.]\n\x0e\x0e\x06\x00\xb0\\\x10#ka\x02\xc0\xc8b\xe8\x8e\xe5\xa9S\xa7j\xd5\xaa\x851\x0e\x0b\xcd\xb3g\xdb1\x8dFK\x97\x05^\x1b\x06\xc6X\xab\xd5\x9d&gt;{\xa2m\xc7&amp;&lt;\xe41\xc1t\x1e\xfdq\x9f\xc1\xff\xfbl\x94F\xaduKnO\nH!\x8aN\x97s\xfa\xacI\xb3~\x9cJ\xad\x98y\x9eG\x08\xc5,\xda\xd8\xa0^\x84\xc5\xeam\xe7"\x8c\xb1F\xad\xe9\xd8\xad\xe5\xf1\x93G\x00\x00s\xe7\xce\xed\xd3\xa7\x8f,\xcb\xde\xdfAa\xe4nX\n\x88\x91-\xf8\xbc\xf7\x0b!X\xa1P\xee\xd9\xb7\r\x00@s;\x18\xe3w\x9a\xb7\x1d\xf7\xf5\xb7\x92\xe4NJN\xb4\xd9\xac.\x97\xc3\xe5r\xd8l\xd6\xa4\xe4$\xa7\xd3\xf9\xf5\x97\x13\xdb\xb6\xeeD\xa3?\x00\x1c\xc7q\xbb\xf7o\x17D\x11{7\x0b\x042\xb6.:\xb6\xebF\x07O\r\xa2\xd9\x1e\x00#\xcba\x8f\x14#+\xf1\x9f\xde/\x1c\x07e\xc9}\xe5\xea%\x00\x00\x01\x84\x96\xa5~\xd0\xad\x8f\xd3\xe5@\x08\t\x82\x00!\xe48\xc8q\x90\xe6\xfd1Fv\xbb-\xaak\xef\x8c\x84;!\x84\xfc\xf9\xe7\x15\xb7\xdb\r9o\x0f\x9e\xe7y\x8b5\xbdI\xe3\xe6!\xc1\xa1\x84\x90S\xa7N\x1d&lt;x\x10B\xc8\xfa\xc53\xb2\x16&amp;\x00\x8c\xac\xc4\x7fz\xbfp\x1c\x90\x11JOO\xa5\x7f\xa5G\xc0\n\x15(\xecv\xbb\x9f[\xd8\x03!\xef\x96\xa4\x02\xf9\x0b\xeatzO^\xd4bIw\xbb]\xbe\x18&lt;\xe7v\xbb\xf3\x84\xe5\xed\xd4\xe1\x03\x00\x00\xc6x\xee\xdc\xb9^\x1e\x03#\x10`\x02\xc0\xc8J\xfc\xa7\xf7\x0b!\x00BN\x14E\x00\x00\x00\xdc\x93\xff\xc1K\xd3PO\xae\xf8\xeb\x1aA\x10}\xe5\xc6\xf3\x945\xd0\x96-[\x985\x10#\xcba\x02\xc0\xc82\xfc\xaa\xf7\x0b-\xe6\xc9\x97\xb7\x00\xdd{\xe08\xcef\xb7=z\xfc@\x14\xc5\xe7Vv\x12BDA\x8c\x8b{d\xb5Y8\x8e\xa3{\x00\xf9\xf3\x17P*T&gt;)\xc1|\xca\x1a\xc8j\xb52k F\x96\xc3\x04\x80\x91\xc5\xf8M\xef\x17\x029X\xbdZmB\x08\x00\x84:\xea\xac\xdd\xb0\\\xa3\xd6&gt;7\x93.#Y\xab\xd1n\xdc\xb2&amp;\xc3\x04\x82\x10B\xde\xac\xd3\x80\x83\x1c\xfdu|\x02\xb3\x06bd+L\x00\x18Y\x03-\x9e\xb9q\xe3\xc6\x81\x03\x07\x01\x00\x1a\x8d\xb6s\x87\x0flv\x9b\xafLl \xe4\xad6k\xd3\x88\x96&amp;\x93\x99\xba~B\x08W\xae\xf9e\xe5\x9a_\xf2\xe5-\x80\x10\xf2\xc8\x00\xc6X\x92\xa4\xbcy\xf2\xef\xdc\xb3e\xd9\x8a\x05\x1c\x07\xe9\x17\xf3\xe6\xc9\xffN\xf3\xb6V\xab\xc5\xcb\x87\x81=\xf0&lt;o\xb3Y\xdf\xaa\xdb\xa0T\x892\x1c\xc7\xdd\xbcy\xf3\xc0\x81\x03\xecP\x18#\x0ba\x02\xc0\xc8\x1a\xfc\xad\xf7\x0b\xc7qn\xb7\xab`\xc1\xc2\xfd\xfb}\x8e1\xe6!Oe`\xc8\xff\xfa\xfe4o\xa6^o\xd0\xeb\xf4\x08!Y\x96UJUHH\xe8\x86M\xab&gt;\x1e\xd8\xddS\xaeJ\x08\x19=brHH\x98o\xbbW\xca\xb2l0\x18\xdf{\xb73!\x84Z\x03\xd1?\xf8j&lt;\x8c\\\x06\x13\x00F\x16\xe0\x9f\xbd_x\x9eOKK\xed\xd3\xab\x7f\xf3\xa6\xad$Y\xa2k\x11I\x96F\x8e\x19\xda\xb5\xc7\xbb\'N\xffn0\x18\x82\x83C\xee=\xb8;hh\xef\x8f&gt;\xedj\xb1\xa4\xd3zP\x84\xd0\x17\x9f\x8fy\xb7U\xfb\xb4\xb4T\xdf\xdap\xf2&lt;o\xb5Z\xda\xbe\xdb\xc9l\x0e"\x84\x1c:t\xe8\xf2\xe5\xcbl\x11\xc0\xc8*\xd8I`F\x16@\x0f\xa9\xae\\\xb9\xb2K\x97.\x00\x80\x12\xc5K\xee\xdc|\xd4\x1f\x82\x14U&amp;\x00\xc0\xa0\xcf\xfbl\xdf\xb9)cw\xf7\xc9z\xa5\xc5\xdb\xad\xc3\xc2\xf2\xad]\xbf&lt;c\xe3\xf7I\xb5\xe8\xd8\x91S\xbau\xe9\x95\x9a\x96\xea\x0fg\xafdY\x0e\t\x0e\xed?\xa4\xd7\x9a\xf51\x00\x80\xcf?\xff\xfc\xdbo\xbfe\xa7\x82\x19Y\x02\x13\x00F\x16\x801\x96e9""\xe2\xc8\x91#\x84\x90\xc9\xdf\xcc\xea\xde\xb5OrJ\x92?\x04)jL\xadT(\xa7\xcd\x9a\xf8\xc3\x9co\xe9\x89\xb0\xa7&amp;\xd1\x9e\xf2\xca:\xb5\xea\x8d\xfar\xe2\x1b\x95\xaa\xa6\xa4$\xfb\x89\x05?\xf5\xb48u\xfaX\xa7\xa8\x96\x92$\x85\x86\x86\x9e&gt;}\xbaP\xa1B,\x17\xc4\xf8\xef\xf8~\x82\xc3\xc8\xe9\xd0H\x84\x10\xa2\xde\x9f\x00\x80\x90\xe00\xff\tO\x10BY\x96-\xd6\xf4q_O\xde\xb4f_\xbe|\x05@\xc6\x98\x05A\x10x\x81\x1a\xc0\x11Bz\xf7\xfct\xcb\xfa\x03oT\xac\x9a\x90\x10\xe7\'\xd1\x9f\x8212\x18LtHiii\xe9\xe9\xe9 \xc3s\x9b\xc1\xf8/0\x01`\xfcWh\xf4W\xab\xd5\xfd\xfa\xf5\xa3Qi\xfe\xe2\xd9\xb2\xec\xcb\xbd\xd3\xcc`\x829\x0e\x06\x05\x85\xec?\xb8o\xce\xdc\x19\xa9\xa9) \xc3WG\x96eL\xb0\xa7\xb0r\xe5\xea_z}\xd4\xe9\xca\x1f\x17\xc3B\xf3\xd2\x8e\xc1&gt;\x1e:\x00\x00\x00\x8c\xb1Z\xa5\xd9\xb8e\xb5\xd3\xe9\x04\x00\xb4o\xdf\xbeB\x85\n\x08!\x7fHO1r:,\x05\xc4\xc8\x02\xe8S\x94\x90\x90P\xa1B\x85\xc4\xc4D\x9e\xe77\xae\xdeW\xa9b\x15\xbb\xdd\x07&amp;\x10\x99\xc1\x18\x8b\xa2\xc8\xf3\xc2\xac\x1f\xa7\xce\xfe\xf9;I\x92\x00\x00\xd4\x18\x0e\x00\x90/o\xfeG\x8f\x1f\x02z\xe8+#)\xa4\xd7\x1b\xfe7xT\xcf\xee\xfd\x9cN\x87,\xcb&gt;\x8f\xb3T_\xdfnU\xf7\xee\xbd\xdb\x1c\xc7\xed\xdb\xb7\xafQ\xa3F\xacI$#K`\x93\x08F\x16@\xa3gXXX\xdb\xb6m\x01\x00\x08\xa1\x8d\x9bW\xa9Uj\xdf\xee\x03\xd3\xe8/IR\x9fO\xba\xcc\xf8a\x92$I\x82 \xd2\xaf\xd7\xad]o\xe9\x82\xf5{\xb6\x1d\x9f\xff\xd3\x8aF\xf5#\t!\xf4\x1c\x03\xcf\x0b\x16K\xfa\xd7\xe3\xff\xd7\x7fH/\x00\x80 \x08\xbe\x9d!\xc9\xb2l\xd0\x1b\xb7\xed\xdcH\xa3\x7f\xb9r\xe5\xea\xd5\xab\xe7\xd9\xd9f0\xfe#L\x00\x18Y\x06!\xa4O\x9f&gt;\xf4\xcf\x1b\xb7\xac\xb9}\xf7\xa6J\xa5\xf2a\x00\x85\x10\xf2\x90\xffx`\xf7\xbd\xfbw\n\x82\x00!/\xcb\x92\xc1`\xfcv\xd2\x8f+~\xd9\xda\xa8aS\x85B\xd1\xfc\xed\xd6\xbf,\\\xbf|\xc9\xa6jUj!\x840F\x90\x83\x82 l\xda\xb2\xe6\x93A=\x04A\xf0m"\x0bB\xe8r9\xd7\xac\x8b\xa1\x8b\xf5!C\x86\x08\x82\xc0&lt;A\x19Y\x05\x13\x00F\xd6@\x0bi\xaaU\xab\xd6\xb0aC\x00@Rr\xe2\xae\xdd[\xb5\x1a\x9d\xaf\xa2\x15B\xc8h0\xcd\x9c=\xf9\xe0\xe1=\x82 b\x8c1F\x05\x0b\x14^\xbb|\xe7\x07]\xfb\xd8\xed\xb6\xf4\xf44BpZZ\xaa\xd5\x9a^\xff\xad\x88\xb5+v\x0e\x19\xf8%!\x84\x00\x82\x10\x12\x05q\xcf\xbe\xed\xd3fN0\x18\x8c&gt;\xfc\x15t:\xfd\xf1S\xbf\x1f?y\x04\x00\x12\x16\x16\xd6\xa6M\x1b6\xfdgd!L\x00\x18Y\x06u\xd1\xf9\xe8\xa3\x8f\x00\x00\x1c\xc7\xad\xd9\x10\xe3p\xd8}\x12\xad0\xc1j\xb5\xe6\xca\xd5\x8b\xd1\x0bfA\x081F\x84\x00\x9dN?o\xce\xf2\x8a\x15\xdeHH\x88\x83\x10\xd2\xae/&lt;\xcfC\xc8\xa7\xa7\xa7\xb9\\\xce\x11\xc3\xbe\x998nFFQ\x93\x0c!\x8c^0\xebB\xecY\x8dF\xeb\x93\\\x16!D!\x8a\xeb\xd6\xc7\xd0\xbfFEE\x85\x84\x84x\xb9\xb1\x1a#w\xc3\x04\x80\x91e\xd0E@\xabV\xad\xf2\xe5\xcb\x07\x00\xb8x\xe9\xfc\xe9\xb3\'tZ\xbd\xf7g\xd0\x04c\x8dZ\xb3q\xcb\x1a\xa7\xd3\xc9q\x90\x03\x1c!\xb8_\xefA\xd5\xab\xd5JJN\xcc\xf0\x88\xfe\xdb\xc8\x01\x00\x8f\xe3\x1f~\xd4k@\xb7.\xbd0\xc6\x00B\x8e\x83\x92$\xad\xdb\xb8B\xadR{\xb95&lt;\x00\x80\x10\xa2R\xa9n\xdd\xb9\xb9{\xffv\x00\x80 \x08={\xf6\xa4\x8eF^\x1e\t#\x17\xc3\x1e&amp;F\x96A\xebUt:]\x97.]\xe8\xb6\xea\xf2U\x8b|\x12\xb08\x0e\xba\\\xce\x13\xa7\x8e\xd2\xc92\xc2H\xadR\xb7~\xa7\xbd\xc5\x92\xce\xf3OG\xff\x8c\x7f\xc2\xf1\x90\xb7X\xd3{\xf7\xfcT\xa5Ta\x84\x01 \x1c\xc7\x9d:}\xcc\xee\xb0{\xdf\x0f\x8e\xe6\x7f6lZ\x95\x92\x92\xccq\\\x83\x06\r\xca\x97/\xcf\x04\x80\x91\xb5\xb0\x87\x89\x91\x95\xd0\xf0\xd4\xbbwo\xb5Z\r\x00\xd8\xb1{\xcb\xcd[\xd7\xbc\xbc\x15L\xb3\xe4V\x9b\xe5q\xdcCB\x08M\x97\x14,X$OX^I\x92 |a\xfe\x04B\xe8v\xbb\xf3\xe7+X\xa4Hq\x00\x08\xddw\x8dO\x88\xb3Z-\xde\xef\xc4"\x08Bzz\xda\xfaM+\xe99\xb5\xcf&gt;\xfb\x8c\xfe\xc1\x9bc`\xe4z\x98\x000\xb2\x12Zb_\xae\\\xb9\x88\x88\x08\x8e\xe3\x1c\x0e\xfb\xd6\x1d\x1b\xbc\x9f\x05\xe28N\x96e\x97\xcb\x05\xc0\x93&gt;_\x1a\xb5\xe6Uj:\t!\x82 h4\x9a\x8c\x7f\x07dYB\x08\xfdC+\xb1\xac\x06!\xa4\xd5\xea~;z\xe8\xda\x8d?\x08!\xc5\x8b\x17o\xd4\xa8\x11\x9b\xfe3\xb2\x1c\xf6&lt;1\xb2\x18j\xab\xd0\xb7o_\x1am\xd7\xac\x8f\xa1iw//\x02\x04AT*\x95 \xe3\x90ZJJ\xb2\xd3\xe9|y7\x15B\x00\x84\xd0\xe1t$%%\x82\x8c.0\x1a\xb5V\xa9T\x10\x82\xbd\xbc\xf3\xcaC\xb8dY4\x1dD\xf7\xee\xdd\xd5j5u1\xf2\xea \x18\xb9\x1d&amp;\x00\x8c,\x86\xceR#""\xca\x95+\x07\x00\xb8q\xf3\xda\xc1\xc3{uZ\xbd\xd7\ni\xe8V\x84V\xab\xcb\x13\x96\xd7\xf3\x95\xfb\x0f\xef^\xbb~U\xf5\xd2\xb3i\x18\xcbj\xb5\xfa\xcf?\xaf\xdc\x7fp\x97\xe38\xba\x07P\xb0`a\x9d\xce\xe0\xcdE\x00\xc6X\xab\xd5\x9e=\x7f\xfa\xd8\x89#\x00\x00\xadV\xdb\xb7o_\x90\xf1\xc62\x18Y\x08{\xa4\x18Y\x8c\xc7\x1a\xa8w\xef\xde\xf4\xaf\xab\xd7-\xf5\xf2\xcc\x95\x10\xacT*\xabV\xae\x991"\x881\x9e\xfd\xf34\x85\xa8\xa0\xdepO\xad\x03\x08!\xb2,\xf3\xbc \xf0B\x86c(\xa4_\xaf[\xbb\xbe((\xbcY\x05\x841V)Uk\xd6\xc78\x9d\x0e\x00@\x87\x0e\x1d\xf2\xe4\xc9\xc3\xaa?\x19\xd9\x01\x13\x00F\xd6C\xab*\xbbt\xe9\xa2\xd5j\t!\xbf\x1f\xff\xf5\xec\xf9\xd3Z\xad\xf7\xaa\xe99\x0e\xba\\\xae\x96\xcd\xdb@\x9e6\x02\xc3\x10\xc2\xbd\xfbw|=\xee\x7fZ\xad\xcel\n\xa2\x95\xa04[\x05\x00\x10EE\x909X\xa9T}1j\xd0\xfeC\xbb!\x84\x84`B\x88N\xabk\xd5\xb2\x9d\xdda\xf5Z\x15\x10!D\xa9P\xc6\xc5\xc7m\xdb\xb1\x81\x03\x1c\x84\xfc\xa7\x9f~\xea\x9d\x1f\xcd\x08@\x98\x000\xb2\x1e\xba\x08\xc8\x97/_\x87\x0e\x1d\x00\x00N\xa7s\xcd\xfa\x18\x95\xd2{\xd6@\x10B\xbb\xddZ\xa5r\x8d\xf6m\xbb`\x8c\x04A\xa0\x87\xd4\xe6.\xfc\xa1}\x97f\x9b\xb7\xadMH\x8c\x07\x00\xa8T*\x95J\x05\x00\x88\x8b\x7f\xb4f\xc3\xf2\xb6\x1d\x9b,Y6\x0fBH0\xa6\xff\xe4\xd3~\x9f\x17/V\xd2\xe9tzm\xf6M\xdd\xff\xb7\xed\xdc\x18\x9f\x10G\x00\xa9Z\xb5J\xd5\xaaU\xa9O\x91w\x06\xc0\x08(Xa\x19#[\xa0v\x95\xa7N\x9d\xaaU\xab\x16\xc68,4\xcf\x9em\xc74\x1a\xad\xd7R\x19\xb4\x18\xd4\xe5ru\x8ez\xe7\xe2\xe5\xf34\xa0\x83\x8c\xde\xc5\x06\xbd!_\xde\x02:\x9d\x1e\x00`\xb1Z\x1e&gt;\xbao\xb5Z\xc0\x93&lt;;\xc7q\x00!\xd4\xfa\x9dv?L_\xe8p\xd8\xbd\x99{!\x04\xabU\x9aw\xda5\x8c\xbdx\x0e\x00\xb0x\xf1\xe2\xee\xdd\xbb3\xefOF6\xc1\x04\x80\x91]\xd0P[\xa7N\x9d\x93\'O\x12B\xa6M\xfe\xa9k\xe7\x9eI\xc9\x89^k\x13F\x93\xe9)\xa9\xc9\x83\xff\xf7\xd1\xe1\xdf\xf6\x03\x00 \x84\x02/\x10B$Yz\xeabQ\x14\x01\xe0dY\xa2\x9f\x88\xee\xdd\xfa\x8c\x1e1E\x96e\x8c\xbd\x97|G\x08\x19\r\xc6}\x07v\xf5\xf8\xa8\x03!$,,\xec\xc6\x8d\x1bOjR\xd9\x06\x00#\x1b`) FvA\xb3.\xbd{\xf7\xa6!u\xf5\xbae.\x97\xd3\x9b\xa5,\x10B\xa7\xcbi4\x9a\x17\xcf[\xfb\xcd\x98i%\x8a\x97\xc2\x18\xbb%\xf7\xb3\xd1\x1f\x00 I\x92$\xb9\t!\xd5\xab\xd5^\x18\xbdj\xd2\xb8\x99\x92\xe4\xf6f\xf4\xa7p\x10\xae^\xb7\x8c\xb6\xa3\xe9\xdb\xb7/\xdd8a\xd1\x9f\x91M\xb0\x15\x00#\xbb\xa0\x8fVRRR\x85\n\x15h\xb7\xc8\xd51;\xea\xd4z\xcbbI\xf7fB\x83\x06P\xa3\xd1\x94\x9c\x92t\xec\xc4\x91\xdf\x8e\xec\xbfx\xf9\xc2\xa3G\x0f\xd2\xd2SeY"\x04\x88\x82h2\x99\x0b\x16(\\\xf9\x8d\xea\x8d\xea7\xa9^\xb5\xb6R\xa9J\xb3\xa4B\x0ez7\xf9C\x14\n\xe5\xe3\xc7\x0f\x9a\xb4\xacm\xb7\xdb\xd4j\xcd\xc5\x8b\xb1\xc5\x8b\x17\xa7:\xea\xb5a0\x02\n\xdf\xf7\xecf\xe4V\xe8q\xdc\x90\x90\x90\xa8\xa8\xa8i\xd3\xa6\x01\x00\xd6\xad\x8fi\xf0V#/\xcf9h\xf4LII\x16\x05\xb1Y\x93wZ\xbe\xfd\xae\xd3\xe5\xb4X\xd2\xed\x0e\x9b\xcb\xe5$\x04(\x95J\xadVg\xd0\x1b\x95\n\xa5$K6\x9b\xd5\xe9rz?\xe7\x8e\x10\xd2j\xb4+\xd7\xfcb\xb7\xdb\x00\x00\x8d\x1a5,^\xbc8\xcb\xfe3\xb2\x15\xb6\x02`d#t\xf6}\xf9\xf2\xe5\xca\x95+\xcb\xb2l6\x07\xed\xd8\xf4[hH\x98$\xf9\xa0c0\xf5\xa7\x03\x80@\x08y^\x80\x10r\x1c\xe4\x00\xc0\x04c\x8ceY&amp;\x04s\x1c\xf4\xd5t\x9b\xe38Y\x96\x9a\xb5~\xf3\xee\xbd;\x00p{\xf7\xee\x89\x88\x88`\x02\xc0\xc8V\xd8\xd2\x92\x91\x8dP\xeb\x85\xf2\xe5\xcb7h\xd0\x80\xe3\xb8\x94\x94\xe4\r\x9bV\xe9t&gt;0\x88\x06\xd4\xef\x93\xe7y^\xe08\x88\x10\x92$\xc9\xedv\xb9\xdc.I\x92h\x8fu\xaa\n\xde\x1f\x18\x00\x00!\xa4\xd7\x19~=r\xf0\xee\xbd;\x1c\xc7U\xa8P\xbeA\x83\x06\xac\xf7\x0b#\xbba\x02\xc0\xc8^h\x7f\x95\xcf&gt;\xfb\x8c\xfea\xfd\xa6\x95\xe9\xe9i^+\x04z\x11\xdc3\xf8|&lt;\x92\xe4^\xbc4\x9a.\xca{\xf6\xec\xc9Z?2\xbc\x00\x13\x00F\xf6B\x17\x01\x8d\x1a5*Q\xa2\x04\x00\xe0\xda\x8d?\x8e\x1e;\xac\xd3\xfa\xacU\xa4\x1f\x821\xd6h\xb4\xb1\x97\xce\x9d8u\x14\x00BwM\xd8\xf4\x9f\xe1\x05\x98\x000\xb2\x17\x8f5\x10\rj\x80\x80\xb5\xebc\xbc\xdf_\xc5\x9f\xc1\x18+\x95\xca%\xcb\xe6RQl\xd3\xa6MXX\x18\xab\xfedx\x01\xb6\t\xcc\xc8vh!\xe3\x8d\x1b7\xc2\xc3\xc3\x9dN\xa7R\xa9\xdc\xba\xfep\xa9\x92e\x1c\x0e;+p$\x84\x88\xa2\x98\x94\x94\xf8v\xeb\xba))\xc9\x82 \x9c?\x7f\xbe\\\xb9r\xcc\xfd\x9f\xe1\x05\xd8\x13\xc6\xc8v \x84\x08\xa1\x12%J\xbc\xf7\xde{\x00\x00\x97\xcb\xb5y\xeb\x1a\xf5K\x9d\x99\x03\x07\x84\x90V\xa3\xdb\xb5w\x1bm\xfdX\xaf^=\x16\xfd\x19^\x83=d\x0c\xef\xd1\xbbwo\x9a\xd6\xd8\xb4umrJ\xd2\xb3\xcd\xd9\x03\x10A\x10\xac\xd6\xf4%\xcb\xa2i\xc7\xc7&gt;}\xfap\x1c\xc7\xa4\x91\xe1\x1d\x98\x000\xbc\x01\xed\xa9K\xa7\xb7\x1c\xc7\xdd\xbdw{\xdb\xce\x8d\x06\xbdQ\x96e_\x0f\xcd\x97\xd0\xc65\xbf\x1e=t\xe3\xe65\xda\xfa\xb1m\xdb\xb6l\xfb\x97\xe15\x98\x000\xbc\x04BH\x10\x84!C\x86\x10B\x00\xe0\xd6\xae\x8fq\xbb],\xd1\xc1q\xdc\x92e\xd1O\x1c\xe8\xbawW\xa9Tl\xfb\x97\xe15\xd8&amp;0\xc3Kx\xac\x81\xca\x95+\x97\x98\x98(\x08\xc2\xa6\xd5\xfb\xc2\xc3+\xdb\xed\xb6\xc0\x94\x01\x8c\xb1Z\xad\xb9~\xe3\x8fw\xdek\xe8t:t:\xdd\xf5\xeb\xd7\xf3\xe4\xc9C\x0fL\xf8zt\x8c\x80 \x10?x\x0c\x9f@S\xdb!!!m\xda\xb4\x01\x00\xc8\xb2\xbc$f\xaeR\xa9\x0c\xd8|7u\xab\xde\xb0y5m\xfd\xd8\xaaU+\xd6\xfa\x91\xe1e\xd8\n\x80\xe1=hr\xe3\xca\x95+o\xbc\xf1\x06\xb5\x06\xda\xb5\xf9hpp\x88O\xac\x81|\x0bM\xf4\xdb\xed\xf6\x88\xe65\x12\x93\x12 \x84\xfb\xf6\xedk\xd8\xb0!3\xffax\x13\xb6\x02`x\x0fz*\xb8\\\xb9r\xf5\xea\xd5\x03\x00\xa4\xa4$\xef\xda\xb3U\xab\xd1\x06\xe0\xa9`j\xfe\xb3w\xff\x8e\xc4\xa4\x04\x8e\xe3\xaaW\xaf\xde\xb0aC\xd6\xfa\x91\xe1e\x98\x000\xbc\n]\x04\xf4\xe9\xd3\x07\x00\xc0q\xdc\x9a\r1.\x97+\x00\xa3\x1emV\xb3z\xdd2\x00\x00!\xa4w\xef\xde \xa3\x87\x1a\x83\xe15\x98\x000\xbc\n\xad\x07\xa5\xf9n\x00\xc0\xc5K\xe7\x0f\xfd\xbaO\xef#\x7fP_A\xa7\xff\'O\x1f;~\xf2\x08\xc7qaaa\xac\xfa\x93\xe1\x13\x98\x000\xbc\n\xdd\n\xd6\xe9t}\xfb\xf6\xa5\x06\xfd\xab\xd7-\xe3\x02\xaf\n\x08B\xb8b\xd5"\x00\x00!$***$$\x84m\xff2\xbc\x0f\xdb\x04fx\x1bj\rt\xf3\xe6\xcd\xf0\xf0\x8a\x0e\x87]\xa3\xd1\xee\xddv&lt;,,\x8f\xdb\xed\x0e\x84)0\xc2H!(\x1e\xc7=\x8a|\xa7\xb6\xc3aW\xab\xd5\xa7O\x9f.[\xb6,\xb3\x7f`x\x1f\xf6\xc01\xbc\r\xb5\x06*^\xbcx\xa3F\r\x01\x00v\xbbm\xc5\x9a%\xf9\xf2\x86\x08\x82 \xcbr.\xce\x83\xd3\xbec&lt;\x14\xf2\xe7\x0f\xd9\xb2}\xbd\xc3a\xe78.""\x82\x99\xff0|\x05{\xe6\x18&gt;\xe3\xb3\xcf&gt;\x83\x10\n\x82\xb0d\xd9\xdc\xefg\xcfLKK\r\t\t\xd3\xa85\x18c\x84\x10\x00\xb9dmJ\x08A\x08!\x84\xd4jMHHXZz\xca\xf7\xb3\xbf_\xb0\xf8GQ\x14\t!4\x15\xc6\x16\xe2\x0c\x9f\xc0R@\x0c\xdf@\xc3b\xf9\xf2\xe5\xaf]\xbb\x06!\xc4\x18\x87\x86\x84\xb5m\xdd\xe9\xddV\xed+V\xa8,\x08\xa2\xd5f\x91e\tB&gt;\xe7f\xc6\xe9\xef(\x8a\xa2V\xab\xe38\xee\xfc\xf9\xd3\x1b6\xaf\xde\xb0yUBb&lt;\xbd\xa0D\x89\x12\xb1\xb1\xb1*\x95\n\x00\x90s\x7fMF\xce\x85\t\x00\xc37\xd0z\xd0\xbd{\xf7\x8e\x1e=\xfa\xf7\xdf\x7f\xf7|]\x10\x84:\xb5\xea}\xd0\xb5\xcf\x9bu\x1a\x04\x05\x05\xdb\xed6\xa7\xd3\xc9q g\xf5\x90\xc1\x18\x13\x82\x95\n\x95NoHNN&lt;\xfc\xdb\xfe\xb5\x1b\x96\x1f\xfem\x9f\xcb\xe5\xf2\\S\xa7N\x9dq\xe3\xc65i\xd2\x84n\x8a\xf8p\xb4\x8c\x80\x85\t\x00\xc3gxLo\x8e\x1e=\xba`\xc1\x82\xb5k\xd7\xa5\xa7\xa7y^-Q\xbcT\xab\x96\xed:\xb6\xebV\xa4p1\x8c\xb1\xcdf\xa5\x81\xd2\x9fg\xca\x84\x10\x8c\x11\x07\xa1N\xa3\x13\x15\x8a;wnm\xda\xbaf\xdd\x86\x15\x7f\\\xbb\xe2\xb9\xc6`0\xb4o\xdf\xfe\xc3\x0f?\xac[\xb7.\xc8\xf4&amp;0\x18\xde\x87\t\x00\xc3\x97\xd0u\x00\x8d\x80\xf7\xef\xdf_\xb9r\xe5\x92%K.^\xbc\xe8\xb9@\xaf\xd37k\xda\xaas\x87\xeeU+\xd7P\xa9\xd4V\x9b\xc5-\xb9!\x07\xfdm\xcaL\xa7\xfc\xa2\xa8\xd0\xe9\x0c.\x97\xf3\xd4\xe9c\xeb6\xae\xd8\xbb\x7f\x87\'\xdb\x03\x00([\xb6l\xe7\xce\x9d?\xfc\xf0\xc3\x82\x05\x0b\x02\x00h\xea\xdf\xdf~\x11F@\xc1\x04\x80\xe1{\xe8)0Z\x03\xeav\xbbw\xee\xdc\xb9p\xe1\xc2]\xbbv9\x9dN\xcf5U\xab\xd4\xec\xd8\xae[\xcbf\xef\x86\x86\xe4q\xb9\x9c6\xbb\r\x00\xe0\x0f\x0b\x02\x84\x11 @\xa3\xd1*\x95\xca\xf8\xf8\xb8}\x07v\xae\xdf\xb4\xf2\xb7\xa3\x07=\x17\x88\x82\xd8\xb0Q\xc3\xfe\xfd\xfb\xbf\xfd\xf6\xdbJ\xa5\x12\xfc\xfd\xf7e0|\x08\x13\x00\x86\xbf@\xb7L\x05A\xa0\x7f\xbdx\xf1\xe2\x92%K\x96-[\xf6\xf8\xf1c\xcf5\xf9\xf3\x15h\xd9\xac\xed{m:\xbdQ\xa9\x1a!\xc4f\xb3J\x92\xc4\xf3&gt;\xd8(\xa6\xd9\x1e\x9e\x17\xb4Z\x1d\x84\xf0\xca\x95\xd8\xcd\xdb\xd6\xad^\x1f\xf3\xe8\xd1\x03\xcf5y\xf3\xe6m\xd5\xaaU\xff\xfe\xfd+U\xaaD\xbf\x82\x10\xf2\x07\xd1b0(L\x00\x18\xfe\x05=\x1e\x0c2&amp;\xc8qqq\x9b7o^\xbcx\xf1\xd1\xa3G=\xd7(\x95\xca\xfaoE\xb4o\xfb~\xfd\xb7\x1a\x07\x05\x85\xd8l\x16on\x14c\x8c1\xc6*\x95J\xa3\xd1Z-\x96c\'\x7f\xdb\xb0i\xd5\xb6\x9d\x9b\\\xae\xbf\xd6+\x95*U\xea\xdf\xbf\x7f\xeb\xd6\xad\xa9\xe3\x05\xfd\xa5X\xe8g\xf8\x1bL\x00\x18~\n\x8d\xb3\x9e\x05\xc1\x9e={\x96-[\xb6i\xd3\xa6\xb4\xb4\xbf6\x8aK\x97*\xd7\xbem\x97\x16\xcd\xda\x14/Z\x12a\x94\xcd\x1b\xc5\x04!\xccq\x9cF\xadQ\xa95w\xee\xde\xdc\xbb\x7f\xe7\xd2\xe5\xf3\xaf\\\xfdk\xc7B\xa5Ru\xec\xd8\xb1[\xb7n\x8d\x1b7\xa6\x02F\r\x1eX\xa2\x9f\xe1\x9f0\x01`\xf85O\xcd\x9d\xef\xdf\xbf\xbf`\xc1\x82\x95+W^\xbdz\xd5s\x8d^oh\x16\xf9N\xf6m\x14{\xca\xf9uZ\xbd,K\xb1\x97\xcem\xda\xb26s9?\x00\xa0P\xa1B\x1f~\xf8a\xa7N\x9d\xca\x96-K\xbf\xc2\xb2=\x0c\xff\x87\t\x00#g\x90y\xe3\xd4\xe5r\xed\xda\xb5k\xf6\xec\xd9\x07\x0f\x1e\x94$\xc9sM\x96o\x14c\x8c\x08\x01*\x95J\xab\xd5\'%%\x1c9z\xf0\x97\xe5\xf3\x7f?\xfek\xe6^\xf6\x91\x91\x91QQQ\xef\xbe\xfb\xae\xc1`\xf0\x8c\x93\x85~F\x8e\x80\t\x00#\'A\x17\x04\x9e\xfa\x99\x0b\x17.,]\xbat\xe9\xd2eqqY\xb9Q\xecYvh\xb5:\x1e\xf27o_\xdf\xbes\xe3\xda\r+\xfe\xfc[9\xbf\xb1}\xfbv\xbd{\xf7\xaeS\xa7\x0e\xfd\n\xcb\xf60r\x1cL\x00\x189\x8f\xa7\xf2B\xaf\xb2Ql\xb5\xa4\xbb\xdcN\xee\x9f\xf2B\x7f\x95\xf3k\xf5N\xa7\xe3\xcc\xb9\x93+\xd7,\xd9\xb9g\xab\xc5\x92\xee\xb9&amp;&lt;&lt;\xbc{\xf7\xee\x9d;w\xf6\x94\xf3\xb3\r^F\x0e\x85\t\x00#\x07\xf3*\x1b\xc5eJ\x95k\xd7\xb6\xcb\xbb\xeft(R\xa4\x98\xe4v[\xedV\x82\xf1\xb3\x16C4\xdbC\xcb\xf9\x13\x13\xe3\xb7\xed\xdc\xb4z\xdd\xb23gOx.\x10E\xb1a\xc3\x86\xfd\xfb\xf7o\xd6\xac\x99B\xa1\x00\xac\x9c\x9f\x91\xf3a\x02\xc0\xc8\xf1\xbc\xcaFqhHX\x93\xc6\xcd\xdb\xb5\xe9R\xbdZm\xa5Re\xb5\xa6K\x92\x9b\x83\x90\x03\xdc\x93r~\x8d\x8e\xe3\xb8\xab\x7f\\\xdc\xbcm\xdd\xeau1\x8f\x1e\xffU\xce\x9f\'O\xde\xa8\xa8nQQQ\x9er~Y\x96}r\xf8\x80\xc1\xc8Z\x98\x000r\x0f\xcf\xdf(&gt;pP\x92\xff\xda(~\xabn\xc3\xf7\xde\xed\x1c\xd1\xa8YXX\x1e\xa7\xd3\x89\x10\xd2j\xb5V\xab\xe5\xe8\xb1\xc3\xcbV,\xf8\xf5\xc8\x81\xcc\xc7\x8f\xeb\xd6\xad\xdb\xa3G\x0fV\xce\xcf\xc8\xad0\x01`\xe46\x9e\xdd(\x9e={\xf6\x96-[2\x9f(\xce\x97\xaf@\xc7\xf7\xba\xb6i\xd5Q\xa7\xd3\xef\xd9\xbfci\xcc\xbc+\x7f\\\xf2\xbc\xea)\xe7\x8f\x8c\x8c\xa4_\x91e\x19B\xbf3 b0\xfe#L\x00\x18\xb9\x93\xe7n\x14\xcf\x9e=\xfb\xc2\x85\x0b\x9ek4j\x8dF\xa3MLJ\xf0|\xa5\\\xb9r\x9d:u\xf2\x94\xf3\xb3)?#w\xc3\x04\x80\x91\xcb\xc1\x18\x13B&lt;\xe7r\xf7\xef\xdf\xbfl\xd9\xb2\xd5\xabWgN\xf5\x00\x00\x9a6m\xda\xad[\xb7\x8e\x1d;2\xbf6F\xe0\xc0\x04\x80\x11\x10&lt;\x95\x17\xbaz\xf5\xea\xaaU\xabbbb\xd2\xd2\xd2\xde}\xf7\xdd\x1e=zPw~\xc0\xca\xf9\x19\x81\x04\x13\x00F\x00\xf1\x94\xd3\x9c\xddn\xb7\xd9l\xa1\xa1\xa1\x80e{\x18\x01\t\x13\x00F \x92\xf9\x00\x01\xcb\xf60\x02\x16&amp;\x00\x8c\xc0\x85&gt;\xfcl\xca\xcf\x08X\x98\x000\x18\x0cF\x80\xc2v\xba\x18\x0c\x06#@a\x02\xc0`0\x18\x01\n\x13\x00\x06\x83\xc1\x08P\x98\x000\x18\x0cF\x80\xc2\x04\x80\xc1`0\x02\x14&amp;\x00\x0c\x06\x83\x11\xa00\x01`0\x18\x8c\x00\x85\t\x00\x83\xc1`\x04(L\x00\x18Y\x06\xc6X\x96eB\x08;]\xc8`\xe4\x08\xd8I`\xc6\x7f\x82z\xa8Q\xbf\xe5\xcc\x9e\n\x84\x10f\xb1\xc0`\xf89l\x05\xc0\xf87\x10B\x10B\xb2,s\x1c\xc7\xf3\xbc \x08\x1c\xc7]\xb9re\xfa\xf4\xe9u\xeb\xd6\xdd\xb5k\x17\xc7q\xd4d\x8d\xc1`\xf8-l\x05\xc0x\r&lt;\xf3}\xea\xa3\t\x00@\x08\x1d?~|\xcf\x9e={\xf6\xec9y\xf2\xa4\xdb\xed\x06\x00\xe4\xcd\x9b\xf7\xdc\xb9saaa\x84\x10f\xac\xcf`\xf8-L\x00\x18\xff\xccS6\xfa #\xeeo\xd8\xb0a\xc7\x8e\x1d\x97.]\xca|\xb1 \x08\xb2,GFF\xee\xde\xbd\x1b!\xc4l\x96\x19\x0c\xbf\x85\t\x00\xe3\x85\xbcV\xdc\x0f\n\n\xa9Z\xb9z\xed\x9ao\xcd\xfca\xb2\xc3\xe9@\x08\xcd\x981c\xf0\xe0\xc1\xb2,{\x96\x0b\x8c\x17\xf1T\xc32\x06\xc3;0\x01`&lt;\xcd\xb3q?==\xfd\xc0\x81\x03\x9b6m:y\xe2\xe4\xc5K\x173_\x9c?\x7f\xc17k\xd7\x8f\x8chY\xb5r\x8d\x90\x90\xb0\xd0\x10\xe3\xe4\xef&amp;\x8d\x9f\xf4\x95 \x88\x84\xe0S\xa7NU\xae\\\x99\xad\x03^\x11Z@\xc5\x92f\x0c\xaf\xc1\x04\x80\xf1\x04\xda$\x0bB\xe8\t@\xe9\xe9\xe9\x07\x0f\x1e\xdc\xb8q\xe3\xbe}\xfb\xee\xde\xbd\x9b\xf9\xe2\xfc\xf9\x0b\xbeY\xbbAdD\x8b\x9a\xd5\xeb\xe6\xc9\x93\x17c\xecp8\xdcn\x17\xc6\xd8d4\x7f\xd8\xaf\xd3\xae\xbd\xdb \x84\xe1\xe1\xe1G\x8f\x1eU\xa9T\xac\xd5\xe2\x8b\xa0\xef\xf9\xa9S\xa7.^\xbc\xd8\xa3G\x0f\x00\x00B\x88\xbd]\x0c\xef\xc0\x04 \xd0y6\xee\'%%\x1d9r\xe49q\x9f\x03eJ\x95{\xa3b\xd5&amp;\x8d\xff\x8a\xfbv\xbb]\x92\xdc\x00\x00\x1a\xb30\xc6J\xa5*))\xa1\xd9\xbbo\xa5\xa4$a\x8c{\xf6\xec\xb9p\xe1B\x96\x08z\x11ty\xb4{\xf7\xee\xb7\xdf~\xbbi\xd3\xa6\xe3\xc6\x8d\xabU\xab\x16`2\xc0\xf0\nL\x00\x02\x94g\xe3\xfe\xfd\xfb\xf7\xf7\xee\xdd\xbbq\xe3\xc6\xa3G\x8f&amp;$$d\xbe\xb8t\xa9r\r\xeb7\x89l\xdc\xa2R\xc5*\x06\x83\xf1\xd9\xb8\x9f\xf9bY\x96\xcd\xa6\xa0]{\xb7\xf6\xea\xdbQ\x14\x15n\xb7{\xf5\xea\xd5\x1d:t`\x1a\xf0\\\xa8\x00\x1c&lt;x0""\x02c,\x8abTT\xd4\xb8q\xe3\n\x14(\xe0y\xd5\xd7cd\xe4Z\x98\x00\x04\x164\xeeg&gt;\xb4u\xff\xfe\xfd={\xf6l\xda\xb4\xe9\xd0\xa1C\xa9\xa9\xa9\x99/\xce\x1c\xf7\x8dF\x93\xe4\x96\xec\x0e\x1b\xad\xee\x7f\xf9\xe4T\x96\xe5\xd0\x90\xb0\xb1\x13\xbe\xf81z\xba(\x8az\xbd\xfe\xe4\xc9\x93\xc5\x8b\x17\xa7\x92\x93\x9d\xbf_\xce\x83\x86\xf8\x03\x07\x0e4n\xdcX\x14Ez\x94:,,l\xe4\xc8\x91}\xfb\xf6U(\x14t?\x86\xbdo\x8c\xec\x80\t@@\xf0l\xdc\xbf|\xf9\xf2\x89\x13\'6n\xdc\xf8T\xdcW(\x14\x95\xc2\xab\xbcY\xa7a\xdd:\xf5+W\xaaf4\x9a$I\xb2\xdbm2\x92!\x07_1\x0c\xd1c\xc0&lt;/\xbc\xd79\xf2B\xecY\x00@\xed\xda\xb5\x0f\x1f&gt;L\x17\x1c,\xad\x91\x99\xcc\x02\x00!\xa4\xe1\x9e\x12\x1e\x1e&gt;u\xea\xd4\xe6\xcd\x9b\x03\x96\x11bd\x0fL\x00r-\xcf5i\xb8r\xe5\xca\xb6m\xdb6n\xd8x\xf2\xd4\x93C[\x14\x85BY)\xbcrdD\x8b\x86\xf5#K\x97*\xa7Qk\xdcn\x97\xdda\x7f\xad\xb8\x9f\x19\x84\x90V\xa3\xbdu\xfb\xc6\xbb\x1d#\xecv\x9b$I\xa3G\x8f\x1e3f\x0cK\x04=Ef\x01\xe08\xae@\xfeB\x06\xbd\xe1\xf2\xd5\x8b\x1c\xf7\xe4\xb3\xd9\xbcy\xf3\xa9S\xa7\x86\x87\x87\x03\x00dY~\xcar\x83\xc1\xf8/0\x01\xc8m&lt;{X\x17x\xe2\xfe\xc6\x8d\x9e\xc3\xba\x14\xa5RY\xb1\xc2_q_\xadV;\x9dN\xa7\xd3A\xe7\x9b\xff1\xed \xc9Rhp\xd8\x8a\xd5K\x06\xff\xef#\x85B\xe1v\xbbw\xef\xde\x1d\x19\x19\xc9\xf2\xda\x99\xc9,\x00\x00\x80zo6Z\xb1d\xf3\xb4Y\x13\xe7-\x9cm\xb5Zx\x9eG\x08)\x14\x8a\xbe}\xfb\x8e\x1c92,,\x0c\xb0\x8d\x01F\xd6\xc1\x04 \x97\xf0"\x93\x86\r\x1b6\xfc\xfa\xeb\xafg\xcf\x9e\xcd\x1c\xf7\x8d\x06S\xcd\x1au##\x9a\xbfQ\xb1Z\xe6\xb8\x8f1\xe2\xfe\xd5|\xffE \x84LFs\xff!=\xd7oZ\x05!\x0c\r\r\x8d\x8d\x8d\r\t\ta\xd5\xee\x1e\x9e\x12\x80Z5\xea\xae]\xbeS\x14\x15\x97\xae\\\xf8y\xde\xcc5\xeb\x97\x03\x00\xa8\x0c\x14(P`\xfc\xf8\xf1\xdd\xbau\x13E\x91m\x0c0\xb2\x04&amp;\x009\x9b\xd7:\xack4\x18kV\xaf\x1b\x19\xd1\xe2\xcd\xba\r\x8b\x14.\xc6\xf3\xbc\xcb\xe5\xca\x8e\xb8\x9fyx&lt;/\xc8\xb2\xd4\xa6c\xc4\xb5\xeb\x7f`\x8c\xdb\xb7o\xbff\xcd\x1a\x96\x08\xf2\xf0\x94\x00\xd4\xae\xf9\xd6\x9a\x98\xed\xa9i\xa9:\x9d^\xadR\xef;\xb0\xf3\xc7\xe8\xe9G\x8f\x1d\xf6\\_\xabV\xad\xf1\xe3\xc7GFF\x02\x96\x11b\xfcg\x98\x00\xe4H\x9e\x8d\xfbv\xbb\xfd\xdc\xb9s\xcf\x8d\xfb\x05\xf2\x17\xaa\x14^\xb9a\xfd\xc8\xb7\xdelD\xe3\xbe\xc3aw\xb9\x9c\x84\x00\x8e\xe3\xb2{\x16)#\xd9h0\x9d&gt;s\xfc\xbd\xceM9\x0e\xca\xb2\xf4\xe3\x8f?~\xf2\xc9\'L\x03(\xcf\x15\x00\xab\xcd\n\x00\xc0\x04\x9b\x0cfIv\xafZ\xbbl\xda\xf7\x13\xe2\xe3\x1f\xd3\xa5\x00\x00\xa0s\xe7\xcec\xc7\x8e-]\xba4`\x19!\xc6\x7f\x80\t@N\x82&amp;y\xc0\xdfM\x1a\xe8a\xdd\xfd\xfb\x0f\xdc\xb9s;\xf3\xc5\x99\x0f\xeb\x86\x86\x86A\x0e:\x9cO\xe2\xbe\x97\xebIdY\x0e\x0e\x0e\xf9~\xf6\x94I\xdf\x8e\x16EQ\xa9T\x1e=z\xb4b\xc5\x8a\xac*\x14\xbcX\x00\xe8;\x83\x10\x82\x903\x19\x83\xee?\xbc\xbb\xf8\x97\xe8\xe8\xf9\xb3$Y\xa2v{F\xa3q\xc8\x90!\x83\x07\x0f6\x1a\x8d\x9e\xdd~_\xff6\x8c\x1c\x06\x13\x80\x1c\xc0\xeb\x994\xe4+\xf8f\x9d\xbf\x994\xbc\xe4\xd0\x96\xd7 \x98hu\xbaN\xddZ\xd2lF\xc5\x8a\x15\x8f\x1c9\xa2\xd1hXi\xe3\xcb\x05\x80"\xcb\xb2J\xa5\xd2h\xb4\xb1\x17\xcf\xfd0\xe7\xdb-\xdb\xd7\x03\x00h\x99P\x992e\x86\x0f\x1f\xde\xb3gO\xc0JE\x19\xaf\x0f\x13\x00\xff\xe5\xb9\x87uO\x9c8\xb1u\xeb\xd6\xbd{\xf7\xdd\xbb\xf7\xb7\xb8_\xbaT\xb9\xb7\xea6\xacU\xe3\xcd\xda5\xdf\x0c\x0b\xf3\x97\xb8\xef\x01c\xacT*\x13\x12\xe2[\xb4\xad\x9f\x9a\x9a\x8c\x10\xfa\xf4\xd3Og\xcf\x9e\xcd\x12A\xaf"\x00 \xa3\x03\x8fN\xa7\x87\x1c&lt;\xf4\xdb\xde\xeff|s\xee\xc2iO\xa9hDD\xc4\x97_~\x19\x11\x11\x01\xd8\xc6\x00\xe3u`\x02\xe0w&lt;7\xee\xbf\xcaa]\x93\xd1,#\xd9\xaf\xe2~fdY6\x9b\x83v\xed\xd9\xda\xf3\xa3\x8e\xb4*t\xed\xda\xb5\xed\xda\xb5\x0b\xf0\x14\xf6+\n\x00\x85\xa6z\x8cF\x93\xc3a_\xba|\xc1\xec\x9f\xbeKJN\xf4l\x0c\xf4\xea\xd5k\xfc\xf8\xf1\xf9\xf3\xe7\x07lc\x80\xf1j0\x01\xf0\x17\xe8\x14\xefUL\x1a8\x8e+U\xb2L\xc3\xfa\x91\x7f\x994d\x1c\xd6\xe5\x00\xe7oq?3\xb2,\x87\x04\x87\xfc\xef\xab\xfe\xbf\xc4\xcc\xe7y\xde`0P\x8b\x88@\xae\n}-\x01\xc8\xfcO\x0cz\xe3\xc3G\xf7g\xcd\x99\xba|\xd5bI\x92x^@H\x0e\x0b\x0b\x1b0`\xc0\xb0a\xc3\x98\x87\x04\xe3U`\x02\xe0w\\\xbe|y\xf7\xee\xdd\x07\x0f\x1e|\xc6\xa4\xe1\xc9a\xdd\x9a\xd5\xeb\x96+\x1bn6\x05\xb9%\xf7\xeb\x9a4\xf8\x16j\x11!\x08b\xdbN\x91\x17b\xcf\x00\x00"""\xf6\xee\xdd\x1b\xc8\xd3\xd5\x7f!\x00\x14\x19\xc9*\xa5J\xad\xd6\xc4\xc6\x9e\x9d\xf4\xdd\xe8\x83\x87\xf7z^\n\x0f\x0f\x1f1bD\xe7\xce\x9d\x01\xdb\x18`\xbc\x14&amp;\x00\xbe\x87\xde\x82\xdb\xb7o\xaf[\xb7n\xc3\x86\r\'O\x9e\x94$\xc9\xf3\xeaS&amp;\rj\xb5\xda\xedv;\x1c\x0e\x19I9%\xeeg\x86ZD\xdc\xbc}\xbdE\x9b\xfa\xb2,I\x924f\xcc\x98\xd1\xa3G\x07\xecf\xc0\xbf\x16\x00\x90Q\r\xac\xd5hyAX\xbfq\xc5\x0f?M\xbbv\xfd*\xe0\x00 \x00\xfc\xddC\x82\xc9\x00\xe3\xb90\x01\xf0=4\xf6\x8d\x181b\xe2\xc4\x89\x9e/\xeau\xfa\xd2\xa5\xcb7}\xc6\xa4!\xfb\x</t>
        </is>
      </c>
    </row>
    <row r="16">
      <c r="A16" s="1" t="n">
        <v>14</v>
      </c>
      <c r="B16" t="inlineStr">
        <is>
          <t>polygon_sides_number</t>
        </is>
      </c>
      <c r="C16" t="inlineStr">
        <is>
          <t>What is the missing number of the part denoted with a question mark?</t>
        </is>
      </c>
      <c r="D16" t="inlineStr">
        <is>
          <t>[4, 5, 8, 9]</t>
        </is>
      </c>
      <c r="E16" t="inlineStr">
        <is>
          <t>8</t>
        </is>
      </c>
      <c r="F16" t="inlineStr">
        <is>
          <t>There are 6 numbered polygons arranged in a triangle with number [9] in the top row, [4, 7] in the middle row, and ['?', 6, 3] in the bottom row.</t>
        </is>
      </c>
      <c r="G16" t="inlineStr">
        <is>
          <t>We observe that the polygon with 9 sides has the number 9, the polygon with 4 sides has the number 4, the polygon with 6 sides has the number 6, the polygon with 3 sides has the number 3, and the polygon with 7 sides has the number 7. Thus, the pattern is that the number inside the polygon represents the number of sides the polygon has.</t>
        </is>
      </c>
      <c r="H16" t="inlineStr">
        <is>
          <t>Based on the pattern that the number inside the polygon represents the number of sides of the polygon, the missing number of the polygon with 8 sides should be 8.</t>
        </is>
      </c>
      <c r="I16" t="inlineStr">
        <is>
          <t>b'\x89PNG\r\n\x1a\n\x00\x00\x00\rIHDR\x00\x00\x02\x00\x00\x00\x02\x00\x08\x02\x00\x00\x00{\x1aC\xad\x00\x00\x97lIDATx\x9c\xec\x9dg`TE\xd7\xc7g\xe6\xde\xbb}\xb3\xe9\xf4\xde!\xa0\x14\xa5\t\x84^\xa5I\x87\xd0!X@\x10\x14\x10\x10\x10PAA@PB\x93\xd0\x9b\x14A:R\x14\xa4\x85\xde{/)\xbbIv\xb3\xe5\x96\x99\xf7\xc3\xc0&gt;yi\x02&amp;\xdb2?\xfd\x106\x9b\xcdd\xef\xdd\xf3?s\xce\x99s !\x040\x18\x0c\x06#\xe7\x81\xbc\xbd\x00\x06\x83\xc1`x\x07&amp;\x00\x0c\x06\x83\x91Ca\x02\xc0`0\x189\x14&amp;\x00\x0c\x06\x83\x91Ca\x02\xc0`0\x189\x14&amp;\x00\x0c\x06\x83\x91Ca\x02\xc0`0\x189\x14&amp;\x00\x0c\x06\x83\x91Ca\x02\xc0`0\x189\x14&amp;\x00\x0c\x06\x83\x91Ca\x02\xc0`0\x189\x14&amp;\x00\x0c\x06\x83\x91Ca\x02\xc0`0\x189\x14&amp;\x00\x0c\x06\x83\x91Ca\x02\xc0`0\x189\x14&amp;\x00\x0c\x06\x83\x91Ca\x02\xc0`0\x189\x14&amp;\x00\x0c\x06\x83\x91Ca\x02\xc0`&lt;\x1fB\x08\xc6\xd8\xdb\xab`0\xb2\x11\xc8f\x023\x18\x00\x00\x92\t\x08!B\x08B\x08\x00P\x14\xc5\xfd5\x83\x11`0\x01`\xe4P\xa8\x83O\xef\x7f\x84\x10BO\xef\x86\xcdf\xb3\xd3\xe9\xcc\x9b7/\x00@\x96e\x8e\xe3\x98\x0c0\x02\x0c&amp;\x00\x8c\x1c\xc1\x8b\x1c|7v\xbb=%%\xe5\xc2\x85\x0bG\x8e\x1c\xb9~\xfd\xfa\xb9s\xe7\xae]\xbb&amp;I\xd2\xa0A\x83\x06\x0e\x1c\x18\x19\x19\t\x00P\x14\x85\xe38/\xfd\x05\x0cF\xd6\xc3\x04\x80\x11\x80\xd0\xbb\xfa\xe5\x0e~RR\xd2\xf9\xf3\xe7o\xdc\xb8q\xea\xd4\xa93g\xce\\\xbdz5%%\xc5f\xb3=\xfbjy\xf3\xe6\x9d8qb\xb7n\xdd\x04A\xa0Y\x81g_\x8d\xc1\xf0G\x98\x000\x02\x01w\xc2\x96\x10\xf2\\s\x9f\x96\x96v\xff\xfe\xfd;w\xee\x1c=z4!!\xe1\xde\xbd{W\xae\\\xb1X,/zA\xbd^\xcf\xf3BZZ\xaa\xfb\x91\xaaU\xabN\x980\xa1a\xc3\x86\x80E\x84\x18\x81\x02\x13\x00\x86\xff\xf1T&lt;\x87\x86t2?\x01cl6\x9b\xcf\x9f?\x7f\xfc\xf8\xf1[\xb7n\x9d8q\xe2\xc2\x85\x0b\x16\x8bE\x92\xa4\xe7\xbe\xa0JP\x99\x82\x83\x8b\x14*^ \x7f\xa1re+\x94(V*\x7f\xfeB\xc1\xa6\xe0\x1d\xbb\xfe\x98:cRb\xd2#\x8e\xe3\x14E\x01\x00t\xea\xd4i\xfc\xf8\xf1%K\x96\x04,"\xc4\xf0\x7f\x98\x000\xfc\x80\x7fM\xd8\xa6\xa5\xa5]\xbe|\xf9\xee\xdd\xbb\t\t\tG\x8f\x1e\xbd{\xf7\xee\x83\x07\x0f^\xe2\xe0\x07\x9bB\xc2\xc3#K\x14/U\xb2x\xe9\xe2\xc5K\x97,^:2"WHH\x98J\xa5B\x88\x93eI\x92DEQ\x0cz\xe3\xdd\xfbw\x16-\x9e\x137\x7f\xa6$K&lt;\xcf\xcb\xb2l2\x99\x86\x0c\x192x\xf0`\x93\xc9\xc4"B\x0c\xbf\x86\t\x00\xc3\xd7\xa1n~\xe6G\x1c\x0eGrr\xf2\x95+W\xce\x9c9s\xea\xd4\xa9\xeb\xd7\xaf_\xb8p!11\xf1E\xaf \x08B\xae\xc8&lt;\x05\x0b\x14.Q\xbct\xc1\x02\x85\xcb\x94\x8e*Z\xb8xpppPP0\x878EQDI\x94eI\x92%\x82\t\x01\x04B\x88 \x02\x00(\x8a\xa2\xd1ht:\xfd\x99\xb3\'g\xfe\xfc\xfd\xe6-\xeb\x00\x00\x10BBH\xa9R\xa5\x86\x0f\x1f\xde\xabW/\xc0JE\x19~\x0b\x13\x00\x86\xefB\x83&lt;\x08!\x8b\xc5r\xf5\xeaUZ\x99s\xe4\xc8\xd1\x8b\x17/\x98\xcd\xe6\xe7&amp;l)\xa1!a\xf9\xf3\x17\xcc\x9b;\x7f\xb9\xb2\xe5\xcb\x95}+O\xee|\x05\xf2\x172\x99\x82y\x9e\x87\x10\xc9\x92\xe4\x12]\x8a"\xcb\xb2\xec\x0e"Q\x9e\xbb\x06EQ\x0c\x06#\xcfq\xdbw\xfd\xf1\xdd\xf7c/_\xbd\x08!\xa0\x9f\x9b\xfa\xf5\xebO\x9a4\xa9j\xd5\xaa\x80%\x06\x18~\x08\x13\x00\x86\xefB\x83\xec\x1f}\xf4\xd1\x8a\x15+RSS_\xf44\xbd\xde\x10l\n)V\xb4D\xb9\xb2o\x15*X\xb8t\xc9r\xf9\xf3\x15\x0c\x0e\x0e\xd5iu\x1c\xc7\xc9\xb2,\xcb\x92(\x89\xd4\xdc\x13@\x10\x84\x10"\x08\x01\x00\xafj\xac1\xc6\x00\x10\xa3\xd1\xe4\xb0\xdb\x97\xae\\8\xeb\x97\x1fR\xcc\xc9&lt;\xcf\xc9\xb2"\x08BLL\xcc\xd7_\x7f\x9d/_&gt;\xc0\x12\x03\x0c\xbf\x82\t\x00\xc3G\x91e\x99\xe7\xf9\xb8\xb8\xb8\x01\x03\x06&lt;\xf5\xad\xf0\xf0\x88\xa2\x85\x8b\x17\xc8_\xb8H\x91beJE\x15/V*4$,$8D\x10T\x98`I\x92DQT\x14IQ0\x01\x04\x82\x979\xf8\xaf\x85\xa2(\x1c\xc7\x07\x19\x83\xee?\xb8;\xf3\xe7\xef\x97\xaeX@\x83?\x18\xe3\xc8\xc8\xc8\x81\x03\x07~\xf1\xc5\x17*\x95\x8a%\x06\x18\xfe\x02\x13\x00\x86/B\xad\xff\xae]\xbb\x1a6l(\x08*I\x12\xdf\xaaP\xa9v\xcdz\xa5J\x96\xcb\x977\x7f\xa1\x82E\xc2\xc2\xc2\x05A\xc5q\x9c,\xc9\xa2\xe8\x92\x15Y\x96eLp\x16\x9a\xfb\x17@dE\xd1\xa84z\x83\xe1\xe0\xa1\xbf\xa6\xcd\x98\xf4\xf7\xc1\xbd\xee\xefEEE\x8d\x1a5\xaaS\xa7N\x80%\x06\x18\xfe\x00\x13\x00\x86\xcfA\xa3(g\xce\x9c\xa9[\xb7nZZ\x9a,\xcb\xed\xdav\x99&gt;%N\x10T\xb2"+\x8a"\x8a.I\x922\x1f\xeb\x05\x00x\xd2\xd4\x12B0V\x0cz#\xe2\xb8u\x1bV\xfc\xf4\xcb\xd4+W/\x02\x08\x00\x01\x00\x80\xa6M\x9bN\x992%**\n0\x19`\xf86L\x00\x18\xbe\x05\x8d\x9fX,\x96\xbau\xeb\x9e9s\x06\x00\xf0V\xf9J\x1b\xd6\xec\xa6\x99[jL\xb3\xd3\xc1\x7f\r\xe8RMA\xc1V[z\xdc\x82\x99\x8b\x96\xc4\x99\xcd)\xb4TT\xa5R\xc5\xc6\xc6\x8e\x1e=\x9a\xf5\x90`\xf82L\x00\x18&gt;\x84\xbb\xec\xa7a\xc3\x86\xbbv\xed\x02\x00\xe4\xcfW`\xf3\xba}Fc\x90(\x8a\xbe\x19U\xa7\xc6=\xd8\x14r\xfd\xe6\xd5i3&amp;\xadY\xb7\x1c\x00\x80\x10\x87\xb1\x12\x19\x199z\xf4\xe8\xd8\xd8X\x96\x18`\xf8&amp;L\x00\x18&gt;\x04\r\xfd\xf7\xef\xdf\x7f\xde\xbcy\x82 h\xb5\xba%\x0b\xd6U\xaa\xf8\xae\xd5\x9a\xc6q\xbc\xb7W\xf7\x12\x88,+\x1a\x8dV\xaf\xd3\xef\xde\xb3mv\xdc\xb4\x83\x87\xf6\xbb\xbf\x17\x15\x155e\xca\x94\xa6M\x9b\x02V*\xca\xf01\x98\x000|\x05I\x92\x04A\x98&gt;}\xfa\x90!C\xd4j\xb5\xcb\xe5\xfai\xda\x82N\x1d\xba?z\xf4P\x10\x04o\xaf\xee\xdf!\x84(X\t\x0e\n\x16%i\xed\xbae?\xcf\xfd\xf1\xc6\xcdk\x08A\x8c\t\x00\xa0S\xa7N\xa3F\x8d\xa2\x89\x01\xaas\xde^/\x83\xc1\x04\x80\xe1\x1bP\x9b\xf8\xdbo\xbf\xb5k\xd7N\xa5R\x89\xa28~\xcc\x94\xd8\xbe\x83RR\x92x\xde\x0f\xac\xbf\x1bEQ \x84\xa1!a\x0f\x1f=\xf8u\xc9\x9c\x05\xbf\xce\xb6\xda\xac\xee\xc4\xc0\x17_|A\x9bK\xd3\xe6\x16,1\xc0\xf0.L\x00\x18\xde\x87\x86\xd1\x8f\x1d;\xd6\xa8Q#\xab\xd5&amp;\xcbR\xc7v13~\x98g\xb6\xa4\xf8\xa9\x89\xa4\xe6\xded\n&gt;w\xee\xf4\xb4\x99\xdfl\xda\xb2\x0e&lt;I\x0c\xd0\xe6\xd2\xee\x1e\x12\xcfv\xb2c0&lt;\x06\x13\x00\x86\x97\xa1\xd9\xd1\xd4\xd4\xd4*U\xaa\xdc\xb8q\x03\x00P\xbdj\xad\xb5\xcb\xb7ZmV\xe0\xd9\xe2\xce\xac\x85\x10\xa2(\xb2^o\xe4\x10\xb7\xef\xef]?\xfc8\xf1\xe4\xe9\x84\xcc=$F\x8e\x1cY\xbf~}\xc0\x12\x03\x0c\xef\xc1\x04\x80\xe1M\xdc\xb7_\x8d\x1a5\x0e\x1d:\x04\x00(Y\xbc\xf4\xea\xe5[\rz\x83$I\x01\xe0\x1a\xd3&amp;\xa6&amp;SpF\x86m\xc3\xef\xab\x7f\x981)1\xf1\xa1\xbb\xb9t\xef\xde\xbd\x87\x0f\x1fN\x9bK?\xdb\xf3\x8e\xc1\xc8n\x98\x000\xbcI\xe6\xb2\x1f\x9e\x17\x0cz\xc3\xf2\xf8\xdf+\x94\xaf\x98\x96\x96\x1aHiR\x1a\xe32\x05\x05\xdf{pg\xe6\xec)\xcbW-\x92$\x89\xca\x00m.\xfd\xe9\xa7\x9f\x06\x07\x073\r`x\x18&amp;\x00\x0c\xafA\xcb~\xc6\x8f\x1f?n\xdc8\x9a\xf8]4oM\xd3F-\x93\x92\x13\xfd\xa2\xec\xe7u\x91eY\xa3\xd1h\xb5\xba3gN|\xfb\xc3\xd8\xbd\xfbw\xb9\xbfU\xb6l\xd9}\xfb\xf6\x85\x85\x85\x01\x7f\x8ez1\xfc\x0e\xbf\xdfb3\xfc\x14Y\x96\x05A\x88\x8f\x8f\x1f7n\x9cJ\xa5\x16Eq\xe2\xd8\x1f\x1a7h\x9e\x9c\x92\x14\x90\xd6\x1f\x00\xc0\xf3\xbc$I\xa9\xa9\x96\xd2\xa5\xa3\x96,X\xbf0nU\x89\xe2\xa5\x00\x00\x1a\x8d\xe6\xfc\xf9\xf3\xeb\xd7\xaf\x87\x10\xd2\xd0\x10\x83\xe1\x19\xd8\x0e\x80\xe1\x05hH\xe4\xe8\xd1\xa3\xd1\xd1\xd1\xa2(\xca\xb2\xdc\xa3[\xbfi\x93\xe7&lt;J|\xe0\xdb\x07\xbe\xb2\x06\x9a\xf76\x1a\x8c\xa2$\xcd\x98=y\xe6\xec)\x10\xc2*U\xaa\x1c&gt;|\x18c\x1c\x00\x99\x0f\x86\xbf\xc0\x04\x80\xe1i\xa8\x8dKJJ*W\xae\\rr2!\xa4Q\x83\xe6\xbf\xc6\xadJ\xb7\xa6\xfbH\x93\x1f\xcf \xcb\xb2V\xabu\xb9\\\xb5\xea\xbf\x95\x9c\x92\xa4R\xa9\x8f\x1fO(W\xae\x1c\xd3\x00\x86\xc7`\xf7\x19\xc3\xa3P\x87\xc3n\xb77o\xde&lt;))\x89\x10R\xael\x85\x1f\xbe\x9d\xedt:A\x0e\x0b\x7f\xf3&lt;\xefp8LA\xa6z\xd1\x8d\x01\x00\xa2\xe8Z\xb4h\x11x\xb2?`0&lt;\x00\x13\x00\x86\xe7 \x84\xc8\xb2\x8c\x10\xfa\xf8\xe3\x8f\x8f\x1e=\xca\xf3\x82)(x\xf6\xf4E!!a.\xd1\x99\x03\xdd^\x08!\xc6\xb8]\xdb\xae\xf4o\xdf\xb4i\x13=\x13\xe0\xedu1r\n9\xee#\xc7\xf0"\x8a\xa2\x08\x820d\xc8\x90E\x8b\x16\xf1\xbc \xcb\xd2\xbc_\x96\x97(V*=\xdd\xc7{\xbde\x17\x1c\xc7\xd9\x1d\x19oE\xbd]\xa0@!\x00\xc0\x95+W\xf6\xef\xdf\x0f\x00`\xa9`\x86g`\x02\xc0\xf0\x10\xb4\xe4\x7f\xde\xbcy\xd3\xa7OW\xab\xd5\xb2,M\x1c7\xb5v\xcdz\xa9i\x96@*\xf9\x7f]$I6\x99BZ6\xfb\x00\x00\x801\x8e\x8f\x8f\xcfQq0\x86wa\x02\xc0\xf0\x04\x8a\xa2\xf0&lt;\x7f\xe8\xd0\xa1\xd8\xd8XA\x10\\.\xd7\'\x03\x86~\xd4\x7fH\x8a99\'[\x7f\x00\x00B\xc8%\xbaZ4k\xcb\xf1&lt;\x00`\xeb\xd6mIII\x1c\xc7\xb1\xea\x0c\x86\x07`\x02\xc0\xc8vh\xdb\xcb\x1b7n4o\xde\x9c\xe38I\x92Z\xbf\xdfa\xf8\xd0\xb1\x8f\x12\x1f\xb2x7B\xc8n\xcf(]\xb2\xec;\x95\xab\x01\x00\x92\x92\x12\xff\xf8\xe3\x0f\xc0\xa2@\x0c\x8f\xc0\x04\x80\x91\xbd\xb8G&lt;v\xe8\xd0\xc1l6\xcb\xb2\\\xbe\xdc\xdb\xdfN\x98\xee\x12E\x90\xc3\xca~^\x04\xc6X\xad\xd1\xb4i\xd9\x11\x00\x00!\\\xbbv-`\xb3\xc3\x18\x1e\x81\xddd\x8cl\x84v\xbdG\x08\xf5\xef\xdf\xff\xd8\xb1c\x08\xa1\x90\x90\xd0\x85q\xab\xb4Z\xad(\xba\x98\x8d\xa3p\x1cg\xb7g\xd4\xac^G\xa7\xd3\x13B\xfe\xfcs\xcf\x95+W\x10B\xac\x1e\x94\x91\xdd\xb0O #\x1b\xc1\x18\xf3&lt;?`\xc0\x80\xb5k\xd7\n\x82\xa0R\xa9\x17\xceY\x95;W\x9e\x8c\x8c\x0c\x16\xfcq\x03!t:\x9dE\x8b\x14oP\xb7\t\x00\xc0\xe1\xb0o\xd8\xb0\x01\xb0\x03\x01\x8c\xec\x87\t\x00#\xbb\xa0%\xedqqqqqq*\x95Z\x92\xa4\xf1\xa3\'\xd7\xacQ\'\xdd\x9a\x9e\xc3\x13\xbf/\xa2E\xb3\xb6\x00\x00\x08\xe1o\xbf\xfd\xc6\xce\x033&lt;\x00\xbb\xc3\x18\xd9\x02-\xfa\xdc\xb5k\xd7\x80\x01\x03\xd4*\xb5(\xbaF~&gt;\xbeO\xcf\x8f\x12\x13\x1f1\xeb\xff,4\x15\xfcn\x95\xea\x11\x11\xb9\x08!G\x8f\x1e=z\xf4(B\x88\xa5\x82\x19\xd9\n\x13\x00F\xd6C\x8b&gt;\xcf\x9c9\xd3\xa9S\'\x9e\xe7]\xa2\xab}\xdb.\x1f\xc7~\x16\xa8}\x9e\xff;\x10B\x97\xcb\x95\'w\xbe\x96\xcd\xda\x02\x000\xc64\x15\xcc\x8aA\x19\xd9\n\x13\x00F\x16C\x08A\x08\xa5\xa4\xa4t\xed\xda5%%E\x96\xe5\xb7\xcaW\x9a\xf2\xcdl\xbb\xc3\xc1j~^\x02\x84P\x94\xc4\xc6\r\xdf\xa7\x91\x9fe\xcb\x96\xa5\xa7\xa7\xf3&lt;\xcf4\x80\x91}0\x01`d1\x84\x10EQ:u\xeat\xe6\xcc\x19\x00@\xfe|\x05\xe2\xe7\xaf\xc5XQ\x14\x99\t\xc0K\xe08.#\xc3\xf6N\x95j\xe5\xa3\xde\x06\x00&lt;x\xf0\xe0\xc0\x81\x03\x80\xa5\x82\x19\xd9\t\x13\x00FVB{\xbd\xfd\xf2\xcb/\xbbv\xed\x12\x04!"&lt;r\xd6\x8f\xbf\x86\x87E\xb8\\9\xb1\xd7\xdb\xeb\xa2(\x8aN\xa7o\\\xbf9\xfd\xe7\xb2e\xcb\xbc\xbb\x1eF\xc0\xc3&gt;\x93\x8c\xac\'11\x11B(IR\xa7\xf61\xd1\xb5\xeb[R-9\xb3\xd7\xdb\xeb\x82\x10r8\x1c\r\xea7\xd3h\xb4\x00\x80\x8d\x1b7&gt;z\xf4\x88\xb5\x85`d\x1fL\x00\x18Y\x8f \x08Ol\x16t8}\xcb\xf7\xa7\xc1(EQ\x08\xc1\x84\x10B\xb0\xa2(\x8a"\xfbB\xa4\x85\xd6\x02E\x95\xadP\xed\x9d\x9a\x00\x00\x9b\xcd\xb6i\xd3&amp;\xc0\xdaB0\xb2\r\x1f\xfad2\x02\x86\xcc\x1e\xab\xefX\x7fjF\r\x86\xa0\xd0\xd0p\x93)X\xa3\xd1\t\x82\xa0\xd1\xe8L\xa6\xe0\xd0\x90p\xbd\xde@\xb3\x17\xde^&amp;\x80\x105o\xd6\x86~=o\xde&lt;v \x80\x91}\xb0\x8d9#\xf0!\x04\x03\x00\x83\x83C\xac\xd6\xf4\xbf\x0e\xec9|\xf4\xc0\xe5\xcb\x17\x92\x92\x13E\xd1\xa5R\xa9"#r\x97)\x1dU\xbdZ\xad\x8aoU\xd1h\xb4\xe9\xe9i^\x9cL\x89\x10\xca\xb0\xdb\x1a\xd5o6%"WR\xd2\xa3\x93\'O]\xbf~\xbdx\xf1\xe2L\x06\x18\xd9\x01\x13\x00F\x80\x83\xb1\xa2R\xa99\x8e_\xber\xd1\xc2\xf8_\xce_&lt;\xf3\xecs\xb6l\xdf\x08f\x80\xca\x15\xdf\xed\xdfgP\xf3\xa6\xad\xedv\xbb\xa2\xc8^1\xb8\x10BQ\x14##s\xd7\xacV{\xc3\xa65\xa2\xe8Z\xb6l\xd9\xd8\xb1c\x99\x000\xb2\x03vK1\x02\x19\x8c\x15\x8dZk\xb5\xa6\xf7\xfb\xb0\xf3\xb0\x91\x1f\x9d\xbfx\x06B(\xf0\x82J\xa5\x16\x04\x15\xcf\x0b\xb4C\x91 \x08\x10\xc2\x84\x13Gb?\xe96\xe4\xf3XB\xb0J\xa5\xf2bV@Q\x94\xd6-;R\x8b\xbft\xe926\'\x92\x91M0\x01`\x04,\x84\x10\x95\xa0N\xb7\xa6w\xeb\xddf\xe7\x9f[9\x8eG\x08!\x84$Y\x12E\x97$\x89\xb2,I\x12\xfdZB\x08q\x88\xe38n\xcd\xbae\xbdc;\xd1V\x16^)\xbf\xa1\x07\x02jV\xabE\xe7D^\xbf~m\xff\xfe\xfd\x10B_\xc8O0\x02\x0c&amp;\x00\x8c\x80\x85\x10"\xa8\x84\xcf\xbe\x88={\xee\x14\xcf\x0b\x8a"\x03\x00\x14E\x89\x88\xc8\xd5\xads\x9f\xc9\x93~\x9a3k\xc9\x8fS\xe6\xf4\xef3\xb0@\xfeB\x8a\xa2`\x82\x15\x05\x0b\xbcp\xe0\x9f\xbd\xc3F|\xa4\xd5\xe8\xbcU\x7f)\xcb\xb2\xd1h\xca&lt;\'\xd2+\xcb`\x04&lt;,\x07\xc0\x08L\x14E\x0e\t\x0e]\xb1z\xf1\xee\xbd\xdby\x9e\x97e\x89v\xd8\xef\xd4\xbe\xfb\x88a\xe3r\xe7\xceK0\xc1\x04C\x089\xc4\r\xfed\xc4\xf4\x9f\xbe\x9b\xbb\xf0\'\x848Y\x91y\x9e\xdf\xb4e]\x9d\xda\r\xbat\xec\x95\x9a\x9a\xe2\xf9C\x0cO\xe6D~\x10\xb7`\xa6(\x8a;w\xee\xb4\xd9l\x06\x83\x81\x10\xc2NS3\xb2\x10\xb6\x03`\x04&amp;\x1c\xc7[m\xd69\xf3\xa6C\x08i\x06\x15c\xdc\xbdk\xdf\x99\xd3\xe6\x1b\x0c\xc6\x94\x94dK\xaa9--55\xd5\x92\x9c\x92\xc4\xf3\xfc7\x13~\xfc|\xc8W\x18+\x10"\x8c1\x84p\xda\x8coRR\x92\x04A\xe5\xf9}\x00B\xc8\xe1\xb0\x97,Q\xaat\xa9r\x00\x80\x07\x0f\x1e\xfc\xfe\xfb\xef\x80\x1d\x08`d5L\x00\x18\x01\x88\xa2(z\xbd\xe1\xc8\xd1\x83\x97\xaf^\xa4.3\xc6\xb8H\xe1b\xa3\x86OLM\xb5H\x92\xc8\xf3&lt;\xf7\x04\x9e\xe71\xc6\x89\x89\x8f&gt;\xfbtd\x83\xbaM0V \x80\x08\xa2\xfb\x0f\xeen\xfa\xe37\x83\xc1\x88\xb1\x17\xcc\xae\xa2(Z\x8d\xae}\xdbn\xf4\x9f\xb4-\x04+\x04bd-\xec~b\x04$\x84\xe7\xf9\xbf\x0f\xee\x05\x00 \x88 D\x00\x80\x8e\xedb\x82M!\x92$"\xf4tE\r\xad\xfb\x17E\xf1\xb3\xc1\xa3\x04A\x85\t\x06\x10@\x08\xd7\xff\xbe\xda\xe5rAo\x98]\x8e\xe3\xec\x0e{\xfd\xe8\xc6z\xbd\x01\x00\xf0\xf7\xdf\x7f?x\xf0\x00!\xc4\xdaB0\xb2\x10&amp;\x00\x8c\x00\x04B$I\xd2\xd9\x0b\xa7\x00\x00\x04\x10\x8c\x15\x08a\xd5wk\xba\\\xceg\xad?\x05!.\xc3n\xabP\xee\xedj\xef\xd6$\x84\x00\x00\t!\xa7\xcf\x1c\xbf~\xe3\x8aF\xad\xc1\xc4\xd3%\xa1\x10B\xa7\xd3Q\xb0`\xe1w\xabT\x07\x00\xa4\xa7\xa7/_\xbe\x1c\xb0(\x10#Ka\x02\xc0\x08@h%\xe5\xa3G\x0f\xe8?\t!FcP\xde&lt;\x05$YzI\x12\x95\x10\xc2\xf3B\x9dZ\xf5\x01\x00\x10\x00\x848\x97\xe8:}\xf6\x84F\xad%\xd8;~7\x82\xa8c\xbb\xee\xf4\xeb5k\xd6\xb0\xe3`\x8c\xac\x85\xddL\x8c@\x83\x96\xca\xb8\\N\x9b\xcd\xea~\xd0h\x08\xd2j\xb5/?\xdb\x85 \x94e\xa9t\xc9r\x00\x00\x05+\x08A\x00\xc0\x85\x8bg!\x82\x00xA\x00\x10BvGF\xb5w\xdf\x8b\x88\xc8\x05\x00`s"\x19Y\x0e\x13\x00F\x00\x02\x01$\x84(\xca\xff\xcc=\xc7q\xe8\xdf\x0b(\xa1\xa2(\xa1\xa1\xe1\x8fC\xed\x04\x00\x00n\xdd\xbe\xa1(\n\x00^(\xbe|2\'2\x8f{N\xe4o\xbf\xfd\x06\xd8\x9cHF\xd6\xc1\x04\x80\x11\x80`B8\x8eW\xa9\xd4\xeeG2\xec\x19\xa2$\xfek\x11=\x01\xc0\xfd\x14\xaa\x00I\xc9\x89\xf4\x9cp\xb6-\xf6e\xd0\xb1\n\x8d\x1a\xb4\xa0\x02\xb4a\xc3\x06\xbb\xdd\xce&amp;\x040\xb2\n&amp;\x00\x8c@\x83\x16\xfe\xebt\xba\x90\xe0\x10\xf7\x83\xa9\xa9\xe6\xc4\xc4G&lt;/\xbc\xc4t\x12B\x04A\xb8y\xfb\x06\r\xb5\xd3g\xda\xed\x19\xa2\xe8\xf2\xd6\xf1+\x8e\xe32\xec\x19\x15\xdf\xaa\\\xa2X)\x00\xc0\x95+W\xf6\xee\xddK\xff@\xaf\xac\x87\x11`0\x01`\x04 \x18+Z\xad\xaeH\xe1b\xd4ps\x1c\xa7(\xca\xb1\x84\x7f4j\xcdKL\'!\x04A\xb4\xe6\xb7\xa5\x00\x00\xb7\xc5\x97$QQ\x14\x08!\xf1F\x1a\x00\x00 \xcbrpph\x9b\x96\x1d\xe9\xaah-\x10\x83\x91%0\x01`\x04$\x04BX\xf5\x1dZ\xd0\xf98h\xbet\xe5\xafv{\x06\xcf\xf3\xcf&amp;Q1\xc6\x92$\xe5\xce\x95g\xc5\x9a\xf8?\xf7\xee\xc8\x9ch\xf5z\xac\x05!\x94a\xcfh\xdc\xa0\x85\xd1`$\x84l\xdc\xb8\xf1\xe6\xcd\x9b\x1c\xc7\xb1M\x00\xe3\xbf\xc3\x04\x80\x11\x80 \xc4\xd9\xed\xf6\xba\xd1\x8d\x0c\x06#\xc6\x98\x10\x82\x10\xbax\xe9\xdc\xb7?\x8c\r\r\t\xa3\xe5@\xca\x13\x08!Z\xad.22\xd7\xca5K\xbe\xfcj0m\x1a\xe1~)\x81\xe7i8\x08z#\x0f\x0chDKQ\x8c\xc6 \xb5Z\x03\x00p:\x9d6\x9b\xcd++a\x04\x1eL\x00\x18\x01\x08-\x03-Z\xb8x\xe7\xf6\xdd\t!\xd4_F\x08\xcd[8\xeb\xa3O{\xdc\xba}C\xab\xd5\x05\x07\x87\x84\x04\x87\x06\x9b\x82U*\xd5\xe5+\x17&gt;\x1d\xd6\xff\xe3\xc1=].\x17\xc6\x98\xe7\xff\xd7\xfdM\xad\xd6d\x1aq\xec\x05\x14E1\x18\x8c\x7f\xee\xdd\x9e\x9c\x92\x04!\xac]\xbbNTT\x14;\x10\xc0\xc8\x12X7PF`\x82\x10\xb2\xda\xd2?\xfdd\xf8\xee\xbd\xdb\xaf\xdf\xb8\xca\xf3\xbc,\xcb\x08\xa15\xeb\x96o\xdc\xbc\xb6BT\xa5\x82\x05\x0bk5Z\x9b\xcdz\xe3\xe6\xb5\xb3\xe7Oc\xac\xf0\xbc \xcb\xd2\xe7C\xc6\xacZ\xbb\xe4\xf6\x9d\x9bt+`0\x18\x05A\xe5ry-\x0f\x8c\x10r:\x1d\x1b7\xaf\x01\x00\x10Bz\xf4\xe8\x0e\x00`\x02\xc0\xc8\x12\x98\x000\x02\x13\x08!\xed\xaa?w\xf6\xb2\x98\xdem\x1f&lt;\xbcG\x87j\xf1&lt;/\x8a\xe2\xb1\xe3\x87\x8e\x1d?\xe4~2\x878\x84\x90,K\x1f\xc7~\x16\xd3\xa5\xef\xac9S\xdd\xdf\n\x0f\x8b\xe0\xbc\xd7\x81\x07c\xac\xd3\xe9/^:w$\xe1\x10\x00 ""\xb2i\xd3\xa6tO\xe3\x95\xf50\x02\x0c\xe6D0\x02\x16\x84PF\x86\xadd\x892k\x96o\x8d\xae\xdd\x90F\xfceY\x06\x00\xf0&lt;OGBR\xbf^\xc1\x8aN\xa7\x1f=b\xe2\xf8\xaf\xbe\xbfu\xfb\x86\xd3\xe9p\xbfH\xee\xdcy\x11\xc7y\xe5$0\x00\x00c\xacV\xa97oY\xa7\xc82\x00\xa0i\xd3&amp;\x11\x11\x11\xb4[\xb5W\xd6\xc3\x080\xd8\x0e\x80\x11\xc8p\x1cg\xb3Y\xf3\xe5\xcd\xbfh\xde\x9a]\x7fn\xf9m\xc3\xaa\x13\'\x8f$&amp;=\xa22\x00\x00\xd0\xa85\x05\x0b\x16\xae\x17\xdd\xa4S\xfb\x98\xe2\xc5J9\x1c\xf6\x07\x0f\xef\xd1\xa41\xf5\xfa\x0b\x16(\xec%\xe3\x0f\x00\x00\x82\xc0\xa7\xa5Y~\xdf\xf2\x1b\x00\x00!\xd4\xa3G\x0fv\x04\x8c\x91\x850\x01`\x048\x1c\xc79\x9dN\x08a\xd3F\xad\x9a4j\x99\x94\xf4\xe8\xfe\x83{\xa9\xa9fEQ\xd4\x1aMDx\xae|y\xf3\x99\x82B\x1cN\xbb\xc5\x92\x12\x11\x91\xeb\xf2\xd5\x0b\x00\x00w%h\xb1\xa2%%Y\xa2\r\xa5=\x8c\xa2(A\xc6\xa0\x83\x87\xff\xbes\xe7\x16\x00\xa0D\x89\x12\xb5k\xd7\xa6\x7f\x91\xe7\x17\xc3\x08H\x98\x000\x02\x1f\x9a/MKO\x85\x10\x18\x8dAQ\xa1a\x1c\xc7C\x000!\xb2,\x89\xa2h\xb6\xa4 \x04y^\x90e\xf9\xe4\xa9\x04\xfaS\x84\x90`SH\xd1"\xc5\xbd{\x12x\xed\xbae\xb4,\xf5\xfd\xf7\xdf\xa7\xa9\xec\xccEJ\x0c\xc6\x7f\x81\xddI\x8c\x9c\x02u\x9ceY\x96$\x89\x1e\x0e\xa3s` D\xb4\xbb\x8e \xf0\x8f\x12\x1f\x1e?y\xd4\xfd#\xe5\xcaV\xc8\x9d+oF\x86\xcd\xf3%7\x84\x10\x95J\x95\x98\x94\xf8\xe7\xbe\xed\x00\x00\x95J\xdd\xb3gO\xc0\x86\x821\xb2\x14v31r\x16\x10B\x84\x10B\x1c\xc7q\x08!wl\x07c\xac\xd3\xea\x0f\x1d\xfe\xcblNv\'\x00\xea\xd4j\xa0\x12T\xc4\xe3\xd3`\xe8z\xf4:\xc3\x8e\xdd\x7f$\'\'\x01\x00\xde~\xfb\xadr\xe5\xca\xb1\xeaOF\xd6\xc2n&amp;\x06\x03\x00\x00\x00\x04\x18+KW,\x04\x00\xd0\xb9\xf0j\x95\xba~\xdd\xc6\x0e\xa7\xc3[6\x97\x10\xfc\xc7\x96\xf5\xf4\xeb~\xfd\xfa\x01\x00X\xfb\x07F\xd6\xc2\x04\x80\xc1\x00\x92$\x86\x85\x84o\xd8\xb4\xf6\x9f\xc3\x7f!\x84\x00 \x84\x90:\xb5\x1b\x94.U\xce\xe1\xb4{&gt;\x03L\xcb\xff\xcf\x9e?}\xe8\xe8\x01\x00\x80\xc1`x\xff\xfd\xf7\x01K\xff2\xb2\x1a&amp;\x00\x8c\x9c\x8e$I!\xc1\xa1\x17/\x9f\x1b7\xf1\x8b\xc7\xc9^\x02 \x84\xfdz\x7f\x82\x15\xc5+-\x800\xc6Z\xadv\xd7\xee-\xf4DB\xabV\xadr\xe5\xcaE\x9b\x92z~1\x8c\x00\x86\t\x00#\xc0\xa1}\xdfhK\xb8L`\x8c\x1f\x1f\n\x8b\x88\xc8u\xe9\xca\x85\x9e}\xdb\xd3f;\x10"\x05+\x1f\xb4\xeeT\xb3z\x1d\xab\xcd\xea\x95\xf8\x0f\xc7qv{\xc6\xf6\xdd\x7f\xd0\x7fv\xed\xda\xd5\xf3k`\xe4\x04X\x15\x10#\x90!\x84h\xb5Z\x95J-\x8a\xa2"\xcb\x98`\x00\x00\x84\x90\xe38AP\xf1&lt;\x9f\x9e\x9e\x16\xbft\xee\xb7S\xbe\xb2\xa4\x9a\x11B\x10BE\x91\x0b\x15,2f\xe47v{\x86W\xac\xbf\xa2(Fc\xd0?\x87\xfe:s\xf6$\x00 O\x9e&lt;5k\xd6\x04\xac\xfe\x87\x91\r0\x01`\x04,\x84`\xadV\xf7\xcf\xa1\xbf\xee?\xbc\x17U\xee\xad\x90\xe0P\xb5J\r\x00\x94e)-=\xf5\xf6\x9d\x9b\xc7\x12\x0eo\xdf\xb9\xe9\xf2\xd5\x8b\x00\x00Z\x11\xa4(\xb2)(x\xce\xcc\xc5!!a6\x9b\xd5+1wB\x88JPm\xdf\xb9\x89\xa6|\xbbv\xed\x1a\x14\x14\xc4\xca\xff\x19\xd9\x01\xbb\xa5\x18\x01\x0b\xc6X\xa3\xd1\x1e9vp\xda\xccoU*\xb5N\xab\xd3\xe9t\x10"\xa7\xd3a\xcb\xb0\xb9\\N\xfa4\x0eq\x00BB\xb0\xa2\xc8yr\xe7\x9b\xf3\xd3\xe2\n\xe5+\xa6\xa5\xa7r\x9c\x17&gt;\x1d\x84\x10\xb5Z\xfd\xe0\xe1\xbd\xdf\xb7\xac\x03\x00 \x84\xda\xb5k\x072M(c0\xb2\x10&amp;\x00\x8c@\x86\x10\xac\xd3\xe9\x05AP\x14\x9c\x9afIM\xb3\xb8\xbf\xc5\xf3&lt;B\x1c!X\x92$\xfaH\xd3\xc6-\xc7~\xf9]\xbe|\x05R\xd3SyoX\x7f\xf0\xa4\xfe\xe7\xcf\xbd;\x92\x92\x1e\x01\x00\xdey\xe7\x9dw\xdey\x07c\xcc\xea\x7f\x18\xd9\x01\x13\x00F\xd6\x93\xd9]\xf5n\xe9:\x84\xc8\xe1\xb0\xbbM|fdY\x06@\x06\x00 \xc4\xd5\xac^\xa7W\xf7\xd8\x86\xf5\x9aJ\xb2d\xb5\xa6{\xcb\xfa?\x86\x90\xcd[\xd6\xd1/\xdb\xb7o\x8f\x10\xa2\x93\x0c\xbc\xb9$F\x80\xc2\x04\x80\x91\xf5H\x92\x04!$\x84\x00@\xb4\x9a\x97\xcda\xcfV D\xa2\xe8*[\xa6B\xe5JU\x93\x92\x13\xd3\xd2,\xa2(\xd2f\xfaZ\xad.2&lt;W\xe1\xc2E+\xbd\xf5N\xf5\xea\xb5\xa3\xca\xbeE\x13\xc2\x00z\xb3\xd6\x9e\x10\xa2\xd1ho\xde\xba\xbek\xcf6\x00@PPP\x97.]\x00+\xffgd\x1bL\x00\x18YOdd$!D\x10\x84\x95k\x96\xd4\xaf\xdb\xb4J\xa5\xaai\xe9i\x9e\xcfa"\x84222\xeaE7\xae_\xb7\xb1\xd5fu:\x1cN\x97\x13cE\x10T\x1a\x8d\xd6\xa07\xea\xf5z\x0eq.\xd1i\xb7g\xf8\xc2\x94\x15EQ\xb4Z\xed\xee\xbd;\xec\xf6\x0c\x00\xc0{\xef\xbd\x97\'O\x1e\xd6\xfe\x81\x91}@\xd6^\x9c\x91\xb5`\x8c1\xc6M\x9b6\xdd\xb5k\x17\x00 \x7f\xbe\x02\x7f\xac\xdfo4\x9a\x9cN\x87\xb7\x8aj\x00\x00\xee\xce?\x10\x00B\x08&amp;\x8f\x87\xc2\x03@hs \xcf/\xecY\x08!Z\x8d\xf6\xfdvuO\x9f9\x01\x00X\xb6lY\x97.]X\xfd\x0f#\xfb`\x02\xc0\xc8b\xe8\x1de6\x9b\xeb\xd6\xad{\xe6\xcc\x19\x00@T\xb9\xb7\xd6,\xdb*\x08\x82$I\xde\xeb\xab\xf3\xf4}\xeeku54\xfd{\xe6\xec\x89\xb6\x9d\x1a\x89\xa2\x98+W\xae\xabW\xaf\x1a\x0c\x06B\x88\xaf-\x95\x110\xf8\x84\xe3\xc3\x08$ \x84\x18\xe3\xb0\xb0\xb0e\xcb\x96\x85\x86\x86\n\x82p\xf6\xdc\xa9\x91c&gt;\xd5\xa8\xb5\xe0y\x86\xd8c\xabz\n\xaf,\xe3%`\x8c5j\xf5\xfa\x8d\xabDQ\x04\x00\xb4l\xd9\xd2`0\xb0\xf6\x0f\x8cl\x85\t\x00#\xeb\xe18NQ\x94\xf2\xe5\xcb\xff\xf1\xc7\x1f4\x82\xb1a\xd3\x9aQ\xe3\x86DD\xe4\xa2c\xb6\x18\xcf\xc2\xf3|Zz\xda\x9f\xfbv\x02\x00\x10B}\xfb\xf6\xf5\xf6\x8a\x18\x81\x0f\x13\x00F\xb6\xc0q\x9c,\xcb\xd5\xaaU\x8b\x8b\x8b\x93eY\xadV\xc7/\x9d7g\xde\xf4\xb0\xd0p\xf7&lt;^\x86\x1bEQ\xf4z\xc3\xc1C\xfbo\xde\xbe\x0e\x00(Z\xb4\xd8\xdbo\xbf\xed\x0byiF`\xc3\x04\x80\x91]\xf0&lt;/IR\xbf~\xfd\xc6\x8d\x1b\xe7r\xb9\x04A\x18=n\xe8\xfe\x03\x7f\x86\x86\x84\xc9\xf2s\n\xf3s2\x84\x10\x81\x176nZC0\x06\x00t\xeb\xd6U\xa5R\xb1\xdd\x12#\xbbaI`F6B\x08\x91eY\x10\x84\x9e={\xc6\xc7\xc7\x0b\x82\xa0\xd3\xeaW,\xdeT\xa1|\xc5\xb4\xb4TV\xdcB\xa1%\xb3\xc9\xc9IM[\xd72\x9b\x93y\x9e\xbfp\xe1B\xf1\xe2\xc5Y\x01(#\xbba\xb7\x17#\x1b\x81\x10\xf2&lt;O\x08\xf9\xf9\xe7\x9f\xdfy\xe7\x1dI\x92\xd2\xd2S\x07\x0f\xeb\x97\x92\x92\xa4V\xab\xd9|+\x8a\xa2(z\xbdq\xcf\xfe\x9dfs2\x84\xb0v\xed\xdaE\x8b\x16e\xd6\x9f\xe1\x01\xd8\x1d\xc6\xc8^\xe8\x91`\x9dN\xb7}\xfb\xf6"E\x8a\x00\x00._\xbd8``\x8cV\xa3s\x8f\xde\xcd\xe1 \x84\\N\xc7\xc6M\xab\xe9{\xd5\xa3G\x0f\x84\x10SG\x86\x07`\x02\xc0\xc8v\x10B\x8a\xa2\x84\x84\x84\xac^\xbd:$$D\x10\x84\x7f\x0e\xff=\xf8\xf3\xfe:\x9d\x9e\t\x00\xc6X\xa7\xd5\x9d\xbfx\xf6H\xc2!BHDDD\xd3\xa6MY\xfa\x97\xe1\x19\x98\x000&lt;\x01-\n\xaaR\xa5\xca\xbcy\xf3$IR\xab\xd5k\xd6-\xfb9nZXh\xf8s;\xb5\xe5\x1c0\xc6\x1a\xadv\xef\xfe\x9d\x8a,C\x08\x9b7o\x1e\x11\x11\x811f\xe5\xff\x0c\x0f\xc0\x04\x80\xe1!x\x9e\x97e\xf9\x83\x0f&gt;\x983g\x8e\xcb\xe5R\xa9T\xdf~?v\xd5\xda%\xb9s\xe5\xc9\xc9\x1a\xc0\xf3|j\xaae\xdd\xc6\x95\x00\x00BH\xbbv\xed\xd8\xae\x88\xe11\x98\x000&lt;\x07\xd5\x80\xd8\xd8\xd8\xd8\xd8XQ\x14\x05A\x185\xee\xb3\xbf\x0e\xec1\x05\x99r\xe6\xe1\x00EQ\xf4:\xc3\xa9\xd3\xc7\xaf\\\xbb\x04\x00(Q\xa2D\xbdz\xf5\x00\x9b\xfe\xc8\xf0\x14\xec&gt;cx\x14\x1a\x0b\x9a3gN\x83\x06\r$IJOO\xeb=\xa0\xe3\xc3G\x0f\x0c\x06c\x0e,{\'\x84 \x04\xd7\xae_\x0e\x08\x00\x00\xb4j\xd5J\xab\xd5\xb2\xf6\x0f\x0c\x8f\xc1\x04\x80\xe1Q \x84\xb4\xc4e\xe5\xca\x95U\xaaT\x01\x00\xa4\xa6Zz\xc7vLM\xb5\xa8U9\xab0T\x96e\xadV\x9b\x96\x9e\xf6\xe7\xde\xed\x00\x00\x95J\xdd\xb3gO\xc0\xdc\x7f\x86\x07a\xb7\x1a\xc3\xd3P\x03\x17\x16\x16F\x8b\x82\x10Bg\xce\x9d\xfc\xfc\xcb\x8f5\x1a\r\xf0^\xb78OB;f\x9b\x82L\x00\xc09\xf3g\xa4\x98\x93\x11Bo\xbf\xfdV\xb9r\xe5X\xf9?\xc3\x93\xb0[\x8d\xe1\x05hah\x91"E\xb6o\xdf\xaeV\xaby\x9e\xdf\xb1\xeb\x8f/\xc7\x0e\x89\x8c\xc8\x85q \x07\x82\x08!\x8a\xa2\xe8tz\x83\xde\xb8c\xf7\x96\xc6\xefW\x9f1k2=\x13G\xbb\xbf\xe5\xa8=\x10\xc3\xeb0\x01`x\x07\x9a\x0cx\xe7\x9dw~\xfe\xf9gY\x96U*u\xfc\xd2y\xbf\xcc\xfd1$84P\x13\xc2\xb4+Fpp\xc8\xc5\x8bgc\xfa\xb4\xe9\x1d\xdb\xf1\xca\xd5K\x00\x00\xa7\xd3Y\xb6l\xd96m\xda\xb0\xf2\x7f\x86\x87a\x02\xc0\xf0\x1a\xb4[\\\x8f\x1e=\xc6\x8d\x1b\'\x8a.\x95J5z\xfc\xb0\xed\xbb\xfe\x08\x0f\x8b\x08\xb0\xc2P\x9a\xdf\x0e\x0b\rOM\xb3\x8c\x1c\xf3i\x8b\x0f\xa2\xf7\xee\xdfEm\xbd\xc9d\x1a7n\xdc\x81\x03\x07\xc2\xc3\xc3\x81\xef\x8d\xa9a\x046\xac\x19\x1c\xc3\xcb\xd0\x81\x01\xfd\xfb\xf7\x9f7o\x1e\xcf\x0b\x06\xbday\xfc\xef\x01\xd3-\x0ecL\x081\x99\x8232l\x1b~_\xfd\xc3\x8cI\x89\x89\x0f\xe9\xbc\x04\x00@\xef\xde\xbd\x87\x0f\x1f^\xb2dI\x00\x00\x9b\xfc\xc5\xf0&lt;L\x00\x18^\xc6}\x07\xd6\xa8Q\xe3\xd0\xa1C\x00\x80\x92\xc5K\xafY\xbeM\xaf7H\x92\xe8\xbf\x19QB\x88\xa2\xc8z\xbd\x91C\xdc\xbe\xbfw\xfd\xf0\xe3\xc4\x93\xa7\x13 \x04\xf4\xcf\xad_\xbf\xfe\xc8\x91#\xeb\xd7\xaf\x0f\x00\x90e\x99\xe38f\xfd\x19\x9e\x87\t\x00\xc3\xfb\xd0\xccgjjj\x95*Un\xdc\xb8\x01\x00x\xab|\xa5\rkvK\x92\x84\xb1_\x16\xc5\xcb\xb2\xacR\xa9L\xa6\xe0s\xe7NO\x9b\xf9\xcd\xa6-\xeb\x00\x00\x08q\x18+y\xf3\xe6\x9d8qb\xaf^\xbd\x00\x00\xb4\xe4\xdf\x7fE\x8e\xe1\xef0\x01`\xf8\x04\x8a\xa2p\x1cw\xec\xd8\xb1&amp;M\x9a\xa4\xa7\xa7K\x92\xd4\xbem\x97\x1f\xa7\xc4YmV\xff\xb2\x8f\xd4\xa6\x87\x86\x84=|\xf4\xe0\xd7%s\x16\xfc:\xdbj\xb3\xd2#\xd0*\x95\xea\x8b/\xbe\x188p`dd$!\x04c\xccR\xbe\x0c\xef\xc2\x04\x80\xe1+\xd0d\xc0\xae]\xbb\x1a6l\xa8V\xa9]\xa2k\xe4\xe7\xe3\x87~:\xea\xe1\xa3\x07\x82 x{u\xff\x0e!D\xc1JpP\xb0(Ik\xd7-\xfby\xee\x8f7n^C\x08bL\x00\x00\x9d:u\x1a5jTTT\x14x\xf2\x97z{\xbd\x0c\x06\x13\x00\x86/A-c\\\\\xdc\x80\x01\x03T*\xb5(\xba&amp;O\x9c\xd9\xab\xc7\x80\xc4\xc4G\xbe\xad\x01D\x96\x15\x8dF\xab\xd7\xe9w\xef\xd96;n\xda\xc1C\xfb\xdd\xdf\x8b\x8a\x8a\x9a2eJ\xd3\xa6M\x01\x0b\xf73|\x0c&amp;\x00\x0c\xdf\x82\xc6\x82\x06\x0c\x18\x10\x17\x17\'\x08\x02\xc7\xf1+\xe2\x7f\x7f\xa7r\xb5\xb4\xf44\xdf\xf4\x9a\xe9\x82\x83M!\xd7o^\x9d6c\xd2\x9au\xcb\xc1\x93p\x7fdd\xe4\xe8\xd1\xa3cccU*\x15\xcds\xf8W8\x8b\x11\xf00\x01`\xf8\x16\xf4\xac,\xcf\xf3\xed\xdb\xb7_\xbbv-\xc7qz\xbda\xd3\xda=\xc5\x8a\x96\xb0\xa4\x9a9\x8e\x87\x10@\x88|\xc1\x89\xa66\xdd\x14\x14l\xb5\xa5\xc7-\x98\xb9hI\x9c\xd9\x9c\xe2\x0e\xf7\xc7\xc6\xc6\x8e\x1e=:22\x12&lt;\x11\to\xaf\x97\xc1x\x1a&amp;\x00\x0c\x9f\x83\x1a\xd6\xb4\xb4\xb4\xc6\x8d\x1b\x1f=z\x14\x00P\xael\x85e\xbfn\xc8\x97\xb7\x80$KXQ\\\xa2(I"\xc6\x98\x00\x02\x01t\xe3\xb1\x15\x12B0V\x0cz#\xe2\xb8u\x1bV\xfc\xf4\xcb\xd4+W/\x02\x08hS\xcf\xa6M\x9bN\x992\x85\x86\xfb\x15EA\xc8\'\xe4\x8a\xc1x\x16&amp;\x00\x0c_\x84\xf6DKJJ*W\xae\\rr2!\xa4@\xfe\x82\x8d\x1b\xbe_\xa2X\xa9\x82\x05\x8b\x14.T42"\xb7V\xa3\xe18^\x96eY\x96DI\x94e\x99\x10B\x00A\x10B\x88 \x04\x00d\x87\xd9%\xb2\xa2hT\x1a\xbd\xc1p\xf0\xd0_\xd3fL\xfa\xfb\xe0^\xf7\xf7\xa2\xa2\xa2F\x8d\x1a\xd5\xa9S\'\xc0L?\xc3\x1f`\x02\xc0\xf0Qh\xd8\xe4\xe8\xd1\xa3\xd1\xd1\xd1v\xbb=\xf3\xb7L\xa6\xe0\xc2\x05\x8b\xe6\xc9\x9d\xb7\\\xd9\n\xe5\xca\xbe\x95\'w\xbe\x02\xf9\x0b\x99L\xc1&lt;\xcfC\x88dIr\x89.E\x91\xa9$@\x98e[\x04EQ8\x8e\x0f2\x06\xdd\x7fpw\xe6\xcf\xdf/]\xb1\x80Zy\x8cqdd\xe4\xc0\x81\x03\xbf\xf8\xe2\x0b\x16\xeeg\xf8\x11L\x00\x18\xbe\x0b-\nZ\xb4h\xd1\xb0a\xc3\xacV\x9b(\xba\x9e\xfb4A\x10rE\xe6)X\xa0p\x89\xe2\xa5\x0b\x16(\\\xa6tT\xd1\xc2\xc5\x83\x83\x83\x83\x82\x829\xc4)\x8a"J\xa2,K\x92,\x11\x8c\x01\xa01\xa3\xd7\xdb"`\x8c\x01 F\xa3\xc9a\xb7/]\xb9p\xd6/?\xa4\x98\x93y\x9e\x93eE\x10\x84\x98\x98\x98\xaf\xbf\xfe:_\xbe|\x80\x85\xfb\x19~\x05\x13\x00\x86OCcAiii\xf7\xef\xdf\xbfp\xe1\xc2\x993gN\x9f&gt;}\xf1\xe2\xc5\x07\x0f\x1eZ,\xe6\x17\xfdT\xb0)$&lt;&lt;\xb2D\xf1R%\x8b\x97.^\xbct\xc9\xe2\xa5##r\x85\x84\x84\xd1\x91\x03\xb2$?\xde"(2 \x04\xbc4\x8b@\x93\xd2\x06\x83\x91\xe7\xb8\xed\xbb\xfe\xf8\xee\xfb\xb1\x97\xaf^\xcc\xdc\xd1a\xd2\xa4IU\xabV\x05\xac\xc4\x93\xe1\x870\x01`\xf8:\xcf\xceH\xc1\x18\x9b\xcd\xe6\xf3\xe7\xcf\x1f?~\xfc\xd6\xad[\'N\x9c\xb8p\xe1\x82\xc5byQ\x0fQ\x95\xa02\x99\x82\x8b\x14.^\xb6L\xf9\x02\xf9\x0b\x96)]\x9en\x11\x8c\x06\x13\xc7s\x18cY\x96E\xd1%I\x12\xcd"@\x08\x11D\x00\x00EQ4\x1a\x8dN\xa7?s\xf6\xe4\xcc\x9f\xbf\xdf\xbce\x1d\x00\x00BH\x08)U\xaa\xd4\xf0\xe1\xc3\xdd\x1d\x1dX\xb8\x9f\xe1\x8f0\x01`\xf8\x01$\x13\x10\xc2gc,t\x8bp\xe7\xce\x9d\xa3G\x8f&amp;$$\xdc\xbbw\xef\xca\x95+\x16\x8b\xe5E/h2\x05G\x86\xe7\xca\x9b7\x7f\xd9\xd2\xe5\xa3\xca\xbd\x957O\xfeB\x05\x8b\x84\x85\x86\x0b*\x15B\x9c,K\x92$*\x8ab\xd0\x1b\xef\xde\xbf\xb3h\xf1\x9c\xb8\xf93%Y\xa2%\x9e&amp;\x93i\xc8\x90!\x83\x07\x0f6\x99L,\xdc\xcf\xf0k\x98\x000\xfc\x0fz\xd3\xd2N\xcb\x00\x00\x84\xd0\xb3&amp;8))\xe9\xfc\xf9\xf37n\xdc8u\xea\xd4\xe9\xd3\xa7\xaf]\xbbv\xff\xfe\xfd\x97\x8c\x19\x08\x0f\x8f(Z\xa4D\x81|\x85\xca\x95\xadP\xa2X\xa9\xfc\xf9\x0b\x05\x9b\x82w\xec\xfac\xea\x8cI\x89I\x8f\xdc\r\x9c;u\xea4~\xfcx\xda\xc0\x99\x85\xfb\x19\xfe\x0e\x13\x00F \xf0\xd4\x16\xe1\xd9\x80\x8c\xddn\xbfu\xebV\xe6-\xc2\xb5k\xd7RRR^\xf4\x82z\xbd\x9e\xe7\x85\xb4\xb4T\xf7#U\xabV\x9d0aB\xc3\x86\r\x01\x0b\xf73\x02\x05&amp;\x00\x8c\xc0\x84\xb6\xdb|\xc9\x16\xc1b\xb1\\\xbdz\xf5\xdc\xb9s\xd7\xae];r\xe4\xe8\xc5\x8b\x17\xccf\xb3\xcdf{\xf6\xa5h\x03\xe7n\xdd\xba\t\x82\xc0b&gt;\x8c@\x82\t\x00#G\xf0*[\x84\x94\x94\x94\x0b\x17.\x1c9r\xe4\xfa\xf5\xebT\x18$I\x1a4h\x10m\xe0\x0cX\xcc\x87\x11p0\x01`\xe4P\xfeu\x8b`6\x9b\x9dNg\xde\xbcy\x01\x8b\xf90\x02\x14&amp;\x00\x0c\x06\x00/\xde"\xb0\x12OF\x00\xc3\x04\x80\xc1x&gt;T\x0cX\xb8\x9f\x11\xc00\x01`0\x18\x8c\x1c\n\xf3n\x18\x0c\x06#\x87\xc2\x04\x80\xc1`0r(L\x00\x18\x0c\x06#\x87\xc2\x04\x80\xc1`0r(L\x00\x18\x0c\x06#\x87\xc2\x04\x80\xc1`0r(L\x00\x18\xcf\x87\x0eB\xf1\xf6*\x18\x0cF6\xc2\x04\x80\xf1\x1c\xdcm\xf7\xd91\x11\x9f\xc5\xdd\xc7\x82\xc1xc\x98\x000\x9e\x06c\x0c!|\xf4\xe8\xd17\xdf|C\xa7_1C\xe3k\xd0)i\x10BEQdYV\x14\x85]#\xc6\x1b\xc0{{\x01\x0c\xdf\x82Z\x16\x8b\xc5\xd2\xaaU\xab\xc3\x87\x0f\xdf\xbe}{\xce\x9c9\xac\x1f\x8e\xef\xe0nUt\xf7\xee\xdd&lt;y\xf2d\xeeN\x8a1\xa6\xe2\xfd\x92\x11\xc7\x0cFf\x98\x000\xfe\x87\xdb\xfa7n\xdc\xf8\xe8\xd1\xa3:\x9d...\x0ec&lt;w\xee\\\xa6\x01\xbe\x80\xbb\x1f\xf5\x90!C\xe6\xce\x9d[\xa4H\x91\x92%K\xd6\xae]\xbbb\xc5\x8a\xe5\xcb\x97\x0f\r\r\xcd\xdc\xb9\x88n\x0b\x9e\xdb\xfb\x9a\xc1\xa0\xb0^@\x8c\xc7&lt;e\xfd\xe9\xfc[\x95J-\x8a\xae~\xfd\xfa1\r\xf0:\xb2,\xf3&lt;o6\x9b\xbbt\xe9\xb2}\xfbv\x1a\x9ds\x7f7,,\xec\xed\xb7\xdf\xae^\xbdz\xa5J\x95\xaaT\xa9\x927o\xde\x17m\x0eX{;\x86\x1b&amp;\x00\x0c\x00\x9eg\xfd\x15Ey\xa7J\xf5#G\x0f\xaa\xd5j\x97\x8bi\x807\xa1\x15Y&lt;\xcf\x1f=z\xb4k\xd7\xaeW\xae\\\x11\x04A\x92$\xa31\xc8jM\x7f\xf6\xf9F\x83\xb1@\xc1\x02U\xabV\xadP\xa1B\x8d\x1a5\xa2\xa2\xa2t:\xddS\xaf\x06\x00\xa0\x97\x92]\xcd\x9c\x0c\x13\x00\xc6\xd3\xd6\x9fZ\xfc\x89\xe3\xa6\r\xe8\xf7I\xec\xc7=~\xdb\xb0B\xab\xd5:\x1c\x0e\xa6\x01^\xc1\xed\xb9/\\\xb8p\xf0\xe0\xc1V\xab\x95\xe3\x90\xa2\xe0O?\xfe"\xa6k\xdf\xb3gO\x9d&gt;{\xe2\xdc\x85\xd3g\xcf\x9d\xba\xff\xe0\xces?\xcd\x05\x0b\x16,]\xbat\x8d\x1a5j\xd4\xa8Q\xbat\xe9\x02\x05\nd\xfe.\x8b\x14\xe5d\x98\x00\xe4t^`\xfd\xa7\xf6\xef=0\xc5\x9c\x1cd\x0c\x1a\xf2E\xec\xea\xdf\x961\r\xf0\n4\xe8/\xcb\xf2\xe7\x9f\x7f&gt;}\xfat\x8e\xe3\x14E1\x1a\x83\xbe\xfdzz\x87v\xdd\xac\xe9\xe9j\x8dF\x10\x04Y\x96SR\x92\xae\xdd\xb8r\xf5\xea\xa5#\xc7\xfe\xb9r\xed\xe2\x95\xab\x9722\x9e3\xdf\xd8`0\x94-[\xb6F\x8d\x1a\x15*T\xa8V\xadZ\xa1B\x852o\x0eX\x1a9\xa7\xc1\x04 G\xf3"\xeb\x1f\xdbgPb\xd2#\xc4!\x04\x91Ao`\x1a\xe0\x15\xa8\xf5\x7f\xf0\xe0A\xfb\xf6\xed\x0f\x1c8\xa0R\xa9DQ,S\xaa\xdc\xd4\xc9s\xaaT\xaa\x9a\x98\xf4\x88\xe7y:\xd7\x12B(\x08\x82Z\xad\x11\x04\x01\x10\xe0t:n\xdf\xbdu\xfd\xc6\x95\x13\'\x8f\x1eM\xf8\xe7\xca\xd5K\xc9)I\xcf\xbe\xbeJ\xa5\xca\x93\'O\xa5J\x952\xa7\x91\x9fZ\x00\xdb\x1c\x046L\x00r./\xb7\xfe&lt;\xcf\x03\x000\xc1L\x03&lt;\x0f\x9dW\xccq\xdc\x81\x03\x07\xda\xb7o\xff\xe0\xc1\x03j\xfd\x9b6n\xf9\xdd\x84\x99aa\xe1\xa9\xa9\x16A\x10\x9e\xfa\x11\xf7\x89\r\x84\x90Z\xa5V\xa9\xd5&lt;\xc7;]\xce\x94\x94\xa4\x9b\xb7\xae\x9d8\x95p\xe9\xf2\xb9\x93\xa7\x8f\xdf\xbcuM\x14\xc5g\x7fixxx\xb9r\xe5*V\xacX\xbbv\xed\xd2\xa5K\x97,Y\x92\xa5\x91\x03\x1e&amp;\x009\x94W\xb1\xfe\x8f\x9f\xc94\xc0\xb3\xb8\xedl\\\\\xdc\'\x9f|"\xcb2B\x08c&lt;j\xf8\x84\x0f\xfb\x0fq:\x9d.\xd1\xc9s\xffR\xc0\xed\x1ey\x8f\x10\x12\x04A\xa5R\xabT*BHzz\xda\xcd\x9b\xd7\xae\xdf\xbcv\xf8\xe8\x81\x0b\x17\xcf\\\xbez\xd1b1?\xfb\xe3*\x95\xaax\xf1\xe2\xee4r\xa9R\xa5L&amp;\xd3\xb3/\xce6\x07\xfe\x0e\x13\x80\x9c\xc8\xab[\xff\xc7\xcfg\x1a\xe0)\xdcA\xffO&gt;\xf9$..\x8eV\xfb\x98\x82L3\xa7.h\xdc\xb0\x85%\xd5\x0c\x00x]\x07\xfc\xc9\xde\x00\x03\x009\x8eS\xab5*\x95\nA$J\xe2\x83\x87\xf7\xae]\xbf|\xfe\xc2\xd9\xa3\t\xff\x9c;\x7f:1\xe9\x91(\xba\x9e}\x85\x88\x88\x88\xf2\xe5\xcb\xd7\xae]\x9b\xa5\x91\x03\x0c&amp;\x009\x8e\xd7\xb5\xfe\x8f\x7f\x8ai@\xf6C+\xfd\xaf\\\xb9\xd2\xabW\xaf\x03\x07\x0e\xd0KS&gt;\xea\xed\x9f\xa6-(U\xa2\x8c\xd9b~\xd1\xd5y-\x9e4\x11"\x10"\x95J\xa5Vkx\x9eWd\xc5lIy\xf0\xf0\xee\xc9S\t\x17/\x9f?~\xe2\xc8\x95\xab\x173\xec\x19\xcf\xfe\xb8\xc1`(W\xae\\\xd9\xb2ek\xd5\xaaU\xae\\\xb9gkL\x01\x00\xecf\xf0\x17\x98\x00\xe4,\xde\xcc\xfa?\xfeY\xa6\x01\xd9\x06u\xd1\x11B\xdb\xb7o\xef\xd2\xa5\x8b\xd9l\xa6\xbe\x7f\xbb6\x9d\'\x8c\xfdA\xaf3Xm\xe9&lt;/\xfc\xfb\x0b\xbd\xc9\xef\xc5\x84\x10\x00\xa1\xc0\x0b\x82\xa0R\xab\xd4\x10A\x87\xdd~\xfb\xee\xcd\xeb7\xae\x1e?q\xe4\xe4\xe9\x84\xeb7\xae\xde\xbb\x7f\xe7\xb9\xafP\xb0`\xc1\xca\x95+W\xaaT\xa9z\xf5\xeao\xbd\xf5Vxx8x\xd2\xaf"\xcbW\xcb\xc8r\x98\x00\xe4 \xfe\x8b\xf5\x7f\xfc\nL\x03\xb2\x01w\x83\x87\xe9\xd3\xa7\x0f\x192\x84\x1e\xf1\xe58n\xc4\xb0\xf1\x03\xfa}\xear9EQ\xcc\x9c\x8f\xcd&amp;2\xa5\x91\tB\x1cM#s\x1c\'K\xb2%5\xe5\xca\xd5\x8b\'O\'\\\xbct\xee\xe4\xa9\x84\xfb\x0f\xef\xdal\xcf\xa91\r\t\t)^\xbc\xf8\x8f?\xfeX\xa3F\r\x9a\xc4\xce\xee53\xfe#L\x00r\n\xff\xdd\xfa?~\x1d\xa6\x01Y\n\r\xfbX\xad\xd6\xc1\x83\x07/\\\xb8P%\xa8DI\x0c\x0f\x8f\xfcy\xfa\xa2\xe8\xda\rR\xcc\xc9\xe0\xf5\x83\xfeY\x02\xcd\xf4\xd2H\x11\xcf\xf34s@\x08IKKMJN&lt;}\xe6\xf8\xb9\x0b\xa7O\x9eJ\xb8p\xf1,\xcdL\xb8\xa9S\xa7\xce\xde\xbd{\xe9\xfd\xe6\xf9e3^\x0b&amp;\x009\x82\xac\xb2\xfe\x8f_\x8di@\x16\xe1\x0e\xfaw\xeb\xd6\xed\xc8\x91#\xf4\xbaTz\xfb\x9d_~Z\x9c/o\x81\xb4\xb4\xd4,\t\xfa\xffw\x9eJ#\x0b\x82J\xa3\xd6p&lt;\xe7r\xb9\x1e&lt;\xbcw\xed\xda\xe5\x8b\x97\xce\x1d8\xb4o\xdf_\xbb!\x84\x92$\xed\xd9\xb3\'::\xda\xbd\xb3a\xf8,L\x00\x02\x9f\xac\xb5\xfe\x8f_\x93i\xc0\x7f\xc3]\xe9\xbfz\xf5\xea\x0f?\xfc\xd0\x1d\xf4\xef\xdc\xa1\xc7\xa4\xf1\xd3\x00\x80N\xa7\x9d\xfb\xb7ZOo\x91\xb9\xc6T\xa5R\xa9U\x1a\x84\x90N\xa7\xed\xd9\xaf\xc3\x86Mk\x00\x00\xd1\xd1\xd1{\xf6\xeca\x9b\x00\xdf\x87\t@\x80\x93\x1d\xd6\xff\xf1+3\rxS\xdc\xae\xf1\xf8\xf1\xe3\xc7\x8d\x1b\xe7\x0e\xfa\x8f\x1f=\xa5O\xaf\x8f\xd2\xd3\xd31V\xfc\xc5t\xd2\x9d\x81,+F\x83\xf1\xe2\xe5\xf3-\xdb\xd5\x95e\x19c\xcc6\x01~\x81\x7f\xdcd\x8c7#\xfb\xac?\x00\x00A\x84\t\xb6e\xd8~\x9c\x12\xd7\xe1\x83\xae\x0e\x87C\xab\xd5\xce\x9b7\xaf\x7f\xff\xfe\x1c\xc7\xb1\x81\x85/B\x96e\x8e\xe3,\x16K\xc7\x8e\x1d\xc7\x8d\x1bG\x03\xeb\x85\n\x16Y\xb9ds\xdf^\x1f[,fB\xfc\xc9q\x86\x10"\xc4\xa9T\xaa\x0c{\xc6\xdb\x15*5o\xd2\x1ac\x0c\x00\x18?~&lt;`\xf5\xa0&gt;\x8f\xdf\xdcg\x8c\xd7%[\xad?\x85i\xc0\xebB\x83\xfe\'N\x9c\xa8_\xbf\xfe\xea\xd5\xab\xd5j\xb5(\x8a\xef\xd5\x88^\xbfjW\x8d\xaa\xb5S\xcc\xc9\x1c\xc7\xf9\xa9\xd1D\x08\xb9DWl\xdfOU*\x15Bh\xef\xde\xbd{\xf7\xeeE\x08\xd1\xd6\xd3\x0c\xdf\x84\t@`\xe2\x01\xebOa\x1a\xf0\x8a\xb8{\xfa/\\\xb8\xb0N\x9d:\'N\x9c\xe0y\xde\xe5r\xf5\xea\x1e\xbb&lt;\xfew\x93\xc9\x94\x96n\xf1\x91\x94\xef\x9b\x81\x10\xb2\xd9l\x997\x01_\x7f\xfd5;\x10\xe0\xe30\x01\x08@&lt;f\xfd)L\x03\xfe\x15EQ \x84\x1c\xc7\r\x192\xa4O\x9f&gt;v\xbb\x1d\x00\xa0\x12TS&amp;\xfd4e\xd2\xac\x8c\x0c\x9b(\x8a&gt;\x9b\xf2}u\xdc\x9b\x00\x8dF\x03\x00\xf8\xeb\xaf\xbf.^\xbc\x08!\xa4z\xc0\xf0A\x98\x00\x04\x1a\x1e\xb6\xfe\x14\xa6\x01/\x81\x06\xfd\xcdfs\x93&amp;M\xa6O\x9f\xaeR\xa9\x15E)S\xaa\xdc\xda\x15\xdb\xbaw\xeb\x9f\x98\xf4(`\xfak"\x84222*\x94\xafX\xed\x9d\x9a\x00\x00Y\x96\'O\x9e\xfc\xd4\xe8J\x86O\x11\x08\xb7\x1d\xc3\x8dW\xac?\x85i\xc0\xb3\xb8\xc3&gt;G\x8e\x1c\xa9V\xad\xda\xf6\xed\xdbU*\x95(\xba\x9a6n\xb9r\xc9\x1f\x15\xcaWJNN\xe4y&gt;\xc0\x82$\x18\xe3\x9e1\x03\x00\x00\x08\xa1\x95+W^\xbat\x89v3\</t>
        </is>
      </c>
    </row>
    <row r="17">
      <c r="A17" s="1" t="n">
        <v>15</v>
      </c>
      <c r="B17" t="inlineStr">
        <is>
          <t>circle_size_number</t>
        </is>
      </c>
      <c r="C17" t="inlineStr">
        <is>
          <t>What is the missing number of the part denoted with a question mark?</t>
        </is>
      </c>
      <c r="D17" t="inlineStr">
        <is>
          <t>[3, 6, 2, 4]</t>
        </is>
      </c>
      <c r="E17" t="inlineStr">
        <is>
          <t>4</t>
        </is>
      </c>
      <c r="F17" t="inlineStr">
        <is>
          <t>There are 6 numbered circles with varying sizes arranged in a ring with number [3, 1, 3, '?', 1, 4] in a clockwise order.</t>
        </is>
      </c>
      <c r="G17" t="inlineStr">
        <is>
          <t>We observe that the size of the circle is related to the number in the circle. The circle with the largest value 4 seems to be the biggest and the circle with the smallest value 1 seems to be the smallest. Thus, the pattern is that the larger the number the larger the circle.</t>
        </is>
      </c>
      <c r="H17" t="inlineStr">
        <is>
          <t>Based on the pattern that the larger the number the larger the circle, the missing number of the circle denoted with a question mark should be 4.</t>
        </is>
      </c>
      <c r="I17" t="inlineStr">
        <is>
          <t>b'\x89PNG\r\n\x1a\n\x00\x00\x00\rIHDR\x00\x00\x02\x00\x00\x00\x02\x00\x08\x02\x00\x00\x00{\x1aC\xad\x00\x00\x98\x02IDATx\x9c\xed\x9dw@S\xf7\xfa\xffO6!\x10\x92\xb0\\\xa08\x99\xb2\x04Q\xc0\xbd\xf7\xacu\xef\xd6=\xba\xd4\xd6\xaa\xb5\xc3Qo\xbd\xd6m\xb5\xb5j\xad\xb8\xf7\xa8\xa3.\x10\x94\xa9 \xb8\'*+\t\x90\x90u\xc6\xef\x8f\xe7\x9a\x1f_m\xadZ\xe1\x9c$\xcf\xeb\xaf{-\xe3C\xce\xe7&lt;\xefg}\x9e\x0f\x8fa\x18\x02A\x10\x04q&lt;\xf8l/\x00A\x10\x04a\x07\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E\xc8\xf6\x02\x10\x04y{\x18\x86!\x08\x82\xa6i\xeb\xff&amp;\x08\x82\xcf\xffk\xc7\x0e\xbe\x8c \x08\x1e\x8fg\xfd2\xf8\xdf\x88c\xc2\xb3n\x1a\x04Al\x02\x9a\xa6\x19\x86a\x18\x86\xcf\xe7\xff\x9d\xad\x7f\xa3\x9f\x06\xc2\xc0\xe7\xf3y&lt;\x1e\xea\x81C\x81\x02\x80 6\x80\xd5\xe8\x0b\x85\xff\'j\'IR\xa3\xd1\\\xbf~]\xab\xd5fdd\xa8\xd5j\x9a\xa6322(\x8az\xf9\x87\x04\x04\x04\xc8\xe5r\xa1P\xd8\xb2eK\xa9T\x1a\x1e\x1e\xee\xea\xea\xea\xe2\xe2R\xf9k(\x8azW\xd2\x82p\x1f\x14\x00\x04\xe1.\x0c\xc3P\x14\xf5\x829\xbe}\xfbvRRRJJJFFFyyyEE\x85\x8b\x8b\x8bX,n\xd0\xa0\x81B\xa1 \x08"&amp;&amp;F$\x12\xbd\xf0j\x0b\x04\x82\xf4\xf4\xf4\xd2\xd2R\x92$\xb3\xb3\xb3I\x92,++\x13\x08\x04J\xa5\xd2\xdf\xdf?&lt;&lt;&lt;&gt;&gt;&gt;$$D$\x12Y\xbf\x85$IT\x02\xfb\x06\x05\x00A8\x07\xc304M\xf3x&lt;\xab\xf1\xbd\x7f\xff\xfe\xb9s\xe7\xce\x9e={\xf5\xeaU\x9dN\xa7P(\x82\x82\x82\x9a5k\x16\x12\x12R\xbbvmOOO\x99Lf\xfd\xe2\xbf{\xa9\xad\xe9\x1d\x8a\xa2H\x92|\xfa\xf4\xa9Z\xad\xbez\xf5jZZZvvvqq1\x9f\xcfo\xd4\xa8Q\\\\\\\x9b6m\xc2\xc2\xc2*/\x06\x12DU\xfbg#\xd5\x0e\n\x00\x82p\x08\xb0\xb6\x02\x81\x00\xfe\xef\xbd{\xf7\xf6\xef\xdf\x7f\xe4\xc8\x91[\xb7n\xf9\xfa\xfa\xc6\xc5\xc5\xc5\xc6\xc6\x86\x87\x87\xd7\xacY\x13\xcc\xbd\xc9d\xb2X,\x16\x8b\xc5\x9a#"\xfe\xbe\xae\xfbB\x95X,\x16\x0b\x85B\'\'\'\xf8z\xb5Z\x9d\x93\x93\x93\x94\x94\x94\x94\x94\x94\x95\x95\xe5\xe9\xe9\xd9\xa9S\xa7\xfe\xfd\xfbGDD\xc0wQ\x14UY\x93\x10;\x00\x05\x00A8\x01Xp0\xfd&amp;\x93i\xcf\x9e=\x1b6lx\xf4\xe8Qppp\x8f\x1e=\xda\xb5kW\xaf^=\x81@@\x92dEE\x05X|^%\xde\xe27Z;\x88\x18\x86\xe1\xf1xB\xa1P*\x95J$\x12\x82 \x9e={\x96\x92\x92\xb2o\xdf\xbe\x94\x94\x14\xb1X&lt;|\xf8\xf0!C\x86\xd4\xaaU\x8bxI\xa2\x10\x9b\x06\x05\x00AX\xa6\xb2\xe9\xbf\x7f\xff\xfe\x8f?\xfex\xfc\xf8q77\xb7~\xfd\xfa\xf5\xee\xdd\xbbq\xe3\xc6\x0c\xc3\xe8\xf5z\x93\xc9dM\xc5TQ6\x06:\x82x&lt;\x9eH$\x92\xc9dB\xa1\xb0\xa8\xa8\xe8\xf0\xe1\xc3\xbbw\xef\xbeq\xe3Fdd\xe4\xc7\x1f\x7f\x1c\x1d\x1d\xfd\xc2\x9a\x11\xdb\x05\x05\x00AX\xa3\xb27\x9d\x99\x99\xf9\xcd7\xdfdff\x86\x85\x85M\x992%66V$\x12\xe9t:\x83\xc1\x00\x89\x97\xeaL\xc1C6\x89\xa6i\xb1X,\x97\xcby&lt;\xde\xf5\xeb\xd7\xd7\xae]{\xea\xd4)\xa5R9g\xce\x9c\x9e={\x12\xcf\x0f\x16`R\xc8vA\x01@\x10v I\x12z:\xc1\xf4\'\'\'\xf7\xeb\xd7o\xfa\xf4\xe9\r\x1a40\x99L:\x9d\x0e\xb4\x81\xdd\xd2+\xc8\x00A\x10\xce\xce\xce\xce\xce\xce%%%\xbf\xfc\xf2\xcb\xfa\xf5\xeb===\xad2@\x92$\xeb\xebD\xde\x0e\x14\x00\x04\xa9n\xac\xe9\xfb\x82\x82\x82\xc5\x8b\x17\xef\xda\xb5\xabo\xdf\xbe\x1f}\xf4\x91\x9f\x9f\x1f\xb8\xfc\x1cl\xbe\x84\x86T\x91H\xa4P(\xb4Z\xed\xa6M\x9b\xd6\xae]\x1b\x10\x10\xf0\xf5\xd7_C\xbf\x10EQ\x98\x11\xb29\xb8\xb5\xc9\x10\xb6\x00G\x8f\xa2(h\x10\xfcK\xe0\xbfB\xf2\x97\xed\xf5\xda0\xd0\\\xcf\xe3\xf1V\xadZ\x15\x19\x19YPP\x90\x98\x98\xb8r\xe5JOO\xcf\xa2\xa2"\xb3\xd9,\x14\n\xb9f\xfd\t\x82\x80*1\xc30EEE\x04A|\xfc\xf1\xc7\xe9\xe9\xe9\x11\x11\x11\xdd\xbbw\xff\xe8\xa3\x8f\xca\xcb\xcb\xa1@\x8d{\xc3\xb6\xc0\x08\xc0A\x01\x8b\x0f\xed\x1fo\xd7\xdb\x07GF\xdf\xfa\xdb\x1d\x10\xeb\xfc\x86\xeb\xd7\xaf\x8f\x1a5\x8a\xa2\xa8\xd5\xabW\xc7\xc4\xc4\x80\xd7o[Y\x14\x92$!\x1ax\xf8\xf0\xe1\xec\xd9\xb3/^\xbc\xb8b\xc5\x8a\xbe}\xfb\x12\x18\n\xd8\x14(\x00\x0e\x84\xd5\xe8\xbf\x9caP\xab\xd5\x1a\x8d\xe6\xda\xb5k|&gt;\xff\xee\xdd\xbbw\xef\xde\xe5\xf3\xf9\xd6\xbd\xc10\x8cJ\xa5\x8a\x8c\x8c\xa4i\xda\xd7\xd7\xb7N\x9d:\x9e\x9e\x9e/\xfcp\x92$\xab\xbfViCX\xcd\xe27\xdf|\xf3\xf3\xcf?O\x9c8q\xfa\xf4\xe9\x04A\x94\x96\x96\xda\x96\xe9\xb7\x02I!\xa9T\xea\xe2\xe2\xb2o\xdf\xbe/\xbf\xfc2""b\xd5\xaaUr\xb9\xdcZ\xde@8\x0e\n\x80C\x00\xed}\x95\xdf\xc9\xc2\xc2\xc2\xd4\xd4\xd4\x94\x94\x94\xec\xec\xec\xfc\xfc\xfc\xa2\xa2"\x81@\xa0P(H\x92\xacU\xab\x96\x8f\x8f\x8f\xc5b\x01\xab\x04\xf3g\xb4Z\xed\xcd\x9b7\x85B\xa1N\xa73\x99L\n\x85\xc2\xdd\xdd=$$$666,,\xac~\xfd\xfa\xd6\x9f\x0cShP\t*\x03\x06\xf1\xe9\xd3\xa7}\xfa\xf4\x91J\xa5?\xfd\xf4S\xa3F\x8dJJJ\x08\xdbo\xa1\x01\x19pww\xaf\xa8\xa8\xf8\xf4\xd3O\x0f\x1f&gt;\xbcu\xeb\xd66m\xda\xc0\x04\x0b\xdc\x03\x1c\x07\x05\xc0\x9ey\xe1\x10?M\xd3\x17/^&lt;q\xe2\xc4\x993g\n\n\n\x9c\x9c\x9c\xc2\xc3\xc3\x83\x83\x83\x1b5j\x14\x14\x14\xe4\xea\xeaZ\xb3f\xcd\x97\xc7\x8dY\x81\xe4uIIIYY\xd9\x8d\x1b7\xee\xdd\xbb\x97\x9e\x9e\x9e\x99\x99Y\\\\\xacR\xa9"""z\xf7\xee\xdd\xa6M\x1b\xb9\\\x0e_\x8f&amp;\x80\xa8\x94\xf69x\xf0\xe0\xb8q\xe3\xc6\x8d\x1b\xf7\xed\xb7\xdf\x1a\x0c\x06\x9dNWy\xea\x8e\xad\x03\n\xa7T*\x13\x12\x12\xa6L\x992u\xea\xd4y\xf3\xe6\x11\x98\x0e\xe2&lt;(\x00\xf6\xc9\x0b\xc75SRR~\xfa\xe9\xa7s\xe7\xce\xf1x\xbc\xa8\xa8\xa86m\xda\xb4i\xd3\xa6V\xadZ2\x99\x8c \x08\x9a\xa6\r\x06\x03EQ\x16\x8b\x85xn\xb3^\xfe\x99\x90\x14\x12\x89D\x02\x81\xc0\xc9\xc9\tt\xc2l6?}\xfa4==\xfd\x8f?\xfeHLL,--\x8d\x88\x88\x181bD\xcf\x9e=\xe1\x0b\x1cy~\x00\xa8/A\x103g\xce\xdc\xb1c\xc7\xcf?\xff\xdc\xb5kW\xfbp\xfc_\x86a\x18\x92$\xbd\xbc\xbc\xee\xdc\xb93p\xe0@ww\xf7\xdd\xbbw\xbb\xb9\xb9\xa1\x06p\x19\x14\x00{\x03Br0\xbeeee\xbf\xfc\xf2\xcb\xb6m\xdb***\x9a5k6`\xc0\x80\xf8\xf8x\x85B\x01\'K\xcdf3Xg\xe2M\xee\x06\x81\r\xc3&lt;\x87\xcf\xe7\x8b\xc5b\xa9T*\x14\n\x8dFczz\xfa\xbe}\xfb\xce\x9c9c2\x99:v\xec8}\xfa\xf4z\xf5\xea\x11\x0e)\x03`\xf8t:\xdd\x88\x11#\n\n\nv\xef\xde\xed\xe5\xe5URRbO\x8e\xff\xcb\x90$)\x93\xc9$\x12\xc9\xc4\x89\x13\xcf\x9f?\x7f\xe0\xc0\x81&amp;M\x9a`I\x80\xb3\xa0\x00\xd8\x0f\x95\xbd\xfe\xfc\xfc\xfce\xcb\x96\x1d8p\xc0\xd7\xd7\xf7\xc3\x0f?\xec\xda\xb5+\xe4\xf7u:\x1d$\xf7\xdfar\xc6zjT \x10\xc0\xcbo4\x1a\x93\x93\x93W\xadZ\x05\xe7Z\xe7\xcc\x99\x13\x19\x19I8RR\x08\xac\xbfV\xab\x8d\x8e\x8e\x0e\x0c\x0c\xdc\xbf\x7f\x7fyy\xb9\xd1ht\x04;\x08\x07\xc7\xdc\xdd\xdd\x17-Z\xf4\xcd7\xdf\x9c:u\xaaE\x8b\x16\xa8\x01\xdc\x04\x05\xc0N\xb0\x06\xda\x05\x05\x05\xdf\x7f\xff\xfd\x89\x13\'\x9a4i2s\xe6\xcc\xd8\xd8X\x8a\xa2\xca\xcb\xcb-\x16K5\x1c/\x82j\xb3@ \x80\t\xf5w\xee\xdcY\xb1b\xc5\x9f\x7f\xfe\x19\x18\x188g\xce\x1c\x0791\x04\x7f\xe0\xcd\x9b7\xbbw\xef&gt;l\xd8\xb0\xf9\xf3\xe7\xdbk\xda\xe7\xef\xb0\xa6\x83\x8e\x1c92j\xd4\xa8\x9f\x7f\xfe\xb9g\xcf\x9e\xa8\x01\x1c\xc4Qv\xa4\x1d\x039\x1f8\x86\xf3\xddw\xdfEDD&lt;}\xfat\xff\xfe\xfd\xbbw\xef\x8e\x8c\x8c,..\xd6h4P\xda\xad\x06\x03\xc4\xe7\xf3\x85B!\x8f\xc7+///**\xf2\xf6\xf6\xfe\xf1\xc7\x1f\xcf\x9f?\xdf\xa4I\x93\xee\xdd\xbb\x8f\x193\xa6\xa0\xa0@ \x10X\x07\x0c\xd8\x1f0\x17!555((h\xcc\x981\xf3\xe7\xcf/**r\xb4\xf4\x17\x8c\x93+,,\xec\xde\xbd\xfb\xce\x9d;{\xf7\xee\xbdz\xf5j\xa1P\x08E&amp;\x84;8\xd0\xa6\xb4K`\xa8\x80@ 8x\xf0`@@\xc0\xf9\xf3\xe7\xf7\xec\xd9\xf3\xdbo\xbf\xd5\xa8Q\xa3\xa8\xa8H\xaf\xd7\x0b\x04\x02V\xdcmP\x02\xb3\xd9\x0c\xe6o\xe1\xc2\x85\x89\x89\x89R\xa94""b\xf1\xe2\xc5`\x10\xff\xf2\xdaB\x9b\x06\xaa/\xa9\xa9\xa9\xcd\x9b7_\xb4h\xd1\x9c9s\n\x0b\x0bA\x11\xd9^\x1a\x0b\x80\x06\xb4m\xdb\xf6\xdc\xb9sS\xa6LY\xbdz\xb5H$B\r\xe0\x14\x98\x02\xb2a \xa6.//\x9f6m\xda\xa9S\xa7\xbe\xff\xfe\xfbA\x83\x06\x99\xcdf\xb8\xea\x8f;F\xa7\xf2\x89\xa1\xe4\xe4\xe4)S\xa6\x08\x04\x82_\x7f\xfd\xd5\xdf\xdf\xdf\x9e\xaa\x02\x10\x87egg\x87\x86\x86.Y\xb2\xe4\x93O&gt;),,\xb4\xef\x92\xef\xeb`\xb1X\xbc\xbc\xbc.\\\xb8\xd0\xaaU\xab\r\x1b6\x8c\x1f?\xdeb\xb1\xe0\xc7\xc2\x110\x02\xb0I\xac\xad&gt;g\xcf\x9e\r\n\n2\x9b\xcdiii\x83\x06\r*))\xd1\xe9t\\s9a\x8c\x0cD\x03\x11\x11\x11\xc9\xc9\xc9\xdd\xbauk\xdb\xb6\xed\x8f?\xfe\x08Be\x07\xa1\x00T&gt;\xd4ju\x97.]\xbe\xf9\xe6\x1b\xb4\xfeV \x0e\x88\x8f\x8f?s\xe6\xcc\x8c\x193.^\xbc(\x12\x89\xec\xe0\x89\xdb\x07\x18\x01\xd8\x1e\xd6\xee\xf2\x85\x0b\x17\xae\\\xb9r\xe5\xca\x95\xef\xbf\xff~YY\x99\xc9d\xe2~\x91\r\xfaA\xdd\xdd\xdd333\x87\x0c\x19\x12\x18\x18\xb8y\xf3f\x17\x17\x17\x9b\xae\x0cC\x1fTYYY\xf3\xe6\xcd\x87\r\x1b\xf6\xe5\x97_\xa2\xf5\x7f\x01\x88\x03N\x9d:\xf5\xde{\xef\x1d;v\xacy\xf3\xe66\xfd\xc4\xed\x06\x14\x00\x1b\x03^\x9b\xd2\xd2\xd2\x81\x03\x07\x16\x17\x17\xef\xda\xb5\xabA\x83\x060\xc8\x81S^\xff\xab\xb1X,pDh\xdc\xb8q\xa9\xa9\xa9\xdb\xb7oo\xd6\xac\x99\x8dv\x89X\xa3\xb16m\xdaxxx\xec\xde\xbd\x1b\xad\xff_b6\x9b\xbd\xbd\xbd\xd7\xad[7{\xf6\xec\xbbw\xef*\x95J\xe2\xf5\x8e\x9e U\x07\xa6\x80l\t\xb0\xfeO\x9f&gt;\x8d\x8e\x8eV*\x95\xa9\xa9\xa9P\xec\xe5Z\xce\xe7\x1f\x11\x89D\xe5\xe5\xe5&amp;\x93i\xfb\xf6\xed\xe3\xc7\x8f\xef\xdc\xb9\xf3\xd9\xb3g\x85B!I\x92l/\xed\x8d\x01\xeb?f\xcc\x18\xa1P\xb8k\xd7\xae\xe2\xe2b[\x94\xb1j@,\x16\x17\x16\x16N\x980a\xe6\xcc\x99qqq\xd6\xd1\x84l\xaf\xcb\xa1A\x01\xb0\x19\xa0\xbf0%%\xa5a\xc3\x86\xa3F\x8dJHH\xd0h4\xb6{\xb6\x08\x9aA\x0b\x0b\x0b?\xfd\xf4\xd3]\xbbvu\xeb\xd6m\xc5\x8a\x156\xd7)\x08\xd6\x7f\xeb\xd6\xad\xc7\x8e\x1d\xdb\xb5k\x97N\xa7\xab\xba\x0b{\xed\x00\x91HT\\\\&lt;\x7f\xfe|\x1f\x1f\x9f\xb1c\xc7\n\x04\x02,\x06\xb0\x0b\xa6\x80l\x03H\x8f\\\xbcx\xb1O\x9f&gt;\xabW\xaf\x1e4h\x90\xcd\xa5}\xfe\x0e\x8b\xc5\xe2\xee\xee~\xfd\xfa\xf5\x1e=zL\x9b6\xed\xe3\x8f?\xb6\x95.\x11(\xc6\xdc\xbau+""\xe2\xd8\xb1c\xd1\xd1\xd1\xa5\xa5\xa56\xaa\xc7\xd5\x06\\%OQTPP\xd0\xd2\xa5K\x87\x0f\x1f\x8e\xc5\x00\x16A\x01\xb0\x01\xe0\r\xb9x\xf1b\xaf^\xbd\x12\x12\x12:v\xechgYf\x92$\x95JeQQQLL\xcc\xd4\xa9S?\xf9\xe4\x13\xee\xd7\x03\xac\x19\x8c\xe0\xe0\xe0\x91#GB\xcb\xbf==\x94\xaa\x83$I77\xb7\xcb\x97/w\xed\xda5--\xadQ\xa3F0T\x8a\xedu9"(\x00\\\x07\xac\x7frrr\xf7\xee\xddw\xec\xd8\xd1\xb1c\xc7\x82\x82\x02\xb1X\xcc\xf6\xba\xde1$I\xba\xb8\xb8h\xb5\xda\x98\x98\x98\x8f&gt;\xfah\xfa\xf4\xe9\x1c\x8f\x03@\xa2&gt;\xfa\xe8\xa3\x9c\x9c\x9c\x13\'N@%\x86\xedE\xd9\x0c\xd0\x14\xf4\xed\xb7\xdf\x1e8p\xe0\xf2\xe5\xcb\xdc\xd7{{\x05\x05\x80\xd3@\x92\xe1\xce\x9d;M\x9a49p\xe0@\xf7\xee\xdd\xed\xd8\xcd$I\xd2\xd5\xd5U\xa3\xd14l\xd8p\xed\xda\xb5#F\x8c\xe0\xac]\x80\xe7\x92\x9c\x9c\xdc\xbf\x7f\xff\xcc\xccL\x89D\x02\x17\xa2\xb1\xbd.[\x82$IOO\xcf\xd6\xad[w\xed\xdau\xf6\xec\xd9\x98\x08b\x05\x14\x00\xee\x02\xdd\xe5Z\xad\xb6E\x8b\x16\xa3F\x8dr\x84$\x03\xe4\x82.\\\xb80p\xe0\xc0C\x87\x0e\xb5h\xd1\xc2z\xe8\x81;@\xf2\x87\xa6\xe9\xc0\xc0\xc0y\xf3\xe6\r\x1b6\x0c;\x7f\xde\x02\x9a\xa6%\x12\xc9\xd3\xa7Ocbb.^\xbc\xd8\xa4I\x13\xc2\x91\xe6\xe5q\x04\x14\x00\xee\x02\xfeoxxxdd\xe4\xc6\x8d\x1b\xed\xde\xfa\x03\x90\x1c\xd8\xb1c\xc7\xc8\x91#\x1f=z\xe4\xe9\xe9\xc9\xb5\x041\xf8\xaa\xb3g\xcfNLL&lt;\x7f\xfe|II\t\xba\xaeo\x07\x04\x01s\xe7\xce=y\xf2dJJ\n\x06\x01\xd5\x0f\n\x00G\x01\xeb?s\xe6\xcc\xe4\xe4\xe4\xc4\xc4D\xb5Zm73s\xfe\x11\xd0\x80Y\xb3f\x9d&gt;}:55\x95S\x89 \x18bz\xf3\xe6\xcdV\xadZ%&amp;&amp;\xd6\xaaU\xcbh4rJ\x9fl\x0b\x9a\xa6\xe5ryxx\xf8\xc7\x1f\x7f&lt;z\xf4h\xd4\x80j\x06\x05\x80\x8b\xc0kp\xf8\xf0\xe1\x11#F\xe4\xe4\xe4\xb8\xb8\xb8\x98\xcdf\x87\xb224M\xabT\xaa\xd8\xd8\xd8\xe6\xcd\x9b/_\xbe\x9c;\x1a\x00\x8f\xa6w\xef\xde\xb5k\xd7^\xb3f\x8d\x83\x84eU\x07EQJ\xa5r\xdf\xbe}3g\xce\xbcs\xe7\x0e\x1cit\x10G\x87\x0b\xa0\x00p\x0e\xf01\x8b\x8a\x8a\xfc\xfd\xfd\xb7o\xdf\xde\xa9S\'\xb5Z\xcd\x11\xf3Wm\xd04-\x16\x8bu:]pp\xf0\xd6\xad[\xbbu\xeb\xc6\x05\xdf\x10\xd6p\xe2\xc4\x89\xb1c\xc7\xe6\xe4\xe4\xfc\xdd\xe5\xc9\xc8\x1b\x01\x89\xa0.]\xba4m\xdat\xe9\xd2\xa5\\x\xd0\x8e\x03\n\x00\xe7\x80\x17\xa0S\xa7N~~~\xeb\xd7\xafwX\x1f\x13\xecBBB\xc2\xb4i\xd3\xee\xdc\xb9#\x95JYO\x82AE:""b\xe0\xc0\x81s\xe6\xcc\xc1\xd6\xcfw\x02M\xd32\x99,==\xbd[\xb7n\xb7n\xdd\xf2\xf0\xf0 pFPu\x81\x02\xc0-\xc0\xfa\xff\xfa\xeb\xaf_~\xf9enn\xae\xd9lf\x18\xc6a_\x06(\x06\xf4\xed\xdbW&amp;\x93m\xdb\xb6\x8d]\xdf\x10~\xfb\xf1\xe3\xc7\xc7\x8c\x19\x93\x9b\x9b\x8b\xee\xff;\x04\xc4\xbes\xe7\xce\x81\x81\x81\xcb\x97/\xc7 \xa0\xda@\x01\xe0\x10`S\xd4ju\xc3\x86\rw\xef\xde\xdd\xbau\xeb\xd2\xd2RG~\x13`l\x80\xd9l\xf6\xf7\xf7\xff\xfd\xf7\xdf;u\xea\xc4\xa2i\x80\xcb\xd7"""\x06\r\x1a4{\xf6lt\xff\xdf!\x10\x04dddt\xef\xde=77\xd7\xcb\xcb\x8b\xc0 \xa0Zp\xa0\xba"\xf7\x81\x0c\xc3W_}\xd5\xbe}\xfb\x0e\x1d:h\xb5ZG\xb6\xfe\x04A\xf0x&lt;\xb3\xd9\xec\xe9\xe9\xb9`\xc1\x829s\xe6\xb0x\x8d0\xdc\\\x96\x98\x98XRR2a\xc2\x04\xadV\x8b\xd6\xff\x1d\xc2\xe7\xf3\xcb\xcb\xcb[\xb4h\x11\x1d\x1d\xbdf\xcd\x1a\xfb\xb8#\xc8&amp;@\x01\xe0\n`\xfdsrr\xb6l\xd9\xf2\xc3\x0f?\x94\x97\x97;\xb8\xf5\x07\x84Baqq\xf1\x94)S\x8cF\xe3\xda\xb5k\xd9\x9d\x1f\xf9\xfd\xf7\xdf\xbf\xf7\xde{\n\x85\xc2\xb6F\x96\xda\x04&lt;\x1e\x8f$\xc9\xa9S\xa7n\xd9\xb2\xc5h4\xc2\xb0X\xb6\x17e\xff\xa0\x00p\x05\xc8\xf5\x7f\xfe\xf9\xe7\xc3\x86\r\xab[\xb7\xae\xd1h\xc4\x10\xd8\nEQ_}\xf5\xd5\xd2\xa5KM&amp;\x13\x8fW\xddyK\xc8D=z\xf4\xe8\xf2\xe5\xcb\x1f|\xf0\x81N\xa7Cm~\xe7\xc05G\x1d:tpuu\xdd\xbf\x7f?\x8f\xc7c1\xe0s\x1cP\x008\x01\xb8\xffYYYyyy_\x7f\xfd5&amp;\x7f*#\x10\x084\x1a\xcd\x80\x01\x03\x82\x82\x826l\xd8\xc0\xe7\xf3\xab\xd94@\xcc\xf1\xd3O?EEE5n\xdc\xd8`0\xa06W\x050\x1cb\xc4\x88\x11k\xd7\xae%\xb0\x06P-\xa0\x00p\x02p\xff\xe7\xce\x9d\xdb\xbd{w\x95Je6\x9bq\xf7W\x06\xf2\x03\x93&amp;MZ\xb6l\x19\x9c\xbc\xad\xce @ \x10X,\x96\xed\xdb\xb7\x8f\x1b7\x0e\x87\xbeU\x1d\x02\x81\xa0\xac\xacl\xf0\xe0\xc1\xb7n\xdd\xba~\xfdz\xf5+\xbd\x03\x82\x02\xc0&gt;4M\x0b\x04\x82\x9b7o^\xbati\xd2\xa4I:\x9d\x0e\x0b\x8c/\x00\xf9\x81\x8e\x1d;\xba\xb9\xb9m\xdd\xba\xb5:\x8b\x84p\x8b}bb"EQ\xadZ\xb5\xc2\xdaL\xd5\xc1\xe3\xf1L&amp;S\xed\xda\xb5#""~\xfb\xed7\xe2\xf9\xa1H\xa4\xea@\x01`\x1fpf\x7f\xfc\xf1\xc7\xce\x9d;7l\xd8\x103\x0c\x7f\t\xe4\x07\xa6M\x9b\xb6n\xdd\xba\xea\x1c\x0f\x07Og\xdb\xb6m}\xfa\xf4Q(\x14\xb6xk\xb1\r\x01\xa1\xde\xb8q\xe3\x8e\x1d;\xc6\xc1A\xb0\xf6\x07~\xbe,\x03\xb6\xac\xb4\xb4t\xef\xde\xbd\x13&amp;L\xc0\xc9b\x7f\x87P(\xd4j\xb5}\xfb\xf6-**:\x7f\xfe&lt;\x9f\xcf\xaf\x9e @ \x10\x98L\xa6\xa4\xa4\xa4&gt;}\xfa\x98L&amp;|:U\x8a@ \xd0\xe9t\xadZ\xb5\xd2\xeb\xf5\xd9\xd9\xd9\x98\x05\xaajp7\xb3\x0c\x1c/:r\xe4\x88\x9f\x9f_\\\\\x9cN\xa7\xe3\x94\x89\xe1\xd4yW\xb8=x\xc0\x80\x01[\xb6l!\x9e\xfb\xe6U\n\xe4\x7f.\\\xb8@\x10Dtt\xb4^\xaf\xe7\xd4\xd3y\x0b8\xf5@\xff\x12\x8b\xc5\xa2R\xa9\xc2\xc2\xc2\xb6o\xdfN`\x16\xa8\x8a\xb1\xed\xddl\x07@\xb6g\xed\xda\xb5\xdd\xbbw\xaf\xfe\x06\xc7WCQ\x94P(\x14\x89D\x1c\xb1z|&gt;\xdfd2\xf5\xeb\xd7\xef\xd8\xb1ceeeB\xa1\xb0\xaa?.\xf8\xf9\x07\x0f\x1e\x0c\x0f\x0f\x97J\xa5\xb6~:\x89a\x18\x91H\xc4\x9d\x07\xfa\x97@\x03h\xfb\xf6\xed\xcf\x9c9\xc3\xb5\xab \xec\x0f\xfcp\xd9\x04\xf6w~~\xfe\x8d\x1b7\xfa\xf4\xe9SQQ\xc1\x91\x02#\\z\xe5\xe6\xe6V^^^RR\xc2\x91C\t|&gt;_\xaf\xd7GEE\xc9\xe5\xf2\xe3\xc7\x8f\x13U\xef\x1eB\xbb\xd1\x95+W\xbaw\xef\x0e\xb1Z\x95\xfe\xba\xaaF$\x12\x95\x94\x94\x94\x94\x94p\xb9\xce\xc4\xe7\xf3+**\xda\xb5kWRRRTTT\xcd\x1d_\x8e\x06\n\x00\x9b\x80G\xb9o\xdf&gt;???\x7f\x7f\xff\x8a\x8a\n.\xbc\x96\xe0\xf8+\x14\x8a5k\xd6DGG\x87\x85\x85\xed\xde\xbd[.\x97s\xa1\xfeIQ\x94D"\xe9\xda\xb5+\xe4\x07\xaa\x14\x90\xe7\xa2\xa2\xa2\x82\x82\x82f\xcd\x9aUTT\xd8\xae7\nwm.Y\xb2$,,,,,l\xcb\x96-nnn\\x\xa0/\x03\xbd@\xbe\xbe\xbeJ\xa5299\x99\xc0,PUb\xab\x1b\xda&gt;\x00s\x7f\xf2\xe4\xc9\x9e={r\xc4\xd3\xb1X,r\xb9\xdc`0\x8c\x1c9r\xc6\x8c\x19O\x9e&lt;)--\xe5\x8e\xc3\xc8\xe7\xf3\xcdfs\x9f&gt;}rss\xab\xba`\x0ev\'99\xd9\xdd\xdd\xdd\xcf\xcf\x0f\x0e!W\xdd\xaf\xab:\xc0\xfa\x1f=z\xf4\xdbo\xbf---\xe5\xd4\x03\xfdK\xe06\x88\xc8\xc8\xc83g\xce\x10\xd5R\xecqXP\x00X\x03\x06\x0c\xe8t\xba\x8c\x8c\x8c\xb6m\xdb\xb2\xdeaB\xd34EQ^^^)))\xed\xdb\xb7\xff\xed\xb7\xdf\x9c\x9d\x9d\x15\n\x05\x8f\xc7\xe3Hb\x8ax\x9e\x1f\x08\r\r5\x9b\xcd\xa9\xa9\xa9U:0\x00\xec\xce\xa9S\xa7\x82\x83\x83E"\x91\x8d\xfa\xa14M;99\x15\x14\x14L\x9a4I \x10p\xed\x81\xfe%P\x0ck\xd1\xa2\xc5\xa5K\x97\xb0\x0cP\xa5\xe0\'\xcb\x1a`_\xd2\xd3\xd3\xe1NTv;L(\x8a\x12\x8b\xc5\n\x85b\xf9\xf2\xe5]\xbat\xc9\xc9\xc9\xf1\xf5\xf5\xdd\xbe}\xbbR\xa9\xe4\xda\x85\x04\x16\x8bE\xa1PDGG\x9f&lt;y\x92\xa8\xca\xfc\x00&lt;\x8e\xd4\xd4\xd4\xf0\xf0p\xc2f\'\x130\x0c\xe3\xec\xec&lt;}\xfa\xf4\x07\x0f\x1e\x8c\x1c9\xb2i\xd3\xa6\\{\xa0/\xc3\xe3\xf1\x8cFcHH\xc8\xe3\xc7\x8fKKK9\x12\x1c\xdb%(\x00\xac\x01\x96\xeb\xec\xd9\xb3\xb5k\xd7\x96J\xa5,:\x98\x16\x8b\xc5\xcd\xcdM\xa7\xd3\r\x1b6\xec\xa3\x8f&gt;\xaa\xa8\xa8\x88\x8d\x8d=s\xe6L\\\\\x9cF\xa3!8\x19\x83\x87\x84\x84\\\xbcx\x91\xa82\xbb\x0c\x8e\xa7^\xaf\xcf\xcf\xcf\x0f\x0f\x0f\xb7\xd1\xfc\x8f\xc5b\xf1\xf0\xf0X\xbdz\xf5\x9e={\xbc\xbd\xbd\xe7\xcc\x99S^^\xce\xf6\xa2\xfe\x19h\xf7\xaa_\xbf\xbeX,\xbe~\xfd:\xc1\xc9\x1dh\x1f\xa0\x00\xb0\x06\x18\x94\xcc\xcc\xccV\xadZ\xb1\xd5\x00\n\xce\xa0\x97\x97\xd7\xc5\x8b\x17\xdb\xb5k\x97\x90\x90@\x10\xc4\xc4\x89\x13\x0f\x1f&gt;\xec\xe3\xe3S\\\\\xcc\xc1\xe8\x1b\xca\x00\xadZ\xb5z\xfa\xf4i\xd5\xe5\xcd\xe0q\xe4\xe7\xe7K$\x92\x86\r\x1br\xa4\x0f\xea\x8d\xa0(\xca\xcd\xcd\xed\xf2\xe5\xcbs\xe7\xce%\x08\xe2\xcb/\xbf\xf4\xf5\xf5---%l\xc1\x9e\x92$\xa9P(\xea\xd7\xaf\x9f\x9b\x9bK\xd8\xc2\x82m\x14\xce\xbd\xde\x8e\x03\x18\xb2;w\xee\x84\x87\x87\x93$Y\xfd\xa6\x16\xac?I\x92K\x97.\xed\xde\xbd{^^\x9eB\xa1\xd8\xb4i\xd3\xea\xd5\xab\x19\x861\x18\x0c\xd5\xd0h\xff\x16\xf0x&lt;\x83\xc1\xd0\xa8Q#\x8b\xc5\xf2\xe0\xc1\x83**\x03\xc0\x1f~\xeb\xd6-gggOOO\x9b\x9b\x01\xc70\x8cP(4\x18\x0c\x13\'N,//\xef\xd6\xad\xdb\x87\x1f~X\\\\\xcc\xc1\x07\xfa\x97\xc0\xe6\xac[\xb7nvv6\x81\x02Pe\xa0\x00\xb0\x03\xec\xef\xb2\xb2\xb2\xd2\xd2\xd2F\x8d\x1a\xb1\xe2`2\x0c\xe3\xe4\xe4t\xef\xde\xbdY\xb3f\x19\x0c\x86f\xcd\x9a\x9d:uj\xf4\xe8\xd1\xc5\xc5\xc50\x9f\xae\x9a\xd7\xf3\x9a\x80hyzz\xba\xba\xba\xde\xb8q\x83\xa8J\xebp\xeb\xd6-\x1f\x1f\x1f[\xccAS\x14\xa5P(&gt;\xff\xfc\xf3\xf4\xf4t\x1f\x1f\x9fU\xabVY,\x16\xa8\xf3\xb3\xbd\xb4\xd7\x02b\xe2\x06\r\x1a&lt;z\xf4\x88\xb0\xd9\x02\x0c\xf7A\x01`\x070(\xd7\xaf_\x97\xcb\xe55j\xd4\xb0X,\xd5\xbf\xc5!\xc7\x1d\x11\x11\xb1x\xf1\xe2!C\x86\x9c&lt;y288\xb8\xb8\xb8X(\x14r\xfc}\x83\x06\xaaF\x8d\x1aedd\x10U#\x00\xf03\xef\xde\xbd\xeb\xed\xedms\x02@\x92\xa4\xbb\xbb\xfb\x8e\x1d;\xd6\xad[\'\x10\x08~\xfc\xf1G\x1f\x1f\x1fh\xfd\xb4\xa1^&amp;\x1e\x8fW\xaf^\xbd\x87\x0f\x1f\x12(\x00U\x06\x8e\x1df\x070(\x05\x05\x05R\xa9T&amp;\x93\xa9\xd5jV&lt;n\x98\xc0&gt;y\xf2d\xa1Ph6\x9b\xcb\xcb\xcbmb\x125\xc4O\x9e\x9e\x9eO\x9e&lt;\xa9\xa2_\x01\x16\xe7\xe9\xd3\xa7\xa1\xa1\xa1\xdco\x9b\xa9\x0cM\xd3\xce\xce\xcew\xee\xdc\x999s&amp;\xc30\xd3\xa7O\xef\xd3\xa7Oaa\xa1\x93\x93\x13\x1c\xf0f{\x81\xaf\x05\\\x07]\xb3fM\x83\xc1\xa0\xd7\xeb\x9d\x9d\x9dm\xeb)\xd8\n\x18\x01\xb0\x03\x08@rrrPP\x10\xeb#\x80\xccf\xb3^\xaf\'I\x92\xb3i\x9f\x17\x80O\xacY\xb3f\x90 \xae\x8a\xf2\t\xd8\x9a{\xf7\xee5j\xd4\xe8\x9d\xff\xf0\xaaF(\x14N\x9e&lt;\xf9\xd9\xb3g-Z\xb4\xf8\xea\xab\xaf4\x1a\x8d\xad&lt;Y+p\x1e\xd8\xcf\xcf\xaf\xac\xacL\xa7\xd3\xa1\xe9\xaf"P\x00\xd8\x04\xdc1\xd677\x8f\xc7\xe3\xf3\xf9\xac/\xe3\x8d\x805W\xf50\x03\xb1X\xcc\xf1C\xb3/\x00\xc9\x9f\xa5K\x97\x9e&lt;yR\xa5RA\n\xc8F\xa7\x18A\x97\x04\x9f\xcf\x17\x89Dl\xaf\xc5nA\x01`\x07x!\xb5Z\xad\xbb\xbb;\xdbk\xb1=\xa0\x0e\xacP(\xccfsU\x94O \xdb\xa0\xd5jKJJBBBlE\x03\xe039s\xe6\xccw\xdf}G\x10\xc4\x92%KBBB\xca\xcb\xcb9\xd8\xcb\xfb\x8f@\n\xa8v\xed\xda\xae\xae\xae\xd7\xae]#\xb0\x11\xa8j\xb0\xbd\x9da\x1f\x80A\xc9\xc9\xc9\x89\x88\x88\xc0\xe4\xe6\x9b\x02\'E\x83\x82\x82\xd4j\xb5F\xa3\xa9\x8a\x1c\x1a\x18 \x93\xc9\xa4T*m\xa2\x07\x94a\x18\x89D\xa2V\xab\'N\x9ch4\x1aG\x8c\x181v\xec\xd8\x92\x92\x12\xdbu\x9f\xa1\x98!\x16\x8b\xd5j5\x81\x02P5\xd8@\xc5\xcf\x8e\x11\x08\x04\xdc\x9c\xc8h\x13\xc0m-Ug\x9a\xe1\x87\xdb\x84\xf5\'\x08\x82\xa6i\x17\x17\x97I\x93&amp;\xdd\xbcy300p\xd9\xb2eeee\xb6\xe8\xfbW\x86\xa6i8\xd0\xc0\xf6B\xec\x16\xdb\xde\x1f\xb6\x0e\xfa\xfe\xff\x86\xea\xf9\xe8l\xe2\x01\xc1\xc8\x87\x8d\x1b7\xc2\x08\xbf\xb5k\xd7\xba\xb9\xb9\x99\xcdf\x9bX\xfc?\x82\xbe\x7f\xd5\x81\x02\x80 \xb6\rEQ\xae\xae\xaeYYY\xb3f\xcd"\x08\xe2\xcb/\xbfl\xd5\xaaUii):\xce\xc8?\x82\x02\x80 6\x0c\x9c\x89\xa3(j\xe2\xc4\x89Z\xad\xb6[\xb7n\x1f\x7f\xfcqII\tZ\x7f\xe4u\xc0]\xc2&amp;\x98\x02\xfa7T\xcfG\xc7\xf1\xfc\x03EQ\x9e\x9e\x9e\x1f\x7f\xfc\xf1\xa5K\x97\xea\xd4\xa9\xb3z\xf5j\x93\xc9\xc4\xf6\xa2\xde\x19\xf0\xe1\xe3;Ru`\x04\xc0&amp;"\x91\xc8b\xb1\xb0\xbd\n\x9b\x84\xc7\xe3A\x03h\xd5Y\x07\x9a\xa6i\x9a\x16\x89D\x9c\xd5\x00\x92$U*\xd5\xfe\xfd\xfbW\xacXQy\xe4\x83\xad\xd7~\x01\x08n\xe0A\xb3\xbd\x16\xbb\xc5\x1e6\x8a-\x02G\xc0\xc2\xc2\xc2\x92\x93\x93Y?\tls\xd04-\x95J333===\xdd\xdd\xdd\xdf\xf9A\'x"\xae\xae\xaer\xb9\xfc\xfe\xfd\xfb\x12\x89\x84\x83\x0f\x08&gt;\x84\xc7\x8f\x1fO\x9f&gt;\x9d\xa2\xa8\xe9\xd3\xa7\xf7\xed\xdbW\xadV\xdbG\xf2\x87a\x18\xb8\xc2\xbe\xa2\xa2\xc2\xcf\xcf\x8f\xc08\xa0j@\x01`\x19\x0eZ\x16\x9b\x00lt\xd5\x9dq\x85\x8b\xb4\\]]\xef\xdf\xbf/\x16\x8b\xb9\xf9\x98$\x12\xc9\xd4\xa9S\x1f&gt;|h\xbb#\x1f^\x81P(\x04\x01\xa8W\xaf\x1e\x81\x02P5\xd8\x83\xb3`\xbbxzz\xe6\xe6\xe6\xda\xe8I}\xd6)))Q\xa9TU\xfa+,\x16\x8bT*\xe5\xa0\xf5\x87\x81\xd8\xcb\x96-;t\xe8\x90\xab\xab\xeb\xaaU\xab\x08\x82\x80\xc1\t\x7f\xf9\xf5\xf0\'X\x0f\x9d\xd04M\x92d\xe53(|&gt;\x9fk\x89#\xb8\x1a\x9e \x08\xb3\xd9\xcc\xf6Z\xec\x16\x14\x00v\x00\x8b\x1f\x16\x16v\xe0\xc0\x01\x02\xbd\x9b7\x04\x8a\xe7\xd7\xae]k\xdc\xb81A\x104M\xbfs\xe3\x05\x163$$$--\xed\xfd\xf7\xdf\xe7\x94\x06\xc0U_\x89\x89\x89\xf3\xe7\xcf\x97J\xa5\x9b7o\x8e\x88\x88 I\xd2\xc5\xc5\xe5\xef\xbe\x05&gt;1\xb1X\x0c\x1f\x94L&amp;\x13\n\x85\x9e\x9e\x9e\xd6|\x91\xc9d\xd2\xeb\xf5\xdc\xd9\x87\x0c\xc3H\xa5\xd2\xec\xeclwww\x95JU\x15\x8f\x18!P\x00\xd8\x02\xde4\x1f\x1f\x1f\xa3\xd1\x08y[N\x99\x18\x8e\x03\xf9\x9f\xa7O\x9f\xb6k\xd7\xae\x8a~\x05&lt;\x0eWWW\xb8\x15\x99;\xc0\xc9\xd8\xb2\xb2\xb2)S\xa6\x18\x0c\x86\xda\xb5k\xa7\xa7\xa7\'%%\xfd\xa3\xed\x86\x8bv\xe1J\xc8\xc3\x87\x0f\x97\x96\x96VTT\xc0L=\x9a\xa6\xc3\xc3\xc3\xfb\xf6\xed\xcb\x9d\xa9G\xd6?S(\x14\x8aD"[\x99bms\xa0\x00\xb0\x03\xbcf\r\x1a40\x1a\x8d\xcf\x9e=\xf3\xf3\xf3\xb3\xd1k\xc7Y\x01\xe6D&gt;x\xf0 88\x98\xa8\x9a\xf8\xc9\x1a\xa2m\xd9\xb2\x85S9:\x98\xf9s\xe7\xce\x9d\xcc\xccL\x82 \x1e?~\xfc\xed\xb7\xdf\xbe\xe9\x0f9{\xf6\xec\xd9\xb3g+\xffK\x8f\x1e=\x86\x0c\x19\xa2\xd7\xeb9RE\x00\x01\xbev\xed\x9a\xbf\xbf?\x81\xa5\xb2*\x03\x05\x80\x1d\xe0n&amp;WWWww\xf7\xdc\xdc\xdc\xc0\xc0@\x83\xc1\xc0\x91w\x8f\xe3@\x7f\xc8\x93\'O\xf4z}`` Q5\xf7\x01\x00\xb5k\xd7\xd6h4\x16\x8b\x85;\xf9\x07\x1e\x8fGQ\x94\x8b\x8bK\x87\x0e\x1d\xc0ix\xcdm\x03s\x8dRRRL&amp;S\xc3\x86\r\xeb\xd7\xaf\x0f\xb3"\xe0\x1cY\x8b\x16-\xb86:\x02\x82\xbc\x9a5k\x12(\x00U\x06\n\x00k\xd04-\x14\n\xfd\xfd\xfd\xaf\\\xb92p\xe0@\xdc\xe2\xaf\td\x87srr\\\\\\\xbc\xbd\xbd\xab\xe80\x1dX\xfc\xa0\xa0\xa0\xd2\xd2\xd2\'O\x9exxx\xb0rm\xe7\xcb@_\xbc\xb7\xb7\xf7\xe1\xc3\x87_\x7f=\x90Q)--m\xda\xb4i~~\xfe\xf8\xf1\xe3?\xfb\xec\xb3\x8a\x8a\nk\r\xc0b\xb1\xe8t:\xee\xe8\x1c$\xa6n\xdc\xb8\xd1\xbd{w\x02\x8bdU\x06\n\x00\xcb4k\xd6l\xf7\xee\xddx$\xf8\xf5\x01\xe1\xbcp\xe1B\xbdz\xf5\x84B!EQU\x119A\x99\xc1\xdd\xdd] \x10\xdc\xb8q\xc3\xc7\xc7\x87S\x0e2\xc30:\x9d\xee\x8d\xbe^(\x14\xeat:\xf03L&amp;\x13M\xd3\x95o\x00\xad\xd2#uo\n\xac\xb6\xa8\xa8\xe8\xe9\xd3\xa7\x90\x02\xe2\xce\xda\xec\x0c\xae\x08\xbe\x03\x02\xdeV\x9b6m\n\n\n\xec\xe6\xfcN5\x00\xa6\xf9\xea\xd5\xabP\x01\xae\xba\xc8\x89\xa6i\'\'\xa7z\xf5\xea\xa5\xa5\xa5\t\x85B\xae\xd5!\xf9o\x05|/\xd4~+\xc3)\x0b\xcb0\x8c\x93\x93\xd3\xad[\xb7\x08\x82\x80+99\xb5&lt;{\x02\x05\x805\xf8|&gt;\xc30\x01\x01\x014M\xa7\xa4\xa4\xb8\xb8\xb8p\xcd\xc4p\x10\x86a\xc4bqAA\xc1\xb5k\xd7\xda\xb7oOTe\x01\x00\xa4%666++\xab\x8a~\x05\xf2\x97@\xa1;33\xb3Q\xa3F\xce\xce\xcep\xf1\x03\xdb\x8b\xb2OP\x00\xd8\x84\xa2(\xb1X\x1c\x17\x17w\xf2\xe4I\x0e\xfa\x98\x1c\x04n\x89\xbat\xe9\x92\xbb\xbb{`` \xc30U\'\x00\xf0\x93\xdb\xb7o\x9f\x9b\x9b[QQ\x81%\xfaj\x03\xa4\xf7\xe2\xc5\x8b\xf1\xf1\xf1\x04V\x80\xab\x12\x14\x006\x01\xbf\xa6K\x97.\xc7\x8f\x1f7\x99Lhb\xfe\x11\xc8\x0e\xef\xd9\xb3\xa7Y\xb3f|&gt;\x9f\xa2\xa8\xaa\xfb]\xd6NP\x83\xc1\x90\x97\x97\xc7\xcd#\xc1v\x89@ \xd0\xeb\xf5999\x90\xe5\xe3Ni\xda\xfe\xc0O\x96M`gw\xeb\xd6M\xa3\xd1\xa4\xa6\xa6\xcad2\xae\x05\x01\x02\x81\x00&amp;2\xb2\xbd\x90\xff!\x12\x89\xb4Z\xed\xb9s\xe7F\x8c\x18ATqj\x18\x1a.\xe5r\xb9\x9f\x9f\xdf\xa5K\x97\x9c\x9c\x9c\xb8\xf6t\xde\x02\xae=\xd0\x97\x81.\xaf\x9b7o\x9aL\xa6\xb0\xb00\x02\x0b\x00U\t\n\x00\x9bXML\\\\\xdc\xee\xdd\xbb%\x12\t\xa7L\x0c\xc30\xa5\xa5\xa5\x14Eq\xa4\x01\x06\xfa\xdf\xcf\x9d;\'\x95J[\xb4h\x01\xe3\x82\xab\xf47Z\xcb\x00G\x8e\x1c\xe1\xc2\'\xf0/a\x18\xa6\xac\xac\x8c\xa2(.\xdf\x19@Q\x94T*=~\xfcx\x9d:u\xe4r9\x16\x00\xaa\x14\x14\x00N0y\xf2\xe4S\xa7Nq*\x0b\x04\xe5\xd6\x8e\x1d;\xc6\xc7\xc7\xfb\xfa\xfar\xa1\x0b\x1e\xf2?;w\xee\x1c8p\xa0X,\xae\xd2\xfc\x0f\x00!Z\x9f&gt;}n\xdd\xbae\xeb\x9dZ\xf0\xe9\xb5m\xdb6&gt;&gt;\xde\xcf\xcf\x8f\xe3\x97\xdd\x9f?\x7f\xbew\xef\xde\x04\x16\x00\xaa\x18\x9cD\xcf&gt;\x0c\xc3X,\x96\x80\x80\x80\xef\xbe\xfb\xae\x7f\xff\xfeZ\xad\x96#2\xc0\xe3\xf1\xa4R)\x8f\xc73\x99L\xac\x0b\x00\x08RaaaLL\xcc\xb9s\xe7\xa0{\xaa\x1a\xb2\xc3\x10\x93EEE}\xf1\xc5\x17\xbdz\xf5\xe2\xce\xd3y;\x9c\x9d\x9dy&lt;\x9e\xd9l\xe6HT\xf7\x02p\xcc[\xa3\xd1\xb4m\xdb\xf6\xcf?\xff\xf4\xf5\xf5\xc5#2U\nF\x00\xec\x03\xbd@\x13\'N\xdc\xb0a\x03\xa7\xa6\xc2\xc1i\xa3\xf2\xf2r\xd6\xad?\xf1&lt;\xff\xb3u\xeb\xd6f\xcd\x9a\x05\x04\x04P\x14U=\xb5A\x90\x99\xce\x9d;\xef\xd9\xb3\x87SO\xe7\xed\x80\x07\xcaM\xebO\x10\x04M\xd3...\xc7\x8e\x1d\xf3\xf1\xf1\xf1\xf5\xf5\xe5\xd4\x14&amp;\xbb\x04\x05\x80}\x04\x02\x01\xc30#G\x8e\xcc\xca\xca\xbax\xf1\xa2\xab\xab+w*\x01\xdc9%$\x12\x89\xd4j\xf5\x86\r\x1b\xa6M\x9bV\x9dV\x18df\xc8\x90!\xa7N\x9d\xca\xcf\xcf\xe7\xe6\xed`\xaf\x0fw\x1e\xe8\xdf\xc10\xcc\xa6M\x9b\xfa\xf5\xebG&lt;\x0f\xbf\x90\xaa\x03\x05\x80}`0\x9c\xa7\xa7\xe7\xd0\xa1C\xd7\xacY\xe3\xe4\xe4T\r\xd9m\xdb\x82$I\x85B\xb1w\xef\xde\x9a5kv\xe9\xd2\xa5\x1a\xca\xbfV`(MPPP\xdd\xbau\x8f\x1c9\x82\xe7\xf5\xaa\x0e\xb8\x85-\'\'\xe7\xc9\x93\'\xef\xbd\xf7\x1eA\x106\x9dm\xb3\tP\x008\x01\x9c\n\x9e3gNJJJnn\xaeL&amp;\xb3i7\xf3\x9d#\x10\x08\x8cF\xe3\x9a5k\xbe\xfa\xea+\xa2\xda\x0b\x83\x90\x88\x18;v\xec\xe6\xcd\x9b\xb1\'\xbd\xea\xa0(\xca\xd9\xd9y\xf3\xe6\xcd-Z\xb4\xa8Q\xa3\x06\xf6\xffT\x03\xb8\x9b9\x01\x04\x015j\xd4\xe8\xd9\xb3\xe7\xf4\xe9\xd3e2\x19\x06\x01VH\x92T\xa9T\xff\xfd\xef\x7f\x19\x86\xe9\xde\xbd;M\xd3\xd5\xec\x18B\x8en\xf0\xe0\xc1\xf7\xef\xdf\xbfp\xe1\x02\x06\x01U\x04\xdc\x02\xbfk\xd7\xae\xa9S\xa7\xa2\x03T=\xa0\x00p\x05H5\xcc\x9d;7333))\x89S\x95\x00v\x819\xc6\xabV\xadZ\xbcx1\xc1F_ \xc8\xb3\\.\xef\xd7\xaf\xdf\xbau\xeb\xec\xe3D\x18\xd7 I\xd2\xcd\xcdm\xdf\xbe}\x9e\x9e\x9e\xf1\xf1\xf1\xd5\x99\xe5sdP\x00\xb8\x02\x0c\xb9\xf4\xf0\xf0\x987o\xde\xa4I\x93\x9c\x9c\x9c\xd0\t"\x08\xc2b\xb1(\x95\xca\xcf?\xff&lt;22\xb2s\xe7\xceU4\xfc\xf9\x1f\x81\\\xc4\xb4i\xd3N\x9c8q\xef\xde=\x1c\x0b\xf1\xce\x81\xc1\x1e+W\xae\x9c0a\x02(.\xdb+r\x08P\x008\x04\xbc\x03\x1f|\xf0\x81^\xaf_\xb9r\xa5\x87\x87\x07I\x92l/\x8aM\xc0\xef\xce\xc8\xc8\xd8\xbau\xeb\xd2\xa5KYl\n\x84G\xd3\xb8q\xe3\x96-[.^\xbc\xd8\xc5\xc5\x05st\xef\x10\x8a\xa2\x14\n\xc5\x9e={\xd4j\xf5\xf0\xe1\xc3\xd1\xfd\xaf6\xf0 \x18\xb7\x80\xae\xf3\x94\x94\x94\x0e\x1d:deeyyy\x99L&amp;\x87-&lt;\xd24\xadP(BCC\x87\x0f\x1f&gt;k\xd6,\xb6\xdc\x7f\xebbx&lt;\xde\xf5\xeb\xd7\xe3\xe2\xe2\xd2\xd3\xd3\xb9sG\x98\x1d@\xd3\xb4\x9b\x9b[xx\xf8\x84\t\x13&amp;O\x9e\xcc\xee\x83v(\x1c\xd4\xb2p\x16&gt;\x9fO\x92d\xf3\xe6\xcd\xc7\x8f\x1f?b\xc4\x08G\xae7Z,\x16ww\xf7\xf9\xf3\xe7K$\x92Y\xb3f\x91$\xc9\xaeQ\xb0\xf6\x83\xb6j\xd5\xea\xbb\xef\xbesuuu\xf0\xf8\xec]AQ\x94R\xa9\x04\xf7\x7f\xfc\xf8\xf1\xd5s\xc0\x1b\x010\x02\xe0\x1c\x0c\xc3\xd04\xcd0L\xd3\xa6M\x87\x0f\x1f&gt;g\xce\x9c\xc2\xc2B\xb1X\xecPO\nJ\x82\x97/_\xee\xde\xbd\xfb\x95+W\x1a5jT\xa5\xa3\xff_\x13\x08\x02n\xdc\xb8\xd1\xa6M\x9bs\xe7\xce\xd5\xae]\x9b\xb3Gjm\x08\x9a\xa6e2Y\xf3\xe6\xcdg\xce\x9c9j\xd4(t\xff\xab\x13TZ\xce\x01\xb7\xb3\n\x85\xc2\x03\x07\x0e|\xf7\xddw\x89\x89\x89*\x95\xcab\xb1\xb0\xbd\xae\xea\x83\xa6i\x89D\xa2\xd7\xeb\x07\x0e\x1c\xb8j\xd5\xaa\xc6\x8d\x1bs\xc4+\x84J\x80\xbf\xbf\xff\xe0\xc1\x83\xa7N\x9d\x8a\x95\x80\x7f\x0fI\x92\xee\xee\xee+V\xac\xe0\xf1xh\xfd\xab\x1f\x8c\x008\n\xbc\t[\xb7n\xfd\xf4\xd3O\xb3\xb2\xb2\xa4R\xa9\xc5b\xe1\x82\x11\xac\x06(\x8a\xf2\xf0\xf0\xe8\xd0\xa1\x83\x8f\x8f\xcf/\xbf\xfcB\x92$w\xc6pB|VVV\x16\x1a\x1a\xbaq\xe3\xc6\xb6m\xdb\x96\x96\x96\xa2\xcdz;`@\xa9\xc1`\x88\x88\x88\xd8\xb5k\x17\x8c\xf8v\x90M\xce\x11P\x00\xb8\x0b\x18\xbeQ\xa3F]\xbf~\xfd\xf2\xe5\xcb%%%\x10\x1c\xb0\xbd\xae\xaa\xc5b\xb1xyy}\xf6\xd9g\xfb\xf6\xed\xbbu\xeb\x16\x0c}\xe3\xd4_\r\xda\xbce\xcb\x96\xb9s\xe7\xe6\xe6\xe6\x9a\xcdf\xb6Wd\xab\x90$\xe9\xe9\xe9\xd9\xaf_?gg\xe7m\xdb\xb6\xa1\xfb_\xfd\xa0\x00p\x17\x86a(\x8a\x12\n\x85\xbd{\xf7\xa6i\xfa\xd0\xa1CEEE\xdc\xf1\x85\xab\x02\xb3\xd9\xec\xed\xed\xfd\xfd\xf7\xdf\xaf\\\xb92++\xcb\xcd\xcd\x8d\x9b\x9a\x07\xda\xdc\xb9s\xe7\xc8\xc8\xc8\xef\xbe\xfb\xae\xb0\xb0P$\x12\xb1\xbd(\x1b\x83\xa2(77\xb73g\xce\x8c\x1b7.\'\'G&amp;\x93qM\xe9\x1d\x01\x14\x00N\xc30\x0c\xc30&amp;\x93)88x\xe8\xd0\xa1\x0b\x17.\xb4c[\x03\xbe\xff\x1f\x7f\xfc\xd1\xb7o\xdf\xc4\xc4\xc4\xb0\xb00\xce\xba\x84\xd0\x9aUPP\x10\x1e\x1e~\xe4\xc8\x91\xe0\xe0\xe0\xf2\xf2rn.\x95\x9b\xc0\x94\x7f\xb1X\xdc\xb4i\xd3\xff\xfe\xf7\xbf={\xf6\xe4\xec\xb3\xb6o0\xdd\xc6i\xc0!\x92J\xa5\xa9\xa9\xa9\xbf\xff\xfe\xfb\xc2\x85\x0b\xbd\xbc\xbc,\x16\x8b\xfd\xc9\xb6\xd9l\xf6\xf2\xf2:y\xf2\xe4\xfb\xef\xbf\x7f\xf2\xe4I.[\x7f\xe2\xf9\xf0\xbe\x9a5k.^\xbcx\xc0\x80\x010\x9e\xc8\xfe\x1eJ\xd5\x01\xad\x9f#G\x8el\xd1\xa2E\xcf\x9e=Y\xef\xf1uX0\x02\xb0\x01\xa0\x07F\xa3\xd1DGG\x0f\x1b6l\xfe\xfc\xf9\xc5\xc5\xc5\xf6\x14/\x83\xef\x7f\xf2\xe4\xc9A\x83\x06\x1d&lt;x0..\x8eS\x85\xdf\xbf\x03\x16\xd9\xaf_?\xb8\xa8\xd2\xee\x13t\xef\nx\xdck\xd7\xae]\xb4hQNN\x8e\xb3\xb3\xb3=mf\xdb\x02\x05\xc06\x00wX\xa3\xd1\xb4h\xd1\xa2u\xeb\xd6k\xd7\xae\x85\x8b\xbal\xddo\x82\xa6\x1a\x0f\x0f\x8fu\xeb\xd6}\xf1\xc5\x17\x07\x0f\x1e\x8c\x8d\x8d\xb5\t\xebO&lt;_\xbc\xd1h\x0c\x08\x08\xf8\xfc\xf3\xcf\'L\x98`\xc7\t\xbaw\x05\xdc\xecv\xe3\xc6\x8d\xd8\xd8\xd8\x0b\x17.\x84\x87\x87s\xa4\xc7\xd71A\x01\xb0\x19@\x03JKK\xdb\xb6m[\xa7N\x9d]\xbbv\x91$YQQa\x13\xb6\xf2/\x81\x12\xb7B\xa1\xf8\xf6\xdboW\xacXq\xf0\xe0\xc1\x98\x98\x18[\xb1\xfe\x00\x18\xaf\x8c\x8c\x8c\xb8\xb8\xb8\xc4\xc4\xc4\xe0\xe0`\x8dFcC\xeb\xaff`\xc8\x8fD"\xf1\xf7\xf7\xff\xe4\x93O\xa6L\x99b[\x8f\xdb\xfe@\x01\xb0%\xac\xbe\xd2\xc0\x81\x03\xd3\xd3\xd3O\x9d:\xe5\xe7\xe7WXX(\x14\nm.\x82\xb6X,r\xb9\x9c \x88A\x83\x06\xe5\xe5\xe5%\'\'+\x95J[4\x07 \xcck\xd7\xae]\xbatiRR\x92L&amp;s\x9c\x13\x1bo\x04\x04LJ\xa5\xb2w\xef\xder\xb9|\xfb\xf6\xed\xb6\xf8\xb8\xed\x0c\xdc\xa6\xb6\x04\x8c\xa3\xa1iz\xd7\xae]c\xc6\x8c\x89\x8e\x8eNHH\xf0\xf2\xf2\xe2\xf1x6t$\x95\xa6i\x92$\xbd\xbc\xbc\xf2\xf2\xf2\xc2\xc3\xc3%\x12IZZ\x9aR\xa9\x84\x80\x80\xed\xd5\xbd1\x02\x81\xc0b\xb1L\x9c8\xb1W\xaf^\xad[\xb7\x96\xcb\xe5\xf0\x98\xd8^\x17\xe7 I\xd2\xc3\xc3\xe3\xc3\x0f?|\xf0\xe0\x01X\x7f[O`\xda\x01\x18\x01\xd8\x1e\xe0I\t\x04\x82\xb3g\xcf\x0e\x1b6\xacg\xcf\x9e\xcb\x96-\x93H$j\xb5\x9a\xfb\xa1\x80\xc5b\x91\xc9d2\x99l\xed\xda\xb5\xf3\xe7\xcf\xff\xe2\x8b/\xa6O\x9fNT\nnl\x14pf\x07\r\x1a\xa4\xd7\xeb\x0f\x1f&gt;\xacV\xab\xf1Pke\xa0\xf0\xfb\xddw\xdfm\xdd\xba511Q\xa1Pp\xf3\x84\x87\xa3\x81\x02`\xab\x80\xc5\xd1h4C\x86\x0cy\xf4\xe8\xd1\x8a\x15+\xda\xb7o_VVf2\x99\xb8\xe9G\xc3\x15\xaf\xee\xee\xeew\xee\xdc\xf9\xf0\xc3\x0f\x0b\x0b\x0b\x7f\xfe\xf9\xe7f\xcd\x9aq\xf0\xac\xef[`U\xe56m\xda\xc8d\xb2#G\x8e\xa0\x06X\x01\xeb\xbfx\xf1\xe2%K\x96\xdc\xb9sG\xa5R\xd9\xba\xde\xdb\r\xf8\x0cl\x15\xa1P\x08\xcd\xd4\xc7\x8e\x1d\xfb\xf8\xe3\x8f\x87\r\x1b6a\xc2\x04\xbd^\xef\xe9\xe9I\x10\x04\xa72B4MS\x14\xa5R\xa9\\\\\\\x96-[\x16\x1b\x1b\x1b\x12\x12\x92\x99\x99\xd9\xacY3\xc8\x03\xd8\xba\xf5\'\x9e\x8f\xf0\x83\x03\xdb7n\xdc\xe8\xd3\xa7\x8fJ\xa5\xc2\x9b\xad\x88\xe7\xd6\x7f\xd9\xb2e_|\xf1\xc5\xa9S\xa7T*\x15H&gt;\xdb\xebB\x08\x02#\x00[\xc7\xeax&gt;}\xfat\xea\xd4\xa9\xd7\xae]\x1b?~\xfc\xf8\xf1\xe3\xe5r\xb9V\xabe\xdd\xbc\x82\xd7/\x97\xcb\x05\x02\xc1\xde\xbd{\x7f\xf8\xe1\x07\x86a@\x03\x08\xdbO\xfb\xbc\x0c\xfcEeee\xe1\xe1\xe1\xc1\xc1\xc1\x07\x0e\x1c\xd0h4\xf6\xf7g\xbe&amp;\x0c\xc3@\xb1g\xe9\xd2\xa5s\xe6\xccIII\x81\x80\x0fS\xff\xdc\x01\x05\xc0\x1e\xb0\xbeT\xe7\xcf\x9f\x9f5k\x96\xd1h\x9c={v\xb7n\xdd\\]]!)\xc4\xe7\xf3\xab\xd3\x06Y\xa7\x18\xb9\xb9\xb9\x91$\x99\x92\x92\xf2\xddw\xdf\xdd\xb9sg\xf6\xec\xd9c\xc6\x8c!\x9e\xe7\xaf\xaam=\xd5\x89U\x03\x9a7o\xde\xb0a\xc3C\x87\x0e\x95\x95\x95\x99\xcdfG\xb3z\xd6\x13\x1e\x8b\x16-\xfa\xf6\xdbo\xcf\x9e=\x0b\x01\x9f\xbd&gt;w\x1b\x05\x05\xc0N\xb0\x86\x02\x04A\x1c&lt;xp\xf9\xf2\xe5O\x9f&gt;\x1d3f\xcc\xb0a\xc3j\xd5\xaae2\x99\xf4z=\x84\xdeU\xa7\x04`\xf7y&lt;\x9eT*\x95\xc9d\xe5\xe5\xe5G\x8f\x1e]\xbe|\xb9\xc1`\x18;v\xec\xa4I\x93\x84B!\xa4D\xec\xdb#\x06\r`\x18\xa6\x7f\xff\xfez\xbd~\xc7\x8e\x1dp\xbd\x81\xe3\xd8&gt;\xf0H\xdc\xdc\xdc\xe6\xcc\x99\xb3\x7f\xff\xfe\xb3g\xcf\xd6\xacY\x13}\x7f\x0e\x82\x02`WT6\xaf\x07\x0f\x1e\\\xb1b\xc5\xbd{\xf7\xbat\xe92l\xd8\xb0\x88\x88\x08\'\'\'\xab\x12\xf0x\xbcwRz\xb5\xde_\xc6\xe7\xf3\xa5R\xa9\xb3\xb33\xc30\xd7\xaf_\xdf\xb7o\xdf\xb6m\xdb\\]]G\x8c\x18\xf1\xe1\x87\x1f\x8a\xc5b\xa2R\xa4b\xf7\xc0\xdda&lt;\x1e\xef\xbd\xf7\xdeKMMMLL\xf4\xf6\xf6...v\x84s\xc2$I:;;;;;\xf7\xee\xdd\xfb\xc6\x8d\x1b\x97/_vsss\x9cGo[\xa0\x00\xd8!\x95\xfbj\xd2\xd3\xd3\xd7\xad[\x97\x98\x98\xc8\xe7\xf3\xbbt\xe9\xd2\xa7O\x9f\xf0\xf0p0\xd3\x06\x83\xc1h4\x82\xf9\xe6=\x07~\xc2_\n\x03l\x15\xe69\x04A\xf0\xf9|\x89D\x02\xb3\\H\x92\xbcq\xe3\xc6\x91#G\x0e\x1e&lt;\xf8\xec\xd9\xb3\xd0\xd0\xd0\x11#F\xf4\xee\xdd\xfb\xe5%9\x08\xd6\x98\xec\x87\x1f~X\xbcx\xf1\xaf\xbf\xfe\xda\xb5k\xd7\x92\x92\x12\xc2\xae\x03 (\xf9\xde\xbd{\xb7O\x9f&gt;M\x9a4\xd9\xb9s\'T\xc2\xed\xf8O\xb6iP\x00\xec\x16\xab\x9bO\x10\x84\xd1h\xdc\xbbw\xef\xae]\xbb\xb2\xb2\xb2\\]]\x9b6m\xda\xb9s\xe7\xa0\xa0\xa0&amp;M\x9a8;;\x13\xcf\x</t>
        </is>
      </c>
    </row>
    <row r="18">
      <c r="A18" s="1" t="n">
        <v>16</v>
      </c>
      <c r="B18" t="inlineStr">
        <is>
          <t>shape_reflect</t>
        </is>
      </c>
      <c r="C18" t="inlineStr">
        <is>
          <t>What is the missing shape denoted by a question mark?</t>
        </is>
      </c>
      <c r="D18" t="inlineStr">
        <is>
          <t>['hexagon', 'triangle', 'square', 'pentagon']</t>
        </is>
      </c>
      <c r="E18" t="inlineStr">
        <is>
          <t>square</t>
        </is>
      </c>
      <c r="F18" t="inlineStr">
        <is>
          <t>There are six shapes in the image separated by a line. In the top part there are ['hexagon', 'pentagon', 'square']. In the bottom part there are ['hexagon', 'pentagon', '?'].</t>
        </is>
      </c>
      <c r="G18" t="inlineStr">
        <is>
          <t>We observe that the hexagon is reflected across the line as a hexagon. Similarly, the pentagon is reflected as a pentagon. Hence, the pattern is that each shape in the top part is reflected in the bottom part.</t>
        </is>
      </c>
      <c r="H18" t="inlineStr">
        <is>
          <t>Based on the pattern that each shape in the top part is reflected in the bottom part, the missing shape which is reflected from a square part should be a square.</t>
        </is>
      </c>
      <c r="I18" t="inlineStr">
        <is>
          <t>b'\x89PNG\r\n\x1a\n\x00\x00\x00\rIHDR\x00\x00\x02\x00\x00\x00\x02\x00\x08\x02\x00\x00\x00{\x1aC\xad\x00\x00XAIDATx\x9c\xed\xddw\\\x14\xd7\xfa?\xf0gfv\x97^U\xc0\x92bC\x93\xd8\xc5+\xf6\x8a5&amp;&amp;VRT\xb0\xc5^\xa2\x92\xd8\x10;j\xd4\x88&amp;V0\xd5\x92\xe8M3\x8aXb\x8b\x90`\xc7\xdeb\xa2\x08H[\xfa\xeeN\xf9\xfdq\xae\xfb\xe5g\xd4\x18\x85m\xf3y\xbf\xee\x1f7\x0b\xb2gwg\xcf\xe7\xccs\xce\x9c\xe1\x14E!\x00\x00P\x1f\xde\xda\r\x00\x00\x00\xe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b0&amp;I\x92dY\xb6v+\xd4K\x96e\xbc\xff\xa0f\x08\x00\xeb\x90eY\x92$A\x10x\x9e\x17EQQ\x14k\xb7Hu$I\xe2y\x9e\xe7yI\x92\xac\xdd\x16\x00\xeb@\x00X\x9a\xa2(\xa2(\xf2&lt;/\x08\xc2\xbe}\xfbRRR4\x1a\r\xc7q\xe8\x86,\x86}\x04\x82 \xfc\xf1\xc7\x1fIII\x82 \xe0T\x00\xd4\t\x01`Q\x92$q\x1c\xa7\xd1h\xae\\\xb92l\xd8\xb0\x90\x90\x906m\xdaDEE\xe9\xf5z\xd6\r!\x06\xca\x9b,\xcb\xec#\xd8\xbe}{\xcb\x96-[\xb5n5w\xee\\v* \x8a\xa2\xb5[\x07`Q\x1c\x8a\x0f\x96\xc1\x06\x98&lt;\xcf\xeb\xf5\xfa\x15+V\xc4\xc4\xc4dgg\x9b\x7f\xfa\xd2K/M\x9d:5,,\x8c\xee\x97&amp;8\x8e\xb3Z[\x1d\x97(\x8a\x1a\x8d&amp;??\x7f\xc6\x8c\x19111\xe6\xc7\xbbu\xeb\x16\x1b\x1b[\xb9revf\x807\x1f\xd4B\x81r&amp;\xcb2\xab\xf2+\x8a\xb2e\xcb\x96\xbau\xeb\x9a\xdf\xfc\xfe\xef\xf4\xe9\xffn_\xf3\x7f\x86\x84\x84\xec\xdb\xb7\x8f\xfd\xa6\xc9d\x92e\xd9z\xadv4\xe6O\xe1\xc4\x89\x13M\x83\x9a\xb27\xbcu\x87\x96\xa1a\x03\xd8\xff\xafZ\xad\xea\xb6m\xdb\xd8/K\x92d\xd5\xc6\x02X\x08\x02\xa0\x1c\x95\xee\xfa\x13\x13\x13\xbbt\xe9b\xee\xeb[\xb5k\xf1\xd5\x0f\x9b\xd3\x8c\x7f\xa6\x19\xff\xfc\xea\x87\xcd\xad\xdb\xb7d\x8fs\x1c\x17\x1e\x1e~\xe7\xce\x1d\xf6\xaf\xcc\xff\x1c\x9e\x85\xf9m\\\xb5j\x95\xb7\x8f7\x11q\xc4\x8d\x8f\x18s5\xf3|\x9a\xe9\xcf\xc51\xf3\xbd\xbc\xbd\xd8\xfb?n\xdc\xb8\xbc\xbc&lt;EQL&amp;\x93U\x9b\x0c`\t\x08\x80\xf2b\xeetn\xdf\xbe\x1d\x1e\x1e\xee\xe4\xec\xc4\xba\x98\x80*\x01\xd1\xab\x17\xfc\x91w\xe5N\xf1\x8d\xf3\xa9\xa7\xce\xa7\x9e\xbaS|\xe3\xa6\xfe\xf2\xd25\x8bj\x05\xd6d\xbfS\xb9r\xe5y\xf3\xe6\x19\x0c\x06EQ$I\xc2\x80\xf4\xa9\xc9\xb2\xcc\xba\xf2;w\xee\x0c\x18\xf0\xbf\xc1~\xf5Z/~\xb6sS\xba\xe9\xcf\xcb\x19\xe7\xce\xa7\x9e\xbak\xb8u\xf0d|Pp\x13\xf6\xd3\xa6M\x9b\x9e8qBQ\x14Q\x14q\x12\x06\x8e\rs\x00e\xcf\\\xee7\x1a\x8d\xeb\xd6\xad[\xb8paZZ\x1a\x1199;\r\x1f\x1b&gt;\xe4\xbdw\xab=_57[/+\xb2 \x08t\x7ff\xd8\xb7\x82O\xda\xdd\xf4\xcdk?\x8f\xfb\xf4\x8b\xdc\x9c\\"j\xd0\xa0\xc1\x87\x1f~8p\xe0@\xc2\xc4\xc0S\x91e\x99\xe7y"\x8a\x8f\x8f\x1f6l\xd8\xed\xdb\xb7\x89\xa8g\xef\xee\x0bVF\xf9U\xf6\xcb\xc9\xcc\x114\x02\xc7q\xa2(\xba{\xb8\x1b\x8d\xc6\x98%\x9f\xc4,\xf9DQ\x14o\x1f\xef\xb9Qs\xc7\x8d\x1bGDl\xb5\xae\x95_\t@\xf9@\x00\x94%EQ$I\xd2h4D\xb4{\xf7\xee\x88\x88\x88s\xe7\xce\xb1\x1f\xf5\xea\xd3s\xdc\xb4\xd1\xf5\x1b\xd7+*(*))a\xbfS\x9a(\x8a:\x9d\xce\xcb\xc7\xeb\xfc\x99\xf3+\x16\xc6\xfc\xf0\xedO\xec\xf1.]\xba\xcc\x9d;\xb7y\xf3\xe6\x84\x18\xf87\xd8|\xaf(\x8a\xd3\xa6M[\xb9r\xa5\xa2(\x9e^\x9e\x93gL\x18:f\x88\xd1`|\xe0#\x90%\x99\x17x\x1f_\xef\x9f\xbf\xdf\x131vF\xfa\xdd\x0c"\x1a0`\xc0\xf2\xe5\xcb\xabT\xa9\x82\x99apT\x08\x802\xc3z\x1c"JIIY\xb8p\xe1\x96-[\xd8\xe3u^\x0e\x8c\x88\x9a\xd2\xf5\xd5\xce\xa2(\x15\xe4\x17&lt;\xa6+Q\x14E\x12%7\x0f7A\x10\x0e\xed;\xbc|\xfe\xc7\'\x7f?MD\xce\xce\xceo\xbd\xf5\xd6\xdc\xb9s\xabV\xadJ\x18\x93\xfe\x13EQdY\x16\x04\xe1\xe4\xc9\x93c\xc6\x8cILL$\xa2FA\r\x17\xac\x88\xfaO\xcb\xa0{\x19\x99\x1c\xc7\xb13\x83\x07\xfe\x95$I&gt;\xbe\xde\xb7\xff\xbc\x135m\xc1\xae\xefv\x13Q\xb5j\xd56n\xdc\xd8\xb5kW*u&gt;\x01\xe00\x10\x00e\xc0&lt;0\xcf\xc8\xc8\x88\x89\x89\xf9\xe8\xa3\x8f\x8a\x8b\x8b\x89\xa8\xa2_\xc51\xef\xbf\xf7\xce\xd0P\x17W\x97|}&gt;q\xf4$=\x08\xab;{\xf9x\x15\xe6\x17~\xb7\xed\x87\x15\x8bb\xee\xde\xb9KD\x01\x95\x03\xa6\x7f8}\xe4\xc8\x91:\x9d\xce\\e*\xef\x97fw\xcc\xe9\x18\x13\x133;rvnN.G\xdc\x90Q\x83f.\x88\xd0j\xb5\xf9y\x05\x1a\xed\x83\xe7^\xa5\x89\xa2\xe8\xe2\xea\xa2\xd5j7\xad\xd9\xbc|\xc1\xc7y\xfa&lt;\x8e\xe3"##g\xcc\x98\xa1\xd1h\x10\xbd\xe0`\x10\x00\xcf\x84u\xd6\xacS\x88\x8b\x8b\x9b={6+4\xeb\x9c\x9c^\xef\xf7\xea\xe4\x19\x13\xaa\xd7|A\x9f\x9b\xf7\x14\x1d\x07\xfb\'^\xde\x9e\xb7\xff\xbc\xb3y\xdd\x17\x1bc\xe2JJJ\x88\xa8~\x83\xfa\xd1\x8b\xa3\xbbw\xefN\xa8\x08\xfd\xff\xcc\xf5\xb7\xac\xac\xac1c\xc6l\xdb\xb6\x8d\x88\xfc+\xfbG\xaf\x9e\xdf\xadW\x97\'\xff\x14\xd8gZ\xc9\xaf\xe2o\xbf&amp;\xcf\x98\x14y:\xf9\x0c\x11\xb5n\xd3z\xd3\xc6M\x81\x81\x81x\xcf\xc1\x91 \x00\x9eR\xe9r\xff\xfe\xfd\xfb\x17/^\xbco\xdf&gt;\xf6\xa36\x1d[M\x9a&gt;\xbeU\xfb\x96\x05y\x05\x0f-\xf7?9Q\x14\x9d\x9d\x9d\xdd\xdc\xdd\xce\x9c8\xb38r\xd9\xc1\xbd\x87\xd8\xe3=z\xf4\x88\x8e\x8e\xaeW\xaf\x1e\xfb\x1dT\xa8K\xcf\xf7N\x988\xe1\xf2\xa5\xcbD\xd4\xb3w\xf7\xc8%3\xaa=_5\';\xf7\xdf\xbeE\xa2I\xf4\xf0t7\x99L\x0bfD\xc7~\xfa\x19\x11\xf9\xfa\xfaFGG\x0f\x1b6\x8cP\x85\x03G\x81\x00x\x1a\xe6\xef\xff\x95+W\xa2\xa3\xa3\xe3\xe2\xe2\xd8\xdbX\xa3V\xf5I\xd3\xc7\xbd1\xb0\xb7,I\xf9\x8f-\xf7?9\x964\xee\x1e\xee&lt;\xcf%\xfc| :\xf2\xa3\xcb\x17.\x13\x91\x8b\x8b\xcb\xf0\xe1\xc3g\xcc\x98\xe1\xe7\xe7G\xea\xee\x92\xd8k\x17Eq\xc1\x82\x05QQQ\x8a\xa2xzzN\x9e9a\xe8\x98!&amp;\x93\xa9\xb8\xa8\xf8\xe92\x98\xfdYo\x1f\xaf\xed_\xee\x98?}q\xfa\xddt"\n\r\r\x8d\x89\x89\xa9P\xa1\x82y\xca\x07\xc0~!\x00\xfe\x9d\xd2K&lt;\x97,Y\xb2|\xf9\xf2\x9c\x9c\x1c"\xf2\xf6\xf1\x1a\xf2\xde\xa0\xb0Q\x83\xfc\x02\xfcr\xb2r\x1e:\xcd\xf8\xec\xcf\xeb\xe1\xe9Q\\T\xfc\xe5\xa6-\x9f._\x97\x91~\x8f\x88\x9e{\xee\xb9\xa8\xa8\xa8w\xdeyG\xab\xd5\xaapb\xc0&lt;\xdf{\xe5\xca\x95\xa1\xc3\x86\x1e=r\x94\x88\xea5|%z\xcd\x82f-\x822\x1f1\xdf\xfb\xaf\xfe\xbe$I\xbe\x15}\xff\xbc\xf1\xe7\x94\xd1\x1f\x1e9p\x94\x88\xea\xd4\xa9\xb3i\xd3\xa6V\xadZ9\xe4\x1b\xce\x96\x87[\xbb\x15\xe5\x82\xe38\x95\x9f(\xff\x1d\x02\xe0I\x99\xfb\x1a"\xda\xbau\xeb\xc2\x85\x0b\xd9\x12O\x8e\xe3\xfa\xbe\xf5\xc6{\x93F\xd4o\\O\x9f\xa37\x1aM\x1aMy\x8d\xc4%I\x124\x82\xa7\xa7G\xea\xed\xbb1K&gt;\xd9\xfa\xd97lb\xa0E\x8b\x16QQQ!!!\xa4\xa6\x8a\x90\xf9\xa4g\xe3\xc6\x8d\x11\x11\x11lo\xa5\xc1#\xde\x996\xe7}O/O}\xae^\xab\xd5\x96\xc9\x13\x89\xa2\xe8\xe2\xe2\xa2\xd1j\xd6\x7f\xbcq\xc9\xdc\xe5F\x83\xd1\xc9\xd9\xe9\xc3\x0f&gt;\x8c\x8c\x8c\xa4R\xab\xbf\x00\xec\x0e\x02\xe0\x9f\x95\xee\xfa\x93\x92\x92f\xcd\x9a\x95\x90\x90\xc0~\xd48\xa8\xe1\xd4\xc8\xc9\x1d\xbb\xb6/..)*(b\x17\x16\x95skH\x94$gg\'\x177\x97s\'\xcf\x95\x9e\x18\x08}+t\xfa\x87\xd3\xcd\x13\x03\x8e\xdd+\xb1\x17\x98\x95\x955n\xdc8\xb6\xe2\xd6\xbf\xb2\xff\xcc\x85\x1f\xf4\x7f\xb7o^\xae\xded\x12\xcb\xb6 \xc6\x06\xfb\xbe\x15}\x0f\xef?\x121f\xc6\x8dk7\x89\xa8[\xb7n\xabV\xad\xaa]\xbb\xb6c\x84.\x9bG9}\xfa\xf4\xe4\xc9\x93\xd9i\x8d\xbd\xbf"\x86uq\xb2,/_\xbe\xbcQ\xa3FX\xce[\x1a\x02\xe0\x1f\x98\x87\x99\x19\x19\x19\xf3\xe7\xcf_\xbf~\xbd\xc1` \xa2\xcaU\x02&amp;N\x1f\xf7\xc6\x80\xd7\xdd\xdc\xddrsr\xd9~\xc2\x16k\x95\xa2(\xb2$\xbb\xb9\xbb\n\x1a\xcd\xce-\xdf}\xf2\xd1\xbaKlb\xc0\xd5e\xca\xfbS\xc6\x8e\x1d\xeb\xe7\xe7W:\xb7\x1c\x89\xb9\xf0\x12\x1f\x1f?q\xe2\x84K\x97.\x13Q\x9b\x8e\xad\x97}\xb2\xe8\xf9\x1a\xcfggf\x97__,\x8a\xa2\xa7\x97g\x9e&gt;o\xee\x07\x0b\xb7}\xfe\r\x11U\xaaTi\xf5\xea\xd5\xfd\xfb\xf7\'\xfb\x9f\x86a\xedOHH(\xbdi\x95#\xd9\xbbwoHH\x88\xbd\x7fLe\x0b\x01\xf0H\x8f\xda\xd1\xc1\xd9\xd9y\xd8\xd80\xb6\xa3\xc3\xd3-\xf1,\xdb\x16zy{\xe5\xe7\xe5\xaf_\xb5\xf1\xf3\r_\xdf+51`\xde\\\xba\xcc\'$\xac\xc8|f\x13\x15\x15\xc5\xe6{u:\xdd\xb4\xc8\xc9#&amp;\x0c\x13Mbq\xf1S\xce\xf7&gt;9I\x92t:\x9d\x8b\xab\xf3\x8e\xaf\xbf\x9b3m~vV6\x11\x8d\x1b7n\xc1\x82\x05\x1e\x1e\x1ev}\xe2\xc5\x8e\xe4_~\xf9\xa5s\xe7\xce&lt;\xcf\xd7y%\xd0\xd7\xd7G\x14E\xfb=\x0fP\x14E\xa3\xd1dg\xe7\\&gt;\x7fE\x96\xe5}\xfb\xf6\xb5o\xdf\x1e\x01P\x1a\x02\xe0!\x1e\xb3\xa3C\xfb\x90\xb6\x1f\xce\x9d\xda\xb0i\xc3\xc2\x82\xc2g\\\xe2YV$Q\x124\x82\xb7\xaf\xf7\x8d\xab7W,\xf8\xf8\xfbo~b\xe7(!!!\x11\x11\x11\x9d:u"\x87\x98\x180\x9f\xd0\\\xbdzu\xfc\xf8\xf1{\xf6\xec!\xa2z\r_Y\xb02\xaay\xabf\xb99zEQ,\x93s\xac%\xbe\x15}/\x9e\xbb4e\xd4\x07\'\x92N\x12Q\xd3\xa0\xa6kV\xafi\xde\xbc\xb9\xfd\xce\x0c\xb3\x9e\xf1\xe0\xc1\x83\x1d;v$\xa2\xad?\x7f\xd9\xb5{g}\x9e^(\xb79\xad\xf2&amp;\x89\x92\x97\xa7W\xfc\xee}\x03{\xbcCD\x07\x0e\x1c\xe8\xd0\xa1\x03\x02\xa04\xeb\xf7_\xb6\x86\r\xe24\x1a\xcd\x83;:\xbc\x14\x181wJH\x8f\x8e\xb2\xacdef\t\x82`\x0b\xbd?\x11\t\x1a\x81\x14\xca\xcc\xc8\xf4\xf3\xaf\x14\xb3yEh\xd8\x80e\xf3V\x1c\xfb\xe5xBB\xc2\xbe\xfd\xfb\xc2\x86\x84EDD\x04\x06\x06\x92=\xd7(X\xcb\x05A\xd8\xbau\xeb\x84\t\x13222\xe8\xfe|\xaf\x97\xb7WVf6\xbb\xad\xa6e\x1a\xc3q\x9c \x08Y\x19Y5jW\xdf\xf6\xf3\x17\xab\x96|\x12\x13\xfd\xc9\x89\xe4\x13\xed\xda\xb5[\xbcx\xf1\xc4\x89\x13\xc9\x9e\xdfj\xb3\xe2\xa2\x92\x82\xa2\x82\x82\x82B\xfb}!l\xd1DqQ\x89\xb5\x1bb\xbb\xeco\x9cR~$I\x92eY\xa3\xd1\xe8\xf5\xfaY\xb3f\xfd\xe7?\xffa\xbd\x7fE\xbf\x8a\x91\xd13\x7f:\xf2\xdf.=;\x17\xe4\x17\x16\x15\x16Y\xb2\xbby"\x1ci4\x1a\x93\xc9\x94\x99\x91\x15\x14\xdc\xe4\xcb\xef7/Y\xb3\xa8V`MEVbcc[\xb4lQ\xfa\xae\x93vw\xf3[v\xfa\xa2\xd7\xeb\x87\x0f\x1f\x1e\x1a\x1a\x9a\x91\x91\xe1[\xc1wu\xdc\x8a%\x9f,\xd2\xe9\xb4y\xfa&lt;\xab$\xb1F\xab)*(\x92$y\xc6\x82\x88\xcd;7V\xaf\xf5\xa2\xc1`\x984i\xd2\xc0\x81\x03SSS\xd9u\tv}z\xcd\xf3\x1c\xef l\xe9\xabjc\x10\x00D\xf7k&gt;\x82 \xf0&lt;\x1f\x17\x17\x17\x1c\x1c&lt;\x7f\xfe\xfc\xe2\xe2b\x9dN\xd7\xef\x9d&gt;?\x1e\xda9j\xd2pY\x96\xf3\xf4y\xec\x80\xb2v{\x1f\x8e\xdd\xea\xb6 \xaf\xb0\xa4\xb8d\xf0\x88\xb7w\xec\xdb:\xe9\xc3q\xde&gt;\xde\xd9Y\xd9s\xe6\xcci\xd1\xa2\xc5\xd6\xad[Y\xfb\xd9\r\x06\xac\xdd\xde\x7f\xc6\xe2J\xa3\xd1\x1c;v,88x\xe3\xc6\x8dD\xd4\xa6c\xeb\x1d{\xb7\xf4}\xa7OfF\xa6$Ys\x96\x9b\x17xEQ2\xd3\xb3Bzv\xfa\xef\xbe\xed=zw#\xa2m\xdb\xb65o\xde&lt;&gt;&gt;\x9e\x8d\x12\xec.nAUl\xb4/\xb3\x18EQ\xd84\x97 \x08\xfb\xf7\xef\x0f\t\t\t\x0f\x0f\xbft\xe9\x12\x11\xb5l\xd7b\xdb\xee/Wo^\xe1\xe7_)+3\x9b\x88\xec\xe2\\\x98\x17x\x9e\xe73\xefe\xb9\xba\xba~8?bG\xc2\xd6~\xef\xf4\xe19\xfe\xe2\xc5\x8b\xa1\xa1\xa1]\xbbvMJJb\xf3\x016&gt;D\x15E\x91\xc5UTTT\xa7\xce\x9d.]\xba\xa4\xd3\xe9&amp;D\x8c\xfd\xf2\xfb\xd8\xea\xb5\xabg\xdd\xcb\xb2\x85\xf30\x8e\xe34ZMNV\x8e\x87\xa7\xc7\xba\xaf\xd6\xccY2\xcb\xd3\xcb\xf3\xf6\xed\xdb\xdd\xbbw\x9f&lt;y2{\t\x92$Y\xb7\x91\x00\x8f\xa2\xea\x00`+d4\x1aMjj\xea\xd0\xa1C;\x87tf\xfb\xf9\xd4\xac]c\xc9\x9aE_\xfd\xb09(\xb8IfF\x96\xc9d\xb2\x91r\xff\x93c[W\xdeK\xbbW\xa3v\xf5\x98\xd8\xe5_|\x1f\xdb\xaa}K"\xda\xbbwo\xfb\xf6\xed\x87\x0e\x1dz\xe7\xce\x1d\xd6\x81\xda`\xf7\xc4RY\xa3\xd1\\\xbdz\xb5{\xf7\xees\xe6\xcc1\x94\x18j\xd4\xaa\xfe\xd5\x8f\x9bg,\xfc\xa0\xa8\xb0\xf8\xa9ww(\'\x1a\x8d\xc6h4\xe6\xe7\xe5\x8fy\x7f\xe4\x96\x9f&gt;o\x14\xd4PQ\x94\x15+Vt\xe8\xd8\xe1\xca\x95+\x82 \xd8\xcb)\x17\xa8\x8d\xaa\x03@\x10\x04\xa3\xd18\x7f\xfe\xfc\xa6M\x9b\xc6\xc6\xc6\x92B^\xde^\x13?\x1c\xb7s\xff\xb6\xc1#\xde.).)\xc8+\xb4\x85a\xe6\xd3a\x83\xd3\x92\xe2\x92\xac\xcc\xec\xf6!m\xbf\xfaa\xf3\x92\xd5\x0b+W\xad\\RR\x12\x1b\x1b\xdb\xacY\xb3\xf9\xf3\xe7\x1b\x8dF[;\xad1\xa7\xf2\xf6\xed\xdb[\xb5j\xc5V\xfb\x0c\x18\xd4\xef\xc7\xc3;\x83[7\xbf\x97v\xcf6\xabp&lt;\xcf\x0b\x82\x90\x91v\xaf~\xa3Wv\xec\xdd\x12&gt;j0\x11\x1d=r\xb4E\x8b\x16\x1b7nd\xa7\\6\x98\xb5\xa0r6\xf7E\xb2\x0cv\xab\xd8\xad[\xb76i\xd2d\xd6\xacYl\x81\x7f\xaf&gt;=\xbf;\xb0}\xfa\xfc\x08WW\xd7\xcc{Y&lt;\xcf\xf3\x82\xdd\xbf?&lt;\xcfk4\x1a}n^IQ\xc9\xa0\x11o\xffxh\xc7\xd8\xa9\xa3\x9c\x9d\x9d\xef\xde\xbd;k\xd6\xac\xa6M\x9an\xdd\xba\xd5d2\xd9H\xa9\x9a\xcd\xf7\xe6\xe7\xe7\x8f\x1f?~\xc0\x80\x01\xf7\xee\xdd\xabP\xd1w\xd5\xa6\xe5\xcb\xd7E;99\xe5\xe7\xe5?~7\x7f\xab\xd3h5\x05\x05\x85\xa2(-Z5/&amp;n\x85\x7fe\xff\xec\xec\xec\xe1\xc3\x87\xbf\xf5\xd6[YYYlf\xd8\xdam\x04\xf8?v\xdf\xc1=\x05\xb6\xa5{bbbhh\xe8\xf9\xf3\xe7\x89\xa8QP\xc3/\xbf\xdf\xfc\xc9\xe7\xab\xaa\xd7\xaa~/\xed\x9e\xf9"\x00\x87!\x08\x02\xc7sY\x99\xd9&gt;\xbe&gt;3\x16|\xf0\xc3\xa1\x1d\xbd\xde\xec)\x08B\xca\xf9\x94\xd0\xd0\xd0\xc4\xc4D\xab\x97\xaa\xcd\xf3\xbdIII\x1d:v\x88\x89\x89!\xa26\x1d[\x7f\x13\xbfe\xc0\xa0\xbe\xfa\xdc&lt;\x96\rVl\xe1\x13\x12\x04AQ\x94\xcc{Y}\xdf~\xf3\x87\x83\xdf\xb6\xe9\xd8\x9a\x88\xb6l\xd9\xd2\xbau\xabc\xc7\x8ei4\x1a{\\\x88\x05\x8eJ\x8d\x01\xc0\x98L&amp;v\xda&gt;~\xda\x98\xef\xf6oo\x1f\xd26?/\xbf\xb8\xa8X\xa3\xb5\xd7\x9a\xcf?bKE\xb33\xb3\x03_\xaa\xbd\xe9\x9b\xb5\x91Kf\xb2\x85O&amp;\x93\xc9\xba\r3\xcf\xf7\xae\\\xb9\xb2]\xbbv\'\x92Op\xc4\x8d\x8f\x18\xf3\xe5\xf7q5jW\xcf\xbc\x97e_W\xb1\xb1\x12Vvfv%\xffJ_\xfd\xb0y\xe6\x82\x0ft:\xdd\xa5K\x97;u\xee\x14\x15\x15\xc5^)N\x05\xc0\x16\xa87\x00\xd8\x12=I\x92Zwl\xa5s\xd6\xe5d\xe5\xb0\xde\xd0\xda\xed*_\xff[*\x9a_`4\x18\x03\xeb\xd6f\x97&gt;X\xb1o5\xcf\xf7\xa6\xa6\xa6v\xef\xde}\xd2\xa4I\x06\x83\xa1z\xad\xea\x9bwn\x9c\xb1 \xa2\xb8\xc8\xe6\xe6{\x9f\x9cF\xa31\x18\x0cE\x85Ec\xa7\x8e\xfa&amp;\xfe\xebz\r_1\x94\x18\xe6\xcc\x99\xd3\xbd{\xf7\xabW\xaf\xb2Yz\xcc\x0c\x83u9x\x7f\xf7$\n\x0b\neI\xb6\xdf\xeb\xdd\x9f\x02\xcf\xf3\x1c\xc7\x15\x17[\xf9\nI\x96=l\xbe\xb7y\xf3\xff\xb0\xf9\xde^}z\xee\xdc\xb7\xb5K\xcfN\x99\xe9Y\xf6\xbe\x8b\x11{\x9f\xb32\xb3\x9b6o\xbc}\xcfW\x03\x06\xf5#\xa2={\xf6\xb4n\xddz\xeb\xd6\xad\x98\x19\x06\xab\xb3\xe3oWY\xe1\xd5z\x8bW\xeb^!\xc9\xca&gt;\xe6\xf9\xde\xdb\xb7\xefxy{-\x8e\x99\xbfa\xcb\'\x1e\x1e\x1e\xd9Y96&gt;\xdf\xfb\xe44\x1aM^n\xbeV\xa7]\xbe.z\xd5\xa6\xe5\x15*\xfafdd\x84\x86\x86\x0e\x1f&gt;&lt;??\x1f3\xc3`E\x08\x00\xb04\xf3^{\'O\x9e4\xcf\xf7\x06\x057\xf9\xee\xc0\xf6\xc1#\xde\xcd\xce\xca\x11Mv\xbc\xa7\xe6C\t\x1aA\x12%}n\xde\x80A}\xbf\x89\xdf\xc2f\x867n\xdc\xd8\xa1c\x87\xa4\xa4$\xcc\x0c\x83\xb5 \x00\xc0\xa2\xd82\x7fA\x10bbb:u\xeed\x9e\xef\xdd\xb2\xeb\x8b\x1a\xb5kdge\xb3\x05K\xd6nf\xd9c\xaf:\xf3^V\x8d\xda\xd5\xbf\xfc&gt;n|\xc4\x18"b[\xc8\xad\\\xb9\xd2\xbcE\x87\xb5\x9b\t\xea\x82\x00\x00\xcba\x1b.\xa5\xa6\xa6\x0e\x1c8p\xfc\xf8\xf1\xb99\xb9\xd5k\xbd\xc8\xe6{eI.*(r\xb0\x81\xff\xdfi4\x1a6\xb3=cA\xc4g;7U\xafU\x9dm!\xd7\xbd{w\xb6\x85\x1c2\x00,\t\x01\x00\x16\xa2(\x8a \x08\xf1\xf1\xf1\xcd\x9a5\xdb\xb6m\x1b\x11\xf5\xe8\xdd\xfd\xbf\xfb\xb6\x87\xf4\xec\x94\x99\x9e\xa5(\x8a\x03\\v\xf7$\xd8\x9cSfzV\x97\x9e\x9dv\xee\xdb\xda\xabOO"\xda\xb3gO\xb3f\xcd\xe2\xe3\xe3\xd9e\x04\xd6n#\xa8\x85*\xber`ul\xc1OTTT\xb7n\xddRSS+\xf9U\x8a\x8c\x9e\xb1\xee\xab\xd5\x1e\x9e\x1e9Y9\x0e|\xed\xc5\xa3h\xb4\x9a\xec\xac\x1c\x0f\x0f\x8f\r[&gt;Y\xf4\xf1\xbcJ~\x15SSS\xbbu\xeb\x16\x15\x15\x85=D\xc1b\x10\x00`\t\xacGc\xf5\r\x8e\xe3\xa6\xcc\x9a8e\xda\xa4&lt;}\x9e\xd1ht\xf8\xb2\xcf\xa3h4\x1a\xd1$f\xde\xcb\x1a=\xfe\xbd)\xb3&amp;\xb1\x08do\x11\x02\x00,\x03\x01\x00\x96\xc0\x96\xf3\x0f\x1e&lt;\xd8\xd9\xd9YQ\x94\x13I\'\xf3J\xf2\xc8&gt;o\x9dX\x868\x9e\xe38\xae\xa0$\xffD\xd2IEQ\x9c\x9d\x9d\x07\x0f\x1eL\xaa\x7f[\xc0bp\x9c\x81%\xf0&lt;/\xcbr\xf5\xea\xd5\x1b7nLD\xbf$\x1c\xbe\x97\x9e\xe9\xe4\xe4\xa4\xf2z\xb7\xa2(NNN\xf7\xd23\x7fI8LD\x8d\x1b7\xae^\xbd\xba,\xcb\x08\x00\xb0\x0c\x1cg`!\xac_{\xf3\xcd7\x89(#\xfd^\xd2\xb1\xdf]\xdd\\T^\xeb\x90e\xd9\xd5\xcd%\xe9\xd8\xef\x19\xe9\xf7\x88\xe8\xcd7\xdfdIi\xedv\x81Z \x00\xc0B\xd8\xa8\xf6\xb5\xd7^srr"\xa2\xf8\x1f\xf7\xaam\xe2\xf7\xa18\x8e\x8b\xffq/\x11999\xbd\xf6\xdak\x84\xfa\x0fX\x10\x0e5\xb0\x106\xb6\xadU\xabVPP\x10\x11\x1d?\x92\x94\x99\x91\xa9\xd5jU[\x05R\x14E\xab\xd5ffd\x1e?\x92DDAAA\xb5j\xd5B\xfd\x07,\t\x87\x1aX\x0e\xeb\xddBBB\x88(#\xfd\xde\x85\x94\xcb\xce.\xce\xaa\xadx\xc8\xb2\xec\xec\xe2|!\xe52\xab\xff\x84\x84\x84\xa0\xfe\x03\x16\x86\x00\x00\xcba5\x9f.!]x\x9e\x97D)\xe1\xa7}:\'U\x9f\x01\xe8\x9c\xb4\t?\xed\x93D\x89\xe7\xf9.!]\xe8\xfe[\x04`\x19\x08\x00\xb0\x1cv\x99k\xd3\xa0\xa6\x81\x81\x81Dtp\xef\xa1\xdc\xec\\\xadVk\xedvY\x87V\xab\xcd\xcd\xce=\xb8\xf7\x10\x11\x05\x06\x066\rj\xca.\x96\xb6v\xbb@E\x10\x00`Q\x92$\xe9t\xba^\xbdz\x11\xd1\xcd\xeb\x7f\x9cN&gt;\xeb\xea\xea\xa2\xc2\rp$Iruu9\x9d|\xf6\xe6\xf5?\x88\xa8W\xaf^:\x9dN\x85\xef\x03X\x17\x02\x00,\x8a\x958\xfa\xf4\xe9\xc3\xea\xdd\t\xbb\xf6kUY\x05R\x14E\xeb\xa4M\xd8\xb5\x9f\xcd\x8b\xf4\xe9\xd3\x87P\xff\x01\x8bC\x00\x80E\xb1*P\xe3\xc6\x8dU^\x05z\xa0\xfe\xd3\xb8qc\xd4\x7f\xc0\xf2\x10\x00`i\xa8\x02\xa1\xfe\x036\x02\x01\x00\x96\x86*\x10\xea?`#\x10\x00`i\xa8\x02\xa1\xfe\x036\x02\x01\x00V\xa0\xe6*\x10\xea?`;\x10\x00`\x05j\xae\x02\xa1\xfe\x03\xb6\x03\x01\x00V\xa0\xe6*\x10\xea?`;\x10\x00`\x1d\x7f\xab\x02\x9dsus\xfc*\x90$I\xaen.\xa7\x93\xcf\xa1\xfe\x03\xb6\x00\x01\x00\xd6\xf1@\x15h\xefO\t\x1a\x15\xec\x0c\xaa(\x8aF\xab\xdd\xfbS\x02\xea?`\x0b\x10\x00`\x1d\x0fT\x81~?\x9e\\\\T\xe4\xf0\x95\x10A\x10\x8a\x8b\x8a~?\x9eL\xa8\xff\x80\r@\x00\x80\xd5\xc8\xb2\xac\xd3\xe9Z\xb4hAD\x97/^\xbb|\xfe\xaa\x8bC\xef\x0e-\xcb\xb2\x8b\x8b\xf3\xe5\xf3W/_\xbcFD-Z\xb4\xd0\xe9t\x0e\xfcz\xc1\xf6!\x00\xc0\xcaX\x19\xc4PRr \xfe\x17\xc7\xbe=\x00\xbb\x01\xc0\x81\xf8_\x0c%%t\xff\x85\x03X\x11\x02\x00\xac\x86\xdd\xfa\xaam\xdb\xb6U\xaaT!\xa2\x84\x9f\xf7\x17\x17\x17;p=D\x10\x84\xe2\xe2\xe2\x84\x9f\xf7\x13Q\x95*U\xda\xb6mK\xb8\x01$X\x15\x0e&gt;\xb0\x1a\x8e\xe3$I\xf2\xf0\xf0\xe8\xd2\xa5\x0b\x11\x9d?{\xf1R\xcaeG\xad\x02\xb1\xfa\xcf\xa5\x94\xcb\xe7\xcf^$\xa2.]\xbaxxxH\x92\x84\x19`\xb0"\x04\x00X_\xdf\xbe}\x89\xc8h0\x1c\x88?\xe4\xa8U\xa0\xfb\xf5\x9fCF\x83\x81\xee\xbfd\x00\xebB\x00\x805\xa9\xa7\n\x84\xfa\x0f\xd8 \x1c\x7f`M*\xa9\x02\xa1\xfe\x03\xb6\t\x01\x006\xc1\xb1\xab@\xa8\xff\x80mB\x00\x80\x95\xa9\xa1\n\x84\xfa\x0f\xd8&amp;\x1c\x82`e\x0e_\x05B\xfd\x07l\x16\x02\x00l\x85\xa3V\x81P\xff\x01\x9b\x85\x00\x00\xebs\xec*\x10\xea?`\xb3p\x14\x82\xf5\xfd\xbd\nt\xe1\xdc%\xc7\xa8\x02\xb1\xfa\xcf\x85s\x97P\xff\x01\x1b\x84\x00\x00\x1b\xd2\xaf_?\x8e\xe3\x8c\x06\xc3\xd1\x83\xbf:\xbb:H\x008\xbb:\x1f=\xf8\xab\xd1`\xe08\xae_\xbf~\xd6n\x11\xc0\xffA\x00\x80M`%\x91\x16-Z\xf8\xfa\xfa\x12Q\xd2\x91\xdfL&amp;\x91\xe3\xec\xfe\xf8\xe48\xded\x12\x93\x8e\xfcFD\xbe\xbe\xbel\xebS\xd4\x7f\xc0F\xe0@\x04\x9b\xc0q\x9c,\xcb\xde\xde\xde\xc1\xc1\xc1D\xf4\xdb\xf1\xe4[\xd7o9;;\xd9\xf5-b\x14Eqvv\xbau\xfd\xd6o\xc7\x93\x89(88\xd8\xdb\xdb[\x96e\xd4\x7f\xc0F \x00H\x96e\xbb\xeee\x9e\x9a\xad\xbdj\xd63\xb2"I~^\xfe\x91\x03\xc7\xec\xfd&amp;\x91\xec\x06\x90G\x0e\x1c\xcb\xcf\xcb\xa7\xfb\x05.\x07\xa8k\x81\xc3@\x00\x90\x9b\xbb\x1b/\xf0v\xdd\xd1\xfc[\x8a\xa2\xc8\xb2\xac\xd5\xd9\xd6M\xd8\xd9\xb2\x9f\xae]\xbbzyy\x11Q\xfcO\t\x92$\xd9u\x15\x88\xe3xI\x92\xe2\x7fJ "//\xaf\xae]\xbb\xd2\xfd\x97\t`\x0b\xec\xf8\xdb\xf5\x8c\x14E\xe1y^\x10\x84\xa3\x07\x8e\x19\rF\x1f_\x1fQ\x14\xd50:\x13EI\xa7\xd3\xb9\xbb\xba\xa7\xa7\xa6s\x1c\'\x08\x82\x8dT$\xd8\xe88  \xa0M\x9b6D\x94\x9cx\xf2\x0f{\xae\x02\xb1\xfa\xcf\x1f\xd7o%\'\x9e$\xa26m\xda\x04\x04\x04\xa0\xfe\x036E\xbd\x01\xa0\xd5jeY\x96$i\xd5\x925\xbd;\xf4;\xbc\xffH\x85\x8a\xbe\xce.\xce\xa2(Z\xbbi\xe5\x85\x9d\xe5\xf8V\xf0\xce\xd3\xe7M\x1c9e\xd6\xe4(\xb6\xfe\xd2v^2\x0b`v\xa9\x94\xbdW\x81\x1e\xa8\xff\xb0\x17\xa5\x86\x11\x06\xd8\x115\x06\x80 \x08\xb2,\x07\x07\x07o\xd9\xb2\xe5\x95W^!\xa2\xd3\'\xce\xbe\xfd\xda\x90qa\x93n\\\xbdY\xc9\xaf"\x11I\xa2]v:\x8f\xc2\xa2\xce\xcb\xdbK\x10\x84\xb5+7vk\xd1\xeb\xb3\xf5_\x16\x16\x16j4\x9aq\xe3\xc65m\xdaT\x96e[X\x9a\xe2HU \xd4\x7f\xc0\xf6\xd9\xe5W\xeb\xd9\xf1&lt;\xaf\xd5j\x07\x0e\x1cx\xf2\xe4\xc9y\xf3\xe6\xf9\xf8\xf8(\x8a\xf2\xcdW;\xdf\xec\xdc?z\xceGD\xe4\xed\xeb-\xcb\xb2\x03\x8c\xd7\x14E\x11E\xd1\xd5\xcd\xd5\xc3\xd3\xe3\xe0\xdeC\xfd\xba\x86FE\xcc\xbf\x97\x91ID=z\xf48q\xe2\xc4\xaaU\xab|||x\x9e\xb7\x85\xd2\x84\xc3T\x81P\xff\x01\xbb\xa0\xd2\x00`$I\xd2\xe9t3g\xceLLL\x0c\x0f\x0f\xe78N\x9f\x9b\xf7\xd1\xfc\x95\xaf\xb5\xeb\xf3\xedW;=&lt;=\xdc\xdc\\%Q\xb2\xbb\xde\xc7L\x14EA#\xf8V\xf4\xbd|\xe1\xca\xe8A\xe3\xdfy}\xc8\xa9\xe43DT\xbf~\xfd\x9f\x7f\xfey\xd7\xae]\xf5\xea\xd5\x93$\xdbz\x81\x8eQ\x05B\xfd\x07\xec\x82\xaa\x03@\x10\x046@\x0e\x0c\x0c\xdc\xb4iSBB\x02[\x84~\xf9\xe2\x95\xf1C\'\x87\xbe\xfanr\xd2I\xdfJ\xbeZ\xadF\xb4\xb7\x8a\x90,\xc9\xb2,W\xacT\xa1\xb8\xa8x\xc1\xf4\xc5\xbd\xda\xbd\xf9\xe3\x8e]D\x14\x10\x100o\xde\xbc\xe4\xe4\xe4\xee\xdd\xbb\xb3S\x1c\xdb\x99\x04f\x1c\xa3\n\x84\xfa\x0f\xd8\x05;\xfb^\x959\x8e\xe34\x1a\x8d,\xcb\xa2(v\xea\xd4\xe9\xc8\x91#\xb1\xb1\xb1\xd5\xaaU#\xa2#\x07\x8e\r\xec\xf1\xee\x07cg\xe4\xe6\xe8}+x\xd3\xfdIT\x1b\xc7"\xcd\xdd\xd3\xcd\xd9\xc5\xf9\xf3\xf5_\xf5\xee\xd8\x7f\xf5\xb2O\r%\x06\'g\xa7\xf0\xf0\xf0\xe4\xe4\xe4\x993g\xeat:I\x92x\x9e\xb7\x85\xba\xff\x03\x1c\xa0\n\x84\xfa\x0f\xd8\x0b\x9b\xfb\xfe[\x05\xcf\xf3\x1a\x8dF\x92$\x8dF\x13\x16\x16v\xe2\xc4\x89\x993g\xba\xb8\xb8\x18\x8d\xc6\xcd\xeb\xbe\xe8\xd6\xf2\xb5\xb5+7\n\x82\xe0\xe5\xed%I\x92\xed\x9e\xc8+$\x8a\xa2V\xab\xad\xe8W!9\xf1\xe4\xdb\xaf\r\x99:\xe6\xc3\x1bWo\x10Q\xe7\xce\x9d\x0f\xfdrh\xd3\xa6MU\xabV\x15EQQ\x14[\x1e\x8d\xda{\x15\x08\xf5\x1f\xb0\x17\x08\x80\xffc\xae\x08\xf9\xf9\xf9\xcd\x9b7\xef\xb7\xdf~\xeb\xd1\xa3;\x11\xddK\xbf\x17\x151\xbf_\xd7\xd0\x83{\x7f\xf1\xf0\xf4pqu\x11M\xa2\xad\rH%I"\x8e*\xfaU\xccH\xbf7v\xc8\xa4\x01\xdd\xdf\xf9\xf5\xd0q"\xaa[\xb7nlllBBB\xf3\xe6\xcdY\xb9_\xa3\xd1\xd8\xf8P\xd4\xde\xab@\x8eQ\xff\x91eEv\x10\xb6\xf5U\xb5)\x1ak7\xc0\xb6\xb0\x8a\x10\xbbP\xb6^\xbdz\xbbv\xfd\xbc{\xf7\xee\x88\x88\x88s\xe7\xce\x9dJ&gt;\xf3\xce\xeba\xbd\xfa\xf4\x9c&lt;c\xfc+\r_\xd1\xe7\xe8\x8dF\x93Fc\xfdo\xb5,\xcbD\xe4\xe5\xedY\x90_\xb8d\xce\xb2\xcf\xd7\x7f\xc5\x16\xf9\xb8\xb8\xb8\xbc\xff\xfe\xfbS\xa6L\xf1\xf2\xf2b\xbfc/}P\xe9*\xd0O?\xfd\x94\x9cx\xf2\xc6\xb5?\xaa&gt;W\xc5h0\xdaxt\x11\xab\xff\xb88\xdd\xb8\xf6\xc7\x03\xf5\x1f\x1b\xac\xb6=\x9e\x8b\xab\xb3\xbb\xab\xbb$J\x82\r\x1c\xe4OG\x12%wWw\x17Wgk7\xc4v!\x00\x1e\x82]\x1f\xcb:\xcd\xee\xdd\xbbw\xea\xd4i\xc9\x92%k\xd6\xacIKK\xfbq\xc7\xae\xc3\xfb\x8f\x86\x8d\x1a\x146j\x90_\x80_NV\x0e\xc7q\xd6\xfan+\x8a"K\xb2\x9b\x87\x1b\xcfs\xf1?\xed[&lt;{\xe9\x95\x8bW\xd9\x8fBCC\xa7O\x9f^\xaf^="\x12EQ\xa3\xb1\xb3\x0f\x9a\xf5\x98}\xfa\xf4\xf9\xe9\xa7\x9f\xf2\xf3\xf2\xcf\x9e&lt;W+\xb0FIq\x89\xedg\x98,\xcb..\xcegO\x9ec\xf5\x9f&gt;}\xfa\xd0\xfd\x97c\xed\xa6=\x11v\xf0\xf3&lt;?\x7f\xfa\xa2O\x96\xad\x15E\xd1\xf6C\xf7Q\xd8\xf9nvv\x0e\xbb\xea\xd3~_H\xf9\xb1\xb3~\xc1\x92\xd87\xd6\xbcT4&lt;&lt;|\xd6\xacY\xb1q\xb1\xfa\\\xfd\xcaE1?|\xf3\xd3\xa4\xe9\xe3\xde\x18\xd8[\x96\xa4\xfc\xfc\x02\xcb\xaf\xa5\x11E\xd1\xd9\xd9\xd9\xc5\xdb\xe5\xdc\xc9s\x8bf/\xfd%\xe10{&lt;\xb8E\xf0\xdc\xa8\xb9!!!\xecw\x04A\xb0\xbb\xde\x9f\xee\xbf\xf9-[\xb6trr2\x18\x0c\x07\xf6\xfc\xf2fhok7\xea\x89q\xdc\x81=\xbf\x10\x91\x93\x93S\xcb\x96-\xc9\xae\xf6\x7f6\x99L\x92$I\x92\x94r\xfa\xbc\xb5\xdbR\xc6L&amp;\x93\xb5\x9b`s8[\xabe\xdb EQ\xd8\xfc0\x11\xed\xdf\xbf\x7f\xf1\xe2\xc5\xfb\xf6\xedc?j\xd3\xb1\xd5\xa4\xe9\xe3[\xb5oY\x90WPRRb\x99\xaeV\x92$A\x10\xbc\xbc=\xef\xdc\xbe\xbb*z\xf5\xd6\xcf\xbe1\x94\x18\x88(  `\xfa\xf4\xe9\xef\xbd\xf7\x1e\x1b\xef\x90]\xf5;\x7f\xc7^B\xeb\xd6\xad\x8f\x1f?\xee\x1f\xe0\x17\x9f\xf8\x93\xbb\x87\xbb\x8d\x0fH\xd9\x90\xb3 \xbf\xa0k\xf0\xab\xe9i\x19-Z\xb48z\xf4(\xd9\xc9\x07\xc1NSN\x9f&gt;=y\xf2d\xd6`[~\xab\x9f\x1c\xeb\xe2dY^\xbe|y\xa3F\x8d\xec\xe8l\xcc\x02\x10\x00O\x8aM\x0c\xb0\x12D\\\\\xdc\xec\xd9\xb3o\xdf\xbeMD:\'\xa7\xd7\xfb\xbd:y\xc6\x84\xea5_\xd0\xe7\xe6\xb1\xde\xb9\x9c\xda \xcb\xb2\xa2(^&gt;^\x85\xf9\x85\xff\xdd\xf6\xfd\xca\x851wS\xd3\x88\xc8\xc5\xc5y\xd8\xb0\xe13g\xce\xf4\xf3\xf3\xa3\xfb\tQNm\xb0\x18V\xb9Z\xb6l\xd9\xd4\xa9S\x89h\xedWkz\xf6\xee\x9a\x93\x9dk\xcb/M\x92$\x1f_\xef]\xdf\xc5\xbf\xf7\xf6\x18"Z\xbat\xe9\x94)S\xec\xb1\x04\x07*\x81\x00\xf8w\xd8\xf2y\x8e\xe3222bbb&gt;\xfa\xe8\xa3\xe2\xe2b"\xaa\xe8Wq\xcc\xfb\xef\xbd34\xd4\xc5\xd5%_\x9fO\\\x19\x0f\xfa\x14E\x91D\xc9\xcd\xc3M\x10\x84C\xfb\x0e\x7f4\xff\xe3S\xbf\x9ff?\xea\xd1\xa3Gtt4+\xf7\x9b\x9bW\x86Om-l\xa4v\xe5\xca\x95\x06\r\x1a\x18\x0c\x86&gt;\xa1o|\xf9u\\\x8e\xd1\xe6\x03@\xe7\xfd\xce[a;\xb6\xfc\xd7\xc9\xc9\xe9\xec\xd9\xb3\x81\x81\x81\xf65\xe4T\x14\xc5Q\xfb\x04\x8e\xe3\x1c\xe3\xabQ\x86\x10\x00O\xc3&lt;\xa6KIIY\xb8p\xe1\x96-[\xd8\xe3u^\x0e\x8c\x88\x9a\xd2\xf5\xd5\xce\xa2(\x15\x94\xdd\xc4\x80(\x8a:\x9d\xce\xcb\xc7\xeb\xfc\x99\xf3\xcb\x17\xacb\xd7\xf4\x12Q\xfd\xfa\xf5\xa7O\x9f&gt;p\xe0@r\xac\xae\xdf\xcc\\\x05JLL\xf4\xf1\xf5y+|\x00\xcf\xf3\x8a\xa2pd\x8b/S!\x85\xad_\xfa:v[NvNpp\xb0\x1d\xd5\x7f@\x9d\x10\x00O\xa9\xf4\xc4\x80y\xa9(\xfbQ\xaf&gt;=\xc7M\x1b]\xbfq\xbd\x82\xfc\x02\xa3\xc1\xf8,\xa7\xff\xb2$\x13G\xbe\x15|\xd2\xee\xa6\xc7}\xfay\xdc\xa7\x9f\xebs\xf5D\x14\x10\x100f\xcc\x98i\xd3\xa6\xe9t:\x07(\xf7?\n\x0b\xda\xa5K\x97N\x9b6\xcd\xdam\xf9\xd7\x96,Y2u\xeaT\xd4\x7f\xc0\x96!\x00\x9e\x89\xb9\xf35\x1a\x8d\xeb\xd6\xad[\xb8paZZ\x1a\x1199;\r\x1f\x1b&gt;b\xc2P\xff\x00\xbf\xec\xac\x1cR\x88\x17\xfe]\x07\xcd\x02\xc6\xd3\xcbC\x14\xa5o\xbe\xdc\xb9n\xe5\x86\xebWo\x10\x11q\x14\x1e\x16&gt;o\xde\xbc*U\xaa\x90\xa3\x94\xfb\x1f\x85\x15O\xae^\xbd\xda\xb6m[\xa3\xd1(\x08\x82B\xb6~\xb8r\xc4\xb1\x95c\x87\x0f\x1f\xae]\xbb\xb6}\xd5\x7f@m\x10\x00e\xc0\xdc\x0b\xdf\xb9sg\xf6\xec\xd9_}\xfd\x15[\x96S\xa3v\x8dQ\x13\x87\xf7}\xe7M\x8dF\xc8\xd3\xe7?yE\x88-\xf1t\xf7t\xfb\xf5P\xe2\xd2\xb9+\xd85\xbdD\xd4\xb9s\xe7\x0f&gt;\xf8\xa0S\xa7Nt\x7f\x89\xa7\x83\xd5|\x1e%//O\x92$\x8e\xb3\x83\xc3\x955R\x10\x04OOOk\xb7\x05\xe0\x1f\xd8\xc17\xca.\x94^#\x94\x94\x944s\xe6L\xf3R\xd1\x96\xedZL\x9d=\xa9e\xbb\xe0\x82\xbc\xc2\x92\x92\x12\x8d\xa0yL\x05\xdb\xbc\xc4\xf3\xe6\xf5[\xcb\x17|\xfc\xfd\xf6\x1f\x8dF#\x11\xd5\xad[w\xda\xb4iaaa\xe4\xa0\xe5\xfe\xc7P\x14\xc5\x1e_\xac\x9d6\x1bT\x05\x01P\x96\x1eX*\xbad\xc9\x92K\x97.\x11\x91N\xa7{\xbd\x7f\xaf\xc93&amp;\xd4\xa8]=7;\xf7\xa1u\x1bVM\xf2\xf0\xf4(.*\xfer\xd3\x965\x1f\xad\xcd|\xd8\x8e\x0e6\xbe\x8f[9\xb1\xc7\xa3\x14\xbd?\xd8&gt;\x04@\xd93O\x0c\xe8\xf5\xfae\xcb\x96\x99\x97\x8aV\xf2\xab8h\xc4\xdb#\xc6\x0fs\xf7p\xcb\xd3\xe7\xd3\xfd\x99[V\xeew\xf7p\xe7y.\xe1\xe7\x03\xd1\xb3\x97]\xbex\x85\xfd){\xdf\xd1\x01\x00l\x19\x02\xa0\xbc&lt;j\xa9h\xe0K\xb5?\x98;5\xa4GGYV\n\xf2\x0b\x89\x14ggg7w\xb73\'\xce\x94\xde\xd1\xa1~\xfd\xfa\xd1\xd1\xd1\xdd\xbbw\'\x95\x95\xfb\x01\xc0b\x10\x00\xe5\xa8\xf4R\xd1\x84\x84\x84\xd9\x91\xb3\x13\x8f\'\xb2\x1f\xb5\x0fi\xfb\xe1\xdc\xa9\r\x9a\xd4\xe7x\xfe\xf6\xad\xdb\x9b\xd7~\xb1qu\\II\t\xdd\xdf\xd1a\xe4\xc8\x91\x8e\xbd\xc4\x13\x00\xac\x0e\x01P\xee\xcc\x9d\xb8\xc9dZ\xbbv\xed\xff-\x15ur\x1a5yD\xb5\xe7\xab.\x9d\xbb"\xfdn:{d\xc4\x88\x11\x0e\xb6\xa3\x03\x00\xd8,\x04\x80\x85\x98{\xf3\x8c\x8c\x8c\xf9\xf3\xe7\xaf_\xbf\xde`0\x94\xfe\x85\x90\x90\x90y\xf3\xe65o\xde\x9c\xd4\xb7\xce\x07\x00\xac\x02\x01`9\x0f,\x15\x9d5kVBB\x02\xa9`G\x07\x00\xb0M\x08\x00K+\x1d\x03\x9f}\xf6\xd9\xcd\x9b7g\xcc\x98\xe1\x18\x1b8\x03\x80}A\x00X\x07\xbb?\x91y\xa4\x8fr?\x00X\x1e\x02\xc0\x9a\xd8]\xda\xb1\xc4\x13\x00\xac\x02\x01\x00\x00\xa0R\xa88\x03\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a5\xb1v\x03\x9e\x95\xa2(\xd6n\x02\x00\xa8\x14\xc7q\xd6n\xc23\xe1\xd0\x81\x02\x00\xa8\x93}\x9f\x01(\x8a\x92\x97\x97\'\xcb2\xc7!\xc9\x00\xc0rX\x9f\xe3\xe1\xe1\xa1\xd1\xd8q/j\xafMW\x14\x85\xe38\xbd^\xdf\xacY3\xbd^\x8f\x00\x00\x00K\xe2y^\x96\xe5\x9d;w\xb6n\xddZ\x92$A\x10\xac\xdd\xa2\xa7a\xaf\x01\xc0H\x92t\xed\xda5k\xb7\x02\x00T\xaa\xb0\xb0\xd0\xdaMx&amp;\xf6\x1a\x00l\xee\xc5\xcd\xcd-::\xba\xa4\xa4\xc4\xda\xcd\x01\x00uaU\x87:u\xea\x10\x11\xcf\xdb\xebrJTN\x00\x00T\xca^\xcf\x00\xccDQ\xb4v\x13\x00@\xa5\x04A\xb0\xeb\x95\xa08\x03\x00\x00P){-]\x01\x00\xc03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4\xd6n\x80z)\x8a"I\x12\xc7q\x82 X\xbb-\x00\xe5HQ\x14Y\x96\xd9\xff\xd1h\x1e\xd7\xe7H\x92\xc4\xfe\x0f\xcf\xf3D\xc4q\x9c\x05\x9a\xa7f\x9c\xa2(\xd6n\x83\x1aI\x92d\xee\xf7\x15EQ\x14\x85\x1d\xf1\x00\x0e\x80\xf5\xf8\x8a\xa2p\x1c\xc7\xf3\xfcS\xf7\xe3\x92$=\xfb\x1f\x81\xc7@\x00X\x1a\x1b\n\xf1&lt;o2\x99\x16,XP\xbdz\xf5\xc1\x83\x07\x13\x91$I8\xca\xc1\x01\xb0.\xbb\xf4#999\xd7\xaf_\xcf\xce\xce\xbep\xe1\xc2\xe8\xd1\xa3u:\xdd\xa3\xfe\xd5\x17_|\xe1\xe2\xe2\xe2\xef\xef\xff\xd2K/\xf9\xfa\xfa\x96\x1e\x15\xc9\xb2\x8cAR\x99C\x00X\x0e\x1b\x16\xb1\x81\xff\xd6\xad[\x17.\\x\xee\xdc9"\xea\xd2\xa5\xcb\xdc\xb9s\x9b7oND\xa2(\n\x82\x80\x18\x00\xbb&amp;I\xd2\x89\x13\'\x8e\x1f?~\xee\xdc\xb9\x0b\x17.\\\xbf~=##\x83\xfd\xe8\xd2\xa5Ku\xea\xd4\xf9{o\xae(\x8a(\x8a\xcf=\xf7\\zz:\x11U\xa8P\xa1J\x95*\x81\x81\x81\x8d\x1b7\x0e\x0e\x0e\xfe\xcf\x7f\xfe\xe3\xe1\xe1a\x85W\xe2\xf0\x14(\x7f\xb2,\x8b\xa2\xc8\xfe\x7fbbbHH\xc8\x03\x9f\x82\xb3\xb3sxx\xf8\xed\xdb\xb7\xd9\xef\x98\x7f\x19\xc0\x8e\x88\xa2(\xcbrlll\xbdz\xf5\x1e:\xb3\xe5\xe3\xe3\x13\x1d\x1d\xad\xfc\xed\x08g\xffy\xe8\xd0\xa1J\x95*=\xb4\x9bz\xe1\x85\x17&amp;N\x9c\xa8\xdc\xaf,AY\xc1$p\xb9c\xe5~A\x10222\xe6\xcf\x9f\xbf~\xfdz\x83\xc1@D\x01\x95\xfd\xdf\x9f5\x91\x88\x96\xcf\xff\xf8njZll\xec\xee\xdd\xbbG\x8f\x1e=m\xda4\x9dNg\xae\x14Y\xb7\xf1\x00ONQ\x14\x8e\xe3\x9c\x9d\x9dSRR\xd8#\xd5\xabW\xafS\xa7NPPP\x93&amp;M*T\xa8\xf0\xf2\xcb/\xb3C\xfa\x81x`\xff\xd9\xa8Q\xa3\xcb\x97/\xb3bQrr\xf2\xc9\x93\'\xaf\\\xb9r\xe5\xca\x15\x83\xc1p\xeb\xd6\xad\xbc\xbc&lt;"\x92$\xe9\xf1\xd3\xc8\xf0\xaf\xa0\x04T\x8e\xcc\x9d\xb8\xd1h\\\xb7n\xdd\xc2\x85\x0b\xd3\xd2\xd2\x88\xc8\xd9\xd9y\xd8\xd8\xb0!\xa3\x06U{\xae\n\x11\xdd\xfe\xeb\xce\xe6\xb5_l\x8c\x89+))!\xa2\x06\r\x1a,^\xbc\xb8{\xf7\xee\x84\x89\x01\xb0=\x8a\xa2\xb01\xcd\xdf\x0fK\xf6xbb\xe2\xfc\xf9\xf3\xbbt\xe9\x12\x1c\x1c\\\xaf^=WW\xd7\xa7~.I\x92._\xbe\x9c\x9c\x9c\x9c\x90\x90\xd0\xb2e\xcbQ\xa3F\x95^=Q\x1aj\xa7O\x07\x01P.\xd8\x97\x84\rUv\xef\xde\x1d\x11\x11\xc1\xca\xfdD\xd4&gt;\xa4\xed\x87s\xa76l\xda\xb0\xb0\xa0\x90\xf5\xf8\xce\xce\xce\xae\xee\xae\xe7N\xa5\xac^\xfa\xe9\x0f\xdf\xfe\xc4~\xadG\x8f\x1e\xd1\xd1\xd1\xf5\xea\xd5#\xc4\x00\xd8\x8cG\xf5\xbf\xa5\x89\xa2Xz\x90.\xcb\xb2,\xcb\xec\xe8}\xfc\xe2N\xd6\x17\x99\x17\x8c&gt;\xb0B\xfa1Om\x9eQx\x92\xe6Ai\x08\x80\xb2g\xfe\x02\xa4\xa4\xa4,\\\xb8p\xcb\x96-\xec\xf1:/\x05F\xcc\x9d\x12\xd2\xa3\xa3,+\x05\xf9\x05\xe6\x01\x0bK\x0bw\x0fw\x9e\xe7\x0f\xed;\xb2|\xfe\xca\x93\xbf\x9f&amp;"\x17\x17\x97\xe1\xc3\x87\xcf\x981\xc3\xcf\xcf\x8fpp\x83U\x99\xc74\x92$m\xdd\xba\xf5\xb5\xd7^\xf3\xf0\xf0P\xfe\xb6\xe0\x871w\xfa\xcf8pauj\xf6\xa7\x1e\x7f\xf0\x7f\xfe\xf9\xe7]\xbbv\xf5\xf7\xf7g\xff\x04\xb5\xd3\'\x84\x00(K\xec\xc2.\x9e\xe7\xf5z\xfd\xb2e\xcb&gt;\xfa\xe8\xa3\xe2\xe2b"\xaa\xe8Wq\xcc\xfb\xef\xbd34\xd4\xc5\xd5%?/\x9f\x1eV\xdcg\xb3[^\xde^\xc5E\xc5_l\xfc\xfa\xd3\xe5\xeb2\xd2\xef\x11Q\xe5\xca\x95?\xfc\xf0\xc3\x91#G\xaayb\xc0|}\x90\x1dq\xa4\xb46\x0f&gt;\xf6\xef\xdf?{\xf6\xec_\x7f\xfdu\xc0\x80\x01\xeb\xd7\xafwww\xe78\xce\x8a\xe7\xa6,iV\xadZ\xf5\xfe\xfb\xefW\xabVm\xee\xdc\xb9aaa\xf4\xb7\xb3\x10x\x14\x04@\xd9PJ-\xf1\x8c\x8b\x8b[\xb2d\xc9\xa5K\x97\x88H\xa7\xd3\xbd\xde\xbf\xd7\xe4\x19\x13\xaa\xd7|A\x9f\x9b\xf7\x8f\xa3x\xf6\x0b\x9e^\x1e\xa9\xb7\xef\xc6,\xf9d\xebg\xdf\xb02Q\xfd\x06\xf5\xa3\x17G\xb3\x89\x01\x94;\xc1\x92Xg\x9a\x95\x955m\xda\xb4\xb8\xb88\xd6c\xd4\xacY\xf3\x9bo\xbei\xd4\xa8\x91\x15\x87\xdb\xac%\xd9\xd9\xd9\xfd\xfb\xf7?p\xe0\x00{\xb0s\xe7\xce\xd1\xd1\xd1M\x9a4A\xe1\xf4I \x00\x9eU\xe9r\xff\xfe\xfd\xfb\x17/^\xbco\xdf&gt;\xf6\xa3\x96\xedZL\x9d=\xa9e\xbb\xe0\x82\xbc\xc2\x92\x92\x92\'\x1f\x92\x88\xa2\xe4\xec\xec\xe4\xe2\xe6r\xee\xe4\xb9\xc5\x91\xcb\x0e\xee=\xc4\x1e\x0f}+t\xfa\x87\xd3\xd9\xc4\x80zb@\x96\xe5_\x7f\xfd\xd5d2Y\xbb!\xff\x82V\xabm\xd9\xb2\xa5\xbd\x9f\xab\x99\xcb)\xf1\xf1\xf1\x13&amp;L\xb8|\xf92\x11\x05\x04\x04L\x9f&gt;}\xd4\xa8Q\x1a\x8d\xe6Q% \xcb+=\xd3\xe6\xed\xed=w\xee\xdcq\xe3\xc6\x11.\x1f\xfb\'\x08\x80gb\x1e\xd1\xa7\xa6\xa6\xce\x9a5+6.\x96\x14"\xa2\x9a\xb5k\x8c\x9c8\xbc\xdf;oj4B\x9e&gt;\xff)zjEQdIv\xf3p\xe3y.\xe1\xe7\x03\xd1\x91\xcb._\xb8BD.\xae.S\xde\x9f2v\xecX5L\x0c\xb0W\x97\x94\x94\x14\x1c\x1cl\xed\xb6\xfck\x89\x89\x89\xcd\x9b7\xb7\xdf\x0f\xc8\xdc\xb9GEE\xcd\x993\x87=\x18\x1a\x1a\xbal\xd9\xb2*U\xaa\xd0\xc3\xae\xf8\xb5\x16\xd6\x12\xa3\xd1\xb8p\xe1\xc2\xc5\x8b\x17\xb3e\xd6\xfd\xfb\xf7_\xbbv\xad\x8f\x8f\x8f\xed\xb4\xd3\x06!\x1b\x9f\x12+&gt;\n\x82`4\x1a\xe7\xcf\x9f\xdf\xb4i\xd3\xd8\xd8XR\xc8\xcb\xdbk\xe2\x87\xe3v\xee\xdf6x\xc4\xdb%\xc5%\x05y\x85\x1a\x8d\xe6)\x8e?\x8e\xe3\x04\x8dPTXT\x90_\xd8\xf5\xd5\xce?\xfc\xb2\xe3\xfd\x99\x13*\xf9W*.*\x9e7o^PPP\\\\\x1c;\t`W\xdf\x94\xc7k\xb4:6:\xd9\xb1c\x87}m\x99\xc</t>
        </is>
      </c>
    </row>
    <row r="19">
      <c r="A19" s="1" t="n">
        <v>17</v>
      </c>
      <c r="B19" t="inlineStr">
        <is>
          <t>polygon_sides_number</t>
        </is>
      </c>
      <c r="C19" t="inlineStr">
        <is>
          <t>What is the missing number of the part denoted with a question mark?</t>
        </is>
      </c>
      <c r="D19" t="inlineStr">
        <is>
          <t>[9, 4, 5, 6]</t>
        </is>
      </c>
      <c r="E19" t="inlineStr">
        <is>
          <t>4</t>
        </is>
      </c>
      <c r="F19" t="inlineStr">
        <is>
          <t>There are 6 numbered polygons arranged in a triangle with number [3] in the top row, [5, 9] in the middle row, and ['?', 8, 7] in the bottom row.</t>
        </is>
      </c>
      <c r="G19" t="inlineStr">
        <is>
          <t>We observe that the polygon with 3 sides has the number 3, the polygon with 5 sides has the number 5, the polygon with 8 sides has the number 8, the polygon with 7 sides has the number 7, and the polygon with 9 sides has the number 9. Thus, the pattern is that the number inside the polygon represents the number of sides the polygon has.</t>
        </is>
      </c>
      <c r="H19" t="inlineStr">
        <is>
          <t>Based on the pattern that the number inside the polygon represents the number of sides of the polygon, the missing number of the polygon with 4 sides should be 4.</t>
        </is>
      </c>
      <c r="I19" t="inlineStr">
        <is>
          <t>b'\x89PNG\r\n\x1a\n\x00\x00\x00\rIHDR\x00\x00\x02\x00\x00\x00\x02\x00\x08\x02\x00\x00\x00{\x1aC\xad\x00\x00\x97\xb1IDATx\x9c\xec\x9dw|T\xc5\x16\xc7g\xe6\x96\xad\xc9\xa6\xd3\xbb\xf4\xd0\x91\xd0\x8b\x10\xba\x14\xa9\x02\x91^T\xf0\x81\x05\x9e\x0f\x14\x10\xb0 \n**E\x9a\x14\xe9Mz\x8d \x08\x84\xde\x91\xde!m\x93\xed{\xcb\xcc\xfbc`\x8d4\x01\xc9\xd6\xf9~\xfc\xf8!\xbb7\x9b\xd9[\xceo\xe6\x9c3\xe7@B\x08`0\x18\x0cF\xe8\x81|=\x00\x06\x83\xc1`\xf8\x06&amp;\x00\x0c\x06\x83\x11\xa20\x01`0\x18\x8c\x10\x85\t\x00\x83\xc1`\x84(L\x00\x18\x0c\x06#Da\x02\xc0`0\x18!\n\x13\x00\x06\x83\xc1\x08Q\x98\x000\x18\x0cF\x88\xc2\x04\x80\xc1`0B\x14&amp;\x00\x0c\x06\x83\x11\xa20\x01`0\x18\x8c\x10\x85\t\x00\x83\xc1`\x84(L\x00\x18\x0c\x06#Da\x02\xc0`0\x18!\n\x13\x00\x06\x83\xc1\x08Q\x98\x000\x18\x0cF\x88\xc2\x04\x80\xc1`0B\x14&amp;\x00\x0c\x06\x83\x11\xa20\x01`0\x18\x8c\x10\x85\t\x00\x83\xc1`\x84(L\x00\x18\x0c\x06#Da\x02\xc0`0\x18!\n\x13\x00\x06\x83\xc1\x08Q\x98\x000\x18\x0cF\x88\xc2\x04\x80\xc1`0B\x14&amp;\x00\x0c\x06\x83\x11\xa20\x01`\x04\x00\x18cB\x88\xafG\xc1`\x04\x1bL\x00\x18\xfe\x8e\xaa\xaa\x08!\x08\xa1\xaa\xaaL\x06\x18\x8c\x17\x08\x13\x00\x86\xff\xa2\xaa*\x00`\xd7\xae]\x03\x06\x0cHKK\xe38\x8e\xca\x80\xaf\xc7\xc5`\x04\tL\x00\x18\xfe\x0e!d\xe6\xcc\x99\x15*T\xf8\xee\xbb\xef$I\xe28\x0ec\x8c1\xf6\xf5\xb8\x18\x8c\x80\x87\t\x00\xc3\xdf\x81\x10r\x1cw\xf7\xee\xddw\xdey\xa7Z\xb5j\x1b7nD\x08!\x84\x98G\x88\xc1\xf8\x970\x01`\x04\x00\xaa\xaar\x1c\xc7q\xfc\xc9\x93\'[\xb6l\xd9\xb2e\xcb\x93\'OR\x8f\x90\xa2(L\x06\x18\x8c\xe7\x83\t\x00#0 \x84\xa8\xaaB\xff\xbdq\xe3\xc6j\xd5\xaa\xbd\xf3\xce;\xa9\xa9\xa9&lt;\xcf\xb3\xc0\x00\x83\xf1|0\x01`\x04\x06\x84\x90\x8a\xf1U\xfe\xfb\xfeh\xa3\xc1\x08\x00\x90e\xf9\xbb\xef\xbe\xabZ\xb5\xea\x9c9sdYf\x81\x01\x06\xe39`\x02\xc0\x08\x0c\x08!Fc\xd8G\x1f\x8eY\xb5t[\xc7\xf6\xdd\xa8\xdb\xe7\xe6\xcd\x9b}\xfa\xf4\xa9W\xaf\xde\xd6\xad[i`\x80y\x84\x18\x8c\xa7\x87\t\x00#`\xc0XMM5\x17/Vr\xea\xe4Y\x8b\xe6\xae\xa9\\\xb1\x1a}}\xff\xfe\xfdM\x9b6}\xfd\xf5\xd7O\x9e&lt;I=B\x8a\xa2\xf8v\xa8\x0cF@\xc0\x04\x80\x11@@\x9e\xe7].gFfF\x83\xfaM\x96.\xdc\xf0\xc5\x84\xef\xf2\xc4\xe5\x05\x00 \x84\x16/^\\\xadZ\xb5\x8f&gt;\xfa(;;\x9b\xe7y\x8c1\x0b\x0c0\x18O\x86\t\x00#\xc0@\x08\xf1&lt;\x9f\x9d\x9dE\x08\xe9\xd9\xbd\xff\xfaU\xbb\x06\x0fz\x8f\xe38\x00\x80,+\xe3\xc7\x8f\xafQ\xa3\xc6\x9c9s\x10B\x1c\xc7\xa9\xaa\xca\x02\x03\x0c\xc6\xe3`\x02\xc0\x08H\xa8\xc5\xcf\xc8L\x8f\x8c\x8c\x1a\xf9\xdf\xf1\xebW\xedj\xdd\xf25B0\x00\xe0\xcf?\xff\xec\xd3\xa7O\x93&amp;M\xb6o\xdf\xceq\x1c\x0b\x0c0\x18\x8f\x83\t\x00#\x80\xe1y^\x96\xe5\xcc\xcc\x8c\xd2\xa5\xcaM\xff\xee\xe7\xd9\xd3\x97\x94|\xa9\x0c}k\xfb\xf6\xedM\x9a4\xe9\xdb\xb7\xef\x9f\x7f\xfe\xc9RE\x19\x8cG\xc2\x04\x80\x11\xd8@\x08y\x9ew8\xec\x16kv\xd3&amp;\xad6\xac\xda5z\xe4\xe7\xd1Q1\xf4\xad\xd9\xb3g\'$$\x8c\x193&amp;;;\x9b\xa5\x8a2\x18\x0f\xc0\x04\x80\x11\x0c \x84\x10\xe2,\x96lL\xc8\xa0~\xff\xd9\xb2\xee\x8f\x9e=\xfa\xf3&lt;\x0f\x00\xc8\xca\xca\x1a;vlBB\xc2\xe2\xc5\x8bY\r\t\x06#\'L\x00\x18\xc1\x03\xc7q\x00\xe0\xcc\xac\x8c\x88\x88\xc8\xcf\xc6}\xb3nEr\xc3\xfaM\xe8[\xe7\xce\x9d{\xfd\xf5\xd7\x9b6m\xba\x7f\xff~VC\x82\xc1\xa00\x01`\x04\x19\x90\xe7xY\x96\xb3\xb2\xcce\xca\xc4\xcf\x9f\xb5*g``\xeb\xd6\xad\xf5\xea\xd5\xeb\xdb\xb7\xef\xcd\x9b7Y`\x80\xc1`\x02\xc0\x08Bh\x01Q\x87\xc3n\xb3[\x9b5i\xbdne\xf2{\xff\xf9_TT\x0c\x00@\x96\xe5\xd9\xb3gW\xadZu\xfc\xf8\xf1\xac\xb84#\xc4a\x02\xc0\x08Z\xa8\xc7?\xdb\x92\x05\x00\x18\xfe\xee\xe8\xf5\xab~\xeb\xf4Zw\x1a\x18HMM\xfd\xe8\xa3\x8fXqiF\x88\xc3\x04\x80\x11\xe4p\x1c\x07\x00I\xcfH\x8b\x8b\xcd3u\xf2\xec\xa5\x0b7\xd6\xad\xdd\x90\xbe\xf5pqi&amp;\x03\x8c\x90\x82\t\x00#\x14\x80t\xc7@zFZ\xf5*5\x16\xcf_\xf7\xdd\xd7?\x15+Z\x82\xbe\x97\xb3\xb84\xeb:\xc9\x08)\x98\x000B\x05\xbac\xc0\xee\xb0[,\xd9\x1d_\xeb\xb1z\xe9\xf6\xa1C\xfe\x1b\x16\x16\x0e\xee\x17\x97f]\'\x19\xa1\x06\x13\x00FhAk\x04e\x9a\xd3\xf5z\xfd\xff\x86\x8f[\xbdt[\xa7\xd7\xee\x15\x97NMM}\xa0\xeb$K\x15e\x047L\x00\x18\xa1\x08\xcf\xf1\xaa\xaa\xa6\xa5\xdd-^\xac\xe4w_\xcf^8gu\xed\x9a\xf5\xe9[40\xf0@qi&amp;\x03\x8c\xa0\x84\t\x00#D\xa1\x1e!\x97\xcb\x99aNoX?q\xe1\xdc5_~:\x95\x06\x06r\x16\x97f]\'\x19A\x0c\x13\x00FH\x83\x10\xe29&gt;\xdb\x92\xe5r9\xdf\xe8\xde\x7f\xcd\xb2\x1d9\x8aK\xcb\xe3\xc7\x8f\xa7]\'\x15E\xe18NQ\x14\x16\x18`\x04\x13L\x00\x18\x0c@\xabF\xa7g\xa4\xe9tzZ\\\xfa\xd5\x96\xaf\xe5\xec:Y\xb7n\xdd\xed\xdb\xb7\xf3&lt;\xcf\x02\x03\x8c`\x82\t\x00\x83q\x0f\x9e\xe7UU\xa1\xc5\xa5\x7f\xf8f\xde\x829\xabrv\x9dd\xc5\xa5\x19\xc1\x07\x13\x00\x06\xe3/&lt;\xc5\xa5\xad6K\xa3\x06Msv\x9d\x84\xe8^q\xe9\xb1c\xc7z\x8aK3\x19`\x044L\x00\x18\x8c\x07\xa1\xa9\xa2\x0ft\x9d\xe4\xb9{\xc5\xa5\xc7\x8c\x19\x93\x90\x90\x90\xb3\xeb$\xf3\x081\x02\x14&amp;\x00\x0c\xc6\xa3\xc9\xd9ur\xd4\x7f\'\xac[\x91\xdc\xa0\xde_\xc5\xa5sv\x9dd\xa9\xa2\x8c\x00\x85\t\x00\x83\xf1$h\r\x89\x8c\xcc\xf42e\xe2\x17\xcc^\xf5\xc8\xae\x93\xb7n\xddb\x81\x01F \xc2\x04\x80\xc1\xf8\x07&lt;\x81\x01\x9b\xdd\xfa\xc8\xae\x93U\xaaTa\xc5\xa5\x19\x81\x08\x13\x00\x06\xe3\xa9\xa0\xc5!\xfe\xdeur\x00u\x13y\x8aK\xb3\xae\x93\x8c\xc0\x82\t\x00#T \x84`\xac\xaa\xaa\xa2\xaa*\xc6\x98\xdc\x87&amp;\xf3\xd0\x17\xff\xf1C\xfe\xea:i\x8a\xfcb\xc2\xb7\x0f\x14\x97~\xa0\xeb$\x93\x01\x86\x9f\xc3\x04\x80\x11\xfcP\x13\xcfs|X\x98)**&amp;""\xd2h0\x8a\xa2F\x10\x04\xadV\x1bf\x0c\x8f\x8c\x8c\x8a\x8c\x8c\xd2\xe9\xf4\x18c\x8c\xff\xd1\x8f\x0fy\x8e\x97\x15933\x9d\x16\x97\xfe\xf6\xab\x99\x8f\xec:\xc9\x8aK3\xfc\x1c\xc8f(\x0c\xbfEUU\x8e\xe3v\xee\xdc\xf9\xca+\xaf\x00\x00j\xd6\xa8\xbbl\xe1\x06\x9b\xdd\x86\xd0\xd3N\\0\xc6\x00\x10\x83\xde(\x88\xe2\x9d\xbb\xb7O\x9c&lt;r\xfc\xc4\x91K\x97/\xdc\xb9{\xcb\xe1\xb4c\x15\x0b\x82\x10\x16f*T\xa8H\xb92\xf1\xd5\xaa$\x94)U\x0e!d\xb1Z\x10\x87 \x80O\xf7\xf9\xc0\x14\x1ea\xb5Y\xa6\xcf\xfav\xee\xfc\x19\x99\x99\xe9\xf4\xad\xb8\xb8\xb8Q\xa3F\r\x1c8P\x14Ez\xd8\xd3\x0f\x9b\xc1\xf0\x0eL\x00\x18\xfe\xcb\xbf\x14\x00UU\xf5z\x03\xcf\xf3\x87\x8f\x1cX\xb6r\xe1\xb6\x9d\x9bn\xdf\xbe\xf9\x84\xe3\x05A\xa8]\xb3~\xff&gt;C^i\xd0\xd4j\xb3\x10B \xfcg\r\xf0\x8c3\xc2\x14y\xe9\xca\x85\xaf\xbf\xf9t\xd5\xda%\x8a\xa2\xd0\xb7\xe2\xe3\xe3\'N\x9c\xd8\xa2E\x0bz\x18B\xe8)?\x93\xc1\xf0\x02lJ\xc2\x08N\x08!\x91\x91Q\x7f\x9e?=hHR\xbb\xceM\xe6/\x9au\xfb\xf6M\x84\x90(\x88\x1aQ#\n\xa2 \x08\x02/\x08\x82(\x8a\x1aA\x109\x8e\x93e\xf9\xb7\xdd\xdb{\xf4n7z\xfcp\x8dF\x0b\xe1\xd3N\x8f\x1e\xe8:\xb9l\xe1\xc6\x07\x8aK\xe7\xec:\xc9v\x0c0\xfc\x07&amp;\x00\x8c \x04c\xac\xd1h\xbf\xfbaR\xbb\xceM\xd6mX\x851\xe6y\x9e\xe7\x05\x8c\xb1$Kn\xc9-\xc9\x92,\xcb\xb2"\xcb\xb2$InY\x96\xe8|\x9f\xe38\x8e\xe3f\xce\x9e\xfa\xe1\xc7C\rz\xc3\xb3X\xea\x1c]\'\xab&amp;\xe4,.\r\xfe\xdeu\x92\xed\x18`\xf8\x0f\xbc\xaf\x07\xc0`\xe4\x06D\x14DKv\x96\xc3\xe1\x10E\x8d\xaa*\xd4\'\x83\x10\xaaX\xa1J\xb5\xca5\x8a\x15{)2"\x8a\xe3x\xab5\xfb\xc2\xa5?\x7f\xdb\xb5\xed\xec\x9f\xa7\x01\x00\xaa\xaaB\x00y^\xf8e\xc9\xdcjUjt\xeb\xd2++\xcbLs=\x9f\x06\xbac\xc0f\xb7\x02\x00\xdf\xe8\xde\xbfi\x93\xd6s\xe6O\x9b5\xf7\x07\xab\xd5B\xbbN\xae\\\xb9r\xdc\xb8q=z\xf4\x10\x04\x81\x05\x06\x18&gt;\x87\xc5\x00\x18\xfe\xcb\xbf\x8c\x01\x18\r\xc6\xd7{\xb6\xd9\xf5\xfb\x0e\x00\x80)&lt;\xa2k\xe7\x9e\xed\xdbt.U\xb2\xac^\xa7\'\x80\x10L\x08 \x10B\x84\x90\xddn[\xbc\xf4\xe7\xb1\x9f~(\xcb\x12\x00\x80:\x7f\n\x17*\xbai\xed\xef\x1c\xc7cB\x9e\xc3m\xaf(\x8a(\x8a&amp;S\xe4\x89\x93G\xa6\xcd\x9c\xb2l\xe5"\xcf[\t\t\t\xe3\xc6\x8dKLL\xa4\x87Q\xd7\xd0\xb3\xff\x05\x06\xe3\xdf\xc2f\x1f\x8c\xe0\x04c,\xc9\xf2\xe7\xe3\xbe\xc9\x93\'_\xfb\xb6]6\xae\xfd\xfd\x93\x8f&amp;\x96)]^\x92\xdc\x99\xe6t\xb393+\xdb\x9c\x9d\x9d\x95\x95e\xce\xc8H\x97$\xe9\xad\x81\xc3\xc6\x8f\x9eD\x1dA\x18c\x08\xe1\xd5k\x97S\x0e\xed\xd7\xeb\r\xe4\xb9v\xf6\xf2\xfc\xdf\xbaN.\x9a\xbb&amp;gq\xe9\xa6M\x9b&gt;\xd0u\xf2\x85~{\x06\xe3\xa9`\x02\xc0\x08N\x10Bn\xb73O\x9e|k\x96n\x9f&lt;qZ\xfe|\x05\xd23\xd2\x9cN\x07\x84\x90\xe3x.\x07\xd4\x04\xdf\xbes\xabK\xa77*\xc6W\xc1\x18#\x84\x10D\x10\xc2S\xa7\x8f\t\xbc\x80\xc9s\x96v\xf8\xab\xebdfz\x83\xfaMr\x16\x97~\xb8\xeb$!\x84\x05\x06\x18^\x86\t\x00#h\x81\x10\xc9\xb2\x1c\x1b\x1b\xe7r9\x9dN\'\xed\xe7\xf5\x98#!!D#jj&amp;\xd4\x05\x00 \x88\x00\x00\x84\x90\xf4\x8c4\x02\x9e\xc7\xff\x93\x13\x84\x10\xcf\xf3\x0f\x14\x97\xce\xd9u\xb2J\x95*s\xe6\xcc\xa1!\xe8\xa7\xdc\x90\xcc`\xbc\x10\x98\x000\x82\x19\x08\xa1,\xcb\x10\xa2\x7f\x0e\x1b@\x00 \x88\x8c\x88\x02\x00x\xc2b/\xd05\x9f\xb3\xb8\xf4\x03]\'o\xdd\xba\x95\xb3\xb84\xeb:\xc9\xf0\x1aL\x00\x18A\xce3\x19q\xab\xcd\x02\x00\x80\x00\x10\x00 \x84\xb11q\x10\xc0\x17h\x89i\xaa\xe8\xc3]\'!\xfc\xab\xb84\xeb:\xc9\xf0\x1aL\x00\x18\x0c\x00\x00\x80\x00\xc8\xb2|\xec\xf8a\x00\x00\x01\x84`L\x08)W\xb6\xa2\xac\xc8\xd4#\xf4\xc2\xfe\xd0\xdf\xbbN.\xffe\xd3\xe8\x91\x9fGE\xfeU\\:!!a\xcc\x981\x9e\xae\x93\xcc#\xc4\xc8=\x98\x000\x18@\x96%\x93)\xf2\xf0\x91\x03\x07\x0e\xee\x85\x10\x12\x02\x08 \x85\x0b\x15\xadV\xa5\x86\xc3a\x87/T\x00(\x9e\xae\x93\xaa\xaa\xde/.\xdd\x9f\xe7\xefu\x9d\x1c;vlBB\x02+.\xcd\xc8m\x98\x000B\x05\xf2w0\xc6*V\x15U\xc1X\x8d\x8a\x8aI\xcfH\xfb\xdf\xc7C=\x01\x03B\xc8\xdb\x03\xdf\x8d\x8c\x88T\x14%\xf7r\xf4i` 3+#""\xf2\xb3q\xdf\xac[\x91\xdc\xb0\xfe_]\'\x1f(.\xcd\x02\x03\x8c\x17\x0e\x13\x00F\xa8\xc0\xf3\x82(j\xe8\x7f\x1a\x8dF\xaf\xd3\x87\x87\x99\xa2\xa3b\xf4zc\xf2o[;\xbe\xde\xec\xd4\x99\x13\xf7\xb3\xf2\xe5\xf6m:w\xeb\xd2+\xdb\x92\xf5\xf4\xdb\x80\x9f\x7f`\x1c/\xcbrV\x96\xb9L\x99\xf8\xf9\xb3\xfe\xd6u2gqi\x16\x18`\xbcpX)\x08\x86\xbf\xe3\x99\xf6\xfe\x9b\x9c\x1c\x08\xa1\xd9\x9c\xe1t9h\x91g\x15\xab\x0e\x87#-\xfd\xee\xe93\'\x92wm\xdb\x9f\xb2\x07\x00\x00!\xa2\x1b\xb2\xbaw\xed\xfd\xc9\xc7\x93\x9c.\'x\x8a\x8a\xd0/\x04\x9a\x03\xeap\xd8\x01\x00\xcd\x9a\xb4\xaeS\xab\xc1\x8cY\xdf\xce\xf9yz\xa69C\x96\xe5\xd9\xb3g\xaf[\xb7n\xc8\x90!#F\x8c\x10\x04\xc1;Cb\x84\x02\xac\x14\x04\xc3\x7f\xa1\xa5 v\xed\xda\xd5\xb0aCB\xc8\xcb\xd5j-\xffe\xa3\xc3\xe1x\xd6\xfa9\xaa\xaa\x9aL\x11\xc3\x86\x0f\xfcu\xfdJ\x9akO\x08\x91$\xb7\'\xbeJ\xf7\x01 \xc4U\xaaXu@\x9f\xc1\xaf\xb6|\xcd\xe1t\xd0\xfd\xc0\xb9\xf0\xb5\xfey\xb4&lt;\xc7\x1b\xc3\xc2\xae\\\xbd\xf4\xd3\x9c\xa9+\xd7,\xb1\xdbm\xb2,\x03\x00\xca\x95+\xf7\x9f\xff\xfc\xe7\x8d7\xde\x10E\x91\x15\x11b\xfc{\xd8=\xc4\xf0_\xa8\x8d+W\xae\x9c\xc9\x14\x01\x00\xb8x\xf9\xcf\xf4\xb44Q\x14\x9fc\xd6\x02\x01t\xbb\xddN\xa7\xc3\xee\xb09\x9d\x0e\x97\xcbIw\xfc\xf2&lt;O=\xec\x8d\x1a$\xfe\xf4\xe3\xa2u+\x93{t{\xc3\xee\xb0\xcb\xb2\xec\xab\xfa&lt;\x10BY\x91eI*R\xb8X\xd5*\tz\x9d\x81V3\x05\x00\x9c&gt;}\xfa\xe0\xc1\x83T\x0c\xd8\xd4\x8d\xf1\xefa. \x86\xbfC}\xdf\x00\x00EQ\x9e\xbb*\x03\xb8o1\t\xfe\xcbn\xde\xab\xc7\t\x11\x00 \xe5\xe0\xbe?\xcf\x9f\x9d5\xef\xc7&amp;\xaf4o\xf7j\xe7&lt;qy\xb3\xb2\xcd\x1c\xca\xf5\x00\xc0\x03(\x8a\xa2\xd7\x1btZ\xdd\xf6\xe4M\xdf\xfd0i\xdf\x81\xdf=o\xb5h\xd1\xe2\xab\xaf\xbe*[\xb6\xac\x97\x87\xc4\x08b\x98\x000\xfc\x9d\x17\x12\x03 \x84\x18\x0c\x86\xf0p\x13\x878\x15\xab\x84\x10E\x91\x9dN\'\xc6\x18\x03\x0c\x00\xb0\xd9\xad6\xbb\xf5\xe6\xad\xeb{\xf6&amp;\xcf\x9a\xf3\xc3\xf0w?\xee\xd0\xfeu\x8b%\xdbk\x9e\x16\xea\xef\x8a\x8d\x89;q\xea\xe8\x03\xd5C\x1fh+\xe6\x85\xb84#D`1\x00\x86\xffBks\x9a\xcd\xe6\x12%^2\x9b3M\xa6\x88m\xeb\xf7GEE?\x87\x7f\x06B\xe8p8dY\xa2\xdb|1\xc1n\x97+\xdb\x9a}\xfb\xf6\xcd\xd3gN\xec\xf9#9\xe5\xd0&gt;\x00\x00\xcf\x0b\x84\x10UU\x00\x00\xc3\x87}\xf4\x9f!\xff\xb5X\xb2P.\xaf\x03r6\x16\x9e1\xeb\xbb\x19\xb3\xbe\xb5\xda\xac4,\xc1\x1a\x0b3r\x15&amp;\x00\x0c\xff\xe5\x05\n\x00\x00\x80n\xaa\xf2\xfc\x08!\xa2\xa5@9\x8es\xb9\\)\x87\xfe\x18\xf7\xe9\xff\x8e\x9f&lt;\x02!\x82\x10\xd0\x84\xcb\xe9\xdf/h\xdd\xa2}\xb6%+\x97|A\xb4\x02h\x981\x0cq\xdc\xca\xd5\xbf|\xf7\xe3W\xe7/\x9c\x85\x10\x10\x02DQ\x1c8p\xe0\xa8Q\xa3\xe2\xe2\xe2\x00\x9b\xf83r\x07&amp;\x00\x0c\xff\xe5\xc5\n\xc0\xc3\xb7\xfa\xbd-a\x80 \x88\xc2\xc3\xc2\xed\x0e{R\x9f\xd7\xf6\xa7\xecA\x08\x01\x00\t\xc1\xc5\x8b\x95\xdc\xb0z\xd7\x0b\xfa6\x0f\xfeqEQ\xb5Z\xad\xd1\x10\xb6g\xdf\xae\xaf\xbf\x99\xf0\xfb\xded\xcf{-Z\xb4\x988qb||&lt;`\xad\xe4\x19\xb9\t[N2B\x05\xf8\x10\xb4\x1e\x03\xcf\xf1\x08!s\x96Y\xa7\xd3\x8d\x1f\xf3\x95V\xab\xa5;\x85!\x84\x17/\xfd\xb9\xff\xc0\x1e\x83\xc1\xa8\xe2\x17\xb9\xfdJUU\x00`Ltlj\xda\xdd\xc1\xc3\xfat\xee\xde\xc2c\xfd\xe3\xe3\xe3\x7f\xf9\xe5\x97\r\x1b6\xc4\xc7\xc7\xd3tU\xd6/\x8c\x91{0\x01`0\x00\x00@\x10\x04\xab\xd5R\xa6t\xf9jU\x12\x08!\x10\xde\xeb\ts\xe4X\x8a\xc0\x0b/j\xa1L\x8b\xbbE\x98"\x01\x00_|=\xb6U\xfb\x06\xcbV.\xa4\xbb\xcf\xe2\xe2\xe2\xc6\x8d\x1bw\xe8\xd0\xa1\xae]\xbb\xd2\xc3\x98\xe9g\xe46,\x0b\x88\xc1\xf8\x0b\x9e\xe7K\x14+\xb9\xe7\x8f\xdf \x84\x04\x00B\xc8\xad\xdb71\xc6\xf0_o\t\xa6\xd5\x87\x0cz\x03\xc7\xf3\xcbW-\xa4\xee~\xfa\x96 \x08III\x9f|\xf2I\x81\x02\x05\x00s\xf73\xbc\x08\x13\x00\x06\xe3/ \x80\x1c\xef1\xbe\x04\x00 \xcb\x12\x01\xffr\xfaO\x14U\xd5j\xb4:\x9d\xfe\xc4\x89#\x9fM\x1a\x9d\xbck\x9b\xe7\xbd\xc4\xc4\xc4q\xe3\xc6%$$\x80\xfb\r\xe2\x99\xf5gx\r&amp;\x00\x0c\x86\x07\x881NOO\x03\x00\xd0\x960\x00\x00\xa3!\x0cA\x04\x9eW\x03TU\xe58&gt;*"\xe2\xd6\xed\x1b\x9f|\xfa\xe1\xa2%s\xe9&gt;^\x00@||\xfc\xc8\x91#\xbbv\xed\n\xeeGz\xe9v_\x06\xc3k\xb0\x1b\x8e\x11\xac\x10\xea\xca\x7f\xfa_\xe08\xceb\xcd&gt;q\xf2\x08\xb8\x9f\x80\x04\x00(\\\xa8\xe8\xf3\xb9\x7fh\xda~x\xb8\xc9\xe9pL\xfb\xe9\x9b\xa9?N\xca\xc8L\xa7\x9fi2\x99\xde\x7f\xff\xfd\xe1\xc3\x87{\xb2\xfb\xd9\xac\x9f\xe1\x13\x98\x000\x82\x10\x02\x00\x878\x9e\x17\x9cN\x07\x00\xe0i\xd2(%I\x8a\x8b\xcd\xb3b\xf5\xe2+\xd7.#\x840\xc6\x10\x12\x00@\xa5J\xd5dIz&amp;!\xb9\xe7\xee7\x18\x11D[\xb6\xad\xff\xec\xcb\xd1\x1ew?!\xa4O\x9f&gt;#F\x8c(U\xaa\x14`\xee~\x86\xafa\x02\xc0\x08Bx\xc4Y\xac\xd9fsf\xd9\xb2\xf1\x84\x10\x87\xc3.\xcb\xf2\xfdF\xbf0\xa7\x18\xd0\x8cO\x02@tt\xec\x95k\x97&gt;\x9d\xf8\x11}\x97\xf6\x84)U\xb2l\xe5\x8a\xd5\x1c\xceg\xa8?\xaa(\x8aV\xfbhw\x7f\xe3\xc6\x8d?\xfc\xf0\xc3\xc6\x8d\x1b\x03\xe6\xeeg\xf8\x07L\x00\x18\xc1\x06!\x98\x17\xb4\x19\x99\xe9\x1d^o\xd6\xa0^\x93\xd7\xdat\xa9R\xe5\xe5\xd8\x988\x8e\xe3TEQ\x14E\xc5*\xc1\x04@\x80\x10\xe29\x9e\x17\x04\xac\xe2}\xfbw\x7f\xf0\xbf\xc17n^\x83\x10a\x8cy^P\x14\xb9_\xaf\xb7\x8c\x860sV\x06\xc7\xfd\xf3\x93B\xa7\xf3\xd1Q17o_\x7f\xc0\xdd_\xbat\xe9\x11#F\xf4\xee\xdd\x9b\x1eF\xdb\x02\xe7\xeeY`0\x9e\x02v\x172\x82\x10B\x08\xcf\xf3N\x87\xe3\xd7\xf5+~]\xbf"_\xbe\x02U*V\xafT\xb1j\xa9\x92e\xf3\xe6\xc9g\n\x8f\x10D\r\xc1\xd8\xee\xb0\xa7\xa7\xa7\xfey\xfe\xcc\x8e\xdf\xb6l\xdf\xb9\t\x00@\x9d?\x82 \xc8\xb2\\\xbf\xee+\x9d;&amp;e[\xb2\xfe\xd1\xfac\x8c\t!&amp;S\x84\xddn\xfby\xe1\xccI\xdfLHM\xbd\x03\x11\x04\x00DDD\x0c\x1d:t\xe8\xd0\xa1&amp;\x93\x89\x1e\xc6f\xfd\x0c\xff\x81\t\x00#8!\x84\x08\x82\x00!T\xb1z\xfb\xf6\xcd\xdb\xb7on\xd8\xbc\x06\x00\x80\x10\xd2\xe9\xf4&lt;\xc7c\x82eIr\xb9]\x9e_\xa1\x15 8\xc4\xc9\xb2\\\xa9B\xd5o\xbf\x9e\xa5\xaa\x8a\'\x1d\xe8q\x7fEUU\xa31\x0cA\xb4\xf3\xb7-\x93&amp;\x8f?z\xfc\x10=\x9c`\xe6\xeeg\xf8;L\x00\x18A\x8b\xc3\xe9\xa0\xff\xe0y\x1e!\x0e\x00\x821V\x14\xc5n\xb7y\x8eA\x08q\x1c\x0f\x01\xc0\x18+\xaaB_|\xadm\x97O&gt;\xfe\xd2\xa07\xba\xdc\xae\'x\xff\xa9\xbb\xdfd\x8a8q\xf2\xe8w?|\xf9\xeb\x86\x95\xf7\xde  !!a\xc2\x84\t\xcc\xdd\xcf\xf0s\x98\x000\x82\r\x08\x91$\xb9\xf3\xe5-0\xe9\xb3\x1fV\xaeY|\xe8\xf0~\xb7\xe4\x06@y\xe4\xc1\x18c\x8c%\xfao\x0eq\xb5j\xd6\xeb\xdb\xeb\xcd\xc4\xc6\xad\\.\xe7\x13\xac\xbf\xc7\xdd\x7f\xe3\xe6\xb5\xc9\xdf~6}\xd6\xb7\xb4&gt;\x1d!\xa4@\x81\x02\xe3\xc6\x8dKJJ\xe2y^Q\x14\x96\xdd\xcf\xf0g\xd8\xad\xc9\x08N8\x8e\xeb\xde\xb5W\xc7\xd7\xba]\xbcx\xee\xf0\xd1\x94c\'\x0e\x9f\xbfp.5\xednv\xb6\xd9-\xb9UU\x85\x00p&lt;o\xd0\x1bcc\xf3\x14+R\xbcr\xa5j5\x13\xea\xc5\x97\xab\xc8s\xbc\xc5j\xa1\xa5\xe2\x1e\xfe\xd8{\xc5|""\xedv\xdb\xbc\x853\xbf\xfef\xc2\xdd\xd4;\xf4HA\x10\x86\x0f\x1f&gt;d\xc8\x10O\x01gf\xfa\x19~\x0e\xbbA\x19\xc1\t!\xc4\x9ceF\x08\x16/^\xaa\\\xd9\x8a=\xba\xf5\x95$\xc9n\xb79\x9d\x0e\xb7\xdb%+2\x04P\xd4h\xb4Z\x9d\xd1`\xd4\xeb\xf4\x08qn\xc9\xe5p:\x08~t\x9c\x96\xba\xfbi\xbf\xc6\x1d\xc9\x9b\'~\xfd\xc9\xd1\xe3\x87\xe8[\x18\xe3\xae]\xbb\x8e\x1c9\x92\x16pf&gt;\x1fF\xa0\xc0\x04\x80\x11\xb4P\x13\xecr;\xe9v0\x9a|i2E \x84 \xb8W\xeb\rc\xac\xaajVv\x16\x00\x04B\x84\x10\x02\x8f\xb2\xdb\x8a\xa2\x88\xa2\x18\x15\x15s\xe2\xe4\x91\x07\xfa5&amp;$$\x8c\x1b7.11\x11\xdc7\xfdl\xe2\xcf\x08\x14\xd8\x9d\xca\x08r\x10\xfc\xcb\xa6S\x07\xce\x03\x07@\x08\x9f0[\xa7i\xfb1\xd1\xb1w\xee\xde\xfe~\xfa\xd7\xb3\xe6\xfe`\xb5Zr\xba\xfb{\xf4\xe8!\x08\x02\xfdXf\xfa\x19\x81\x05\xbb_\x19!\xc43\x95\xd7\xc7\x18c\x82#\xc2#%Y\xfay\xe1\xcc\x1ffL\xbe|\xe5"}K\x10\x04\xd6\xaf\x91\x11\x040\x01`0\x1e\x81\xa2(\xd4\xdd\xbf}\xe7\xa6\xef\xa7\x7f\xbdw\xdf_\x8d!s\xf6kd\xee~F@\xc3\x04\x80\xc1\xf8\x1bt:\x1f\x1b\x13w\xe2\xd4\xd1\x07\xdc\xfd\xf1\xf1\xf1\x13\'Nl\xd1\xa2\x05`\x05\x9c\x19A\x01\xbb}\x19\x8c{P?~\x84)\xd2j\xb3|\xf1\xd5\xd8\x19\xb3\xbe\xb5\xda\xac\xd4\xdd\x1f\x17\x177j\xd4\xa8\x81\x03\x07\xb2\x02\xce\x8c`\x82\t\x00\x83q/\xc53\xcc\x18\x868\xce\xd3\xaf\x91\xc6\x0b\x98\xbb\x9f\x11\xc40\x01`\x848DQT\xadV\x1b\x19\x11\xb5g\xdf\xae\xaf\xbf\x99\xf0\xfb\xde\xe4{o\x90\xbf\xb9\xfb\xa9\xcf\x87Y\x7fF0\xc1\x04\x80\x11\xba\xd0\xe9|Lt\xec\xa5+\x17\xfe;\xea?\xab\xd6.Q\x94{\x15#\x1e\xee\xd7\xc8L?#\xf8`\x02\xc0\x08E\xfe\xe6\xee\xffz\xec\xdc\xf9323\xd3\xe9[qqqC\x86\x0ca\xfd\x1a\x19\xa1\x00\x13\x00Fhq\xaf_\xa3\xde\xc0\xf1\xbc\xc7\xddO\xdf\x12\x04!))\xe9\x93O&gt;)P\xa0\x00`\xee~F\x08\xc0\x04\x80\x11:\x10EU\xb5\x9aG\xf7kLLL\x1c7n\\BB\x02`\xd9\xfd\x8c\x90\x81\t\x00#$PU\x95\xe3\xf8\xa8\x88\x88[\xb7o&lt;\xd0\xaf\xf1aw?\xcb\xeeg\x84\x08\xecFg\x049\xd4\x8f\x1f\x1enr:\x1c\xd3~\xfaf\xea\x8f\x9322\xd3iM\x08\x93\xc9\xf4\xfe\xfb\xef3w?#da\x02\xc0\x08Z\xee\xb9\xfb\rF\x04\xd1\x96m\xeb?\xfbr\xb4\xc7\xddO\x08\xeb\xd7\xc8`0\x01`\x04)\xb4_\xe3#\xdd\xfd\x8d\x1b7\xfe\xf0\xc3\x0fY\xbfF\x06\x83\t\x00#\xd8\xf0\xf4k\xbcy\xfb\xfa\x03\xee\xfe\xd2\xa5K\x8f\x181\xa2w\xef\xde\xe0~\x9dg\xe6\xeeg\x842\xec\xeeg\x04\x0f\x18cB\x88\xc9\x14a\xb7\xdb~^8s\xd27\x13RS\xef@\x04\x01\x00\x11\x11\x11C\x87\x0e\x1d:t\xa8\xc9d\xa2\x87\xb1Y?\x83\xc1\x04\x80\x11\x0c\xd0b&gt;Fc\x18\x82h\xe7o[&amp;M\x1e\x7f\xf4\xf8!\x00\x01\x00\x80`\xe6\xeeg0\x1e\r\x13\x00F\xc0C\xdd\xfd&amp;S\xc4\x89\x93G\xbf\xfb\xe1\xcb_7\xac\xbc\xf7\x06\x01\t\t\t\x13&amp;L`\xee~\x06\xe3\x910\x01`\x040\x1ew\xff\x8d\x9b\xd7&amp;\x7f\xfb\xd9\xf4Y\xdf\xca\xb2\x9c\xb3_cRR\x12\xcf\xf3\x8a\xa2\xb0\xec~\x06\xe3a\xd8#\xc1\x08Hhw\xdf\x88\x88H\xbb\xdd6o\xe1\xcc\xaf\xbf\x99p7\xf5\x0eB\x08\x00 \x08\xc2\xf0\xe1\xc3\x87\x0c\x19\xe2)\xe0\xccL?\x83\xf1H\xd8\x83\xc1\x080\x08!\x8a\xa2\x18\x0cF\x9dV\xb7#y\xf3\xc4\xaf?9z\xfc\x10}\x0bc\xdc\xb5k\xd7\x91#G\xb2~\x8d\x0c\xc6\xd3\xc0\x04\x80\x11HP\x9b\x1e\x1b\x9b\xe7\xe4C\xfd\x1a\x13\x12\x12\xc6\x8d\x1b\x97\x98\x98\xe89\x8cM\xfc\x19\x8c\'\xc3\x9e\x10F\xe0@@Lt\xac\xc3a\xfff\xea\x17\xb3\xe6\xfdh\xb5Zr\xba\xfb{\xf4\xe8!\x08\x02\xad\xe8\xc0L?\x83\xf14\xb0\xe7\x84\x118@\xf0\xf3\xa2\x9f\x16.\x9es\xe9\xf2y\xfa\x02\xeb\xd7\xc8`\xfc\x1b !\xc4\xd7c`0\x1e\r!\x04Bh6\x9bK\x94(a6\x9b\xe9|\xdf\xf3n\xce~\x8d\xd4\xe7CK\xbc1\x18\x8c\xa7\x04\xf9z\x00\x0c\xc6S\x01!\xf4\xcc\xee\xe3\xe3\xe37l\xd8\xb0a\xc3\x86\xf8\xf8xUU\t!&lt;\xcf3\xeb\xcf`&lt;+\xcc\x05\xc4\x08\x008\x8e\xa3\xc9?qqq\xa3F\x8d\x1a8p +\xe0\xcc`\xfc{\x98\x000\xfc\x1d\x08aVV\x16\xcf\xf3o\xbd\xf5\xd6\xc8\x91#\x99\xbb\x9f\xc1xQ0\x01`\xf8;\xb2,\xb7o\xdf~\xd4\xa8Q\x15+V\x04\xf7\x9bv1\xeb\xcf`\xfc{X\x10\x98\xe1\xefx&amp;\xfb\xd4\xf43_?\x83\xf1\xa2`\x02\xc0\x08\x00\xa8\xbb\x9fVz`0\x18/\n&amp;\x00\x0c\x06\x83\x11\xa2\xb0)\x15\x83\xc1`\x84(L\x00\x18\x0c\x06#Da\x02\xc0`0\x18!\n\x13\x00\x06\x83\xc1\x08Q\x98\x000\x18\x0cF\x88\xc2\x04\x80\xc1`0B\x14&amp;\x00\x0c\x06\x83\x11\xa20\x01`0\x18\x8c\x10\x85\t\x00\x83\xc1`\x84(L\x00\x18\x0c\x06#Da\x02\xc0`0\x18!\n\x13\x00\x06\x83\xc1\x08Q\x98\x000\x18\x0cF\x88\xc2\x04\x80\xc1`0B\x14&amp;\x00\x0c\x06\x83\x11\xa2\xb0\x96\x90\x0cF\x08Ar\x00!\xf4\xb4Wc\xcdvB\x13\xd6\x10\x86\xc1\x08f\x08!\xb4\x9f\x1a!\x04!\xf48C\xcf\xdam\x86&amp;L\x00\x18/\x0c\x8c1\xc6\x98\xf6\xefe\xa6\xc4\'&lt;&lt;\xc1\x7f\xc0\xe2c\x8co\xde\xbcy\xfe\xfc\xf9\x13\'N\x1c;v\xec\xc2\x85\x0b\x11\x11\x11\x9f}\xf6Y\xf9\xf2\xe5\x01\x93\x81\xd0\x83\t\x00\xe3_A\'\x98\x84\x10\x8e\xe3r\x1a\x0ej\x80|8\xb0\x10\xc1s\xfe\x01\x00\x8f\x9c\xe0ggg\xff\xf9\xe7\x9f7n\xdc8t\xe8PJJ\xca\x8d\x1b7\xae]\xbbf\xb3\xd9r\x1e#\x8a\xe2\xc0\x81\x03G\x8d\x1a\x15\x17\x17\x07\x00PU\x95\xaa8#\xe8a\x02\xc0x\x1e&lt;v\x87\xe7\xff\n#\x9d9sf\xe3\xc6\x8d\xcb\x97/\x1f=zt\xb3f\xcd\x98\x1dy\xe1&lt;0\xc1\x7fx\xb6\xeep8222\xce\x9c9\x93\x92\x92r\xf1\xe2\xc5K\x97.\x9d9s&amp;55\xf5\xc9\x1f\x8b\x10\xc2\x18\xc7\xc5\xc5\x8d\x1a5j\xe0\xc0\x81\xa2(R\xaf\x11\x0b\x0c\x04=L\x00\x18\xcf\xc0\xc3v_U\xd5\xfd\xfb\xf7o\xdd\xbau\xeb\xd6\xad)))\x92$\x01\x00\xf2\xe6\xcd{\xf4\xe8\xd1\xb8\xb88\xeaw\xf6\xe9\x90\x03\x9b\x7f\x9c\xe0\x9b\xcd\xe6\x0b\x17.\x9c:u\xea\xe2\xc5\x8b\x07\x0e\xa4\x9c={&amp;33\xf3\x81\t~N\xa2\xa2\xa2\x0b\xe6/\\\xbaT\xd9\xc2\x85\x8a\xc5\x97\xaf$\xcb\xd2\xdc\xf93\xf6\xee\xdb\xe59 &gt;&gt;~\xe2\xc4\x89-Z\xb4\x00\x00(\x8a\xf2\xc0\xc2\x8e\x11d0\x01`\xfc3\x9e@\xa2gFO\xed\xfe\xaaU\xab6n\xdcx\xea\xd4\xa9\x9c\x07\xf3&lt;\xaf(Jbb\xe2\x96-[\xd8"\xe0\x99x\xfa\t\xfe\x81\x03\x07.]\xbaD\xed~FF\xc6\xe3&gt;\xd0`0F\x98"K\x14/Y\xbe\\\xa5"\x85\x8b\x96)U\xbe`\x81\xc2\x11\x11Q\x06\x83\x01!$\xcb2\x878\x97\xdb\xb5|\xe5\xc2\x1ffL\xbe|\xe5"B\x10c\x02\x00\xe8\xda\xb5\xeb\xc8\x91#\xe3\xe3\xe3\x01\x00\x8a\xa2\xe4\\\xe71\x82\t&amp;\x00\x8c\xc7\xf2Lv?**\xa6j\xe5\xea5k\xd4\x9d\xf2\xdd\xe7N\x97SU\xd5\xc9\x93\'\x0f\x1d:\x94\x99\x8f\xa7AU\xd5\x87\x03\xb6\x00\x80\xb4\xb4\xb4\xd3\xa7O_\xbe|\xf9\xd8\xb1c\'N\x9c\xb8p\xe1BFF\xc6\x13&amp;\xf811\xb1\xc5\x8b\x95,T\xa0H\xf9r\x15K\xbeT\xbaP\xc1"\xd1Q\xb1\x91\x11\x91\x82 b\x82eY\x96$IUeU\xc5\x84\x10\x84 !\x04B\x14\x15\x19}\xe7\xee\xed9\xf3\xa7\xcd\x9a\xf3\xbd\xd5f\xa5\x12.\x8a\xe2\xf0\xe1\xc3\x87\x0c\x19BWr\x9e\xf0&gt;#\x98`\x02\xc0x\x90\x87\xed\xbe\xc5b\xd9\xb9s\xe7\x9a5kR\x0e\xa4\x9c&lt;u2\xe7\xc1\xf9\xf3\x17\xacS\xb3~b\xe3VU+\xbf\x1c\x13\x13\x17\x1bc\xfa|\xd2g\xe3&gt;\xfb\x1f\xcf\x0b\x84\xe0\x83\x07\x0fV\xae\\\x99\xad\x03\x9e\x0c\xc6\x98\x9a~\x87\xc3q\xf5\xea\xd5\xeb\xd7\xaf\xa7\xa4\xa4\x1c:t\x88\xa6\xeb\x98\xcd\xe6\xc7\xfd\xa2Ao\xc8\x9f\xbfP\xfe|\x05\xca\x95\xa9\x10_\xbeR\xfe|\x05\x8b\x14.\x16\x1d\x15#\x88"B\x9c\xa2\xc8\xb2,)\x8a\xa2(\n&amp;\x18\x02\xe8\xe1\x81\xcf\xa1\xe6\xded\x8a8u\xea\xf8\xd7\xdf~\xfa\xeb\x86\x95\x00\x00\x848\x8c\xd5\xfc\xf9\xf3\x8f\x1f?\xbew\xef\xde\xe0\xf1*\xc5\x08\\\x98\x000\xeeA\x938s:\x9a-\x16Krr\xf2\xea\xd5\xab\xb7o\xdf~\xed\xda\xb5\x9c\x07\xe7\xcf_\xb0N\xcd\x06\x89\x8d[\xd6\xa8^;O\x9e\xbc\x18c\xa7\xd3)In\x8cq\x84)\xb2\xef\xa0.\x9b\xb7\xadG\x08\xc5\xc7\xc7\xef\xdd\xbbW\xab\xd5\xb2\xe4\xc2\xc7A\xd5q\xf6\xec\xd9\x0b\x16,\xb8|\xf9\xf2\xcd\x9b7eY~\xe4\x91\xa2 \x9a""\x8a\x15y\xa9P\xc1\xbf&amp;\xf8\xf9\xf2\x160\x18\x8c&lt;\xcfc\x8c\x15E\x91$\xb7,\xcb\x84\x10\x02\x08\x84\x10A\x04\x9e.%\x97\x10\xa2\xaa\x8a\xc1\x10\xc6!\xee\xb7\xdf\xb7M\x9a&lt;\xfe\xe8\xf1C\x10\x02j\x1e\x1a7n\xfc\xe1\x87\x1f6n\xdc\x18\xb0\xc0@p\xc1\x04 \xd4y\xd8\xeegdd\xec\xd9\xb3\xe7\x11v\x1f\x82\xd2%\xcbV\xaaP\xb5\xc9+\x7f\xd9}\x87\xc3!\xcb\x12\x00\x80\x9ax\x8c\xb1F\xa3\xcd\xc8Hk\xde\xb6\xae\xd9\x9c\x811\xee\xdd\xbb\xf7\xec\xd9\xb3\x99#\xe8\x91P\xeb\xbfo\xdf\xbeZ\xb5j=\xfcn\x84)2&amp;&amp;\xae\xe4K\xa5K\xbdT\xe6\xa5\x97\xca\x94z\xa9L\\l\x9e\xc8\xc8h1\xc7\x04_\x92$\x8cUB\x08x\xfc\x04\xff\xe9\xa1\x01g\x93)\xc2n\xb7\xad^\xbbt\xd27\x13RS\xefp\x1c\xa7\xaa*\x00\xa0O\x9f&gt;#F\x8c(U\xaa\x14`\xa9\xa2\xc1\x02\x13\x80\x10\xe5a\xbb\x7f\xe3\xc6\x8dm\xdb\xb6\xad^\xbdz\xef\xde\xbdiii9\x0f.U\xb2l\xc3\xfaM\x12_iY\xb1B\x95\xf0p\xd3\xc3v?\xe7\xc1\x8a\xa2DFDm\xde\xb6\xae\xcf\xc0\xce\x82 J\x92\xb4t\xe9\xd2N\x9d:1\rx\x00z\xfe/_\xbe\\\xbdz\xf5\xec\xeclUU\r\x06c\x85\xf2\x95\xcb\x94.W\xa8`\x91\xb2e*\x14/\xfaRDDDxx\x04\x878UU%YR\x14YVd\x82\t\x01\x04A\x08a\xae\xac\xab\xa8q7\x85G\xdc\xbc}\xfd\xdb\xef\'.Z2W\x96e*\x03&amp;\x93i\xe8\xd0\xa1\xc3\x86\r3\x99L,U4\x08`\x02\x10Zx6\xebz\x0c\xc7\x8d\x1b7\xb6n\xdd\xbaf\xcd\x9a\xdf~\xfb-+++\xe7\xc19\xed\xbe\xc9\x14!K\xb2\xc3i\xa7\x93\xc1\'\xbbt\x14E\x89\x8d\x89\x1b;\xe1\xbf\xdfO\xffZ\x10\x84\xb0\xb0\xb0\x94\x94\x94\xe2\xc5\x8b{\x9c\xdd\x0cj=\xcdfs\xf3\xe6\xcd\x0f\x1e&lt;\x08\x00\xa8P\xbe\xd2\xb4\xa9\x0b\n\x17,\xca\x0b&lt;\x84P\x91\x15\xb7\xe4VUEQ\x14\xcf\xb6\xde\x7f9\xc1\x7f&amp;\x14E\xd1j\xb5:\x9d\xfe\xc4\x89#\x9fM\x1a\x9d\xbck\x1b\x00\x00BH\x08)]\xba\xf4\x981c\xbav\xed\n\xd8\xe6\xe1\x00\x87\t@H\xf0\xb0\xdd?}\xfa\xf4\x81\x03\x07V\xaf^\xfd\x80\xdd\x17E\xb1b|\x95:\xb5\x1a\xd6\xaeU\xbfr\xc5j&amp;S\x84,\xcb\x0e\x87]Q\x15\x04\x1f[I\xe6\x01\xa8\xc1\xe28\xfe\xb5\xae\x89\xc7O\x1c\x01\x00\xd4\xacYs\xd7\xae]t\xc1\xc1\x8c\x05M\xf4D\x08%&amp;&amp;n\xdb\xb6\r\x00\x10\x19\x19\xb5\xe5\xd7?\xf2\xe5+\x90\x9d\x9d\x05!\x04\x80Z|\x04!\x00\xc0g\xa7\x8b\xa6\x03\x18\x0cF\x04\xd1\xd6\x1d\x1b&gt;\xfbr\xf4\xf9\x0bg\xa9\x06\x00\x00\x12\x13\x13\xc7\x8d\x1b\x97\x90\x90\x00X` `a\x02\x10\xb4&lt;\xb2H\xc3\x993g\xd6\xaf_\xbfz\xd5\xea\x94\x83\xf76mQDQS1\xberb\xe3\x96\r\xeb\'\x96*YV\xaf\xd3K\x92\xdb\xe1t&lt;\x93\xdd\xcf\x89\xaa\xaa\x06\xbd\xe1\xf2\x95\x8bm;7v8\xec\xb2,\x8f\x1e=z\xcc\x981\xcc\x11\x04\xeeg\xd6\x0f\x180`\xe6\xcc\x99\x82 \xe8t\xfay3\x97W\xaf\x9a`\xb1Z\xfc\xf0\xe4\xd0\xc5JXX\xb8\xd3\xe1X\xb0x\xf6w?~\x99\x99\x99A7\x0f\x0b\x82\x90\x94\x94\xf4\xc9\'\x9f\x14(P\x00\xb0\xc0@\x00\xc2\x04 \xd8x\\\x91\x86\xf5\xeb\xd7\xaf^\xbd\xda\xb3Y\x97\xa2\xd1h*\x94\xff\xcb\xee\xebt:\x97\xcb\xe5r9\xe9\xba\xfe_\xbakdE\x8e\x8d\x8e\xfbe\xe9\xbc\xa1\x1f\x0c\x10EQ\x92\xa4-[\xb6$&amp;&amp;\x86\xb8\x99\x90eY\x10\x84)S\xa6\x0c\x1b6L\xa3\xd1\xb8\xdd\xee\xef\xbe\x9e\xd5\xb5s\xcf\xbbwo\x0b\x82\xe0\xeb\xd1=\x16O`\xe0\xf2\xd5\x8b_\x7f\xf3\xe9\xca5KTU\xf1\xd4\x90\x182d\xc8\xf0\xe1\xc3Y\r\x89\x80\x83\t@\x90\xf0\xb8"\r\xabV\xad\xda\xbd{\xf7\x91#Gr\xda}SxD\x8d\x97k\'6nQ\xa9B\xb5\x9cv\x1fc\x15&gt;\xd7|\xffq\xa8\xaa\x1aa\x8a\x1c&lt;\xac\xf7\xca5K\x10B\xb1\xb1\xb1\'N\x9c\x88\x89\x89\t\xd9\x12\x11t\xee\xbfb\xc5\x8a\x8e\x1d;RQ\x1c\xfb\xd1\xc4\x81\xfd\xdeI\xcfH\x13x\xff\xb5\xfe\x1e\x14U\xd1j\xb4FC\xd8\x9e}\xbb\xbe\xfef\xc2\xef{\x93=o\xe5\xac!\xc1\x02\x03\x81\x02\x13\x80\xc0\xe6\x996\xeb\x9a\xc2M5\xaa\xd7Nl\xdc\xb2N\xed\x86E\n\x17\xe38\xce\xedv\xe7\x86\xdd\xcf9&lt;\x8e\xe3\x15En\xd7\xb9\xf1\xf9\x0b\xe70\xc6\x1d;v\\\xb6lYh:\x82\xe8$:%%\xa5Y\xb3fV\xabMQ\xe4.\x1d\x93\xbe\x9943\xd3\x9c\x11@K"B\x88\xaa\xaaa\xc60\xc4q+W\xff\xf2\xdd\x8f_\x9d\xbfp\x96.\x05\x00\x00-Z\xb4\x988q\xa2\xa7\x86\x04\x0b\x0c\xf89L\x00\x02\x92\x87\xed\xbe\xc3\xe18z\xf4\xe8#\xed~\x81\xfc\x85*\xc6WnX?\xb1n\x9dF\xd4\xee;\x9d\x0e\xb7\xdbE\x08\xf0\xc2\xc6NEUL\xe1\x11\x87\x0e\xef\x7f\xadkS\x08\x91\xa2\xc8\xdf\x7f\xff\xfd[o\xbd\x15j\x1a@3\xa0\xd2\xd2\xd2\xca\x97/O\xb3lk%\xd4[\xbeh\xa3\xd5f\x05\x01\xd8&gt;\x81\xde~\xa6\xf0\x08\xab\xcd2c\xd6w3f}k\xb5Yi\xaa(+.\x1d@0\x01\x08$&lt;\x85!s\x16i\xa0\x9buw\xec\xd8y\xf5\xea\x95\x9c\x07\xe7\xdc\xac\x1b\x1b\x1b\x87 r\xba\xee\xd9}//\xcf\x15E\x89\x8e\x8e\xf9f\xea\x17\x9f}9Z\x10\x04\x8dF\xb3w\xef\xde\n\x15*\x84NV(M\xfbq\xb9\\\r\x1b6LII\x01\x00\x94/Wq\xe1\x9c\xd5Fc\x98,\xcb\x81{\x12\xa8q\x8f\x8c\x88:q\xea\xe8\xb4\x99S\x96\xad\\\x04\x00\xa02P\xa0@\x81q\xe3\xc6\xf5\xe8\xd1C\x10\x04\x16\x18\xf0[\x98\x00\x04\x00\xcfV\xa4!_\xc1:\xb5\xfeV\xa4\xe1\t\x9b\xb6\xbc\x06\xc1\xc4`4v\xe9\xd1\x8aV\x1e\xaeP\xa1\xc2\x9e={\xf4z}(x\x8a\t!\x8a\xa2\x08\x82\xd0\xbbw\xef\xb9s\xe7\xf2\xbc`\xd0\x1b\xd6,\xdf\xf1R\xf1\x92\x16\xab%\x08f\xc7\x8a\xa2\xe8\xf5\x06\x9dV\xb7}\xe7\xa6\xef\xa7\x7f\x9d\xb3\xb8tBB\xc2\xb8q\xe3\x12\x13\x13\x01[\n\xf8%L\x00\xfc\x97Gn\xd6=p\xe0\xc0\xbau\xeb\xb6m\xdb~\xfd\xfa\xdf\xec~\xa9\x92e\xeb\xd6n\x98\xf0r\x9d\x9a5\xea\xc4\xc5\xf9\x8b\xdd\xf7\x801\xd6h4ii\xa9-\xdb\xd7\xcf\xca\xcaTU\xf5\xed\xb7\xdf\x9e:uj(8\x82\xe8w\x1c6l\xd8\x94)Sx^P\x14y\xe9\xc2\ruj6\xc8\xca6\x07\xcdw\xc7\x18c\x82#\xc2#eEZ\xb2|\xc1W\x7f\xaf!\xd1\xb5k\xd7Q\xa3F\x95/_\x9e\xf5\x89\xf37\x98\x00\xf8\x1d\x8f\xb4\xfbO\xb3Y7\xc2\x14\xa9\xa8\x8a_\xd9\xfd\x9c(\x8a\x12\x19\x19\xb5y\xeb\xba\xde\x03:\xd3\x04\x98\xe5\xcb\x97w\xe8\xd0!\xb8\'\x86\xd4\xfa\xcf\x9c9s\xc0\x80\x014\xe9s\xfc\x98\xaf\xfa\xf5z;#3=h\xac\xbf\x07UU\x11\x82\x11\xa6\xa8\x1b\xb7\xae\xcd\xfdy\xfa\xf4\x9f\xbe\x95\x15\x99\x16\x97\x16\x04\xe1\xd3O?}\xff\xfd\xf7C\xc7\xef\x17\x100\x01\xf0\x17hr\xc5\xd3\x14i\x80\x10\x96|\xa9t\xc3\xfa\x89\x7f\x15i\xb8\xbfY\x17\x82Gt\x11\xf1\x1f\x14E\x89\x89\x8e\xf9\xe0\x7f\x83\x7f^\xf8\x13\xc7q\xe1\xe1\xe1\xb4DD\xb0f\x85zj\xbd\xd5\xae]\x9b\xe7yY\x96\x07\x0fz\xef\x93\x8f\xbf\xbc}\xe7V\xf0Y\x7f\x0f\xb4\x86\x84^o8q\xf2\xe8w?|I\x8bK\x03\x008\x8e\xbb~\xfdz\xbe|\xf9\xd8:\xc0\x7f`\x02\xe0w\x9c&gt;}z\xcb\x96-\xc9\xc9\xc9\x0f\x15i\xb8\xb7Y\xb7F\xf5\xdae\xcb\xc4GFDI\xb2\xf4\xacE\x1a|\x0b}\xf2y^h\xdf%\xf1\xf8\x89\xc3\x00\x80\xc6\x8d\x1bo\xdb\xb6-(\x17\x01\xf4K\x9d8q\xa2a\xc3\x86V\xabU\x96\xe5v\xafv\xfa\xee\xebY6\xbb\xcd\x9b%}|\x02\x9d\xcd\x18\x8da\x08\xa2]{\xb6\x7f\xf2\xe9\x87\x17/\x9dWU\xf5\xcb/\xbf|\xef\xbd\xf7B\xc1\xef\x17(0\x01\xf0=\xf4\x12\\\xb9re\xc5\x8a\x15\xabV\xadJII\xc9Y\x11\xfe\x81"\r:\x9dN\x92$\xa7\xd3\xa9\xa8r\xa0\xd8\xfd\x9c\xd0\x12\x11\x97\xae\\h\xd9\xae\xbe\xa2\xc8\xb2,\x8f\x193f\xf4\xe8\xd1Af\x14h\xdeKVVV\xc3\x86\rO\x9c8\x01\x00\x88/_i\xd9\xc2\x8d\x82 \xca\xb2\x14pW\xed\xf9\xc0\x18\xab\xaaR\xb8P\xa1\xa5+\x16\xf7{\xf3u\x00@BB\xc2\xde\xbd{\x01\xcb\x08\xf2\x1b\x98\x00\xf8\x1ej\xfbF\x8e\x1c\xf9\xe9\xa7\x9fz^\x0c3\x86\x95*U\xae\xe9CE\x1aro\xd3\x96\xd7P\x14%:*z\xf6\xbci\xff\x1b=L\x10\x04Y\x96\xb7m\xdb\xd6\xb8q\xe3\xa0Y\x07x\x9a\xfa\xd6\xae]{\xdf\xbe}\x00\x80\x02\xf9\x0bmX\xbd+,\xcc\xe4r9\x83\xe3;&gt;%\xf4&lt;8\x1c\x8e\xa6\xaf\xd6JK\xbb\x8b\x10\xda\xbbwoBBB\xd0\\\xeb@\'\x80\xedH\x90\xa1\xd1hx\x9e\x17E\xb1|\xd9\n_\x7f\xf1\xe3\x86\xd5\xbb\x97-\xdc\xf8\x9f\xc1\xff-]\xaa\x9c\xdb\xed\xca\xccLw:\x1d\xb4\xc4f@[\x7f\x00\x00\xcf\xf3\x99\xe6\xcc&gt;=\xdf|\xadm\x17\x9a\x05?p\xe0\xc0\xcc\xccLp\x7f1\x14\xe8\xd0B\x08\x03\x07\x0e\xdc\xb7o\x9f \x08\x11\xa6\xc8\x1f\xbe\x99\x1b\x15\x15\xe3t:B\xcd\xeaA\x08\x15E\xc9\x9f/\x7f\x9b\x96\xaf\x01\x000\xc6+V\xac\x00\xc1r\xa1\x83\x80\xc06%\xc1\x04\xcd\x16\x97$\xa9E\xd36o\r\x1c\x94\'O~Irgd\xa6\x05\x8d\xdd\xcf\tB\xc8j\xb3\x8e\x1f\xf3u\xa1\x82E\x00\x00\x17/^|\xf3\xcd7=Y\x83\x01\x8d,\xcb&lt;\xcfO\x992e\xe6\xcc\x99\x1aQ#\xcb\xf2\x94I3j%\xd4\xcb\xce\xce\n&amp;\x1f\xd7\xd3\x03!\x94e\xb9i\x93\xd6\xb4\xac\xf5\xea\xd5\xab\x1d\x0e\x07\xc7qL\x03\xfc\x81\xe0\xb1)A\x83\xcb\xed\xcc4;$\xc9\r!\xe4\x83\xcb\xee{\x80\x10\xca\xb2\x14\x16\x16\xfe\xf5\x17?"\x84x\x8e_\xbat\xe9\x9c9sx\x9e\x0fh\r\xa0\xf9\x8e\xf3\xe6\xcd\x1b6l\x98(j\xdc\x92{\xecG\x13\x9b%\xb6NK\xbf\xeb\xcf\x95&gt;s\x15\x8e\xe3\xec\x0e{\x95J\xd5J\x96(\x03\x008\x7f\xfe|rr2\xed\x1e\xea\xeb\xa11\x98\x00\xf8\x1f\x10"\x8e\xe3\x83;K\x04\x00\xc0q\x9c\xc5\x92\xd5\xb0~\xe2\xa0\xfeC\x15U\xe1ya\xc8\x90!\xc7\x8f\x1f\xe78.@M\x83\xaa\xaa&lt;\xcf\xa7\xa4\xa4\xbc\xf5\xd6[&lt;/H\x92\xbbK\xc7\xa4\x81}\xdf\xc9\xca2\xf3\x81P\xe93\xf7P\x14\xc5\x14\x11\xd9\xbeMg\x00\x00\x84p\xd1\xa2E\xbe\x1e\x11\xe3\x1eL\x00\x18&gt;\x83\xe7\x85\xf4\x8c\xb4\xe1\xc3&gt;\xaa]\xb3\x9e\xa2\xc8v\xbb\xbdW\xaf^\xaa\xaa\xd2 \xaa\xafG\xf7l\xd0\x86kiii\xadZ\xb5r:\x9d\x8a"7m\xd2j\xf2\x97\xd3\xcdY\x99A\xaf\xe5\xff\x08B\xc8\xe9t6i\xd4B\xab\xd5\x11B\xd6\xacYs\xfb\xf6m\xe6\x05\xf2\x07\x98\x000|\x8c\xa2\xaa\x93\'\xce\x88\x8a\x8cF\x08\x1d9r\xe4\xfd\xf7\xdf\x0f\xb8`\x005df\xb3\xb9U\xabViii\x84\x90\xf2\xe5*N\xfa\xec{\x87\xc3\x0e\x02\xb0\xd2\xe7\x0b\x07!\xe4p\xd8\xe3\xcbW\xacU\xa3.\x84\xd0f\xb3\xd1F\x98\x81u\x95\x83\x12&amp;\x00\x0c_\x82\x10r:\x1d\x85\x0b\x17\x1d3\xea\x0b\x8c\xb1(\x8aS\xa6LY\xbe|y\x00\x05\x03h\xf4\x1e!4`\xc0\x80\x94\x94\x14\x8e\xe3\xc2\xc3M?L\x99\x1b\x19\x19-I\xee\xa0\x0c\xe1&lt;\x07\x84\x10\x84\xb8\xa6MZQ\xb1\x9c;w.\xab\t\xe1\x0f\xb0\x0b\xc0\xf01&lt;\xcfgfft\xed\xf4\xc6\x1b\xdd\xfbI\x92\x84\x10z\xeb\xad\xb7\xee\xde\xbd\xeb\xe91\xe2\xe7\xa8\xaa*\x08\xc2\xb0a\xc3\x96/_\xce\xf3\x82 \x88\xf3f./Q\xbc\xa4\xc5\x92\xcdq\xa1\x98\xf6\xf3H8\x8e\xb3;l\xaf4l\x16\x15\x15\r\x00\xd8\xb5k\xd7\xf9\xf3\xe7\x03\xe5\x12\x071L\x00\x18\xbe\x87\xe38sV\xe6\x98\x91_\x94-]\x1ec\x9c\x96\x96\x96\x94\x94\x04\xee\xef\xa7\xf5g&lt;\xb5\xde\xa6L\x99"\x8a\x1aE\x91\xc7\x8e\xfa\xa2N\xed\x06Y\xa1\x9a\xf4\xf98 \x84.\x97\xabh\x91b\r\xeb%\x02\x00\x15EY\xb7n\x1d\x08\x84K\x1c\xdc0\x01`\xf8\x1e\x08!M\xa1\x99\xf4\xf9\x0f:\x9d^\x10\x84\xad[\xb7~\xf2\xc9\'\xb4\x90\xa4\xafG\xf7X\xa8\xf5\xdf\xb6m\xdb\x80\x01\xb4\xeb\xbd{\xf0\xa0\xf7\xfa\xf5~;55t\x93&gt;\x9f\x00\x84PUq\xd3&amp;\xad\x00 \x00\x809s\xe6H\x92\x14j;\xe3\xfc\r&amp;\x00\x0c\xbf\x80\xe38\xab\xcd\xfar\xb5\x9a\xa3\xfe;A\x96e\x8e\xe3\xc7\x8f\x1f\xbf\x7f\xff~\x9e\xe7\xfds\x92H\x15\xeb\xe0\xc1\x83]\xbbv\x15\x04A\x92\xa4N\xafu\x1b\xfe\xee\xc7\xa9i\xcc\xfa?\x1a\x84\x90\xcdn\xad_\xa7Q\xd1"\xc5\x01\x00\xa7N\x9d&gt;z\xf4(\xd5~_\x0f-ta\x02\xc0\xf0\x17x\x9eO\xcfH\xeb\xdb\xeb\xcd\xe6\x89\xaf\xaa\xaa\xa2\xaa\xb8[\xb7nv\xbb\xdd\x0f\xb3Bi\xfd\xea\xcc\xcc\xcc\xce\x9d;gdd\xc8\xb2\\\xa9B\xd5\x89\x9f~\xef\x96\xdc,\xe7\xe7q\xd0-\xc111q\x8d\x1b5\x07\x00\x00@~\xfa\xe9\'\x1f\x8f)\xe4a\x02\xc0\xf0#\x10\xe2l6\xeb\xe7\xe3\xbf)\\\xa8\x08\x84\xe0\xd2\xa5KC\x86\x0c\xf1\xb7\xacP*H\xaa\xaa\xb6n\xdd\xfa\xf2\xe5\xcb\x00\x80R%\xcb\xfc&lt;k\xa5\xaa\xaa\x8a\xa20\x01x\x02\x08!\xa7\xcb\xd9\xee\xd5\xce\x82 \x02\x00\xd6\xae]k\xb5Z\xd9\x86\x00\x1f\xc2\x04\x80\xe1G@\x08\xddnw\x9e\xb8|\x9f|\xfc\x15\xc6X\x10\x849s\xe6\xf8[\x89\x08\x9a\xbf8b\xc4\x88?\xfe\xf8\x83\xe7\xf9\xa8\xa8\xe8)_\xce\x88\x8e\x8eq\xbb],\xaf\xf1\xc9\xd0\xac\xdf\x8a\xf1\x95\xcb\x97\xad\x00\x00\xb8{\xf7\xee\xae]\xbb\x00\x0b\x05\xfb\x0ev\xbf2\xfc\x0b\x9e\xe73\xcd\x19-\x9a\xbd:x\xd0{\xb2,\x0b\x820d\xc8\x90K\x97.\xf9O\x89\x08:\xc7\xdf\xbbw/BHQ\x94\xb1\x1f}\xf9r\xb5\xdaYY\x99,\xed\xe7iPUU\xa3\xd56KlM\x7f\x9c6m\x1a`{\xe5|\x07\x13\x80P\x87&lt;\x17\xb9:$\x9e\xe7\xcd\xe6\xcc\xe1\xef\x8d\xae\x95PW\x96e\xbb\xdd\xde\xbd{w\x7f+\x11a0\x18\xa8 EFD\xb9\\N\x84\xfc(\x9b\x85z\xa8\x14UQUEU\x15EUTU\xf5\x13\xf9\xe48\xce\xe1p\xbc\xda\xb2\x83\xc1`\x04\x00\xfc\xf6\xdb\xae\xdb\xb7o#\x84\xfc\xe7\xca\x86\x14L\x00B\x1d\x9e\xe7\x85g\x07\xc2\xdc\xbds0\xc1\x18\xe3O?\x99\x12\x1en\xe28~\xdf\xbe}\xfeV"\xc2cO\xe96`\xdf\x0e\xc6\x83\x8aU\x8c\xb1(jL\xa6\x88\x98\xa8\xd8\xa8\xa8\x98\xa8\xc8\x98\x98\xa8\xd8\xc8\xc8(\x83\xde\x00\x00PU\xc5\xb7\xa6\x16B\xe8r9\x8b\x15-^\xa3z-\x00\x80\xd5j\xa1\xb5\xe1\xfc\xe7\xca\x86\x14l\xd1\x1a\xd2@\x08\xadV\x8b\xa2(\x00\xd2\xe4\xec\xa7\xf9\x1d\x00\x08\xd0\xeat\x1aQ\x93{\xa6\x84C\x9c\xddn+[&amp;~\xfc\xe8\xaf\xdey\xaf\x1f-\x11\xd1\xb2e\xcb\xc4\xc4D\x7fk&amp;\xe5\'\xee\x0bB\x08!8&lt;\xccD\x08\xb9r\xe5\xe2\xa93\xc7/]\xbe`6g\xca\x8a\xac\xd7\x1b\n\x17,R\xb6L|\x99\xd2\xe5\x</t>
        </is>
      </c>
    </row>
    <row r="20">
      <c r="A20" s="1" t="n">
        <v>18</v>
      </c>
      <c r="B20" t="inlineStr">
        <is>
          <t>venn</t>
        </is>
      </c>
      <c r="C20" t="inlineStr">
        <is>
          <t>What is the missing number of the part denoted with a question mark?</t>
        </is>
      </c>
      <c r="D20" t="inlineStr">
        <is>
          <t>['3', '1', '4', '9']</t>
        </is>
      </c>
      <c r="E20" t="inlineStr">
        <is>
          <t>9</t>
        </is>
      </c>
      <c r="F20" t="inlineStr">
        <is>
          <t>There are 3 overlapping circles containing the numbers [6, 4, '?']. The overlapping part between the first and second circle contains the number 10. The overlapping part between the second and third circle contains the number 13.</t>
        </is>
      </c>
      <c r="G20" t="inlineStr">
        <is>
          <t>We observe that the circles with 6 and 4 overlap to form the part 10, where 6 + 4 = 10. Hence, the pattern is most likely that the numbers in the overlapping parts are the sum of the numbers in the corresponding circles.</t>
        </is>
      </c>
      <c r="H20" t="inlineStr">
        <is>
          <t>Based on the pattern that the numbers in the overlapping parts are the sum of the numbers in the corresponding circles, the missing number of the circle where the overlapping part is 13 should be 9.</t>
        </is>
      </c>
      <c r="I20" t="inlineStr">
        <is>
          <t>b'\x89PNG\r\n\x1a\n\x00\x00\x00\rIHDR\x00\x00\x02\x00\x00\x00\x02\x00\x08\x06\x00\x00\x00\xf4x\xd4\xfa\x00\x00\x9f\xdaIDATx\x9c\xec\xddu\x9cTU\x1b\xc0\xf1\xdf\xbdw:\xb6\x97\xee\x0eABQ0\xc0@\x0cT\xac\x17\x0c\x14\x91\x10\xecNLlAET,DE\x05\x11\x03E\x01\x15P@\x04\x95\x94\x96\xee\xd8\x9c\x9e\xb9\xf1\xfeqg\x96\x05Qivf\xce\xf7\xf3y_u\xf3\xee&lt;s\xefy\xce9\xcf9G2\x0c\xc3@\x10\x04A\x10\x84\xb4"\x1f\xeb\x0b\x10\x04A\x10\x04\xe1\xe8\x13\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cb\xb1\xbe\x00\xe1\xd80\x0cc\x8f\x7f/\xff\xdf{\x7f&gt;A\x92\xa4\xbf\xfd\xfb\xde\xff\x14*\x86D\xfc\xf6\x8e\xed\xbe\xe2Z\xde\xde1\x16\xf1\xad\x98\xca\xc7\xb7\xfc?\xf7\xfe\xf7\xf2\xc4\xfd+\xecM2\xfe\xeb\x89 $\xadDhu]/\xfb\xf7\xc4C]\x96\x0f\xff\xe0\x8f\xa6i\x7f\xfb=\xe5\x1b\x11\xe1\xf0J4\xee\xe5\x1b\xf9Dl\x8f\xc4k\x9ex\x1f\x19\x86Q\xf6\xf3\x8f\xd4\xef\x12\xfe9\xbeG\xe2\xfe5\x0cc\x9f\xcf\tq\xff\xa66\x91\x00\xa4\x90\xbd\x1f\xd0\x8a\xa2\xfc\xeb\xd7\x07\x02\x01|&gt;\x1f%%%\xf8\xfd~\xfc~?\xa1P\x88`0\x88\xaa\xaaD\xa31t]\xc7bQ\xb0Z\xadXm6\\N\'.\x97\x1b\x8f\xc7\x8d\xc7\xe3%++\x13\xb7\xdb\x8d\xd3\xe9\xfc\xc7\xdfS\xfe\xe1r$\x1b\xa8T\x96\x88\xab\xae\xeb\x80\xd9\xf0\xfe[#\x10\x08\x04\x88\xc5b\xec\xdc\xb9\x93\xc2\xc2B"\xd1(\xd1H\x94\xa2\xa2B|&gt;\x1f\xaa\xaa\x12\x89F1\x0c\x03\x9b\xd5\x8a\xd5j\xc5\xe5r\x91\x9d\x9d\x8d\xcb\xe5\xc2b\xb1\x90\x99\x99I\x95*U\xb0\xd9lx\xbd\xde\x7f\xbd6\x11\xdfC\xb3wc\xff_\xf1\xd54\x8d`0HII\t\xa5\xa5\xa5\xf8\xfc~\x82\x81\x00\xc1`\x88P(\x84\xa6\xa9D\xa3Q\x0c\x03\xac6+\x16\x8b\x05\x87\xdd\x8e\xd3\xe5\xc2\xedr\xe1\xf1x\xf0z\xbddff\xe1v\xbb\xb0\xd9l\xffzm\x9a\xa6\x01\xbb\x13&gt;\x11\xdf\xd4 \x12\x80$V\xbe\xc1\xb7X\xfe&gt;\x9bc\x18\x06\xdb\xb7\xef`\xfd\xfau\xacY\xb3\x96\xd5\xabW\xb3f\xed\x1a6n\xdc\xc8\xb6\xad[\xd9\xb1c;%%%D"\xd1\x83\xbe\x06\x97\xcbIVV6U\xabV\xa5J\x95*\xd4\xa9S\x97\xbau\xeb\xd0\xa0A\x03\xea\xd4\xa9C\xadZ\xb5\xc8\xce\xce\xde\xe7\xb5\xeb\xba.\x1a\x8c\x7fP\xbe\xc1\xff\xa7d\xce\xef\xf7\xb3i\xd3&amp;\xd6\xaf_\xcf\xb2e\xcb\xd8\xb4i\x13+V\xac\xa0\xa0\xa0\x90\r\x1b\xd6\xe3\xf3\xf9(--=\xa4\xebp\xbb\xdd\xb8\xddnj\xd4\xa8A~~&gt;u\xeb\xd5\xa3v\xed\xda4n\xd4\x88\xda\xb5kS\xb7n]\x11\xdf\x83\xb0?\xf1\x8dD"l\xdb\xb6\x9du\xeb\xe2\xf7\xee\x9a5\xacY\xb3\x86\xcd\x9b7\xb3m\xebVv\xed\xdaEii)j\xbcq&gt;P\x12\xe0\xf1z\xc9\xcd\xcd-\xbb\x7f\xeb\xd5\xabO\x9d:\xb5\xcd\xfb\xb7n]jT\xaf\x8e\xc7\xe3\xf9\xdb\xf7\x8a\xf8\xa6\x06\x91\x00$\x91\xf2\x0f\rEQ\xfev\xd3m\xda\xb4\x89\xa5K\x972o\xde&lt;\xe6\xcf\x9f\xcf\x92%KX\xbdz5\xe1px\x9f?O\xb1X\xf1fd\x92\x99\x95\x8d\xc7\x9b\x81\xc7\xeb\xc5\xe9t\xe1p\x9a=@\xab\xd5\x86\xac\xc8\xa8\xaa\x86\xaaF\x89E\xa3\x84C!\x82\xc1\x00\x01\x9f\x0f\x9f\xaf\x84\xe2\xa2B\xfc&gt;\x1f\x18\xfa&gt;\x7fGff&amp;\x8d\x1a5\xa2E\x8b\x16\xb4i\xd3\x966mZ\xd3\xb8qcrrr\xf6\xf8\xba\xc4\x03\xe5\xbfz&gt;\xa9\xac|\x0f\x7f\xef\x06!\x1c\x0e\xb3r\xe5*\x16.Z\xc8\xfcy\xf3X\xb0`\x01\xcb\x97/g\xeb\xd6\xad\xff\xf8\xf3,V\x1bn\x8f\x07\xb7\xc7CVV\x0e\xde\xccl\x14E\xc1b\xb5\xa2\xc82\x16\xab\rI\x92P\xd5\x18\x9a\xaa\xa2\xaa*\xba\xae\x11\xf0\xfb(.,\xc4\xe7+!\x14\x0c\x12\x0e\x05\xff\xf1wdee\xd1\xb8qc\x9a5kF\x9b6mh\xd3\xa6\rM\x9b6\xfd[R \xe2\xbb\xe7H\xc9\xde\t\xbb\xaa\xaa\xac]\xbb\x96E\x8b\x163o\xde\x1f,X\xb0\x80\xa5K\x97\xb2q\xc3\x064}\xdf\xf7\x96\xcd\xee #3\xab\xec\xfeu\xb9=8\x9d.\xecN\'\x8a\xa2\xc4{\xf5f|UU%\x1a\t\x9b\xf7o\xc0\x8f\xdfWJiI\t%\xc5\x85\x84\x82\x81\x7f\xbc\xe6J\x95*\xd1\xa4I\x13Z\xb6&lt;\x9e6m\xda\xd0\xaa\xd5\xf14j\xd4\x08\xb7\xdb\xbd\xc7\xd7%\xa6\xff\xd29\xbe\xc9H$\x00\x15\xdc\xbf=46l\xd8\xc0\x9c9s\x981c\x06\xbf\xfc\xf2\x0b\x8b\x16-"\x16\x8b\xed\xf15\xde\xcc,j\xd5\xa9O\xedz\r\xa8Y\xa7\x1e5j\xd6\xa1r\xb5\xea\xe4\xe4U"3;\x07\xb7\xdb\x8b\xdd\xe1\xc0f\xb3a\xb5\xd9\x90$\x19I\x82Dn!I\x90x\x87\x18\x86\xf9?]\xd3\x88\xc6\xa2D#\x11"\xe1\x10~_)\xc5\x85\x05\x14\xec\xdc\xc1\xd6\xcd\x1b\xd8\xbcq\x1d\xeb\xd7\xfc\xc5\x86\xb5\xab\xd9\xb8~-\x91ph\x8fk\xca\xce\xca\xa2U\x9b6\x9cz\xca)\x9cv\xfa\xe9\xb4i\xdd\x9a\xdc\xdc\xdc=\xbeFU\xd5\xb4x\x98\xfcS\xa3\xaf\xaa*K\x96,e\xd6\xac\x99\xfc&lt;c\x06\xbf\xcd\x9d\xcb\x9a5k\xfe\xf6\xfd\x99Y\xd9\xd4\xaa[\x9f\xea5kS\xbb~#*W\xa9F\x8d\xda\xf5\xf0x\xbd\xe4U\xaa\x8a\xdb\xe3A\xb1X\xcc\x86\xc1\xe1D\x82\xb2\xe0\x96\xe5\x8f\x06\x18\x89\x7f\x01\xa2\x91(\xa1P\x80X4J4\x1aa\xe7\xf6\xad\xf8}&gt;\xb6m\xde\xc8\xb6\xcd\x1b\xd9\xb8~-\x1b\xd7\xada\xc3\xfa\xd5\xec\xd8\xba\xe5o\xd7\x94\x9b\x9bK\xabV\xad8\xe5\x94S8\xfd\xf4\xd3i\xd3\xa6\xcd\x1e\tAbH9\x9d\xe3k\x18\x06+V\xac\xe0\x97_f3c\xc6\xcf\xfc\xfa\xeb\xaf,_\xbe\xfco\xdf\x9fW\xa9\n\xb5\xeb\xd6\xa7v\xfd\x86\xd4\xac]\x97j5\xebP\xa9rU\xb2s\xf3\xc9\xcc\xca\xc6\xe9vc\xb3\xd9\xb1\xd9\xedX-V$Y\xda\x1dW\xc9\xec\xe5\xef}\xffj\xaaJ4\x1a!\x1a\x89\x10\x0e\x05)-)\xa6\xb8\xb0\x80];\xb7\xb1e\xe3z6o\\\xcf\xba\xd5+\xd9\xb0n\r\x9b7\xacG\xd7\xf7\x1ca\xa8V\xad\x1a\'\x9cp\x02\xa7\x9ev\x1a\xa7\x9ez*-[\xb4\xc4\xedv\xed\xf1\xb7\xa5K|\x93\x9dH\x00*\xa8D\x8f\xa9|\xa3\xafi\x1a\xf3\xe7\xcfg\xca\x94\xef\x99&lt;y\x12s~\xfd\x95Ht\xf7\xf0}Ff\x16\x8d\x9a\xb5\xe0\xb8Vmi\xd6\xa2\x15u\x1a4\xa1j\xf5\x9ade\xe7\xe0p:P\x94\xf8\x03@\x03M\xd3\xd1\xe2=\xbe\xc4\xef2\xdf\nF\xb9\x06aOR\xb9\xff3\x87\xfd\xcc\x1b\\Q\x14\x14\x8b\x05E\x91\x90\xe3\xcf85\x06\xc1\x80\x9f\xa2\x82\x9dl\xda\xb0\x8e5+\x97\xb3t\xf1|\x96,\xfc\x83\x15K\xffD\x8d\xed\xbe\xee\xdc\xdc\\N;\xed4\xbat\xe9\xc2\x19g\x9cA\xe3\xc6\x8d\xcb&gt;\x97x\x98\xeck\xc4#Y\xfdS\xa3PPP\xc0\x8c\x193\x98&lt;y2\xd3\xa7O\xff[\x83\x90\x9d\x93G\xa3\xa6\xc7\xd1\xbcU\x1b\x9a4?\x9e:\r\x1aQ\xb5zM2\xb3sq\xee\x15_]7P\xd5\x18\xba\xa6c\x18zY\x8c\xe3W\xb0\xc7?({YwW\x84\xcb\x8a\x82,IH\xb2\x8c\xc5bEQdd\x19d\x05t\r\xa2\x11\x95\xd2\x92"vn\xdf\xca\xfa5\x7f\xb1r\xe9b\x96-^\xc0\x8ae\x8b\xd9\xb0v\xf5\x1e\xd7]\xa9R%N=\xf5T\xce9\xa7\x0b\x9d\xce\xe8D\xe3F\x8d\xf6x-R-\xbe@\xd9\x9cy\xf9\xf8\xfa|&gt;f\xcf\x9e\xcd\xa4I\x93\xf9\xe1\x87\xefY\xbcx\xf1\x1e\xdfS\xb9Z\r\x9a6oI\xf3\xe3\xdb\xd0\xb8yK\xea\xd4oL~\x95\xaaddfa\xb7[\x91e\xd0u\xf3\x7f\xaa\xaa\xa1i\xea\x1e\xf1\xdd\xbf\xfbwwa_\xa2\x81\x96\x15\x0b\x16\x8b\x05Y\xa6\xec=\x14\x8b\xe9\xf8}&gt;\nvlc\xc3\xba5\xfc\xb5b\tK\x17\xcdg\xd9\xe2\x05\xfc\xb5b\xe9\x1e?\xb7f\xcd\x9at\xec\xd8\x91\xce\x9d;\xd3\xb1cGj\xd7\xae]\xf6\xb9\xc4u\x89i\x82\x8aI$\x00\x15H\xf99\xc1D\xe6\xac\xeb:\xbf\xce\x99\xc3W_~\xc9\xc4\x89\x13Y\xb2dI\xd9\xd7{\xbc\x99\xb4:\xe1$N\xecp:-\xdb\xb6\xa3~\xa3f\xe4\xe5W\xc6\xee\xb4`\xe8\xe6M\x1c\x8bE\xd1b1s\x18\xd10\xca\x1a\xf0\xbd\x0by\x0e\xe6\xe6\xdc\xfd\xd61\xe2\xbd\x0b\xa3\xac\xbb!\xc9\x12\xb2l\x0e7\xdblv,\x16\xf3\xa1\x14\x0c\x84\xd9\xb6y\x13\xab\x96-f\xfe\xdc_\xf8m\xf6\x0c\x16\xcf\xff}\x8f^F\x87\x0e\x1d\xb8\xf8\xe2\x8b\xe9\xda\xb5+\xcd\x9a5+\xfb\xf8\xbe\x1e\xaa\xc9$\xd1\xd8\x95O\xea\n\x0b\x0b\xf9\xe1\x87\x1f\x99\xf0\xf5\x04~\xf8\xfe{\xb6o\xdf^\xf6\xb9\xec\xdc&lt;Z\xb5=\x89\xb6\'\x9fJ\x8b6\xed\xa8\xd7\xb0\t\xb9\xf9\x95q8\x14\xf4#\x1c\xdf\xbf-+3\x0c\xb3Q1\x0c\x90$dYBQ\xac\xf1\xe2P\x0b\x8a\x02\xaa\n%\xc5El\\\xb7\x86e\x8b\x170o\xceL\xe6\xff6\x9b5\xabV\x94\xfd,E\x96i\x1f\x8f\xef\x05\x17\\@\xd3\xa6M\xcb&gt;\x97\x8a\xf1\xf5\xf9|L\x9f&gt;\x9d\xaf\xbe\xfa\x8a\xc9\x93\'\xb3i\xd3\xa6\xb2\xcfU\xaeV\x83\xb6\xed:pB\xfb\xd3h\xde\xea\x04\xea\xd4kHVN\x0eV\xab\x84\xa6A,\xa6\x12\x8b\xc6\xcc\x86\xbe,\xbe\xd2\x1e\r9\xb0\xc7\xa8\xce\x81^\xef\xee\x7f\x9a\xf7p\xe2=$Ifbo\xb5\xda\xb0\xda\xac(\x163\xf1\xf3\xfb\xfcl\xd9\xb8\x9ee\x7f.\xe4\x8f_g\xf0\xc7\x9cY\xac\\\xba;\x91\xb1\xdb\xedt\xec\xd8\x89n\x97t\xe3\xdc.]\xa8[\xb7n\xd9\xe74M;b+\x90\x84\x83#\x12\x80\n`_\x0f\x8e\x15+V\xf0\xd9g\x9f1n\xdc8\x16.\\X\xf6\xf1\xdau\x1b\xd0\xbe\xe3Y\x9crFgZ\xb4:\x91\xca\xd5j`\xb3\xcb\xa81\x88D\xc2\xa8\xb1(\xba\xa6\xef\x91\xe9\x1f\xbb\xcc;\x91\x18$z\'\x12\x8a"c\xb5\xd9\xb1\xdbm\xc8\n\x84\x02Q6\xae[\xcd\x82\xdf\x7fe\xd6\xf4\xef\x99\xfd\xf3T\nv\xeen\x04;u\xeaD\x8f\x1e=\xe8\xda\xb5+\xd5\xabW/\xfbxb\x881\x19z\x15\x89^P\xa2a\xd3u\x9d\x9f~\xfa\x89O&gt;\x19\xc37\x13\xbfa\xeb\x96\xdd\xc3\xe8\r\x9b4\xe7\xe4\xd3\xcf\xa4C\xc7\xb3i~|[*U\xa9\x86\xcd&amp;\x11\x8bA$\x1c\x8f\xaf^1\xe2\xbb\xc7\x12\xb5\xc4\xca\x13\x8b\x15\xbb\xdd\x8e\xcd\xae`\x18PRT\xc2_+\x97\xf1\xfb\xec\x9f\x995\xed{~\xffu\x06\xd1H\x04\x00Y\x96\xe8\xd4\xe9Lz\xf4\xe8\xce\x05\x17\\@\xb5j\xd5\xca~v2\xc7\x17\xe0\x97_~a\xcc\x981L\x980\x81\xf5\xeb\xd7\x97}\xfc\xb8Vm9\xf5\xcc.\xb4?\xedL\x1a7oIN^&gt;\x8a\x02\xd1\xa8N4\x12FUU\x8c\n\x14_00\xf4x\x8c\xe3\xc5\x8a6\xbb\x03\xbb\xdd\x82$\x81\xaf4\xc8\xba\xd5+\x997g&amp;3\xa7Ma\xce\xcc\xe9\x04\xfc&gt;\x00l6\x1b\xe7t\xe9B\x8f\xee=8\xf7\xbcs\xc9\x8d\xd7\xfd$::\xc9\x12\xdfT&amp;\x12\x80ch\xef\x07G(\x14\xe6\xbb\xef\xbee\xd4\xa8QL\x9c8\xb1l\xc8\xb6V\xdd\xfa\x9cu\xeeEt:\xe7\x02\x9a\x1f\xdf\x96\xec\xdc,t\x1d\xc2\xa1\x08\xd1h\x04#&gt;j %\xc9\rU6\x04n\x18\xc8\x8a\x82\xdd\xee\xc0\xee\xb4b\xe8\xb0}\xebV\xe6\xff6\x9b\xa9\xdf}\xc5\xcf?N\xa2`\xe7\x0e\xc0,&amp;\xbc\xe4\x92K\xb9\xf6\xdak9\xe3\x8cNe?KU\xd5\n;|\xbcw\x8fg\xd3\xa6M\x8c\x1b7\x8e\x0f?\x1c\xcd\xfc\xf9\xf3\xca\xbe\xaea\x93\xe6\x9cy\xee\x85\x9c~\xf6\xf94m\xd9\x8a\xcc,/\x9aj\x16\xfe\xc5\xa2Q3\xbe\xb2\x14\xaf\xcf\xa8x\x7fgy\xbb\x93\x02\x1d\x90\xb0X,\xd8\x1dNlv\x99hXe\xdd\x9a\xbf\x98;\xeb\'\xa6M\xfa\x8a\xd9?O#\x121\x0bTsrr\xe8\xd6\xad\x1b={^K\xa7N\x1d\xcb~^2\xc5w\xfb\xf6\xed|6~&lt;\x1f|\xf0\x01s\xe7\xcc)\xfb\xba\x16mN\xa4\xf3\x05\x97pj\xa7\xce4hr\x1cn\xaf\x035\x06\xe1P\x105\x16\xc3\xc0(\x8bmE\xfc;\xf7f\xe8:z&lt;9P\x143\xbev\xbb\x82\x1a3\xd8\xbcq\x1d\xbf\xcd\xfe\x99\xa9\xdf}\xcd\xcciS\xca\x92\x81\xaaU\xabr\xf9\x15Wp\xcd\xd5W\xd3\xae]\xbb\xb2\x9fU\x91\xe3\x9b\x0eD\x02p\x0c\xec\xdd\xf0o\xd9\xb2\x85\xd1\xa3G3r\xe4HV\xac0\x87K\xbd\x99\x99\x9c\xd9\xe5B\xce\xbf\xa4;mN:\x85\x9c\xdclT\x15B\xc1\x00\xaa\x1ac\xf7&lt;|\xf2\xdf8\x899L\x90\xb0\xd9l8]N$\t\xb6n\xde\xc2\xec\x9f~\xe0\xbb\xaf\xc61\xfd\xfbo\xcd\x9e\x11\xe6\x14\xc1\r7\xdc\xc0\x15W\\Q\xb6&gt;\xbd"\xf5\x18\xf7\xbe\x96\xdf\x7f\xff\x9d\x91#G2f\xecX\x8a\n\x0b\x01\xc8\xafT\x853\xcf\xbb\x90s/\xbe\x82\xe3\xdb\x9eLf\xb6\x97X\xd4 \x14\x0c\xa2\xa9\xb1\xf80{\xc5\xf8{\x0e\x89a\xa0\x1bF&lt;\x89\x91q8\x9c8\x9cVb1\x9d\xb5\xabV\xf0\xd3\xf7\x13\x994a&lt;\x0b~\xff\xb5\xec[N9\xf5Tn\xe8\xdd\x9b\xcb/\xbf\xbc,\xbe\x15\xa9\xa1\xd8\xbb\xe1_\xb4h\x11\xef\xbd\xf7\x1e\x1f}\xf4\x11;w\xee\x04\xa0F\xad:t\xb9\xe8r\xce\xe9z)M[\xb6\xc6\xedq\x10\rk\x84\xc3A4UK\x9a\x84n\x7f\x98\xcf3\x1dI\x92\xb1\xd9\xed8\x9dvt\x1d6\xae[\xc3\x8c\x1f\'3\xe9\xabq\xfc:sZ\xd9\xd7w\xee\xdc\x99\xbe}\xfbr\xd1E\x17a\xb7\xdb\x81\x8a\x15\xdft"\x12\x80\xa3h\xef\x86\x7f\xe5\xca\x95\xbc\xf5\xf6\xdb\x8cz\xef=\n\n\n\x00h~|\x1b.\xfe\xdf5\x9c}\xfe%\xd4\xac[\x07C\x87`\xc0l\xf4\xcd\x1eBj&lt;4\xfeI\xf9\x029\x9b\xcd\x8e\xcb\xed@UuV.]\xcc\xe4\t\xe3\xf9\xea\xd3\x0f\xd9\xb4a\x1d\x00u\xeb\xd6\xa5_\xbf~\xf4\xee\xdd\x9bJ\x95*\x01\xc7\xf6A\xb2w\xc30u\xeaT\x86\x0f\x1f\xce\x17_|Q\xf65mO&gt;\x95\x8b\xae\xb8\x9a3\xcf\xbd\x90\xaa5\xaa\xa3%\x92\xbaX\x0c)\r\xaa\xa6\x13\xc9\x9e$\xedN\x06\x82\x810\x0b~\x9b\xcd7\xe3?a\xf2\xd7\xe3).2\x93\xa4\xfa\xf5\xeb\xd3\xa7O\x9f\n\x13\xdf\xf2\x9b0\x01\xfc&lt;c\x06\xaf\r\x1f\xce\xb8q\xe3\xca\xe6\xd3;\x9e}\x1e\x17\xfd\xaf\'\xa7\x9e\xd1\x99\xbcJy\xc4\xa2:\xa1`\xc0|o\xa4E|\xe3uL\x80\xdd\xe1\xc0\xe9\xb2\x13\t\xab\xfc\xb9\xe0w\xbe\xfdr,\x13\xc7\x8fa\xe7\x8em\x004o~\x1c\xfd\xfb\xf7\xa3g\xcf\x9edee\x01\x15+\x91O\x07"\x018\n\xf6\x9e\xe3_\xbe|9\xaf\xbe\xfa*\xef\x8dz\x8fP\xd0\\"w\xd6y\x17q\xc55}h\xdf\xf1,&lt;^\x17\xc1`\x84H|\xfd~\xba\xde\x10\xe5\x8b"\x9d.\x17v\x87\x85]\xdbw1m\xf27|\xfa\xe1;\xcc\x9b3\x0b\x80*U\xaa\xd0\xbf\xff\x8d\x0c\x18p#\x95+W\x06\x8e\xee\x83d\xef\xc4\xee\xfb\xef\xbfg\xe8\xd0\xa1L\x9a4\t\x00\xab\xd5\xca9\x17^\xca\xe5\xd7\xf4\xe1\xc4\x0e\xa7\xe3t\xda\x08\xf8\xc3D\xa3a$$dE\xa6\\)~\xda0\x12{\x03(\nn\xb7\x07\xc5*\xb1~\xcd:&amp;}\xf5)\xe3?z\x8f5\xab\xccU\x10U\xabV\xa3_\xbf\xbe\x0c\x180\xa0B\xc4w\xda\xb4i\x0c\x1d\xfa\x12\xdf|\xf35\x00nO\x06\x17^~%\x97^y\x1d-\xdb\x9c\x84\xc5*\x13\xf0\x07\x89E\xa3i\xd1\xe8\xff\x13\xf3\xfe5\xe3\xe4ty\xb0\xd9d\xb6l\xda\xc2\xf7\xdf|\xce\xb8\xd1\xef\xb2l\xf1\x02\x00j\xd7\xae\xcd\xc0\x81\x03\xe9\xdb\xb7o\xd9r\xd1\xc4\xca\x10\xe1\xc8\x12\t\xc0\x11V\xfe\x8d\xbcn\xdd:^z\xf9e\xde~\xeb-B\xa1\x10\x8ab\xe1\xa2+\xae\xa2{\xaf\xfe\xb4&gt;\xb1=\x92$\x11\xf0\xfb\xd1T\x15Y\x0c\x87\xedA\xd7u\x0c]\xc7j\xb3\xe1\xf6\xb8\x08\x85"\xcc\xfe\xe9\x07&gt;z\xe75~\xfa\xe1;\xc0L\x04n\xbe\xf9\x16n\xbai\xe0\x1e=\x8a#\xf5 \xd9;\xb1\x9b9s&amp;\xcf&gt;\xfb,\x13\'N\x04\xc0\xed\xf1\xd2\xad\xfb5\\\xd1\xb3\x0f\xcd\x8fo\x83\xaeC\xc0\xef\x8b?\x14E|\xcb\xd3us#\x19\xbb\xc3\x89\xcbm\xa7pW\x11?~\xf7\x15\x9f\x8c|\x83\x85\x7f\xcc\x05\xcc\xf8\xdet\xd3M\xdct\xd3MG\xa5\xa1\xd8;\xbe\xb3g\xcf\xe6\xb9\xe7\x9e\xe3\xab\xaf\xbe\x02 7\xbf\x12W\xf4\xec\xc3\xa5=\xae\xa3~\xe3F\xc4\xa2:\x81\x80_,{\xdb\x87\xc4\xfdk\xb3;p{\x1c\x94\x96\xf8\xf9\xf9\x87\xef\xf8\xf8\xdd\xd7\x983\xeb\'\x00j\xd5\xaa\xcd\xed\xb7\xdfF\xdf\xbe}\xf1x&lt;{lz&amp;\x1c\x19"\x018B\x12=WI\x92(..f\xd8\xb0a\xbc\xfc\xf2\xcb\x14\x15\x15!\xcb\n\x97^y-W\xdfp\x13\xc7\xb5i\x8b\xa6\xea\x04\xfc\xfe\xbfU\x12\x0b\x7f\xb7\xbbW\xa1\xe0\xf1z\xd14\x9d93\xa72\xea\xf5\x97\x98\xfe\xfd\xb7\x00\xd4\xabW\x8f\xfb\xee\xbb\x8f\xde\xbd{c\xb1X\x8eHo\xb1|\xc3\xb3|\xf9r\x9e~\xfai&gt;\xfc\xf0C\x00\\n\x0f\x97_}=W\xf6\xbe\x91FM\x9b\x11\x89\xa8\x04\x03\x01$@\x16\xf1\xfdW\x86a\xa0k\x1a\x16\xab\x15O\x86\x9b\xa0?\xc8\xd4I\x13x\x7f\xc40\xe6\xff6\x1b0\xa7~\xee\xb9\xe7\x1e\xfa\xf4\xe9\x83\xd5j="\xcb\xcb\xca\xc7w\xd5\xaaU&lt;\xfd\xcc3\x8cz\xef=\x00r\xf2\xf2\xb9\xaa\xf7\x00.\xbf\xfa\x06j\xd5\xadE0\x18%\x1c\n\x96\xed\x8b!\xfc\xb3D|\x15\x8b\x05\x8f\xd7C4\x12e\xc6\xd4\xc9\xbc?\xe2ef\xff&lt;\x15\x80\xa6\xcd\x9aq\xff\xfd\xf7sm\xcf\x9e\x80\x98\x168\x92D\x02p\x98\xed\xddk\xf8\xe0\xc3\x0fy\xf2\x89\'\xf8\xeb\xaf\xbf\x008\xbf\xdb\xff\xe8}\xd3]\xb4:\xb1\x1d\xb1\xa8F \xe0\x17kc\x0fR\xe2\xc1\xef\xf1f`\xe8:3\xa7M\xe6\xeda\xcf3g\xe6t\x00\xda\xb7o\xcf\xe3\x8f?N\xe7\xce\x9d\xcb\xbe\xfeP\x13\xac\xf2\xf3\xc0\xa5\xa5\xa5\xbc\xf8\xe2\x8b\xbc\xfc\xf2\xcb\xf8|&gt;\x14E\xe1\xd2+{\xd1k\xc0\xed4iq\x1c\xe1`\x8cP0\x90\xd6\xc3\xc0\x07+\x91\xe8)\x8a\x82\'\xc3K(\x18b\xca\xd7\xe3yw\xf8\x8b,[l.\x8b=\xe9\xa4\x93x\xec\xb1\xc78\xf7\xdcs\x01\xb3&gt;`_gb\x1c\x88\xf2\xf1\xf5\xf9|\x0c\x1d:\x94!C\x87\xe2+-\xc5\xe5\xf6pU\xef\x01\\u\xc3@j\xd7\xabC\xd0o\xee\x84)+\xe6\xa6X\xc2\x81I4\xec\x1e\xaf\x97X,\xc6\xf4\xc9_\xf3\xce\xab/0\xff7\xb3 \xb4S\xa7N&lt;\xfe\xf8\xe3\x9c~\xfa\xe9e_/:H\x87\x97H\x00\x0e\xa3\xf2o\xd0y\xf3\xe6\xf1\xc0\x03\x0f0e\xca\x14\x00\xda\x9d\xd2\x91\x1b\xef|\x90S\xcf8\x07M\xd3\x08\xf8E\xc3\x7f\xb8\xe8\x9a\x06\x92\x847#\x83h4\xca\xa4\xaf\xc61b\xe8\xd3e;\x96\xf5\xeau=\x8f?\xfe\x18\xb5j\xd5\xfa[!\xd7\x81(\xdf\xc0\x8c\x1f?\x9e\x87\x07\rb\xf9\xb2e\x00t\xea|&gt;7\xde\xf5\x10\'\x9c\xdc\x81H$F(\x100{-"\xbe\x87,\xd1Pddz)-)\xe5\xf3\x8fG\xf1\xce\xb0\xe7\xd9\xb6u3\x00\xd7\\\xd3\x93\'\x9ex\x9c\xbau\xeb\xeeq\x9a\xde\xc1\xfc\x9e\xc4\xfd\xfb\xf9\xe7_\xf0\xf0\xc3\x0f\xb3l\x99\xf9\x1e\xea\xd6\xbd\'}o\xbd\x97&amp;-\x8e#\x18\x88\x10\x0e\x85D\xd5\xfaa\x92\x88\xaf7\xc3K(\x18\xe4\xeb\xcf&gt;\xe1\xcd\x97\x9f)\xdbQ\xb2\xff\x8d7\xf2\xe8#\x8fP\xb5j\xd5C\xba\x7f\x85\xbf\x13\t\xc0aP\xbe\xd7\x1f\n\x85x\xe6\x99gx\xfe\xf9\xe7\x89D"T\xabQ\x9b\x81\xf7&lt;L\xb7\xee=\xb1Y\xed\x94\x96\x96\x88\x86\xff\x08)\xdfP\x14\x15\x161\xfa\xed\xe1\xbc\xfb\xea\x0b\xf8\xfd&gt;\xf2+U\xe2\xa9\xc1\x83\xe9\xdb\xb7/p`\xbd\xc5\xf2s\x91\xeb\xd7\xaf\xe7\xfe\xfb\xefg\xcc\x981\x004h\xdc\x8c\x9b\xee\x19\xc4y\xdd\xfe\x07\x80\xdfW*\x86\x82\x8f\x10MS\xb1X\xacdd\xba\xd9\xb4a\x13\xef\x0e\x7f\x91\x8f\xdf}\x9dX,F^^\x1e\x8f?\xfe8\x03\x07\x0e\x04\x0e-\xbe\x0f&lt;\xf0 \x9f|\xf21\x00\xad\xdbu\xe0\x96\xfb\x1e\xe5\xb43\xcf!\x16\x8d\x11\x08\x04D\xc3\x7f\x84$\x12\xb0\x8cL\x0f;\xb6\xef\xe0\xfd\x11\xaf0\xea\xf5\x97\x08\x87CT\xaf^\x9d\xa7\x9ez\x8a\xeb\xae\xbb\x0e8&lt;\xa3=\x82H\x00\x0eYbG+0\x8b\xc0n\xbf\xfdv\xfe\xf8\xe3\x0f\x00\xae\xees\x13\x03\xee|\x90\xaa\xd5\xabQR\xec\x13\x05-G\x89\xa6\xaaXl622\\,[\xfc\'\xaf&lt;\xf3\x08S\xbe1\x97\xe2]p\xc1\x05\xbc\xf4\xd2K4l\xd8p\xbf\xe6\x16\xcb\xf7\nG\x8d\x1a\xc5\xfd\x0f&lt;\xc0\xf6m\xdb\xb0\xdb\xed\xf4\xba\xf1\x0e\xfa\xdcz\x0f\xd9\xb99\x94\x14\x97\x02\x06\xb2,\xe2{$%\x92m\x87\xc3\x81\xcb\xe3\xe0\xb7_~\xe1\xa5\xc1\x0f\x95M\xfb\x9cs\xce9\xbc\xf4\xd2K4k\xd6l\x8f:\x9c\x7fR&gt;\xbe\xef\xbd\xf7\x1e\x0f&lt;\xf0\x00\xdb\xb7o\'3+\x9b\x81w\x0f\xe2\xca\xde7\xe2p8)-\x11\x89\xfb\xd1\xa2\xa9*V\xbb\x1d\xaf\xd7\xc9\xa2y\xf3y\xf9\xe9AL\x9fb\x16\xd6^r\xc9%\x0c\x192\x84\xbau\xeb\x8a\xda\x80\xc3@$\x00\x87 \x91\x85\xc6b1\x06\x0f\x1e\xcc\xe0\xc1\x83\xd1u\x9df-Zs\xef\xe3\xcfs\xdaYg\x9b\xcb\xbd"a\x14\x91\xad\x1eU\x89\x86\xc2\xedq\xa3(\x16\xbe\x1a\xfb!C\x07?\xc4\xb6-\x9b\xc8\xc9\xc9\xe1\xf9\xe7\x9f\xe7\x86\x1bn\x00\xfeyn1\x11\xdf\xed\xdb\xb7s\xc7\x1dw\xf0\xc9\'\x9f\x00\xd0\xf6\xe4S\xb8\xff\x89\x17i{\xf2\xc9\xf8J\xcd\xe5^"\xbeGW"\xbe\xde\x8cL4-\xc6\xc7\xef\xbe\xc1\xf0\xe7\x1f\xa7\xa4\xb8\x88\xcc\xccL\x9e~\xfa\xe9\xb2\xd1\x80}\xc5\xb7\xfc\xa8\xdd\xd6\xad[\xb9\xf3\xce;\xcbFu:w\xbd\x84\xbb\x06=C\xa3\xa6\x8d))\xf6\x8b\xb9\xe7c \x11\x1f\x8f\xc7\x8b$\xc1g\x1f\xbf\xc7\xcbO=\xcc\xae\x1d\xdb\xc9\xcf\xcf\xe7\x85\x17^(\x1b\r\x10\xf19x"\x018\x08\xe5\x87\x0c\x97-[F\xff\x1bod\xc6\xcf?\x03\xd0\xe7\x96{\x18p\xd7\xc3x32(-.\x16\xcb\xf9\x8e\xb1\xc4\x96\xc3Y9\x99l\\\xbf\x81\x17\x1f\xbf\x8fo\xc6\x9b\x0f\xfak\xae\xb9\x86\x97_~\x99\xdc\xdc\xdc=\x86\x14\xcb\xf7\x1c\xbf\xfb\xee;\x06\xdet\x13\xeb\xd6\xae\xc5nw0\xf0\xee\x87\xe8}\xd3\xddXm6|\xa5\xa5b8\xf8\x18\xd3\xe3\x1b\xecde{Y\xb1d\x19\xcf\x0c\xba\x8b\x9f\xe3\xcbB\xaf\xb8\xe2\n\x86\r\x1bF\x95*U\xfe1\xbe\x13\'N\xe4\xa6\x9bnb\xfd\xfa\xf5d\xe7\xe4r\xf7\xa3\xcfr\xf95\xbdQU\x8d`  \x86\x99\x8f\xb1\xc4\x9c\x7fVv\x06\xeb\xd6\xac\xe1\x85G\xefe\xd2\x84\xf1\x00\xf4\xea\xd5\x8b\xa1C\x87\x92\x9d\x9d-\xa6\x04\x0e\x92H\x00\x0eP\xf9\x87\xc7G\x1f}\xc4-\xb7\xdcBQQ\x11u\x1b4b\xd0\xb3\xc3\xe8xN\x17|%\x81\xb2\x1d\xcb\x84\x8aAUU\x1cN\'v\xbb\x9d\xcfF\xbf\xcbs\x8f\xdcCIq\x11\x8d\x1b7\xe6\x9dw\xde\xe1\xd4SOE\xd3\xcc\xb5\xe8\x89\x07\xc9#\x8f&lt;\xc2\x93O&gt;\t@\xb3\x96\xady\xe4\xf9\xe1\xb4;\xa5\x03%E\xa2WX\xd1\xa8\xaa\x8a\xdb\xedF\x92e\xde\x1f\xf12\xaf&lt;\xfd\x08\xa1P\x90\xbau\xeb\xf1\xf6\xdboq\xd6Yg\xedq\xc4\xb6\xae\xeb\x0c\x1a4\x88\xa7\x9f~\x1a\x80\xd3\xce\xec\xc2C\xcf\xbcB\xc3\xa6\x8d).,\x05D\xa1YE\xa2\xaa*N\x97\x0b\xab\xd5\xca\xd8\xf7\xdf\xe2\xf9G\xef\xc5\xef+\xa5i\xb3f\xbc\xfb\xce;\xb4o\xdf^L\t\x1c\x04\x91\x00\x1c\x80\xc4C_UU\xee\xb9\xe7\x1e^~\xf9e\x00.\xbc\xfc*\x1exj(\xf9\x95*S\\T,z\x85\x15\x94\x11\xdf\xd1-;7\x93e\x8b\xff\xe4\xd1\xbb\x07\xf2\xfb\xec\x19\xd8l6^|\xf1En\xb9\xe5\x16\x00\xb6n\xddJ\xdf\xbe}\xcb6\xf4\xe9\xd1\xab?\xf7&lt;\xfe\x1c\x1eO\x06\xa5%%X,\n\xe9\xb8s_Eg&amp;\xe7\x90\x95\x93\xc1\x1f\xb3\x7f\xe5\x91\xbb\x06\xb0l\xf1\x02\x14E\xe1\xe9\xa7\x9f\xe6\xde{\xef\x05\xccC\x99\xfa\xf4\xe9\xcb\xe4\xc9\x93\x90d\x99[\xef{\x8c\xfe\xb7\xdf\x1f?\xaeZ\xf4\xfa+*s4\xc0 ;\'\x93?\x17,\xe4\xd1\xbb\x072\x7f\xee/\xd8\xedv\x86\x0e\x1d\xca\xc0\x81\x03\x0fi\x15H:\x12\t\xc0~J\x0c1m\xde\xbc\x99^\xbdz\xf1\xc3\x0f?`\xb3\xd9\xb8\xe7\xf1\xe7\xe9u\xe3m\x84B!\xa2\xe1\x88\x98\x0bN\x02\xaa\xaa\xe2\xf1x\x88\xc5\xa2\x0cy\xf2A\xde\x1f\xf1\n\x00\x03\x06\x0e\xe4\x8a\xcb/\xe7\x86\x1bn`\xed\xda\xb5x32x\xe8\xe9W\xb8\xa2g/|\xa5bT\'Y\xa8\xaaJFF&amp;&gt;_\tO?x\x07\x9f\x7f2\n0\x87\x8c\xbbw\xefN\xbf~\xfd\xd8\xb8q#\xd5k\xd6\xe6\xc9\x97\xde\xa4S\x97.\x14\x17\xfaD\xc3\x91$TU\xc5\xe3\xf5\x12\r\x87y\xe1\x89\xfb\x19\xfd\xf6p\x00\xfa\xf7\xef\xcf\xb0a\xc3\xb0\xd9lb\x84n?\x89\x04`?$\x1a\xff\xb9s\xe7r\xe5\x95W\xb2f\xcd\x1aj\xd6\xae\xc73\xc3G\xd2\xa1cG\x8a\nJ\xca\x8e\xe3\x15\x92\x83\xaei\xc8\x16\x85\x8c\x0c\x0f\x9f~0\x92\x97\x9e\x1a\xc4\x8em[\xca&gt;\xdf\xa2\xf5\t&lt;\xfa\xc2k\xb4i\xd7\x8e\xc2]\xa2\x96#\xd9h\x9a\x86\xd5j\xc5\xe5v1j\xc4+\x8c\x18\xf24\x05\xbbv\x94}\xfe\x8c.]y\xf8\x99W\xa8U\xb7\x1e\xc5E\xc5\xa2\xd7\x9fd\x12\x05\x9c\xde\x0c7c\xdf\x1f\xc9\x93\xf7\xdfJ(\x18\xe0\x8c3\xce\xe0\xa3\x8f&gt;\xa2j\xd5\xaa\xa2.`?\x88\x16\xeb?$\xdeD\xe3\xc7\x8f\xe7\xec\xb3\xcff\xcd\x9a5\xb4?\xedL&gt;\xfcz\x1a\xedN\xe9HA\xa2q\x10\x8d\x7fR\x91\x15\x05]\xd3),(\xe2\x86\x9b{s\xf6\x05\xdd\xcaz\x7f\x0e\xa7\x93[\x1fx\x82S\xcfh\xc7\xf6\xad;Q,\x16\xd1\xf8\'\x19\xc5b!\x16\x8b\xe2+\xf51\xf0\xae\xdbhwJ\xc7\xb2\x18z\xbc^\xfa\xdez\x1f\x8d\x9b\xd7\xa3`\xe7.\xd1H$!EQ\xd0u\x9d\xa2\xc2bz\xf4\xea\xcd\xa8\xcf\xa7P\xabn}\xa6M\x9bF\xc7\x8e\x1dY\xb8p!\x16\x8b\x05UU\x8f\xf5\xa5Vh\xa2\xd5\xfa\x07\xe5\x97\t\r\x1f&gt;\x9c\xcb/\xbf\x1c\x9f\xcf\xc7eW]\xcf\x9bc\xbe!\xafR\x15J\x8bE\xcf!Y\x99\xab8d22\xb3\xb8g\xc0\x1d|\xfc\xee\xeb\x00\xd4\xa9\xdf\x88p(\xc4}\x03\xaf\xe3\x8b1\x13\xa8\\-_&lt;D\x92\x90\xae\xaa\xd8lv\xac6+\x03\xae\xe9\xc9w_\x8d\xc3f\xb3\xd3\xb0Is\xfc&gt;\x1f\x03{v\xe3\x9b\xf1_S\xa9j\x9e\x88o\x92\x92$\tE\xb1P\xb0\xab\x98\xd6\xed:\xf0\xe1WS9\xb1\xc3\xe9\xacZ\xb5\x8a\xb3\xce:\x9b\xef\xbf\xff^$\x01\xffA$\x00\xfbP~\x99\xdf\xa3\x8f&gt;ZV\x1cv\xf3\xbd\x8f\xf0\xeck#\xd1u\x9dH8$\xe6\xfb\x93T\xa2\x12\xdcj\xb3q\xff\xcd\xd7\xf3\xfe\x88\x97\x91e\x99\xc7\x87\x8e\xe0\xeb\x19\xbf\xd3\xe5\xa2\xcb)\xdc\xb5\x93[\xaf\xbf\x82\xf1\x1f\x8d&amp;7?\x0bM&lt;D\x92\x86\xa6i\xd8\x1d\x0eb\xb1(7_{\x19\x13&gt;\x1d\x8d\xcb\xedf\xe8\xdb\x1f\xf3\xc5\xf4\xb9t\xb9\xf02\x8a\x0b\x0b\xb8\xa5\x97\x88o*\xb0X,\x94\x16\x17\x93W\xa9\no\x8f\x9d\xc8\xf9\x97\xfc\x8f\x82\x82]\\x\xe1\x85\x8c\x1b7N$\x01\xffB$\x00{IT\x91*\x8a\xc2\x1dw\xdc\xc1\x13O&lt;\x81,\xcb&lt;\xf6\xe2\xeb\xdc\xf9\xf0\xe3\x94\x96\x94\xc4w\xff\x13\x05&amp;\xc9H\xd7\xcd\xb9aI\x82\xdbo\xb8\x92/&gt;y\x1f\xb7\xc7\xcb\xf0\xf7\xc7sU\xef\xbeh\x9a\xcc+#\xc7\xd2\xb3\xef-\xc4\xa2Q\xee\x19p-\x1f\x8cx\x83\x9c\xfc,4M&lt;D*:M\xd3p\xba\\\xf8}\xa5\xdcx\xe5E\xfc\xf4\xfd\xb7\xe4W\xae\xca;\x9f~G\x97\x8b.A\x8d\xe9\xbc\xf2\xde\xa7\xf1\xf8F\xf6\x8c\xafh$\x92\x96b\xb1\x10\x0e\x85\x90$\x99\xa1o\x7fB\xcf\xbe\xb7\x10\x89D\xe8\xde\xbd;\xef\xbe\xfb\xaeH\x02\xfe\x81(\x02,\xa7|\xcf\x7f\xc0\x80\x01\x8c\x181\x02\xbb\xc3\xc13\xaf\x8e\xe4\x92\x1eWR\xb0S\x14\x83%3\xb3\xf1\xb7\xa1\xeb\x1a\xb7\xf5\xee\xc1O\xdfO$\'7\x9fWF\x8e\xa5\xc3\x19g\x98\xc5~\xf1u\xc4\x19Y^\x86&gt;\xf9\x08\xaf\xbfh\xee\x03\xf0\xe0S/\xd1\xe7\x96\xdb),(\x11\xd5\xc5\x15\x94\xd9\xf8;)),\xe4\xc6\xab/f\xd1\xbc\xb9\xd4\xacS\x8f\xd7?\xfc\x82&amp;\xc7\xb5\xa4\xb8\xa8\x08EV@\x92\xc8\xc8\xf42\xf4\xc9A\xbc&gt;d0 \xe2\x9b*\x12\xfb\xb4ddz\x19:x\x10\xaf\xbfh\xc6\xf7\xf5\xd7_g\xc0\x80\x01\xa20p/"\x01\x88+\xdf\xf8\xf7\xeb\xd7\x8f\xb7\xdf~\x1b\x97\xdb\xc3\xd0\xb7?\xe6\x9c\x0b/\xa4`\xa7\x98\xefOf\xba\xaec\xb1Z\xc1\xd0\xb9\xf9\xba\xcb\x99\xf1\xe3$\xf2+W\xe1\xf5\xd1_\xd1\xfa\xc4v\x14\x15\x16a\xb1X\x81\xc4(\x90NvN&amp;\xaf\xbd\xf0,C\x9e|\x00\x80\x07\x06\x0f\xa5\xdfmwP\xb0\xab\x18E\x11\xef\x85\x8a\xa4\xac\xf1/*\xa4o\xf7\xae,Y\xf8\x07\xf5\x1a6a\xc4\'\x13\xa8]\xb7A|\xff\x063f{\xc6\xf7\x19\x86&lt;\xf9  \xe2\x9b*\xfe)\xbe\xc3\x87\x0f\xe7\xa6\x9bn\x12I@9"\x01`\xcf\xc6\x7f\xe0\xc0\x81\xbc\xf1\xc6\x1bx\xbc\x19\xbc\xfc\xeeX\xce&lt;\xf7\\\nv\xedn\x1c\x84\xe4\xa3\xeb:\x8aEA\x91en\xbd\xfe\x7fL\x9b\xfc\r\x95\xaaT\xe3\xcdO&amp;p\\\xab\xb6\x14\x17\xfd=\xbe\x89\xf7DN^&amp;#\x86\xbe\xc8\xf3\x8f\xde\x03\xc0\xa0\xe7^\xe5\xfa\x817S\xb8\xb3X\xd4\x80T\x10z|\xce\xdf\xef/\xa5_\xf7\xae,\x9a7\x97\x06M\x9a\xf3\xd6\x98\xaf\xa9V\xa3\x16\xbeR\xdf\xdf\x1e\xf8\xff\x14\xdfG\x9e\x1bN\xaf\x817\x89\xf8&amp;\xb9\x7f\x8a\xef[o\xbdE\xdf\xbe}E\x12\x10\x97\xf6\t@\xf9j\xff\xbb\xef\xbe\x9b!C\x86\xe0r{xe\xe4\xa7\x9cu\xdey\x14\xec,2{\x8eBR2\x0c\x03I2\x97\xf6\xdd\xd9\xe7*\xbe\xfbj\x1cy\xf9\x95yk\xcc7\xb4hs\xc2&gt;\x1b\xff\xf24M%7/\x8b\xd7^x\x8e\x17\x9f\xb8\x1f\x80g\x86\xbfG\xf7\xebz\x99\xef\r\x91\x18\x1eS\xba\xaec\xb5ZQ\xd5\x18}\xbb_\xc0\x1f\xbf\xce\xa4^\xc3&amp;\xbc3\xee[\xaaV\xafE\xc0\xe7\xfb\xd7\x86|_\xf1}v\xf8{\xfcO\xc47%\xfc=\xbe\x12\x1f\x7f\xfc\x11W^y\xa5H\x02\x10E\x80e\x8d\xff\xe0\xc1\x83\x192d\x08v\xbb\x83\x17\xdf\x1c-\x1a\xff\x14\x90(\xe8\xf4x\xbd&lt;z\xe7\x00\xbe\xfbj\x1c\x99\xd99\xbc\xf6\xe1\xe7f\xe3_\xf8\xdf\x0fxs\x99Q\t\x03\xef\xbe\x8f[\xee{\x0c\x80G\xee\xe8\xcfw_~INn\xb6(,:\x86\x0c\xc3\\\xca)\xcb\x12w\xdc\xd0\x83?~\x9dI\xcd:\xf5x\xf3\x93\tT\xabQ\x0b\xff\x7f4\xfe\xb0g|o\xbe\xf71\x00\x06\xdd\xd9\x9fI_~%\xe2\x9b\x02\xfe~\xff\x1a\xf4\xea\xd5\x8bI\x93&amp;\x89\xc2@\xd2|\x04 \x91\x01\xbe\xfd\xf6\xdb\xf4\xeb\xd7\x0fE\x96y\xf6\xb5Q\\vMO\x91\xfd\xa7\x00MS\xc9\xc9\xcd\xe2\x85\xc7\x1e\xe6\x8d\xa1O\xe1r\xbb\x19\xfe\xc1\xe7\x9c~\xd69\x14\x15\xec\x7fr\x97\x98S\xcc\xca\xce\xe4\xc9\xfb\xefd\xd4\x1b/\xe1\xf1f\xf0\xce\xa7\xdf\xd2\xe6\xa4S(-\x16\xc3\xc5G["\xb9\xf3fx\xb9g\xc0u|5\xf6C\xf2+W\xe5\xdd\xcf&amp;\xd1\xb8Y\x8b=\xe6\xfc\xf7\xefg\x99\xf1}\xe2\xbe;x\x7f\xc4\xcbx22\xcd\xf8\xb6\xeb \xe2\x9b\xe4\xf6\x15\xdf\xcc\xcc,~\xfc\xf1\x07\xda\xb6m\x9b\xd6\xdb\x06\xa7m\x02\x90h\xfc\xbf\xfd\xf6[.\xba\xe8b4M\xe5\xa1\xa7_\xa6\xcf\xad\xb7\xb1k\x87h\xfc\x93\x9d\xaa\xaa\xe4\xe6g\xf1\xe1\x9b#x\xf4\xee\x01\xc8\x8a\xc2\x8b#F\xd3\xadG\x0f\nv\x1c\xf8\xc8\x8ey\x9b\x18x\xbc\x19\xdc\xdd\xbf\'\x13\xc6\x8d\xa6J\xb5\x1a|8a\x1a\xd5k\xd5&amp;\x18\x08\xa6\xedC\xe4XH$w\xcf\x0ez\x80\xb7^y\x16\x8f7\x83\xb7\xc6|\xc3\x89\xa7\x9cFq\xe1\x81\x17\xec\xee\x8e\xaf\x97\xbb\xfa\xf5\xe4\xeb\xcf&gt;\xa2J\xf5\x1a\x8c\x9e0\x9dj5k\x89\xf8&amp;\xb9\xf2\xf15\xef\xdf\x8f\xa8U\xab63g\xce\xa0f\xcd\x9a\xf1\xa5\xdd\xe97 \x9e\x96\t@"\xe3[\xbcx1\x1d;v\xa4\xa8\xa8\x88\xbe\xb7\xde\xcb\x03\x83\x9f\xa3\xb0@T\x00\';UU\xc9\xca\xce\xe2\xe7\x1f&amp;3\xe0\x9a\x8b\x89F"e\x15\xde\xbb\x0e\xa2\xf1O0t\x1dYQP,\n\xfd{\\\xc8/?\xfd@\xf3\xe3\xdb\xf0\xc1\x97?b\xb1\xd9\xd0T\x15IJ\xbf\x87\xc8\xd1\xa6\xaa\xe6\xbc\xee\xe8w\xdf\xe2\x91;\xfac\xb1Xx\xe9\x9d1\x9c\x7f\xe9e\x14\x1eB\xc1n\xa2\x10X\xb1\xc8\xf4\xeb~!\xb3\x7f\xfe\x91\xe3Z\x9d\xc0\xfb_\xfd\x80E\xb1\xa2i\x9aX\x02\x9c\xc4\xf6\x15\xdf\x93N:\x89\xa9S\xa7\xe2p8\xca\x8eyO\'i\xf7\xb4J\x9c\xf8UXX\xc8\x15W\xfc\x8f\xa2\xa2"\xce\xbf\xa4;\xf7&lt;\xf6,\xc5E\xa5b\x83\x9f$\xa7i\x1an\x8f\x9b5\xabVp\xdfM\xd7\x11\x8dD\xe8\xd9\xf7\x16\xfa\xdcj.\xef:\x94\x9a\x0eI\x96\xd14\r\x90\x18\xf2\xd6h\xea7j\xc6\x92\x85\xf3x\xe0\xd6&gt;8\x1cN\xd2/\x95&gt;\xfa\xb4xr7s\xda4\x9e~\xe0v\x00\xee~\xf49\xba^v\x19\x85\x878m\'\xc7\xe3+!3\xe4\xad\xd1\xd4k\xd8\x84?\x17\xfc\xce\xc3\xb7\xf6\xc5\xe9r\x92\x86}\xa5\x94\xb2w|\xeb7j\xc2\x9c9s\xe8\xdb\xb7_\xd9\xe7\xd2MZ%\x00\x89\xa5!\x92$q\xed\xb5\xd7\xb2b\xc5r\x8eo{\x12O\r{\x87P0\x84a\x90v\x19`*1\x0c\x03\x8b\xc5B$\x1c\xe6\xee\xfe=\xd9\xb5c;\x1d;\x9f\xcf\x83O\x0f\xa5\xb4\xc8wX\x92;Y\x96\x89\x84\xc3d\xe7\xe6\xf3\xd2;\x1f\x93\x95\x9d\xc3\x94\xaf\xc7\xf3\xeas\x8f\x93\x9d\x9b\x91\xf6EEG\x92\xae\xe98]N6mX\xc7}\x03\xaf#\x1c\x0eqe\xef\x01\xf4\xbd\xed\xceCN\xee\x12dY&amp;\x1c\x0e\x93\x93W\x89\xa1o\x7fLfV6\xdf}5\x8e\xd7^x\x8a\xec\x1c\x11\xdfdW&gt;\xbeC\xde\xfa\x98\xcc\xecl&gt;\xfe\xf8#\x9e\x7f\xe1\x85\xb4,\nL\xab\x04 1\xf4\xff\xc8#\x8f0q\xe2D*W\xa9\xc6\x8bo\x8e\xc6n\xb7\x13\x8b\xc5\xd2r\x0e(\x95\xe8\xba\x8e\xc7\xeb\xe6\xc9\xfboc\xf1\xfc\xdf\xa8\xdb\xa01\xcf\x0e\x1f\x89\x1aS\xd1\r\xe3\xb0%w\x8a\xa2\xe0+-\xa5\xf9\xf1\xc7\xf3\xf8\x907\x91e\x99\xd7\x87\x0cf\xf2\x84\td\xe7d\xa5\xddC\xe4\xa80\x0cd\xc5\x8c\xdf\xfd7\xf5f\xeb\xe6\x8d\x9c|\xda\x19&lt;\xf4\xf4K\x94\x16\xfb\x0f\xeb\xc8\x9d\x19\xdf\x12Z\xb4n\xcdc/\xbe\x8e$\xcb\x0c\x7f\xe1q~\xf8\xf6[\xb2\xb2\xc5\x96\xc1\xc9n\x8f\xf8\xbe\xf0\x06\xb2,\xf3\xe0\x83\x0f2u\xeaT,\x16KZ\x8d\x04\xa4M\x8b\x97X\xee7q\xe2D\x06\x0f\x1e\x8c\xd5j\xe5\xc9\x97\xdf\xa6n\x83\x06\x04\xfc\x01Q\xe0\x93\xe4TU%\'7\x93\x8f\xde}\x93\xcf?~\x0f\x97\xdb\xc3s\xaf\x8f"\'\xaf\x12\x91p\xf8\xb0\'w\x16\x8b\x85\xc2\x82b.\xba\xe2r\xfa\xdf\xf1\x00\xba\xa6\xf1\xc8\x9d7\xb2~\xcd\x1a\\.\'\xba\xae\x1f\xd6\xdf\x97\xee4M#3\xcb\xcb\x90\'\x1fb\xce\xcciT\xad^\x93g_\x1b\x05\x98\x1b\x01\x1d\xee\x91;\x8b\xc5JaA1\xdd\xba\xf7\xa0\xcf\xcd\xf7\xa0\xa9*\x8f\xdc\xd9\x9f\xcd\x1b\xd6\xe3p\x8a\xf8&amp;\xbb\xdd\xf1\xed\xce\r\xb7\x98\xf1\xed\xd5\xab\x17\xdb\xb7oG\x96\xe5\xb4\x89oZ\x14\x01&amp;\x86\xfd\xb7l\xd9\xc2\t\'\x9c\xc8\xb6m[\xb9\xf5\xfe\xc7\xb9\xfd\xa1G\xc4r\xbf\x14\xa0\xeb\x1a.\xb7\x9b\x15K\x17sM\xd7N\xf8}\xa5&lt;\xf6\xc2\xeb\\{\xe3\x80\x83\xaa\xf8\xdf\x7f\x06\x86\x01N\x97\x93\xbe\xdd\xbb2s\xead:t&lt;\x9bw\xc7}K(\x14\x16\xd3I\x87\x89\xa6\xaad\xe6d1e\xc2\x17\xdc|\xddeX\xacVF|4\x81\xd3\xcf\xeeBq\xd1\x91\xdc\xa2\xdb\x8c\xaf\xc3i\xe7\x86\xcb\xcfg\xf6\xcf?r\xfa\xd9\xe7\xf1\xd6\x98\xaf\t\xf8\x03b\xc40\xe9\xc5\xe3\xeb\xb0s\xc3\x15f|/\xbc\xf0B&amp;L\x98\x906\x9b\x04\xa5\xc5;\xd8\x88\x0f\xff\xf6\xe9\xd3\x87m\xdb\xb6r\xfaY\xe72\xf0\xee\x87(.(\x15\x8d\x7f\x923\x8b:\x15\xa2\x91\x08\x83n\xef\x8f\xdfW\xca\x85\x97_\xcd5}\x07P\xb8\xab\xe4\x08o\xe4$\x95\xed$\xf9\xe4KoR\xb9ju~\xf9\xe9\x07F\xbc\xf4,Y\xd9^1\x15p\x18\x18\xba\x8e\xdd\xe9d\xf3\x86\r&lt;q\xdf-\x18\x86A\xff;\x1e\xe0\xccs\xbb\xc4wq&lt;\x92\x0fi3\xbe\x86\x0e\x83_~\x93\xbcJ\x95\xf9\xf9\x87\xefxw\xf8\x10Q\x0f\x90\x12\xe2\xf15\xcc\xf8\xe6W\xaa\xc2\xd7_\x7f\xcd\xb0a\xc3\xd2\xa6\x1e \xe5\x13\x80\xc4\xbc\xff\xb0a\xc3\x984i\x12\x95\xabT\xe3\xf1!o\xa0\xaa*)?\xf4\x91\x06tM#3\xcb\xc3\xab\xcf=\xc1\xe2\xf9\xbfQ\xa7~#\x1e~\xe6e\x82\x81\xe0Q\xe9\xa1\xc9\xb2L(\x18\xa2f\xed\xda&lt;\xfc\xec0dYf\xc4K\xcf0\xf7\x97\xd9x32\xd0\xd3h&gt;\xf1H0\x00\x9b\xcd\xc6\xe0\xfboc\xfb\xd6\xcd\xb4?\xfd,n\xba\xeb!\x8a\n}G%y\x97e\x99`0H\x9d\xfa\xf5y\xf0\xa9\x97\x91$\x89\xd7^x\x82\x05\xbf\xff\x81\xc7\xebE\xd7E|\x93Y\xf9\xf8&gt;\xf0\xd4KH\x92\xc4\x83\x0f&gt;\xc4\xd2\xa5K\xb1X,)?\x15\x90\xd2\t@b\xdd\xe7\xb2e\xcbx\xf0\xc1\x87\x90$\x89\xfb\x07\x0f\xa5V\xdd:\x84\x83!1\x84\x97\xe44M\xc3\x9b\x95\xc1\xcci\xd3x\x7f\xc4KX\xacV\x1ey\xeeUrr\xf3\x88F\xa2Gm\x08\xdeb\xb1P\\X\xcc\x05\x97\\J\xf7\xeb\xfa\x11\t\x87x\xe2\xde\x9b\x08\x87\x82\xc8\x8a\x82X\x1fxpTU%+\'\x83\xb1\xef\xbf\xcd\x0f\xdf~IvN.\x8f\xbd\xf8:z|\x17\xc0\xa3\xc5b\xb1PTX\xc2\xc5\xff\xeb\xc1%=z\x11\x0c\x04x\xe2\xde\x9bQ\xcb\n\x87E|\x93Y\xf9\xf8^ze/\x02\x01?\xfd\xfa\xf5C\xd3\xb4\xb2\x1d\'SU\xca\xb6\x80\x89\xc0\xe9\xba\xce\x80\x01\x03\x08\x04\xfc\\\xd2\xe3:.\xbc\xa2;E\x85bk\xcfd\x97X\xf2\x17\xf4\x07x\xea\xc1\xdb\x89\xc5b\xf4\xec{\x0b\x9d\xba\x9cC\xf11\xd8\xbaUV\x14JK\x83\xdc9\xe8i\xea5l\xc2\xd2E\xf3y\xf3\xe5g\xc9\xcc\xf2\xa4UU\xf1\xe1\xa2\xeb\xe6\x92\xbf\xb5\xabV\xf3\xd2S\x0f\x03p\xe7\xa0gh\xd8\xa4\xd1Q\x1b\xdd)O\x96e\x02\xfe\x10\xf7&gt;\xfe,5\xeb\xd4c\xc1\xef\xbf\xf2\xde\xeb/\x91\x99\xe5EUE|\x93]"\xbe\xf7&lt;\xf6,\xb5\xea\xd4c\xd6\xacY\xbc\xf2\xca+(\x8a\x92\xd2\xf7o\xca&amp;\x00\x89\xde\xff\x1bo\xbc\xc1O?\xfdD\xf5\x9a\xb5\xb9\xeb\xd1g\x08\x06D\xcf?\x15h\x9aFF\xa6\x9b</t>
        </is>
      </c>
    </row>
    <row r="21">
      <c r="A21" s="1" t="n">
        <v>19</v>
      </c>
      <c r="B21" t="inlineStr">
        <is>
          <t>color_grid</t>
        </is>
      </c>
      <c r="C21" t="inlineStr">
        <is>
          <t>What is the color of the missing part denoted with a question mark?</t>
        </is>
      </c>
      <c r="D21" t="inlineStr">
        <is>
          <t>['red', 'orange', 'purple', 'green']</t>
        </is>
      </c>
      <c r="E21" t="inlineStr">
        <is>
          <t>green</t>
        </is>
      </c>
      <c r="F21" t="inlineStr">
        <is>
          <t>There are circles with different colors arranged with a grid formation in the image. The colors in the first row are ['green', 'purple', '?'], the colors in the second row are ['purple', 'blue', 'purple'], and the colors in the third row are ['green', 'purple', 'green'].</t>
        </is>
      </c>
      <c r="G21" t="inlineStr">
        <is>
          <t>We observe that the circles at the corners are green, while the circles directly adjacent to the center are purple. Only the center circle is blue. Hence, the pattern is that the circles alternate in color depending on if they are at the corner or adjacent to the center.</t>
        </is>
      </c>
      <c r="H21" t="inlineStr">
        <is>
          <t>Based on the pattern that the circles alternate in color depending on if they are at the corner or adjacent to the center, the missing color of the part that is at the corner should be green.</t>
        </is>
      </c>
      <c r="I21" t="inlineStr">
        <is>
          <t>b'\x89PNG\r\n\x1a\n\x00\x00\x00\rIHDR\x00\x00\x02\x00\x00\x00\x02\x00\x08\x02\x00\x00\x00{\x1aC\xad\x00\x00|\xbeIDATx\x9c\xed\xddy|\x15\xd5\xdd?\xf0\xef9\xb3\xdc=\x0bIHB \x84@\x12\x96$,\x12PP\x90E\x14\x15\x97\xc7\x05\x14\x10\xd1\nm\xb5\xad\xfa\xf8\xf3\xb1\xadU\x1fZkA\xb4\xd4\xa7\xb8VT\\\xab"TQ\x0c\x88\xda\xca*\x12d\x87\x04\x02d#\t\xd9\x93\xbb\xcf9\xe7\xf7\xc7\x84K\x08\x01Qron\xee|\xdf}\xbd|QrIn&gt;\xf7;\xf3=s\xe6\xcc\x0c\x11B\x00B\x08!\xe3\xa1]\xfd\x06\x10B\x08u\r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xb9\xab\xdf\x80\x11\t!:\xfc{BH\x88\xdf\x891a\xfe\x08\xe9\xb0\x01\x04\x97h\x03\x00(\xa5\x81\xff\x9e\x89s\x1e\xf8/i#\x84\xef7\xd2`\xfe\x08\x9d\x039\xdbh\x08\xfdd\xfa\xee\x86sN\x08\x91$\xe9\xcc\x17p\xce\x1b\x1b\x1b\ti\r_\xff\x83\xd9l\xb6X,\x1d\xbeX\xffV\x94R\xdc\x19\x9d\x0f\xcc\x1f\xa1\xf3\x84\r\xa0\xd3\xe8;\x1d!\x84,\x9f:\xaeb\x8cUTT\x1c:th\xd7\xae]555\xdb\xbe\xdb\xa6iZeeeee%!\xa0gO\x00\x04\x80\xddn\xcf\x180@\x00\xe4\xe6\xe4\xc4\xc7\'\x8c\x1c9\xb2O\x9f&gt;}\xfb\xf6\xb5Z\xadm\xbf\x1b\x00\xe0\x9e\xa8C\xe7\x95\xff\xb6\xefN\xe5\x0fD\xc0\xa9\xe2?-\xff\x84x\xcc\x1f\x19\x016\x80N \x84`\x8c\x05\xf6;\x8c\xb1\xc2\xc2\xc2\xfc\xfc\xfc\r\x1b\xbe9x\xf0\xe0\xd1c\xc7Z\x9a[~\xc2\xb7UT\xa5W\xaf^\x03\xb3\x06^r\xc9%S\xa6L\x19:th`g\xa4i\x1a\xa5\xf4lS\x19Fs\xd6\xfc\xbf\xd9\xd0\x9a\x7fK\xf3O\xf8\xb6\x8a\xa2\xf6\xea\xd5k\xe0\xc0,\xcc\x1fE*l\x00\x17D\x1f\x12\xea\xf3\x0c\x8c\xb1\xad[\xb7\xae\\\xb5r\xcd\x9a5\x85\x85\x85~\x9f\xbf\xed+-6\xb3\xd9j\xea\x99\x1aG%b\xb6\x9aR2\x129\xe7\x04\x08\x00\x08!$E\xaa)\xafo\xa8j\xa2\x12\xad.\xad\xf5\xb4x\x9b\x1b\x9d\xed~VZZ\xdf\x89\x13\'^\x7f\xfd\r\x97_~yTT\x14\x9c\x1c\xf3\x1ay@\xdaA\xfe+W\xb5\xe6\xef\xf7\xb5}\xa5\xc5l3\x99\xac={\xa4R*\x99TkJR\x06\xe7\x0c@\xcfMHT\xaei(oh\xaa\xa6\x84\x9e\xa8+\xf3x[Z\x9c\x8d\xed~VZ\xdf\xb4\t\x13\'\xdep\xc3\xf5\x98?\x8a\x18\xd8\x00~"\xc6X`\xcb/++{\xef\xbd\xf7\xdez\xfb\xad\x9d\xdf\xef\x0c\xbc\x80\x12\x1a\xd7+\xa6OVr\x9f\xcc\xa4\xde\x99IIi\xf1\x16\x87\xd9\x1ec\xd3\xff\x91\xa4\xc8\x00m\x93\'\x9cq\xce8\x10h\xa9wy\xdd\xbe\xea\x92\xda\xb2CU\x15\x87\xaa\x8f\xed/?QR\xe7\xf5\x9e\xda\x9d\xa5\xa6\xa6\xde:\xfd\xd6\xd9\xb3f\xe7\xe6\xe6\x06\xdeL\x87\x93\xdd\x11\xac\x83\xfc\xdfz{\xe7\xce\xef\x03/\xa0\x94\xf4\x88\xe9\xd5;9\xabwbfJRfb|\x9a\xc5l\xb7\xdbb(\xa1\x00D\x96\x95\xd3\xe3\x07\xce\x18\xe3\x8c\x10\xd2\xe2\xaa\xf7\xf9\xdc\xd5\xb5%\x15U\x87*\xaa\x0f\x97T\xec;QW\xea\xf3y\x03\xafMMM\xbd\xf5\xd6\xe9\xb3g\xcf2r\xfe(2`\x03\xf8\xd1\xf4\x89f}\x83\xdf\xb4i\xd3\xab\xaf\xbe\xba\xe2\xa3\x15\x8d\r\xad\x03F{\x94\xb5\xcf\xc0\xe4A\xa3\xd23F\xa4%\xa5\xc5\xdbcm\x92D\x19\xe3\x9aO\xe3\\0\x8d\x81\x00q\xfaJD\xfd\x1c\x00\xd1\xcfF\x02H2\xa5\x94\xc8\xaa,\xc9\x92\x10\xc2\xdd\xec9QVwtO\xf9\xde\xcdE\xc7\xf6\x1f\xaf\xa9\xa8\xd3\xff\x95\xa2*\x13.\x9f\xf0\xcb_\xfer\xea\xd4\xa9\xaa\xaa\xea\xa3Q#\xec\x86:\xc8\x7f\xc5G\x8d\x8d\r\xfaWm\xd6\xa8&gt;\xc9\x03\xb3\xd2G\xf5\xef;&lt;1&gt;\xcda\x8b\x95\xa8\xc48\xd34\x1f\x17\x9c1\r\xf43/\xa7\x97} \x7f\x00\xa0T\xa6\x84\xca\xb2*I\xb2\x10\xc2\xedi\xae\xa9+;Z\xbew\xdf\xa1Me\xc7\x0f\xd4\xd4U\xe8\xffDQ\xd4\t\x13.7`\xfe(\x92`\x03\xf8\x11\xda\xce5\xaf_\xbf~\xe1\xa2\x85\xeb\xd6\xae\xd3\xbfD\x80\xf4\x1f\x96\x9a{Y\xd6EW\x0cIH\xe9!\xc9T\xf33\xbfO\xd3\xf7\xf8@\xf4\x9d\xcb\xf9M\x15\x08\x10z\x83\xd0W.JT1\xc9\xb2"\x0b!\x9a\xeb\x9c\xbb\xfes\xe0\xfb\xaf\x0f\x1c\xf8\xb6\xd8\xe3n\x1d\x93\xe6\xe4\xe4&lt;\xf0\xc0\x03s\xe7\xce\x85\xd3\xc7\xc5\x91\xa7}\xfe\x0b\x17\xad[\xb7V\xff\x12!\x90\x9e:4;s\xdc\xf0!\x93\x13z\xa4P*3\xe6\xf7k&gt;}\x8f\xaf\xaf\xea\x04\xfd\x7f\xe7\xf5sZ?\x04\x00\xa0TRdU\x96U!D\xb3\xb3n\xf7\x81ov\x1d\xfc\xba\xb0\xf8[\x8f\xd7\xad\xbf\xda8\xf9\xa3\xc8\x83\r\xe0|\xe9\xb3\xbd\x00PXX\xb8p\xe1\xc2e\xaf-\xd3\xe7\x10Lfu\xe4\x94\xec1\xd7\rO\xcf\xe9\xa3ZT\xaf\xdb\xa7y5!D\xeb\x12\xf2\xce\xd8\x15\x08.\x84\x10@@\x96%\x93\xd5$\x84(/\xaa\xfa\xee\x8b=\x1bVno8\xd1\xa4\xbff\xf2\xe4\xc9\x8f&lt;\xf2\xc8\xa4I\x93 Bg$\xda\xe7\xbf\xec5}\x0eMU\xcd\x17\r\xb9\xe2\xe2\x11\xd7\xf5\xeb\x9d\xa3\xaa\x16\xaf\xcf\xadi\xdeS\xf9w\xc6\x07\xa0/+\x05 \x92$\x9bMV!DyU\xd1\x8e\xbd_l\xda\xbe\xb2\xa1\xa9F\x7fM\xc4\xe7\x8f"\x126\x80\xf3\xa2i\x9a,\xcb&gt;\x9fo\xd1\xa2E\xcf&gt;\xfbL}}\x03\x00\xd8\xa3\xacc\xae\x1f&gt;\xea\xaa\xdc~\xd9\xbd\x99\xc6=.\xaf\xe0\x82\xd0`^:$\x80s\x0e\x04LfU\xb5(\xd5%u\xdb\xd6\xee\xde\xf8\xaf\x82\xca\xa3\'\xf4\xaf\xdfu\xd7]\x7f\xfc\xe3\x1f{\xf5\xea\x15aC\xd1\xd3\xf2\x7f\xe6\xd9\xfa\x86z\x00\xb0Y\xa3.\x1e~\xdd\xc8\x9c\xab\xd2zg3\xaey\xbd.!8!A\xfd\xad\x05\xe7\x1c\x80\xa8\xaa\xd9\xa4\x98\xab\xebJ\x0bv\xaf\xdb\xbc\xe3_\x95\'\x8e\xea_\x8e\xd4\xfcQ\xa4\xc2\x06\xf0\x03\xf4\xebB)\xa5\x1b7n\xfc\xf9\xcf\x7f\xbeg\xcf\x1e\x00PM\xea\xc8)C\xa6\xdcqi\xdf\xc1\xbd&lt;N\x9f\xcf\xed\x03B(\r\xdd\xd6.\x84\xe0\\(\xaalu\x98\xeb\xab\x9a\xbe|o\xcb7+\xbfk\xaci\x06\x80\xc4\xc4\xc4?\xfd\xe9O?\xfb\xd9\xcf "\x86\xa2\x1d\xe7\xaf\x9aF\x0c\x992y\xec\xec\xd4^\x83\xbd&gt;\xa7\xd7\xe7\x06B(\t\xdd\xa2L\xfd\x98@\x96U\xab\xd9Q\xdfT\xf5\xf5\x96\x7fn\xda\xfeQcs-D\\\xfe(\xb2a\x038\x97\xc0\x06\xfc\xc4\x13O&lt;\xf5\xd4S&gt;\x9f\x0f\x00\x06\xe6\xa5_\xff\x8bIYy\xfd\xbcn\xbf\xd7\xe5\xa5\x94\x92\x10\xee\xfa\xdb\x12Bp&amp;dU\xb2:,U\xc7j&gt;y\xe9\xcb-\x9f\xee\xd4\xf7\x983f\xcc\xf8\xfb\xdf\xff\x1e\x17\x17\xa7\x8f\x9d\xbb\xe4\xed]\xb8\x0e\xf3\xcfJ\xcf\xbbf\xe2\xcf\xb3\xfa\xe5y\xfdn\xaf\xd7E)%!\xdc\xf5\xb7%\x84\xe0\x82\xc9\x92j\xb58\xaaj\x8e}\xfa\xd5K\xdbv~\x16I\xf9\xa3\x88\x87\r\xe0\xac\xf4\xbd\xcf\xf1\xe3\xc7\xe7\xce\x9d\x9b\x9f\x9f\x0f\x00V\x87e\xda\xfc\t\x13g\\\x0c\x84\xb8[&lt;\x94\x90\xae\xda\xf5\xb7%\x04p\xc6U\xb3l\xb6\x9av|\xb5\xff\xfdg\xd6T\x95\xd4\x00@ff\xe6\xb2e\xcb\xc6\x8e\x1d\xdbM\xc7\xa1\x1d\xe4oq\\}\xf9\xbc\xcb/\x9e\x01\x00n\xaf\x93\x12\xd2U\xbb\xfe\xb6\x04\x08\xce\x99*\x9bM&amp;\xeb\xce\xfd_\xafX\xf3Lum\tt\xff\xfc\x91\x11`\x03\xe8\x98&gt;p\xdb\xb8q\xe3\xad\xb7\xdeZQQ\x01\x00\xfdsS\xefx\xec\x86&gt;\x99I-\x8d.! \x94\x13&gt;\xe7C\x9f\x14\xb2EY\x9cM\xee\x0f\x9eY\xb3\xf1\xe3\x02\x00PU\xf5\xb9\xe7\x9e\x9b?\x7f~\xb7\x9b\x92&gt;3\xff~}rg\xdd\xf0\x87\x94\xa4L\xa7\xabQ\x80\x08\xe5\x84\xcf\xf9\x10Bp\xc1m\x96(\x97\xbb\xe9\xc35\xcfn\xd9\xf11t\xe7\xfc\x91A`\x03\xe8\x80\xbe\xf7y\xe5\x95W\xee\xbd\xf7^\xbf\xdfO\x80L\x98&gt;\xfa\xa6\xfb\xaf\x94d\xeaq\xfa$9\xbcv=mq\xc6eE6\xd9\xd4\xaf\xdf\xdf\xfa\xd1\xdf\xd6\xb9Z\xdc\x000\x7f\xfe\xfc\x17_|\xb1\x1b\xed\x83\xda\xe7O`\xdc\xa8\xe97^\xf9\x1b\x89\xca\x1e\x9fS\xa2\xe1;\xa3\xc29\x93e\xc5\xa4\xda\xfe\xf3\xed\xfb\xab\xd6&gt;\xe7\xf6\xb4@7\xcc\x1f\x19\x076\x80\xf6\x02{\x9fy\xf3\xe6\x01\x80\xc5f\xbe\xf9\x81+\'\xce\xb8\xb8\xa5\xc1\xc5\xb9\x08\xb7\x81\xff\x99\x84\x10\x82\x8b\xa88\xfb\x81m\xc5\xcb\xfe\xb0\xe2DY\x1d\x00\xdcs\xcf=/\xbf\xfcr\xb7\xd8\x07\xb5\xcf\xdfl\xbb\xf1\xca\x07.\x1f=\xbd\xc5\xd5\xc0\x05\x0f\xb7\x81\xff\x99\xf4\xf3\xc3\x0e{\\a\xf1\xb6\xe5\x1f=v\xa2\xae\x0c\xbaU\xfe\xc8P\xb0\x01\x9c\xa6\xdd\xde\xc7\x16e\xb9o\xc9\xac\x81\xa3\xd2\x1bkZ$\x89v\xca\xa2\xfe\xd0`\x1a\xb3FY\x9a\xeb\x9c\xcf\xfdj\xf9\xb1\xfd\x15\xd0M\xf6A\xed\xf2\xb7Z\xa2~1sIf\xfa\xc8\xa6\x96Z\x89J\x9d\xb2\xa8?4\x18\xd3\xac\x16G\xb3\xb3~\xe9\x9b\xbf.\xad\xd8\x0f\xdd$\x7fd4\xd8\x00Ni\xb7\xf7\xe9;\xb0\xd7\xdd\x7f\xbe%)-\xde\xd5\xe4\x96\xe4\xeew\x12\x8f1n2+~\xaf\xf6\xce\xc2\xd5[&gt;\xfd\x1e\xc2~\x1f\xd4.\xff&gt;\xbd\x06\xce\xbd\xf9\xc9\xc4\xf84\x97\xbbI\x92\xc2w\xda\xe7l8g\xaab\xf6k\xde\x7f\xae^\xf8\xed\xce\xcf \xec\xf3G\x06\x84\r\xa0\xd5\x99{\xff\xdf,\x9dc\x8f\xb1\xbaZ&lt;\x92\x14\xee\xd3\x0eg\xc3\xb9\x90\x15I5+\xaf=\xb6b\xd3\';\xe0\xe4&gt;H\x7f\xc2IX\xed\x83\xce\xdc\xfb\xdfw\xc7\xdf\xed\xd6\x18\x97\xa7E\xa2\xdd\xaf\xfb\xea\xb8\xe0\xb2\xa4\xa8\x8ay\xf9G\x8fo\xd9\xf1\t\x84q\xfe\xc8\x98\xb0\x01\x00\x9c\\q\x18\xd8\xfb\xa4\x0e\xecu\xff\xd29V\x87\xd9\xe3\xf6u\xdf\xbd\xbfN\xbf8\xd9l3-\xfb\xc3\x8a\xcd\xabO\xf5\x80\xb0Z\x9b\xd8.\xff&gt;\xc9\x03\xef\x9b\xf3w\x8b\xd9\xe1\xf5\xb9\xbb\xef\xde_\xa7_\x9cl6\xd9\xdeX\xf1\xd8\xd6\xefWCX\xe6\x8f\x0c\x0b\x1b@\xeb\xdeg\xf3\xe6\xcdc/\x1d+\xb8\xb0:,\x8f\xbc1/\xa9o|\xb7\x1e\xfb\xb7%\xb8\xa0\x12\x95\x14i\xe1\x9d/\x1f\xddW\x0e\x00\x7f\xfd\xeb_\xef\xbf\xff\xfe0\xb9F\xe9T\xfec/\x15\x82[-\x8e\x87\xeey=1\xbeo\xb7\x1e\xfb\xb7%\x04\xa7T\x92$e\xf1+sK\xca\xf7A\x98\xe5\x8f\x8c\xcc\xe8\r@?\x18\xaf\xae\xae\xce\xcd\xcd\xad\xae\xae6Y\xd4\xdf,\x9d3`X\xaa\xab9B\xf6\xfe:}.\xc8\xeb\xf2-\xbe\xe7\xd5\x8a\xe2\x13\x00b\xed\xda\xb5W\\qE\x97\x8fC\xdb\xe5\xaf\xaa\x96\xfb\xee\xf8{\xff\xd4a.Osd\xec\xfduBpIR\xbc&gt;\xd7\x92e\xf3\x8e\x9f(\x06\x01a\x92?2\xb8\xc8\xd9\xc7\xfd4\xfa\x85\xfb\xb3g\xcf\xae\xae\xae\x06\x80[\x1e\x9c:hT\xba\xab)\xa2\xf6\xfe\x00@)\xf1\xfb4G\xacu\xee\x1fo\xb2:\xcc\x000{\xf6\xec\xaa\xaa*J\xa9\x9e@Wi\x97\xffMW=\x98\x95&gt;\xca\xe5i\x8a\xa4\xbd?\x00\x10B5\xcdg\xb7\xc6\xde\xf1_\x0b\xac\xe6(\x08\x9b\xfc\x91\xc1E\xd4n\xee\xc7\xd2\x8f\xc1\x17,X\xb0n\xdd:\x00\xb8\xfc\x96Q\x93o\xbf\xa4\xb1\xa6%\x9c/\xf5\xfa\xc9$\x89\xb64\xb9\x07\xe4\xa6\xde\xf6?\xd7\x02@UU\xd5\xec\xd9\xb3\t\xe9\xcaC\xc0v\xf9\x8f\x1bu\xcb\x84Knkj\xa9\t\xe7K\xbd~2J%\x97\xbb)=5\xf7\xd6k\x1e\x86\xf0\xc8\x1f\xa1\x08\xdc\xd3\x9d\'\xce\xb9,\xcb[\xb6ly\xf2\xc9\'\x01 mp\xca\xad\xff}us\xbd\x93J\x11\xbb6C\x96\xa5\xc6\xda\x96\xb1\xd7\x8f\xb8\xfc\x96Q\x00\xb0n\xdd\xba%K\x96H\x92\xa4?Y7\xc4\xda\xe5\xdf7e\xf0MS\x1flq\xd6S\x12Qc\xff\xb6$Inj\xa9\xbdd\xc4u\xe3F\xdd\x02]\x9d?B`\xd8s\x00\xfa\x03\xfc\x18c\xd99\xd9E\x85Ef\xab\xe9\xb7\xcb\xe7\'\xf5\x8d\xf7\xb8}\xe1\x7f\xad\xef\x85\xd0\x9f\x94"\xc9\xd2Sw\xbcXVTE)\xdd\xbbwoff\xa6\x10B\x7f\xdcJ\xc8\xdeFk\xfe\xd99EE\x85f\x93\xf5\xff\xcd{\xa3g|_\xaf\xcf\x1d\xfe\xd7\xfa^\x88\xd6\xfc%\xf9\xe9\x97\xe6\x94W\x15uU\xfe\x08\xe9\x0cZs\xfa\xe3[\x17/^\\TX\x04\x00\xd3\xe6O\xec\x93\x95\xe4vz#{\xef\x0f\x00\x84\x10\xce\xb9\xacH\xb7\xffv\x9a\xacH\x8c\xb3_\xff\xfa\xd7\xa1\x9f\x888\x95\x7fQ!\x00\\3a~\xef\xa4,\x8f\xd7\x19\xd9{\x7f8\x99\xbf$)\xd3\xaf}D\x96\x14\xc6x\x97\xe4\x8f\x90.\xc2\xb7\xb7\x0e\xe9\x0f\x17&lt;|\xf8\xf0\xa2E\x8b\x00`\xc0\xb0\xbeW\xcc\x1a\xd3R\xef\x8a\xc8\xa9\xff3QJ]\xcd\x9e\x81y\xe9\x13\xa6_\xac/G\xf9\xe0\x83\x0fB9\x11\xd1.\xff\xfe\xa9\xc3&amp;\x8c\x99\xd9\xe2\xaa\x8f\xc8\xa9\xff3QJ\xdd\x9e\xe6\xac\xf4\xbc\xf1\xa3\xa7\xeb\xcb\xb1B\x9c?B\x01\x86\xd8\xe5\xb5\xa3\x1f\x86/X\xb0\xa0\xb1\xb1Q5)\xff\xf5\xab)`\xb0\x01\x18\x95\xa8\xab\xc9=u\xeee=\xfb\xc4\x11B\x1e}\xf4Q\x9f\xcf\x17\xb2qh\xdb\xfc\x15\xc5t\xfd\x94_\x19.\x7f*9\xddMS.\xbb3!\xaeO\xe8\xf3G(\xc0p\r@_y\xfd\x9f\xff\xfc\xe7\xed\xb7\xdf\x06\x80\xe1\x13\x06\x0f\x1a\x9d\xeej\x89\xfc\xc9\x9f\xb6\x08\x01\xbf\x9fE\'8\xa6\xdcq\xa9\x10\xa2\xb0\xb0p\xf1\xe2\xc5\xa1Y\x92\xd8.\xffa\x83&amp;d\xa5\x8f\xf2x["~\xf2\xa7-\x02Dc\xfehG\xc2\xe4\xb1\xb3C\x9c?Bm\x19h\xab\xd3\xe9\x93\xb0\x8f?\xf18c\xcc\x1em\x9dz\xf78\x8f\xcb\x17\xc1+\x7f\xceF\x92\xa8\xb3\xd1=\xfa\xea\xa1i\x83S\x08!\xcf&gt;\xfbluu5\xa54\xd8\x83\xd0\xd6\xfc\x1f\x7f\x821f\xb3F_9\xee.\xaf\xcfE"w\xe5\xcf\xd9HTr\xba\x1bG\r\xbd:5ep(\xf3G\xa8-c5\x00\xfdF\x8c\x05\x05\x05_\x7f\xfd5\x00\x8c\xbezh\xda\x90\x14\xaf\xcbg\xcc\xdbr1\xc6\xadv\xd3Us\xc7\t!jkk\xdfz\xeb-BHPg\xa2\xdb\xe5?*\xf7\xea\xbe)\x83\xbd&gt;\x971\xf3\xe7\x9cYL\xf6+/\x9b\x1b\xb2\xfc\x11j\xc7X\r@\xb7\xf4\xf9\xa5 @Q\xe5\x8b\xaf\x19\xe6i\xf1\x1ap\xf8\xaf\x93$\xean\xf6\x0c\x1a\xdd?9-\x81\x10\xf2\xea\xb2W\xddn\xb7$I\xc1\x1e\x84.]\xfa&lt;\x80P\x14u\xd4\xb0\xab=^g\x04/\xfc?7J%\x97\xa79\xab\xff\xa8\xc4\x844B\xc8\xab\xaf.\x0bM\xfe\x08\x05\x18\xa8\x01\x08!\xf4\x87\x8c\x7f\xf8\xc1\x87\x000\xf2\x8a\xec\xf4\xdc&gt;^\xb7A\x87\xff:\x8dq{\x8cu\xd2\xcc1B\x88}{\xf7\xad_\xbf^\x9f\xa2\t\xc6\xcf:\x95\xff\x87\x1f\x00\xc0\x88!W\xf4\xeb\x93\xeb\xf5\xb9\x8d\x9c?\xe7\xccn\x8d\x99x\xc9L!\xc4\xbe}{\x83\x9a\x7f\xf8\x10\'q\xce\xf5?t\xf5;2.\x035\x00\xfd\xe0\xfa\xddw\xdfmii\xa1\x12\x1d{\xc3E\xcc\xcf\xc0\xc0{\x1f\x00\xa0\x94xZ&lt;#&amp;\r\xee\xd13\x9a\x10\xf2\xf2\xcb/\x03@\x90\xf6\xc8\xa7\xe5O\xa51#\xaeg\xcco\xf0\xfc\t\xa1nO\xcb\xf0\xc1\x13c\xa3{\x06;\xff\xae\xa5\xef\xee5Mc\x8c\x91\x93\xf4\x07\xe3\xe8\xcb\x9f\xf4/a3\x081\x035\x00I\x92|&gt;\xdfk\xaf\xbfF\x08I\x1b\x94\xd2?7\xd5\xe32\xd6\xe2\x9f3\x11B\xfc~\x16\x1d\xef\x181y\x88\x10b\xfd\xfa\xf5EEEAZ\x8e\xd2\x9a\xffk\xaf\x13B\xfa\xa6\x0c\xea\x97\x9a\xeb\xf1\xba\x0c\xb5\xf8\xe7L\x84\x10\xc6\xfcQ\x8e\xf8a\x83\'\x07;\xff\xae\xa2\xef\xdc\xf5\xdd\xbd,\xcb\xfa\xddO\x9b\x9b\x9b\xab\xaa\xaaJKK+++\x9b\x9b\x9b\t!\xfa\x97\xf0,H\x88\x19e\xf3\xd3\xc7\x1d;\nv\xec\xdd\xb3W\x081t\xfc@\x93U\xe1\x1c\x87\x1b@\x08a~6t\xfc@J\xa9\xcb\xe5Z\xb5j\x15\x9c\xbcIg\'j\xcd\x7fG\xc1\xde\xbd{\x84\x109Y\xe3M\x8aU\x88\xc8\xd9\xcd\xfdt\x840\xe6\xcf\x1d8.\xa8\xf9w\x15\xfd\x9a\x0f\xfd\xb1\x07\x05\x05\x05\xcf&lt;\xf3\xcc\xcd7\xdf&lt;l\xd8\xb0\x8c\x8c\x8c\x8c\x8c\x8c\x81\x03\x07\xea\x7f\xc8\xcb\xcb\x9b?\x7f\xfe\xea\xd5\xab\xf5U\xc2\xd8\x03B\xc6(\r@?\xb4\\\xf1\xd1\n!\x84=\xda:rJ\xb6\xd7\x19\xe1\xb7\xfd9O\x94\x12\xaf\xcb;`x\xdf\xf4\x9c&gt;\x84\x90\x95\xabV\xeaW\xeav\xeeOi\xcd\x7f\xc5GB\x08\xbb5\xfa\xa2\xec+&lt;&gt;\'1\xf6\xf0_G\t\xf5x]\xfd\xfb\x0e\xef\xd7\'\x87\x10\xb2r\xe5\xaa`\xe4\xdf%\xf4\xbd\x7fEE\xc5\xc2\x85\x0b\x87\x0f\x1f~\xd1E\x17=\xf4\xd0C+V\xac\xd8\xb9sgUUUss\xb3\xcb\xe5jii\xa9\xaa\xaa\xfa\xee\xbb\xef^~\xf9\xe5i\xd3\xa6\x8d\x1e=z\xed\xda\xb5\xd8\x03B&amp;\x12\xea\xec|\xe8\xf3\x0f\xab?]\r\x00\xbd3\x92\x12z\xf7\xf0\xfb\xb4\x88\x9cl\xfd\t\x18\x17&amp;\x8b\x92yQ\x9a\x10\xa2\xa0\xa0\xe0\xd0\xa1C\x9d&gt;\x0b\xd1\x9a\xff\xeaO\x01\xa0WRF\\\x8f\xde\x9af\xe8\xd3\xefm\t\xc1M\x8a%\xa3\xefE\xc1\xcb?\xf4\xf4c\xbe\xb7\xdf~;\'\'\xe7\x91G\x1e\xf9\xfe\xfb\xef\x01@Q\x14\x93\xc9\xa4\xaa\xaa&gt;\xe1C\xf5\'\xa5)\x8a\xa2(\xfa\xdfl\xdf\xbe\xfd\xca+\xaf\xc4\x9b\xa4\x86\x8c!\x1a\x80\xfe\xd8\xa9\xe2\xe2\xe2\xe2\xc3\xc5\x000pT\xba\xa4P\x8e\xa7\x9bN"\x84h&gt;\x965*]\x92\xa8\xd7\xe3\xdd\xb8q#t\xea,\xc4\xa9\xfc\x8b\x0f\x03@V\xbfQ2U\xf0t\xdf)\x84h\xcc\x97\x99\x9e\'Q\xc9\xeb\xf5tz\xfe]\xa8w\xef\xdeuuu\xaa\xaa*\x8a"I\x92\xdf\xef\xf7z\xbd&gt;\x9fO?\xe5\xab\xdf\x11\xd6\xef\xf7\xfb\xfd~\xfd\xffJ\x92$I\xd2\x03\x0f&lt;\xf0\xfe\xfb\xefc\x0f\x08\x01\xa34\x00\x00X\xb3f\x8d\xd7\xeb\x95$\x9aqQ\x1a\xf3s\x1c~\x06\x10\x02~\x8f?5+9\xb6g4\x00|\xfc\xf1\xc7\xd0\xa9kQN\xcb\x9fJ\x19i#4n\xf4\xf5?m\x11 &gt;\xbf\xa7wrVLtO\x08B\xfe]B\x92$\xce\xf9\xf8\xf1\xe3\xaf\xba\xea*\x9f\xcf\xa7\xef\xe2\x13\x13\x13o\xb9\xe5\x96g\x9ey\xe6\x93O&gt;\xf9\xe6\x9bo6o\xde\xac?\x14a\xe2\xc4\x89\xfazP}!\x10!\xe4\xbe\xfb\xee\xab\xad\xad\xc5K\xa3\x83\xcd\x10\xf7_\xd4\xb7%}`\x15\x93\x10\x9d\x9c\x96\xe0\xf7\xf8\xbb\xf9\xf6\xd5\x99\x08!\x1a\xe3\x8e\x18k\xef\xcc\xa4\x9a\xe3\xf5\x05;\n\\.\x97\xd5j\xd57\xc5N\xf9\xfep2\xff\xe8\xe8\x84\xc4\x844\xbf\xdfC\x00?\x80V\x84\x10\xfd\x82\x80\x94\xa4\xcc\xda\xfa\xe3\x05\x05;:7\xff\xae\xa2\xef\xd3\x1fx\xe0\x81\xcf?\xff|\xd2\xa4Iw\xdey\xe7\xd4\xa9S\xe3\xe2\xe2\xda\xbdl\xf2\xe4\xc9\xbf\xf9\xcdo\xde{\xef\xbd\xbb\xee\xba\xcb\xeb\xf5\xea\xd7\x8b\x9c8q\xe2\xed\xb7\xdf\xfe\xf5\xaf\x7f\xad?6\xaeK\xde\xbf\x11\x18\xe2\x08\x80R\xea\xf3\xf9\xf6\xed\xdf\x07\x00}\x07%G\xf5\xb0i\x0c\x8f\x00N#\x84 \x12\x1d0\xbc/\x00TWU\x97\x96\x96\x02t\xda=:[\xf3\xdf\xb7\x1f\x00R\x93\x079l=8g\x98\x7f[B\x08J\xa5\xfe\xa9\xc3\x01\xa0\xba\xba\xaas\xf3\xef*\xfa\xb2\xce\xcb/\xbf|\xfb\xf6\xed_|\xf1\xc5\xacY\xb3\xe2\xe2\xe2\x18c\xfa\xfcO\x80\xa6i\x9a\xa6\xcd\x981\xe3\xe9\xa7\x9f\xd6O\x80\xeb\x9d\xef\xd3O?\x05\x80\xc88\x1f\x1e\xb6"?\\}\x02\xfa\xf8\xf1\xe3%%%\x00\xd0;+\x99\xcax\\\xd9\x1e!\x84i\xbcwf\x12!\xc4\xe3\xf1\xec\xda\xb5\x0b:i\x07\xd4.\xff\x94\xa4,\x89\xca\x98\x7f{\x840\xae\xf5N\xca\xe8\xf4\xfc\xbb\x9c\xaa\xaa#F\x8c\x08L\xefH\x92\xa4\x9f\xef\r\x90e\x99R\xca\x18\x9b;wnbb\xa2&gt;\xef/\x848t\xe8\x90\xcf\xe7\xc3Y\xa0\xa0\x8a\xfc\x06\xa0W\xcf\x91#G\x9c-N\x00H\xc9Hd8\xfc?\x03!\xc0|\xfe\x9e}\xe2l\x0e\x0b\x00\xec\xdf\xbf\x1f:i\x07t*\x7fg\x0b\x00\xa4$\x0e`\xdc\xe8\x17`\x9f\x89\x00\xd1\xfc\xbe\x84\xb8&gt;6\x8b\x03:5\xffp\xa0\x0f\x02\xf4\x03\x82\x0e_@)\xa5\x94Z\xad\xd6\x01\x03\x06\xc0\xc99\xc3\xc6\xc6F\xb7\xdb\x1d\xd27j&lt;Fi\x00\xfa\x90\xcaj\xb7$\xf7K\xd0\xbc\x1a\xee\x7f\xda!\x84h~\x1e\x93\xe0\xe8\xd9\'\x0e\x00v\xef\xd9\r\x9dt\x1e\xf2\xb4\xfc-\xf6\xa4\x84~\x9a\xe6\xc5\x13\x00\xed\x10B\x18\xf7G;\x12\xe2\xe3\xfa\x00\xc0\xee\xdd{\xa0\xfb\x9f\x07\x0e8\x9fi\x1c\xbdN\xda\xfe\xca\xfa\x8d"\x82\xf8\xb6\x90\x11\x1a\x80\xae\xb2\xb2\x12\x00Lf\xc5b7s\x16!\x03\xab\xce%\x84PT\xd9\x16m\x01\x80\xaa\xaa\xaa\xce=\x03\xa9\xe7\xaf*f\x8b\xd9\xce\x04\xae\xed\xeb\x80\x10B\x96U\xab%\x1a\x82\x90\x7f\x98\x13BPJ\xfd~\x7fyyy\xe0/ccc\xadVk\x17\xbe+#\x88\xfc\x06\xa0\x8f&gt;\nv\x14\x00@\xcf\xbe\xf1Q\xb16\xa6\xe1\x19\xc8\x0ep!$\x99\xf6\xceL\x02\x80\xc2\x83\x85\r\r\r\x9d2\xfd\xda\x9a\x7f\xc1\x0e\x00\xe8\x19\xdf\xd7n\x8b\xe5\x0c/\xc1\xeb\x80\x10B\xa2r\xef\xc4L\x00(,&lt;\xd8Y\xf9w\x0b\xfaB\xe1m\xdb\xb6\x1d=zT/\x18B\xc8\xc0\x81\x03eY\xd6/(\xeb\xea7\x18\xb1"\xbf\x01\xe8Z\x0f0\x01\x08\xde\xfe\xe1\x1cH\xeb18\xe3L\xbfiWg\t\xec\xc8\xf0\xf6\x0f\xe7@\x80\xb4\xe6\xcfx\xe7\xe6\x1f\xce\x02\x97\xbc=\xf2\xc8#z\x9d\xe8\xebGo\xba\xe9&amp;\x88\xa0\x13!\xe1)\xf2\xb7F}Y\x85~hiq\x98q4q\x0eB\x08K\x94\x19\x00\\N\x97\x9e\xd8\x85o~\xa7\xe5ov`\xfe\xe7 \x84\xb0\x98\x1d\x00\xe0r9;+\xff0\xa7\xef\xfd%I\xfa\xe5/\x7f\xf9\xcd7\xdf\xe8\xf3\xfe\x8c\xb1\xac\xac\xac[n\xb9E_5\xd4\xd5\xef1\x92Ex\x03\xd0\'R].WYY\x19\x00\xa4d$\xe2M \xce\x86\x10\xc2\x99H\xc9H\x04\x80@b\x17\xb8\x03j\x97\x7f\xaf\x9e\x19x\x13\x88\xb3"\x84\x0b\x96\x92\x98\x01\x9d\x97\x7f\x98\xd3\x1f\x11J\x08\xb9\xe7\x9e{^x\xe1\x85\xc0\xbe\x9e\x10\xf2\xd2K/Y,\x16}\xf9P\xd7\xbe\xc9\xc8f\x88K\xec\x08!\x8a\xa2\x00\x80\xc0\xfb?\xff\x90@Dzb\x9d\xe2T\xfex\xff\xe7\x1f\x12\x88\xa8\x13\xf3\x0fO\xfa\x9d\x9f\xeb\xeb\xebg\xcf\x9e\xfd\xe9\xa7\x9f\xca\xb2\xac\x1f\r0\xc6^y\xe5\x95\xf1\xe3\xc7\xeb/\xe8\xea\xb7\x19\xe1\x0c\xd1\x00 \xd2GR\xc1\xd0\xb9\x89a\xfe?Vd\'\xa6\xef\xdc\xf7\xef\xdf\x7f\xf3\xcd7\xef\xdb\xb7O\x96e\xfd\x91a\x92$\xbd\xfe\xfa\xebs\xe6\xcc\xc1;@\x84\x06F\x8c\x10\n)}G\xbfe\xcb\x96i\xd3\xa6\xd5\xd4\xd4\xe8{\x7f\xc6X||\xfc[o\xbdu\xe5\x95W\xe2\xde?d\x8c\x92\xb2&gt;\x93\x18\xd9\xa3\xaaN\xd1f\xb9Ng\xce\xbd\xb6\xe6\x0f\x98\xff\x0f\x08R\xfe\xe1C\xbf\xdb\xcf\xfe\xfd\xfb\xaf\xb9\xe6\x9a\xba\xba:}\x92\x8716l\xd8\xb0\xf7\xde{/++\x0b\xf7\xfe\xa1d\x88\xa0\xf5\xa7\x92\x02\x80\xac\xe0\x94\xe2\x0f\x08D\xa4\'\xd6)N\xe5O#|^\xfb\xc2\xc9R\xeb&amp;\xd9\x89\xf9\x87\x0f\xbd\xbdy\xbd\xde\x993g\xd6\xd5\xd5\xe9c\x7fM\xd3\xa6L\x99\xf2\xfe\xfb\xefGGG\xe3\xde?\xc4"|\x15\x10\xe8\x17\xb8*Jtt4\x00\xd4\x94\xd5s\xbc\x11\xd0\xd9\x11Jj\xca\xea\x01 \x90\xd8\x85guZ\xfe\re\x0c\xef\x03zv\x84\xd0\x9a\xfa\n\xe8\xd4\xfc\xc3\x8a\xbe\xec\xe7\x9dw\xde\xd9\xb1c\x87~\xd6\x9716y\xf2\xe4\x8f?\xfe8::\x9a1\x86{\xff\x10\x8b\xf0\x06@\x08\x11B8\x1c\x8e\xac\xac,\x00\xa8\xa9h\xe0\x9a\x88\xa8M\xaa\xf3\x08!(%5\xe5\r\x00\x10\x1d\x13\x9d\x99\x99\t\x17\xbc\x03j\x97\x7fmC\x05\x13\x118\xb0\xed\x1cBPBk\x1a\xca\x01 ::\xa6S\xf2\x0f7\xfaU\xbeo\xbe\xf9&amp;!D\xaf\x8d\xd4\xd4\xd4\xf7\xdf\x7f\xdfd2\xe1\x9a\x9f.\x11\xe1\r \xc0\xe7\xf3\x01\x80\xa2Jx%\xf0\xb9)&amp;\x19\x00\xf4\x1b\xb5w\xe2\xb7m\xcd_R)^\t|N\x8al\x82 \xe4\x1f\x0e\xf4\x1b\xfe477\xef\xdd\xbb7p\xc5\xef\xc3\x0f?\x1c\x1b\x1b\xeb\xf7\xfbq\xef\xdf%"\x7fk\xd4\x17\x17\x0f\x1d:\x14\x00\xaa\xcb\xea\x9a\xeb\x9d\x12&gt;\x0f\xa0#\xfa#\x01\xca\x8b\xaa\x00 ###**\xaaS\xeeG\xd66\xff\x9a\xba\xb2\x16g=\xc5\xe7\x01t\x84\x10\xc2\xb8VQ]\x04\x9d\x9a\x7f\xf8\xd0?\xf4\xaa\xaa\xaa\xfa\xfaz\x00\xd04M\x92\xa4I\x93&amp;\xe1\xe5\xbe](\xf2\x1b\x80.9)\x19\x00\xdc\xcd\x1e\x8f\xcb\x8b\xcf\x18\xea\x10\x01`\x1ao\xaew\x02@BB\x82~\x82\xae\xb3\xbeyrr\x12\x00\xb8=\xcd^\xaf\x0b\xf3?\x1b\xc6\xb5fg=\x04!\xff\xf0\xe1v\xbb\xf5e\xa0\x84\x90\xe8\xe8\xe8\x9e={\xea\xd3A]\xfd\xbe\x0c*\xf27E\xbd\xb6rss\x01\xc0\xd9\xe2\xae.\xad\x95T)\x12\xb7\xac\x0b"\x84\x90e\xa9\xb9\xceYS^\x07\x00\xd9C\xb2\xa1\xcd]\xba.\xc4i\xf9\xbb[N\xd4\x95\xca\x92\x8a\xebA\xdb\x11BH\x92\xdc\xe2\xac\xab\xab+\x07\x80\xec\xec!\xd0I\xf9\x87\x9b\xc0\x93 9\xe7\x1e\x8f\x07\xc7\xfe]+\xf2\xcf\xb9\xeb;\xa0\xb4\xb44\x93\xd9\xe4\xf5x\xcb\x8b\xaas.\xcd\x12B\x00&gt;\x93\xa4\r!@2\xc9\'\x0e\xd45\xd5;\x01@?g\xdb)N\xe5o2{\xbd\x9e\xf2\xaaCC2/\x05!0\xfe\xb6\x04\x08Y6\xd5\xd4\x1dhr\xd6C\xa7\xe6\x1f&gt;\xf4J\x180`\xc0\x97_~\xa9\xff\x8d\xa2(6\x9b\r"\xee\\w7b\xa0\x06\x90\x9c\x9c|\xf4\xc8\xd1\xf2\xa2J\x10\xb8\x10\xa8=!\x84,\xd3\xe3\x87\xab\x99\xc6dE\x1e6l\x18t\xd2\xf3\xb8O\xcb\xff\xe8\x91\xf2\xaa\xa2\x88\x9c\xd9\xb8PB\xc8T\xae\xa8.fL\x93e\xa5\x13\xf3\x0f\x1fz%\xd8\xed\xf6\t\x13&amp;t\xf5{A\xad"\xaa\xc2:D\x08\xe1\x9c[,\x96\x81Y\x03\x01\xe0\xe8\xderW\x93G\x92(\xe0,D\x1bzG&lt;\xb4\xe3\x18\x00\xf4\xe8\xd1#==\x1d:i\\v*\xff\x81Y\x00PR\xbe\xd7\xedi\xa2T\xc2\xf8\xdb\x11\x00\xc5%\xdfCg\xe7\x1fn\x84\x10~\xbf\xdf\xeb\xf5z\xbd^}m\x18\xeaB\x91\xdf\x00\xe0\xe4\\j^^\x1e\x00\x9c(\xaf\xaf*\xad\x95M\n\x0eC\xdb\x10\x92D]\xcd\x9ec\xfb+\x00`\xf0\xe0\xc1\x0e\x87\xa3\x13\xef\xc4\xdb6\xff\x9a\xfa\xf2\x13\xb5\xa5\x8ab\xe2\xd8\x01\x02\x04P*\xb9=\xcd%\x15\xfb \x08\xf9\x87\x15\xfd\xc2@\x93\xc9d2\x99TU\xc5\xc3\xc1\xaee\x88\x06\xa0oHS\xa7N\x95d\xc9\xef\xf3\x1f\xd9]\xa6\xa8R$\x9e`\xfb\x89\x84\x00\xc5\xa4T\x1e\xad9QQ\x0f\x00WO\xbd\x9aR\xda\x89g O\xe5/\xc9~\xbf\xefH\xd9\x1eER\x01\xf0\x03h\xc5A(\x8a\xa9\xba\xe6\xa8~\x19\xf0\xd5WO\xed\xdc\xfc\xc3\x87~)\xc0\xf7\xdf\x7f\xff\xcc3\xcf&lt;\xf9\xe4\x93_~\xf9eD6\xb9n\xc4\x10\r@\x9fK\x1d:thrr2\x00\xec\xddT$\xb8 8\x02=\x89s\xa1\x98\xe4\x03\xdb\x8a\xfd^?\xa5t\xd2\xa4I\xd0\xa9\xf3\x0f\xed\xf2\xdfwh\x13\x17\x82`\xfc\x01\x82\xab\xb2\xe9@\xf16\xbf\xdf\x1b\x8c\xfc\xc3\x84~L\xb3t\xe9\xd2\x91#G&gt;\xf4\xd0C\x8f&gt;\xfa\xe8\xa4I\x93\xee\xb9\xe7\x1e\xceyDv\xbbn\xc1\x10\r@\x7f\xc8\x9c\xd5j\x9d&lt;i2\x00\x94\x1e8\xdeX\xe7\x94\x15\t\x0f?u\x04\x08g\xfcP\xc11 \x90\x99\x959d\xc8\x90\xce\xbd6\xe7T\xfe\x93\'\x01@\xd9\xf1\x03\xcd\xceZ*\xe1\xa3\xc1Z\x11\x02\x8c\xb3\xc3%;\x00HffV\xa7\xe7\x1f\x0e\xf4\xb1\x7fcc\xe3\xa3\x8f&gt;\xca\x18SUU\x96eI\x92\xfe\xf1\x8f\x7fl\xde\xbc\x99R\x1ayW&gt;w\x0b\x86h\x00\x017\xdf|3\x00\xd4V5\xec\xfc\xf7~\x93\xcd\x84\xcf\x86\x04\x00!\x84\xc9\xa2\x94\x1c&lt;~\xe0\xbbb\x100\xed\xdai\xfa\x8dY\x82\xf1\xb3\xf4\xfc\xeb\x1a\xaav\xed\xff\xb7\xd9d\xc3\x06\x00\x00B\x08U\xb1\x94\x1d?XX\xfc\x1d\x80\x986\xed\xda\xe0\xe5\xdf\x85\xf4\xcf\xfa\xc8\x91#\x8d\x8d\x8d\x84\x10\x9f\xcf\xa7i\x1a!\x84R\xbas\xe7N\x00\xbcU{\xd70J\x03\xd0g!\xc6\x8d\x1b\x97\x92\x92\x02\x00;\xd6\xef\x03\x8e\xb3\x10\x00\x00\x9c\x0b\xd5\xa2\xec\xfa\xa6\xd0\xeb\xf6I\x92t\xd3M7A\x10\xe6\x1f\xda\xe5\xff\xfd\xfe/\x85\xe0\xb8\x10\x0b\x00\x84\xe0\xaab\xd9S\xb8\xc1\xebs\x07/\xff0\xd1\xe1aM\x84\xadv\xed^\x8c\x12=!D\xd34\x87\xc31c\xc6\x0c\x00(,8ZZTi\xb2\xe0"\x04\x90(u5{\xbe\xcb\xdfM\x08\x199rd^^\x9e~\xa5~\xe7\xfe\x94v\xf9\x1f:ZP^YdR-\x98?\xa5\xd4\xe5i\xde\xbe\'?\xa8\xf9w9\xfd\xde\x9f\xfd\xfa\xf5KHH\x10B\xa8\xaa\xaa(\x8a&gt;\xfb?r\xe4H\xc06\xd0E\x0c\x14\xba^as\xe7\xceU\x14\xc5\xeb\xf6m\xfb|\xb7jQ\xb9\xb1\x1f\x13\xcf\xb9\xb0\xd8M\x07\xb7\x1d)?\\%\x84\xb8\xfb\xee\xbb\x83\xb7\xfe\xe4\xb4\xfc}\xee\xefv\xe7\xab\xaa\xc5\xe0\x8f\x89\xe7\x82\x9bM\xf6\xc2#\xdb*\xaa\x0e\x07;\xff\xae\xa5_\x0eb\xb7\xdb\x17/^\xac\xaa\xaa\xcf\xe7\xf3\xfb\xfd\x9c\xf3\x07\x1f|p\xe4\xc8\x91\xfac\xc2\xba\xfa=\x1a\x111\xd4\x10L\xaf\xb3+\xae\xb8b\xfd\xfa\xf5\xf6\x18\xeb\xef\xdf\xfaET\x0f\x9b\xa6\x19\xf7\x11%\x82\x0b\xd5\xa2\xfc\xf5\xe7\xaf\x1f\xdc~$11q\xcf\x9e=qqq\x10\xb4)\x88\xd3\xf2\xb7\xc6&lt;\xfc\xf37\x1d\xb6\x1e\x8ci\xc6\xcd_pU\xb1\xfc\xdf\x1b\xbf(&lt;\xb2=\x04\xf9w9\xfd\xfe\xa6{\xf7\xee\xcd\xcf\xcfw\xbb\xdd\x97]v\xd9\xb8q\xe3"\xec\xa6\xa7\xdd\x8b\xb1\xba\xae\xde\xed\x1ex\xe0\x01!Ds\xbds\xeb\x9a\x9d\x96(3g\x06j\x81m\xe9\xc3\xff\xc3;K\x0b\x0b\x8e\x02\xc0\xacY\xb3\xe2\xe3\xe3\x19\x0bb;&lt;-\x7fg\xfd\xb6\x9d\x9f[\xcdQ\\D\xda\t\xcf\xf3\xa4\x0f\xff\x8bKw\x16\x1d-\x80\x90\xe4\xdf\xe5\xf4\xe3\x80!C\x86&lt;\xf8\xe0\x83\xbf\xff\xfd\xefq\xef\xdf\xe5\x8c\xd5\x00(\xa5B\x88\t\x13&amp;d\r\xcc"\x84l\xfexG}e\x93b\xe0\x9b\x83\n\x80/\xdf\xdd\x0c\x00&amp;\x93\xe9\xee\xbb\xef\xd6\xd7\xea\x05\xef\xc7\x9d\xca?k !d\xeb\xf7\x9f\xd47U*\xc6\xbe9\xe8\xd7[\xde\x83P\xe5\x1f\x0e\xf49.M\xd34M\x8b\xecn\xd7-Dx\xb5\xb5\x13\xb8/\xcd\xef~\xfb;!DeI\xcd\xba\xb76Z\xa3,\x9cE\xe0\xac\xeb\xb9q\xcem\x0e\xf3\xee\r\x85\xdb\xd7\xef\x15B\xdcv\xdbm\x83\x06\r\n\xf6T\xec\xa9\xfc\x7f\xf7[!DU\xcd\xb1/7\xbem\xb5Dqn\xb8\x83\x00\xce\xb9\xd5\xec\xd8[\xb8a\xc7\xde\xf5!\xcb?LPJeY\xd6\xaf\x03\xe8\xea\xf7bt\x91_m\xedH\x92\xc4\x18\x9b9s\xe6\xf8\xf1\xe3\x01`\xc3\xaa\xed\x95GkTsd&gt;|\xe3\x1c\x08\x10Mc\xf9\xaf}C\x08\x89\x8b\x8b{\xea\xa9\xa7Bs0\xde.\xffM\x05\xab*k\x8e\xaa\xb2\xd9p\xf9\x13`L[\xbb\xe1\xf5\x10\xe7\x8fP[\x86k\x00:I\x92\x16,X IRs\xbds\xd5\xd2/\xcc6c\x9d\t`\x1a\xb7\xc7Z7\xac\xdc^\xb8\xe3\xa8\x10\xe2\xc1\x07\x1fLJJ\n\xe5\xf0\xf3T\xfe\xce\xfaO\xbex\xdel\xb6\t#\x9d\t`\\\xb3[c7m_u\xe8\xe8\x8e.\xc9\x1f!\x9d\x11\x0bN\x1f\x84\x8e\x1b7n\xd6\xecY\x00\xb0m\xed\xee\x82\xf5{\xed\xd1\x16f\x8c\x89 !\x84j\x96\xabK\xeb&gt;y\xe9+JiVV\xd6C\x0f=\x14\xe2\xbd\x7fk\xfe\xb3f\x03\xc0\xf6=k\xbf\xdf\xfb\xa5\xd5\x12m\x90\x89 !\x84*\x9bO\xd4\x95~\xfa\xf5\xcb]\x92?B\x01\x06\xad9}2\xfa/O\xfd%:&amp;Z0\xf1\xcf\xa7?s6\xb9\x15c\xdc\x1dHpa\xb2\x9a\xde\x7f\xfa\xb3\xc6\xdaf\xce\xf9s\xcf=\xa7\xdf\x957\x94\xf3\x0f\xad\xf9\xff\xe5\xa9\xe8\xe8\x18!\xd8\x07k\x9ev\xb9\x9bdc\xdc\x1dH\x08n2Y?\\\xb3\xb8\xa9\xb9\xa6\xab\xf2GHg\xd0\x06\xa0/GIJJz\xf6\x99g\x05\x88\x13\xe5u\xef.\\m\xb6\x99E\xa4_\x17\xc64\xe6\xe8a[\xff\xce\xe6\x82\xaf\xf6\x01\xc0\xdc\xb9s\xa7L\x99\xc2\x18\x0b\xf1\xe9\xb8S\xf9?\xfb\x8c\x10PSW\xfe\xfe\xa7\x8b\xcc&amp;[\xc4_\x17\xc6\x98\xe6\xb0\xf5\xf8z\xf3\xbb\xdf\xef\xfb\n\xba.\x7f\x84t\xc6\xba\x10\xac\x1dM\xd3dY\x9e&gt;}\xfa\xfb\xef\xbf\x0f\x00\xb7?2\xed\x8aYc\x1ak\x9a%92\xb7F\xc6\xb8\xcda&gt;\xba\xafb\xf1=\xafz\xdd\xbe\xf4\xf4\xf4]\xbbvY,\x16BH\x97\x0c?\xdb\xe5?\xfd\xdaG&amp;\x8d\x99\xd9\xd8\\#I\x91\xf9\xa4R\xce\x99\xc5\xec(\xa9\xd8\xb7d\xd9&lt;\xaf\xcf\xdd\xe5\xf9#d\xd0#\x00\x9d&gt;\x19\xfd\xc2\x0b/\xa4\xa7\xa7\x13BV\xfc-\xff\xc0\xb6bkTd\x9e\x0c\xe0\\(\xaa\xdc\xdc\xe0z\xed\xb1\x15&gt;\x8f_\x96\xe5w\xdey\xa7k\x1f\xc9\xdd.\xffUk\xffv\xb0x\x9b\xd5\xe2\x88\xc8\x93\x01BpYV\x9d\xae\x86\xe5\x1f=\xe1\xf3{\xc2!\x7f\x84\x0c\xdd\x00\xf4\x91W\x8f\x1e=\xdey\xe7\x1dB\x88\xcf\xed\xff\xc7\xef&gt;h\xaew\x9a\xccJ\x84\xdd#H\x08 \x04L\x16u\xf9\xff\xae\xac(\xae\x16B&lt;\xfd\xf4\xd3\xa3G\x8f\xd64\xad\x0b\xcf=\xb6\xcf\xdf\xef~\xfd\xc3\xdf7;\x1bT\xc5\xcc#k.H\x80\x00 &amp;\xd5\xf2\xd6\xaa\x05\xc7\xab\x0f\x87I\xfe\x08\x19\xbd\xf8(\xa5\x9a\xa6\x8d\x1e=\xfa\x85\x17^\x10 j\x8f7\xfc\xed\xde\xe5~\x9f&amp;+R$\xf5\x00\xc1\xb9-\xca\xfa\xdac+\xbe\xff\xf7\x01\x00\x983g\xce\xfd\xf7\xdf\xaf\xcf\xc0t\xed\x1b;-\x7f\x01\xb5\r\xc7\x97.\xbf\xcf\xaf\xf9dI\x89\xa4\xf3\x01\x82s\x9b5j\xf9G\x8f\xef:\xf0o\x08\xa7\xfc\x91\xc1\x19\xbd\x01\x00\x80,\xcb\x9a\xa6\xcd\x9b7o\xfe\xfc\xf9\x00Pr\xa0\xe2\xad\'?6Y\x14J#\xe4\x04\t\xd3xt\xbcc\xed\x9b\x1b6~\\\x00\x00yyy\xcf?\xff|\xf8\xdcs\xb8]\xfe\xa5\xc7\x0f\xbc\xfb\xc9\x9fM\x8a\x85\x10\x1a!\xf9s-\xca\x11\xff\xc5\xc6\xb76\x17|\x0c\xe1\x97?22l\x00\x00\x00\x92$i\x9a\xf6\xe2\x8b/\xdes\xcf=\x00\xf0\xed\xe7\xbb\x96\xfda\x85\xd9f\xa2\x94v\xeb\xe3\x00!\x803\x1e\x1do\xcf_\xbe\xe1\xfd\xc5k\x00 ///??\xdfj\xb5B8M=\xb7\xcb\xff\xbb]\x9f\xbf\xf1\xd1cf\x93\x8dR\xda\xad\xe7\x82\x04\x08\xceY\xb4=\xfe\x8b\ro\xaeX\xb3\x18\xc25\x7fdX\x112\xc8\xbdpB\x08}P6o\xde\xbcW^y\x05\x00\xc6L\x1b&gt;\xfb\xd1\xeb9\x17\x9aO\xa3R\xf7\xeb\x94\x82\x0b `\x8b\xb2\xac{{\xd3?\x17}&amp;@\xe8{\x9f\xd8\xd8\xd80\xbc\xec\xe8\xcc\xfc/\x1e&gt;\xed\xf6\xeb~\xcf\x05\xd74\x1f\xa5\xddo\xb0,\x04\x07 6K\xd4\xfaMo\x7f\xb8\xe6i! \x9c\xf3G\xc6\x84\r\xe0\x943\xf7A\xe99}\xee\xfd\xeb\xcc\xa8\x1e6g\x93\xbb{\xad\r\xe5\x8c\xcb\xaa\xac\x9a\x957\xfew\xe5\x86U\xdb\x01`\xd4\xa8Q\x9f\x7f\xfey8\xef}\xce\xcc?\xadw\xce/f&gt;k\xb7\xf5p\xb9\x9b\xba\xd7\xdaP\xce\x99,\xab\xaab~k\xe5\x82M\x05\xab\xa0;\xe4\x8f\x0c\x08\x1b\xc0i\xce\xdc\x07\xf5\xceH\xba\xf3\x89\x1b\xd3sS\x9bj[$\x89Bw8jg\x1a\xb3FYZ\xea]o\xfe\xe9_;\xbe\xda\x07\x00y\xa3\xf2\xf2?\xef\x06c\xcf3\xf3OI\xca\x98u\xc3\xe3\xe9\xa9\xb9M-\xb5\x12\x95\xa0;|\x00\x8ciVKT\x8b\xb3\xfe\x9d\x8f\x9f\xdc\xb9\xff+\x00\xc8\xcb\x1b\x95\x9f\x8f{\x7f\x14v\xb0\x01\xb4w\xe6&gt;\xc8\x16e\xb9\xed\x7f\xae\x1d3m\xb8\xb3\xc9\xcd\x19\x0f\xe7\xe9 !\x84\xe0\xc2\xd1\xc3vxg\xe9\x1b\xff\xbb\xb2\xac\xa8\x12\xba\xdb\xd8\xf3\xcc\xfc\xad\x96\xa8\xe9\xd7\xfc\xcf\xe8\xe1\xd7\xba\xdcM\x9c\xb3p\x9e\x0e\x12B\x08\xc1\x1d\xb6\x1e\xc5\xa5;\xdfZ\xb5\xa0\xbc\xb2\x08\xba[\xfe\xc8P\xb0\x01t@\x08\xa1?\x9ac\xc9\x92%\x0f&lt;\xf0\x00\x00\x00\x90\x893F\xdf\xfc\x9b+eUv5{\xa8\x14\x8e\x97n2\x8d\xabf\xc5dQ\xbfz\x7f\xcb\x8a%k\xddN\x0f\x00\xdcu\xd7]K\x96,q8\x1c\xddh\xef\xd3A\xfe\x04\xc6\x8f\x9a~\xe3\x95\xbf\x91e\xd5\xedi\xa6D\n\xc7\xfc\xb9\xa6*f\x93b\xf9\xf7\xb7\xef\xafZ\xfb7\xb7\xc7\t\xdd3\x7fd\x1c\xd8\x00:\x16\xd8\x07\xe5\xe7\xe7\xdfu\xd7]\x15\x15\x15\x00\x906\xa4\xf7\xf4\x87\xa6f\x8dLw5\xbb5\x1f\x93\xe4p\xd9\x9e9\xe3\x84\x12{\x8c\xb5\xba\xb4\xee\xc3\xbf~\xfe\xdd\xba=\x00\xa0\x9a\xd4\x85\x7fYx\xff\xfd\xf7\xc3\xc9\x87\xf1v\xf1\xbb\xfc1:\xcc\xbfo\xca\x90\x9b\xa7\xfewf\xfaH\x97\xbbYc&gt;\x89\x86\xcbY\x01\xce\x19!\xd4f\x8d\xae\xa9+\xfb(\x7fI\xc1\x9eu\x00\xa0\xaa\xa6\x85\x0b\xff\xd2M\xf3G\x06\x81\r\xe0\\\xf4Ku\x8e\x1f?&gt;w\xee\xdc\xfc\xfc|\x00PTe\xf2\xacK\xae\x9856&amp;\xde\x11\x0e3B\xfa*U\xab\xc3\xcc\xfcl\xe3\xc7\x05\xab_\xfa\xaa\xfeD\x13\x00dee\xbd\xfa\xea\xabc\xc7\x8e\xe5\x9cw\xdf[\xcdt\x90\xbf\xa2N\xbcd\xe6\xc41\xb3\xa2\x1d\xf1\xe10#\xa4\xafR\xb5\x9a\x1d\x8c\xf97\xef\xf8\xe4\xb3\xaf^jh:\x01\x91\x92?\x8ax\xd8\x00~@\xe0N\x8dK\x96,y\xe4\xb7\x8fx=^\x00HJK\x982{l\xdeU9\x16\xbb\xd9\xdd\xec\xe1\x8cS\x1a\xea\xf3\xc3\x9cs\x02\xc4l7\x81\x80\xbd\x9b\x8b\xf2\xdf\xd8p`[\xb1\xfe\xa5\x9f\xfd\xecg\x8b\x17/\x8e\x8e\x8e\x8e\x80kMO\xcb\xff\x91\xdfz\xbd\x1e\x00HL\xe8;y\xcc\x1d#s\xae4\x9b\xednO3\xe7\x8cR\x1a\xe2\xf3\xc3\x9csB\xc0l\xb2\x03\x88}E\x9b\xbf\xd8\xb8\xfc`\xf16\xfdK\x91\x94?\x8al\xd8\x00~X`\x10\xb7g\xcf\x9e\x87\x1f~x\xcd\x9a5\xfa\xdf\xa7g\xf7\xb9j\xeeeY#\xd3\xed\xb1Vw\x8b\x87\xf9\x19\x10BipwC\xfai^*Q\xb3\xcd\xa4\xf9\xd9\x91=\xa5_\xbd\xb7u\xdb\xda\xdd\xfaW\xb3s\xb2\x17-\\4u\xeaTh\xb3\xeb\xec\xee\xce\x96\x7fZ\x9f\xec)\x97\xce\xcd\xec7\xd2n\x8bv{\x9c\x8c\xf9\t!\x84\x04\xf7\x80L?\xcdK\xa9d6\xd94\xe6?Z\xb6\xe7\xdf[\xfe\xb9}\xcfZ\xfd\xab\xd9\xd99\x8b\x16-\x8c\xb0\xfcQ\x04\xc3\x06p\xbe\x02\xdb\xf3{\xef\xbd\xf7\xe7?\xffy\xf7\xee\xd6}n\xef\x01I\x13o\x1b=l\xc2\xe0\xe88\x07\xd3\x98\xc7\xe5\xe5\\P\xfd\xa8\xbf\xf3z\x81\xe0B\x08\x01\x04LfU1+\xee\x16O\xe1\xf6\xa3_\xbc\xbdi\xff\x96b\x01\x1c\x00\x12\x93\x12\xef\xbb\xf7\xbe\x87\x1f~XU\xd5\x88\x9cv8[\xfe)\x89\x03\xc6_&lt;c\xd8\xa0\tQ\xf68\x8dk^\xafK\x88\xc0\xaf\xdfi\t\x08\xc1\x85\xd0o\xe8fV\x14\xb3\xdb\xd3r\xe8\xe8\xf6/7\xbf}\xa0x\xab~\xa9rbb\xd2}\xf7\xdd\x1b\xc1\xf9\xa3\x88\x84\r\xe0G\xe0\x9c\x03\x00\xa5\xd4\xe7\xf3-Z\xb4h\xe9\xd2\xa5\x95\x95\x95\xfa\x97\xe2\x93c\x87O\x1a&lt;t\xdc\xc0\xfe\xc3RM\x16E\xf31\x9f\xd7\xcf4\x06B\xbf\xe9\xe5\x8f\xbe\xee_\x88\xd6\xd1&amp;\x00P\x89*&amp;Y1)\x9c\xf1\xd2\x83\xc7\xf7n*\xda\x96\xbf\xa7\xe4`\x85\xfeJ\xb3\xd9|\xfb\xed\xb7/X\xb0 %%\x05"z\xe0y\x8e\xfc\xe3b\x93\x87\r\x9a\x983p|z\xeaP\x93b\xf13\x9f\xdf\xefeL\x03\x10\xd0\x1a\xff\x8f\xcc\x1f\xc4\xa9\xfc\xa9\xa4\xc8&amp;E1q\xce\xca*\x0b\xf7\x15m\xda\xbe\'\xbf\xb4\xe2\xa0\xfeJ\xe3\xe4\x8f"\x0f6\x80\x1f-\xb0\x85WUU\xbd\xf9\xe6\x9b\xcb\xdf\\\xbe{W\xebh\x94\x00\x190,5+\xaf_\xd6\xc8\xf4\xde\x99I\xf6\x18+\x95(\xd3\x98\xe6\xd3\x98\x9fs!@\x1fF\x02\x00!\x00\xe2\xe4\x10U\x00\x108\xf9I\xe8cGI\x96dE\x92\x14\t\x00\xdc\xcd\x9e\xea\x92\xda\x03\xdb\x8e\x1c\xdaql\xff\xd6\xc3\x1e\xb7W\xffqI\xc9I\xb3f\xce\x9a3gNvv6\x00h\x9a&amp;I\xe1\xb8&gt;\xb2s\xb5\xcf\x7f\xf9\x9b\xbbw\xef\xd2\xbfD(\xa4\xf7\x19\x96\xd9odf\xbf\x91)I\x99vk\x0c\xa5\x12c\x9a\xa6\xf9\x18\xf7\xeb\xf9\xb7~\x973Sj\xf3%\x02D\x92dYR$I\x01\x00\xb7\xa7\xb9\xba\xb6\xa4\xf0\xc8w\x87\x8f\xed8X\xbc\xd5\xe3u\xeb/LJJ\x9e5k\xa6\xd1\xf2G\x91\x04\x1b\xc0O\x11\xb8X\t\x00|&gt;\xdf\xe7\x9f\x7f\xbe\xec\xb5ek\xd7\xaeu\xbbZw\r\x04H|Jl\x9f\xac\xe4\xfeC\xfb\xf4\xceH\xea\x99\x1a\x17\x1doWT\x99\xca\x12! \x04p\x8d\x9f6?!\x80H\xad\xe7\x0f\x98\xc6\x99\xc6\x9b\xeb[j\xca\xea\x8f\x1f9qxgI\xc9\xfe\xe3U%\xb5&gt;\xaf/\xf0\xf2\xb1c\xc7\xdey\xe7\x9ci\xd3\xaeKLL\x04\x00\xc6\x18\xa5\xd48\xbb\x9e\x0e\xf2_\xf6\xda\xda\xb5k\xddn\x97\xfe\x02B &gt;6%%)3=uhJbf\xcf\xb8&gt;Q\xf6xYV%I&amp;@\x04\x08\xce\xb5\xb6\x13DB\x08J%J(\x000\xae1\xae\xb58\xebk\xea\xca+O\x1c).\xddYR\xb1\xffD]\x89\xcf\xe7\r\xbc~\xec\xd8\xb1w\xce\xb9s\xdau\xd3\x8c\x99?\x8a\x18\xd8\x00~:!\x04c,\xb0\xcc\xe3\xc0\x81\x03\xabW\xaf^\xf5\xafU\xdb\xb6}\xeb\xf3\xfa\xdb\xbe\xd2\x11cO\xe8\xdd\xc3\x1ae\xee\x9d\x99$\xc9\xd4l3\xf5\xceH\xe2\x8c\x07\x0e\x00$\x85\xd6\x94\xd5\xd7U5J\x12-?T\xedltW\x97\xd46\xd44\xb7\xbb\'\xfe\x90\xec!S\xaf\x9az\xe3\x8d7\x8e\x193F\xff\x1b\xfd\x89"\xc6\\c\xdeq\xfe\xab\xfe\xb5\xed\xdbm&gt;\xbf\xb7\xed+\x1d\xf6\x98\xf8\xd8\xdeVKTJb\xa6$I&amp;\xd5\x96\x92\x94\xc19?\x19\xbf\x90$\xa5\xb6\xae\xbc\xbe\xa9\x92R\xa9\xa2\xfa\x90\xcb\xd5X]W\xda\xd8\\\xd3\xee\x19\xd1C\x86dO\x9dz\x15\xe6\x8f"\x066\x80\x0b\xa5\x8fF\t!\x81\xbd\xc0\xfe\xfd\xfb\xb7n\xdd\xfa\xc9\xeaO\n\xb6\x17TT\x94\xfb|\xfes\x7f\x87sKL\xec\x99\x93\x93{\xd5UW\x8d</t>
        </is>
      </c>
    </row>
    <row r="22">
      <c r="A22" s="1" t="n">
        <v>20</v>
      </c>
      <c r="B22" t="inlineStr">
        <is>
          <t>size_grid</t>
        </is>
      </c>
      <c r="C22" t="inlineStr">
        <is>
          <t>What is the size of the missing part denoted with a question mark?</t>
        </is>
      </c>
      <c r="D22" t="inlineStr">
        <is>
          <t>['small', 'large', 'medium']</t>
        </is>
      </c>
      <c r="E22" t="inlineStr">
        <is>
          <t>medium</t>
        </is>
      </c>
      <c r="F22" t="inlineStr">
        <is>
          <t>There are circles arranged in a grid formation with varying sizes in the image. The sizes in the first row are ['small', 'medium', 'small'], the sizes in the second row are ['medium', 'large', 'medium'], and the sizes in the third row are ['small', '?', 'small'].</t>
        </is>
      </c>
      <c r="G22" t="inlineStr">
        <is>
          <t>We observe that the circles at the corners are small size, while the circles directly adjacent to the center are medium size. Only the center circle is large size. Hence, the pattern is that the circles alternate in size depending on if they are at the corner or adjacent to the center.</t>
        </is>
      </c>
      <c r="H22" t="inlineStr">
        <is>
          <t>Based on the pattern that the circles alternate in size depending on if they are at the corner or adjacent to the center, the size of the missing part that is adjacent to the center should be medium.</t>
        </is>
      </c>
      <c r="I22" t="inlineStr">
        <is>
          <t>b'\x89PNG\r\n\x1a\n\x00\x00\x00\rIHDR\x00\x00\x02\x00\x00\x00\x02\x00\x08\x02\x00\x00\x00{\x1aC\xad\x00\x00R\xa1IDATx\x9c\xed\xddyx\x14U\xda6\xf0\xe7TUw\xa7\xb3w\x12\x08\xdb\xb0\x93DB\x80D\x82 \x88\xec\x10\xc1\xe5U\x04\x1d\x17\x08\n\xfa\xa18A\x19\x15uFq\x19\x17P\x18_A$\x08\x082\xf0\xe98\x03\x02\x03\x81D\x94\x1d"\x01\x93@$\x84%,\xd9\x80\x84\xd0Y\xbb\xab\xea|\x7f\x1c\xe9/\x83\x1bJ\x92^\xea\xfe]^^\xda\xe9$\xd5\x95S\xcf}\xea\xd4\xa9S\x8csN\x00\x00`&lt;\x92\xbb7\x00\x00\x00\xdc\x03\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R\xdc\xbd\x01\x00\xcd\x877p\xd5\x97X\x03n\xd96\x80\xe6\xc7~|$\x00\xf8\x18\xce\xb9\xae\xebD$\xcb\xf2\xaf\xbeY\xd34\xce\xb9$I\x92\x84\xf3c\xf0q\x08\x00\xf0e\xba\xaes\xce]u_\xd3\xb4s\xe7\xce\x1d?~\xbc\xb0\xb0\xf0\xf4\xe9B\xc6\x18\xe7D\xc4CCmqqq\xadZ\xb5\xea\xd8\xb1\xa3\xd5jm\xf8\xbd\x92$\xe1\x9c\x00|\x15\x02\x00|\x93\xae\xeb\xae\xf1\x9c\xd2\xd2\xd2]\xbbvm\xdc\xb813s\x7fa\xe1\xe9\xcb\x97/\xff\xe4\xb7X,\xe6\xb6m\xdb&amp;$$\x8c\x193\xb6_\xbf~111\xe2uM\xd3\xae\xe5\xd4\x01\xc0\xeb \x00\xc0\xd7\x88\x01\x1fQ\xb2\xb3\xb3\xb3\x17,\xf8`\xc3\x86\x8dEEEW\xbd\xadE\x8bp\xe2:\'bL\xaa\xac\xb4;\x1c\x8e\x86_\r\x08\xf0\x1f1b\xc4\xb4iO\x0c\x1d:T\x96e1\x82\x84A!\xf01\x08\x00\xf0)\xba\xae\x8b2\x9d\x9b\x9b\xfb\xdcs\xcf\xa5\xa7\xa7\xbb*{\x87\xf6m\xfa\xf4\x89M\xe8\x15\xdd\xa7W\x8c\xcd\x16\xdc\xb5K{\xd2u""Y))*-&gt;_\x9es\xe4DvN~\xe6\x81\xc39\xb9\xf9\xae\x1f\xd8\xabW\xaf7\xdf|3))\x89p*\x00&gt;\x07\x01\x00\xbeCUUEQ\xecv\xfb\x8b/\xbe\xb8dIjmm\x1d\x11\xf9[\xfd\xee\xbdg\xe4\xddw\r\x1f&lt;0!82\x82H&amp;RI\xd7\xa9\xdeA$\x06\xf79\x99\x14R\x14"\x99\x88kv\xfb\xbe\x03\x87\xd7\xae\xdf\xb6j\xf5\xc6\xa2\xe2\xf3\xe2\'\'%%\xcd\x9f??**J\xfc\n\xf7}D\x80\xc6\x84\x00\x00\x1f!JsVV\xd6\x94)S\xb2\xb2\xb2\x88\xc8\xeag\xb9\x7fB\xd2\x8c\xe9\x0f\xf5\xb8\xb1\x07\x11\xa7\x9a\x1a\xcd\xe1\xe4\x9c\x18c\xc4HjpiW\xcc\x0b\xe5\x9c3F\xb2,S\x80\x95$K\xe9\x993\x8bR?\xfb(\xf5\xf3\xe2\x92\x0bD\x14\x11\x11\xb1`\xc1\x82\xf1\xe3\xc77\xbc\xba\x00\xe0\xd5\x10\x00n\xd3p\xcf\xa3\x9a\\\'Q\xfd\x97.]:c\xc6\x0cq\x8dw\xf4\xf0\x9b\xe7\xbe336&gt;\x96\x9c\x0e\xad\xaa\x86\x18]\xe3|\x1eN\xc4u]\xd7u\xc5\xcf\x8f\xac\xfeeg\x8b_\xff\xdb\xa2\x05\x8b\xd6\xe8\x9c\x13QJJ\xca\xbcy\xf3\x90\x01\xd7\x0f\xed\xdf\x13 \x00\x9a\x95\xae\xeb\xae\xda\xd1\xf0\x8a\xa2\xb8n\x89\xe9\xe7\xbf\x8f\xa8\xfe\xa9\xa9\xa9S\xa7N%"\x8b\xd9\xf4\xd6k\x7fJy:\x99\x88k\xf6j&amp;\xb1\xdf\xb7K9\xe7\x9a\xa6\x89\x18H[\x9f\xfe\xc8\xd4\xbf\x9e+\xb9@DS\xa6LY\xbcx\xb1\xa6i\x98!\xfa[\xa1\xfd{\x1a\x04@3\xd14\x8d\xfe\xfbF\xa4\xca\xcaJq0\x10Qhh\xa8\xeb\xf5\x86\x93X\xe0W]U\xfd\xc3B\x83\xbe\xfc\xd7\x07\x03\x86\xdc\xacW^"\xce%\xf9z\xab\t\xe7\\\xd3t\xc5\x16R|\xba\xe8\xce\xbb\x9e\xcc&lt;x\x84\xaed\x80\xaa\xaa\xb2,#\x03\xae\x05\xda\xbfgB\x004\xb9\x86\r\xfa\xec\xd9\xb3\xe9\xe9\xe9;w\xee8y\xf2T^\xde\x11UU\x191N\xd4\xb5k\x97\xb6m\xdb\r\x180`\xd4\xa8Q7\xdcp\x03]Y\xb4\x00\xbd\xa1_&amp;\xa6\xe5|\xf2\xc9\'\x93&amp;M"\xa2\xee\xd1\x9d&gt;]9\'&gt;1N-\xafPL\x8dy\xa9Vu\xaaJP`EE\xe5\xe4\xc9/\xac\xdd\xf8\r\x11=\xf6\xd8c\x8b\x16-\xc25\xe1_\x85\xf6\xef\xc9\x10\x00M\xcb5q0##c\xc5\x8a\x15\xeb\xd7\xaf\xaf\xa8\xa8\xf8\x85\xf7[,\x96[o\xbd\xf5\x81\x07\x1ex\xf8\xe1\x87\t\xf3\x0e\x7f\x91\x98\xf1\x99\x93\x93\xd3\xbf\x7f\xbf\xea\xea\x9ap[\xf0\xb6-K\xe3\xfa\xf4T\xcb/*&amp;S\xa3\xff:M\xd5\xe4\x00k]\x9dc\xd0\xe0\x872\x0f\xe6\x11\xd1\xd2\xa5K\x93\x93\x93\xf17\xfa\x05h\xff\x1e\x0e\x01\xd0\x84D\xf3-**\xfa\xcb_\xfe\xb2l\xd92\xd7\xae\xee\xd0\xbeM\xb7n\x1dz\xc4t\xb2\x85\x85\x92\xa69\x9d\xea\xb7\xd9\xf9g\xcf\x96\xe4\x1e. \xfa\xe1=\xc3\x87\x0f\x7f\xfd\xf5\xd7o\xba\xe9&amp;\\o\xfcI\xa2_YSS3p\xe0\x80\xec\xec\x1cE\x91w\xa4}\xdcoh\x7f\xb5\xbc\\1\x9b\xa8i\x1a\xb5\xaei\x92\x9f\xa5\xa2\xb2\xaaO\xbf\t\'\x0b\x8b\xfc\xfd\xfdw\xef\xde\xdd\xb3gO\xd7\xcd\x07\xd0\x10\xda\xbf\xe7C\x004\x1518\x90\x96\x96\xf6\xc8#\x93\xcf\x9d+""\xab\x9f\xe5\x8f\x13n\xbb\xff\xbe\xdb\x12{E\x07\xb7nA$\x89\x89\xe7DD\\U\xedUY\xb9\xc76\xa7\xed\\\xb4\xf8\xf3\xe2\x92\xf3Dd6\x9b\xdf~\xfb\xed\x94\x94\x14\x1c\x03?&amp;\x8a\xcb\x93O&gt;\xb9`\xc1\x02"\x9a\xf7\xe6\xd3)\xcfOs\x96_05\xea\xc8\xcfO\xfc^U\x93C\x83\xf7}\xbdo\xd0\xa8G\x1dN5&gt;&gt;~\xef\xde\xbd\x8a\xa2\xe0\x0ft\x15\xb4\x7f\xaf\x80\x00h\x12\xa2&lt;\xb9\xaeL\x12\xd1\xe4\x87\xefz\xfaO\x0f\xc5&amp;\xf4 \xd2\xa9\xa6Vw\xa8:\xe7D\\\xdc\x8b$1&amp;\xc9\x12\xf9[I6\x97\x9e9\xbb(\xf5\xf3\xbf\xbf\xbf\xb2\xa2\xd2NW\xae7\xe2\x18hH\xf4\xb8\x8f\x1e=\x1a\x17\x17\xa7\xaa\xea\xb0\xc1\x89[\xb7.W\xab\xaa\x94f\xe9\x86\xabNU\tk1{\xd6[\xaf\xbc\x95JD\xcb\x97/\x9f8q"\x06+\x1aB\xfb\xf7\x16\x08\x80\xc6wU\xeb\x0f\xb7\x85,\xfc\xdf\x97\xc6?\xf0?\xe4\xac\xd5\xaak\x88\x98$\xfdDS\xbe2\xfd\x9c+\x163\xf9\x87de\x1e\x98\xf2\xe8KY\xd9G\xa9\xc1\xbcC\x94\x18A\x94\x83\xa4\xa4\xa4\xb4\xb44??\xf3w\xbb\xd7D\xc5E\xe9U5\xd7?\xe7\xe7Zp\xceu\xc6t&amp;\xf5\xbc\xf1\xee\xfc\x82\xd3\x91\x91\x91\xd9\xd9\xd9\xe1\xe1\xe1\x84\xf9\xecD\x84\xf6\xefU0p\xd9\xc8D3MOOw\xcdJ\xdc\xf4\xe5\xc2\xf1\x0f\xdc\xed,\xbf\xa0\xd7\xd4\xca\xb2,\xcb?=y\x9c\x11I\x92\xa4(2WU\xe7\xc5\xd2\x84&gt;\xb1\xe9[\x97&amp;\xc6\xdf@D\xa9\xa9\xa9\xb3g\xcf\x96eYU\xd5\xe6\xfe&lt;\x9eGT\xff\xbc\xbc\xbc\x8c\x8c\x0c"\x9ap\xf7\xc8\xa8\xf8\x1e\x9a\xbd\xbay\xaa?\x111\xc6\xb8\xaa\x99\x02\x03g\xcd\x98\xa4\xebzqq\xf1\xda\xb5k\x19cb\xa6\xa3\xc1\xa1\xfd{\x17\x9c\x014&amp;\xb1fdYYY||\xef\x92\x92\xd20[\xf0\xe6/?L\x1c\xd8\xc7y\xb1\xdcd\xfem\xf3R4U\x95\x03\xfc+.\xd9G\x8e~\xf4\xdb\x83y\x8c\xb1-[\xb6\x0c\x1f&gt;\x1c\xfd \xb1\x07\xa6N\x9d\x9a\x9a\x9aj\xb5\xfa\x1d\xdc\xb5*\xaaG\x14\xaf\xa9m\xce\xcb\xb0\x9c\x883r\xea\x94p\xd3\xbdyGO\xc5\xc6v?x\xf0\x10\xee\t@\xfb\xf7:8\x03hLb\xe6\xf2\xac\xe7\x9f/))U\x14y\xf1\xfb/&amp;\x0e\xec\xf7;Z?\x11\xc9\x8a\xa2U\xd7\xda"B?\xfbtnDx(\x11\x7f\xf2\xc9\'\x1d\x0e\x07c\x86\xcel\xf1t\x97\xd2\xd2\xd2u\xeb\xd61F\xe3\xee\x1c\x1a\x1d\x1f\xa7W\xd54\xf3$\x1cF\xa4;5Kp\xf03O&gt;\xc89?r$\xef\x9bo\xbe\xc1I\x00\xda\xbf\xd7A\x004\x1a\xd17\xd9\xbe}\xfb\xcaO?%\xa2\x07\xc6\'\xdd\xf3\xe08g\xf9\xf9\xdf\xd1\xfa\x05Y\x91\x9d\x15\xf6N\xdd\xa3\xe7\xbe\xfe\'\xce\xe9\xe8\xd1\xa3s\xe7\xce\x95$I\xf4\xb3\x8cIT\xd8={\xf6\x94\x95\x95qN\xf7\xdd3\x8as\x9d\xdc\xd1\xef\x96e\x89\xd7\xd5\x8c\x19}KhH\x90\xae\xeb\xeb\xd7\x7fI\xff\xbd\xbe\x8d\xd1\xa0\xfd{#\x04@#[\xb4h\x91\xa6i\x16\x8by\xd6\xccd\xddQ-_\xdf\xc0\xb4bV4\xfb\xa5\xfb\xfex{LTG\xc6\xd8\xd2\xa5Kkkk%I2l\xa1\x11c,\x1b6l`\x8c\xb5k\x1b9\xf0\x96\x04V[#In\x08\x00\xc6\x18\xafsDvj7h@\x02\x11ed|\xe5p80:\x81\xf6\xef]\x10\x00\x8dC\x0cM\x14\x17\x17\xffg\xe3F\xc6\xd8\x83\x13\x92\xa2\xe3{\\\xff\xc04#"U\xb3\x04\x07\xbd\xf0L2\x11\x1d?~\xfc\xab\xaf\xbeb\x8c\x19\xb6\x13$I\x92\xc3\xe1\xd8\xbd{7\xe7\xbc\x7f\xdf\xb8\xe0\xc8\x16\x9a\xc3\xe9\xae\x91w\x9ds\x92\x94\x11C\xfa\x12QA\xc1\xb1\x93\'O\x1a\xf6O\x83\xf6\xef\xa5\x10\x00\x8dC\x0cMl\xdd\xba\xb5\xf2\xf2e\xce\xf9\xc3\xf7\x8f\xe1\\\xbf\xf2\xbc\x91\xeb"\xc9\x12\xaf\xad\xb9s\xec\xe00[\x081\xf6\xaf\x7f}q\xfd?\xd3K\x89\xf9?EEEg\xcf\x9e!\xa2\x84^1D\xb2\x1b\xfb\x82\x8c1\xe2j\xef\x9e\xd1\x92$\xd5\xd5\xd5ggg\x93QG\x81\xd0\xfe\xbd\x14\x02\xa0q\x88N\xe8W_e\x10Q\xc7\x0emz\xf6\x8a\xa1\xda\xdaF\x19\x9a`\x8cq\x873\xb0e\xc4\xa0\x01\xf1\xc4\xf9\x9e\xdd{\xea\xea\xea\x8c\xb9\xf0\x80\xa8\xad\xa7O\x9f\xb6\xdb\xab\x88\xa8w\\\x14\x91\xe6\xc6\x897\x92\xc4\xa8\xde\x11\xd5\xb5CHp\x10\x11\xe5\xe7\x1f%\xa3\x06\x00\xda\xbf\x97\xc2~l\x1cbr\xc2\x89\x13\'\x89\xa8K\xe7?\x84\xb6\x8e\xe0N\xb5\xb1j\x93\xaesI\xb1\xc4\xc7E\x11QIi\x89\xddn7\xf2\\\x88\x93\'O\x10\x91\xc9d\x8a\x88\xb0\x91\xae\xb9w\xe2%\xd7t\xff \xff\xd0\xd0@":y\xf2$\x19\xf5^0\xb4\x7f/\x85\x00h\x04b\xf6[eeeA\xc11"\x8a\xeb\xde\x85\xb8\xdc\x88\r\x941F\xa4\xc6v\xefJD\x95\x95\x97\xf3\xf2\xf2\xe8\xca\x9ckC\x11\xbb\xb4\xa0\xa0\x80\x88l\xa1\xc1\xdd\xba\xb4\xa7z\x87\x1b\x0b.c\x8c\xabj`\x84\xad[\x97\xf6DTPp\x9c\x0c\x19\x00h\xff\xde\x0b\x01\xd0h8\xe7N\xa7\x93\x88"\xc2B\x88I\x8d\xddA\xe1\x11\xe1!D\xa4\xeb\xba\xc1\xef\x874\x9b\xcdte5Pwo\x0b\x11\x11]\xd9\x12\xb1a\x86\x85\xf6\xef\x8d\x10\x00\x8dI\x0cMjZ\x93\x14&amp;\xd7\x8f\xc5\x00\xa8\xe09\x83\x00\x9e\xb3%\xee\x85\xf6\xefu\xb0+\x1b\x8dx\x84,\x119\x9d*5AEp:\x7f\xe8\xf8\x18\xfcvS\xd1\x01\x94$fR\x94\xa6\xd8\xcf\xbf\x99$\x99\x14\x85\xael\x98a\xa1\xfd{#\x04@#\x10\x97\xa4\x82\x83\x83;w\xeeBD\x07s\x8e\x12\xd3\x1a\xf1\xee$\xce9\x91r(\xfb(\x11\x05\x07\x07u\xeb\xd6\x8d\x0c9\xd6,\x84\x87G\x10QUU\xcd\x99s\xa5d6\xb9\xb1\xf7\xcd9g\xb2\\{\xc9~\xb6\xa8\x8c\x88\xc4\x82\xa0\x06\x84\xf6\xef\xbd\x10\x00\x8dC\xd7uEQ\xda\xb7oOD\x85\xa7K\xea*\xabX\xe3-N\xc9\x18\x11\xd7\xf2\x8f\x9f&amp;\xa20[XDD\x04\x19\xf2\x00\x10\x1f\xb9G\x8f\x1eDT]S[\\r\x9e\x14\xc5\xbd\xe7\x00L\x96\xea.W\x15\x15_ \xa2\x1e=b\xc9\xa8\x17\'\xd1\xfe\xbd\x14\x02\xa0q\x88~\xe8\xc0\x81\x03\x89\xe8\xc8\xf7\'\xf2r\xf2\xc9j\xd5\x1a\xa3\x16p\xce%\x93RWqi\xcbW\xfb\x18c\xf1\t\xf1\xfe\xfe\xfe\x9a\xe6\xce\xf9\xef\xee"&gt;r\xabV\x91V\xab\x1f\x11\x1d=VH\xd4\x98\xb3M~+\xce9YL\xa7\xce\x14WUW\x13Q\xbbv\x7fp\xd7\x96\xb8\x1d\xda\xbf\x97B\x004\x0eqaj\xf4\xe8\xd1f\xb3Y\xd7\xf5\xf5\x9b\xb63\xd9Lz#\xd4&amp;]\xe7\xcc\xea\xbfw\xcf\xa1\xe2\x92\xf3\x9c\xf3\xdbo\xbf\x83\x8cz\xd5Q\x1c\xf3\x9d:u\x8e\x8c\x8c$\xa2\x03\x87\xbe\'\xe2n\xac\x03\xba\xceI2\xe7\xe4\x1es8\x9c\x8a\xa2$$$\x90Q/Q\xa2\xfd{)#6\xd6\xa6 \x16)\x8c\x8e\x8e\x1e8p c\xec\x83\xc5\x9f]8s\x96Y\x1ae\x84\x9a\x93\xae\xbf6\xe7cU\xd5Z\xb6h1v\xecX"2\xe6\xa2cb\xbde\xab\xd5\x1a\x1f\x9f\xc0\x18\xdb\xb3?\xc7a\xb7K\x8a\xdbv\x05cD\xc4\xb7\xed&lt;@Dm\xda\xb41\xf2\xd84\xda\xbf\x97B\x004\x1a\xb1R\xcd\xa3\x8f&gt;\xca9?\x7f\xa1b\xc1\x87\xab%\xffP\xd5y]3C4U\x93CC\xb6o\xdd\xb5m\xfb\xb7Dt\xe7]w\xb5h\xd1\xc2\xc8\xe7\xbf\xa2\xa0\xdc~\xfbX\xcey~A\xe1\xc1\xfd9d\xb56\xd1\xbc\xc3_\xdd\x12\xc9l\xba\\Z\x96\xbem?\x11\r\x192800\xd0\xc8\x7f\x1a\xb4\x7fo\x84\x00h4\x8a\xa2\xe8\xba~\xef\xbd\xf7\x0e\x1a4\x88\x11\xcd\xffpuN\xe6\xb7&amp;[\x88\xf6{g\x07\xea\xba\xce,\xa6\x9a\x8a\xcb\x7fz~.c,,\xcc6{\xf6lq\xd7e\xe3n\xb9\x17\x11\x9f\xfd\x96[\x06\x05\x04\x04h\x9a\xf6\xc5\xfamL\xb6\xb8e@@\xd78\xf3\xf7\xdf\xb9#\xeb\xec\xb9R"\x1a9r\x14\x19{h\x02\xed\xdf\x1baW62EQ\xe6\xcd\x9b\'+\xf2\xa5K\xf6\x07\x93_\xa88_!\x07\xf8k\xeao\x9e\xb9\xac\xeb:g\x92\xe4\xef?\xed\x89\xd9\x87\xb2\xf3u]\x7f\xf5\xd5\xd7Z\xb7n-\xfaYM\xb1\xe5^A\x92$M\xd3\xbav\xed:d\xc8\x10"Z\xb9f\xe3\xc53gd?s\xf3W^&amp;\x11\xa9\xda\xbc\x85\xab\x18c\xad[\xb7\xbe\xe3\x8e;\x08C\x13h\xff\xde\x06\x01\xd0\x98DyJHH\x983g.\x11e\x1f.\x18\x95\xf4hE\x85]\x0e\tr:\x9d\xd7^\xa24U\x95L&amp;9(`\xea\xa4\xe7?Y\xbd\x91\x88\xc6\x8d\x1b\xf7\xc4\x13O\xa8\xaa\x8a\x12#\xa4\xa4\xa4H\x8c\x95\x94^\xfc\xe0\xc3\xd5\xcc\x1a\xd8\xcc\xa3@\x9a\xa6\xb3\xa0\xc0\xaf\xd3v\xa4o\xdb\xcf9\x9f2e\xaa\xc1\xc7\x7f\x04\xb4\x7f\xaf\x83E\xf5\x1a_\xc3\xa7\x96\x13QbB\xf7U+\xe7t\xeb\x1eM\xf6K\x9a\xaaI\xb2\xf4se\x82s\xd2u\x8d\x11\x93BC\xec\x15\x95)O\xbd\xbe\xf4\xd3/\x89(111---$$\x841f\xf0\x12#\x88\x9bN{\xf5\xea\x99\x97\xf7}Dx\xe8\xd1\xef\xd6\x86\xd8\x82Y\xe3-?\xf9\xab4M\x93C\x82\x87\x0e~\xe8\xeb\x1d\x07\xccf\xf3\x91#G:w\xee\xac\xeb:F\'\x08\xed\xdf\xab\xa0\xbd6&gt;1#b\xf1\xe2\xc5S\xa6L!\xa2\xcc\xac#\x03\x06=\xb0l\xf1?\x1c:\xc96\x1bS\x14\xb1\xa0\x95\xa6i\x9a\xa6\x8b\x7f\xc4\xff1\x89\xc9\xa1\xc1R\x90\xff\xd6\xcd\xdb\x87\x0c\x9d\xd8\xb0\xf5\xdbl62\xea\x0c\x93\x1f\x13\xb7\x1d\xcd\x9b7_\\o\xfc\xcb+\x1fH\xcdx\x12\xa0\xa9\x9a\x1cj\xfb|\xc5\xda\xafw\x1c\xe0\x9c\xcf\x9c9\xb3s\xe7\xce\x9a\xa6\xa1\xfa\x0bh\xff^\x04g\x00M\x82s.\xaeV\xbd\xf2\xca\xec\xd9\xb3_\x11/\xc6\xc5v\x9b\xf1\xd4\x83w\x8c\x19\x1c\xde:\x82$\x0b\x91J\xe4\xda\xf9\n\x91VS~i\xd7\xbe\xef\xde\x9d\xf7I\xda\xd6\xdd\xe2\xd5\xf1\xe3\xc7/Z\xb4\xc8f\xb3\xa1wy\x15\xb1CF\x8d\x1c\xb9e\xebV\xc6X\xda\xda\x0fF\xdc1L-\xbf\xa4\x98\x94\xa6\xfe\xbd\xccb.+\xb9\xd8\xb3\xef\xbde\xe7\xcb[\xb6l\x91\x97\xf7=\xca\xd3U\xd0\xfe\xbd\x05\x02\xa0\xa9\xb8\x8e\x81\xb4\xb4\xb4\x993g\xe6\xe6\xe6\x8a\xd7[\xb6\x08\xbb\xb9_\xaf\xde\xbdo\x88\x8b\xeed\x0b\x0f!Mw:\xd5\xcc\xec\xa3\'N\x9c\xd9\xb6\xfd\xdb\x93\'\xcf\x8a\xb7\xb5j\x15\xf9\xc2\x0b/N\x9f&gt;\x9d\xae\x14;\xb7}\x12\x8f$.\x06\x9e8q\xa2o\xdf\xc4\xf2\xf2\x8aV-\xc3\xbf\xcb\xfc\xbce\xeb\x16ZU\x8d\xdcdw\x06p\x9d\xeb\x12\x93\x03\x03F\x0e\x9b\xb8u\xdb~"\xfa\xfc\xf3\xcf\xc7\x8d\x1b\'\x06=\x9a\xe8\x97z)\xb4\x7f\xaf\x80\x00hZ\xaa\xaa*\x8a\xe2p8\xdey\xe7\x9d\xd5\xab\xffq\xe4H\xde\xaf~K\xeb\xd6\xad\xc7\x8e\x1d\xfb\xf2\xcb/\xb7m\xdbV\x949t-\x7f\x92(\xbb_|\xf1\xc5\xb8q\xe3\x88\xa8oB\xf7\xb4M\xa9\xa1!AZmmS\x94cW\xf5\x9f\x9a&lt;+\xf5\x93\xb5D\x94\x92\x922o\xde&lt;T\xff_\x80\xf6\xef\xe1\x10\x00M\xceU \xea\xeb\xeb7o\xde\xfc\xe5\x97_ff\xee/..\xbep\xe1\xa2\xeb=\xc1\xc1\xc1\x11\x11\xe1\xf1\xf1\tc\xc7\x8e\xbd\xed\xb6\xdbZ\xb6l\xd9\xf0\x1b\xe1\xe7\x88\xfa2c\xc6\x8c\xf9\xf3\xe7\x13\xd1]cn]\xb1\xea\xdd \x8bI\xab\xadk\xdc\xf3\x00]\xd3\xb9,\xc9\x81\x01o\xfc\xf5\xfd\x97^\xff\x90\x88\xfa\xf7\xef\xbfc\xc7\x0e"\x92\xa4\x9f\xbd\xaa\t\x84\xf6\xef\xd9\x10\x00\xcdA&lt;\xbe\xca\xd5\x9a5M\xab\xa8\xa88r\xe4\x88\xa6i\x8c\x11\xe7\xd4\xb5k\xd7\x88\x88\x08\xab\xd5\xeaz\x03\xca\xca\xb5\x10\xd3\x81\x14Eq\xcd9\xe9\x9b\xd0}\xd3\xc6\xc5a\x91\xe1jE\xa5\xac\xc8\x8d\xb2\x0fUUU\xacV\xb2\x98]}\xff\xc4\xc4\xc4\xcd\x9b7c\xe8\xff\x1a\xa1\xfd{,\x04@\xf3q=\xc5\xf0\xe7\xfa5\x9a\xa6q\xcee\xb9q\xca\x96A\xb8\xc6\x9a]\x19\x10\xd5\xa5\xfd\xd2\xd4\xd7\x06\x0c\x19@\xf6K\xaa\xaa\xc9\xb2\xfc\xbbw\xa7\xa6\x89Y\x89\xa1\xc5\x85\xa7\x93\x1fy)-c/5\x98\x97\x82\xb1\xe9\xdf\x04\xed\xdf\x03!\x00\xdc@\xec\xf3\x86\x0b\xc7\xb3+\xdc\xb7Q^\xcc\xd5\xc1|\xfc\xf1\xc7?\xfa\xe8#"\xb2\x98\xcd\xb3\xfe&lt;y\xd6\xf3S\xcc\x81\x81TeW\x9d\x9a\xfc\xf3\xd3\xcf\x7f\xee\x072\xc6\xa4\xe0@\xe2\xb4f\xd5\xfa\x99\xcf\xcd=W|\x9e\x88\x06\x0c\x18\xb0~\xfdzT\xff\xeb\x81\xf6\xef9\x10\x00\xe0\x0b\\\x19\xb0d\xc9\x92?\xcf\x9cy\xa9\xb2\x92\x88\xe2b\xbb\xcex\xea\xa1\x07&amp;\x8c1\x87\x04S]\x8d^\xe7\xd09g\x8c\x89\x87U5,7?\x94$\xce\xb9\xce\x19\x91l6Q\x80?i\xda\xd6-;\xe7\xbe\xb7|K\xfa\x1e\xf1\xb6\x94\x94\x949s\xe6\x88EoP\xfd\xc1\x07 \x00\xc0w\x88\xcb\x86YYYO&lt;1m\xef\xde}\xe2\xc5\x9e=\xa2\xa6O\xbb\x7f\xf4\x88\x01\xed\xba\xb4#\xa6\x10W\xa9\xdeA\x9a\xae;U\x12\x11\xc0IRd\x92%2\x9bIV\x88\xe8r\xe9\xf9\xafwe-\\\xb4\xc65!\xbdm\xdb\xb6\xef\xbd\xf7\xde\xf8\xf1\xe3I&lt;\t\x12}U\xf0\t\x08\x00\xf0)"\x03TU]\xb1b\xc5+/\xbf|\xe6\xec\x0f\xf3\xcam\xb6\x90[o\xb9q\xf0\xa0&gt;\xf1qQ\xdd\xa3:\x06\x04X\xad\x116\xe2\x9c8\x91$i\x95\xf6\xcbU5\x05\xa7\xce\x1d\xce;\xbes\xf7\xc1\x8cm\xfbO\x15\x9e\x13\xdfh\xb5Z\x9fy\xe6\x99\xe9\xd3\xa7\xb7l\xd9\x12\x17\'\xc1\xc7 \x00\xc0\xd7\xb8\xc6g\xca\xca\xca\xd6\xad[\xb7p\xe1\xc2C\x87\x0e5|CxXhpp@\x97.\xedI\xd7\x89\x13)rIQY\xe9\xf9\xf2\xf3\xe7+\x1a\xdc\x9bJ\x1d:\xb4ON\x9e&lt;a\xc2\x84\x98\x98\x18\xc2\xacD\xf0E\x08\x00\xf0A\r\xe7\x1dj\x9a\x96\x91\x91\xb1y\xf3\xa6\xf4\xf4\x8c\xfc\xfc\xa3\xf5\xf5\x8e_\xfe\xde\xce\x9d;\r\x1e&lt;d\xf0\xe0\xc1w\xdeygpp0aV"\xf8.\x04\x00\xf8\xac\x1fO?\xcf\xcf\xcf\xcf\xcb\xcb\xcb\xcd\xcd=}\xba\xb0\xb0\xf0\xb4\xa8\xe9\x9c\xf3\xd0\xd0\xd0\xb8\xb8\xb8\xf6\xed\xdb\xc7\xc6\xc6\xc6\xc6\xc6\xfa\xfb\xfb\xbb\xbe\x851\x86\xeb\xbd\xe0\xab\x10\x00\xe0\xe3D\x0cp\xce\x15\xe5Z\xd7\x89\xc3\x84t0\x08\x04\x00\x18\x05o\xe0\xaaY\xe7\xe2E"\x12\xfd}\xd4}0\x08\x04\x00\x00\x80Aap\x13\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Jq\xf7\x06\x0047\xce\xf9O\xbe\xce\x18k\xe6-\x01p/\x04\x00\xf82\xde\x00\x11I\x92\xe4\xfa\xf7\x8f\xe9\xba\xee\xfa7k\xa0\x19\xb7\x17\xa0Y\xb1\x9f\xeb\r\x01x)Q\xeeu]g\x8c\xc9\xb2\xfc\xe37\xe8\xba^YY\xc9\xd8\x0f\x8d_\xfc\x87\x9f\x9f\x9f\xd5j\xfd\xc97\x8b\x1f%I\x12\xc2\x00|\x0c\x02\x00|\x84(\xfa\x9csE\xf9\xff\xe7\xb5\x9a\xa6\x15\x15\x15\x15\x14\x14\xe4\xe4d_\xb8p!3\xf3[UUKKJJJK\x181N\xa2\xf13"\x1e\x18\x10\xd8\xb5[W\xce)...""\xa2O\x9f&gt;\x7f\xf8\xc3\x1f:t\xe8\xe0\xef\xef\xdf\xf0\xa7\x11\x11\x92\x00|\x06\x02\x00\xbc\x1e\xe7\\\xd34W\xdd\xd74-???--m\xe7\xce\x9d\xf9\xf9\xf9\x85\x85\xa7._\xb6\xff\x8e\x1fk\xb1\x98\xdb\xb4i\x13\x1d\x1d\xdd\xaf_\xff\x91#G\xf6\xea\xd5\xcb\x15\x06\xaa\xaaJ\x92\xf4sCI\x00\xde\x02\x01\x00^Lt\xc9\xc58\x8f\xa6i\xfb\xf6\xed[\xbbv\xed\xa6M\x9b\x8e\x1d\xcb\xaf\xafw4|gPP@@\x80\x7f\xf7\xa8\x8e\x92"\x87\x04\x05\xf4\xec\x19\xc55]t\xe39\xe7L1\x15\x9e:{\xfal\t\x93\xe5\x82\x82\xd3\x97/W],\xbft\xd5\xef\xea\xd4\xa9\xe3\x90!C\xef\xbc\xf3\xce\xc1\x83\x07\x07\x07\x07\xd3\x95s\x0e\x9c\x10\x80\xf7B\x00\x80W\xd24\xcdUy\xcf\x9e=\xbbf\xcd\x9aU\xabV\x1d:t\xe8\xff\xbf\x83\xb1\x8e\x1d\xda\xde\x18\x7fCB\xaf\xe8&gt;\xbdcn\x88\xee\x1c\x1c\x12\x18\xd2\xc2F\x92L\x12#2\x115l\xf9\x8cH%]#\xc6j/TTW\xd7\x1e\xce?u0;?\'\xf7X\xe6\x81\xc3\xc7\n\n\xeb\xea\xea]o\xed\xd0\xa1\xc3\xf8\xf1\xe3\x1f|\xf0\xc1\x9e={\xba6\xe6\'/6\x00x8\x04\x00x\x191\xd0/\n\xee\xee\xdd\xbb?\xfe\xf8\xe3\x7f\xff\xfb_\x15\x15\x97\xc4Wm\xb6\xe0&gt;\t\xb1\xa3\x86\xf5\x1btK\x9f\xd8\x98\x8e\xfe\x11aD\n\x91J\xf5\x0e\xd2t\xdd\xe9$"\xce\x89s\x9d\xa8a\xb7\x9d\xff0\xe1\x87\x93dRH\x96\xc8b&amp;\xa6\x10q\xed\xb2=\xff\xf8\x99}\x99\xd9\x1b\xd2v\x1e8p\xe4T\xe19\xf1\rf\xb3y\xf0\xe0\xc1\xd3\xa6MKJJ2\x9b\xcd\xe2l\x001\x00\xde\x05\x01\x00^\xa3\xe1X\x7fFF\xc6;\xef\xbc\xb3e\xcb\x16\xd7W\x07\xde\x1c\x7f\xe7\xedC\xee\x1b7\xaa]\xe7v$\x99HwRm\xbd\xe6T9\xe7\xae\xf9\x9c\xd72V#\x8e\x08]\xe7\x9cs\xc6HVd\xb2X\xc8d&amp;\xd2\xed\xa5\xe5k7n\xfb\xd7\xda\xaf\xb6~\xb5\xa7\xba\xbaV\xbc\xbfg\\\\\xca\x8c\x19\xc9\xc9\xc9\xf4\xdf\xe7%\x00\x9e\x0f\x01\x00\xdeA\x8c\xb6\x13Q~~\xfe\xdbo\xbf\xbd|\xd92\x9ds"\xb2Z\xfd\xfe8&gt;i\xf2\xa4\xff\xb9\xb9\x7f/\xb2X\xa9\xbeV\xaf\xab\xd7u\xce$&amp;5\xc6,~q\xba\xa0s\xce\x88d\xb3\x89\xfc\x03\x88\xeb\xdf\xe7\xe6\xff\xdf\xcf\xd3\x16/\xf9\xbc\xa8\xf8\xbcx\xdb\xf0\xe1\xc3\x9f\x7f\xfe\xf9a\xc3\x86\x11F\x84\xc0{ \x00\xc0\x0b\xa8\xaa\xaa(\x8a\xc3\xe1x\xe7\x9dw\xe6\xcd{\xaf\xbc\xbc\x82\x88\xc2l!\x93\x93\xffg\xe2\xfdcz\xf4\xe9E\xba\x93W\xd5h\x9a.\xcbM\xd8\x01\xff\xe1\xf6\x02")\xc0J&amp;ki\xe1\xe9\x95k6-]\xf6E\xde\xd1\x93D\xc4\x18KNN~\xed\xb5\xd7\xda\xb4i\x83S\x01\xf0\n\x08\x00\xf0h\xe2\xbe\\I\x92v\xed\xda\xf5\xf8\xe3\x8f\xe7\xe6\xe6\x12\x91\xd5b\xb9\xff\xbe\xa4g\x9f\x9e\x1c\xdd3\x96\x9c\xd5Zu-#&amp;\xc9\xcd7)S\xd7u]\xe7\x8a\x9f\x99\xac\xc1\x95e%\xf3?\xf8\xf4\xa3\xd4\xcf\x8bK.\x10Q\xabV\x91\xaf\xbd\xf6\xfa\xa3\x8f&gt;J8\x15\x00\x8f\x87\x00\x00\xcf\xe5*\xa0\xaf\xbc\xf2\xca[o\xbd)fv\x0e\x1fr\xd3\xeb\xafN\xbfi\xe0M\xe4\xa8U\xabj$\xd9m\xf3\xf19\xe7\x9a\xaa)\x163\x05\x04\x17\x9d8\xf9\x97\xd9\x0b\x96\xaf\\\'\x06\xa6\xee\xbb\xef\xbe\x0f&gt;\xf8 &lt;&lt;\\\x9c\xbb\xb8e\xf3\x00~\x15\x02\x00&lt;\x94\xa8\xfe\xc5\xc5\xc5\xc9\xc9\xc9iiiDd\x0b\r\x9a\xfd\xd7\'\xa6?\xf9 IL\xbblg\x9eq+\xd6\x0f\x97\xa6\xad~\xe4\x17\x90\xb6&gt;\xfdO\xcf\xbcu\xf4X!\x11EEE-]\xbat\xc0\x80\x018\x0f\x00\x8f\x85\x00\x00O$:\xce\xbbv\xed\x1a?~|QQ\x11\x11\r\xec\xdf\xfb\xe3\xd4\xd7\xa2bc\xf4\xcaK\xc4ys\x0e\xf8\\\x0b\xce\xb9\xa6\xe9\x8a-\xa4\xf2\xe2\xa5\x993\xdf^\xb2\xfc\xdfDd\xb1\x98\xff\xfe\xf7\xf7\x1f{\xec1\\\x12\x00\xcf\xe4YG\x11\x00]\xa9\xfe\xa9\xa9\xa9C\x86\x0c\x11\xd5?\xe5\xc9\x07\xb6m]\x16\x15\xd5Q\xad\xb8(I\xcd:\xdc\x7f\x8d\x18c\x8a"k\x15\x95!Vs\xea\xb2\xb7R?|%48\xb0\xbe\xde\xf1\xf8\xe3\x8f?\xfe\xf8\xe3\xb2,\x8b\xdb\x17\xdc\xbd\x99\x00\xff\x05g\x00\xe0Y\\\xd5\x7f\xea\xd4\xa9D\x14\x12\x14\xf0\xde\xdcg\'O}\x90\xdb+\xb8\xa6{`\xe9\xbf\n\xe7\\\xd7t\xd9\x16\xbe\x7f\xe7\xbe\x87&amp;=\x9f\x7f\xfc\x0c\x11M\x992e\xf1\xe2\xc58\x0f\x00O\x83\x00\x00\x0frU\xf5\x0f\xb7\x05o\xfa\xf2\xc3\xc4\x817\xa9\xe5\x17dE\xf6\xa2\xd2\xa9:U%4\xb8\xbc\xac&lt;i\xcc\xd4\xfdYG\x08\x19\x00\x1e\xc9\xd3\xfbS`\x1cWU\xff\xbe\t\xdd\xf7\xecZ\x9dxs\xbcZ~A1)\xdeU4\x15\x93\xa2U\xda\xc3lA\xe9\xe9\xcb\'?x\x07\x11\x89\xcf\x85\xb1 \xf0(8\x03\x00\x8f\xf0\xe3\xea\xbf\xf9?\xa9\xb6\x16\xa1Z\xa5]\xf6\xdai\x94\xba\xa6Kf\x13Y\xfd\xa6&amp;\xcfJ\xfdd-]9\x0f\x10O\x98\xf1\xaeH\x03\x9f\x84\x00\x00\xf7\x13\x13%]\xd5?1\xfe\x86\xb4MKl\xb6 \xad\xbaVV\xbc{\x02\xa5\xae\xeb\\\x92\xe4\xc0\x80\xab2\x00sC\xc1\x13 \x00\xc0\xcdD)\xdc\xb3g\xcf\xc0\x81\x03u]\x0f\x0b\r\xfev\xf7\xeaN\xd1\x1d\xb5\xca*o\xaf\xfe\x02\xd7u.\xcb\xccd\x1ap\xcb\x1f\xf7d\xe6\x12\xd1\xbcy\xf3RRRp\x8f\x18\xb8\x1d\x02\x00\xdcI\x0c\x86\x94\x95\x95\xf5\xea\xd5\xb3\xb4\xb4,\xc0\xdf\xba--5\xf1\xe6\x04\xad\xd2\xee\x1b\xd5_\xd0u\x9dL\xa6K\xf6\x9a!C\x1f\xce&gt;r\x9c\x88\xb6l\xd92b\xc4\x08\x9c\x07\x80{\xe1"0\xb8\x93X\xea\xe7\xa1\x87\x1e*--#\xa2\x05\xef=\x978\xb0\x9fz\xe9\xb2/U\x7f"\x92$\x89\xd7;\xc2Z\xd8&gt;]\xfeV\x98-\x98\x88\x1e~\xf8\xa1\xd2\xd2RI\x92\xc4\x1e\x00p\x0b\x04\x00\xb8\x8d\x18\x03y\xf5\xd5W\xb7n\xddJD)\xff\xe7\xbe\x89\x8f=\xe4,\xbf\xa0\x98|p`DVd\xf5\xd2\xe5\xb8\xc4\xf8\xc5\xef\xbfDD%%\xa5\x0f=\xf4\x10c8\x05\x07wB\xfb\x03\xf7\x10\xeb\xfb\xef\xdd\xbbw\xd0\xa0AN\xa7\xb3_\x9f\x1e;\xb7\x7f\xca\x9d\xaaL\xdc\x87\xa7\xc7\xa8\xaa\xaa\xd8\xc2gL\xfb\xcb\xfc\x0f\xd7\xd0\x95\x8b\x01\x18\x08\x02wA\x00\x80\x1b\x88\x85\xf55M\x8b\x8b\x8b\xcb\xcf\xcf\x0f\n\n8\xb4gM\xe7\xa8\x8ezu\xad\xe7\xdf\xeb{=8\xe7:c\xa4(}\xfbO\xc8\xfa._Q\xa4\xdc\xdc\xc3QQQ\x9csOX\xd8\xae\xa9\xf1\x06\xae\xfa\x12k\xc0-\xdbfL\xbe\xdf\xe6\xc0\x03\x89\xc7\xe7\xce\x9d;7??\x9f\x88\xdez\xf9\x89\xce\xb11\xaa\xbd\xda\xb7\xab?\x111\xc6H\xd3e\x93i\xc9\x82\xbfZ,&amp;M\xd3\x9fz\xea)\x9f\x1f\x08\x12\x0b\xa6j\x9a\xc6\x18\x93$I\x96e\xe5GdY\x16\xf7Hk\x9a\xa6\xaa*.\x8d4\x0f\x1foy\xe0\x81\xc4\xcc\x9f\x13\'N\xdcx\xe3\x8d\x95\x95\x95\x83\x06\xc4\x7f\xf3\xf5\xa7Zu\xb5l\x80.\xb0\xa0\xaa\xaab\x8bxi\xe6\x1bo\xbc\xbb\x8c\x88&gt;\xfb\xec\xb3{\xef\xbd\xd7\'\x07\x82\xc4m\xcf\xae\xcf\xa5i\xda\xb9s\xe7\x8e\x1f?^XXx\xfat!c\x8cs"\xe2\xa1\xa1\xb6\xb8\xb8\xb8V\xadZu\xec\xd8\xd1j\xb56\xfc^\xac\x9c\xd1\xa4\x10\x00\xd0\xdcD\xa5\x9b8q\xe2\x8a\x15+\xfc\xfc,\xbb\xb6~\x9c\xd0\xaf\xb7^U\xe3\xf3\xdd\x7f\x17\xce\xb9.\xcb\xd55u}\xfa\xdfw\xfc\xe4\x99\xae]\xbb\xe5\xe4\xe4(\x8a\xe2K\x03 \r\xefv.--\xdd\xb5k\xd7\xc6\x8d\x1b33\xf7\x17\x16\x9e\xbe|\xf9\xf2O~\x8b\xc5bn\xdb\xb6mBB\xc2\x981c\xfb\xf5\xeb\x17\x13\x13#^\xf7\xc9h\xf4\x10\x08\x00hV\xe2`\xde\xbe}\xfb\xd0\xa1C5M\x9bx\xff\x98\xe5\xff\xf8\xbbVq\xc1{\xd7{\xf8}TUSla+&gt;Z5\xf1\xf1W\x88\xe8\x8d7\xdex\xe1\x85\x17|\xa3\xd2\x89\x0b&lt;\xe2\x83dgg/X\xf0\xc1\x86\r\x1b\xc5\xb2\xde\r\xb5h\x11N\\\xe7D\x8cI\x95\x95v\x87\xc3\xd1\xf0\xab\x01\x01\xfe#F\x8c\x986\xed\x89\xa1C\x87\x8a\x05\x94\x88\xc8\x08\x97I\x9a\x19\x02\x00\x9a\x958\x92\x87\x0f\x1f\xbem\xdb\xb6\xf0\xb0\x90\xbd\xdf\xac\xec\xdc\xad#\xd5\xd5K\x92\x8f\xf4|\xaf\x11\'\xe2DNb\x83\x86&lt;\x9c\x99u$,,\xec\xc8\x91#-Z\xb4 q\x9d\xc0k\x89\xc9]D\x94\x9b\x9b\xfb\xdcs\xcf\xa5\xa7\xa7\xbb*{\x87\xf6m\xfa\xf4\x89M\xe8\x15\xdd\xa7W\x8c\xcd\x16\xdc\xb5K{\x12\x03\xfd\xb2RRTZ|\xbe&lt;\xe7\xc8\x89\xec\x9c\xfc\xcc\x03\x87sr\xf3]?\xb0W\xaf^o\xbe\xf9fRR\x12\xe1T\xa0\t \x00\xa0\xf9\x88\x03\xf8\xdbo\xbf\xed\xdb\xb7/\xe7|\xe6\xf4\x07\xe7\xbc\xff\xaaZ^\xe6\x93\x13\xff\x7f\x95\xa6j\xb2-t\xf3\x17\x9b\x93\xc6\xfd\x89\x88\xde}\xf7\xdd\xa7\x9f~\xda\xab\xd7\x87\x10\x1bo\xb7\xdb_|\xf1\xc5%KRkk\xeb\x88\xc8\xdf\xeaw\xef=#\xef\xbek\xf8\xe0\x81\t\xc1\x91\x11D2\x91J\xbaN\xf5\x0e"\x11u\x9cL\n)\n\x91L\xc45\xbb}\xdf\x81\xc3k\xd7o[\xb5zcQ\xf1y\xf1\x93\x93\x92\x92\xe6\xcf\x9f\x1f\x15\x15\xe5\xd5\xfb\xc7\x03!\x00\xa0\xf9\x88\x00\x98&lt;y\xf2\xb2e\xcb\xfc\xfc\xccY;V\xc5\xf4\x8c\xe6\xb5\x86\xeb\xfe\x0b\x9c\x883\xaaS\xf5\x1b\xfb\x8d?\x9a_\xd8\xbd{\xf7\xcc\xccL???\xf2\xce\x93\x00Q\x9a\xb3\xb2\xb2\xa6L\x99\x92\x95\x95EDV?\xcb\xfd\x13\x92fL\x7f\xa8\xc7\x8d=\x888\xd5\xd4h\x0e\'\xe7\xc4\x18#FR\x83\xcf(\xe6\x85r\xce\x19#Y\x96)\xc0J\x92\xa5\xf4\xcc\x99E\xa9\x9f}\x94\xfayq\xc9\x05"\x8a\x88\x88X\xb0`\xc1\xf8\xf1\xe3\xb1\x96j#\xc2\x98\x9a\x1b\xb8\xa6B\x8by\x0e\x06\xc9`1\x1b\xa4\xb8\xb8\xf8\x9f\xff\xfc\x9c\x88\xee\x1f7\xfa\x86&gt;\xbd\xf4\x9aZcV\x7f"bD\xdc\xa9\xf9\x87\x86\xce\x9a1\x89s~\xf8\xf0\xe1\x8c\x8c\x0c\xc6\x987\xce\x80\x14\xd5\x7f\xe9\xd2\xa5C\x86\x0c\x11\xd5\x7f\xf4\xf0\x9b3w\xaf\xfex\xf9\xdb=zFi\x15\x97\xb4K\x95\\\xd5dY\x16\x13&gt;eIj8\xf1_\x92$Y\x96\x14E\x96e\x99\x13\xe9\xf6j\xb5\xe2Bd\x84\xed\xe5Wg\x1c\xca\xfcb\xfa\xff\xb9_b\xec\xc2\x85\x0b\x13&amp;L\x981c\x86$I\xc69j\x9a\x1a\x02\xa0\x99\x88r\xaf\xaa\xaa\x98\r\xedj\xf7\xe2?8\xe7\xe2K&gt;\xdc\xac5M#\xa2\xd5\xabW\xdb\xedU\xb2,O{t\x1c\xd7\x9dW\x06\x01\x0cJ\x92%^Su\xcf\xdd#\xdb\xb5\x8dd\x8c\xa5\xa6.&amp;/\xec\xfe\xbb\x9e\xe5\xf0\xc8#\x8f\\\xbe|\xd9b6\xcd{{\xe6\xa6M\xa9\xb1qQZ\xc5%\xbd\xa6VVdY\xbe\xd6\x07\xba1"I\x92\x14E\xe1N\xa7ZQ\xde2&lt;\xe4\xfd\x85\xb3\xff\xb3nA\xdbV\x11D4\x7f\xfe\xfc\xa9S\xa7\x8a5\x94|\xf8`i6\x08\x80&amp;\'\x8a\xbb(\xf7\xe2\x86\x17"\xb2\xdb\xed\xa5\xa5\xa5g\xce\x9c)))\xb1\xdb\xed\x8c1\xf1%q#\x8c\xbb7\xb9I\xc8\xb2\xecp8&gt;Y\xbe\x9c1\xd6\xf7\xc6\xd8\x84~\xbdxU\x8dl\x98\xa9\x9f?\x891\xa6\xd5;\x03ZD\xdc\x7f\xcfH\xceyFF\xc6\xb1c\xc7\xbck\x85\xb8\xab\x9e\xe4\x13\x16\x1a\x94\xb1yI\xca\xb3\x8f\xe9\xd55zU\x8d\xac\xc8\xbf{\xea\x8e8(\xb8\xd3\xa9VT\x8c\xba}h\xe6\xbe\xcf\x12\xe3\xbbS\x83g\xab\xf9v\x87\xa9y\x18\xfa\xf0k\x06\x9cs\xd1\x8e\x89(++\xeb\xddw\xdf\x1d7n\\\xef\xde\xbd\xbbu\xeb\xd6\xad[\xb7\x98\x98\x18\xf1\x1f\x89\x89\x89\x8f=\xf6\xd8\x86\r\x1b\xc4(\xb9\xefe\x808\xef9x0+\'7\x97s~\xcf\x1dC$\x8b\xbf\xaeyM\x99k:\x8c1\xd2\x9d\xf7\xdc9L\x92\xa4\xea\xea\x9a\xb5k\xd7\xd2\x95\xb9R\x9eO\xd34EQ&gt;\xf9\xe4\x13Q\xfd\xbbGwJ\xdf\xb2l\xc0\x90~j\xf9EIb\x8drc\x07cLQd\xb5\xfcR\xeb\xd6-\xd36\xa7\xde5\xe6V"JMM}\xfc\xf1\xc7\x15E\xf1\xbd#\xa5\x99\xe1"p\x13\x12\xd5\xbf\xa8\xa8h\xe5\xca\x95k\xd6\xac9t\xe8\xd0\xaf~\xcb\x8d7\xde\xf8\xb7\xbf\xfdm\xe4\xc8\x91&gt;6\xe3M\xf4\x13\x9f{\xee\xd9w\xde\x99\x13f\x0b\xc9\xdd\xffY\xeb?D\xf2z\xa7\xd7\rw4\x05\x9ds\xb2Xn\x1d\xf2\xf0\xae\xbd\xdf\xdd\xdc\xbf\xff\xf6\x1d;\xc8\x1b\xe6\xbc\x8b\x19\x9f999\xfd\xfb\xf7\xab\xae\xae\t\xb7\x05o\xdb\xb24\xaeOO\xb5\xfc\xa2b25\xfa\xaf\xd3TM\x0e\xb0\xd6\xd59\x06\r~(\xf3`\x1e\x11-]\xba499\xd9\xc7\x8e\x94f\xe6\xe9\x8d\xcc{\x89&gt;\xef\xaaU\xab\xe2\xe2\xe2\x9e\x7f\xfeyQ\xfdM&amp;\x93\xc5b1\x9b\xcd\xae\xc5OdY6\x99L&amp;\x93I\xbcr\xe0\xc0\x81Q\xa3F\xcd\x9f?\xdf\xc7\xce\x03dYv:\x1d\x1b6l$\xa2\xde=\xa3Zw\xfe\x83^\xe7@\xf5\x17tM\x97,\xd6\xe1C\xfar\xce\x0fde\x15\x14\x14x\xfe(\x90\xb8\x0ck\xb7\xdb\x1f|\xf0\x81\xea\xea\x1aE\x917\xfc\xf3\xfd\xb8&gt;qj\xf9E\xc5\xdc\xf8\xd5\x9f\x88dE\xd6kj\xfd\xccJ\xda\xa6\xd4\xce\x1d\xdb2\xc6\xa6O\x9f\x9e\x9d\x9d\xed\xbaM\x0c~\x07\x04@\xd3j\xd7\xae]yy\xb9\xd9l6\x99L\xb2,;\x9d\xce\xfa\xfaz\x87\xc3!.\xf9\x8a\x151\x9dN\xa7\xd3\xe9\x14\xff+\xcb\xb2,\xcb3f\xcc\xf8\xec\xb3\xcf|&amp;\x03\xc4\xbc\xbd\xe3\xc7O\x9c8q\x9c\x88F\x0f\xbf\x99$E\xd7q\xea\xf9\x03\xc6\x18\xe9\x8e\x91C\xfa)\xb2\\WW\xb7k\xd7.\xf2\xf8Q \xd1Vg\xcd\x9a\x95\x9d\x9dCDs^\xfbS\xbf\xa1\x03\x9d\xe5\x15\x8a\xc9DM\xf6\x87\x95dY\xab\xad\xb7\xb5\x0c\xff\xc7\xd27L\x8a\\]]=i\xd2$q\xa3\x19F2~\x1f\x04@S\x11\x1d\x93[o\xbdu\xf4\xe8\xd1\x0e\x87C\x94\xf8\xc8\xc8\xc8{\xef\xbd\xf7\xddw\xdf]\xbf~\xfd\x8e\x1d;\xf6\xec\xd9\xb3u\xeb\xd6\xf9\xf3\xe7\x0f\x1d:Tt\xa9\xc4u-\xc6\xd8\x93O&gt;y\xf1\xe2E1\xe3\xcd\xdd\x1f\xe5z\x89Z\xb6y\xf3\xa6\xba\xbazE\x96\x87\xdd\x9aH:\x06\x7f\xfe?IbT[\xd7+\xfe\x86\xb6m[\x12\xd1\xfa\xf5_\x92g\xcf\x05\x12\xd5\xff\xe8\xd1\xa3\x8b\x17/f\x8c\r\x1f\xd27\xe5\xcf\x8f\xaa\x95\xe5\xa6\xa6\xbf\xa1OVd\xb5\xa2\xf2\xa6!\xb7\xbc\xf0L2\x11\x1d&lt;xp\xf5\xea\xd5\x9e\x7f\xc2\xe4\xb1p\r\xa0\ti\x9a&amp;I\xd2\xd6\xad[G\x8d\x1a5l\xd8\xb0I\x93&amp;%%%\x85\x87\x87\xff\xe4\x9b\xd7\xacY3y\xf2\xe4\xfa\xfaz1_^U\xd5\xbf\xff\xfd\xefO=\xf5\x94\x0f\xdc\xfa(Fi\xc7\xdd;\xee\x8b\x7f~\xd1\xe1\x0f\xad\x0f\x1f\xf8g\x80\xbf\x1f\xd7tO\xaeq\xcdL\xd3t9$\xe8\x9e\xbb\xa6\xfd\xeb\xcbm\x1d;t8|\xe4\x88\xbf\xbf\xbf\xe8\n\xb8{\xd3~\x828\xa5KJJJKK\xf3\xf33\x7f\xb7{MT\\T\xb3-\xe7\'\x9e\xa9\xa03\xa9\xe7\x8dw\xe7\x17\x9c\x8e\x8c\x8c\xcc\xce\xce\x16\x87\x95g\xee.O\x863\x80&amp;$\xa6u\x0e\x1e&lt;\xf8\xc0\x81\x03\xe9\xe9\xe9\x0f&gt;\xf8`xx\xb8X\xee\\k@UUUU\xef\xbb\xef\xbe9s\xe6\x88\x0bk\xe2\xc8\xdf\xb8q#y\xc3\xc5\xc0_%I\x92\xc3\xe1\xf8&gt;/\x8f\x88\x12o\x8c\r\x88\x08\xd3\x9c\x1a\x8e\xd5\x868\xe7\xc4\xe4\xc1\x03o$\xa2\xd2\xb2\xd23g\xce\x90\xa7\x0ek\x88\xea\x9f\x97\x97\x97\x91\x91AD\x13\xee\x1e\x19\x15\xdfCk\xc6g90\xc6\xb8\xaa\x99\x02\x03g\xcd\x98\xa4\xebzqq\xf1\xda\xb5k}x\xfet\x93\xf2\xfa\xe2\xe2\xf9\xccfsBB\x82kxG&lt;\rCn@Q\x14I\x924MKNN\x8e\x8c\x8c\x14\xed\x98s^PP\xe0p8\xbc}\x14H\xd4\x8b\xe2\xe2\xe2\xd3\xa7O\x13\xd1\x8d\xbdc\x88)^\xfd\x89\x9a\x02c\x8c\xb8\x1a\xdf+F\x92\xa4\xda\xda\xba\xec\xecl\xf2\xd4\x00\x10\xbd\x93\xf9\xf3\xe7\xab\xaaj\xb5\xfa\xcd\x9a\x99\xcc\x9d\xf5\xacyo\xe7\x96\x15Y\xaf\xba&lt;\xe1\x8fc\xbb\xc7tb\x8c\xfd\xfd\xef\xf3UU\xc5\\\xa0\xdf\x01\x01\xd0\x1cD\x11\xfc\x85\x9b!%I\x92$\xc9\xdf\xdf\xbfk\xd7\xaet\xe5L\xb6\xb2\xb2\xb2\xb6\xb6\xb6Y7\xb4\t\x88*v\xf2\xe4I\xbb\xbd\x8a\x88z\xf7\x8c&amp;B\xf7\xffj\x92\xc4\xa8\xde\x11\xdd\xb5ChH\x10\x11}\xff}\x1eyd\x00\x88\x1eLii\xe9\xbau\xeb\x18\xa3qw\x0e\x8d\x8e\x8f\xd3\xabj\x9a\xf9&lt;\x95\x11\xe9N\xcd\x12\x1c\xfc\xcc\x93\x0fr\xce\x8f\x1c\xc9\xfb\xe6\x9bop\x12\xf0; \x00\x9a\xc3\xb5\x1c\x1e\xe2hoX\x19}\xe3YH\xe2s\xe5\xe4d\x13QHpP\xec\r\x9d\xa9\xbe\xde\x07&gt;W\xe3b\x8cq\x87\xd3\xd6\xa6E\xb7\xae\xed\x89(\'\'\x97&lt;rD[T\xd8={\xf6\x94\x95\x95qN\xf7\xdd3\x8as\x9d\xdc\xb1\x9d\xb2,\xf1\xba\x9a1\xa3o\t\r\t\xd2u]\\9\xf7\xc0\xc8\xf4p\x08\x00\x8f \x1e}\xe7t:\xcf\x9d;\xe7z\xd1f\xb3\xf9\xfb\xfb\xbbq\xab\x1aQII\t\x11\xf9\xfb\xfb\x85\x84\x04\x91\xa6y^es?\xce\xb9b1\x87\x87\x85\x10Qii\xa9g^\x01\x16\x9b\xb4a\xc3\x06\xc6X\xbb\xb6\x91\x03oI`\xb55nY\xce\x8f1\xc6\xeb\x1c\x91\x9d\xda\r\x1a\x90@D\x19\x19_9\x1c\x0e\x8c\x02\xfdV\x08\x00\x8f &amp;\xb1eff\x9e:uJ\x9c.0\xc6bbb\xc4\xcd\xee\x1eX\x08\xae\x9d\xf88YY\x07\x89(&amp;\xbac`\x0b\x9b\xeeT\xbd\xfa\x135\x11]\xe7\xc4\x94\x1b{\xc5\x10Q~\xfe\xd1K\x97.y\xe0\xe5\x1fq=\x7f\xf7\xee\xdd\x9c\xf3\xfe}\xe3\x82#[h\x0e\xb7\xcd\xe8\xd59\'I\x191\xa4/\x11\x15\x14\x1c;y\xf2\xa4\x97\xae\xa5\xeaF\x08\x00\xf7s5\xd9\xe7\x9f\x7f^\x1c\xf0\xe2\x9e\x80{\xee\xb9\x87|\xe5\xac\xf6\x87\x01.\x9f\x98\xd4\xd4\x94\x98\xe8M\xbb\x1e\xa9\xe8Q\xc4\xa5\xac\xa2\xa2\xa2\xb3g\xcf\x10QB\xaf\x18"\xd9\x8d\xcdS\\9\xef\xdd3Z\x92\xa4\xba\xbazO\xber\xee\xb1p4\xba\x99\xa8\xfe\xb2,O\x9b6m\xc7\x8e\x1db\xdc_\xd3\xb4\xe8\xe8\xe8{\xef\xbdW\\ss\xf76^\x17\xc6X]]]\xd1\xb9sDd\x0b\r&amp;b8@\x7f\x1e\xb7\x85\x06\x13Quu\xb5\x18\x0c\xf4\xa8r&amp;6\xe6\xf4\xe9\xd3?\\\xcf\x8f\x8br\xef\xf5|q\xe5&lt;\xaak\x87\x90\xe0 "\xca\xcf?J\x1e\xb6\xc7&lt;\x1f\x02\xc0\x9d\xc4\x9db\x8c\xb1)S\xa6|\xf8\xe1\x87\xaeZ\xcf\x18\xfb\xe8\xa3\x8f\xacV\xab\xe8s\xb9w#\xaf\x87\x18\xc8\xae\xa9\xa99{\xee,\x11\xc5\xf7\x8c"\xc9\xc4\xb1\x08\xc4Oa\x8c\x11i\xf1\xbd\xa2\x89\xa8\xba\xba\xe6\xec\xd9\xb3\xe4\x91\xe5\xec\xe4\xc9\x13Dd2\x99""l\xa4\xbb\xf9r\x0e\xd7t\xff \xff\xd0\xd0@":y\xf2$y\xe4\x95sO\x86\x00p\x1bq\x7flEE\xc5\xed\xb7\xdf\xbed\xc9\x12E\xf9av\xbc\xa6i\x8b\x17/\xbe\xf5\xd6[}f\x99C\xc6\x98\xc9d""U\xc5\xf8\xec\xafp\xed"S\x13,\xa8y\x9dD\xfb,(( "[hp\xb7.\xed\xa9\xde\x9d+\xfa1\xc6\xb8\xaa\x06F\xd8\xbauiOD\x05\x05\xc7\t\x01\xf0\x1by\xf7\x1a\x03\xdeK\x14\xf7\xbc\xbc\xbcq\xe3\xc6\x1d9rDT\x7f1\xf2\xbb|\xf9\xf2\x89\x13\'\xfa\xc0\n\x10\r]\x99\xe4\xea\xee\xed\xf0x\xae]\xe4\x81}\x7f\xc1l6\xd3\x95\'\xdc\xb9{[\x88\x88\xe8\xca\x96\x88\r\x83\xdf\xc4wJ\x8c\x17\x11\x85~\xef\xde\xbd\xb7\xdf~\xfb\x85\x0b\x17D\xf5\xd74-""\xe2\xd3O?\x1d5j\x94\x8fU\x7f\xf0I\x9e\x13Q\x9e\xb3%^\x07U\xa6\xb9\x89\xd5~\xf2\xf2\xf2\xc6\x8c\x19S^^.\x06y4M\xeb\xdd\xbb\xf7\x9a5k\xa2\xa3\xa3}\xb2\xfa\x8b\x13s\x1c\xa8\xbf\xca\xb5\x8b&lt;v(CUU"\x92$fR\x14\xf2\x84?\xa8$\x99\x14\x85\xael\x18\xfc&amp;\xb8\x06\xd0\xac\xc4\xe1]__\xff\xc0\x03\x0f\x94\x97\x97+W\x1a\xee\xc8\x91#\xbf\xfe\xfak_\xad\xfe\x9csUS\x89\xc8\xecy\xe3\xda\x9e\xc6\xb5\x8b&lt;\xb6\x9c\x85\x87G\x10QUU\xcd\x99s\xa5d6\xb91\xd49\xe7L\x96k/\xd9\xcf\x16\x95\x11\xd1\xcf\xad\xb3\x0b\xbf\x00\x01\xd0\xac\xc4\xb4\x9f\x7f\xfc\xe3\x1f\x07\x0f\x1eT\x14E&lt;\x10f\xf8\xf0\xe1_~\xf9eHH\x88x\xc2\xaa\xbb\xb7\xb1\x91q\xceM&amp;SHp\x08\x11\x15\x9c&lt;C\xdc\xbb\xefkkbR\xc1\xc93Dd2\x99BBB\xc8\xc3\xce\x03\xc4\xc6\xf4\xe8\xd1\x83\x88\xaakj\x8bK\xce\x93\xa2\</t>
        </is>
      </c>
    </row>
    <row r="23">
      <c r="A23" s="1" t="n">
        <v>21</v>
      </c>
      <c r="B23" t="inlineStr">
        <is>
          <t>polygon_sides_color</t>
        </is>
      </c>
      <c r="C23" t="inlineStr">
        <is>
          <t>What is the missing color of the part denoted with a question mark?</t>
        </is>
      </c>
      <c r="D23" t="inlineStr">
        <is>
          <t>['orange', 'green', 'yellow', 'purple']</t>
        </is>
      </c>
      <c r="E23" t="inlineStr">
        <is>
          <t>purple</t>
        </is>
      </c>
      <c r="F23" t="inlineStr">
        <is>
          <t>There are 6 colored polygons arranged in a triangle with color ['purple'] in the top row, ['?', 'blue'] in the middle row, and ['blue', 'red', 'red'] in the bottom row.</t>
        </is>
      </c>
      <c r="G23" t="inlineStr">
        <is>
          <t>We observe that the polygon with 4 sides is blue in color and the polygon with 6 sides is red in color. Thus, the pattern is that the polygons with the same number of sides have the same color.</t>
        </is>
      </c>
      <c r="H23" t="inlineStr">
        <is>
          <t>Based on the pattern that the polygons with the same number of sides have the same color, the missing color of the part with 7 sides should be purple.</t>
        </is>
      </c>
      <c r="I23" t="inlineStr">
        <is>
          <t>b'\x89PNG\r\n\x1a\n\x00\x00\x00\rIHDR\x00\x00\x02\x00\x00\x00\x02\x00\x08\x02\x00\x00\x00{\x1aC\xad\x00\x00T\xafIDATx\x9c\xed\xddgx\x14\xd5\x1e\x06\xf03ew\xb3\xe9!\t\x01\xa4\x8a\x10B\x87\x00\t\xd5\xa8HSQDAPTDir\x91\xa2t\x10\x01!\xd2E:\xd2\xacW\x11\x10\xb8\x02R\x05A\x12:\n\t!t\x02\xa4A6u\x93\xdd\x9d9\xf7\xc3\x815\xf4\x90\xb6S\xde\xdf\xa7\xfb\xdc\'n&amp;\xcc\xce\xff=m\xce\xe1(\xa5\x04\x00\x00\xf4\x87w\xf5\x05\x00\x00\x80k \x00\x00\x00t\n\x01\x00\x00\xa0S\x08\x00\x00\x00\x9dB\x00\x00\x00\xe8\x14\x02\x00\x00@\xa7\x10\x00\x00\x00:\x85\x00\x00\x00\xd0)\x04\x00\x00\x80N!\x00\x00\x00t\n\x01\x00\x00\xa0S\x08\x00\x00\x00\x9dB\x00\x00\x00\xe8\x14\x02\x00\x00@\xa7\x10\x00\x00\x00:\x85\x00\x00\x00\xd0)\x04\x00\x00\x80N!\x00\x00\x00t\n\x01\x00\x00\xa0S\xa2\xab/\x00\xa0\xf8I\x92D\x08\xe1y\x9e\xe38W_\x0b\x80rq8\x14\x1e\xb4\x84}\x9f\x9du_\x96eY\x969\x8e\xe38\x8e\xe7\xd1\xdf\x05\xb8\x03\x02\x00\xb4C\x96eV\xe57nZ\xef\xe1\xe9\xd1\xa0~\xc3\x00\xff\xb2\xf9\x7f@\x92$J)\x0b\x03t\x0e\x00\x10\x00\xa0\x11\x92$\t\x82 I\xd2\xdb\xef\xf48\xf8\xe7E\x0f\x0fo\x07M\xafP\xb1L\xc3\xc6u\x1b4\xa8\x1f\x1e\xd6\xbcz\xf5\x9a\xf9\x7f\xde\xd99@\x18\x80n!\x00@\x0b\x1c\x92C\x14\xc4\xabW\x13^\xea\xfc\x82Q\xaa\xfe\xee\xeb\xe39NH\xcf\xb8q\xf9j\xfc\xd5\xc4\xb3W\xae\xc7\xe4\xd8\x92\xca\x96\xf3\xaeX%\xa8y\xf3\xb0z\xf5\xea5l\xd0\xd8\xdb\xdb\xf7\x8eOp8\xc8\xedi\x03\xe4\x01\xe8\x04\x02\x00\xd4\x8dR*\xcb\xb2 \x08\xbb\xff\xd8\xd1\xe3\x8d^\xad\x1b\xbd\xdb\xe9\xd9w\xd2\xd2S(\x95E\xc1`4\xba\x19\x0cFB\xb8\xccLK\xf2\x8d\xab\x97\x12b/_\x8bM\xcbH\x10\xddl\xe5\x9f\xf0o\xd0\xa8N\x9b\xd6\xad\x1b5l\\\xa1B\xa5\xfc\x9f)I2\xa5\xe8\x1c\x80\xf6!\x00@\xc5\x9c\x83\xfes\xe6N\x9f6yA\xaf.\x13\xeb\xd4\x0c\xbfiI\x12\x84[\xcb\xdb(\x95\xd97\x9c\x17\x04\x83h4\x1a\xdc\x04A\xb4\xd9\xf2n\xa6%]O\xbe|\xee\xd2\x89k\xc9qD\xb0z\xfb\x89\xf5\x1b\xd6\xae]\'\xa4E\xf3\x16uj\xd73\x1aM\xf9~\x05\x95e\x89\xcb\xc7%\x7f)@I@\x00\x80Z9\x1c\x0eQ\x14333\xfb\xf5\xefsh\xdf\x85\xf7{D\xfaz\x07dd\xdd\x14\x05\xc3}\x7f\x9eRJ\t%\x94r\x1c\'\x8a\x06\x83h2\x18L\xb2,egg^M&lt;\x9fp-\xfe\xf2\xf5\xd8\xb4\xccK^\xbeb\x85\x8a\x81\xcd\xc2B\x1b7n\xdc\xb0a\xe3rA\x15\xf2\x7f\x08\xa6\x91AK\x10\x00\xa0J\xac\xfa\xc7\xc5\xc5\xbe\xf6zW\x7f\xb7&amp;=\xbb|\x9c\x9b\x97c\xb3\xe7\t\xbcP\xb0\x0f\xa0\x94\x12JeB\x08/\x08F\x83\x9b\xd1`\xe29&gt;\'7;\xf5\xc6\xf5\x84\xeb\xe7.\\\xf9\xe7\x86\xe5\x8a\x9d\xa6U}\xb2|\xdd\xfa\xc1\r\x1a6\x08k\x16V\xb9rU\xa3!\x7f\xe7\x00kLA\xdd\x10\x00\xa02\x94RJ)\xcf\xf3\x1b7\xad\xef\xd3\xbb_\xc7\xd6C"\x9a\xbfb\xc9\xb8A\x08\xe5\xb8BV\xe1\x7f;\x07&lt;o\x10\x8dF\x83I\x14\x8d\x92$Y\xd2S\x93R\x12\xce_\xfe\xe7\xf2\xb5S\x0e\x9ant\x97\x82C\xaa\xd5\xae]\xabU\xabV\r\x1b\x86z{\xf9\xe4\xff\x10L#\x83\xea \x00@M\xd8ZOB\xc8\xe7S?\x9b\x19\xb9t`\xaf9\xd5*\xd5\xb6d\xa4:\x07\xfd\x8b\x8e%\x01{.\x04\xc1`0\x18MF7J\x89\xd5\x9a\x9d\x9c\x9ap\xe9j\\\xc2\xf5\xb8\xe4\x9b\xe7\xd84r\xc3Fu\x9b7\x0f\xafS\xa7\xdeSw\xae1\xc542\xa8\x02\x02\x00T\xe3\xf6\xa0\x7f\xc6\xfb\x1f\xbc{d\xff\xb5A\xbdg\x99\x8c\xe6\xec\x9c\x8cb\xac\xfe\xf7\xa2\x94\xde\x1a)\xe2y\x83h2\x1aM\x82 \xdal6\xe74\xf2\x8d\xb4\xcbYy\x89\xfee\xdd\xeb7\x0c\xa9]\xa7v\xf3\xf0\xe6OU\xaf\x91\x7f\x8d)\xa5T\x920\x8d\x0cJ\x84\x00\x00u\xb0\xdb\xed\x06\x83\xe1\xf0\xe1\x83\xef\xbd\xd7\'\xd0#\xb4{\xe7a\xd6\xdcl\x87\xc3\xc6\x17t\xd0\xbf\x18\xdcw\x1a\x99R\x9a\x9d\x9d\x91p\xfd\\\xc2\xf5\xb3\x97\xae\x9e\xca\xb4^\x13\x8c\xf6j\xd5+\xd4\xad\x17\x12\x1e\x1e\xde\xb4iXP\xd9\xf2\xa5v\x85\x00\x8f\x05\x01\x00JG)\xa52\xe5\x05\xfe\xdb\xefV\r\x1f:\xfa\xe5gG\xb4h\xd21-=\x99\x10\xd7\xb6\xa6\xf3M#\xf3\x82\xd1\xe8f4\x988\x8e\xcf\xcb\xcbM\xb3$_J8\x9dp\xfd\xec\xb5\xe4\xd3\x12\x9fQ\xa1\xa2\x7f\x8d\x9aU\x9b\xb7\x08\xaf_\xbfa\x9d\xda\xf50c\x0c\xca\x81\x00\x00Es\x0e\xfa\x7f2b\xe8\xaae\xeb\x06\xbd3\xbf|P\x95\x8c\xcc\x9b%:\xecS\x08\xf4\xd6\xb4\x01\xe58^\x14E\xa3\xd1,\n\x06Y\x96-\xe9\xa9\xc9)\t\xe7.\xfd\x9dj\xb9r\xf6\xf2\xc1\x17_yv\xd9\xd2\xaf\x9d\x7f\x14\x80k!\x00@\xb9\xd8\xa0\x7fZZZ\xaf\xb7{\x9e\xf9;\xe3\xa3&gt;s\t!\xd6\xbc\x9c\x02\xaf\xf5t\x15J\xef\x9cF6\x18\x8c&amp;\xd1\xed\xca\xf5sS\x16\xbcv\xec\xd8\xa1Z\xb5B\xd8B&amp;W_\'\xe8\x1d\xbe\x82\xa0P\xac\xfa\x1f&lt;\x14\xd5\xa6M\xab\xbc\x1b\x15G\r\xfa\xda\xee\xb0\xe5\xda\xac\x8a\xaf\xfe\x84\x106\xcc#\xf0\xbc@\xa9\x9c\x97g\xcd\xcc\xb4$\xdd\xb8\xf2D\xb9\xaa\rj\xb6\xfbt\xe28\x8eC\xc3\x0b\x14\x01\x01\x00\x8aC)\x95%Y\x14\xc5\x05\x0b\xbf\xec\xd2\xb9G\xcb\xba\xfdzt\x19\x96fI\x96e\x99/\xecJ\x7f\x17bi \n\xc6\xcc\xec\xf4\xce\xed\xfa\xfe\xb6iGl\xec)\x9e\xe7eYv\xf5\xa5\x81\xde\xa1%\x02\xca\xe2\x1c\x1f\xef\xdb\xaf\xf7\xe6\rQ\x03\xde\x9a\x13\xe8_A\x81\x83\xfe\x85 \xcb\x92\x9fo\xd9\xc5\xdf\x8e\xa9\x1a\xc2\xfd\xfc\xd3:\xcc\x04\x80\xcb!\x00@A\xd8\xb0Ojj\xca+\xafv\xceH\xf2\x1c\xd0k\xbaC\xb2\xe5\xd9r\xd50\xec\xf3h\x94RQ4df\xa5M]\xd8\xfd\xf0\x91\x03\xb5j\xd5\xc6L\x00\xb8\x16\xbe|\xa0\x08\xecm)Q\x14\xff\xd8\xb33&lt;\xbc\x85\x0f\x1f:\xec\x83\xf9\xb9yY\xf6\xc7\xd8\xdeG\xe98\x8e\xb3\xdb\xf3\xca\x97\xadZ\xf7\xa9\xe7&gt;\x9d8\x1e3\x01\xe0r\x08\x00p=6\x1a.\x08\xc2\x9c\xb93\xba\xbd\xfa\xde\x8b\xadGu\xed\xf4aj\xdau6~\xee\xea\xab+N\x1c\xc7g\xe5\xa4wn\xf7\xc1\xe6\xff\xed\x8c?{\x063\x01\xe0Z\x9az\xba@\x8d$Ibu\xf0\xcd\xb7\xba\xcd\x9f\xfd\xd3\xc7\x1f\xac\x08\xa9\xd1\xe4\xa6%I\xe0U?\xe8\x7f/g\'\xe0\x89\xc0\xba\xcb\x96-F\'\x00\\\x0b\xdf?p%6\xe8\x9f\xef(\xc7\tv{^\x9e]#\x83\xfe\xf7E)u3\x9a\xcf_9\xb5b\xdd\xd03qq\xfe\xfe\x01\x84\x10l\x10\x04.\x81\x1e\x00\xb8\x86s\xd0\x7f\xd7\xee\xed\xa1\xa1M\xab\x97\xed\xd4\xef\xcd\xa99\xd6L\xbbC;\x83\xfe\xf7\xc5q\x9c5/;\xa4FS?\xf7\x1a3f}\xc1q\x1cF\x81\xc0U\xd0\x03\x00\x17p\xae\x80\x9c:m\xd2\xbc\xd9+{v\x9eP7\xf8\x8e\xa3\x1c\xb5\x8dR\xeaf2_\xb8\x12\xb3\xfc\x97!g\xce\xa0\x13\x00.\x83\x1e\x00\x946\x87\xc3!\x08BVfV\xf7\x1e]W,\xdc&lt;\xa2\xdf75\x9fl\xa8\x9f\xeaOX\' 7\xbb\xd6SM\xfc&lt;\xd0\t\x00WB\x0f\x00J\xd5\xed\xa3\x1cO\xbf\xf6z\x17\x7fs\xd37\xbb|l\xcd\xcd\xb1\xdb\xf3JsWg%@\'\x00\x94\x00=\x00(%\x94RY\x96EQ\xdc\xb8i}\xab\x96m\x1aU\xef\xf5v\xd7Q\x99Y\x16\x87\xc3\xae\xb7\xeaO\xf2u\x02\xcax\xd4\x9c13\x12\x9d\x00p\t\xf4\x00\xa048\x07\xfd\xa7L\x9d8\xeb\x8be\x03\xdf*\xfe\xa3\x1cUG\xa6\xb2\xd9\xe4q\xf6\xe2\x89\xef\xfe7\xf2\xc2\xf9\x8b\xee\xee\xee\x04\x9d\x00(]\xe8\x01@\x89c\x83\xfeiii/u\xee\xf4\xdd\xb2\x1d\x13\x06\xffT\xb1\xfcS:\xaf\xfe\x84\x10\x9e\xe3s\xf3\xb2kVo\xcc9|\xbe\xff\xe1\x1bt\x02\xa0\xf4!\x00\xa0d\xd9\xedvQ\x14\x0f\x1f&gt;\xd8\xa6M+k\xea\x13#\x06,\xe5y&gt;\xc7\x9a\xa9\xf3\xea\xcfPB8\xc2u\x8ax?22\xd2f\xb3\xe1\xbd0(e\x08\x00()lWg\x83\xc1\xf0\xedw\xab:u|9\xbc\xf6\xfb=\xbb\x0cKKO\x91$I\x87\x83\xfe\xf7\xc5s|vNzx\x93\x8e\x997\x84U\xab\x97cg\x08(ehq@\x89\xa0\x94\xb2\xe1\xecOF\x0e]\xb5T\xb9G9\xba\x9cLeOw\x9f\xa8\xa3[\xf7\x1c[x:6^\x14E\x8es\xedY\xc7\xa0#\xe8\x01@\xf1c\x07"\xa6\xa6\xa6\xbe\xf6z\xd7_\x7f\x8c\x9e8\xf4\x97\x802\xe52\xb2\xd2P\xfd\xefu\xab\x13\x10\xda\x01\x9d\x00(}\x08\x00(~\xb2,\xf3&lt;\x1f\x15\xbd\x7f\xcb\x86\xfdc\x06/W\xcfQ\x8e\xaeA\t!\x94\xbc\xd8\xb6_\xe4\xb4H\x9b\xcd\xc6\xf3&lt;\xfa\xe5P:\x10\x00PRDQ(S&amp; 7\xd7*I\x0e5\x1e\xe5Xj\xfe\xed\x04\xa4\t+V.\xc3r (5x,\xa1\xa4PJ$\xc9\x81\x11\xed\x82`\xcb\x81:F\xf4Y\xb2d)\xc1\xdb\x00PZ\x10\x00\x00\xae\xc7s|vNF\xd3\x86\xcf]\x88O\xda\xb6}+\xcf\xf3\x92$\xb9\xfa\xa2@\xfb\x10\x00\x00\x8a \xcb\x92\xd9\xe4\xd92\xf4\xb5O?\x1dO\xd0\t\x80R\x81\x00\x00P\x04\x9e\x17\xb2\xb2-\xed"\xde\xfc\xe7\xf8\xf9\xed\xdb\x7fG\'\x00J\x01\x02\x00@)$Y\xf20{G\x84\xf5\x9c\xf0\xe98\x82N\x00\x94&lt;\x04\x00\x80R\xf0\xbc\x90\x95\x95\xf6\xfc\xd3=\xd1\t\x80\xd2\x81\x00\x00P\x10t\x02\xa04!\x00\x00\x14\xe4V\'\xa0M\x8f\x93\xc7/\xfe\xbem\x0b\xc7q\xe8\x04@\xc9A\x00\x00(\x8b$K\x9e\x1e\xbe-\x1aw\xfd\xe2\x8bi\xe8\x01@\x89B\x00\x00(\x0b\xc7\xf1\xd99\x19m\xc2;\x1f&gt;\xf8Ol\xec)\xec\x0e\x04%\x07\x01\x00\xa0,\x1c\xc7\xd9\xedy\xe5\x83\xaa\xd5\xaa\xfa\xf4\xa7\x13\xc7\xe3\x90\x00(9\x08\x00\x00\xc5\xe18&gt;+;\xfd\xe5\xf6\xfd~\xdb\xb4\x03\x9d\x00(9\x08\x00\x00\xc5\xb9\xdd\t\xa8Z\xe7\xa9\xe7\xd0\t\x80\x92\x83\x00\x00P\xa2[\x9d\x80v}\xd1\t\x80\x92\x83\x00\x00P\xa2[\x9d\x80\xb2U\xeb\xa2\x13\x00%\x06\x01\x00\xa0P\x1c\xc7g\xe5\xa4wn\xd7w\xcbo\xbbN\x9e\xfa\x07\x9d\x00(v\x08\x00\x00\x85\xe28\xcen\xcf\xadP\xaeZ\xb5\xf2M\x17,\xfc\n\x07\xc5@\xb1C\x00\x00(\x17\xc7\t99Y\xed"\xde\xfc\xe5\xe7\xf5\xa9\xa9)\x82 ` \x08\x8a\x11\x02\x00@\xb98\x8e\xcb\xcd\xcb\xae]\xa3\x99\xb7\xa9\xda\x8cY_\xa0\x13\x00\xc5\x0b\x01\x00\xa0h\x1c\xc7\xe7\xe6\xe5\xbc\xdai\xd0\xb2%+RSSpd&lt;\x14#\x04\x00\x80\xa2q\x1cg\xcd\xcd\xae\xf5T\x13?\x8f\x1a\xe8\x04@\xf1B\x00\x00(\x1d\xc7\xf1yy9\xafv\xfc\x10\x9d\x00(^\x08\x00\x00\xa5\xfb\xb7\x13\xe0\xfe\xd4\x8c\x99\x91\xe8\x04@qA\x00\x00\xa8\x00\xc7\xf1\xb9\xb9\xd9\xaf\xbd\xf8\xd1\x8a\xe5\xdf^\xbe|\t\xcb\x81\xa0X \x00\x00\xd4A\x92\x1c\xbe\xde\x01\xd6\x1c\x9b%\xddB\x08A\x00@\xd1!\x00\x00T\x80R\xd9\xd3\xd3w\xfd\x96E\x9d^|\xb6~\xbd\x06\x92$\xf1&lt;\x1e^(*\xd1\xd5\x17\x00\x00\x8f@)5\x18L\xd7\x93.\x9e:\xb7k\xf5\xcf\x07(\xa58)\x0c\x8a\x05\x1a\x11\x00JG\xa9\xec\xe9\xe1\xb3a\xdb\xd2\x17^j\x1b\x12RG\x96e4\xff\xa1X\xa0\x07\x00\xa0h\xff6\xff\xcf\xee\\\xfd\x13\x9a\xffP\x9c\xd0\x8e\x00P44\xff\xa1\xe4\xa0\x07\x00\xa0\\h\xfeC\x89BS\x02@\xb9n5\xff\x7f_\x82\xe6?\x94\x04\xf4\x00\x00\x14\xeav\xf3\xff\xc2\xe9\x8b{V\xff\xbc\x0f\xcd\x7f(vhM\x00(\x14\xa5\xb2\x87\xbb\xf7\xde\xa8\x8dM\x9a\xd5C\xf3\x1fJ\x02z\x00\x00\n%\xf0BV\xb6\xe5\xaf\xa3k\x7f\xf9\xf5\x1b\xbc\xf7\x0b%\x01\r\n\x00%\x92e\xc9\xd3\xd3o\xfb\xde\x1f\xeb6\xac\xda\xbe]GJ\xa9 \x08\xae\xbe(\xd0\x1a\xf4\x00\x00\x94H\xe0\x85lk\xc6\x1f\xd1?\xac\xdf\xf0\x03\xc1\xce?P2\xd0\x03\x00P\x9c[\xcd\xff=?\xd4k\xf8\xe4\xf3\xcf\xb7\x97e\x19\xcd\x7f(\t\xe8\x01\x00(\x0e\x9a\xffP:\xd0\x03\x00P\x164\xff\xa1\xd4\xa0\x07\x00\xa0 \x945\xffs2vG\xfd\xf0\xebF4\xff\xa1d\xa1\x07\x00\xa0 T\x96&lt;&lt;|\xb7\xef\xfd\xa1a\xe8Sh\xfeCIC\x0f\x00@A8\x8e\x93$\xfb\xbeCkW~\xf7\x15A\xf3\x1fJ\x18z\x00\x00J!S\xd9\xc3\xdd\'\xfa\xd86\xffr\xa6\x0e\xed;QJ\xf1\xea/\x94(|\xbd\x00\x94\x82#\x84pd\xd3\x8e%#G\x8e0\x9b\xcd\xb2,c\xf3\x1f(Q\x08\x00\x00E`\xcd\xff\xa8#[\xbd\xfd\xa5w\xdf\xe9\x83\x9d\x7f\xa0\x14\xe0\x1b\x06\xa0\x08\xac\xf9\xff\xbf\x1dKF\x8d\x1ae4\x1a\xb1\xf7\'\x94\x02\x04\x00\x80\xeb9\x9b\xff^h\xfeC)\xc2\x97\x0cJ\n\xc7\x11A\x10)\xa5X\xca\xf2Hh\xfe\x83K \x00\xa0\xa48\x1c\xd2\xcd\x9b\xa9nnfA\x10e*\xbb\xfar\x94\x0b\xcd\x7fp\x15|\xcf\xa0\xf8\xf1&lt;/\xcbrxX\xcb\x8e/\xb7\x9c:\xaf\x8fA4\xba\x19\xcd\x92,\xb9\xfa\xba\x14\x8a5\xf57\xedX\x8c\xe6?\x942\x04\x00\x14?\x8e\xe38\x8e\x0b\x08\x08\xf8e\xcd\xdaWz\x84M\x9c\xf3Z\xea\xcdDoO?Ir\xb8\xfa\xd2\x14G\xa6\xb2\x87\xd9;\xfa\xe8V\xdf@\x0e\xcd\x7f(e\xf8\xaaA\x89\xe08\x8eR*K\xf2\x8c/\xe6\xcc\xfe\xea\xb3\x05\xdf\xf7=t|g\x19\xbf Y\x960%p\x07J\rF\xe3\xae\xfd?\xbd\xfb\xee;F\xa3\x11k\xff\xa14qx\x1a\xa1D\xd9\xedv\x83\xc1p\xf8\xf0\xc1\xde\xbd{\x07y\xb5\xe8\xf9\xca\xd0\xccl\x8b\xc3a\xe7ylqC(\xa5n&amp;\xf3\x85+1+\xd6\x0e\x8d\x89\x8d)\x1bX\x96\x10\x82\x00\x80R\x83\x1e\x00\x94,\x83\xc1\xe0p8\x9a4i\xb6w\xef&gt;s\xc0\xd5\xe9\x8b\xfa\xca\xb2\xecn\xf6\xc2p\x10!\x84R\xd9dr_\xb7e\xc1\xfb\x1f\xf4\x0e*\x1b\x84\xe6?\x942\x04\x00\x948Q\x14%I\xf2\xf3\xf3\xdb\xb4q\xf3[\x1f\xb4\x9d4\xaf{\xc2\xf5\xb3\xbe\xde\x01:\xcf\x00J\xa9\xd9\xcd\xe3\xf4\xd9\xc3i\xd9\xf1\x9f|&lt;\x12;\xff@\xe9\xc3\x17\x0eJ\x83 \x08\x94RY\x96\xc7\x8d\x99\xb8\xfa\xbb\xf9K\x7f\x1a\xb47zc\x19\xdf\xb2\x94\xca\xba\x1d\x84t6\xff?\xe8\xf7^@@ \x9a\xffP\xfa0\x07\x00\xa5\xca\xe1p\x88\xa2\x18\x17w\xfa\xb5\xd7\xbb\xf8\x9b\x9b\xbe\xd9\xe5ckn\x8e\xdd\x9e\xa7\xb7)\x01\xe7\xe8\xff\xf2_\x86\x9c9\x13\xe7\xef\x1f@0\xfa\x0f\xa5\x0e=\x00(U\xa2(:\x1c\x8e\xe0\xe0Z\x07\xf6\x1f\nz2\xfb\x8b\x05}\x1d\x0e\xbb\x87\xbb\xb7\xde\x86\x83\xd0\xfc\x07%@\x00@icS\x02\x9e^\x9e?\xfd\xb8\xf6\xbd\x81\x9d\xa6/y\xfb\xcc\xf9\xe3e|\x83\xf4\x93\x01\x94\xcaf7\xcf\xd8\xf8\xc3i\xd9\xf1\x9f\x0c\xc7\xe8?\xb8\x0c\xbev\xe0\x02lJ@\x92\xa41\xa3\'\xfc\xf0\xf3\xd2\x1f~\x1b\xb3e\xf77\xfe~\xe5(\xa5T\x07\x9bFPJ\x8dF\xd3\x86\xdf\x17\xf6\xed\xd7\x07\xcd\x7fp!\xcc\x01\x80+\xb1)\x81\xabW\x13^\xea\xfc\x82Q\xaa\xfe\xee\xeb\x13\xec\xf6\xbc&lt;{\xae\xa0\xdd)\x01J\xa9A4\xde\xb0\\\x9f\xbd\xe2\x9d3gN\x07\x05\x95#\x18\xfd\x07\x17A\x0f\x00\\\x89\r\x07=\xf1D\xc5C\x07\x8fV\xaf+\xceX\xf2\xbe57\xcb\xcb\xc3W\xc3\xc3A\x94\xca\x1e\xee\xde[v}\xd3\xa1c\xdbr\xe5\xca\xa3\xf9\x0f.\x84\x00\x00\x17\x13\x04\x81m\x80\xf3\xfdw?\x0f\x1a\xd6}\xe6\xb2\xf7b\xe3\x0f\x97\xf1\r\x92d\rf\x00\xa5\xd4`0]O\xbex\xf2\xec\x8e\xcf&amp;N"h\xfb\x83Ka\x08\x08\x14\x81\xbd% \x08\xc2\x1f{v\xbe\xdf\xa7\x7fp\xc5\xf6\xaf\xbf\xf8\x9f\xb4\xf4dJ)\xc7i\xa7\x99"\xcb\x92\x9fo\xd9\xc5\xdf\x8e\xa9\x1a\xc2\xfd\xfc\xd3:I\x92\x04A\xb3\x83]\xa0|\x08\x00P\x106%\x90\x9a\x9a\xf2\xca\xab\x9d3\x92&lt;\x07\xf4\x9a\xee\x90ly6\x8dL\tPJE\xd1\x90\x99\x956ua\xf7\xc3G\x0e\xd4\xaaU\x1b\xeb\x7f\xc0\xb5\xf0\xe5\x03\x05aS\x02\x01\x01\x81\xfb\xf6\x1e\x08\x8f\xa8\xf8\xf9\xfc\x9e\x19\x99i\x9a\xd9G\x9aR\xd9\xd3\xc3g\xc3\xb6\xa5/\xbc\xd46$\xa4\x0ev~\x06\x97\xc3\xf7\x0f\x94\xe5\xd6\xa6\x11\x92\xbct\xc9\xca\xd1\x13\xfa/\xfc~\xc0\xd1\xbf\xff\xd0\xc0&gt;\xd2\xb7F\xff\x93.\x9e:\xbb\xf3\xb3\x89\x93q\xea\x0b(\x01\x86\x80@\xa1\xd8p\xd0\xc1CQ}\xde\xebS\xce\xabE\x8f.\xc322oJ\xb2\xc4\xabmJ\x80\x9d\x8a,\xc9\xf6\xc02\x15\x16\x7f;\xa6\nF\xffA1\x10\x00\xa0\\,\x03\xd2\xd2\xd2z\xbd\xdd\xf3\xcc\xdf\x19\x1f\xf5\x99K\x08\xb1\xe6\xe5(~J\x80\xd5|J\x08\x11\x04\x83\xc1`4\x18\x8c&amp;\xd1\xed\xca\xf5sS\x16\xbcv\xec\xd8\xa1Z\xb5B0\xfa\x0fJ\x80\x00\x00Es\xb6\x94?\x191t\xd5\xb2u\x83\xde\x99_&gt;\xa8JF\xe6MA\x10]}iw\xb8]\xf1)\xc7\xf1\xa2(\x1a\x8dfQ0\xc8\xb2lIOMNI8w\xe9\xefT\xcb\x95\xb3\x97\x0f\xbe\xf8\xca\xb3\xcb\x96~\x8d\xe6?(\x04\x02\x00\x94\x8eRJe\xca\x0b\xfc\xb7\xdf\xad\x1a&gt;t\xf4\xcb\xcf\x8eh\xd1\xa4cZz2;{\xd8\xa5\xd7E\xd8\xc6\x15&lt;/\x18\x8dnF\x83\x89\xe3\xf8\xbc\xbc\xdc4K\xf2\xa5\x84\xd3\t\xd7\xcf^K&gt;-\xf1\x19\x15*\xfa\xd7\xa8Y\xb5y\x8b\xf0\xfa\xf5\x1b\xd6\xa9]\x8f\xe38\xb4\xfdA!\x10\x00\xa0\x0e\xce\xa3%\xdf{\xafO\xa0Gh\xf7\xce\xc3\xac\xb9\xd9\x0e\x87\xad4\xf7\x91\xa6\x94RB\t\xa5\x1c\xc7\x89\xa2\xc1 \x9a\x0c\x06\x13\xa54;;#\xe1\xfa\xb9\x84\xebg/]=\x95i\xbd&amp;\x18\xed\xd5\xaaW\xa8[/$&lt;&lt;\xbci\xd3\xb0\xa0\xb2\xe5K\xed\n\x01\x1e\x0b\x02\x00T\x83M\tdff\xbc\xff\xc1\xbbG\xf6_\x1b\xd4{\x96\xc9h\xce\xce\xc9(\xd1\xe1 \xe7\xfet&lt;\xcf\x1bD\x93\xd1h\x12\x04\xd1f\xb3\xddLK\xba\x9e|\xf9\xdc\xa5\x137\xd2.g\xe5%\xfa\x97u\xaf\xdf0\xa4v\x9d\xda\xcd\xc3\x9b?U\xbd\x86\xb7\xb7o\xfeO\x90$\x89\xcb\xa7\xe4\xae\x16\xe0\xb1 \x00@M\x9c\xa3\xe7\x9fO\xfdlf\xe4\xd2\x81\xbd\xe6T\xabT\xdb\x92\x91Z\x8c\x19\xc0\xda\xf8\xf9\xa7pMF7J\x89\xd5\x9a\x9d\x9c\x9ap\xe9j\\\xc2\xf5\xb8\xe4\x9b\xe7D7[\xf9\'\xfc\x1b6\xaa\xdb\xbcyx\x9d:\xf5\x9e\xaa^\xf3\xce\xeb\x94)\x95\xd9h\x0f*&gt;(\x16\x02\x00T\x86M\xb7\xf2&lt;\xbfq\xd3\xfa&gt;\xbd\xfbul=$\xa2\xf9+\x96\x8c\x1bl\x02\xb6\xf0\x9f\xc9\xc6vx\xde \x1a\x8d\x06\x93(\x1a%I\xb2\xa4\xa7&amp;\xa5$\x9c\xbf\xfc\xcf\xe5k\xa7\x1c4\xdd\xe8.\x05\x87T\xab]\xbbV\xabV\xad\x1a6\x0c\xf5\xf6\xf2\xc9\xff!\x0e\x87\x83\x10\xc2*&gt;\x8a&gt;\xa8\x02\x02\x00T\xe9\xf6\xd1\x92\xb1\xaf\xbd\xde\xd5\xdf\xadI\xcf.\x1f\xe7\xe6\xe5\xd8\xecy\x05^!\x9ao\nW\x10\x8c\x067\xa3\xc1\xc4s|Nnv\xea\x8d\xeb\t\xd7\xcf]\xb8\xf2\xcf\r\xcb\x15;M\xab\xfad\xf9\xba\xf5\x83\x1b4l\x10\xd6,\xacr\xe5\xaaF\x83\xc9\xf9\x11\xb2,\xb3\xbd&lt;1\xaf\x0b*\x85\x00\x00\xb5\xba=%\x90\xd9\xaf\x7f\x9fC\xfb.\xbc\xdf#\xd2\xd7; #\xeb\xa6(\x18\xee\xfb\xf3\xf7\x9d\xc2\x95e);;\xf3j\xe2\xf9\x84k\xf1\x97\xaf\xc7\xa6e^\xf2\xf2\x15+T\x0cl\x16\x16\xda\xb8q\xe3\x86\r\x1b\x97\x0b\xaa\x90\xffC$Ib/\xf1bl\x074\x00\x01\x00*\xe6\xdcNg\xce\xdc\xe9\xd3&amp;/\xe8\xd5eb\x9d\x9a\xe17-I\xce)\x01Je\xf6\r\xe7\x05\xc1 \x1a\x8d\x067A\x10m\xb6&lt;\xe7\x14\xee\xb5\xe48"X\xbd\xfd\xc4\xfa\rk\xd7\xae\x13\xd2\xa2y\x8b:\xb5\xeb\x19\x8d\xf9\x9b\xf9T\x961\x85\x0b\xda\x84\x00\x00us\xee#\xbd\xfb\x8f\x1d=\xde\xe8\xd5\xba\xd1\xbb\x9d\x9e}\'-=\x85RY\x14\x0cF\xa3\x9b\xc1`$\x84\xcb\xcc\xb4$\xdf\xb8z)!\xf6\xf2\xb5\xd8\xb4\x8c\x046\x85\xdb\xa0Q\x9d6\xad[7j\xd8\xb8B\x85J\xf9?\x13S\xb8\xa0\x13\x08\x00\xd0\x02\x87\xe4\x10\x85\xfcGK\x8e\xe78!=\xe3\xc6\xe5\xab\xf1W\x13\xcf^\xb9\x1e\x93cK*[\xce\xbbb\x95\xa0\xe6\xcd\xc3\xea\xd5\xab\xd7\xb0A\xe3\xfc+5\t\xa6pA\x97\x10\x00\xa0\x11l\x85\xa8$Io\xbf\xd3\xe3\xe0\x9f\x17=&lt;\xbc\x1d4\xbdB\xc52\r\x1b\xd7m\xd0\xa0~xX\xf3\xeaw\xae\xd4tN\xe1\xa2\x99\x0f\xba\x85\x00\x00\xedpN\tl\xdc\xb4\xde\xc3\xd3\xa3A\xfd\x86\x01\xfee\xf3\xff\x00\xa6p\x01\xf2C\x00\x80\xa6\xb0\xef\xb3\xb3\xb8c\xa5&amp;\xc0C \x00@\x83$I"\xb7\x07\xf4]}-\x00\xca\x85\x00\x00\x00\xd0)t\x8a\x01\x00t\n\x01\x00\x00\xa0S\x08\x00\x00\x00\x9dB\x00\x00\x00\xe8\x14\x02\x00\x00@\xa7\x10\x00\x00\x00:\x85\x00\x00\x00\xd0)\x04\x00\x80\x96I\x92$\xcb\xb2\xab\xaf\x02\x14\n\x01\xa0;\xf4\xf6\x81\xb7\xa0y\xb2,\t\x82\xc0\xf3&lt;2\x00\xee\x0b\x01\xa0/\xce\x8dq(\xa5\x0e\x87\x835\x0f\x91\x07\x9a\xe4p8x^X\xb4\xe0\xab\xdd\xbbv\xf2&lt;\xcf\xf6\xbb\x06\xc8\x0f\x01\xa0#\x0e\x87\x83\xe7\xf9\x8c\x8c\x8cK\x97.q\x1c\'\x8a"k\x1er\x1c\'I\x12\xcb\x03\x84\x816\xd8\xedvQ\x14\x17\xce\x9b3d\xfc\x17\xdd\xdez/j\xff\x9f\xa2("\x03\xe0.\xa2\xab/\x00J\x89\xddn7\x18\x0c\xbbw\xef\x1e6l\x98\xbb\xbb\xbb\xb7\xb7w\xc5\x8a\x15\x9b7o^\xb7n\xdd\x06\r\x1a\x98L\xff\x1e\x82H)\x95$\t;h\xaa\x17\xbb\xd7\x0b\xbe\x9c5|\xe2\xac\x0f\x97\xeeO\x88?\xd1\xae\xd3K\xdb\xb7\xfe\x16\xd6\xbc%;H\xd9\xd5\x17\x08J\x81\xcd\xe0\xb4\x8f\r\xfa\xf3&lt;?{\xf6\xec\x85\x0b\x17\xce\x9f??&lt;&lt;\xfc\xf4\xe9\xd3\x87\x0e\x1d\x8a\x89\x89\x89\x8f\x8f\xb7Z\xad\x95*U\n\x0e\x0en\xd5\xaaU\xbdz\xf5\xca\x95+\x97\xff?\xc7\x1e\xfa\xea\xe2\xac\xfe\x1f\x7f6\xe7\xfdy\xdb\x8df\x0f\x93\xd9\xfd\xcc\x91=\xdbg\xbd\xbfm\xcb\xff\x90\x01\x90\x1f\x02@\xe3\xd89Y\x84\x90\xb7\xdf~;&amp;&amp;f\xed\xda\xb5\x95*UJOO7\x9b\xcdnnn\x84\x90\xdc\xdc\xdcs\xe7\xce\xfd\xfd\xf7\xdf\'N\x9c\xf8\xe7\x9f\x7f222\xdc\xdd\xddk\xd7\xae]\xaf^\xbd\x16-Z\xd4\xaaU+\xff\xa7\xe1\x14-\x85\xcb_\xfd\xfb\xcc\xdbf\xf6\xf0\xb1\xe5fSY\xf6*\x13\x14wx\x172\x00\xee\x82\x00\xd02\xf6\x9c\'\'\'w\xee\xdc\xb9j\xd5\xaa\xdf~\xfb\xad\xcdf\xcb\xc9\xc9\x11E\x91\x9d\xa5N)\x15\x04\xc1d2\xb9\xbb\xbb\xb3\x99\x80\x1b7n\x9c&lt;y2&amp;&amp;\xe6\xd0\xa1C\x17.\\0\x99L\x01\x01\x01M\x9b6\xad_\xbf~hh\xa8\x9f\x9f\xdf]\x9f\xcf\xe5\xe3\xaa?\x13\x98\xbb\xab\xbf\xa7O^N\x16/\x88\x84\x10\xc9a\xf7F\x06\xc0=\x10\x00\xda\xc4\xea\xbb \x08;v\xec\x188p\xe0{\xef\xbd7j\xd4\xa8\x1b7n\x10B\xee\x1d\xd6w\x86\x01\xc7q\x06\x83\xc1l6\x1b\x8dFBHzz\xfa\xe5\xcb\x97\x8f\x1e=z\xf4\xe8\xd1\xb3g\xcf\xa6\xa5\xa5\x05\x06\x06\x06\x07\x07\x87\x87\x87\x87\x86\x86V\xa9R%\xff\x87\xa0s\xe0Z\x0f\xa9\xfe\x0c2\x00\xee\x85\x00\xd0 \xe7Z\xcf\xc8\xc8\xc8\x15+V,]\xba4"""99Y\x14\xc5\x82\x94f\x16\x06\x94RQ\x14M&amp;\x93\xd9lf\x9d\x83\x84\x84\x84\x13\'N\x9c&lt;y\xf2\xe8\xd1\xa3\x16\x8b\xc5\xe1p\x04\x07\x07\x87\x85\x85\xd5\xad[\xb7~\xfd\xfal@\x89\xc9?\x8d\x8c\xceA)xd\xf5g\x90\x01p\x17\x04\x80\xd6\xb0A\x7fI\x92^\x7f\xfd\xf5\xb4\xb4\xb4\xef\xbe\xfb\xae|\xf9\xf2\xa9\xa9\xa9\x06\x83\xa1\x10\x9f\x96\xbfs\xc0\xc2\x80\xd5\x8b\xf4\xf4\xf4\xd3\xa7O\x9f:u\xea\xd8\xb1c\'O\x9et8\x1c~~~\x8d\x1a5\n\r\r\r\r\r}\xe2\x89\'\xee\xba$L#\x97\x9c\x02V\x7f\x06\x19\x00\xf9!\x004\x85=\xccW\xae\\\xe9\xd4\xa9S\x8b\x16-\x16.\\h\xb5Z\xadVk\xb1&lt;\xe1\xac[\xc0\xba\x17\x82 8\xa7\x91\xadV\xeb\x95+Wbbb\xa2\xa3\xa3\xe3\xe3\xe3\xaf_\xbf\xee\xe5\xe5\x15\x12\x12R\xbf~\xfd\xf0\xf0\xf0j\xd5\xaa\xe5\xef\x1c\xe0\x94\xf6\xe2\xf5X\xd5\x9fA\x06\x80\x13\x02@#\x9c\x83\xfe\xdb\xb6m\xeb\xdd\xbb\xf7\xd8\xb1c\x07\x0e\x1c\xf8\xa0A\xffb\xfc\x8dl\x1a\xd9h4\x9a\xcdf\xb6\xdc(%%\xe5\x9f\x7f\xfe\x89\x89\x899x\xf0`RRRvvv\xc5\x8a\x15\x9b6m\xda\xa0A\x83\xfbN#\x93\xdb\xa7\xb7\xa3s\xf0\xb8\nQ\xfd\x19d\x000\x08\x00-p\xae\xf5\x9c8q\xe2O?\xfd\xb4t\xe9\xd2\xd6\xad[\'\'\'\x17n\xd8\xa7\x10\xf2w\x0e\xf2O#\xe7\xe4\xe4\\\xbat)::\xfa\xd8\xb1c\xf1\xf1\xf1\xe9\xe9\xe9\xde\xde\xde\xb5k\xd7\x0e\x0b\x0b\xab_\xbf\xfe\xbdkL\xd1\'(\xb8BW\x7f\x06\x19\x00\x04\x01\xa0\x01\xec\xb9\xcd\xca\xcaz\xf3\xcd7\xf3\xf2\xf2\xbe\xff\xfe{\x1f\x1f\x9f\x9b7o\x96Z\xf5\xbf\x97s\x1a\xf9\xae5\xa6W\xaf^={\xf6lTT\xd4\x993g.\\\xb8\xc0q\\\xcd\x9a5CBBZ\xb4h\x11\x1c\x1c\xec\xeb\xeb\xcb\xa6\n\\u\xd9*R\xc4\xea\xcf \x03\x00\x01\xa0n\xec\x89\x8d\x8d\x8d}\xe5\x95W^~\xf9\xe5/\xbe\xf8"+++77W9\x8f\xb1s\xa4\x88\xe7y\x83\xc1\xe0\xe6\xe6\xc6:\x07\x99\x99\x99\xb1\xb1\xb1\'O\x9ed/\x1c\xa4\xa6\xa66h\xd0`\xf9\xf2\xe5\xc8\x80G*\x96\xea\xcf \x03t\x0e\x01\xa0V\xce\r\x1e\xd6\xae]\xfb\xe1\x87\x1f\xce\x9a5\xeb\xcd7\xdf,\xd1A\xff\xa2\xa3\xf9\x88\xa2\xe8\x9cF\xb6\xdb\xed\t\t\t\x8d\x1b7\xfe\xf1\xc7\x1f\xdb\xb7o\xcf&amp;3\\}\xb1\nU\x8c\xd5\x9fA\x06\xe8\x19\x02@\x95\x9c\x83\xfe\xe3\xc7\x8f\xff\xe1\x87\x1f\xd6\xae]\xdb\xb0a\xc3\xd2\x1c\xf4/\x16\xce\xce\x81,\xcbAAA\xd3\xa7O\xff\xef\x7f\xff{\xf4\xe8QL\x06&lt;H\xb1W\x7f\x06\x19\xa0[\x08\x00\xf5aU --\xadG\x8f\x1e\x06\x83a\xf5\xea\xd5\x9e\x9e\x9e\x16\x8bE]\xd5??\xe7[\x02!!!+V\xac\xe8\xd0\xa1\x833\xe1\xc0\xa9\x84\xaa?\x83\x0c\xd0\'\xb4\xb3T\x86U\x81\xe8\xe8\xe8\x96-[6k\xd6l\xd3\xa6M\xa2(fdd\xa8\xb7\xfa\x13B8\x8es8\x1c&gt;&gt;&gt;\x83\x07\x0f\x1e3f\x0c\xfb\x7f\\}Q\xcaR\xa2\xd5\x9f\x10"\x88\x86\x8c\x9bI\xc1M\x9e}~\xf8\xd7\xed:\xbe\x18}`?\xce\x0f\xd0\x03\xf4\x00T\xc39\xe8\xbf|\xf9\xf2\t\x13&amp;,X\xb0\xe0\x95W^IMM\xd5\xcc\xeb\xb5\xecU\x00t\x02\xeeU\xd2\xd5\xdf\t\xfd\x00\xbdA\x00\xa8\x83\xb3\x1a\xfe\xe7?\xff\xd9\xb1c\xc7\x86\r\x1bj\xd4\xa8\x91\x9a\x9a\xaa\xa5\x87\xd3\xe1p\x04\x06\x06FFF\xfe\xfc\xf3\xcf\x98\tp*\xb5\xea\xcf \x03t\x05\x0f\x98\n8\x1c\x0eA\x10RRR\xc2\xc3\xc3\x93\x92\x92\x0e\x1f&gt;\\\xa9R%\x8dU\x7fB\x88(\x8a\x16\x8b\xa5\x7f\xff\xfe)))[\xb7ne\xaf\x0e\xb8\xfa\xa2\\\xac\x94\xab?\xc1X\x90\xce \x00\x94\x8e\x1d\xee\xbaw\xef\xde\x96-[\xbe\xfc\xf2\xcb?\xff\xfc\xb3sO\x7fW_Z\xf1\xb3\xdb\xed\xbe\xbe\xbe\xaf\xbf\xfe\xfa\x97_~\xa9\x8dq\xad\xa2(\xfd\xea\xcf \x03\xf4\x03C@\xca%\xcb2!\x84\x1d\xe5\xb8h\xd1\xa2\xaf\xbe\xfa\xaaC\x87\x0e\x05\xdf\xd5Y\x8d(\xa5F\xa3111\xb1Y\xb3f\x7f\xfe\xf9g\xed\xda\xb5\xd9\xb4\x87\xab\xaf\xcb\x05\\U\xfd\x9d0\x16\xa4\x07\x08\x00\x85\xba\xefQ\x8e\x85\xde\xd5YE\xd8L@\xdf\xbe}\x93\x92\x926l\xd8\xa0\xcf\xa9`\x97W\x7f\x06\x19\xa0yzl[)\x1f\x1b\xf4OHH\x08\x0b\x0b\xb3\xd9l\x07\x0e\x1c\x08\x08\x08\xb8q\xe3\x86\xe6\xab?!D\x10\x84\xac\xac\xac\xd1\xa3G\xef\xdd\xbb\xf7\xd4\xa9S&lt;\xcf\xb3\x9e\x90~(\xa4\xfa\x13\x8c\x05\xe9\x00\x02@Y\xd8YZ\xa2(n\xdb\xb6-,,\xacW\xaf^\xff\xfd\xef\x7f333\x15\xb5\xbdO\x89\xe28\xcej\xb5V\xabV\xad[\xb7nc\xc6\x8c\xe18}uR\x95S\xfd\x19d\x80\xb6\xe9\xeb\xe9R\xb8\xbb\x8er\\\xbe|y)\xef\xea\xac\x10l&amp; %%\xa5q\xe3\xc6\xfb\xf6\xed\xd3\xcfL\x80\xd2\xaa\xbf\x13\xc6\x82\xb4\n\x01\xa0\x14\xec\x89r\x1e\xe5\xf8\xfd\xf7\xdf\x07\x05\x05\xa5\xa6\xa6\xb2\xbd3\xf5\x86\xcd\x04\xf4\xeb\xd7/11Q\'3\x01\x8a\xad\xfe\x0c2@\x93\xb4\xdf\xaaR\x05\xe7Q\x8e\r\x1b6\x0c\x0c\x0c\xdc\xb1c\x87\xb7\xb7\xf7\xcd\x9b7M&amp;\x93\xab/\xcd5\xd8L\xc0\xc8\x91#\xff\xfc\xf3\xcf3g\xceh~&amp;@\xe1\xd5\x9f`,H\xa3\x10\x00.\xc6\xf6\xc2\x14Eq\xdd\xbau-[\xb6\x1c0`\xc0\x92%K,\x16K^^\x9e(\x8a\xba\xed\x9f\xb1\x99\x80\'\x9f|\xb2E\x8b\x16\x0b\x16,\xd0\xf6L\x80\xf2\xab?\x83\x0c\xd0\x1e-?W\xca\xe7\x1c\xd9\x980a\xc2\xf7\xdf\x7f\xbff\xcd\x9a\xc6\x8d\x1b\xebp\xd0\xff\xbedY\xf6\xf0\xf08r\xe4\xc8K/\xbd\x14\x17\x17\x17\x10\x10@\xb4\xb8I\x9cZ\xaa\xbf\x13\xc6\x82\xb4\x04\x01\xe02w\x1d\xe5\xf8\xc3\x0f?\xa8}W\xe7b\xc7f\x02\xda\xb7o_\xbbv\xed9s\xe6ho&amp;@u\xd5\x9fA\x06h\x06\x86\x80\\\x83\x1d\x89\x15\x13\x13\x13\x1a\x1a\x1a\x1c\x1c\xbcy\xf3f\x83\xc1\xa0\xf6]\x9d\x8b\x1d\xcf\xf3\xb9\xb9\xb9\x13\'N\\\xbdzuJJ\n\xcf\xf3Zj\xaf\xa8\xb4\xfa\x13\x8c\x05i\x08\x02\xc0\x05X\x15\xdb\xb4i\xd3\xf3\xcf??~\xfc\xf8\xe9\xd3\xa7\xa7\xa5\xa5\xd9l6\x8d5o\x8b\x8e\xe7\xf9\xcc\xcc\xcc\xe6\xcd\x9b7m\xdat\xea\xd4\xa9\x1c\xc7if*X\xbd\xd5\x9fA\x06h\x03\x86\x80J\x1b;\xfd\xea\xe6\xcd\x9b\xd5\xabW_\xb3fM\xdb\xb6m1\xe8\xff\x10l&amp;\xe0\xd8\xb1c/\xbc\xf0\xc2\x993g\xfc\xfd\xfd\x89\xfag\x02\xd4^\xfd\x9d0\x16\xa4v\xe8\x01\xb8\x86\xc3\xe1\xf0\xf7\xf7\xafY\xb3fzz:\x1e\x98\x87\xc8\xdf\t\x98&lt;y\xb2\x06:\x01\x9a\xa9\xfe\x04\xfd\x00\xf5C\x00\xb8\x06\xdb\xec\xdej\xb5b\xd8\xe7\x91\xd8L\xc0\x84\t\x13\xd6\xacY\x93\x95\x95\xa5\xea\x99\x00-U\x7f\x06\x19\xa0j\x08\x00W\xd2\xc3\xf6\x06E\xc7\xf3|VVV\xcb\x96-+W\xae\xbcr\xe5J\xf5v\x02\xb4W\xfd\x19d\x80z\xa1\x00\x81:8\x1c\x8e\x8f&gt;\xfah\xfa\xf4\xe96\x9bM\x8d\xef\x85i\xb5\xfa3\xc8\x00\x95B\x00\x80\n\x08\x82\x90\x9e\x9e\xde\xad[7__\xdfe\xcb\x96\xa9ng\x08mW\x7f\x06\x19\xa0F\x08\x00P\x07\xd6\xe4\x1f7n\\dd\xa4\xba:\x01z\xa8\xfe\x0c2@u\x10\x00\xf0/Y\x96%Ir\xdcI\x92$%\x94ZA\x10,\x16K\xd7\xae]\xd5\xd5\t\xd0O\xf5g\x90\x01\xea\x82\x00\x00"\xcb2{D\xdd\xdd\xdd\xfd\xfc\xfc\x02\x03\x03\x03\x03\x03\x03\x02\x02\xd8\xff\xf0\xf5\xf55\x18\x0c\x92$\xb9\xbc\xe0\xb2W(T\xd4\t\xd0[\xf5g\x90\x01*\xa2\xf4GH{X\x15KIIi\xd6\xac\xd9\xb6m\xdb\xca\x97/\xcfj\x99\x0b/\xc9\xdd\xdd\xddh4Z,\x96\xf8\xf8\xf8\xd3\xa7O_\xbat\xc9b\xb1\xd8l6\x93\xc9\x14\x10\x10P\xb3f\xcd\x86\r\x1bV\xa9R\xc5f\xb3egg\xbbv\xdd\xaa,\xcb&gt;&gt;&gt;\x8d\x1a5\xea\xd7\xaf\xdf\xa0A\x83\x94\xbc;\x90&gt;\xab\xbf\x13\xde\x11S\x05\xdc\x0f\xbd\x13\x04!**j\xc3\x86\r\xdb\xb7o\x8f\x8d\x8d\x95$\xe9\xde\x9f\t\n\nj\xdf\xbe\xfd\x90!C\x1a4hp\xf3\xe6M\x17\xd6\\\x16\x9fc\xc7\x8e\x1d=zt\xff\xfe\xfdQ\xfd\x15\xcb\xd9\x0f \xc3\xbfn\xd7\xf1Ed\x802\xa1\x07P\xda\x94\xd3\x03\x90e\xd9\xcb\xcbk\xf0\xe0\xc1K\x96,q\xfe\x9f\x95+W\xae\\\xb9\xb2\xbf\xbf\xbf\xd1h\xcc\xc9\xc9\xb9z\xf5jlll^^\x1e!\xc4\xcb\xcbk\xc6\x8c\x19\xef\xbf\xff~ZZ\x9ak+\xaf(\x8au\xea\xd4Y\xbcxq\xa7N\x9d\x14\xd8\t@\xf5wB?@\xe1p\'\xf4K\x96e\x83\xc1P\xbdzuBH\x83\x06\r:w\xee\xfc\xdcs\xcf\xd5\xa8Q\xc3\xcf\xcf\x8f\xedMD)\xcd\xc9\xc9\xb9p\xe1\xc2\x9a5k\xe6\xcf\x9f\x9f\x91\x91\xd1\xbf\x7f\x7fQ\x14\xdf}\xf7]\x17f\x80\xc3\xe1\xf0\xf3\xf3\x1b0`\xc0\xb8q\xe3:u\xea\xa4\xb4}\x81P\xfd\xf3C?@\xe1\xd0\x03(m\xca\xe9\x01PJ\r\x06CZZZTTT\xdb\xb6m\xcb\x94)\x93\x97\x97\x97\x9b\x9b\xebp8\x9c\xdf\nA\x10L&amp;\x93\xbb\xbb\xfb\x81\x03\x07\xbau\xeb\x96\x90\x90\xe0\xed\xed}\xe8\xd0\xa1\n\x15*\xb8p\xea\x82\xe38\x8e\xe3BBBV\xacX\xd1\xa1C\x07\xe5t\x02P\xfd\xef\x0b\xfd\x00\xc5\xc2* \xfd\xe28\xcen\xb7\xfb\xf8\xf8\xbc\xfa\xea\xab&lt;\xcf\xa7\xa4\xa4deeI\x92\xc4\xf3\xbcp\x1b!\xc4j\xb5&amp;&amp;&amp;6o\xde|\xf1\xe2\xc5\xec\xd0\x82\x95+Wzzz\xdew\xb6\xa0t\xb0\xcb\x1e&lt;x\xf0\x981c\x88b6\x07E\xf5\x7f\x10\xac\x0bR,\x04\x80\xae\xb1=\xe9,\x16\x0b;\x97\x98\xe7\xf9{\x8b)\xcf\xf3&amp;\x93)%%\xa5]\xbbv\xad[\xb7\xe68n\xe7\xce\x9dYYY.lt\x8b\xa2h\xb1X\x06\x0c\x18\x90\x98\x98\xb8u\xebV\x9e\xe7]\x98F\x0c\xaa\xff\xc3!\x03\x94\t\x01\xa0w\x1c\xc7\t\x82P\x90F\xb4(\x8am\xda\xb4\xa1\x94^\xbat)55\xd5`0\xb8p\xfcPQ\x9d\x00T\xff\x82@\x06(\x10\x02\x00\n\x84\xbduU\xa1B\x05BHvvvFF\x86 \x08.\x0c\x00\xd6\t\xe8\xdf\xbf\x7frr\xf2\xe6\xcd\x9bYW\xc6%W\x82\xea_p\xc8\x00\xa5A\x00\xc0c`\xfbW+d\xe1\x80\xddn\xf7\xf5\xf5\xed\xdb\xb7\xef\xe7\x9f\x7f\xee\xaa\x1e\x00\xaa\xff\xe3B\x06(\n\x02\x00\n\xc4y\x92%!\xc4l6\xb3I`\xd7\x0e\xbc\x08\x82\x90\x95\x95\xf5\xd6[o\xc5\xc5\xc5\x9d:u\xaa\xf4w\x07B\xf5/\x1cd\x80r \x00\xa0\xa0(\xa5\'O\x9e\xe48\xaeb\xc5\x8a\xfe\xfe\xfe.\x7fb9\x8e\xb3Z\xadO&gt;\xf9\xe4\xab\xaf\xbe:f\xcc\x98R\xde\x1a\x08\xd5\xbf(\x90\x01\n\x81\x00\x80G\xa3\x94\x9aL\xa6\xabW\xafn\xdb\xb6\x8dR\xda\xb2eKooo\x87\xc3\xe1\xf2\xf5\x97\xac\x130z\xf4\xe8\xbd{\xf7\x96f\'\x00\xd5\xbf\xe8\x90\x01J\x80\x00\x80Gs8\x1c\xde\xde\xde3g\xceLLL4\x1a\x8d\xef\xbc\xf3Nnn\xae\x12\xce\xb3d\x9d\x80j\xd5\xaau\xeb\xd6\xad\xd4:\x01\xa8\xfe\xc5\x05\x19\xe0r\xae\x7f\x86A\xc9(\xa5v\xbb\xbdl\xd9\xb2+V\xacX\xb8p!!d\xc0\x80\x01M\x9a4\xc9\xce\xceVB\x00\x90\xdb\x9d\x80Q\xa3F\x95N\'\x00\xd5\xbfx!\x03\\K\x11\xcf0(\x93,\xcb\x94\xd2\xb2e\xcb.[\xb6l\xc0\x80\x01\x0e\x87\xe3\xe9\xa7\x9f\x9e4iRzz\xbaB\xaa?\xc9\xd7\tx\xfd\xf5\xd7G\x8d\x1aU\xa2\x9d\x00\xb6y\xc6Wsf|&lt;\t\xd5\xbf\xd8\xdc\x95\x01\x07\xf6\xed\x15E\xd1\xe5\x87O\xe8\x84R\x1ecP\x1aI\x92\x8cF\xa3\x97\x97\xd7\xf8\xf1\xe3\xfb\xf6\xedk\xb3\xd9\x9e~\xfa\xe9\x9f\x7f\xfe\x99\xe38Y\x96]&gt;\xfa\x9f\x9f\xb3\x13p\xf8\xf0\xe1\xc3\x87\x0f\x0b\x82P\x12\xe5\x83\x1d\x97\xb6\xe0\xab/\xc7\xcf\xfc\xba\xf7\xec-fO_T\xff\xe2\xe2\xcc\x80\xe7\x86,\xee\xd2\xe3\x9d=\xbbw\xb3\xaf\x99\xab\xafK\xfb\x10\x00p\x1f\x0e\x87\xc3\xd3\xd33++\xab{\xf7\xeeS\xa6L!\x84t\xeb\xd6\xed\xd7_\x7fuww\xb7\xd9l\xcai\xfe3\xce\xe5@\xd5\xaaU\xdb\xb4i\x13!\xa4\xd8k\x07[\x05{\xe3\xc6\x8dO&gt;\xfe\xb8y\x8f\xe1e+\xd7\xb4f\xdc\xe4EC\xf1\xfe\x16=\x13D\x83%\xe5j\xd3\x0e\xdd\x8d\x95\x1a\x8f\x1b3\x92\xf5&gt;]}Q\xda\x87\xf6\x0b\xdcM\x92$//\xaf\xf3\xe7\xcfw\xeb\xd6\xed\xd4\xa9S\x82 \x8c\x1f?~\xf4\xe8\xd1V\xab5//Oi\xd5\x9f\xdc&gt;\xd8\xe0\xaf\xbf\xfe\x8a\x8f\x8f_\xb7n\x1d!\xa4\xd8\xf7)b\r\xd2\xa0\xa0\xa0?\xf6\xfe\xd9\xa1Sg\xb3\x97oH\xd8\xf3\x197\x92\x04d@1\x91\x1dv\xff\nU\x7f\x99\xf5q@v\xfc\xfa\x1d;\x15\xf85\xd3$\xfc+\xc3\x1ddY6\x9b\xcdW\xae\\y\xe1\x85\x17N\x9d:\xe5\xef\xef\xbff\xcd\x9aO?\xfd433\x93m\x14\xea\xea\x0b\xbc\x0fY\x96\xdd\xdc\xdc&gt;\xfb\xec\xb37\xdf|\xb3\\\xb9r%\xf4\x86\x1a\x9b^n\x16\x16\xbey\xd3\xba\x9ds\xfa\xc5\x1d\xda\xe5]&amp;Hr\xd8\x8b\xfd\x17\xe9\x90\xec\xb0\xfb\x06U\xdc\xf2\xf5\xe4\xbc\x7f6\xee\xd8\xbd; 0\x90\xb8z\x7f\'\x9dP\xe2\xf3\x0c.\xc4\x9e\xba&gt;}\xfa\\\xbcx100\xf0\xd7_\x7f\xed\xd2\xa5Krr\xf2}7\nU\x02\xd6\xfc?p\xe0\xc0\xa1C\x87\xc6\x8e\x1dK)-\xb9\x94\xe2y\xde\xe1p\x84\xb7h\xb5m\xcb\xff\xb6\xcfz?\xee02\xa0\x188\xab\xbf\xf5\xf8\xfa?\x0fD\x97)\xe3\xef\xf2\x97\xcc\xf5\x03\x01\x00\xff\x92$\xc9\xc7\xc7g\xed\xda\xb5\x7f\xfe\xf9\xa7(\x8a\x0b\x16,h\xd5\xaaURR\x12; L\x99X\xf3\x7f\xe2\xc4\x89\xef\xbc\xf3N```IOP\xb3E\x8aa\xcd["\x03\x8a\xc5]\xd5\xdf\xcf\xcfO9\xc7\xfb\xe8\x01\x02\x00\xee@)]\xb7n\x1d\xc7q\x1d:t\xe8\xda\xb5kJJ\x8a\xd1ht\xf5E=P\xfe\xe6\xff\x981cJ\xb4\xf9\xef\x84\x0c(.\xa8\xfe.\x87\x00\x80[(\xa5\xa2(\xa6\xa5\xa5\x9d:u\x8aR\xfa\xdak\xaf\x11\xc5\x8f\xc3\x96r\xf3\xdf\t\x19Pt\xa8\xfeJ\x80\x00\x80\x7f\xb1M\xf6\x13\x13\x139\x8e\xabU\xabV^^\x9e\x92\x03@\x96eoo\xef\xbf\xfe\xfa\xab4\x9b\xffN\xc8\x80\xa2@\xf5W\x08\x04\x00\xdc\xc2\nhVV\x96\xcdf\xf3\xf6\xf6\xf6\xf7W\xfa\\\x1c\xa5\xd4h4N\x9a4\xe9\xddw\xdf-\xcd\xe6\xbf\x132\xa0pP\xfd\x95\x03\x01\x00\xff\xe2y&gt;//\xcff\xb3edd\xb8\xf6\xc4\xc7G\xa2\x94\x9a\xcd\xe6\xb8\xb8\xb8\xa8\xa8\xa8O&gt;\xf9\xa4\x94\x9b\xffN\xc8\x80\xc7\x85\xea\xaf(x\x11\x0cn\xe18\xcen\xb7\x07\x06\x06\x8e\x1c9\xd2l6\x9bL&amp;%\xbf\x8b/I\x92\x87\x87\xc7\xdc\xb9s#""\xca\x97/\xef\xc2"\x92?\x03\xdau|\x91\x0c\xff:\xb8\xc9\xb3\x197\xf1\x8e\xd8}\xa0\xfa+M\xa9\x9e\xa1\x01\xe4\xf6\xa6\x02)))\xcd\x9a5\xdb\xb6m[\xf9\xf2\xe5m6\x9bBFZ\xd8&lt;\xb0\xb7\xb77!\xc4b\xb1(\xf6\xbb\xc1\x06\x7fRRR\x1a5j\xb4\x7f\xff\xfe:u\xea\xc8\xb2\xec\xda\x97\xd4\x1c\x0e\x87(\x8a\xd1\x07\xf6\xb7\xeb\xf8\xe2\xf3\xc8\x80\xfbA\xf5W \x0c\x01\xc1\xbf8\x8es8\x1c))))))\x8a\xad\xfe\x84\x10I\x92&lt;==###\x9f~\xfa\xe9:u\xea(\xe1\x15e\x8c\x05=\x1c\xaa\xbf2a\x08\x08\xee\xc0q\x9c\xcb\x8b\xe9\xc3\xb1\xd1\xff\x0b\x17.\xfc\xfc\xf3\xcf\xfb\xf6\xedc=*W_\x14!\x18\x0bz0T\x7f\xc5R\xf4\xa3\x0e\xa5\x8fR\xea\xe1\xe1\xe1\xe9\xe9\xc9\xfe\xb7\xab/\xe7&gt;\x9c\xcd\xff6m\xda(a\xf0\'?\xf4\x03\xee\x85\xea\xafd\xe8\x01\xc0\x1dL&amp;\xd3\x91#G\xecv{\xa3F\x8d\x08!J[\t\xaa\xd8\xe6\xbf\x13\xfa\x01\xf9\xa1\xfa+\x9cR\x9aN\xe0rl\x17\xe8\x993g\xb6j\xd5\xea\x99g\x9e\x19:t\xa8\xc9dRZ\'\x805\xff\xa7M\x9b\xa6\xc0\xe6\xbf\x13\xfa\x01\x0c\xaa\xbf\xf2)\xee\xe1\x01\x97`\xeb\x7f233\xbf\xf9\xe6\x1bB\x08\xc7q\xff\xfd\xef\x7f\x13\x12\x12\x14\x95\x01\xac\xf9\x7f\xf6\xec\xd9_~\xf9e\xea\xd4\xa9\nl\xfe;!\x03P\xfdU\x01\x01\x00\xffb%\xd5YU\x95S\xfa\x19\xd6\xfc_\xb8paXX\x98b\x9b\xffNz\xce\x00T\x7f\xb5P\xee\xf3\x03\xa5\x89-\x00\xf5\xf6\xf6\xee\xd9\xb3\'\xa5\x94m\x06W\xa9R%Em\x07d0\x18,\x16\xcb\x9a5k&gt;\xfa\xe8#\xa5\x85\xd3}\xe93\x03P\xfdU\x04\x93\xc0p\x0b;Z}\xc4\x88\x11\xcf&lt;\xf3\x8c\xddno\xd6\xac\x99\xa2\xaa\xbf\xc3\xe1\x08\x0c\x0c\x8c\x8c\x8c\x0c\x0c\x0c\xec\xd0\xa1\x83,\xcb\xaa\xa8)z\x9b\x13F\xf5W\x17\x04\x00\xfc\x8bRj\xb3\xd9Z\xb4h\xc1q\\vvv\xe9o\xaf\xf6\x10\x06\x83!==}\xde\xbcy+V\xac \xca\x1b\x9ez\x08\xfdd\x00\xaa\xbf\xea`\x08\x08\xee\xc0q\\VVVFF\x06Q\xd2a\x00\x0e\x87\xc3\xd7\xd7w\xd1\xa2E\xe5\xca\x95SQ\xf3\xdfI\x0fcA\xa8\xfej\x84\x00\x80\xbb\xf1&lt;\xaf\xb4\xe7\xd6\xd9\xfc\x9f:u*QU\xf3\xdfI\xdb\x19\x80\xea\xafR\x08\x00\x97\xe1y^\x92$5\xd6\xb2R\xa6\xf6\xe6\xbf\x93V3\x00\xd5_\xbd\x10\x00\xaeA)\xcd\xcc\xcc,S\xa6\x0c\xc7qJ\xdeuY\t4\xd0\xfcw\xd2^\x06\xa0\xfa\xab\x1a\x02\xa0\xb4q\x1cG)\xf5\xf6\xf6\x0e\r\r\x1d0`\x80\x9b\x9b\x9b\xd9lv8\x1c\xae\xbe.\x85\xd2L\xf3\xdfIK\x19\x80\xea\xafv\x08\x00\xd7pss\xdb\xb2e\x8b\x97\x97Wxxxjj\xaa\xbf\xbf\xbf\xdd\xae\xca\x12P\xd2\x0c\x06\xc3\xcd\x9b7\xe7\xcf\x9f\xaf\x81\xe6\xbf\x9362\x00\xd5_\x03\x10\x00.\xc0:\x01\xb2,\xafZ\xb5\xaag\xcf\x9em\xdb\xb6\xdd\xb6m[\xd9\xb2e\xedv\xbb6\n\\qq8\x1c&gt;&gt;&gt;\xeb\xd7\xaf\xf7\xf4\xf4\xd4F\xf3\xdfI\xed\x19\x80\xea\xaf\r8\x11\xcc\x95\xecv\xbb\xc1`\xd8\xbbw\xef\xfb\xef\xbf\xdf\xbbw\xef\xd1\xa3G\xa7\xa5\xa5)|\x87\x83\xd2$\xcb\xb2\x8f\x8fOhh\xe8\x07\x1f|0h\xd0 \xed\x95\x18\x95\x9e#\x86\xea\xaf\x19\x08\x00\x17c% %%\xe5\xa5\x97^\xaa\\\xb9\xf2\xca\x95+y\x9e\xcf\xca\xca\x12E\xbd\xbf\xa3\'I\x92\x9f\x9f\xdf/\xbf\xfc\xf2\xf1\xc7\x1f\x9f;w\xce`0\x10%\xbd\x9aP\\T\x97\x01\xa8\xfeZ\x82\x96\xa6\x8b\x89\xa2(IR```TTTPPP\x93&amp;M\xae\\\xb9\x12\x10\x10\x80ia6P6e\xca\x94Q\xa3F\x19\x8dFE\xbd\x96\\\x8c\xd45\x16\x84\xea\xaf1\x08\x00\xd7\x13\x04\x81M\t|\xf5\xd5W\x1f\x7f\xfc\xf13\xcf&lt;\xb3a\xc3\x86\xc0\xc0@=\xbf% I\x92\xaf\xaf\xef\xda\xb5k-\x16\xcb\x07\x1f|\xa0\xeda1\xb5d\x00\xaa\xbf\xf6`\x08HA\xd8\x94@ttt\xef\xde\xbd_{\xed\xb5I\x93&amp;Y,\x16\x87\xc3\xa1\xc3g\x8c\x8d\xfe7j\xd4\xa8\x7f\xff\xfe\x1f~\xf8\xa1\x1e\n\x8d\xc2\xc7\x82P\xfd5\t\x01\xa0,,\x03\xd2\xd2\xd2\xdex\xe3\r\x83\xc1\xb0f\xcd\x1a\x9e\xe7322t5%p\xd7\xe8\xbf(\x8a\xf9O)\xd00\xc5f\x00\xaa\xbfVi\xb6[\xadR\x06\x83\x81\x95\xbf\xdf\x7f\xff\xbdz\xf5\xea\xa1\xa1\xa1111\x81\x81\x81\xbazK\xe0\xae\xd1\x7f%\x9f\xfcU\xbc\x949\x16\x84\xea\xafa\x08\x00\xc5qN\t|\xf9\xe5\x97\x93&amp;M\xea\xd4\xa9\xd3\xf7\xdf\x7f_\xb6lYY\x96\xf5\xb0i\x84$I&gt;&gt;&gt;k\xd6\xac\xc9\xc8\xc8\xd0\xfc\xe8\xff\xbd\x94\x96\x01\xa8\xfe\xda\x86! \xe5b\x03\x02\xb1\xb1\xb1\xaf\xbc\xf2\xca\xcb/\xbf\x1c\x19\x19\x99\x9d\x9d\x9d\x97\x97\xa7\xed\xc7O\x92\xa4\x80\x80\x80\xa6M\x9b\xf6\xe8\xd1c\xd8\xb0a\xec\x1f\xc1\xd5\x17U\xda\x142\x16\x84\xea\xafy:j[\xa9\x0ek\x0c\x86\x84\x84\x1c9r$..\xaeS\xa7Nv\xbb\xdd\xdb\xdb[\xc3\xc3A\xb2,{zz\x1e8p\xe0\xe2\xc5\x8b\xbdz\xf5\xa2\x94\xea\xb3\xdc(\xa1\x1f\x80\xea\xaf\x07\x08\</t>
        </is>
      </c>
    </row>
    <row r="24">
      <c r="A24" s="1" t="n">
        <v>22</v>
      </c>
      <c r="B24" t="inlineStr">
        <is>
          <t>size_grid</t>
        </is>
      </c>
      <c r="C24" t="inlineStr">
        <is>
          <t>What is the size of the missing part denoted with a question mark?</t>
        </is>
      </c>
      <c r="D24" t="inlineStr">
        <is>
          <t>['medium', 'small', 'large']</t>
        </is>
      </c>
      <c r="E24" t="inlineStr">
        <is>
          <t>medium</t>
        </is>
      </c>
      <c r="F24" t="inlineStr">
        <is>
          <t>There are circles arranged in a grid formation with varying sizes in the image. The sizes in the first row are ['large', '?', 'large'], the sizes in the second row are ['medium', 'small', 'medium'], and the sizes in the third row are ['large', 'medium', 'large'].</t>
        </is>
      </c>
      <c r="G24" t="inlineStr">
        <is>
          <t>We observe that the circles at the corners are large size, while the circles directly adjacent to the center are medium size. Only the center circle is small size. Hence, the pattern is that the circles alternate in size depending on if they are at the corner or adjacent to the center.</t>
        </is>
      </c>
      <c r="H24" t="inlineStr">
        <is>
          <t>Based on the pattern that the circles alternate in size depending on if they are at the corner or adjacent to the center, the size of the missing part that is adjacent to the center should be medium.</t>
        </is>
      </c>
      <c r="I24" t="inlineStr">
        <is>
          <t>b'\x89PNG\r\n\x1a\n\x00\x00\x00\rIHDR\x00\x00\x02\x00\x00\x00\x02\x00\x08\x02\x00\x00\x00{\x1aC\xad\x00\x00d\xa7IDATx\x9c\xed\xddy|\x14E\xfa?\xf0\xa7\xba{f2\xb9\'\x07\xa7\xcbM\x12\x0c!$\x10\x0eA$\x80`VY\xdd\x05\xc1\x03\x85  _\x15\r\x8a\xae\xb8\xeez\xeez\x80\xc2\xba\x82J\x10TDX\xaf\x05\x85\x85\x00\x11\xe5\x14"\x01\x93@ \x84#\x10r\x01\t\xc9$\x93d\xa6\xab\xea\xf7G\xc9\xfc\xb2\x80\x98\xc0$\x99\x99z\xde\xaf\xef\xcb\xd7~\'\x93\xd0\xd3\xf3t}\xaa\xab\xab\xab\t\xe7\x1c\x10B\x08\xc9Gi\xed\r@\x08!\xd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xb4\xd6\xde\x00\x19q\xce\xaf\xf8:!\xa4\x85\xb7\x04\xa1\x96\x87\xf5\xef&gt;0\x00\x9a\x17o\x00\x00\x14Eq\xfe\xf7r\x8c1\xe7\x7fI\x03-\xb8\xbd\x08\xb9\x12\xd6\xbf\x9b#\xbf\x96\xc6\xe8\x9a\x89rg\x8c\x11BTU\xbd\xfc\r\x8c\xb1\xca\xcaJB~\xd9\xf9\xe2\x7f\xf8\xf8\xf8\x98\xcd\xe6+\xbeY\xfc)EQ\xf0`@\xee\x0f\xeb\xdf\x83`\x00\xb8\x8c(z\xce\xb9\xa6\xfd\xff\xf3*JiQQQ~~~vv\xd6\xb9s\xe722~\xd2u\xbd\xb4\xa4\xa4\xa4\xb4\x84\x00\xe1 v&gt;\x01\xe0\xfe~\xfe=z\xf6\xe0\x1cbbb\xc2\xc2\xc2\xfa\xf7\xef\xff\xbb\xdf\xfd\xaes\xe7\xce\xbe\xbe\xbe\r\xff\x1a\x00\xe0\x91\x80\xdc\x10\xd6\xbf\'\xc2\x00p\x01\xce9\xa5\xd4Y\xf7\x94\xd2\xbc\xbc\xbc\xb4\xb4\xb4\x1d;v\xe4\xe5\xe5\x15\x14\x9c\xac\xaa\xb2^\xc3\x9f5\x99\x8c\x1d:t\x88\x8c\x8c\x1c4h\xf0\xe8\xd1\xa3ccc\x9d\x07\x83\xae\xeb\x8a\xa2\xfc\xda\xa94B-\t\xeb\xdfsa\x00\\\x17\xd1%\x11\xe7\xb9\x94\xd2={\xf6\xacY\xb3f\xc3\x86\rG\x8f\xe6\xd5\xd7\xdb\x1b\xbe3 \xc0\xcf\xcf\xcf\xf7\xc6\x88.\x8a\xa6\x06\x05\xf8\xf5\xe9\x13\xc1)\x13\xdd\x18\xce9\xd1\x0c\x05\'\x0bO\x15\x96\x10U\xcd\xcf?UUU}\xbe\xfc\xc2%\xffV\xd7\xae]\x12\x13G\xdcy\xe7\x9d\xc3\x87\x0f\x0f\x0c\x0c\x84\x8b}.\xec\x10\xa1\xd6\x82\xf5\xef\xe90\x00\xae\x11\xa5\xd4Yy\x85\x85\x85\xabW\xaf^\xb9r\xe5\x81\x03\x07\xfe\xff;\x08\xe9\xd2\xb9c\xbf\xb8^\xf1\xb1\x91\xfd\xfbF\xf5\x8a\xec\x16\x18\xe4\x1f\x14n\x01E\x05\x85\x00\x18\x00\x1a\xeey\x02\xa0\x03\xa3@H\xed\xb9\x8a\x9a\x9a\xda\x83y\'\xf7g\xe5e\xe7\x1c\xcd\xd8w\xf0h~A]]\xbd\xf3\xad\x9d;w\x9e0a\xc2\xa4I\x93\xfa\xf4\xe9\xe3\xdc\x98+\x0e\xb6"\xd4L\xb0\xfe\xbd\x03\x06@\x93\x89\x81NQp\xbbv\xed\xfa\xf0\xc3\x0f\xff\xf3\x9f\xaf+*.\x88\x9fZ,\x81\xfd\xe3\xa3\xc7\x8c\x1c4\xec\xe6\xfe\xd1Q]|\xc3B\x004\x00\x1d\xea\xed@\x19s8\x00\x80s\xe0\x9c\x014\xec\xb6\xf0_&amp;&lt;pP\x0c\x1a\xa8\n\x98\x8c@4\x00N\xab\xacy\xc7N\xef\xc9\xc8Z\x97\xb6c\xdf\xbeC\'\x0b\xce\x88_0\x1a\x8d\xc3\x87\x0f\x7f\xe4\x91G\x92\x92\x92\x8cF\xa3\xe8\r\xe1a\x80\x9a\x1b\xd6\xbf7\xc1\x00h\x82\x86c\x9d\xe9\xe9\xe9o\xbe\xf9\xe6\xa6M\x9b\x9c?\x1dzS\xdc\x9dc\x13\xef\x19?\xe6\x86n7\x80b\x00\xe6\x80\xdaz\xea\xd09\xe7\xce\xf9l\x8d9W\x15\xdf\x08c\x9csN\x08\xa8\x9a\n&amp;\x13\x18\x8c\x00\xccZZ\xbef\xfd\xd6\xaf\xd7|\xb7\xf9\xbb\xdd55\xb5\xe2\xfd}bbRf\xcfNNN\x86\xff\xed\x97!\xe4ZX\xff\xde\x07\x03\xa0\xb1\xc4h#\x00\xe4\xe5\xe5\xbd\xf1\xc6\x1b\x1f-_\xce8\x07\x00\xb3\xd9\xe7\xbe\tIS\xa7\xfc\xf1\xa6\xc1\xb1`2C}-\xab\xabg\x8c\x13\x85(\xae\x98\xc5,\xbaK\x8cs\x02\xa0\x1a\r\xe0\xeb\x07\x9c\x1d\xce\xc9\xfb\xf7\x17iK\x96~QT|V\xbcm\xd4\xa8Q\xcf&gt;\xfb\xec\xc8\x91#\x01\xcf\x88Q3\xc0\xfa\xf7J\x18\x00\x8d\xa2\xeb\xba\xa6iv\xbb\xfd\xcd7\xdf\\\xb0\xe0\xed\xf2\xf2\n\x00\x08\xb1\x04MM\xfe\xe3\xe4{o\xef\xdd?\x16\x98\x83W\xdb(e\xaa\xda\x8c\x1d\x90_\xa6W\x03(~f0\x98K\x0bN\xadX\xbda\xd9\xf2\xafr\x8f\x9c\x00\x00BHrr\xf2+\xaf\xbc\xd2\xa1C\x07\xec\n!\x17\xc2\xfa\xf7V\x18\x00\xbfA\xdc\x97\xa8(\xca\xce\x9d;g\xce\x9c\x99\x93\x93\x03\x00f\x93\xe9\xde{\x92\x9eyrjd\x9fhp\xd4\xd0\x9aZ\x02DQ[nR\x1ac\x8c1\xae\xf9\x18\xc1\x1cXYV\xb2\xf0\xddO?H\xfd\xa2\xb8\xe4\x1c\x00\xb4k\xd7\xf6\x95W^\x9d6m\x1a`W\x08]7\xac\x7f\xef\x86\x01p5\xce\x02z\xf1\xc5\x17_\x7f\xfd51\xb3mT\xe2\xc0W_\x9e5p\xe8@\xb0\xd7\xea\xd56Em\xb5\xf9\xc8\x9cs\xaaS\xcdd\x04\xbf\xc0\xa2\xe3\'\xfe\xfa\xd2\xa2\x8fV\xac\x15\'\xe6\xf7\xdcs\xcf\xbb\xef\xbe\x1b\x1a\x1a*\xfan\xad\xb2y\xc8\xd3a\xfd{=\x0c\x80_%\xaa\xbf\xb8\xb88999--\r\x00,\xc1\x01/\xfd\xed\xd1Y\x8fM\x02\x85\xd0*+q\x8f[Q~\xb94g\xf6\x01\x1f\xbf\xb4o\xb7&lt;\xf1\xd4\xebG\x8e\x16\x00@DD\xc4\xb2e\xcb\x86\x0c\x19\x82\xfd t\r\xb0\xfee\x80\x01pe\xa2\xe3\xb0s\xe7\xce\t\x13&amp;\x14\x15\x15\x01\xc0\xd0\xc1}?L}%":\x8aU^\x00\xce[\xf2\x84\xb718\xe7\x942\xcd\x12Ty\xfe\xc2\x9c9o,\xfd\xe8?\x00`2\x19\xff\xf9\xcfw\x1e~\xf8a\x1c\x12EM\x82\xf5/\t\xf7\xfa\x16\xdd\x84\xa8\xfe\xd4\xd4\xd4\xc4\xc4DQ\xfd)\x8f\xdd\xbfu\xf3\xf2\x88\x88.z\xc5yEi\xd1\xe1\xceF"\x84h\x9aJ+*\x83\xcc\xc6\xd4\xe5\xaf\xa7\xbe\xf7bp\xa0\x7f}\xbd}\xe6\xcc\x993g\xceTUUL\xdfn\xed\xcdD\x1e\x00\xeb_\x1ex\x06p)g\xf5\xcf\x981\x03\x00\x82\x02\xfc\xde\x9e\xff\xcc\xd4\x19\x93\xb8\xb5\x82S\xe6\x86\xa5\x7f\t\xce9\xa3L\xb5\x84\xee\xdd\xb1\xe7\x81)\xcf\xe6\x1d;\r\x00\xd3\xa7O_\xb2d\t\xf6\x83\xd0o\xc2\xfa\x97\n\x06\xc0\xff\xb8\xa4\xfaC-\x81\x1b\xbey/a\xe8@\xbd\xfc\x9c\xaa\xa9\x1eT:\xbaC\xd7\x82\x03\xcb\xcb\xca\x93n\x9f\xb17\xf3\x10\xe01\x80\x1a\x01\xeb_6\xee\x9e\xe7-\xe9\x92\xea\x1f\x10\x7f\xe3\xee\x9d\xab\x12n\x8a\xd3\xcb\xcfi\x06\xcd\xb3\x8aF3h\xb4\xd2\x1ab\t\xd8\xb2\xe5\xa3\xa9\x93\xfe\x00\x00\xe2s\xe1\xb90\xfa5X\xff\x12\xc23\x80_\\^\xfd\x1b\xff\x9bj\t\x0f\xa6\x95V\xd5c\xa7\x911\xca\x14\xa3\x01\xcc&gt;3\x92\xe7\xa6~\xbc\x06.\xf6\x83\xc4\x136&lt;\xeb\x90F\xcd\n\xeb_N\x18\x00\x00\x17g\xbc9\xab?!\xaeW\xda\x86\xa5\x16K\x00\xad\xa9U5\xcf\x9e@\xc6\x18\xe3\x8a\xa2\xfa\xfb]r\x0c\xe0\xdc8\xe4\x84\xf5/-\x0c\x80_\xaa\x7f\xf7\xee\xddC\x87\x0ee\x8c\x85\x04\x07\xfe\xb4kU\xd7\xc8.\xb4\xb2\xda\xd3\xab_\xe0\x8cqU%\x06\xc3\x90\x9b\xef\xdb\x9d\x91\x03\x00\x0b\x16,HII\xc1{d\x10`\xfd\xcbM\xf6\x00\x10\'\x83eee\xb1\xb1}JK\xcb\xfc|\xcd[\xd3R\x13n\x8a\xa7\x95V\xef\xa8~\x811\x06\x06\xc3\x05\xab-q\xc4\x83Y\x87\x8e\x01\xc0\xa6M\x9bn\xbd\xf5V\xec\x07I\x0e\xeb_\xf2\xfa\x97\xfd"\xb0X\xea\xe4\x81\x07\x1e(--\x03\x80Eo\xff9a\xe8 \xfdB\x957U?\x00(\x8a\xc2\xeb\xed!\xe1\x96O?z=\xc4\x12\x08\x00\x0f&gt;\xf8@ii\xa9\xa2(b\x0f 9a\xfdK^\xffR\x07\x808\x07|\xf9\xe5\x977o\xde\x0c\x00)\xffw\xcf\xe4\x87\x1fp\x94\x9f\xd3\x0c^xb\xa8j\xaa~\xa1*&amp;!n\xc9;\xcf\x03@II\xe9\x03\x0f&lt;@\x88\xec\xa7\x802\xc3\xfa\xc7\xfa\x97\xf7\xf3\x8b\xf5\xcd\x7f\xfc\xf1\xc7a\xc3\x869\x1c\x8eA\xfd{\xef\xd8\xf6)w\xe8*p/\x9e\x1e\xa0\xeb\xbaf\t\x9d\xfd\xc8_\x17\xbe\xb7\x1a.\x0e\x86\xe2\x89\xb0\x84\xb0\xfe\x01\xeb_\xda\x00\x10\x0b\x8bSJcbb\xf2\xf2\xf2\x02\x02\xfc\x0e\xec^\xdd-\xa2\x0b\xab\xa9u\xff{\x1d\xaf\x07\xe7\x9c\x11\x02\x9a6`\xf0\xc4\xcc\x9f\xf34M\xc9\xc99\x18\x11\x11\xc19w\x87\x85\xbd\x9a\x1bo\xe0\x92\x1f\x91\x06Ze\xdbZ\x12\xd6\xbf\x9c\xf5\x7f9\x19?3\x00\x88\xc7\x87\xce\x9f??//\x0f\x00^\x7f\xe1\xd1n\xd1Q\xba\xb5\xc6\xbb\xab\x1f\x00\x08!@\x99j0,]\xf47\x93\xc9@){\xfc\xf1\xc7\xbd\xfeDX,\x18I)%\x84(\x8a\xa2\xaa\xaav\x19UU\xc5=\xa2\x94R]\xd7\xbd{h\x18\xeb_\xaa\xfa\xbf\n\x19?\xb9\x98\xf9p\xfc\xf8\xf1~\xfd\xfaUVV\x0e\x1b\x12\xf7\xc3\xf7\x9f\xd2\x9a\x1aU\x9a.\x80\xae\xeb\x9a%\xec\xf99\x7f\xff\xfb[\xcb\x01\xe0\xf3\xcf?\xbf\xfb\xee\xbb\xbd\xf2D\xb8\xe1\x13\xcc\x01\x80Rz\xe6\xcc\x99c\xc7\x8e\x15\x14\x14\x9c:U@\x08\xe1\x1c\x00xp\xb0%&amp;&amp;\xa6]\xbbv]\xbat1\x9b\xcd\r\x7f\xd7\xfbV\x0e\xc0\xfa\x97\xa7\xfe\x7f\x93\x8c\x01 \xbe\xe9\xc9\x93\'\x7f\xf2\xc9\'&gt;&gt;\xa6\x9d\x9b?\x8c\x1f\xd4\x97U\xdb\xbc\xbe\xfb\xe3\xc49g\xaaZc\xab\xeb?\xf8\x9ec\'N\xf7\xe8\xd13;;[\xd34o\x1a\x00ix\xb7gii\xe9\xce\x9d;\xd7\xaf_\x9f\x91\xb1\xb7\xa0\xe0TUU\xd5\x15\x7f\xc5d2v\xec\xd81&gt;&gt;\xfe\xf6\xdb\xef\x184hPTT\x94x\xdd\xcb\x9a\x06\xac\x7f\x19\xea\xbf\x91d\xf9\xca\x9dD\xf5o\xdb\xb6m\xe5\xca\x95\x000\xf1\x8f\xa3\xe2\x87\x0e\xa2\xd6jy\xaa\x1f\x00\x08!\xdc\xee\x08\x0c\x0f\x7f\xfe\xe9\xa9\x8c\xf1\xbc\xbc\xbc\xf9\xf3\xe7{\xcd\x9481\xe0#z\xeeYYY\x0f?&lt;#&gt;&gt;~\xdc\xb8q\xcb\x96-\xcb\xce\xceq\xb6\xfe\xe1\xe1\xa1\xe1a\x96\xb00Kxx\xa8\xd1h\x04\x80\xfaz\xfb\xf1\xe3\'\xbe\xfc\xf2\xab\xe4\xe4\xe4\xfe\xfd\xfb\xfd\xf1\x8fwm\xde\xbcY\x14\x0cc\xcc;v\x0e\xd6?x{\xfd7\x89tg\x00\xe2;\x1e5j\xd4\xd6\xad[CC\x82~\xfcaE\xb7\x9e]\xa0\xae^Q\xe4J~\x0e\xc0\x01\x1c@\x86%&gt;\x98\x91y($$\xe4\xd0\xa1C\xe1\xe1\xe1 \xc6I=\x96\x98\xdc\x02\x00999\x7f\xfe\xf3\x9f\xb7l\xd9b\xb7\xdb\xc5\x8f:w\xea\xd0\xbf\x7ft|ld\xff\xd8(\x8b%\xb0G\xf7N \x0exU+)*-&gt;[\x9e}\xe8xVv^\xc6\xbe\x83\xd99y\xce?\x18\x1b\x1b\xfb\xdak\xaf%%%\x81W\x9c\n`\xfd\x0b\xdeZ\xffM%W\x00\x88\x03\xf8\xa7\x9f~\x1a0`\x00\xe7|\xce\xacI\xf3\xdeyY//\xf3\xca\x89\xcf\xbf\x89\xeaT\xb5\x04o\xfcjc\xd2\xf8\'\x00\xe0\xad\xb7\xdez\xf2\xc9\'=\xfa\xfex\xb1\xf1V\xab\xf5/\x7f\xf9\xcb\xd2\xa5\xa9\xb5\xb5u\x00\xe0k\xf6\xb9{\xdc\xe8?\xdd5j\xf8\xd0\xf8\xc0\xb6a\x00*\x80\x0e\x8cA\xbd\x1d@\x1c\xea\x1c\x0c\x1ah\x1a\x80\n\xc0\xa9\xd5\xbag\xdf\xc15\xdfn]\xb9j}Q\xf1Y\xf1\x97\x93\x92\x92\x16.\\\x18\x11\x11\xe1\xd1\xfb\x07\xeb\xbf!\xef\xab\xffk c\x00L\x9d:u\xf9\xf2\xe5&gt;&gt;\xc6\xcc\xed+\xa3\xfaD\xf2Z\xe9\xba?\x02\x07\xe0\x04\xeat\xd6o\xd0\x84#y\x057\xdexcFF\x86\x8f\x8f\x0fxf\'H\x1c\xba\x99\x99\x99\xd3\xa7O\xcf\xcc\xcc\x04\x00\xb3\x8f\xe9\xde\x89I\xb3g=\xd0\xbb_o\x00\x0e6\x1b\xb5;8\x07B\x08\x10P\x1a|F1/\x94sN\x08\xa8\xaa\n~fPL\xa5\xa7O\xbf\x9f\xfa\xf9\x07\xa9_\x14\x97\x9c\x03\x80\xb0\xb0\xb0E\x8b\x16M\x980\xc1s\xd7\x92\xc4\xfao\xc8\xcb\xea\xff\xdaH4\xf0\'f\x83\x14\x17\x17\x7f\xf9\xe5\x17\x00p\xef\xf8\xdbz\xf5\x8fe\xb6Z9\xab\x1f\x00\x08\x00wP\xdf\xe0\xe0\xb9\xb3\xa7p\xce\x0f\x1e&lt;\x98\x9e\x9eN\x08\xf1\xc4\x91P\xd1\xfa/[\xb6,11Q\xb4\xfe\xb7\x8d\xba)c\xd7\xaa\x0f?z\xa3w\x9f\x08Zq\x81^\xa8\xe4:UUUL\xf8T\x15\xa5\xe1\xc4\x7fEQTU\xd14UUU\x0e\xc0\xac5z\xc5\xb9\xb6a\x96\x17^\x9e} \xe3\xabY\xffw\xafB\xc8\xb9s\xe7&amp;N\x9c8{\xf6lEQ\xaex\'\x81\x9b\xc3\xfa\xbf\x847\xd5\xff5\x93(\x00(\xa5\x00\xb0j\xd5*\xab\xb5ZU\xd5G\xa6\x8d\xe7\xccqq\x10@R\x8a\xaap[\xf5\xb8?\x8d\xbe\xa1c[BHj\xea\x12\xf0\xc0\xee\x8fs-\xfb\x87\x1ez\xa8\xaa\xaa\xcad4,xc\xce\x86\r\xa9\xd11\x11\xb4\xe2\x02\xb3\xd5\xaa\x9a\xaa\xaa\x8d}\xa0\x15\x01P\x14E\xd34\xeep\xe8\x15\xe5mB\x83\xdeY\xfc\xd2\x7f\xd7.\xea\xd8.\x0c\x00\x16.\\8c\xc6\x0cq\xc1\xd0\xb32\x00\xeb\xffr\xdeQ\xff\xd7C\xa2\x00PU\xd5n\xb7\x7f\xfc\xd1G\x84\x90\x01\xfd\xa2\xe3\x07\xc5\xf2j\x9b*\xd3\xe4\x87\xcb\x11Bh\xbd\xc3/&lt;\xec\xdeq\xa39\xe7\xe9\xe9\xe9G\x8f\x1e\xf5\xac\xe9\x10\x97&lt;\xc9$$8 }\xe3\xd2\x94g\x1ef56VmS5\xf5\x9a\xef\xf0$\x84\\\x8c\x81\x8a1cGd\xec\xf9&lt;!\xeeFh\xf0l)J\xa9\x07e\x00\xd6\xff\xe5\xbc\xa0\xfe\xaf\x93,_\xbf\xb8\x0bt\xff\xfe\xcc\xec\x9c\x1c\xce\xf9\xb8?$*&amp;_Fe\xf9\x9a\xaf\x82\x10\x02\xcc1\xee\xce\x91\x8a\xa2\xd4\xd4\xd8\xd6\xacY\x03\x17\xe7\x8a\xb8?J\xa9\xa6i\x1f\x7f\xfc\xb1h\xfdo\x8c\xec\xbae\xd3\xf2!\x89\x83\xf4\xf2\xf3\x8aB\\2\xb5\x91\x10\xa2i\xaa^~\xa1}\xfb6i\x1bS\xef\xba\xfd\x16\x00HMM\x9d9s\xa6\xa6i\xa2[\xed\xfe\xb0\xfe\x7f\x8dG\xd7\xff\xf5\x93%\x00DO\xed\xeb\xaf\xbf\xe6\x9c\x87X\x82\xee\x9b\xf8{\xa8\xaf\x91\xbc\xfb#\xa8\xaa\xc2\xaam\tC\xe2o\x1a\xd8\x87\x10\xb2v\xcd\x1a\xe7LJ7\'\xd63\xc8\xce\xce~\xf4\xd1G\x00 \xd4\x12\xb8\xfa\xd3yq\t}\xf4\xf2r\x97Ok\xd1\x0c\x1a\xad\xae\xb1\x04\x07\xac\xfa\xec\xad\x84\xb8^\x00\xf0\xc1\x07\x1f,_\xbe\xdcS2\x00\xeb\xff\xd7xn\xfd\xbb\x84,\x9fSUU\x87\xc3\xben\xddz\x00\xe8\xdb\'\xa2}\xb7\xdf\xb1:\xbbT\x83}W\xc1(SL\xe6Q\x89\x038\xe7\xfb23\xf3\xf3\xf3\xdd\xff,X\\\x86\xb5Z\xad\x93&amp;\xdd_Sc\xd34u\xdd\x97\xef\xc4\xf4\x8f\xd1\xcb\xcfkFCs\xfc\x8b\xaa\xa62[\xad\x8fQK\xdb\x90\xda\xadKGB\xc8\xacY\xb3\xb2\xb2\xb2\xc4mb\xcd\xf1/\xba\x10\xd6\xffUxb\xfd\xbb\x8a\x14\x01 \xe6\xed\x1d;v\xfc\xf8\xf1c\x00p\xdb\xa8\x9b@\xd1\x18\xf3\x98\xd1\xdb\xe6F\x08\x01f\x1f\x9d8HS\xd5\xba\xba\xba\x9d;w\x82\xdb\x9f\x05\x8b\xee\xff\xdc\xb9s\xb3\xb2\xb2\x01`\xde+O\x0c\x1a1\xd4Q^\xa1\x19\x0c\xd0l_\xac\xa2\xaa\xb4\xb6\xde\xd2&amp;\xf4\xb3e\x7f7hjMM\xcd\x94)S\xc4\x8df\xee|1\x00\xeb\xff\xea&lt;\xb1\xfe]E\x96\x00\x00\x80\x8d\x1b7\xd4\xd5\xd5k\xaa:\xf2\x96\x04`\x0e\xec\xfe8)\n\x81\xda\xba\xd8\xb8^\x1d;\xb6\x01\x80o\xbf\xfd\x06\xdc{.\x84h\xfd\x8f\x1c9\xb2d\xc9\x12B\xc8\xa8\xc4\x01)OO\xd3+\xcb\r\xcd\x7fC\x93\xaa\xa9zE\xe5\xc0\xc4\x9b\x9f{*\x19\x00\xf6\xef\xdf\xbfj\xd5*7\xef0b\xfd_\x9d\xc7\xd5\xbf\x0bI\x11\x00\xe2\xbb\xdc\xb1s\'\x00t\xec\xd0&amp;2\xaa+\xd4\xd6I;\xfd\xf9r\x84\x10\xea\xa0\xbe!\xc1\xfd\xfaF\x01\xc0\xfe\xcc\xfd6\x9bMUUw\xee\xd5r\xce\x9fx\xe2\t\x87\xc3a2\x19\x16\xbd\xf5,p\xa6\xb4\xd4\xc6\xaa\x9aJ\xad\x15\xcf\xfd\xe5\xff\xa2"\xba(\x8a2w\xee\xdcs\xe7\xce\x89\x9b\x03Zh\x0b\x9a\x08\xeb\xff\xea&lt;\xb1\xfe]E\x8a\x00P\x14\xc5n\xb7\x1f\xce\xcd\x05\x80\x84~\xd1~a!\xd4A%I\xf8F\xe2\x9c\x03Q\x87\x0f\xed\x07\x00\xa5e\xa5\xa7O\x9f\x06w\x1d\xd6\x10\x03\x1a\xb9\xb9\xb9\xe9\xe9\xe9\x000\xf1O\xa3#\xe2z\xd3\x16\\\xcb\x9e\x10\xc2uj\xf0\xf7\x9f;{\nc\xac\xb8\xb8x\xcd\x9a5\xe2A\x02-\xb3\x01M\x85\xf5\xff\x9b&lt;\xa8\xfe]\xcb\xfb\x03@\xb4\x17\xc5\xc5\xc5\xa7N\x9d\x02\x80~}\xa3\x80h2|\xb5MB\x08\x01\xae\xc7\xc5F)\x8aR[[\x97\x95\x95\x05\xeez\x00p\xce\t!\x0b\x17.\xd4u\xddl\xf6\x99;\'\x99;\xeaI\xcb\xf6gUMe\xd5U\x13\xef\xbb\xe3\xc6\xa8\xae\x84\x90\x7f\xfes\xa1\xae\xeb\xee\xb9N\x1c\xd6\x7fcxP\xfd\xbb\x96\xf7\x07\x80\xf8\x16O\x9c8a\xb5V\x03@\xdf&gt;\x91\x00\xd8\xfd\xb9\x94\xa2\x10\xa8\xb7G\xf6\xe8\x1c\x1c\x14\x00\x00\x87\x0f\xe7\x82[\x1e\x00b=\x83\xd2\xd2\xd2\xb5k\xd7\x12\x02\xe3\xef\x1c\x11\x19\x17\xc3\xaam-&lt;o\x8f\x000\x075\x05\x06&gt;\xf5\xd8$\xce\xf9\xa1C\xb9?\xfc\xf0\x83{\x9e\x04`\xfd7\x86\xa7\xd4\xbf\xcb\xc9\x12\x00\xd9\xd9Y\x00\x10\x14\x18\x10\xdd\xab\x1b\xd4\xd7\xe3\x01p\t\xb1B\xba\xa5Cx\xcf\x1e\x9d\x00 ;;\x07\xdc\xf2:\x98haw\xef\xde]VV\xc69\xdc3n\x0c\xe7\x0cZc;UU\xe1u\xb6\xdbo\xbb98(\x801&amp;\xae\x1c\xbaa\x93\x81\xf5\xdf\x18\x9eR\xff.\xe7\xfd\x01 \x94\x94\x94\x00\x80\xaf\xafOPP\x00P*\xc17\xdbd\x9cs\xcdd\x0c\r\t\x02\x80\xd2\xd2R1\xd2\xd2\xda\x1bu)\xb1I\xeb\xd6\xad#\x84\xdc\xd0\xb1\xed\xd0\x9b\xe3I\xad\xadU\xaeg\x12Bx\x9d\xbdm\xd7\x1b\x86\r\x89\x07\x80\xf4\xf4\xef\xecv\xbb{\x8e\x02\x01\xd6\x7f#xD\xfd\xbb\x9c\xf7\x07\x80\x18\x1c\xc8\xcc\xdc\x0f\x00Q\x91]\xfc\xc3-\xcc\xa1\xcb\xf0\xd56\x15c\x1c\x88\xd6/6\n\x00\xf2\xf2\x8e\\\xb8p\xc1\rg\xb6\x88\xeb\x99\xbbv\xed\xe2\x9c\x0f\x1e\x10\x13\xd86\x9c\xda[mF#\xe3\x1c\x14\xed\xd6\xc4\x01\x00\x90\x9f\x7f\xf4\xc4\x89\x13n\xb8\x96$\xd6\x7f#yD\xfd\xbb\x9c\xf7\x07\x80 \xbeHr\xf1x@\xbf\x82\x88\xde\xb4\x98h\xdf\xda\x1bs)q=\xb3\xa8\xa8\xa8\xb0\xf04\x00\xc4\xc7F\x01\xa8\xadx\x84\x8a+\x87}\xfbD*\x8aRWW\xef\xceW\x0e\xb1\xfe\x1b\xc7\xad\xeb\xbf9x\x7f5\x10B\xea\xea\xea\x8a\xce\x9c\x01\x00Kp \x00q\xc7\x03\xd4]pKp \x00\xd4\xd4\xd4\x9c9s\x06\xdc\xac9\x13\x1bs\xea\xd4\xa9_\xaeg\xc6D\xb4\xee\xf5Lq\xe50\xa2G\xe7\xa0\xc0\x00\x00\xc8\xcb;\x02n\xb6\xc7\x00\xeb\xbfi\xdc\xba\xfe\x9b\x83\x97\x07\x80\x18\xc8\xb3\xd9l\x85g\n\x01 \xaeO\x04(\x06\x8e7\xc1_\t!\x04\x80\xc6\xc5F\x02@M\x8d\xad\xb0\xb0\x10\xdc\xf2\x008q\xe28\x00\x18\x0c\x86\xb00\x0b\xb0V\x1e\xce\xe6\x94\xf9\x06\xf8\x06\x07\xfb\x03\xc0\x89\x13\'\xc0\xcd\xae\x1cb\xfd7\x9e\xa7\xd4\xbfkyy\x00\x08\x84\x10\x83\xc1\x00\x00\xba\xee^\xe3\xb3n\xc8\xb9\x8b\xc4\x1es+\xe2h\xcc\xcf\xcf\x07\x00Kp`\xcf\xee\x9d\xa0\xbe5W4#\x84p]\xf7\x0f\xb3\xf4\xec\xde\t\x00\xf2\xf3\x8f\x81\x9b\x05\x80\x80\xf5\xdfx\xee\\\xff\xcdA\x8a\x00\x00\xe7\x18\xa8\xdb\x1d\x9bn\xc7\xb9\x8b\xdc\xb6\xefc4\x1a\x01\x80s\xee.\x97[/n\x89\xd80\xf7\x84\xf5\xdfH\xee_\xff\xae%K\x00 \xef\xe3&gt;\x87\xa8\xfbl\tBM"K\x00\x88\x13s&lt;P\x7f\x93s\x17\xb9\xe1P\x86\xa0\xeb:\x00(\n1h\x1a\xb8\xc3\x17\xaa(\x06M\x83\x8b\x1b\xe6\x9e\xb0\xfe\x1b\xc9\xfd\xeb\xdf\xb5\xa4\x08\x00\xce\xb9Nu\x000\xca1\xaew=\x9c\xbb\xc8m\x9b\xb3\xd0\xd00\x00\xa8\xae\xb6\x9d&gt;S\nFC+6j\x9cs\xa2\xaa\xb5\x17\xac\x85Ee\x00\x10\x1a\x1a\xdaZ[ruX\xff\x8d\xe7\xfe\xf5\xefZ\xde\x1f\x00\x9cs\x83\xc1\x10\x14\x18\x04\x00\xf9\'N\x03\xc7\x85P\xaeB\xc9?q\x1a\x00\x0c\x06CPP\x10\xb8Y?HlL\xef\xde\xbd\x01\xa0\xc6V[\\r\x164\xadu;\xb5DU\xea\xaa\xaa\x8b\x8a\xcf\x01@\xef\xde\xd1\xe0~\x0f\x12\xc1\xfao\n\xb7\xae\xff\xe6\xe0\xe5\x01@\x08\xe1\x9c\x07\x04\x04DDD\x02\xc0\xb1\x13g\x80\xeb\xde\xfe\x9d^#\xce9\x80r\xecx!\x00X,\xc1\x11\x11\x11\xe0f\x07\x80\xd8\x98v\xed\xda\x9a\xcd&gt;\x00p\xe4h\x01@k.\xda\xce9\x07\x93\xe1\xe4\xe9\xe2\xea\x9a\x1a\x00\xb8\xe1\x86\xdf\xb5\xd6\x96\xfc\x1a\xac\xff\xc6s\xff\xfao\x0e^\x1e\x00N\xe2\xb9}&gt;&gt;F \xb2|\xe4kc\xf61\x01\x00\xa5\xd4\r\x17\xb6\x14Gc\xd7\xae\xdd\xda\xb6m\x0b\x00\xfb\x0e\x1c\x06\xe0\xadx\x842\xc6A1f\xe7\x1c\xb5\xdb\x1d\x9a\xa6\xc5\xc7\xc7\x83\xbb\xdej\x8b\xf5\xdfH\xee\\\xff\xcd\xc1\xfb\xabA\x9c\x92\xc7\xc6\xc6\x02@^\xfe\xe9\xeas\x15D\xc3\xf5\xd0\xaf@,l\xb0?;\x0f\x00z\xf4\xe8\x19\x18\x18\xe8n\xeba\x89\xf5\x96\xcdfs\\\\&lt;!d\xf7\xdel\xbb\xd5\xaah\xadv\xcb\xbe\xb8\xb0\xbau\xc7&gt;\x00\xe8\xd0\xa1C\xcf\x9e=\xc1\xfd\xfa\x8cX\xff\x8d\xe4\xfe\xf5\xdf\x1c\xbc?\x00\x84\xf6\xed\xdb\x01\xc0\x85\x0bV\x9b\xd5FZ\xea\xd1Q\x9e\x85(\xc0\xa8^z\xb6\x1c\x00\xc2\xc3\xc35\xb7l&amp;\xc4&amp;\x8d\x1d{\x07\xe7&lt;/\xbf`\xff\xdel0\x9b)m\x85aw\xce\xb9b4T\x95\x96m\xd9\xba\x17\x00\x12\x13\x87\xfb\xfb\xfbS\xea\xa6#\xecX\xff\xbf\xc9#\xea\xdf\xe5\xbc\xbf\x14\xc4\x01\x19\x13\xd3\x07\x00*\xab\xacy\xf9\x05`22\xbc\x1b\xfe\x7fq\xce\x15M\xb3\x96\x95\x1f;V\x08\xeez=\x13.\x0e\xb0\xdc|\xf30???J\xe9W\xdfn%\xaa\xa9U\x0eTF9\xf1\xf5\xdd\xb1=\xb3\xf0L)\x00\x8c\x1e=\x06\xdcr\x9e%\xd6\x7fcxJ\xfd\xbb\x9c,\x01\xd0\xa5K\x17\x1f\x1f\x1f\xc6\xd8\x81\xac&lt;|$\xde\xe58\xe7\xe0c:~\xfc\xf4\xd9s\xe5\x00 \xae\x19\xba!EQ(\xa5=z\xf4HLL\x04\x80\x15\xab\xd7\x9f?}Z\xf51\xb6\xfc\x17J\x14\x00\x9d.X\xbc\x92\x10\xd2\xbe}\xfb?\xfc\xe1\x0f\x00\xe0\x86KHb\xfd7\x86\xa7\xd4\xbf\xcbI\x14\x00\x1d\xda\xb7\x07\x80\xfdYGZ\xf7\xca\xa1{b\x8c\x83\xa2e\x1f\xccw\xe8\xba\xc1`\xe8\xdb\xb7/\xb8\xeb\xf5L!%%E!\xa4\xa4\xf4\xfc\xbb\xef\xad"f\xff\x16\x1e\x05\xa2\x94\x91\x00\xff\xef\xd3\xb6o\xd9\xba\x97s&gt;}\xfa\x0c\xb7\x1d\xff\xc1\xfao\x0c\x8f\xab\x7fW\xf1\xfeO(\x9e\xd1a6\x9b#"#\x01\xe0\xc7\x8cl\xbb\xd5\xaa\xb8_O\xadu\x89\x16\xe1\xfb\x1d\xfb\x00 44\xa4[\xb7n\xe0~\xd73\x05UU9\xe7\xb7\xdcrKT\xaf(B\xc8\xa2\xd4/*\x8a\x8a\x94\x96&gt;\t\xe0\x84\x90\x97\xdf\\J\x081\x99L\x93\'?\x08\xee\xba\xbb\xb0\xfe\x1b\xc3\x83\xea\xdf\xb5\xbc?\x00\xe0\xe2X^BB\x02\x00\x1c?q\xe6\xe4\xd1\x02b6\xe10hC\x8a\xaa:\xac\xd6=?\x1d\x04\x80^\xbdn\x0c\x08\x08\x10O_i\xed\xed\xba2\xc6\x98\xa6i\x0b\x16,\xe4\x9c\x9f=W\xf1\xd7\x17\xdfUZ\xf0$\x80\xeaT\r\xb6|\xf1\xc9\x9a\xef\xb7\xef\xe3\x9c\xcf\x993\xa7[\xb7n\x94R\xb7\xed0b\xfd\xff&amp;\xcf\xaa\x7f\x17r\xd3\x92u-\xf1E&amp;%%i\x9aVW_\xbfs\xcf\xcf\xa0\x19e\xb8\xc2\xd3H\x8cqb6\x1d;r\xf2\xf8\xc93\x00\xf0\xfb\xdf\')\x8a\xe2\xce\xfbGUU\xc6\xd8\xe8\xd1\xa3G\xdfz+\x00,^\xfa\xe5\xe6o6i\x96 \xdd\xd1\xec\xb7\xef3\xc6\x14\xb3\xa9\xf4\xe4\xe9\xc7\x9e\x9e\xc79o\xd3&amp;\xfc\xc9\'\x9f\xe4\x9c\xbbm\xeb\x0fX\xff\xbf\xc5\xe3\xea\xdf\x85\xdc\xb7j]H\x1c\x9c\xb1\xb1\xb1b\x18\xf4\xdb\r\xdb\x813\t\xd2\xbd\xb1\x18c\\3\xa5\xa5\xef\xae\xab\xabWUe\xc4\x88\x91\xe0\t\xe7\xbf\x9c\xf3\xc5\xef\xbd\x17\x12b\xe1\x9c?8\xfdoe\xa7\x8a\xb4\x00?\xaa7\xe3\xfd;\x9cq\xae(\xc4dz`\xea\xdc\xb2\xb3\xe5\x00\xb0h\xd1\xe2\x90\x90\x107\xef-b\xfd_\x9d\x87\xd6\xbfKH\x11\x00\xe2\x06"__\xdf\x11#G\x02\xc0O\xfbs\xab\xcf\x95\xab\xad\xba\x8e\x98[Q\x08\x10N\xb7n\xdfG\x08\x89\x8c\x8c\x8c\x8e\x8e\xe6\x9c\xbb\xe1\x84\x96\x86D\x1f\xad{\xf7\xeeK\x96\xa4\x02@I\xd9\xf9\xb1\x7f|\xecBE\x95\xeakn\xa6{89\xe3L!\xaa\xbf\xdf\x8c\xe4\xb9\x9b\xb7\xee\x05\x80\x94\x94\x94\xf1\xe3\xc7SJ\xdd|_a\xfd_\x9d\'\xd6\xbf\xabH\x11\x00Nw\xdf=\x1e\x00N\x17\x96\xac]\xfb\x1d\x98\xfd(\x0e\x83\x020\xc6\x15?\xf3\xd1\x9f\x0fo\xd9\xba\x87s~\xfb\xedw\x98L&amp;\x8f\xb8\x0f^UU]\xd7\xc7\x8d\x1b\x97\x92\x92\x02\x00{3\x0f%O}\xceZgW}|\\~\x1e\xc0(\x13\xad\xff\xdf\xff\xf6N\xea\xc7k\x00`\xf0\xe0\xc1\xf3\xe7\xcfw\xe7\xa1\xff\xcba\xfd_\xces\xeb\xdf%&lt;\xa6v\xaf\x93\xf3\x06\xa2\x1bn\xe8H\x08\xac\xfej\x13\x00S\x00\x0f\x00`\x8c\x81\xc1\xbcv\xfd\xf75\xb6ZUU\xc7\x8d\x1b\x07\x9es\xfe+2`\xc1\x82\x05\xd3\xa7O\x07\x805\xeb\x7f\x185\xe2\xc1\xf2\x0bV58Pw\xe8\xae\xea\xe1\xea\xba\xae\xf8\x98D\xdf\xff\xf9W\xdf\x03\x80\x84\x84\x84u\xeb\xd6)\x8a\xa2(\x8aG\xec+\xac\xff_\xe3\xd1\xf5\x7f\xfdd\t\x00B\x88\xae\xeb\x01\x01\x01\xf7L\xbc\x87s\xd8\xba\xfd\xa7\xe39y\xc4\xcf\x8cs!TM\xd1k\xac+V\xff\x97\x10\x92\x90\xd0?!!\x811\xe6)\xe7\xbf\x84\x10qAx\xc9\x92%"\x03\xf6f\x1e\x1a&lt;\xf4\xbe\x9d\xdf\xef\xd5B\xc2\x08!\xbaN\xaf\'\x05(\xa5\x8c2\xcd\x12R\\z\xf6\xb6[\x93E\xdf?!!!---$$\xc4\x83\xd6\x8a\xc1\xfa\xff5\x1e]\xff\xd7O\x96\x00\x80\x8b\x9d\xa0)\xc9\xc9F\x83\xa1\xa6\xa6\xf6\x93U\xeb\x89\xc1\x97\xcbq\xad\xff\xd7P\xca\x88\xbf\xff\xf6\xad{\xb2\x0f\xe6s\xce\xa7N}\xc8\xe3\xe6?\x10B\xc4\x18\xf7\x92%K\x1e~\xf8a\x00\xc8;vj\xe4m\xd3_z~\xbe\x9d\x10\xcd\x12L\x14\xd0u\xda\xa4\xb3\x01\xce9\xa5\x941\xa6\x06\x05(\x81\xfe\xabW\xfc\'a\xf0\xbdi\xe9?\x02\xc0\x90!C\xd2\xd2\xd2,\x16\x0bc\xcc\x83\x06\x7f\x00\xeb\xffJ\xbc\xa0\xfe\xaf\x13\x91\xeaB\x908ho\xbd\xf5\xd6\xf4\xf4\xf4\xb0\xb0\xe0\x9c\x8c/\xc3\xdb\x84\x80C\xf7\x94~\x9c\xcb1\xc6\xb8\x8fy\xf4\x98\xa9\xdf\xfd\x90\xd1\xaem\xdb\xec\x9c\x1c\xf1X+\x8f\xdb!\xe2\x19\xf1\xaa\xaa.]\xba\xf4\xe99s.TV\x02@Lt\x8f\xd9\x8f?p\xff\xc4\xdb\x8dA\x81Pgcuv\xc69!DQ\x08\xfc\xefg\x14G\x01\xe3\x9c3N\x00T\xa3\x01\xfc|\x81\xd2\xcd\x9bv\xcc\x7f\xfb\xa3M[v\x8b\xb7\xa5\xa4\xa4\xcc\x9b7O\xd34\x8fk\xfd\x05\xac\xffKxM\xfd_3\xcf+\xe2\xeb!\x8e\xf3\xd9\xb3gs\xce\xcf\x9e\xad\xf8t\xe5\xb7\xc4\x1c\xd8\xac\x13\x07\xdd\x19\xa5L\t\xf4\xffy\xcf\x81\xad\xdb~\x02\x80\xfb\'M\n\x0b\x0bs\xcf\xf5\x0c~\x93\x18\x0b\xa2\x94N\x9b6-\xfd\xbb\xef\x06\r\x1a\x08\x00\xd9\x07\xf3\xa7&gt;\xfcB\xc2\xd0\xfb\x96\xbe\xb7\xb2\xb0\xb0L\t\xf2\xd7,\x165\xc8\x9f\x18\rDU\x19e\xbf\xa0\x8c(\n1h\xaa\xbf\x9ff\tV-\xc1U\xd5\xb6o\xbe\xdet[\xd2\xf4\xd1\xbf\x7fX\xb4\xfe\x1d;v\xfc\xf7\xbf\xff\xbd`\xc1\x02\xb1H\xa4\'\xb6\xfe\x80\xf5\xff\xbf\xbc\xa9\xfe\xaf\x99\\g\x00\xe2\xc3\xd6\xd5\xd5\xc5\xc7\xc7\xe7\xe5\xe5\xf5\xec\xdei\xcf\x8e\x95\x01~f"\xd9\xb7.P\xc6T\x7f\xff{&amp;\xa6|\xfe\xf5f\x93\xd1\x98\xb9\x7f\x7fTT\x94\xe7\xb6n\x82\x98\x94\xa9\xeb\xfa\'\x9f|\xf2\xe2\x0b/\x9c.,\x14\xaf[,A\xb7\xdc\xdco\xf8\xb0\xfeq1\x117Ft\xf1\xf33\x9b\xc3,\xc09p\x00E\xa1\x95\xd6\xaaj[\xfe\xc93\x07s\x8f\xed\xd8\xb5?}\xeb\xde\x93\x05g\xc4/\x9a\xcd\xe6\xa7\x9ezj\xd6\xacYm\xda\xb4\x11s~&lt;\xb7T\xb0\xfe\x1b\xf2\xca\xfao*\xb9\x02\x00.6\x10\x9f|\xf2\xc9\xe4\xc9\x93\x01\xe0\xc5g\xa7\xbf\xf0\xda\x9f\xf5\x8as\x9a\xa6\xb5\xf6\xa6\xb5(J\x99\x1a\x14\xf0\xfd\x7f\x7fH\xbcc&amp;\x00L\x992e\xf9\xf2\xe5\xee?\xa5\xbd1\x9c\xe33eeek\xd7\xae]\xbcx\xf1\x81\x03\x07\x1a\xbe!4$80\xd0\xaf{\xf7N\xc0\x18p\x00M-)*+=[~\xf6l\x054\x98\x18\xd3\xb9s\xa7\xe4\xe4\xa9\x13\'N\x8c\x8a\x8a\x82\x8b\x95\xd3\xb2\x1f\xc5\xf5\xb0\xfe\x05/\xae\xff&amp;\x91.\x00\x00@L\xf2\x1d9r\xe4\xb6m\xdb\xc2B\x83\xb3\xf6~\xde\xa6]88\x1c\x8aL\x9d \xca\x181\x9bG\x8e\x9a\xf2\xc3\x8e\xcc\xd0\x90\x90\xec\x9c\x9c\xb6m\xdbzM\xf7\xc7yI\x00\x00(\xa5\xe9\xe9\xe9\x1b7n\xd8\xb2%=/\xefH}\xbd\xfd\xea\xbf\xdb\xad[\xd7\xe1\xc3\x13\x87\x0f\x1f~\xe7\x9dw\x06\x06\x06\x8a\xbf\xe0\xd1\x1d\xffK`\xfd\x83\xb7\xd7\x7f\xe3I\x1a\x00\xaa\xaan\xdb\xb6m\xc4\x88\x11\x94\xd2)\xf7\xdd\xb1|\xe5\x02\xbd\xe2\xbc&lt;\x9d ]\xd75K\xe8\xc7\xef\x7f:\xe5\xff^\x02\x80\xbf\xff\xfd\xef\xcf=\xf7\x9c\xf7u\x7f\x1a\xc6\x00\x00PJ\xf3\xf2\xf2rsssrrN\x9d*((8%\xdat\xceypppLLL\xa7N\x9d\xa2\xa3\xa3\xa3\xa3\xa3}}}\x9d\xbfB\x08\xf1\xb2F\x01\xeb_\x92\xfao\x0c\x19\x03\x00.\x1e\x03\xc9\xc9\xc9\x1f}\xf4\x91\xaa\xaaik\xfe5\xf2\x8eDZQ\xa5\xb6\xde\x03f[\x0cc\x1c\x8c\x86se\xe5}\x07M(-+\x8f\x88\xe8\xf9\xf3\xcfY\x9a\xa6\x89\xf9\x94\xad\xbdu\xae\'b\x80s\xde\xf8\x06\x8eR*\x16\x03\xf0\xca\x1d\x02X\xff2\xd5\xff\xd5I\x1a\x00b\xaaoYYY\xaf^\xbd.\\\xb8\xd0\xa3\xdb\r\x07~\xfa\xca\xc7hP$\xb8\x1a\xa6\xebT\xb3X&amp;\xfe\xe9\x91\xcf\xff\xb3\x05\x00\xd2\xd2\xd2F\x8f\x1e-C\xf7\x877p\xc9\xd1.^\x04\x00\xd1\xdf\xf7\xfa\x1a\xc0\xfa\x97\xb0\xfe\xaf\xc8\xab\xcem\x1bOQ\x14\xcey\xbbv\xed\xdez\xeb-\x00\xc8?^\xf8\xf8\xe3\xaf\xaa~-\xfd`\xa9\x96\xa7;t\xcd\x12\xb2|\xf1\nQ\xfdS\xa7&amp;\xcbS\xfd\xa2qWUU\xd34UU\x95\x06\xc4\x8b\xe2u\xafo\x01\x01\xeb_\xca\xfa\xbf"I\xcf\x00\x04]\xd75M\x9b8q\xe2\xe7\x9f\x7f\x0e\x00\xcb\x16\xfd-\xf9\x91\x07\xf5\xf2s\x9a\xc1;\x07C\xa9N\xd5\xa0\x80\xec}\x07\x07\'&gt;h\xb3\xd5v\xed\xda-++\xcbl6\xcby\xf2\x8b\xb0\xfe\xb1\xfe\xa5\x0e\x001:\\YY\x99\x90\x90p\xe2\xc4\t__\x9f\xef\xd3\x96\xf6\x1f\x1cG+\xad\xde7\x18\xca\x18\x03\x83\xa1\xb2\xda6|\xc4\xe4\xac\x83\xc74M\xdd\xb1c\xc7\xc0\x81\x03=\xf4\xa6Vt\xfd\xb0\xfe\xb1\xfe\xe5\xfd\xe4pq\x19\x99\x90\x90\x90\xcf&gt;\xfb\x8c\x10RSS;\xf1\xfe\xa7+\xce\x96\xabf\x1f\xe6]\xe7\xc2\x9cs\x06D\xf15\xcf\x98\xfe|\xd6\xc1|\x00&gt;o\xde\xbc\x81\x03\x07\xea\xba.s\xf5K\x0e\xeb\x1f\xeb_\xea\x0f\x0f\x00\x8a\xa2\xe8\xba&gt;p\xe0\xc0\xf7\xde{\x0f\x00\x8e\x17\x14\x8d\xf9\xfd\x0c[]=\x18\r\xde\xb4&amp;\x14eL\x0b\n\x9a9u\xee\x97\xdfl\x05\x80\xc9\x93\'\xa7\xa4\xa4\x88\x11\x80\xd6\xde4\xd4\x9a\xb0\xfe[{\xd3Z\x99\xec\x01\x00\x00\x9a\xa6\xe9\xba&gt;c\xc6\x0c\xb1\x96dF\xe6\xa1G\x1fyI\xf15s\xa2p\xafX,\xd7\xa1\xebZp\xd8\x07\xff\\\xfe\xc1\xf2\xff\x00@BB\xc2\xe2\xc5\x8b\xa5Z\xf3\x16]\x05\xd6\xbf\xcc0\x00\x00.&gt;W\xe4\xfd\xf7\xdf\x17k\xca\x7f\xb4j\xfd\x8c)\xcf\xaa\x01~\xa0z\xf8\xda\xb0\x9cSJ\r\x96\xf0\xd4w\x97\xcfLy\r.\xaee/nt\x92\xf6\xc2\x17\xba\x04\xd6\xbf\xb40\x00\x00\x1a\xac%\xe9|\xaeH\xea\xc7kf$\xcf\xa5\x9a\xa6\x18\x0c\x1e\xba\\"c\x8crP\x83\x83?xg\xd9\x8cY\xaf\x02\xc0\x80\x01\t\x1e\xba\x96=jVX\xff\xd2\x92z\x16\xd0%\x9c+\x07\xcc\x981#55\x15\x00\x86\x0c\xec\xf3\xed\xda\xc5\x966!zE\x95g\xcd\x8d\xa3:U}\x8c`6\xcf\x9c\xf6\x97\x0f&gt;\xfc\n\x00\x06\x0c\x18\xb0q\xe3F\xac~\xf4k\xb0\xfe%\x84;\xe2\xff\x137\n5\xec\x07\xed\xdc\x935r\xf4C\xfb\x7f:\xa8\x85\x84\xb9\xf0\x19\xb3\xcdMw\xe8jp`E\x95m\xe2\x9f\x1e\xc3\xeaG\x8d\x84\xf5/!&lt;\x03\xb8\xd4\xe5\xfd\xa0PK\xe0\xe2\x7f\xfdu\xc2\xfdwqk%s\xef\x9b\x069\xe3\x8c358d\x7f\xc6\x81i\xd3\x9e\xcf\xcc:\x02X\xfd\xa8)\xb0\xfe\xa5\x82\xbb\xe3R\xa2\x1f$\x9e3\xbe`\xc1\x02\x008_Q5q\xd2\xd3\xb3g\xbdHUU\r\xf0\xd7u7\xed\n\xe9\x0e\x9d\x98\x0cj\xb0e\xe9\xfb+G\x8cJ\x16\xd5?u\xea\xd4-[\xb6`\xf5\xa3F\xc2\xfa\x97\n\x9e\x01\\\x99X\x1dLQ\x94\xb4\xb4\xb4\x87\x1e\x9az\xe6L\x11\x00\x0cJ\x88Y\xf8\xf6\xb3\x03\x87\x0e\x84\x9a*\xddnw\x9fI\xc4\xbf\xacZ\x1cd):y\xea\xa9g\xe6\xad\xfeb#\x00\x98L\xa6\xd7_\x7f=%%\x05\x1a&lt;#\x05\xa1\xc6\xc0\xfa\x97\x04\x06\xc0\xd5\x88[E\x8a\x8b\x8b\x93\x93\x93\xd3\xd2\xd2\x00\xc0\xc7d|z\xf6\x94\xa7\x9e\x9c\x1c\x14\xde\x06\xac\x95T\xa7\x8a\xa6\xb6\xe2l2J\x19\x01P\x82\x03\xa0\xde\xb1\xfc\xe3\xff\xfc\xed\xa5E\x85Ee\x00\x10\x19\x19\xf9\xe1\x87\x1f\x0e\x192\x841&amp;\xf3R\'\xe8z`\xfd{=\x0c\x80\xdf\xe0\\)p\xe1\xc2\x85s\xe7\xce\xad\xab\xab\x03\x80^\x91]\x9f~*y\xd2\xc4\xdb\r\x81\xfe`\xb5R\x9d*j\x8b\xae!\xcc\x01\x98\xe8\xf5\x04\xfa\x03\x87\xcdi\xdb\xe7\xcd[\xbey\xeb\x8f\xe2\xa7\xd3\xa6M\x9b?\x7f~PP\x10\xde\xeb\x88\xae\x13\xd6\xbfw\xc3\x00\xf8m\xceNDNN\xce3\xcf&lt;\xb3a\xc3\x06\xf1\xfa\xe0\x01}\x9e\xfd\xf3\xf41#\x06\x98\x82-PS\xad\xdb\x1d\x84\x10Um\xde3M\xc6\x18c\\\xd3T\x08\xf0\x03\xbbc\xf7\x8fY\xffZ\xb4r\xd5\xe7\xbflRLL\xcc\x1bo\xbc\x91\x94\x94\x04\xde\xf2\x0c[\xd4\xea\xb0\xfe\xbd\x18\x06@c9\xebi\xf5\xea\xd5\xff\xf8\xc7?\xb2\xb3\xb3\xc5\xeb}z\xf7L\x995i\xdc]\xb7\x06\xb6\t\x03\xe6\xe0\xd56J\xe9/O\x15qQ\x9f\x88\x03p\xc6\x18\xe3\n!\x8a\x9f\x0f\x18\xcc\xb4\xc6\xfa\xdd\xb6\x8c\xb7\xde\xfe8m\xcb.\xf1\x9e\xf6\xed\xda=\xf2\xe8\xa3\xcf&lt;\xf3\x8c\xd1h\xc4\xd3^\xe4rX\xff^\t\x03\xa0\t\xc4m\xf1\x8a\xa2\xd8\xed\xf67\xdf|s\xf1\xe2E\xc5\xc5%\xe2G\x9d;u\x980\xee\xd6\xbb\xfe0\xe2\xa6\x9b\xe2\xc0h\x06f\x87\xdaz\xea\xd0\xc5\xc3\xa7\xc4\xd1\xd0\xa4\x7f\x8bs\xce8\xe7\x8c\x13\x02\xaa\xa6\x82\xc9\x04\x06\x13\x00=\xfc\xf3\xe1u\x1b\xb6\x7f\xf6\xef\r\xfb\x0f\xe4\x8aw\x9a\xcd\xe6{\xef\xbd\xf7\xe5\x97_\xee\xd8\xb1#`\xc7\x075\x1b\xac\x7f\xef\x83\x01\xd0d\xce\n+--]\xb1b\xc5\x8a\x15+\xb2\xb2\xb2\x9c?\x1d:$~T\xe2\xc0\xd1\x89\x03bc\xa3|C\x83\x01T\xe0:\xd4\xdb\xb9\xdd\xc1\x19g\x9c\x03p\xb1\x10\xef%\x7f\xf6\xe2\x17\xc1\tQ\x08\x01\xc5`\x00\x93\x11T\r\x00\xa8\xd5\x9aw\xb4`\xd3\xd6=?l\xdb\x97\xb6e\x97\xcdV+~\xa5C\xfb\xf6\xf7\xdd\x7f\xff\xe4\xc9\x93{\xf7\xee\r\x00\xba\xaeK\xf2@+\xd4\x8a\xb0\xfe\xbd\t\x06\xc0\xb5p\xde,\x03\x00v\xbb}\xe3\xc6\x8d\xcb\x97/\xdf\xb4i\x93\xcdfs\xbe\xa7k\xd7\x1b\xe2\xfbF\xdd|S\\\\l\xe4\x8d=\xbb\x84\xb5\x0b\x03\x1f\x13\x80\xb8$\xc5\x01.__E\xb9x[\x86\x0e\xba~\xa1\xac&lt;\xefX\xe1\xc1\xdcc;v\xed\xcf\xd8w0\xefhA}}\xbd\xf3\xadC\x87\x0e\x99&lt;y\xca\xd8\xb1c\xdb\xb6m\x0b\x00\x94R\x19\x9ed\x8b\xdc\x04\xd6\xbf\xd7\xc0\x00\xb8v\x9csJ\xa9s\x9a\xc1\xe1\xc3\x87\xd7\xad[\xb7v\xed\xda\x8c\x8c\x8c\x86\xc5\n\x00\xa1!\xc1={t\n\xb6\x04&amp;\xf4\x8d\xd24-(\xc0\xafOl$\xa7\x94\x00\x11\x7f\x87hZ\xc1\xc9\xc2\x82\xd3%DS\xb3\xb3\xf2\xce\x97W\x1e&gt;z\xb2\xb8\xf8\xec%\xffbLL\xef\xdbn\xbb\xed\xae\xbb\xfex\xd3M7\x89W\xc4\x13-p\x8e3jyX\xff^\x00\x03\xe0z\x89\xde\x90\xb8\x7fR\xbc\x92\x9b\x9b\xbbg\xcf\x9eu\xeb\xd6eff\x16\x15\x9d\xa9\xaf\xb7_\xcf\xdfo\xd7\xaemLL\xcc\x981\xb7\r\x1b6,&gt;&gt;^t\xbb\xc4?\x8a\xbd\x1e\xd4\xea\xb0\xfe=\x1a\x06\x80\xcb0\xc6\xc4y\xb1\xb3(m6[AA\xc1\xe1\xc3\x87\xb3\xb3\xb3\xb3\xb3\xb3\xcf\x9f?\x9f\x9b{\x88RZUYUo\xbf\xc2Q\x11\x1e\x1e\x06\x00\xdd\xbb\xf7\xb0X,\xfd\xfb\xf7\xeb\xd6\xad{ttt\xcf\x9e=\x83\x83\x83\x9d\xef\xd1u],\xde\xdb"\x9f\t\xa1\xc6\xc2\xfa\xf7D\x18\x00\xae\'\x8e\x84+\x96iee%c\xac\xa4\xa4\xa4\xa4\xa4\x84\x10h\xb8\xef\xfd\xfd\xfd{\xf6\xec\xc99\xb7X,\xbf\xf6\x07\xb1\xcb\x83\xdc\x1f\xd6\xbf\x07\xc1\x00hF\xbc\x0111\xb91\x83\x95\xe2\xf4V|/X\xf4\xc8sa\xfd\xbb?\x0c\x80\x16%\xf6\xb68$.\xff\xa98&lt;\xb0\xdc\x91\xb7\xc2\xfaw7\x18\x00\x08!$)\x9c&gt;\x85\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ad\xb57@.\xbc\x81K~D\x1ah\x95mC\x08\xc9\x86\\\xde\x12!\x97\xe3\x9c3\xc6\x00@U\xd5\xdf|3\xa5\x94s\xae(\x8a\xa2\xe0\xf9\x19B\xa8\x19a\x004/\xc6\x18\xe7\xdc\xd9\xeeSJ\xcf\x9c9s\xec\xd8\xb1\x82\x82\x82S\xa7\n\x08!\x9c\x03\x00\x0f\x0e\xb6\xc4\xc4\xc4\xb4k\xd7\xaeK\x97.f\xb3\xb9\xe1\xef*\x8a\x82\xe7\x04\x08\xa1\xe6\x80\x01\xd0\\\x18c\xce\xf1\x9c\xd2\xd2\xd2\x9d;w\xae_\xbf&gt;#coA\xc1\xa9\xaa\xaa\xaa+\xfe\x8a\xc9d\xec\xd8\xb1c||\xfc\xed\xb7\xdf1h\xd0\xa0\xa8\xa8(\xf1:\xa5\xb41\xa7\x0e\x08!\xd4$\x18\x00\xae\'\x06|D\x93\x9d\x95\x95\xb5h\xd1\xbb\xeb\xd6\xad/**\xba\xe4m\xe1\xe1\xa1\xc0\x19\x07 D\xa9\xac\xb4\xda\xed\xf6\x86?\xf5\xf3\xf3\xbd\xf5\xd6[\x1fy\xe4\xd1\x11#F\xa8\xaa*F\x90pP\x08!\xe4B\x18\x00.\xc6\x18\x13\xcdtNN\xce\x9f\xff\xfc\xe7-[\xb68[\xf6\xce\x9d:\xf4\xef\x1f\x1d\x1f\x1b\xd9?6\xcab\t\xec\xd1\xbd\x130\x06\x00\xa0j%E\xa5\xc5g\xcb\xb3\x0f\x1d\xcf\xca\xce\xcb\xd8w0;\'\xcf\xf9\x07ccc_{\xed\xb5\xa4\xa4$\xc0S\x01\x84\x90Ka\x00\xb8\x92\xae\xeb\x9a\xa6Y\xad\xd6\xbf\xfc\xe5/K\x97\xa6\xd6\xd6\xd6\x01\x80\xaf\xd9\xe7\xeeq\xa3\xfft\xd7\xa8\xe1C\xe3\x03\xdb\x86\x01\xa8\x00:0\x06\xf5v\x001\xb8\xcf\xc1\xa0\x81\xa6\x01\xa8\x00\x9cZ\xad{\xf6\x1d\\\xf3\xed\xd6\x95\xab\xd6\x17\x15\x9f\x15\x7f9))i\xe1\xc2\x85\x11\x11\x11\xe2\x9fh\xbd\x8f\x88\x10\xf2\x1e\x18\x00.#\x9a\xe6\xcc\xcc\xcc\xe9\xd3\xa7gff\x02\x80\xd9\xc7t\xef\xc4\xa4\xd9\xb3\x1e\xe8\xdd\xaf7\x00\x07\x9b\x8d\xda\x1d\x9c\x03!\x04\x08(\r.\xed\x8ay\xa1\x9csB@UU\xf03\x83b*=}\xfa\xfd\xd4\xcf?H\xfd\xa2\xb8\xe4\x1c\x00\x84\x85\x85-Z\xb4h\xc2\x84\t\r\xaf. \x84\xd05\xc3\x00p\r\xd1\xfa/[\xb6l\xf6\xec\xd9\xe2\x1a\xefm\xa3n\x9a\xff\xe6\x9c\xe8\xb8hp\xd8i\xb5\r\x084r&gt;\x0f\x07\xe0\x8c1\xc64\x1f\x1f0\xfb\x96\x15\x16\xbf\xfa\x8f\xf7\x17\xbd\xbf\x9aq\x0e\x00)))\x0b\x16,\xc0\x0c\xb8~\r+\x1f\xf7dKr\xeey\xce\xb9\xd8\xf3\xb8\xff[\x0b\x06\x80\x0b\x88\xd6?55u\xc6\x8c\x19\x00`2\x1a^\x7f\xe5\x89\x94\'\x93\x018\xb5\xd6\x10\x85\\\xdb\xc5[\xce9\xa5T\xc4@\xda\xb7[\x1e\x9a\xf1\xb73%\xe7\x00`\xfa\xf4\xe9K\x96,\xa1\x94\xe2\x0c\xd1\xa6b\x8c9\xb3\xb3\xe1\x97"\xae\xdb\xe3\xed\x17\xcdG\xdc\xfc(v\xfe\xe5\xd7\xb1D\xa9\x8b/\x05K\xba%a\x00\\\xafKZ\xff\x90\xe0\x80o\xbe~wH\xe2M\xac\xf2\x02p\xae\xa8\xd7\xdb\x9ap\xce)e\x9a%\xa8\xf8T\xd1\x9dw=\x96\xb1\xff\x10\\\xcc\x00]\xd7UU\xc5\x03\xa61(\xa5\xf0\xbf7\xe2UVV\x8a\xf6\x08\x00\x82\x83\x83\x9d\xaf7\x9c\xc4\x85\xae\xdf/\xfd\x98\xff\xbdpe\xb5Zm6\x9b\xddn7\x18\x0c~~~\x01\x01\x01\xce\x1f\xe1L\x87\x96\x84\x01p]D\xb1~\xfc\xf1\xc7S\xa6L\x01\x80\x1b#\xbb~\xbab^\\B\x8c^^\xa1\x19\\y\xa9Vw\xe8Z\x80\x7fEE\xe5\xd4\xa9\xcf\xadY\xff\x03\x00&lt;\xfc\xf0\xc3\xef\xbf\xff&gt;^\x13\xfeM\r\x1b\xf4\xc2\xc2\xc2-[\xb6\xec\xd8\xb1\xfd\xc4\x89\x93\xb9\xb9\x87t]\'@8@\x8f\x1e\xdd;v\xbca\xc8\x90!c\xc6\x8c\xe9\xd5\xab\x17\\\xec\xb1\xe2\xd9\xc0ur\x0e\xf2\x00@ff\xe6\xd6\xad[w\xef\xde\x9d\x9f\x9f_RRb\xb3\xd9\xc4Y\xac\x9f\x9f\xdf\xef~\xf7\xbb\xf8\xf8\xf8\xb1c\xc7&amp;%%\xa9\xaa\x8a\x19\xd0b0\x00\xae\x9d\</t>
        </is>
      </c>
    </row>
    <row r="25">
      <c r="A25" s="1" t="n">
        <v>23</v>
      </c>
      <c r="B25" t="inlineStr">
        <is>
          <t>venn</t>
        </is>
      </c>
      <c r="C25" t="inlineStr">
        <is>
          <t>What is the missing number of the part denoted with a question mark?</t>
        </is>
      </c>
      <c r="D25" t="inlineStr">
        <is>
          <t>['6', '4', '5', '2']</t>
        </is>
      </c>
      <c r="E25" t="inlineStr">
        <is>
          <t>5</t>
        </is>
      </c>
      <c r="F25" t="inlineStr">
        <is>
          <t>There are 3 overlapping circles containing the numbers ['?', 8, 7]. The overlapping part between the first and second circle contains the number 13. The overlapping part between the second and third circle contains the number 15.</t>
        </is>
      </c>
      <c r="G25" t="inlineStr">
        <is>
          <t>We observe that the circles with 8 and 7 overlap to form the part 15, where 8 + 7 = 15. Hence, the pattern is most likely that the numbers in the overlapping parts are the sum of the numbers in the corresponding circles.</t>
        </is>
      </c>
      <c r="H25" t="inlineStr">
        <is>
          <t>Based on the pattern that the numbers in the overlapping parts are the sum of the numbers in the corresponding circles, the missing number of the circle where the overlapping part is 13 should be 5.</t>
        </is>
      </c>
      <c r="I25" t="inlineStr">
        <is>
          <t>b'\x89PNG\r\n\x1a\n\x00\x00\x00\rIHDR\x00\x00\x02\x00\x00\x00\x02\x00\x08\x06\x00\x00\x00\xf4x\xd4\xfa\x00\x00\x9fWIDATx\x9c\xec\xddw\x98\x14\xc5\xd6\xc0\xe1_wO\x0e\x9bYr\xce HP\x14\x14\xc1\x88Y\x8c`@\x11\x05\x04s\xce\x19\xb3\xa2(*&amp;D\xc5\x80\x88\x01E\x01\x15P\x10\x04\x94(Yr\x0e\x1b\'\xcft\xb8\x7f\xf4\xcc\x12D/\xb0\x0b\xbb3S\xef\xf3\xf0]?v\xd9\xed\x993\xddu\xaa\xeaT\x95d\x18\x86\x81 \x08\x82 \x08iE\xae\xec\x0b\x10\x04A\x10\x04\xe1\xc8\x13\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Ke_\x80P9\x0c\xc3\xd8\xeb\xbf\xf7\xfc\xff\xf7\xfdz\x82$I\xff\xf8\xef}\xffW\xa8\x1a\x12\xf1\xdb7\xb6\xfb\x8b\xeb\x9e\xf6\x8d\xb1\x88o\xd5\xb4g|\xf7\xfc\xdf}\xff{O\xe2\xfe\x15\xf6%\x19\xff\xef\x89 $\xadDhu]/\xfb\xef\xc4C]\x96+~\xf0G\xd3\xb4\x7f\xfc\x9e=\x1b\x11\xa1b%\x1a\xf7=\x1b\xf9Dl\x0f\xc7{\x9e\xf8\x1c\x19\x86Q\xf6\xf3\x0f\xd7\xef\x12\xfe=\xbe\x87\xe3\xfe5\x0cc\xbf\xcf\tq\xff\xa66\x91\x00\xa4\x90}\x1f\xd0\x8a\xa2\xfc\xe7\xf7\x07\x02\x01|&gt;\x1f%%%\xf8\xfd~\xfc~?\xa1P\x88`0\x88\xaa\xaaD\xa31t]\xc7bQ\xb0Z\xadXm6\\N\'.\x97\x1b\x8f\xc7\x8d\xc7\xe3%++\x13\xb7\xdb\x8d\xd3\xe9\xfc\xd7\xdf\xb3\xe7\xc3\xe5p6P\xa9,\x11W]\xd7\x01\xb3\xe1\xfd\xafF \x10\x08\x10\x8b\xc5\xd8\xb9s\'\x85\x85\x85D\xa2Q\xa2\x91(EE\x85\xf8|&gt;TU%\x12\x8db\x18\x066\xab\x15\xab\xd5\x8a\xcb\xe5";;\x1b\x97\xcb\x85\xc5b!33\x93\x1a5j`\xb3\xd9\xf0z\xbd\xffym"\xbe\xe5\xb3oc\xff\xff\xe2\xabi\x1a\xc1`\x90\x92\x92\x12JKK\xf1\xf9\xfd\x04\x03\x01\x82\xc1\x10\xa1P\x08MS\x89F\xa3\x18\x06XmV,\x16\x0b\x0e\xbb\x1d\xa7\xcb\x85\xdb\xe5\xc2\xe3\xf1\xe0\xf5z\xc9\xcc\xcc\xc2\xedva\xb3\xd9\xfe\xf3\xda4M\x03v\'|"\xbe\xa9A$\x00Il\xcf\x06\xdfb\xf9\xe7l\x8ea\x18l\xdf\xbe\x83\xf5\xeb\xd7\xb1f\xcdZV\xaf^\xcd\x9a\xb5k\xd8\xb8q#\xdb\xb6ne\xc7\x8e\xed\x94\x94\x94\x10\x89D\x0f\xf9\x1a\\.\'YY\xd9\xd4\xacY\x93\x1a5j\xd0\xa0AC\x1a6l@\x93&amp;Mh\xd0\xa0\x01\xf5\xea\xd5#;;{\xbf\xd7\xae\xeb\xbah0\xfe\xc5\x9e\r\xfe\xbf%s~\xbf\x9fM\x9b6\xb1~\xfdz\x96-[\xc6\xa6M\x9bX\xb1b\x05\x05\x05\x85l\xd8\xb0\x1e\x9f\xcfGiii\xb9\xae\xc3\xedv\xe3v\xbb\xa9S\xa7\x0e\xd5\xaaU\xa3a\xa3F\xd4\xaf_\x9f\xe6\xcd\x9aQ\xbf~}\x1a6l(\xe2{\x08\x0e$\xbe\x91H\x84m\xdb\xb6\xb3n]\xfc\xde]\xb3\x865k\xd6\xb0y\xf3f\xb6m\xdd\xca\xae]\xbb(--E\x8d7\xce\x07K\x02&lt;^/\xb9\xb9\xb9e\xf7o\xa3F\x8di\xd0\xa0\xbey\xff6lH\x9d\xda\xb5\xf1x&lt;\xff\xf8\xb7"\xbe\xa9A$\x00Id\xcf\x87\x86\xa2(\xff\xb8\xe96m\xda\xc4\xd2\xa5K\x997o\x1e\xf3\xe7\xcfg\xc9\x92%\xac^\xbd\x9ap8\xbc\xdf\x9f\xa7X\xacx32\xc9\xcc\xca\xc6\xe3\xcd\xc0\xe3\xf5\xe2t\xbap8\xcd\x1e\xa0\xd5jCVdTUCU\xa3\xc4\xa2Q\xc2\xa1\x10\xc1`\x80\x80\xcf\x87\xcfWBqQ!~\x9f\x0f\x0c}\xbf\xbf#33\x93f\xcd\x9a\xd1\xa6M\x1b:t\xe8H\x87\x0e\xedi\xde\xbc9999{}_\xe2\x81\xf2\xffz&gt;\xa9l\xcf\x1e\xfe\xbe\rB8\x1cf\xe5\xcaU,\\\xb4\x90\xf9\xf3\xe6\xb1`\xc1\x02\x96/_\xce\xd6\xad[\xff\xf5\xe7Y\xac6\xdc\x1e\x0fn\x8f\x87\xac\xac\x1c\xbc\x99\xd9(\x8a\x82\xc5jE\x91e,V\x1b\x92$\xa1\xaa14UEUUt]#\xe0\xf7Q\\X\x88\xcfWB(\x18$\x1c\n\xfe\xeb\xef\xc8\xca\xca\xa2y\xf3\xe6\xb4j\xd5\x8a\x0e\x1d:\xd0\xa1C\x07Z\xb6l\xf9\x8f\xa4@\xc4w\xef\x91\x92}\x13vUUY\xbbv-\x8b\x16-f\xde\xbc?Y\xb0`\x01K\x97.e\xe3\x86\rh\xfa\xfe\xef-\x9b\xddAFfV\xd9\xfd\xebr{p:]\xd8\x9dN\x14E\x89\xf7\xea\xcd\xf8\xaa\xaaJ4\x126\xef\xdf\x80\x1f\xbf\xaf\x94\xd2\x92\x12J\x8a\x0b\t\x05\x03\xffz\xcd\xf9\xf9\xf9\xb4h\xd1\x82\xb6m\x8f\xa6C\x87\x0e\xb4kw4\xcd\x9a5\xc3\xedv\xef\xf5}\x89\xe9\xbft\x8eo2\x12\t@\x15\xf7_\x0f\x8d\r\x1b60{\xf6l\xa6O\x9f\xce\xcc\x993Y\xb4h\x11\xb1Xl\xaf\xef\xf1ffQ\xafAc\xea7jB\xdd\x06\x8d\xa8S\xb7\x01\xd5k\xd5&amp;\'/\x9f\xcc\xec\x1c\xdcn/v\x87\x03\x9b\xcd\x86\xd5fC\x92d$\t\x12\xb9\x85$A\xe2\x13b\x18\xe6\x1f]\xd3\x88\xc6\xa2D#\x11"\xe1\x10~_)\xc5\x85\x05\x14\xec\xdc\xc1\xd6\xcd\x1b\xd8\xbcq\x1d\xeb\xd7\xfc\xcd\x86\xb5\xab\xd9\xb8~-\x91ph\xafk\xca\xce\xca\xa2]\x87\x0e\x9cx\xc2\tt=\xe9$:\xb4oOnn\xee^\xdf\xa3\xaajZ&lt;L\xfe\xad\xd1WU\x95%K\x96\xf2\xdbo3\xf8u\xfat\xe6\xce\x99\xc3\x9a5k\xfe\xf1\xef3\xb3\xb2\xa9\xd7\xb01\xb5\xeb\xd6\xa7~\xe3fT\xafQ\x8b:\xf5\x1b\xe1\xf1z\xc9\xcb\xaf\x89\xdb\xe3A\xb1X\xcc\x86\xc1\xe1D\x82\xb2\xe0\x96\xe5\x8f\x06\x18\x89\xff\x00\xa2\x91(\xa1P\x80X4J4\x1aa\xe7\xf6\xad\xf8}&gt;\xb6m\xde\xc8\xb6\xcd\x1b\xd9\xb8~-\x1b\xd7\xada\xc3\xfa\xd5\xec\xd8\xba\xe5\x1f\xd7\x94\x9b\x9bK\xbbv\xed8\xe1\x84\x138\xe9\xa4\x93\xe8\xd0\xa1\xc3^\tAbH9\x9d\xe3k\x18\x06+V\xac`\xe6\xccYL\x9f\xfe+\xbf\xff\xfe;\xcb\x97/\xff\xc7\xbf\xcf\xcb\xafA\xfd\x86\x8d\xa9\xdf\xb8)u\xeb7\xa4V\xdd\x06\xe4W\xafIvn52\xb3\xb2q\xba\xdd\xd8lvlv;V\x8b\x15I\x96v\xc7U2{\xf9\xfb\xde\xbf\x9a\xaa\x12\x8dF\x88F"\x84CAJK\x8a).,`\xd7\xceml\xd9\xb8\x9e\xcd\x1b\xd7\xb3n\xf5J6\xac[\xc3\xe6\r\xeb\xd1\xf5\xbdG\x18j\xd5\xaa\xc51\xc7\x1c\xc3\x89]\xbbr\xe2\x89\'\xd2\xb6M[\xdcn\xd7^\xaf-]\xe2\x9b\xecD\x02PE%zL{6\xfa\x9a\xa61\x7f\xfe|&amp;O\xfe\x91I\x93&amp;2\xfb\xf7\xdf\x89Dw\x0f\xdfgdf\xd1\xacU\x1b\x8ej\xd7\x91Vm\xda\xd1\xa0I\x0bj\xd6\xaeKVv\x0e\x0e\xa7\x03E\x89?\x004\xd04\x1d-\xde\xe3K\xfc.\xf3\xa3`\xec\xd1 \xecM\xda\xe3\xff\x98\xc3~\xe6\r\xae(\n\x8a\xc5\x82\xa2H\xc8\xf1g\x9c\x1a\x83`\xc0OQ\xc1N6mX\xc7\x9a\x95\xcbY\xbax&gt;K\x16\xfe\xc9\x8a\xa5\x7f\xa1\xc6v_wnn.]\xbbv\xa5G\x8f\x1e\x9c|\xf2\xc94o\xde\xbc\xeck\x89\x87\xc9\xfeF&lt;\x92\xd5\xbf5\n\x05\x05\x05L\x9f&gt;\x9dI\x93&amp;1m\xda\xb4\x7f4\x08\xd99y4ky\x14\xad\xdbu\xa0E\xeb\xa3i\xd0\xa4\x195k\xd7%3;\x17\xe7&gt;\xf1\xd5u\x03U\x8d\xa1k:\x86\xa1\x97\xc58~\x05{\xfd\x0feo\xeb\xee\x8apYQ\x90%\tI\x96\xb1X\xac(\x8a\x8c,\x83\xac\x80\xaeA4\xa2RZR\xc4\xce\xed[Y\xbf\xe6oV.]\xcc\xb2\xc5\x0bX\xb1l1\x1b\xd6\xae\xde\xeb\xba\xf3\xf3\xf39\xf1\xc4\x139\xe3\x8c\x1et?\xb9;\xcd\x9b5\xdb\xeb\xbdH\xb5\xf8\x02es\xe6{\xc6\xd7\xe7\xf31k\xd6,&amp;N\x9c\xc4O?\xfd\xc8\xe2\xc5\x8b\xf7\xfa7\xd5k\xd5\xa1e\xeb\xb6\xb4&gt;\xba\x03\xcd[\xb7\xa5A\xe3\xe6T\xabQ\x93\x8c\xcc,\xecv+\xb2\x0c\xban\xfeQU\rMS\xf7\x8a\xef\x81\xdd\xbf\xbb\x0b\xfb\x12\r\xb4\xacX\xb0X,\xc82e\x9f\xa1XL\xc7\xef\xf3Q\xb0c\x1b\x1b\xd6\xad\xe1\xef\x15KX\xbah&gt;\xcb\x16/\xe0\xef\x15K\xf7\xfa\xb9u\xeb\xd6\xa5[\xb7n\x9c~\xfa\xe9t\xeb\xd6\x8d\xfa\xf5\xeb\x97}-q]b\x9a\xa0j\x12\t@\x15\xb2\xe7\x9c`"s\xd6u\x9d\xdfg\xcf\xe6\x9b\xaf\xbff\xc2\x84\t,Y\xb2\xa4\xec\xfb=\xdeL\xda\x1ds\x1c\xc7v9\x89\xb6\x1d;\xd1\xb8Y+\xf2\xaaU\xc7\xee\xb4`\xe8\xe6M\x1c\x8bE\xd1b1s\x18\xd10\xca\x1a\xf0}\x0by\x0e\xe5\xe6\xdc\xfd\xd11\xe2\xbd\x0b\xa3\xac\xbb!\xc9\x12\xb2l\x0e7\xdblv,\x16\xf3\xa1\x14\x0c\x84\xd9\xb6y\x13\xab\x96-f\xfe\x9c\x99\xcc\x9d5\x9d\xc5\xf3\xff\xd8\xab\x97\xd1\xa5K\x17.\xb8\xe0\x02\xce=\xf7\\Z\xb5jU\xf6\xf7\xfb{\xa8&amp;\x93Dc\xb7gRWXX\xc8O?\xfd\xcc\xf8o\xc7\xf3\xd3\x8f?\xb2}\xfb\xf6\xb2\xafe\xe7\xe6\xd1\xae\xe3qt&lt;\xfeD\xdat\xe8D\xa3\xa6-\xc8\xadV\x1d\x87CA?\xcc\xf1\xfd\xc7\xb22\xc30\x1b\x15\xc3\x00IB\x96%\x14\xc5\x1a/\x0e\xb5\xa0(\xa0\xaaPR\\\xc4\xc6ukX\xb6x\x01\xf3f\xcf`\xfe\xdcY\xacY\xb5\xa2\xecg)\xb2L\xe7x|\xcf9\xe7\x1cZ\xb6lY\xf6\xb5T\x8c\xaf\xcf\xe7c\xda\xb4i|\xf3\xcd7L\x9a4\x89M\x9b6\x95}\xadz\xad:t\xec\xd4\x85c:w\xa5u\xbbch\xd0\xa8)Y99X\xad\x12\x9a\x06\xb1\x98J,\x1a3\x1b\xfa\xb2\xf8J{5\xe4\xc0^\xa3:\x07{\xbd\xbb\xff\xd7\xbc\x87\x13\x9f!I2\x13{\xab\xd5\x86\xd5fE\xb1\x98\x89\x9f\xdf\xe7g\xcb\xc6\xf5,\xfbk!\x7f\xfe&gt;\x9d?g\xff\xc6\xca\xa5\xbb\x13\x19\xbb\xddN\xb7n\xdd\xe9yaO\xce\xec\xd1\x83\x86\r\x1b\x96}M\xd3\xb4\xc3\xb6\x02I84"\x01\xa8\x02\xf6\xf7\xe0X\xb1b\x05_|\xf1\x05c\xc7\x8ee\xe1\xc2\x85e\x7f_\xbfa\x13:w;\x95\x13N&gt;\x9d6\xed\x8e\xa5z\xad:\xd8\xec2j\x0c"\x910j,\x8a\xae\xe9{e\xfa\x95\x97y\'\x12\x83D\xefDBQd\xac6;v\xbb\rY\x81P \xca\xc6u\xabY\xf0\xc7\xef\xfc6\xedGf\xfd:\x85\x82\x9d\xbb\x1b\xc1\xee\xdd\xbb\xd3\xbbwo\xce=\xf7\\j\xd7\xae]\xf6\xf7\x89!\xc6d\xe8U$zA\x89\x86M\xd7u~\xf9\xe5\x17&gt;\xfd\xf43\xbe\x9b\xf0\x1d[\xb7\xec\x1eFo\xda\xa25\xc7\x9ft\n]\xba\x9dF\xeb\xa3;\x92_\xa3\x166\x9bD,\x06\x91p&lt;\xbez\xd5\x88\xef^K\xd4\x12+O,V\xecv;6\xbb\x82a@IQ\t\x7f\xaf\\\xc6\x1f\xb3~\xe5\xb7\xa9?\xf2\xc7\xef\xd3\x89F"\x00\xc8\xb2D\xf7\xee\xa7\xd0\xbbw/\xce9\xe7\x1cj\xd5\xaaU\xf6\xb3\x939\xbe\x003g\xce\xe4\xb3\xcf&gt;c\xfc\xf8\xf1\xac_\xbf\xbe\xec\xef\x8fj\xd7\x91\x13O\xe9A\xe7\xae\xa7\xd0\xbcu[r\xf2\xaa\xa1(\x10\x8d\xeaD#aTU\xc5\xa8B\xf1\x05\x03C\x8f\xc78^\xach\xb3;\xb0\xdb-H\x12\xf8J\x83\xac[\xbd\x92y\xb3g0c\xeadf\xcf\x98F\xc0\xef\x03\xc0f\xb3qF\x8f\x1e\xf4\xee\xd5\x9b3\xcf:\x93\xdcx\xddO\xa2\xa3\x93,\xf1Me"\x01\xa8D\xfb&gt;8B\xa10?\xfc\xf0=\xa3F\x8db\xc2\x84\teC\xb6\xf5\x1a6\xe6\xd43\xcf\xa7\xfb\x19\xe7\xd0\xfa\xe8\x8ed\xe7f\xa1\xeb\x10\x0eE\x88F#\x18\xf1Q\x03)In\xa8\xb2!p\xc3@V\x14\xecv\x07v\xa7\x15C\x87\xed[\xb72\x7f\xee,\xa6\xfc\xf0\r\xbf\xfe&lt;\x91\x82\x9d;\x00\xb3\x98\xf0\xc2\x0b/\xe2\xea\xab\xaf\xe6\xe4\x93\xbb\x97\xfd,UU\xab\xec\xf0\xf1\xbe=\x9eM\x9b61v\xecX&gt;\xfah4\xf3\xe7\xcf+\xfb\xbe\xa6-Zs\xca\x99\xe7q\xd2ig\xd3\xb2m;2\xb3\xbch\xaaY\xf8\x17\x8bF\xcd\xf8\xcaR\xbc&gt;\xa3\xea\xbd\xce=\xedN\nt@\xc2b\xb1`w8\xb1\xd9e\xa2a\x95uk\xfef\xceo\xbf0u\xe27\xcc\xfau*\x91\x88Y\xa0\x9a\x93\x93C\xcf\x9e=\xe9\xd3\xe7j\xbaw\xefV\xf6\xf3\x92)\xbe\xdb\xb7o\xe7\x8bq\xe3\xf8\xf0\xc3\x0f\x993{v\xd9\xf7\xb5\xe9p,\xa7\x9fs!\'v?\x9d&amp;-\x8e\xc2\xedu\xa0\xc6 \x1c\n\xa2\xc6b\x18\x18e\xb1\xad\x8a\xafs_\x86\xae\xa3\xc7\x93\x03E1\xe3k\xb7+\xa81\x83\xcd\x1b\xd71w\xd6\xafL\xf9\xe1[fL\x9d\\\x96\x0c\xd4\xacY\x93K.\xbd\x94\xab\xae\xbc\x92N\x9d:\x95\xfd\xac\xaa\x1c\xdft \x12\x80J\xb0o\xc3\xbfe\xcb\x16F\x8f\x1e\xcd\xc8\x91#Y\xb1\xc2\x1c.\xf5ffrJ\x8f\xf38\xfb\xc2^t8\xee\x04rr\xb3QU\x08\x05\x03\xa8j\x8c\xdd\xf3\xf0\xc9\x7f\xe3$\xe60A\xc2f\xb3\xe1t9\x91$\xd8\xbay\x0b\xb3~\xf9\x89\x1f\xbe\x19\xcb\xb4\x1f\xbf7{F\x98S\x04\xd7]w\x1d\x97^zi\xd9\xfa\xf4\xaa\xd4c\xdc\xf7Z\xfe\xf8\xe3\x0fF\x8e\x1c\xc9gc\xc6PTX\x08@\xb5\xfc\x1a\x9cr\xd6y\x9cy\xc1\xa5\x1c\xdd\xf1x2\xb3\xbd\xc4\xa2\x06\xa1`\x10M\x8d\xc5\x87\xd9\xab\xc6\xeb)\x17\xc3@7\x8cx\x12#\xe3p8q8\xad\xc4b:kW\xad\xe0\x97\x1f\'0q\xfc8\x16\xfc\xf1{\xd9?9\xe1\xc4\x13\xb9\xae_?.\xb9\xe4\x92\xb2\xf8V\xa5\x86b\xdf\x86\x7f\xd1\xa2E\xbc\xff\xfe\xfb|\xfc\xf1\xc7\xec\xdc\xb9\x13\x80:\xf5\x1a\xd0\xe3\xfcK8\xe3\xdc\x8bh\xd9\xb6=n\x8f\x83hX#\x1c\x0e\xa2\xa9Z\xd2$t\x07\xc2|\x9e\xe9H\x92\x8c\xcdn\xc7\xe9\xb4\xa3\xeb\xb0q\xdd\x1a\xa6\xff&lt;\x89\x89\xdf\x8c\xe5\xf7\x19S\xcb\xbe\xff\xf4\xd3O\xa7\x7f\xff\xfe\x9c\x7f\xfe\xf9\xd8\xedv\xa0j\xc57\x9d\x88\x04\xe0\x08\xda\xb7\xe1_\xb9r%o\xbf\xf3\x0e\xa3\xde\x7f\x9f\x82\x82\x02\x00Z\x1f\xdd\x81\x0b.\xbb\x8a\xd3\xce\xbe\x90\xba\r\x1b`\xe8\x10\x0c\x98\x8d\xbe\xd9CH\x8d\x87\xc6\xbf\xd9\xb3@\xcef\xb3\xe3r;PU\x9d\x95K\x173i\xfc8\xbe\xf9\xfc#6mX\x07@\xc3\x86\r\x190`\x00\xfd\xfa\xf5#??\x1f\xa8\xdc\x07\xc9\xbe\r\xc3\x94)S\x18&gt;|8_}\xf5U\xd9\xf7t&lt;\xfeD\xce\xbf\xf4JN9\xf3&lt;j\xd6\xa9\x8d\x96H\xeab1\xa44\xa8\x9aN${\x92\xb4;\x19\x08\x06\xc2,\x98;\x8b\xef\xc6}\xca\xa4o\xc7Q\\d&amp;I\x8d\x1b7\xe6\xfa\xeb\xaf\xaf2\xf1\xdds\x13&amp;\x80_\xa7O\xe7\xf5\xe1\xc3\x19;vl\xd9|z\xb7\xd3\xce\xe2\xfc\xcb\xfap\xe2\xc9\xa7\x93\x97\x9fG,\xaa\x13\n\x06\xcc\xcfFZ\xc47^\xc7\x04\xd8\x1d\x0e\x9c.;\x91\xb0\xca_\x0b\xfe\xe0\xfb\xaf\xc70a\xdcg\xec\xdc\xb1\r\x80\xd6\xad\x8fb\xe0\xc0\x01\xf4\xe9\xd3\x87\xac\xac,\xa0j%\xf2\xe9@$\x00G\xc0\xbes\xfc\xcb\x97/\xe7\xb5\xd7^\xe3\xfdQ\xef\x13\n\x9aK\xe4N=\xeb|.\xbd\xeaz:w;\x15\x8f\xd7E0\x18!\x12_\xbf\x9f\xae7\xc4\x9eE\x91N\x97\x0b\xbb\xc3\xc2\xae\xed\xbb\x98:\xe9;&gt;\xff\xe8]\xe6\xcd\xfe\r\x80\x1a5j0p\xe0\r\x0c\x1at\x03\xd5\xabW\x07\x8e\xec\x83d\xdf\xc4\xee\xc7\x1f\x7fd\xe8\xd0\xa1L\x9c8\x11\x00\xab\xd5\xca\x19\xe7]\xc4%W]\xcf\xb1]N\xc2\xe9\xb4\x11\xf0\x87\x89F\xc3HH\xc8\x8a\xcc\x1e\xa5\xf8i\xc3H\xec\r\xa0(\xb8\xdd\x1e\x14\xab\xc4\xfa5\xeb\x98\xf8\xcd\xe7\x8c\xfb\xf8}\xd6\xac2WA\xd4\xacY\x8b\x01\x03\xfa3h\xd0\xa0*\x11\xdf\xa9S\xa72t\xe8\xcb|\xf7\xdd\xb7\x00\xb8=\x19\x9cw\xc9\xe5\\t\xf95\xb4\xedp\x1c\x16\xabL\xc0\x1f$\x16\x8d\xa6E\xa3\xffo\xcc\xfb\xd7\x8c\x93\xd3\xe5\xc1f\x93\xd9\xb2i\x0b?~\xf7%cG\xbf\xc7\xb2\xc5\x0b\x00\xa8_\xbf&gt;\x83\x07\x0f\xa6\x7f\xff\xfee\xcbE\x13+C\x84\xc3K$\x00\x87\xd9\x9e\x1f\xe4u\xeb\xd6\xf1\xf2+\xaf\xf0\xce\xdbo\x13\n\x85P\x14\x0b\xe7_z\x05\xbd\xfa\x0e\xa4\xfd\xb1\x9d\x91$\x89\x80\xdf\x8f\xa6\xaa\xc8b8l/\xba\xaec\xe8:V\x9b\r\xb7\xc7E(\x14a\xd6/?\xf1\xf1\xbb\xaf\xf3\xcbO?\x00f"p\xd3M7s\xe3\x8d\x83\xf7\xeaQ\x1c\xae\x07\xc9\xbe\x89\xdd\x8c\x193x\xf6\xd9g\x990a\x02\x00n\x8f\x97\x9e\xbd\xae\xe2\xd2&gt;\xd7\xd3\xfa\xe8\x0e\xe8:\x04\xfc\xbe\xf8CQ\xc4wO\xbann$cw8q\xb9\xed\x14\xee*\xe2\xe7\x1f\xbe\xe1\xd3\x91o\xb2\xf0\xcf9\x80\x19\xdf\x1bo\xbc\x91\x1bo\xbc\xf1\x884\x14\xfb\xc6w\xd6\xacY&lt;\xf7\xdcs|\xf3\xcd7\x00\xe4V\xcb\xe7\xd2&gt;\xd7sQ\xefkh\xdc\xbc\x19\xb1\xa8N \xe0\x17\xcb\xde\xf6#q\xff\xda\xec\x0e\xdc\x1e\x07\xa5%~~\xfd\xe9\x07&gt;y\xefuf\xff\xf6\x0b\x00\xf5\xea\xd5\xe7\xb6\xdbn\xa5\x7f\xff\xfex&lt;\x9e\xbd6=\x13\x0e\x0f\x91\x00\x1c&amp;\x89\x9e\xab$I\x14\x17\x17\xf3\xea\xab\xaf\xf2\xca+\xafPTT\x84,+\\t\xf9\xd5\\y\xdd\x8d\x1c\xd5\xa1#\x9a\xaa\x13\xf0\xfb\xffQI,\xfc\xd3\xee^\x85\x82\xc7\xebE\xd3tf\xcf\x98\xc2\xa87^f\xda\x8f\xdf\x03\xd0\xa8Q#\xee\xbd\xf7^\xfa\xf5\xeb\x87\xc5b9,\xbd\xc5=\x1b\x9e\xe5\xcb\x97\xf3\xf4\xd3O\xf3\xd1G\x1f\x01\xe0r{\xb8\xe4\xcak\xb9\xbc\xdf\r4k\xd9\x8aHD%\x18\x08 \x01\xb2\x88\xef\x7f2\x0c\x03]\xd3\xb0X\xadx2\xdc\x04\xfdA\xa6L\x1c\xcf\x07#^e\xfe\xdcY\x809\xf5s\xf7\xddws\xfd\xf5\xd7c\xb5Z\x0f\xcb\xf2\xb2=\xe3\xbbj\xd5*\x9e~\xe6\x19F\xbd\xff&gt;\x009y\xd5\xb8\xa2\xdf .\xb9\xf2:\xea5\xacG0\x18%\x1c\n\x96\xed\x8b!\xfc\xbbD|\x15\x8b\x05\x8f\xd7C4\x12e\xfa\x94I|0\xe2\x15f\xfd:\x05\x80\x96\xadZq\xdf}\xf7qu\x9f&gt;\x80\x98\x168\x9cD\x02P\xc1\xf6\xed5|\xf8\xd1G&lt;\xf9\xc4\x13\xfc\xfd\xf7\xdf\x00\x9c\xdd\xf32\xfa\xddx\'\xed\x8e\xedD,\xaa\x11\x08\xf8\xc5\xda\xd8C\x94x\xf0{\xbc\x19\x18\xba\xce\x8c\xa9\x93x\xe7\xd5\xe7\x99=c\x1a\x00\x9d;w\xe6\xf1\xc7\x1f\xe7\xf4\xd3O/\xfb\xfe\xf2&amp;X{\xce\x03\x97\x96\x96\xf2\xe2\x8b/\xf2\xca+\xaf\xe0\xf3\xf9P\x14\x85\x8b.\xefK\xdfA\xb7\xd1\xa2\xcdQ\x84\x831B\xc1@Z\x0f\x03\x1f\xaaD\xa2\xa7(\n\x9e\x0c/\xa1`\x88\xc9\xdf\x8e\xe3\xbd\xe1/\xb2l\xb1\xb9,\xf6\xb8\xe3\x8e\xe3\xb1\xc7\x1e\xe3\xcc3\xcf\x04\xcc\xfa\x80\xfd\x9d\x89q0\xf6\x8c\xaf\xcf\xe7c\xe8\xd0\xa1\xbc4t(\xbe\xd2R\\n\x0fW\xf4\x1b\xc4\x15\xd7\r\xa6~\xa3\x06\x04\xfd\xe6N\x98\xb2bn\x8a%\x1c\x9cD\xc3\xee\xf1z\x89\xc5bL\x9b\xf4-\xef\xbe\xf6\x02\xf3\xe7\x9a\x05\xa1\xdd\xbbw\xe7\xf1\xc7\x1f\xe7\xa4\x93N*\xfb~\xd1A\xaaX"\x01\xa8@{~@\xe7\xcd\x9b\xc7\xfd\xf7\xdf\xcf\xe4\xc9\x93\x01\xe8tB7n\xb8\xe3\x01N&lt;\xf9\x0c4M#\xe0\x17\r\x7fE\xd15\r$\toF\x06\xd1h\x94\x89\xdf\x8ce\xc4\xd0\xa7\xcbv,\xeb\xdb\xf7Z\x1e\x7f\xfc1\xea\xd5\xab\xf7\x8fB\xae\x83\xb1g\x033n\xdc8\x1ez\xf8a\x96/[\x06@\xf7\xd3\xcf\xe6\x86;\x1f\xe4\x98\xe3\xbb\x10\x89\xc4\x08\x05\x02f\xafE\xc4\xb7\xdc\x12\rEF\xa6\x97\xd2\x92R\xbe\xfcd\x14\xef\xbe\xfa&lt;\xdb\xb6n\x06\xe0\xaa\xab\xfa\xf0\xc4\x13\x8f\xd3\xb0a\xc3\xbdN\xd3;\x94\xdf\x93\xb8\x7f\xbf\xfc\xf2+\x1ez\xe8!\x96-3?C={\xf5\xa1\xff-\xf7\xd0\xa2\xcdQ\x04\x03\x11\xc2\xa1\x90\xa8Z\xaf \x89\xf8z3\xbc\x84\x82A\xbe\xfd\xe2S\xdez\xe5\x99\xb2\x1d%\x07\xdep\x03\x8f&gt;\xf2\x085k\xd6,\xd7\xfd+\xfc\x93H\x00*\xc0\x9e\xbd\xfeP(\xc43\xcf&lt;\xc3\xf3\xcf?O$\x12\xa1V\x9d\xfa\x0c\xbe\xfb!z\xf6\xea\x83\xcdj\xa7\xb4\xb4D4\xfc\x87\xc9\x9e\rEQa\x11\xa3\xdf\x19\xce{\xaf\xbd\x80\xdf\xef\xa3Z~&gt;O\r\x19B\xff\xfe\xfd\x81\x83\xeb-\xee9\x17\xb9~\xfdz\xee\xbb\xef&gt;&gt;\xfb\xec3\x00\x9a4o\xc5\x8dw?\xccY=/\x03\xc0\xef+\x15C\xc1\x87\x89\xa6\xa9X,V22\xddl\xda\xb0\x89\xf7\x86\xbf\xc8\'\xef\xbdA,\x16#//\x8f\xc7\x1f\x7f\x9c\xc1\x83\x07\x03\xe5\x8b\xef\xfd\xf7?\xc0\xa7\x9f~\x02@\xfbN]\xb8\xf9\xdeG\xe9z\xca\x19\xc4\xa21\x02\x81\x80h\xf8\x0f\x93D\x02\x96\x91\xe9a\xc7\xf6\x1d|0b\x18\xa3\xdex\x99p8D\xed\xda\xb5y\xea\xa9\xa7\xb8\xe6\x9ak\x80\x8a\x19\xed\x11D\x02Pn\x89\x1d\xad\xc0,\x02\xbb\xed\xb6\xdb\xf8\xf3\xcf?\x01\xb8\xf2\xfa\x1b\x19t\xc7\x03\xd4\xac]\x8b\x92b\x9f(h9B4U\xc5b\xb3\x91\x91\xe1b\xd9\xe2\xbf\x18\xf6\xcc#L\xfe\xce\\\x8aw\xce9\xe7\xf0\xf2\xcb/\xd3\xb4i\xd3\x03\x9a[\xdc\xb3W8j\xd4(\xee\xbb\xff~\xb6o\xdb\x86\xddn\xa7\xef\r\xb7s\xfd-w\x93\x9d\x9bCIq)` \xcb"\xbe\x87S"\xd9v8\x1c\xb8&lt;\x0e\xe6\xce\x9c\xc9\xcbC\x1e,\x9b\xf69\xe3\x8c3x\xf9\xe5\x97i\xd5\xaa\xd5^u8\xfff\xcf\xf8\xbe\xff\xfe\xfb\xdc\x7f\xff\xfdl\xdf\xbe\x9d\xcc\xacl\x06\xdf\xf50\x97\xf7\xbb\x01\x87\xc3Ii\x89H\xdc\x8f\x14MU\xb1\xda\xedx\xbdN\x16\xcd\x9b\xcf+O?\xcc\xb4\xc9fa\xed\x85\x17^\xc8K/\xbdD\xc3\x86\rEm@\x05\x10\t@9$\xb2\xd0X,\xc6\x90!C\x182d\x08\xba\xae\xd3\xaaM{\xeey\xfcy\xba\x9ez\x9a\xb9\xdc+\x12F\x11\xd9\xea\x11\x95h(\xdc\x1e7\x8ab\xe1\x9b1\x1f1t\xc8\x83l\xdb\xb2\x89\x9c\x9c\x1c\x9e\x7f\xfey\xae\xbb\xee:\xe0\xdf\xe7\x16\x13\xf1\xdd\xbe};\xb7\xdf~;\x9f~\xfa)\x00\x1d\x8f?\x81\xfb\x9ex\x91\x8e\xc7\x1f\x8f\xaf\xd4\\\xee%\xe2{d%\xe2\xeb\xcd\xc8D\xd3b|\xf2\xde\x9b\x0c\x7f\xfeqJ\x8a\x8b\xc8\xcc\xcc\xe4\xe9\xa7\x9f.\x1b\r\xd8_|\xf7\x1c\xb5\xdb\xbau+w\xdcqG\xd9\xa8\xce\xe9\xe7^\xc8\x9d\x0f?C\xb3\x96\xcd))\xf6\x8b\xb9\xe7J\x90\x88\x8f\xc7\xe3E\x92\xe0\x8bO\xde\xe7\x95\xa7\x1eb\xd7\x8e\xedT\xabV\x8d\x17^x\xa1l4@\xc4\xe7\xd0\x89\x04\xe0\x10\xec9d\xb8l\xd92\x06\xdep\x03\xd3\x7f\xfd\x15\x80\xebo\xbe\x9bAw&gt;\x847#\x83\xd2\xe2b\xb1\x9c\xaf\x92%\xb6\x1c\xce\xca\xc9d\xe3\xfa\r\xbc\xf8\xf8\xbd|7\xce|\xd0_u\xd5U\xbc\xf2\xca+\xe4\xe6\xe6\xee5\xa4\xb8g\xcf\xf1\x87\x1f~`\xf0\x8d7\xb2n\xedZ\xecv\x07\x83\xefz\x90~7\xde\x85\xd5f\xc3WZ*\x86\x83+\x99\x1e\xdf`\'+\xdb\xcb\x8a%\xcbx\xe6\xe1;\xf95\xbe,\xf4\xd2K/\xe5\xd5W_\xa5F\x8d\x1a\xff\x1a\xdf\t\x13&amp;p\xe3\x8d7\xb2~\xfdz\xb2sr\xb9\xeb\xd1g\xb9\xe4\xaa~\xa8\xaaF0\x10\x10\xc3\xcc\x95,1\xe7\x9f\x95\x9d\xc1\xba5kx\xe1\xd1{\x988~\x1c\x00}\xfb\xf6e\xe8\xd0\xa1dgg\x8b)\x81C$\x12\x80\x83\xb4\xe7\xc3\xe3\xe3\x8f?\xe6\xe6\x9bo\xa6\xa8\xa8\x88\x86M\x9a\xf1\xf0\xb3\xaf\xd2\xed\x8c\x1e\xf8J\x02e;\x96\tU\x83\xaa\xaa8\x9cN\xecv;_\x8c~\x8f\xe7\x1e\xb9\x9b\x92\xe2"\x9a7o\xce\xbb\xef\xbe\xcb\x89\'\x9e\x88\xa6\x99k\xd1\x13\x0f\x92G\x1ey\x84\'\x9f|\x12\x80Vm\xdb\xf3\xc8\xf3\xc3\xe9tB\x17J\x8aD\xaf\xb0\xaaQU\x15\xb7\xdb\x8d$\xcb|0\xe2\x15\x86=\xfd\x08\xa1P\x90\x86\r\x1b\xf1\xce;os\xea\xa9\xa7\xeeu\xc4\xb6\xae\xeb&lt;\xfc\xf0\xc3&lt;\xfd\xf4\xd3\x00t=\xa5\x07\x0f&gt;3\x8c\xa6-\x9bS\\X\n\x88B\xb3\xaaDUU\x9c.\x17V\xab\x951\x1f\xbc\xcd\xf3\x8f\xde\x83\xdfWJ\xcbV\xadx\xef\xddw\xe9\xdc\xb9\xb3\x98\x128\x04"\x018\x08\x89\x87\xbe\xaa\xaa\xdc}\xf7\xdd\xbc\xf2\xca+\x00\x9cw\xc9\x15\xdc\xff\xd4P\xaa\xe5W\xa7\xb8\xa8X\xf4\n\xab(#\xbe\xa3[vn&amp;\xcb\x16\xff\xc5\xa3w\r\xe6\x8fY\xd3\xb1\xd9l\xbc\xf8\xe2\x8b\xdc|\xf3\xcd\x00l\xdd\xba\x95\xfe\xfd\xfb\x97m\xe8\xd3\xbb\xef@\xee~\xfc9&lt;\x9e\x0cJKJ\xb0X\x14\xd2q\xe7\xbe\xaa\xceL\xce!+\'\x83?g\xfd\xce#w\x0eb\xd9\xe2\x05(\x8a\xc2\xd3O?\xcd=\xf7\xdc\x03\x98\x872]\x7f}\x7f&amp;M\x9a\x88$\xcb\xdcr\xefc\x0c\xbc\xed\xbe\xf8q\xd5\xa2\xd7_U\x99\xa3\x01\x06\xd99\x99\xfc\xb5`!\x8f\xde5\x98\xf9sfb\xb7\xdb\x19:t(\x83\x07\x0f.\xd7*\x90t$\x12\x80\x03\x94\x18b\xda\xbcy3}\xfb\xf6\xe5\xa7\x9f~\xc2f\xb3q\xf7\xe3\xcf\xd3\xf7\x86[\t\x85BD\xc3\x111\x17\x9c\x04TU\xc5\xe3\xf1\x10\x8bEy\xe9\xc9\x07\xf8`\xc40\x00\x06\r\x1e\xcc\xa5\x97\\\xc2u\xd7]\xc7\xda\xb5k\xf1fd\xf0\xe0\xd3\xc3\xb8\xb4O_|\xa5bT\'Y\xa8\xaaJFF&amp;&gt;_\tO?p;_~:\n0\x87\x8c{\xf5\xea\xc5\x80\x01\x03\xd8\xb8q#\xb5\xeb\xd6\xe7\xc9\x97\xdf\xa2{\x8f\x1e\x14\x17\xfaD\xc3\x91$TU\xc5\xe3\xf5\x12\r\x87y\xe1\x89\xfb\x18\xfd\xcep\x00\x06\x0e\x1c\xc8\xab\xaf\xbe\x8a\xcdf\x13#t\x07H$\x00\x07 \xd1\xf8\xcf\x993\x87\xcb/\xbf\x9c5k\xd6P\xb7~#\x9e\x19&gt;\x92.\xdd\xbaQTPRv\x1c\xaf\x90\x1ctMC\xb6(ddx\xf8\xfc\xc3\x91\xbc\xfc\xd4\xc3\xec\xd8\xb6\xa5\xec\xebm\xda\x1f\xc3\xa3/\xbcN\x87N\x9d(\xdc%j9\x92\x8d\xa6iX\xadV\\n\x17\xa3F\x0cc\xc4KOS\xb0kG\xd9\xd7O\xeeq.\x0f=3\x8cz\r\x1bQ\\T,z\xfdI&amp;Q\xc0\xe9\xcdp3\xe6\x83\x91&lt;y\xdf-\x84\x82\x01N&gt;\xf9d&gt;\xfe\xf8cj\xd6\xac)\xea\x02\x0e\x80h\xb1\xfe\x8f\xc4\x87h\xdc\xb8q\x9cv\xdai\xacY\xb3\x86\xce]O\xe1\xa3o\xa7\xd2\xe9\x84n\x14$\x1a\x07\xd1\xf8\'\x15YQ\xd05\x9d\xc2\x82"\xae\xbb\xa9\x1f\xa7\x9d\xd3\xb3\xac\xf7\xe7p:\xb9\xe5\xfe\'8\xf1\xe4Nl\xdf\xba\x13\xc5b\x11\x8d\x7f\x92Q,\x16b\xb1(\xbeR\x1f\x83\xef\xbc\x95N\'t+\x8b\xa1\xc7\xeb\xa5\xff-\xf7\xd2\xbcu#\nv\xee\x12\x8dD\x12R\x14\x05]\xd7)*,\xa6w\xdf~\x8c\xfar2\xf5\x1a6f\xea\xd4\xa9t\xeb\xd6\x8d\x85\x0b\x17b\xb1XPU\xb5\xb2/\xb5J\x13\xad\xd6\xbf\xd8s\x99\xd0\xf0\xe1\xc3\xb9\xe4\x92K\xf0\xf9|\\|\xc5\xb5\xbc\xf5\xd9w\xe4\xe5\xd7\xa0\xb4X\xf4\x1c\x92\x95\xb9\x8aC&amp;#3\x8b\xbb\x07\xdd\xce\'\xef\xbd\x01@\x83\xc6\xcd\x08\x87B\xdc;\xf8\x1a\xbe\xfal&lt;\xd5kU\x13\x0f\x91$\xa4\xab*6\x9b\x1d\xab\xcd\xca\xa0\xab\xfa\xf0\xc37c\xb1\xd9\xec4m\xd1\x1a\xbf\xcf\xc7\xe0&gt;=\xf9n\xdc\xb7\xe4\xd7\xcc\x13\xf1MR\x92$\xa1(\x16\nv\x15\xd3\xbeS\x17&gt;\xfaf\n\xc7v9\x89U\xabVq\xea\xa9\xa7\xf1\xe3\x8f?\x8a$\xe0\xff\x10\t\xc0~\xec\xb9\xcc\xef\xd1G\x1f-+\x0e\xbb\xe9\x9eGx\xf6\xf5\x91\xe8\xbaN$\x1c\x12\xf3\xfdI*Q\tn\xb5\xd9\xb8\xef\xa6k\xf9`\xc4+\xc8\xb2\xcc\xe3CG\xf0\xed\xf4?\xe8q\xfe%\x14\xee\xda\xc9-\xd7^\xca\xb8\x8fG\x93[-\x0bM&lt;D\x92\x86\xa6i\xd8\x1d\x0eb\xb1(7]}1\xe3?\x1f\x8d\xcb\xedf\xe8;\x9f\xf0\xd5\xb49\xf48\xefb\x8a\x0b\x0b\xb8\xb9\xaf\x88o*\xb0X,\x94\x16\x17\x93\x97_\x83w\xc6L\xe0\xec\x0b/\xa3\xa0`\x17\xe7\x9dw\x1ec\xc7\x8e\x15I\xc0\x7f\x10\t\xc0&gt;\x12U\xa4\x8a\xa2p\xfb\xed\xb7\xf3\xc4\x13O \xcb2\x8f\xbd\xf8\x06w&lt;\xf48\xa5%%\xf1\xdd\xffD\x81I2\xd2usnX\x92\xe0\xb6\xeb.\xe7\xabO?\xc0\xed\xf12\xfc\x83q\\\xd1\xaf?\x9a&amp;3l\xe4\x18\xfa\xf4\xbf\x99X4\xca\xdd\x83\xae\xe6\xc3\x11o\x92S-\x0bM\x13\x0f\x91\xaaN\xd34\x9c.\x17~_)7\\~&gt;\xbf\xfc\xf8=\xd5\xaa\xd7\xe4\xdd\xcf\x7f\xa0\xc7\xf9\x17\xa2\xc6t\x86\xbd\xffy&lt;\xbe\x91\xbd\xe3+\x1a\x89\xa4\xa5X,\x84C!$If\xe8;\x9f\xd2\xa7\xff\xcdD"\x11z\xf5\xea\xc5{\xef\xbd\'\x92\x80\x7f!\x8a\x00\xf7\xb0g\xcf\x7f\xd0\xa0A\x8c\x181\x02\xbb\xc3\xc13\xaf\x8d\xe4\xc2\xde\x97S\xb0S\x14\x83%3\xb3\xf1\xb7\xa1\xeb\x1a\xb7\xf6\xeb\xcd/?N \'\xb7\x1a\xc3F\x8e\xa1\xcb\xc9\'\x9b\xc5~\xf1u\xc4\x19Y^\x86&gt;\xf9\x08o\xbch\xee\x03\xf0\xc0S/s\xfd\xcd\xb7QXP"\xaa\x8b\xab(\xb3\xf1wRRX\xc8\rW^\xc0\xa2ys\xa8\xdb\xa0\x11o|\xf4\x15-\x8ejKqQ\x11\x8a\xac\x80$\x91\x91\xe9e\xe8\x93\x0f\xf3\xc6KC\x00\x11\xdfT\x91\xd8\xa7%#\xd3\xcb\xd0!\x0f\xf3\xc6\x8bf|\xdfx\xe3\r\x06\r\x1a$\n\x03\xf7!\x12\x80\xb8=\x1b\xff\x01\x03\x06\xf0\xce;\xef\xe0r{\x18\xfa\xce\'\x9cq\xdey\x14\xec\x14\xf3\xfd\xc9L\xd7u,V+\x18:7]s\t\xd3\x7f\x9eH\xb5\xea5xc\xf47\xb4?\xb6\x13E\x85EX,V 1\n\xa4\x93\x9d\x93\xc9\xeb/&lt;\xcbKO\xde\x0f\xc0\xfdC\x862\xe0\xd6\xdb)\xd8U\x8c\xa2\x88\xcfBUR\xd6\xf8\x17\x15\xd2\xbf\xd7\xb9,Y\xf8\'\x8d\x9a\xb6`\xc4\xa7\xe3\xa9\xdf\xb0I|\xff\x063f{\xc7\xf7\x19^z\xf2\x01@\xc47U\xfc[|\x87\x0f\x1f\xce\x8d7\xde(\x92\x80=\x88\x04\x80\xbd\x1b\xff\xc1\x83\x07\xf3\xe6\x9bo\xe2\xf1f\xf0\xca{c8\xe5\xcc3)\xd8\xb5\xbbq\x10\x92\x8f\xae\xeb(\x16\x05E\x96\xb9\xe5\xda\xcb\x98:\xe9;\xf2k\xd4\xe2\xadO\xc7sT\xbb\x8e\x14\x17\xfd3\xbe\x89\xcfDN^&amp;#\x86\xbe\xc8\xf3\x8f\xde\r\xc0\xc3\xcf\xbd\xc6\xb5\x83o\xa2pg\xb1\xa8\x01\xa9"\xf4\xf8\x9c\xbf\xdf_\xca\x80^\xe7\xb2h\xde\x1c\x9a\xb4h\xcd\xdb\x9f}K\xad:\xf5\xf0\x95\xfa\xfe\xf1\xc0\xff\xb7\xf8&gt;\xf2\xdcp\xfa\x0e\xbeQ\xc47\xc9\xfd[|\xdf~\xfbm\xfa\xf7\xef/\x92\x80\xb8\xb4O\x00\xf6\xac\xf6\xbf\xeb\xae\xbbx\xe9\xa5\x97p\xb9=\x0c\x1b\xf99\xa7\x9eu\x16\x05;\x8b\xcc\x9e\xa3\x90\x94\x0c\xc3@\x92\xcc\xa5}w\\\x7f\x05?|3\x96\xbcj\xd5y\xfb\xb3\xefh\xd3\xe1\x98\xfd6\xfe{\xd24\x95\xdc\xbc,^\x7f\xe19^|\xe2&gt;\x00\x9e\x19\xfe&gt;\xbd\xae\xe9k~6DbX\xa9t]\xc7j\xb5\xa2\xaa1\xfa\xf7:\x87?\x7f\x9fA\xa3\xa6-xw\xec\xf7\xd4\xac]\x8f\x80\xcf\xf7\x9f\r\xf9\xfe\xe2\xfb\xec\xf0\xf7\xb9L\xc47%\xfc3\xbe\x12\x9f|\xf21\x97_~\xb9H\x02\x10E\x80e\x8d\xff\x90!Cx\xe9\xa5\x97\xb0\xdb\x1d\xbc\xf8\xd6h\xd1\xf8\xa7\x80DA\xa7\xc7\xeb\xe5\xd1;\x06\xf1\xc37c\xc9\xcc\xce\xe1\xf5\x8f\xbe4\x1b\xff\xc2\xff\xff\x807\x97\x19\x950\xf8\xae{\xb9\xf9\xde\xc7\x00x\xe4\xf6\x81\xfc\xf0\xf5\xd7\xe4\xe4f\x8b\xc2\xa2Jd\x18\xe6RNY\x96\xb8\xfd\xba\xde\xfc\xf9\xfb\x0c\xea6h\xc4[\x9f\x8e\xa7V\x9dz\xf8\xffO\xe3\x0f{\xc7\xf7\xa6{\x1e\x03\xe0\xe1;\x062\xf1\xeboD|S\xc0?\xef_\x83\xbe}\xfb2q\xe2DQ\x18H\x9a\x8f\x00$2\xc0w\xdey\x87\x01\x03\x06\xa0\xc82\xcf\xbe&gt;\x8a\x8b\xaf\xea#\xb2\xff\x14\xa0i*9\xb9Y\xbc\xf0\xd8C\xbc9\xf4)\\n7\xc3?\xfc\x92\x93N=\x83\xa2\x82\x03O\xee\x12s\x8aY\xd9\x99&lt;y\xdf\x1d\x8cz\xf3e&lt;\xde\x0c\xde\xfd\xfc{:\x1cw\x02\xa5\xc5b\xb8\xf8HK$w\xde\x0c/w\x0f\xba\x86o\xc6|D\xb5\xea5y\xef\x8b\x894o\xd5f\xaf9\xff\x03\xfbYf|\x9f\xb8\xf7v&gt;\x18\xf1\n\x9e\x8cL3\xbe\x9d\xba\x88\xf8&amp;\xb9\xfd\xc5733\x8b\x9f\x7f\xfe\x89\x8e\x1d;\xa6\xf5\xb6\xc1i\x9b\x00$\x1a\xff\xef\xbf\xff\x9e\xf3\xcf\xbf\x00MSy\xf0\xe9W\xb8\xfe\x96[\xd9\xb5C4\xfe\xc9NUUr\xabe\xf1\xd1[#x\xf4\xaeA\xc8\x8a\xc2\x8b#F\xd3\xb3wo\nv\x1c\xfc\xc8\x8ey\x9b\x18x\xbc\x19\xdc5\xb0\x0f\xe3\xc7\x8e\xa6F\xad:|4~*\xb5\xeb\xd5\'\x18\x08\xa6\xedC\xa42$\x92\xbbg\x1f\xbe\x9f\xb7\x87=\x8b\xc7\x9b\xc1\xdb\x9f}\xc7\xb1\'t\xa5\xb8\xf0\xe0\x0bvw\xc7\xd7\xcb\x9d\x03\xfa\xf0\xed\x17\x1fS\xa3v\x1dF\x8f\x9fF\xad\xba\xf5D|\x93\xdc\x9e\xf15\xef\xdf\x8f\xa9W\xaf&gt;3fL\xa7n\xdd\xba\xf1\xa5\xdd\xe97 \x9e\x96\t@"\xe3[\xbcx1\xdd\xbau\xa3\xa8\xa8\x88\xfe\xb7\xdc\xc3\xfdC\x9e\xa3\xb0@T\x00\';UU\xc9\xca\xce\xe2\xd7\x9f&amp;1\xe8\xaa\x0b\x88F"e\x15\xde\xbb\x0e\xa1\xf1O0t\x1dYQP,\n\x03{\x9f\xc7\xcc_~\xa2\xf5\xd1\x1d\xf8\xf0\xeb\x9f\xb1\xd8lh\xaa\x8a$\xa5\xdfC\xe4HSUs^w\xf4{o\xf3\xc8\xed\x03\xb1X,\xbc\xfc\xeeg\x9c}\xd1\xc5\x14\x96\xa3`7Q\x08\xacXd\x06\xf4:\x8fY\xbf\xfe\xccQ\xed\x8e\xe1\x83o~\xc2\xa2X\xd14M,\x01Nb\xfb\x8b\xefq\xc7\x1d\xc7\x94)Sp8\x1ce\xc7\xbc\xa7\x93\xb4{Z%N\xfc*,,\xe4\xd2K/\xa3\xa8\xa8\x88\xb3/\xec\xc5\xdd\x8f=KqQ\xa9\xd8\xe0\'\xc9i\x9a\x86\xdb\xe3f\xcd\xaa\x15\xdc{\xe35D#\x11\xfa\xf4\xbf\x99\xebo1\x97w\x95\xa7\xa6C\x92e4M\x03$^z{4\x8d\x9b\xb5b\xc9\xc2y\xdc\x7f\xcb\xf58\x1cN\xd2/\x95&gt;\xf2\xb4xr7c\xeaT\x9e\xbe\xff6\x00\xeez\xf49\xce\xbd\xf8b\n\xcb9m\'\xc7\xe3+!\xf3\xd2\xdb\xa3i\xd4\xb4\x05\x7f-\xf8\x83\x87n\xe9\x8f\xd3\xe5$\r\xfbJ)e\xdf\xf86n\xd6\x82\xd9\xb3g\xd3\xbf\xff\x80\xb2\xaf\xa5\x9b\xb4J\x00\x12KC$I\xe2\xea\xab\xaff\xc5\x8a\xe5\x1c\xdd\xf18\x9ez\xf5]B\xc1\x10\x86A\xdae\x80\xa9\xc40\x0c,\x16\x0b\x91p\x98\xbb\x06\xf6a\xd7\x8e\xedt;\xfdl\x1exz(\xa5E\xbe\nI\xeedY&amp;\x12\x0e\x93\x9d[\x8d\x97\xdf\xfd\x84\xac\xec\x1c&amp;\x7f;\x8e\xd7\x9e{\x9c\xec\xdc\x8c\xb4/*:\x9ctM\xc7\xe9r\xb2i\xc3:\xee\x1d|\r\xe1p\x88\xcb\xfb\r\xa2\xff\xadw\x94;\xb9K\x90e\x99p8LN^&gt;C\xdf\xf9\x84\xcc\xacl~\xf8f,\xaf\xbf\xf0\x14\xd99"\xbe\xc9n\xcf\xf8\xbe\xf4\xf6\'dfg\xf3\xc9\'\x1f\xf3\xfc\x0b/\xa4eQ`Z%\x00\x89\xa1\xffG\x1ey\x84\t\x13&amp;P\xbdF-^|k4v\xbb\x9dX,\x96\x96s@\xa9D\xd7u&lt;^7O\xdew+\x8b\xe7\xcf\xa5a\x93\xe6&lt;;|$jLE7\x8c\nK\xee\x14E\xc1WZJ\xeb\xa3\x8f\xe6\xf1\x97\xdeB\x96e\xdexi\x08\x93\xc6\x8f\';\'+\xed\x1e"G\x84a +f\xfc\xee\xbb\xb1\x1f[7o\xe4\xf8\xae\'\xf3\xe0\xd3/SZ\xec\xaf\xd0\x91;3\xbe%\xb4i\xdf\x9e\xc7^|\x03I\x96\x19\xfe\xc2\xe3\xfc\xf4\xfd\xf7de\x8b-\x83\x93\xdd^\xf1}\xe1MdY\xe6\x81\x07\x1e`\xca\x94)X,\x96\xb4\x1a\tH\x9b\x16/\xb1\xdco\xc2\x84\t\x0c\x192\x04\xab\xd5\xca\x93\xaf\xbcC\xc3&amp;M\x08\xf8\x03\xa2\xc0\'\xc9\xa9\xaaJNn&amp;\x1f\xbf\xf7\x16_~\xf2&gt;.\xb7\x87\xe7\xde\x18EN^&gt;\x91p\xb8\xc2\x93;\x8b\xc5BaA1\xe7_z\t\x03o\xbf\x1f]\xd3x\xe4\x8e\x1bX\xbff\r.\x97\x13]\xd7+\xf4\xf7\xa5;M\xd3\xc8\xcc\xf2\xf2\xd2\x93\x0f2{\xc6Tj\xd6\xae\xcb\xb3\xaf\x8f\x02\xcc\x8d\x80*z\xe4\xceb\xb1RXPL\xcf^\xbd\xb9\xfe\xa6\xbb\xd1T\x95G\xee\x18\xc8\xe6\r\xebq8E|\x93\xdd\xee\xf8\xf6\xe2\xba\x9b\xcd\xf8\xf6\xed\xdb\x97\xed\xdb\xb7#\xcbr\xda\xc47-\x8a\x00\x13\xc3\xfe[\xb6l\xe1\x98c\x8ee\xdb\xb6\xad\xdcr\xdf\xe3\xdc\xf6\xe0#b\xb9_\n\xd0u\r\x97\xdb\xcd\x8a\xa5\x8b\xb9\xea\xdc\xee\xf8}\xa5&lt;\xf6\xc2\x1b\\}\xc3\xa0C\xaa\xf8?p\x06\x86\x01N\x97\x93\xfe\xbd\xcee\xc6\x94It\xe9v\x1a\xef\x8d\xfd\x9eP(,\xa6\x93*\x88\xa6\xaad\xe6d1y\xfcW\xdct\xcd\xc5X\xacVF|&lt;\x9e\x93N\xebAq\xd1\xe1\xdc\xa2\xdb\x8c\xaf\xc3i\xe7\xbaK\xcef\xd6\xaf?s\xd2ig\xf1\xf6g\xdf\x12\xf0\x07\xc4\x88a\xd2\x8b\xc7\xd7a\xe7\xbaK\xcd\xf8\x9ew\xdey\x8c\x1f?&gt;m6\tJ\x8bO\xb0\x11\x1f\xfe\xbd\xfe\xfa\xeb\xd9\xb6m+\'\x9dz&amp;\x83\xefz\x90\xe2\x82R\xd1\xf8\'9\xb3\xa8S!\x1a\x89\xf0\xf0m\x03\xf1\xfbJ9\xef\x92+\xb9\xaa\xff \nw\x95\x1c\xe6\x8d\x9c\xa4\xb2\x9d$\x9f|\xf9-\xaa\xd7\xac\xcd\xcc_~b\xc4\xcb\xcf\x92\x95\xed\x15S\x01\x15\xc0\xd0u\xecN\'\x9b7l\xe0\x89{o\xc60\x0c\x06\xde~?\xa7\x9c\xd9#\xbe\x8b\xe3\xe1|H\x9b\xf15t\x18\xf2\xca[\xe4\xe5W\xe7\xd7\x9f~\xe0\xbd\xe1/\x89z\x80\x94\x10\x8f\xafa\xc6\xb7Z~\r\xbe\xfd\xf6[^}\xf5\xd5\xb4\xa9\x07H\xf9\x04 1\xef\xff\xea\xab\xaf2q\xe2D\xaa\xd7\xa8\xc5\xe3/\xbd\x89\xaa\xaa\xa4\xfc\xd0G\x1a\xd05\x8d\xcc,\x0f\xaf=\xf7\x04\x8b\xe7\xcf\xa5A\xe3f&lt;\xf4\xcc+\x04\x03\xc1#\xd2C\x93e\x99P0D\xdd\xfa\xf5y\xe8\xd9W\x91e\x99\x11/?\xc3\x9c\x99\xb3\xf0fd\xa0\xa7\xd1|\xe2\xe1`\x006\x9b\x8d!\xf7\xdd\xca\xf6\xad\x9b\xe9|\xd2\xa9\xdcx\xe7\x83\x14\x15\xfa\x8eH\xf2.\xcb2\xc1`\x90\x06\x8d\x1b\xf3\xc0S\xaf I\x12\xaf\xbf\xf0\x04\x0b\xfe\xf8\x13\x8f\xd7\x8b\xae\x8b\xf8&amp;\xb3=\xe3{\xffS/#I\x12\x0f&lt;\xf0 K\x97.\xc5b\xb1\xa4\xfcT@J\'\x00\x89u\x9f\xcb\x96-\xe3\x81\x07\x1eD\x92$\xee\x1b2\x94z\r\x1b\x10\x0e\x86\xc4\x10^\x92\xd34\roV\x063\xa6N\xe5\x83\x11/c\xb1Zy\xe4\xb9\xd7\xc8\xc9\xcd#\x1a\x89\x1e\xb1!x\x8b\xc5Bqa1\xe7\\x\x11\xbd\xae\x19@$\x1c\xe2\x89{n$\x1c\n"+\nb}\xe0\xa1QU\x95\xac\x9c\x0c\xc6|\xf0\x0e?}\xff5\xd99\xb9&lt;\xf6\xe2\x1b\xe8\xf1]\x00\x8f\x14\x8b\xc5BQa\t\x17\\\xd6\x9b\x0b{\xf7%\x18\x08\xf0\xc4=7\xa1\x96\x15\x0e\x8b\xf8&amp;\xb3=\xe3{\xd1\xe5}\t\x04\xfc\x0c\x180\x00M\xd3\xcav\x9cLU)\xdb\x02&amp;\x02\xa7\xeb:\x83\x06\r"\x10\xf0sa\xefk8\xef\xd2^\x14\x15\x8a\xad=\x93]b\xc9_\xd0\x1f\xe0\xa9\x07n#\x16\x8b\xd1\xa7\xff\xcdt\xefq\x06\xc5\x95\xb0u\xab\xac(\x94\x96\x06\xb9\xe3\xe1\xa7i\xd4\xb4\x05K\x17\xcd\xe7\xadW\x9e%3\xcb\x93VU\xc5\x15E\xd7\xcd%\x7fkW\xad\xe6\xe5\xa7\x1e\x02\xe0\x8e\x87\x9f\xa1i\x8bfGltgO\xb2,\x13\xf0\x87\xb8\xe7\xf1g\xa9\xdb\xa0\x11\x0b\xfe\xf8\x9d\xf7\xdfx\x99\xcc,/\xaa*\xe2\x9b\xec\x12\xf1\xbd\xfb\xb1g\xa9\xd7\xa0\x11\xbf\xfd\xf6\x1b\xc3\x86\rCQ\x94\x94\xbe\x7fS6\x01H\xf4\xfe\xdf|\xf3M~\xf9\xe5\x17j\xd7\xad\xcf\x9d\x8f&gt;C0 z\xfe\xa9@\xd3422\xdd\xbc\xfd\xcas\xacX\xb2\x88&amp;-Zs\xd3=\x8fPZ\\9+:$</t>
        </is>
      </c>
    </row>
    <row r="26">
      <c r="A26" s="1" t="n">
        <v>24</v>
      </c>
      <c r="B26" t="inlineStr">
        <is>
          <t>grid_number</t>
        </is>
      </c>
      <c r="C26" t="inlineStr">
        <is>
          <t>What is the missing number of the part denoted with a question mark?</t>
        </is>
      </c>
      <c r="D26" t="inlineStr">
        <is>
          <t>['8', '9', '7', '4']</t>
        </is>
      </c>
      <c r="E26" t="inlineStr">
        <is>
          <t>4</t>
        </is>
      </c>
      <c r="F26" t="inlineStr">
        <is>
          <t>There is a 3x3 grid of numbers. The first row is [4, 2, 7]. The second row is [5, '?', 4]. The third and last row is [5, 4, 4].</t>
        </is>
      </c>
      <c r="G26" t="inlineStr">
        <is>
          <t>We observe that [4, 2, 7] sums to 13, and [5, 4, 4] also sums to 13. Thus, the pattern is that the numbers in each row add up to the same value.</t>
        </is>
      </c>
      <c r="H26" t="inlineStr">
        <is>
          <t>Based on the pattern that the numbers in each row add up to the same value, the missing number of the row [5, '?', 4] should be 4.</t>
        </is>
      </c>
      <c r="I26" t="inlineStr">
        <is>
          <t>b'\x89PNG\r\n\x1a\n\x00\x00\x00\rIHDR\x00\x00\x02\x00\x00\x00\x02\x00\x08\x02\x00\x00\x00{\x1aC\xad\x00\x00g\xb6IDATx\x9c\xed\xddyxT\xd5\xf9\x07\xf0\xf7\x9csgI&amp;\xb3d\x01\x04\x11\xd9\x11E\xa1\xac\xb2T\xdcp\xd7ZE\x10wYUD\xb1\xe2Z\x15E\xfb\xc3\xb5\xb6\xdaZ\x05-V+.\xb5\xb6\xd65\xe2V\x14\x14\xc4*\x82\x04Ap\x81@\x02!\x99\xc9Lf\xbb\xf7\x9c\xf7\xf7\xc7\t1FQHf\xe6ff\xde\xcf\xe3\xe3\x83\x93\xc5\xcbw\xee\x9c\xf7\xdes\xcf\xc2\x10\x11\x08!\x84\xe4\x1fn\xf7\x01\x10B\x08\xb1\x07\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d8}\x00\xed\x02"\xda}\x086`\x8c\xd9}\x08\x8d(\x7f{Q\xfey+O\x0b\x00"*\xa5\x10\x911\xc6\x18\xe3&lt;\x1f\xef\x84l\x0c\x81\xf2\x07\xca\xdfn\x14\x02\x00\xb0\xbc*\xfe\xfa-\x07\x00!D\xf3\xd7C\xa1\x90R\x8a\xb1|IC_\xfb\x04\x02\x81\xe6/\xea\x0f\x03\xe7&lt;}WF\x94\xbfF\xf9\xdb\xcb\xae\xfc\xdb\xa1|y\xcb\x11QJi\x18\x8dw&lt;\xe1px\xe5\xca\x95\x1f\xaeX\xf1\xc9\xff\xfeW[[[QQaY\x12\x18@^\x84\x01\xc0\x00\x00z\xf7\xea\x15\x08\x04\x86\x0e\x1d:x\xf0\xe0\xe1\xc3\x87\xef\xbf\xff\xfe\xfa\x8b\x96eq\xceS{AD\xf9\x7f\x0f\xe5o\xaf\x8c\xe7\xdf~a\x1e\xb0,K\xff!\x91H\xbc\xf8\xe2\x8bg\x9ey\xe6\x81\x07\x1ehw\xf0\xedKqq\xf1\xb8q\xe3\x16.\\X]]\xad\xb32MS_\x13Q\xfe\x19@\xf9\xdb+\xad\xf9\xb7g9~\x07\xa0\xffv\x8c\xb1P(\xb4p\xe1\xc2\'\x9f|\xf2\xb3\xcf&gt;k\xfaj\x91\xd7\xdb\xa5\xeb\x81\x1d:u\xea\xde\xeb\xa0@I\xa9\xb4\xac|\xb8\xfbC@\xce\xb8i&amp;\xd7\xaf]\x1d\n\xd6m\xf9zS]\xed\xae\xa6\xafv\xee\xdc\xe5\xdcs\xcf\x99:uj\xbf~\xfd\x00@)\xd5\x96K!\xca\xff\x87(\x7f{e2\xff\xf6/\x97\x0b\x80\x94R\xf7u.Z\xb4\xe8\xee\xbb\xef^\xbf~\xbd~\xbdK\xd7n\x87\x1fq\xf4\xd8cO&lt;h\xc0\xa0\x8e\x9d:{\x8a\xbc\xc2\x80\x9c~\x97\x7f\x04"X\x16$\xe2\x89];\xab6~\xb1n\xf9\xbbK\x96\xbd\xb3dC\xc5Z\xfd\xd5\x92\x92\x92Y\xb3f]u\xd5U~\xbf\xdf\xb2\xac\xa6\xae\x83}B\xf9\xff\x04\xca\xdf^\x19\xc8?+\xe4l\x01\xd0g\xff\xb6m\xdb&amp;O\x9e\\^^\xae_\xec\xdb\x7f\xc0\x053f\x8d;\xf9\xd7\xa5\x1d: B"\x914\x93\xa6R\x12Q\xe5h\x0c{\xc4\x00\xf4\xd0\x07\x87\xc3\xe9r\xbb\x0c\x03\xc2\xf5\xd1\x95\xcb\xff\xfb\xf8C\xf7/{w\x89\xfe\x9e~\xfd\xfa=\xf6\xd8c\xa3G\x8f\xd6O\x08\xf7\xe9\xf2\x90\xf2\xffi\x94\xbf\xbd\xd2\x9d\x7f\xb6\xc8\xcd\x02\xa0\x8bvyy\xf9\xe4)S\xb6UV\x02@\x8f\xde}\xa7\\&gt;\xe7\xe4_O\xf4\x05|\x91p\xd44\x93\x00\x8cs\xce\x184&gt;\x12\xcaW\x88\x88J!\xa20\x0cOQ\x91\x94j\xd9;o&lt;\xfa\xe0\xdd\x1f\xbe\xf7\x0e\x008]\xae\xbb\xee\xbcs\xf6\xec\xd9\xfb\xf4\x19\xa0\xfc\xf7\x1e\xe5o\xaft\xe4\x9fEr\xb0\x00\xe8\xb3\x7f\xe1\xc2\x85\xd3\xa7O\xd7\xaf\x9c3\xf9\xb2\xd97\xdeV\xd6\xb1,\x14\x8cH\xcb\xe2B\xe4\xde\x1b\x99\x12RJ\xc6\x98\xd7\xe7\x93\xd2zr\xc1\x9f\x1e\xb8sn$\\\x0f\x00\xd3\xa6M[\xb0`\x81\x94ro\x06\xc9Q\xfe\xadF\xf9\xdb+%\xf9g\x97\\+\x00\xfa\xce\xb7\xe9\xec\xf7\x07Jn\xb9\xfb\xc13&amp;\x9dS\x1f\x8a&amp;\x93\xc9\x1c\xee\xcbK!\xfd1(-\xf3}\xbc\xe2\xa3\xdf^1m\xfd\xe7\xaba\xf7g\xe0g\xaf\x83(\xff\xb6\xa3\xfc\xed\xd5\x96\xfc\xb3NN\x15\x80\x16g\x7fY\xc7\xfd\x1e|\xfc\xf9QcG\xef\xa8\xaa\x13\x86\x91Ko[\x06\x98\xa6\x19(.\xde\xb5\xb3\xfa\x92s~\xb5\xfa\xe3\x15\xd0\xec:\xa8\xc54\xa2&amp;\x94\x7f\nQ\xfe\xf6jE\xfe\xd9(w\n\x80~c\xde|\xf3\xcdq\xe3\xc6\x01@qi\xd9s\xe5\x1f\x1c\xd8\xb3w\xa8\xae\xcep8\xec&gt;\xba\xac$-\xcb\xe9v\t..&gt;\xf3\xf8\x95\xcb\xde\x05\x80[o\xbdu\xee\xdc\xb9?:.\x82\xf2O9\xca\xdf^\xfb\x94\x7f\x96\xca\x91\x02\xa0\x87\xebVWW\x0f\x1c8h\xc7\x8ej\x9f?\xf0\xf0\xe2\xff\x0c9|t(\x184\x0c:\xfb[OJ\xe9r\xbb"\xa1\xd0\x94\t\'\xae\xfb\xec\x13\xc6Xyy\xf9\xb8q\xe3Z\\\x07Q\xfeiB\xf9\xdbk/\xf3\xcf^92\xfa\x17\x11\xa5\x94\xe7\x9f\x7f~uu\x15\x00\xdc|\xe7\x83\xa3\xc6\x8e\t\xd6\xd1\xd9\xdfVB\x88D,^\xd2\xa1\xe3\xef\x17,\xf6\x07\x8a\x11\xe1\xfc\xf3/\xa8\xaa\xaab\x8c\xe9Ue4\xca?M(\x7f{\xede\xfe\xd9+\x17\n\x80\xae\xc6\x8b\x17/^\xb2d\t\x00\x9cu\xfe\xd43\xcf;\xb7\xba\xaa\xceAw\xbe\xa9 \x0c#\x14\x0c\xf6=\xf8\xa0\x1b\x7f\xf7\x07\x00\xac\xae\xae\xba\xe1\x86\x1b8\xe7M\xf7\x8e\x94\x7fZQ\xfe\xf6\xfa\xd9\xfc\xb3Z\xd6w\x01\xe9\x15-\x82\xc1\xe0\x88\x11#6o\xde\xdc\xf5\xc0\x1e\xcf\xbf\xb9\xd2\xe5r\xebG\xf9v\x1f]\xee\x90R\x06\x8a\xfd\x97\x9dw\xe6\x1b/\xbf\xe0r\xb9\xde{\xef\xbd\xa1C\x87"\xa2^B\x92\xf2O7\xca\xdf^{\xca?\xdb\x17\x8a\xc8\xee\xa3\x07\x00=8w\xd1\xa2E_~\xf9\xa5Rj\xea\xack\xcb:\x96$\x93I:\xfbS\x8b1f&amp;\xad\x99\xd7\xdc\xe2r\xbb\x13\x89\xc4\xdc\xb9su\xd3C\xf9g\x06\xe5o\xaf=\xe5o\xf7q\xb5Uv\x17\x00D\x14B\xc4b\xb1E\x8b\x161\xc6z\xf4\xeew\xea\xf8I\xa1\xbaH\xce&lt;\xa3o?8\xe7\x91Hd\xc0\xa0\x81\xc7\x9fz&amp;\x00,]\xba\xb4\xa2\xa2B\x08\xc19\xa7\xfc3\x80\xf2\xb7\xd7\x9e\xf2\xcf\xf6\'\x01\xd9]\x00\xf4\xbc\x8c7\xdf|\xf3\xf3\xcf?G\xc4\x8b/\xfb\x8d\xcf\xef\x95\x96e\xf7q\xe5&amp;\xcey2aN\x9e9\xa7\xa0\xd0\xd3\xd0\xd0\xf0\xe8\xa3\x8f\xea\x17)\xff\xcc\xa0\xfc\xed\xf5\xa3\xf9S\x01\xb0\xdf\xe3\x8f?\xce\x18\xeb\xd8\xb9\xcbq\xa7\x9c\x11\tGyN\x0c\xcfj\x878\xe7\r\r\xd1\x01\x83\x06\r\x1f}\x04c\xec\xf9\xe7\x9f\x8fD"\x00\xa0/?)\xfft\xa3\xfc\xed\xf5\xc3\xfc\xa3\xd1\xa8a\x18Y\xdd\x11\x94\xc5\x05@\xf7\xff\x84B\xa1\x95+?B\xc4QG\x1c[\xd6\xb1\xcc4M\xea\xfdL#D\xc6\xe0\x98\x13OG\xc4\xca\xcam\xeb\xd6\xad\xb3,k\xc5\x8a\x15\x94\x7f\x86P\xfe\xf6\xfa~\xfe\xabW\xaf\x86,\xbf\t\xc8\xe2\x02\xa0s_\xb5j\xd5\xd6\xad[\x00`\xec\xb8\x93\xec&gt;\xa2\xdc\xc7\x85\x88\xc5\x92\x87\x8f9\xaa\xc8\xeb\x93\xd2Z\xbat\xe9\x9a5k\xb6m\xdb\x06\x94\x7fFP\xfe\xf6j\x91\xffk\xaf\xbd\x0e\xbbw\xdd\xc9RY\\\x00t\xee+W~\x04\x00\x85\x1eO\xff\x01\x03\x13\xf1d\xb6\x8f\xcaj\xe7\x18c\xc9D\xa2s\xd7n\x07\xf6\xec\r\x00\xabW\xaf^\xb6l\x19\x00x&lt;E\x94\x7f\x06P\xfe\xf6j\x91\xff\xaaU\x1f\x01@Vg\x9e\xc5\x87\xaeou?\xfex\x15\x00t\xed\xd6\xa3S\xe7\xfd\xe9\xfe7\x03\x94R\x05\x85\xae~\x87\x1c\x06\x00\xab?\xfb\xec\xd5\xd7^\x03\x80.\xdd\x0e\xa4\xfc3\x83\xf2\xb7W\xf3\xfc+**"\x91HVO\n\xcb\xe2\xe1bz\x1c\xee\xce\x9d;\x01\xa0\xa4\xacCa\x917\x12\xae\xcf\xeaj\x9c\x15\x10Q\x08\xe8\xd4y\x7f\x00\xa8\xab\xad\xd5\x1dq%\xa5\x94\x7f\x86P\xfe\xf6\xd2\xf9\xef\xd7\xb9+\x00\x04\x83\xa1X,VTTd\xf7A\xb5^\xb6\x16\x00=\x07/\x18\x0cn\xd8\xb0\x01\x00z\xf5=\xd800{\xebp\x16\xe1\x8cY\x16\xf4\xea{0\x00TWW\xd7\xd4\xd4\x00\xe5\x9fA\x94\xbf\xbdt\xfe=\xfb\xf6\x07\x80\xfa\xfaPEEE\x87\x0e\x1d\x94RY\xba6\\\xb6\x16\x00\r\x11M\xd3\x02\x80\xe2\x92R\xcesab^V@\x84\xe2\x92R\x00\xb0,K_\x81R\xfe\x99D\xf9\xdb\xab)\x7f\xa5\x94\x95\xe5\xb3.\xb2\xfe\x86Qwzf\xfb\xdb\x90ut\xe0M\xbb#Q\xfe\x19F\xf9\xdb\xab)\xf0l\x7f\xe8\x92\xf5\x05@\xcb\xf6\xb7!\xeb\xb4\x08\x9c\xf2\xcf0\xca\xdf^9\x13x\x8e\x14\x00B\x08!\xfb\x8a\n\x00!\x84\xe4)*\x00\x84\x10\x92\xa7\xa8\x00\x10BH\x9e\xa2\x02@\x08!y\x8a\n\x00!\x84\xe4)*\x00\x84\x10\x92\xa7\xa8\x00\x10BH\x9e\xa2\x02@\x08!y\x8a\n\x00!\x84\xe4)*\x00\x84\x10\x92\xa7\xa8\x00\x10BH\x9e\xa2\x02@\x08!y*\xbb\xf7\x03 d_!*Tz\xe1|\x04\x04`\x00\xc0\x18\x00\xe3\x8c1\xba\x1e"\xf9\x85\n@{\x81\x88\x88J7HM\x9a\x16|\'m\xa4\x94DD!\x0c\x97\xab\xc0\xe1tp\xae[}\x00\x04DP\n\xcc\xa4\x99L&amp;\xa4\xb4\x18\xe3\xb4\xb1b\xab!\xa6qc2\xfa8\xa4\x1c\x15\x80vA\xefpYP\xe8m\xf1\xe1\x91\xd2J\xc4\xe3t\xd2\xb7\x1e\xa2TR\x08\xa3\xc8\xeb7\x0c\x08\x87\x1b\xbe\xfdzS\xe5\x96\xafwVW\xd5\x07\xebL\xd34\x0c\xe1\xf5\x05:t\xea\xdc\xf5\xc0\x1e]\xbav+.\t$\x932\xda\x10\x01`T\x06\xf6\x15"\xba\\na\xa4\xabU1\x93\t\xda\xf8&gt;\xb5\xa8\x00\xd8O\xb7\xfe\x888g\xc6\xb9U\xdb\xb62\xc6\x11\x15\xe7B)9|\xd4\xd8Y\xd7\xcfm\x884Pc\xd4\nRJ!\x8c@\xb1\xb7!\x12[\xfe\xdf7\xdfz\xed\xc5\x95\xcb\xfe\xfb\xed\xe6/\xe3\xf1\xd8\x0f\xbf\xd9\xe5rw\xef\xd5g\xd4\x91\xe3N:}\xc2\xc0\xa1#L\xd3\x8cE\x1b\x84\xa0\x0f\xc8\xdeRJy\x8a&lt;\x7f\xb9o\xfe\xf2\xff.\xd1go\n\x7f\xb9\xfe\x85\xe7N\x99y\xe2\xe9gF\xc2\x11\xce\xb3r\x03\xdev\x88\xceo\xfbI)\x03%\xde\xbbn\xb9\xf1\xa5\xe7\x17\xb7\xf8RQ\x91\xd70\x04\xed\xf5\xba\xaf\x10Q)\xe5\xf3\xfb\x1b"\x91\xa7\x17-x\xe6\xf1\x05\x9f\xaf\xfe\xb8\xe9\xab\x8cs\xdex\x15\xc9v\x7f;&amp;\x12\xf1/\xd6\xad\xf9b\xdd\x9a\xbf=\xfc\xc7\xe3O;s\xd6us\xfb\xf4?8T\x17\xca\xd2\xcd\xbe3\x0f\x11\r\x87X\xbfv\xf5G\xcb\x97\xa6\xe9\x7fq\xe4q\xa7:\x1c\xf4qH%*\x006\x93R\xfa\xfd\xfe\xf7\xdfz\xe7\xd1\x07\xee6\x0c\x03Q?\x9a\x04!\x84\x94\xb2\xa0\xd0Cg\xfb\xbe\x92R:\x1c\x0e\x9f\xdf\xfb\xe6\xab/=0\xff\x96uk&gt;\x05\x00\xc6\x18\xe7\x02Q\xa1.\x0e\xdf\x15\x00\x04\x00Dd\x8d\xb8\x94\xd6k\xff~\xee\xfd\xb7\xcb\xe7\xde\xfd\xa7\xd3\'\x9d\x17\xac\xa5\x1a\xb0\xb7\x10\xa1\xa0\xb0\x90\x0b!\x84!e*\xb7)\xd6\x1f\x07\xa7\xd3I\x1f\x87\xd4\xa2\x02`\'Dt8\x1c\xa1P\xf0\x96\xabgH)9\xe7J)\xfd%\x06\xa0\xa4l\xfaO\xb2\x97\xf4\x85\x7f\xb0\xae\xf6\x8e\x1b\xaf\xfc\xc7\x13\x8f\x02\x80\x10B\xb7\xf9RZ\x9c\x0b\xce\xb9~ \x0c\x00\xba\xf5o\xfe=\x00\n\x00\x840\xc2\xf5\xa19\x97\x9c\x1f\x89\x84\xcf\x9bzi\xb06$\x0c\xaa\x01{\x05\x11\xa1\xe9\x9f\xb6\xfd\x9e\xe6W\xfa\x0c@)E\xd7\xfe)G\x05\xc0NJJ\x7f\xb1\xf7\xbaK\xaf\xf8z\xd3F}\x8dc\xf7\x11e7Dt\xba\x9c\xab&gt;|\xef\xd6937\xac[\xa3\x1f\x9c\xe8T\xb9\x10\xa8TS\xc7tAaa\xa1\xa7\xc80\x1c\x89x,\x14\xack\xfc\x9e\xdd\x05XJK\xff\xecm\xd7\xcc&lt;\xb0G\xefQG\x1e\x13\xae\x0f\xd3}\xc0\xcfc\x90L$\x94RJ%S\xff\xcb\x11\x19=\tK5*\x00\xb6\x91\xd2\n\x94\x04^\xfa\xc7s\xcf?\xf5\x98n\xfd\x19ct\x8d\xd3\x16J\xa9\x82\x02\xf7\x9b\xaf\xfcg\xc3\xba5N\x97;\x99\x88\x03\x00\xe3\\\xdfN\x01\xc0\x90\xc3\xc7\x1cy\xdc\xc9\x87\xfebX\x97\xae\xdd&lt;E^\xce\x85i&amp;wVW\xad^\xf5\xc1\x0bO?\xbe\xf6\xd3\x8f\x9b\xde\x02\xa5\x94~2\x7f\xeb53_xk\xa5a8P)\xa0\xf1\'{\xc6\x18S\x96:\xa0{\xcf&gt;\xfd\x07\x18\xc2\x90\xad~\x08\x8c(\x84\xa8\xaf\x0fU~\xfbu\xe3\xdb\xc1\x98R\xca]Px\xf8\x98\xa3\xe2q\x93\xd3t\x8d\xd4\xa1\x02`\x0fT\xca\xe5.\xa8\xdc\xb2\xe5\x8e\x1b\xae\xd4g9\xb5\xfem\'\x84\x08\xd7G\xe6\xcc\xfd\xbf/\xd7\xaf]\xfa\xd6\xebB\x18\x00(\xa5D\x80\xb1\xe3N\x9ar\xf9\x9c\xa1\x87\xff\xd2U`X&amp;\x9aIS)\x89\x08\x8c\xb3\xb2\x8e\xfb\r\x1a:d\xc2\x85\xd3\x1e\xfb\xd3}\x7f\xf8\xddM\xba\xdd\xd7=BB\x18\xdfl\xde\xf8\xafg\x9e\xb8\xf8\xb2+\xeav\x05\xd37\xc01\x07p\xce\xa3\r\xd1K\xe7\xdct\xe9\xd5\xbfm\xcbHM)e\xa0\xd8w\xedeS\xfe\xf9\xd4_9\xe7RJ\xc1\x85\x94\xd6\xb1\'\xfd\xea\xe0\xc3\x06\xd4\xd1#\x99\x94\xa2Zj\x0f\x04p\xb9\x9c\xb7]3\xb3fG\x15\xe3\\!"\xe2Q\'\x9c\xea.(\xb4\xfb\xd0\xb2\x1b*%\xa5\xba\xeb\xa1\xc7\x0f\xec\xd1[JKJ\xd9\xad{\xaf\x07\x1e\xff\xc7\x82g^\x1e1\xe6\xc8x,ZW\x13\x8c\x84\xeb\x93\xc9\x84eYRZ\x96i\xc6\xa2\r\xb5\xbb\x82\x89x\xe277\xddx\xdd\xbc{\x95RM\xed\x17\x022\xc6\xfe\xfd\xdc\x93\xb1h\x82S\xbb\xb37\xb0\xf1\xa1z\xeb(\xa9\xdcn\xf7\x86\x8a\xf5\xaf\xbc\xf04cL\xf7\xc8)%\x19\xe7g_t\x89iJ\x9a\x04\x90ZT\x00l`YVq\x89\xef\xef\x0b\x1fz\xfb\xf5\x97\x840\x00\x91\x01t\xef\xd5w\xd2E\x97$\x124\xed\xabM\x18\xe7\x89x\xbc\xa4\xac\xe3\xef\x1f}\xdaS\xe4=\xf9\x8c\xb3\xff\xb1\xe4\x83\x93N\x1f\x1f\t\xd7G\xea\xeb\x19\xe7\xc208\x17\xac\x19\xce\xb9a\x18\x8c\xb1\xea\xed\xa1\xc93\xaf\x1a6z\xacRJ7\xf7\xa8\x14"~\xf1\xf9g_m\xda\xe8r\xbb\x91\x9e\xc9\xa7\x99T\x96\xbb\xd0\xf9\xdc\x13\x0b\xe3\xb1\x18\xe7\x02\x11\xb9\x10\x888l\xe4/\x87\x1e&gt;\x8a&amp;\xc4\xa4\x1c\xa5\x99iJ\xa9\xa2"\xcf\xba\xcf\xd6\xde;\xefz="Ew\xfeL\xbb\xe2\xba\xc2\xa2"lv\xf9IZG\x08\x11\t\x87\xfb\x0f\x18\xf8\xcc\xeb\xcb\xe6?\xb8\xc8\xe3\xf5\x07k\x83\x9c\x8b\x9f\xbe\x84g\x8c\x01"\xe7\xec\xac\xf3\xa64\xbd\xa8\xe7\xe8\x99\xc9\xe4\xe6\r\x15N\xa7CQ\x1f]:!\xa2\xcbUP\xf9m\xe5\xbf\x9fy\x821\xd6\xf8\xc4\x1e\x11\x00\xce\x99|\x990\x0c\xea#M9*\x00\x19\x86\x9c1\xa5\xd4\xcd\xbf\x99\x11m\x88@\xe3\xc0s\xd9\xb3O\xbf\x89\x17^PU\xb9\x05\x00\xe8Ic\xdbq\xcec\xb1X\xcf\xde\x07Y\x96\x99\x8c\xc7\xf7\xb2\xef\x9e\x0b\x9e\x88\x9b\x07\x1f6\xd8\xe1t*\xd9\xd8\xdb\xa0W\x88\xab\xda\xb6\x85\x0bh\x1a6J\xd2AIY\xe4u\xbf\xf8\xdc\x93u\xb55\xfaI\x0c\xe7B)\xec\xd9\xe7\xa0\xb1\xc7\x9d\x14\tG\xa8\xf7?\xe5\xa8\x00d\x94eI\x7f\x89\xf7\xa1\xfb~\xf7\xc9\xca\xe5\xc20\x94\x94\xba\xb5\xbfn\xde\xbd\x9e"#\x1c\nA\x8b\xd5\xe0Hkq\xce\x13\xf1\x98\xee\xe2\xd9\xeb\x1fbRZ\xc5%\xa5&gt;\x7f\xa0\xd9k\x00\x00\r\x91\x08\x03j\xff\xd3\n\r\x87sWM\xf0\xd9\xc7\x174\r\x88`\x0c\x00p\xe2\x85\xd3}\xbe"i\xa5rf\x19\xd1\xa8\x00d\x8e\x94\xd2\xe7\xf7}\xf0\xdf\xa5\x8f\xdc\x7f\xa7\x10BI\xa9G\x7f\x9e7u\xe6Q\xc7\x9f\x12\xae\x87d2a\xf71\xe6\x94V\x0c\x1bG\x04\xce\xb9a8Z\xbcN\xd7\x9e\xe9&amp;\xa5,\xf2\x16\x96\xbf\xf4\xfc\xd6o\xbfb\x8c+\xa5\xf4\xbfK\xca:\x9e|\xc6\xd9\r\x91\x18=\x84O\x07*\x00\x19\x82\x88\x86aD\xc2\xe1\x9b\xaf\x9aaY\xa6\x1e\xf7)\xa5\xec\xdb\x7f\xc0\xd5\xb7\xcc\x0f\x87BB@B/RF]@\xf6a\x9c\x99f2\x1e\x8b~\xf7\x12"\x00\xf8\xfc\xc5\x88tw\x96F\x9c\x1b\xb1h\xec\xa9G\xff\x0c\xc0t\xce\xba\x17\xe8W\x13\xce\xeb\xd2\xb5s2\x91\xa0gc\xe9@\x05 C\x94\x94&gt;\xbf\xe7\x9e\xb9\xd7m\xde\xb8^/&lt;\xc0\x18s8\x9d\xf3\xee_PP\xe8\xb1\xa4\xc58$M\xd3\xee\xc3\xcck\x88h\x18\x8e];wF\xc2\xf5\xcd_\x04\x80\xce]\xbbI\tT\x01\xd2DJ\xe9\xf5y\x96\xbeU^\xb1\xe6S\xce\x99\x92\x12\x18SJ\xba\xdc\x05\xe3\xcf\x9d\x1c\x8b%i\xf0O\x9aP\xac\x99 -\xcb_\x12x\xf5_\xffz\xe6o\x8f\x08aH)\xb9\x10R\xca\xcb\xae\xbey\xf8\xe8\x91\xe1\xfaz\xbd\xbc-\xf5r\xda\x0b\x11\x9dN\xb1q\xfdZ)eS\x91VJ\xb9\xdc\x05\xdd{\xf5I&amp;\x93\x9c.B\xd3\x831&amp;\xa5zr\xc1\x83\xfa\xcf\x00 8G\xc4cN&lt;\xad\xdf!\x87\xc4\xa21Z\x04"M(\xd6\xb4C\xa5\\nwU\xe5\xb6y\xd7]\xce\x18CT\\\x08iY\xc3G\x8d\x9dq\xd5u\xc1\xda\xb0a\x18\xa0\xd7\xa5T\n\xe8"\xd3F\x88\xc0\xe0\xbd\xb7^\x07\x80\xc6\xbd"9g\x8c\xf5\xed?\xa0\xeb\x81\xdd\x93\x89\x045C\xe9\xa07\x12X\xf5\xc1\xb2\x15\xef\xbf\xcb8\xd7\xeb2\xe9\xe9xg_t\x89\xb4h\xf2W\x1a\xd1\t\x9dv\x88\xe8.p\xcf\xbbn\xd6\x8e\xaam\x8cs\xbd\\\xa2\xd7\xe7\x9fw\xff#i\xdd?\x8f\xec\x13D\xe5*(\xf8f\xd3W\xef\xbe\xf1\n\x00\xe8A\xe8\x0c\x98\xbe\x0e-,t)Z\xaa/=\x10Q\x18\xe2\xa9\xc7\xfe\x84\xa8\xf4=\x96\x9e\xfc5x\xc4\x98a#GGh\xf2W:Q\xb2\xe9eYVq\xa9\xff\xe9\xbf.X\xf2\xf2\x0bB\x18J\xea\xad\xbe\xd4u\xf3\xee\xed\xd3\xbf_\xb4!J\'w;!\xa5**r=\xb9\xf0\xc1p}\xa8Y\xff\x8f\xd4\xd3\x89\xa3\rI.\xe8\x9dJ=\xa5Taaa\xc5g\x9f\xbd\xf5\xda\x7ftG\x10@\xe3\x83\xf7s\xa7\\j8\x1ct\x85\x94VtN\xa7\x91R\xca\xe3\xf1|\xb1\xae\xe2\xee[\xaf\xd1\x93~\xb9\xe0RZ\'\x9c6~\xe2\x85S\xebv\x85\x0cZ\\\xac}PR\x16y\x8bV\x7f\xfc\xc93\x8b\x1enZ\x14Z/Ep\xc69\x17\xf7\xea\xdb;\x1e\x8f2Z\x842\rP)w\x81\xe3\xd9\xbf=\x92L$8\x17\x00\xc89W\n\xbb\xf7\xee{\xe4q\xa7D\xc2\r4\x007\xad\xe8\x9cN#\xc6\x180\xb8\xf9\xaaK"\xe1z`\x8c1\x86J\xed\xb7\x7f\xd7\x9b\xefz \x1e\x8bsN=\x9b\xed\x83\xde\x93Y\xa9y\xd7\xce\x8a\xc7c\xa0\x17g\xe5\\\xa1*)\xed0u\xd6\x9c\x86H\x9c6\xa1M\x07Dt\xb9\x0b\xbe\xde\xf4\xf5\x7f\x9e_\xdc\xb4\xf6\x03c\x0c\x00\'^0\xdd_\xec\x95\x16\x8d\x8bK/*\x00\xe9bYV\xa0\xc4\xfb\xf0\xfdw\xae\xfa`\xe9\xeeI\xbf\x0c\x11\xe7\xde\xfd\xe7N\xfbuN\xc4\xe3tE\xd9NXR\x06J\xbc\xf7\xdd\xfe\xdb\xff\xad\\\xa6\'\xe8\x81\x1e\x84\xae\xd4\xec\xdf\xde\xd1\xb5\xdb\x01\x898\xad\xd0\x97\x16JJO\x91\xeb\x85\xa7\x1f\x0f\x87\x82\xfa~KO\x8e).);\xf9\x8c\xb3\x1b\xc2q\x9a\xfc\x95n\xd4\x06\xa5\x85\x94\xd2\xeb\xf3\xad\\\xb6\xfc/\xf7\xdd\xd1|\xd2\xef\xb9Sg\x1e\x7f\xeaiuu\xb4\xb2|{a\x99fi\x87\xc0\xd3\x8f/z\xecO\xf76m\xca&amp;\x84!-\xeb\x98\x13\x7f5\xf1\xc2i\xc1\xbazz\xb3\xd2\x01\x11\x1dN\xe7\x8e\xaa\x9a\x7f&lt;\xf9\xa8\x1e\x1d\x07\x00\xfaN\xeb\xb4\t\xe7\xee\xdfm\xff$\xad\x8c\x9b~T\x00ROO\xfa\x8dE\x1bn\x9e=\xc3L&amp;\x11Q\xaf\xf8\xd6\xb7\xff\x809\xb7\xcc\xaf\x0fQ\xb7f{a\x99fqi\xf1;\xaf\xbf&gt;\xf7\xeaK\x9au\xfds)\xad\x03\x0e\xecy\xfb\xfd\x8f$\x13qj\x82\xd2DIY\xe4-|\xf5_\xcfVo\xafd\x8d\xe13\xa5\xa4\xd3\xe5\x1a\x7f\xee\x94x\xcc\xa4A\xb7\x19@\x11\xa7\x9e\x94\xd2\xe7\xf7\xdc7\xef\xc6\x8d\xeb\xd7\xee\x1eO\x02\xdfM\xfa\xb5,\xba\xaei\x0f,\xcb\xf2\x97\x14\x7f\xbaj\xe5\xec\xa9\x93\xccd\x12\x01t\xa9FDO\x91\xf7\x0f\x8f=SR\xd6!\x91HRO]\x9a\x08\xc3\x08\xd7G\x9e\xfa\xebC\xc0\x98^eO\x08\x8e\x88G\x1f\x7f\xeaA\x03\x0e\x8dEi\x80\\&amp;P\xc4)&amp;-+P\x1cx\xe3\xe5\x97\xfe\xfe\xe8\x9ft\x97B\xe3\xa4\xdf9\xb7\xe8I\xbft\xf9\xdf\x1eX\x96\xe5\xf3\xf9\xbe\\\xbf\xee\xd2sOo\xec\x80V\x8a1\xc6\x180\xc6\xeey\xf8\xc9\x81C\x87\xd1\x9b\x95&gt;R\xca"o\xd1\xdb\xaf\xbf\xb2\xe9\x8bu|\xf7\xe3_}\x13p\xf6\xc5\x97(\xa5\xe8\x1a)3\xa8\x00\xa4\x12\xa2r\xb9\xdd;\xab\xaan\xbbf\xa6~\xe4\xdb8\xe9w\xf4\xd8\x19\xb3\xafm\x9a\xf4K\xec%-\xab\xc8\xeb\xdd\xfa\xedW\xd3\xcf&gt;eg\xf5v!\x84\xde\x96GwD\xdc~\xff\x82\x13~\xf5\xab\xba\xda \xbdY\xe9\xc397M\xf3\xef\x8f&gt;\x08\xd0\xb8\xfaa\xe3\xe4\xaf\xe1#\x87\x8f&gt;\xa2!\xdc@\xc3\xae2\x83\n@*)\x85\x05\x85\xee\xdb\xaf\xbfr{\xe5\x96\xa6\xbd\xc5\xbd&gt;\xff\xbc\xdf\xd3\xa4\xdf\xf6BJ\xcbST\xb4c{\xe5\xb4\x89\xa7l\xfd\xe6+}\x97\xa67\x86TR\xdep\xc7\xef\'M\x9eR\xbb\x93Z\xff4RJz\x8a&lt;\x1f\xbe\xf7\xee\xffV,c\x8c7N\xb1F\x04\x80I\x93/u8\x1d\ni\xd2u\x86\xd0Y\x9e2\xd2\xb2\x8a\xcb\x02\xcf&lt;\xfe\xd7\xd7^|N\x08C*\xc9\x19WJ\xce\x99{W\xaf\xbe\xfdjkv\x19\x0eC\xeea9\x01%\xa5\x94R\x0f\x84h\x0e\x11\xa5\x94-~JpNKF\xb7\x8e\x94\xb2\xd0\xe3\xa9\xd9Q=u\xc2I\x9b7\xae\x17\xc2\x90\xd2\xd2\xad\xbf\x94\xf2\xaa\x9b~7\xed\x8a\xabjkh\x8cVz!\x02g\xec\xef\x0b\xff\x04\x00\x9c3)A?\x81?\xb0g\xef\xa3O8\xad!\xdc \x04\xe5\x9f!\x14tj(\xa5\n=\x9e/\xd7o\xb8\xeb\x96\xabuO\x82\xbe\xa2\x1c\x7f\xfe\x94\xe9W\xce\x08\x05\xb1\xa4\xac\xf4\'~\xdc4e\xc0/\\\xae\x82\x16\xaf;\x1cN\x7f@ \x14\x1b\xe2\xbb\x16?\xda\x10S\xca\xa2U\xe3\xf6\x95\x94\xb2\xa0\xb0\xb0nW\xcd\xd4\x89\'m\\\xff\xb90\x0ci}\xd7\xfa_y\xe3\xed\xb3\xae\xbd\xb1vW\x88Z\x9f\xb4\xd2\xd3\xe3?\xfb\xdf\xc7K\xdfzM\x8f\xfa\x87\xdd+\x80\x9eu\xfe\xb4@\x89\xaf\x8e\np\x06Q\xd0\xa9\xa1\x072\xcf\xbb\xf6\xf2\xfa`\x90\x0b\xa1\x94\x04\t\x8c\xb1\xea\xca\xadS\'L\xb2L\x931\xfe\x13;\n"\xa2\xd3\xe5\xacX\xb3\x1a\x00\xf4r(zH\xe2\xc7+\xde\x9f6\xf1\x1c3\x99l&gt;p\xe8\x8a\x1b\xe6u\xeb\xd1\x8b\xb6\xc8\xd8\'R\xca\x82\xc2\x82\xfa`\xed\xb4\x89\'\x7f\xf1\xf9gM\xad\xbf\x1e\xa1{\xd5M\xff7\xeb\xda\x1b\xeav\x85\x04\x8d&lt;I3T\xca\xe92\x9e^\xf4\x17\xcb4\x9b\xee\xc0\xa4\x94\x81\x92\xd2S\xc7\x9f\xd3\x10\xa1\xc9_\x19E\x05 \x05\x10Q\x08#\x14\x0cU\xac\xfd\x941\x86\nA7\xf6\x88\xef\xbd]\xbe\xef\xbfM\xc1\xee}H\xb6Wny\xf9\x9fO\xb7\xf8\x86\x0bg\\)\xfa\x1c\x844=u\xafI)\xdd\x05\x05\xe1\xfa\xd0\xb4\x89\xa7\xac\xfb\xec\x93\xefZ\x7f\xce\x95\x94\xd7\xdez\xf7%W_S[\x13\x12\x82\xd3}UZ\xa1R\xee\xc2\xc2/\xbf\xd8\xf8\xea\xbf\x9fkZ\xfb\x81s!\xa5u\xea\x99\xe7\x1cp`W\xea\x7f\xcb0\xca:e\x18gN\xa7[Ogoz\x91s\xfe\xd3\xd7\xfe\xcd\x7f\x81B\xa5\xb7\x04\xf8\xee%\xc6\xf4\nY\xcd_\x14\x86\x01\xf4&lt;y\xafI)\xddnw\xb4!&lt;\xe3\xecS\xd7~\xbaJ\xcf\xf2mj\xfd\xaf\xbf\xfd\xde\x19\xb3\xaf\xdeU\x13\xa2\x11\x9f\x19\xa0\x94*,t&gt;\xff\xf7\xc7\xa2\r\x11}\xf9\x0f\x00JI\xa7\xd35\xfe&lt;\x9a\xfce\x03*\x00\xa9\xc4\x18\xe3B0\xc6\x11\xbf\xab\x01\xb8W\xad?0\xc0=4\xeb-_\xa5\xb6\x7f\xefI)]nw&lt;\x1e\x9d1\xe9\xb4\xd5\x1f\xafh\xeas\xd0\x83On\xb8\xe3\xf7\xd3\xae\xbcjWM\x90\xfa\xfd3\x00\x11\x9d.\xd7\xb6\xad\xdb_xz\x91\xdej\r\x00\xf4(\xac\xb1\xc7\x9dt\xf0a\x03CA*\xc3\x99F\xe7}*E\xc2!%%@\xca\x06\xb1\xe9Q@-^TRRO\xc5\xdePR\xba\\\xaed"~\xc9\xa4_}\xb2ry\x8b\x9e\x9f\xdf\xfe\xdf\x1f\xa6\xcc\xba\xb2\x96Z\xffLQRz\x02\xde\xa7\x1e\xfb\xf3\xae\x9d;\x9a\x96]\xd2e`\xd2\xc5\x97\xd2\xe4/[\xd0\xa9\x9f\x1a\x88\xc89\x1f9\xf6\x98\xba]5\x8c\xf1\x1f\x0e\xe8\xfc\xd9\x1fw8\x8co\xbf\xda\\\xb9\xe5\x1b=\x83L\xff\xbb\xa4\xacc\xdf\xfe\x87X\x96l\xfe\xd9(\xf2\xfa\x94\xa2\xf5$~\x86\x92\xd2\xe9rY\x96y\xe9\xb9\xa7\xaf\xfa\xf0\xbd\x16\xad\xffM\xf3\x1f\x98r\xf9,\xba\xf6\xcf$\xc3\xe1\x08\xd6\xd5?\xbd\xe8\x11\xbd\xe06\x00p!\x94\x94\x83\x86\x1e~\xf8\x98\xb1\r\x11\x9a\xfce\x03:\xfbS@\x0f\x01r:]\x7f\xfc\xeb?Z\xd7.[\x96\xd5\xa1\xa3\xe3\x8e\xebo}\xf0\xee\xdb\x84\x10\x96e\xe9\xb1\x89#\x8f8z\xc13O\x07\xeb\xac\xe6\xb7\xc6\x89x\x8c\x86\x00\xfd4\xa5\xa4\xc3\xe9\x94\xd2\xba\xec\xbc_\xaf\\\xf6\xaea\x18V\xe3\x98\x1f\xa6\xa4\xbc\xe5\xae\x07/\xbe\xec\xf2];\xe9yc\xe6Hi\x05\x8a\x03\xcf?\xf5\xb7o\xbf\xfa\xb2i\xdd\xbd\xa6\xc9_N\x973\x1a\x8dR1\xce&lt;J&lt;\x95\xa2\r\x91\xd6\xfd\xa0eY\x05\x05\x81d2\xd9\xf2u\xd3\x8c\x84UC$\xdc\xbc\x00\xd0"Y?M)\xe5p8\x00\xf0\xf2\x0b\xc7\x7f\xb0\xf4\xad\xef\xb5\xfeJ\xcd\xbd\xfb\xcf\x17]z\x19\xb5\xfe\x19\xc6\xb9\x88\xc7\x13z\xf2W\xe3\xda\x0f\x9c+\xa5\x0e\xe8\xde\xf3\x98\x13\x7f\x15\xa1\xc9_6\xa1\xd0S\xa9\xd5M3\xe7\x9cs\xfe\xc3\x8bz=MIk\xf3\xd1\xe5\x05\xa5\x94a\x18\x8c\xb1\xcb/\x18\xff\xfe\xdb\xe5M\xad\xbf^\x8a\xe3\xe6\xbb\x1e&lt;\x7f\xfae;\xaaj\x84\xb1\xc7Y\xd9?\xe1G\xdf#\xf2\xb3\x94\x94^\xbf\xef\xed\xd7_Y\xfb\xe9*=A\x12\x9a&amp;\x7f\x9d7\xb5\xa4\xd4O\xa3?\xedB\xa1\x93\xdc\xa1\xf7\x18\xe1\x0c\xae\xb8x\xe2\x7f\xdf|U\xb7\xfez3\xceB\x8f\xe7\x8e?&lt;z\xfe\x94\x89\xbbj\xb1\xb4CY\xeb~\x7f\xb4!F\xaby\xb7\x0e"\xfe}\xe1\x83\xb0\xbb\xdd\xd7\xfb\xbf\xfb\x03\xc5\xa7\x9du.M\xfe\xb2\x11\x15\x00\x923\x901&amp;\xcd\xc4\xd5\x97]\xfc\xf6\xeb\xffil\xfd\x01X\xe3B\x1d\xdeOW}\xf8\xde\xdb\xe5\x9cs\xb6\xefCi\xf5=\xc4\xe4\xcb~\xd3\xadgoz\x00\xb3O\x94R\x9e\xa2\xa2\xff\xad\xf8`\xf9\xd2\xb7\x18\xe7R~7\xf9\xeb\xe43\'u\xeb\xd1\x8d.\xffmD\xb9\x93\x1c\xa1\xa4\xf2\xfa\xfd\xef\xbe\xf1\xea\x92W\xfe\xd5\xd4\xfa\xc3\xee9\xd5;\xab\xb7\xff\xed\xe1?\xb4\xf1\x7fq\xea\xf8sz\xf5;\x98\xb6\x08\xde\'\x88h8\xc4\xe2\xc7\x1eRR\naH\xd0+\x9dH\x87\xd3y\xd6\xf9S\xe3q\x9a\xfce\'*\x00$\xd7|7\xc8\xa4\x99\xdds\xaa[I\xdf\x01\x18\x86Akz\xef\x13T\xaa\xa0\xb0\xe0\x8b\xcf?\x7f\xe3\x95\x17\x18cR\xe9-\x97\x85\x94\xf2\x88cN\x1c0pP(H\xbb\xee\xd8\x89\n@\xbb\xc2~\xc8\xeeC\xca&gt;zN\xc6\x0f\xa3\xd3+\xcf\xb4N\xd3c\xe4\xb6\x1dZ\xdeQJ\x15\x14:\x9f{\xf2\xd1D&lt;n\x18\x0e)-`L\xa78i\xf2\xa5\xa8h]s\x9bQ\x01hG\x94\x92\x88h\x99&amp;\x02\xe8\x1e\x0c\xb9\xbb\x1f\x83\xec%\xddL\xb7b\x84\xcf\xcf\xfe\xda\xa6\x7f\x93\xbd\x84\x88\xae\x82\x82\xaf7}\xfd\xcf\xa7\xfe\n\x00\x96e\xee~]\x1e\xfa\x8b\xa1#\x7fyT$\x12\xa1\xc9_\xf6\xa2\x02\xd0^ bAA\xa1\xd7\x1f0\x84\xb0\xa4\x14\\H%=^/5:{\x0f\x11\r\x87\xc3\xeb\x0f\xfch/P[P\x17P+(\xa5\n\n\\\xe5\xff\xf9\'\x00\x04\x8aK\x1b\xfb\x7f\xb8\x90J\x9e?\xfd\n\xa7\xdb\x19\x8b\xc5\xa8\xff\xc7^T\x00\xda\x05\xc30\xeaC\xd1IS.=\xf3\xdc\x8b\x811@\x04\x06\x80`8\x9c\xd1\x86(}H\xf6\x06\x17"\x16\x8d\x0e\x1c&lt;\xfc\x95\xf7\xd7\xa4\xe9\x7fQX\xe4M\xc4c4\'c/\t!"\xe1\x86S\xce\x9ct\xf2\x19g\x034\xce\xfbE\x00\x06\xe0\x0b\x14G\xea#tb\xdb\x8e\n@{\xa1\xef\x00&lt;\x9e"\xfd\t\xd1\xffV\x88*\xd5\xbd\x199L\xdf\x01\x14\x97\x96azV\xcb\x93R\xd2\x1d\xc0&gt;AD\x7f\xa0\x841h\xf1\x8eX\xd4\xb7\xd9&gt;P\x01hG\x94j\xb9\xfd/\xec\x9e8C\xf6\x12"\x9a\xa6\x99\xa6_N\xefE+4u\xfd7GI\xb6\x13T\x00\xda\x15\xfa\\\xa4\x00\x85\xd8\xae\xd0\xdb\xd1\x9eQo&amp;!\x84\xe4)*\x00\x84\x10\x92\xa7\xa8\x00\x10BH\x9e\xa2\x02@\x08!y\x8a\n\x00!\x84\xe4)*\x00\x84\x10\x92\xa7\xa8\x00\x10BH\x9e\xa2\x02@\x08!y\x8a\n\x00!\x84\xe4)*\x00\x84\x10\x92\xa7r\xa4\x00\xd0t\xf3\x0ck\x118\xe5\x9fa\x94\xbf\xbdr&amp;\xf0\xec.\x00\x88\xa8\x97}7\xcd$\xad\xd2\x98I\xa6\x99\x04\xca\xdf&gt;\x94\xbf\xbdt\xfe\x00\x90\xdam\'2/[\x0b\x80\xde\xa0\xc3\xe7\xf3\xf5\xe9\xd3\x1b\x00\xd6\xaf]mZ@\x0b\xb5g\x80Bt8`\xfd\xda\xd5\x00\xd0\xa9S\xa7^\xbd)\xff\x8c\xa2\xfc\xed\xa5\xf3\xffb\xedg\x00\xe0\xf3\xf9\xfb\xf4\xe9\x03\xd9|C\x90\xc5g\x8c\xde\xa1\xa9\xac\xac\x0c\x00\x82\xc1\xdad&lt;\x91\xbdoCvQ\x08\xbbjv\x00\x80\xd7\xeb\xed\xd4\xa9\x13P\xfe\x99E\xf9\xdb\xab)\x7f\x8f\xa7\xb0\xb8\xb8\x18\xa8\x00\xd8B\xdf|\x1dv\xd8@\x00\xf8v\xf3\x975\xd5\xdb\x9dN\'\xed\xd7\x91n\x9c\xf3D\\\xea+\xd0\x01\x03\x06\x1c\x7f\xdcq\x00\xb0\xe5\xabM\x94\x7ffP\xfe\xf6\xd2\xf9W\xac\xfd\x14\x00\xfa\xf4\xe9\xe3\xf1x\x94RT\x00l\xa0C\x1f:t\x08\x00\x84\xebC\x9b6\xaew\xba\x9c\x98\xe5]r\xed\x1c":\x9d\xce];\xaa\xbe\xde\xb4\x01\x00\x06\x1cz\xe8\x981c\x80\xf2\xcf\x14\xca\xdf^-\xf2\x1f4hP\xcaw\x9f\xce\xb0,.\x00\xba\xc7s\xe4\xc8\x91%%%J\xa9e\xef.1\x0c\xa6\xe8\n(\x9dP)w\x81\xeb\xd3U\x1f\xd6\xd6\xec\xe4\x9c\xffr\xcc\x98\xe1\xc3\x87\x07\x02\x01\xca?3(\x7f{\xb5\xc8\xff\xb8\xe3\x8e\x83l\xee\xff\x81\xac.\x00\x8c1\xa5T\xe7\xce\x9d\x07\x0e\x1c\xc8\x18\xfb\xef\x92W\xeaCQ\xc3\xa0=\xce\xd2H!\n\xc1\xde|\xf5ED\x0c\x04\x02C\x86\x0c),,\x1c4h\x10\xe5\x9f\x19\x94\xbf\xbdZ\xe4?z\xf4h\x80\xec~\xf6\x9e\xc5\x87\x0e\xbb\x1f\x03L\x9cx6"~\xbdi\xe3\xcae\xefx\x8a&lt;?\xdcV\x97\xa4\x04"\xba\xdd\xee-\xdfl}\xff\x9dr\x008\xfe\xf8\x13\xf4\x13\xb0\xb3\xcf\xa6\xfc3\x81\xf2\xb7\xd7\x0f\xf3\xf7\xfb\xfdRJ\xba\x03\xb0\x8d\x10\x02\x00\xc6\x8f?\xb3S\xa7N\x88\xf8\xe8\x83\xf7d\xf5\x03\x99vNJ\xe9\xf1\xba\x9f\xfe\xebC\xbbv\xee\x10BL\x9f&gt;M\x0f\xc6\x1d?~&lt;\xe5\x9f\x01\x94\xbf\xbd~4\x7f\xbb\x0f\xaa\xad\xb2\xbb\x000\xc6,\xcb*--=\xef\xbc\xf3\x10\xf1\xa3\xe5K\x97\xbe\xf9\x86\xcf\xe7\xa5\x8b\xa0\x94CD\x97\xdb]\xf9M\xe5\xb3O,d\x8c\xfd\xe2\x17\xbf8\xf2\xc8#\x95RRJ\xca?\x03(\x7f{\xed)\x7f}\r\x9a\xbd\xb2\xbb\x00\x00\x00\xe7\x1c\x11\xa7O\x9f\x1e\x08\x04\x00`\xc1\x1f\xe6K\xba\x08J\x03iY&gt;\x9f\xfbo\x0f\xff\xb1nW\r\x00\\s\xcd5\x00\x80\x88\x94\x7ffP\xfe\xf6\xdaS\xfev\x1fW[\xe5B\x01PJ\xf5\xed\xdbw\xf6\xec\xd9\x88\xb8\xea\xc3\xf7\x1e\xff\xcb\x1fK\xcb|\xa6i\xda}h\xb9CZ\x96?\xe0\xff\xf0\xbd\xe5O,|\x00\x00\x8e8b\xec\x84\t\x13\xf4\xe5\x0f\xe5\x9f\x01\x94\xbf\xbd~"\x7f\xbb\x0f\xad\xadX\x0e\x141\xbd"J$\x12\x19&lt;x\xf0\xe6\xaf\xbe\xf2x&lt;O\xfc\xfb\x9dC\x07\x0f\xa9\x0f\x86\x04\r\x8ah3T\xcap8,3y\xf6\x89c6\xae\xff\x9cs\xb1b\xc5\x87\x83\x07\x0f\xd6\x97\x9f@\xf9\xa7\x19\xe5o\xaf\x9f\xcd?\xabe\xfd_\x00\x00\x18c\x8c1\xbf\xdf\xbfx\xf1bC\x88h$r\xfd\xe5\x17\xd5\xd6\xect\xba]\xd4\x19\xdaF\x88\x88\x88n\xb7\xeb\x96\xab/\xdbP\xb1\x16\x11\xef\xbd\xf7\x9e!C\x86(\xa5\x9a\xce~\xca?}(\x7f{\xedM\xfeY-\x17\xfe\x0e\x00\xc09\xb7,k\xc4\x88\x11\xf7\xdcs\x0f\x02l\\\xff\xf9\xb4\x89\xa7\x08\xce]n\xb7\xb4,\xbb\x8f.[)\xa5\x10U\xc7\xce\xfe[\xaf\x9d\xf5\xf2?\x17\x03\xc0\xf8\xf1\xe3g\xcf\x9emYV\x8b\x9b_\xca?\x1d(\x7f{\xed}\xfe\xd9+G\n\x00\x00\x18\x86aY\xd6\xec\xd9\xb3\xa7M\x9b\x06\x00k&gt;\xf9h\xcaY\'\x85CA\xaf\xdfO\xfd\xa1\xad -\xcb\xe1p\x14\x15y\xaf\xbf\xfc\xf2g\x16\xfd\x05\x00\x86\r\x1b\xb6`\xc1\x82=u}R\xfe\xa9E\xf9\xdbk_\xf3\xcfR\xb9S\x00\x00@\x08\xa1\x94Z\xb0`\x81\xfe\x0c|\xf8\xde\xdb\xd3&amp;\x9e\xf4\xd5\xc6\xf5e\x1d\x8a\xa5\x94Y\xbddG&amp;!\xa2e\x9a^\xbf\xdf4\x13\xd7^v\xd1S\x8f\xfeY)\x1c6lXyy\xf9O\xaf}H\xf9\xa7\x04\xe5o\xafV\xe7\x9f\x8dr\xe1!ps\xfa\x81\x98\x10b\xfa\xf4\xe9\x0b\x17.\x04\x80@q\xe9o\xe7\xff\xe1\xf4\x89\xe7\x99\xa6\x8cF\xc2\x8c\xf3\xdc\xe8\xbcK\x07D\x94R\xba\xdcn\xaf\xd7\xbdr\xd9\xf2\xb9s.\xd3\xabN\x0e\x1f&gt;\xfc\xf5\xd7_/..\xfe\xd9\xaeO\xca\xbf-(\x7f{\xb5=\xff\xac\x93k\x05\x00v?\xb7\xe1\x9c\xdfv\xdb\xad\xb7\xdez\x9b~\xf1\xa4\xd3\'\\\xf2\x9b\x1b\x0e&gt;lP2iE\x1b\x1a\x00\x90s\x91K\x95\xbc-\x1a7\x96Bt\xb9\xdd\x9e"\xf7\xd6o+\x9fz\xec\xcf\x8b\xfe|_2\x99\x04\x80\t\x13&amp;&lt;\xfc\xf0\xc3{\x7f\xf6S\xfe\xfb\x8a\xf2\xb7Wj\xf3\xcf.9X\x00\xa0\xd9g\xa0\xbc\xbc|\xf2\xe4)\xdb\xb6U\x02\x80\xdb\xed&gt;\xe9\xd7\x13/\x98q\xc5!\x03\x073\x06\xf1X2\x99L(\xa5\x10\x91\xe5\xdfG\x01\x01\x10\x911`\x8c;\x9c\xce\x82\x02\xb7\x10\xb0\xe5\x9b\xad\xcf=\xb1\xe0\xb9\'\x16\xee\xac\xae\x02\x00\xa7\xd3y\xd7]w\xcd\x9e=\x1b\x00\xf6\xe9\xec\xa7\xfc\x7f\x16\xe5o\xaf\xb4\xe6\x9fEr\xb3\x00h\x96e\x19\x86\xb1m\xdb\xb6\x9bn\xbai\xf1\xe2\xa7\x13\x898\x00\x14\x14\x14\x8e:\xf2\xd8\xa3\x8e?u\xc4\x98\xb1\x9d\xf7\xef\xe6.p\t\x01\x96\x05\xb9\x1b\xc3\x1e9\x1c\xa0\x14$\x93rgu\xd5\xeaU\x1f\xbc\xfb\xc6\xab\xef\xbd\xfd\xfa\x8e\xaa\xed\xfa\xab\xe3\xc6\x8d\xbb\xfd\xf6\xdbG\x8c\x18\xa1\x97\x97iE\x13A\xf9\xff4\xca\xdf^\xe9\xce?+\xe4r\x01\x00\x00)\xa5~d\xbfb\xc5\x8a\xf9\xf3\xe7/Y\xb2$\x1a\x8d\xea/y}\xbe\x9e}\xfa\xf7\xea\xdb\xbf\xcb\x01\x07t\xefuPqI\xa9eY\xb9\xfa6\x7f\x1f2\xc6M3\xb9~\xed\xea\xda];7\xac[\xb3iC\xc5\xae\x9d;\x9a\xbe&lt;j\xf4\xe8\xcbg\xce\x9c4i\x124\x0b\xb0u(\xff\x1fC\xf9\xdb+s\xf9g\x01\xccuJ)\xcb\xb2\xf4\x9f\xd7\xacY3g\xce\x9c\xee=z\xd8\x9dz{\xd4\xb1c\xc7\x0b.\xbc\xf0\x8d7\xde\xd0YI)\xa5\x94\x94\x7f\xc6P\xfe\xf6JS\xfe\xed\\\x8e\xdf\x014\xd1}\x9d\xba\x98\x87\xc3\xe1\x8a\x8a\x8ae\xcb\x96}\xfc\xf1\xc7k\xd6\xac\t\x06C\xdb\xb7o\xcb\xbf9\x93\xacc\xa7\x8e\x1e\x8fg\xd0\xa0A\x87\x0e\x180b\xc4\x88!C\x86t\xe8\xd0\x01\x9a\x8d$I\xe1\xff\x8c\xf2\xff\x01\xca\xdf^\x19\xcd\xbf\xdd\xca\x97\xa5B\xf4\xf6a\x88\xc8\x18\xf3z\xbd\xc3\x86\rs8\x1c\x9c\xf3\xba\xba:.\xc4\x8e\x1d\xd5yR\x08wc\x00\xe0\xf7\xf9JKK\x87\x0c\x1e&lt;r\xe4\xc8!C\x86x\xbd^\xfd5)e\xca\x9fwQ\xfe\xdfG\xf9\xdb+\xd3\xf9\xb7_\xb6\xdcwdX\xd3-p"\x91x\xf1\xc5\x17\xcf8\xe3\x8c\xae]\x0f\xb0;\xf8\xf6\xc5\xe7\xf3\x1ds\xec\xb1\x0b\x16,\xa8\xae\xae\xd6Y\x99\xa6\xa9\x9b\x0c\xca?\x03(\x7f{\xa55\xff\xf6,\xc7\xbb\x80\xf4\xdf\x8e1\x16\n\x85\x16.\\\xf8\xe4\x93O~\xf6\xd9gM_-\xf2z;\xef\xdf\xadC\xa7N\xdd{\x1d\x14()\x91Vv\xef\xee\xb6\x97\x10\x901f\x99\xe6\xfa\xb5\xabC\xc1\xba-_o\n\xd6\xd56}\xb5s\xe7.\xe7\x9e{\xce\xd4\xa9S\xfb\xf5\xeb\x07m\x1e\xfdF\xf9\xff\x10\xe5o\xafL\xe6\xdf\xfe\xe5r\x01hz\x82\xbfh\xd1\xa2\xbb\xef\xbe{\xfd\xfa\xf5\xfa\xf5.]\xbb\x1d~\xc4\xd1c\x8f=\xf1\xa0\x01\x83:v\xea\xec)\xf2\n\x03r\xfa]\xfe\x11\x88`Y\x90\x88\'v\xed\xac\xda\xf8\xc5\xba\xe5\xef.Y\xf6\xce\x92\r\x15k\xf5WKJJf\xcd\x9au\xd5UW\xf9\xfd~=\x9a\xb0\x15\xff\x0b\xca\xff\'P\xfe\xf6\xca@\xfeY!g\x0b\x80&gt;\xfb\xb7m\xdb6y\xf2\xe4\xf2\xf2r\xfdb\xdf\xfe\x03.\x981k\xdc\xc9\xbf.\xed\xd0\x01\x11\x12\x89\xa4\x994\x95\x92\x88*Gc\xd8#\xa6\x97\x11\xe6\xdc\xe1p\xba\xdc.\xc3\x80p}t\xe5\xf2\xff&gt;\xfe\xd0\xfd\xcb\xde]\xa2\xbf\xa7_\xbf~\x8f=\xf6\xd8\xe8\xd1\xa3[1\x14\x9a\xf2\xffi\x94\xbf\xbd\xd2\x9d\x7f\xb6\xc8\xcd\x02\xa0\x8bvyy\xf9\xe4)S\xb6UV\x02@\x8f\xde}\xa7\\&gt;\xe7\xe4_O\xf4\x05|\x91p\xd44\x93\x00\x8cs\xce\x18\xe8\'By\x0b\x11Q\x0f\x111\x0cOQ\x91\x94j\xd9;o&lt;\xfa\xe0\xdd\x1f\xbe\xf7\x0e\x008]\xae\xbb\xee\xbcs\xf6\xec\xd9\xfb\xf4\x19\xa0\xfc\xf7\x1e\xe5o\xaft\xe4\x9fEr\xb0\x00\xe8\xb3\x7f\xe1\xc2\x85\xd3\xa7O\xd7\xaf\x9c3\xf9\xb2\xd97\xdeV\xd6\xb1,\x14\x8cH\xcb\xe2\x82VA\xf9qRJ\xc6\x98\xd7\xe7\x93\xd2zr\xc1\x9f\x1e\xb8sn$\\\x0f\x00\xd3\xa6M[\xb0`\x81\x1e\x1d\xf1\xb3\xd1Q\xfe\xadF\xf9\xdb+%\xf9g\x97\\+\x00\xfa\xce\xb7\xe9\xec\xf7\x07Jn\xb9\xfb\xc13&amp;\x9dS\x1f\x8a&amp;\x93\xc9\x1c\xee\xcbK!\xfd1(-\xf3}\xbc\xe2\xa3\xdf^1m\xfd\xe7\xaba\xf7g\xe0g\xaf\x83(\xff\xb6\xa3\xfc\xed\xd5\x96\xfc\xb3NN\x15\x80\x16g\x7fY\xc7\xfd\x1e|\xfc\xf9QcG\xef\xa8\xaa\x13\x86\x91Ko[\x06\x98\xa6\x19(.\xde\xb5\xb3\xfa\x92s~\xb5\xfa\xe3\x15\xd0\xec:hOsd(\xff\x14\xa2\xfc\xed\xd5\x8a\xfc\xb3Q\xee\x14\x00\xfd\xc6\xbc\xf9\xe6\x9b\xe3\xc6\x8d\x03\x80\xe2\xd2\xb2\xe7\xca?8\xb0g\xefP]\x9d\xe1p\xd8}tYIZ\x96\xd3\xed\x12\\\\|\xe6\xf1+\x97\xbd\x0b\x00\xb7\xdez\xeb\xdc\xb9s\x7ft\\\x04\xe5\x9fr\x94\xbf\xbd\xf6)\xff,\x95#\x05@\x0f\xd7\xad\xae\xae\x1e8p\xd0\x8e\x1d\xd5&gt;\x7f\xe0\xe1\xc5\xff\x19r\xf8\xe8P0h\x18t\xf6\xb7\x9e\x94\xd2\xe5vEB\xa1)\x13N\\\xf7\xd9\'\x8c\xb1\xf2\xf2\xf2q\xe3\xc6\xb5\xb8\x0e\xa2\xfc\xd3\x84\xf2\xb7\xd7^\xe6\x9f\xbdrd\xf4/"J)\xcf?\xff\xfc\xea\xea*\x00\xb8\xf9\xce\x07G\x8d\x1d\x13\xac\xa3\xb3\xbf\xad\x84\x10\x89X\xbc\xa4C\xc7\xdf/X\xec\x0f\x14#\xc2\xf9\xe7_PUU\xa5\x97\x16h\xfa6\xca?M(\x7f{\xede\xfe\xd9+\x17\n\x80\xae\xc6\x8b\x17/^\xb2d\t\x00\x9cu\xfe\xd43\xcf;\xb7\xba\xaa\xceAw\xbe\xa9 \x0c#\x14\x0c\xf6=\xf8\xa0\x1b\x7f\xf7\x07\x00\xac\xae\xae\xba\xe1\x86\x1b8\xe7M\xf7\x8e\x94\x7fZQ\xfe\xf6\xfa\xd9\xfc\xb3Z\xd6w\x01\xe9\x15-\x82\xc1\xe0\x88\x11#6o\xde\xdc\xf5\xc0\x1e\xcf\xbf\xb9\xd2\xe5r\xebG\xf9v\x1f]\xee\x90R\x06\x8a\xfd\x97\x9dw\xe6\x1b/\xbf\xe0r\xb9\xde{\xef\xbd\xa1C\x87""c\x8c\xf2\xcf\x00\xca\xdf^{\xca?\xdb\x17\x8a\xc8\xee\xa3\x87\xddK\xf7-Z\xb4\xe8\xcb/\xbfTJM\x9dumY\xc7\x92d2Ig\x7fj1\xc6\xcc\xa45\xf3\x9a[\\nw"\x91\x98;w\xaenz(\xff\xcc\xa0\xfc\xed\xb5\xa7\xfc\xed&gt;\xae\xb6\xca\xee\x02\x80\x88B\x88X,\xb6h\xd1"\xc6X\x8f\xde\xfdN\x1d?)T\x17\xc9\x99g\xf4\xed\x07\xe7&lt;\x12\x89\x0c\x184\xf0\xf8S\xcf\x04\x80\xa5K\x97VTT\x08!8\xe7\x94\x7f\x06P\xfe\xf6\xdaS\xfe\xd9\xfe$ \xbb\x0b\x80\x9e\x97\xf1\xe6\x9bo~\xfe\xf9\xe7\x88x\xf1e\xbf\xf1\xf9\xbd\xd2\xb2\xec&gt;\xae\xdc\xc49O&amp;\xcc\xc93\xe7\x14\x14z\x1a\x1a\x1a\x1e}\xf4Q\xfd"\xe5\x9f\x19\x94\xbf\xbd~4\x7f*\x00\xf6{\xfc\xf1\xc7\x19c\x1d;w9\xee\x943"\xe1(\xcf\x89\xe1Y\xed\x10\xe7\xbc\xa1!:`\xd0\xa0\xe1\xa3\x8f`\x8c=\xff\xfc\xf3\x91H\x04\x00\xf4\xe5\'\xe5\x9fn\x94\xbf\xbd~\x98\x7f4\x1a5\x0c#\xab;\x82\xb2\xb8\x00\xe8\xfe\x9fP(\xb4r\xe5G\x888\xea\x88c\xcb:\x96\x99\xa6I\xbd\x9fi\x84\xc8\x18\x1cs\xe2\xe9\x88XY\xb9m\xdd\xbau\x96e\xadX\xb1\x82\xf2\xcf\x10\xca\xdf^\xdf\xcf\x7f\xf5\xea\xd5\x90\xe57\x01Y\\\x00t\xee\xabV\xad\xda\xbau\x0b\x00\x8c\x1dw\x92\xddG\x94\xfb\xb8\x10\xb1X\xf2\xf01G\x15y}RZK\x97.]\xb3f\xcd\xb6m\xdb\x80\xf2\xcf\x08\xca\xdf^-\xf2\x7f\xed\xb5\xd7a\xf7\xae;Y*\x8b\x0b\x80\xce}\xe5\xca\x8f\x00\xa0\xd0\xe3\xe9?``"\x9e\xcc\xf6QY\xed\x1cc,\x99Ht\xee\xda\xed\xc0\x9e\xbd\x01`\xf5\xea\xd5\xcb\x96-\x03\x00\x8f\xa7\x88\xf2\xcf\x00\xca\xdf^-\xf2_\xb5\xea#\x00\xc8\xea\xcc\xb3\xf8\xd0\xf5\xad\xee\xc7\x1f\xaf\x02\x80\xae\xddzt\xea\xbc?\xdd\xfff\x80R\xaa\xa0\xd0\xd5\xef\x90\xc3\x00`\xf5g\x9f\xbd\xfa\xdak\x00\xd0\xa5\xdb\x81\x94\x7ffP\xfe\xf6j\x9e\x7fEEE$\x12\xc9\xeaIaY&lt;\\L\x8f\xc3\xdd\xb9s\'\x00\x94\x94u(,\xf2F\xc2\xf5Y]\x8d\xb3\x02"\n\x01\x9d:\xef\x0f\x00u\xb5\xb5\xba#\xae\xa4\x94\xf2\xcf\x10\xca\xdf^:\xff\xfd:w\x05\x80`0\x14\x8b\xc5\x8a\x8a\x8a\xec&gt;\xa8\xd6\xcb\xd6\x02\xa0\xe7\xe0\x05\x83\xc1\r\x1b6\x00@\xaf\xbe\x07\x1b\x06fo\x1d\xce"\x9c1\xcb\x82^}\x0f\x06\x80\xea\xea\xea\x9a\x9a\x1a\xa0\xfc3\x88\xf2\xb7\x97\xce\xbfg\xdf\xfe\x00P_\x1f\xaa\xa8\xa8\xe8\xd0\xa1\x83R*K\xd7\x86\xcb\xd6\x02\xa0!\xa2iZ\x00P\\R\xcay.L\xcc\xcb\n\x88P\\R\n\x00\x96e\xe9+P\xca?\x93(\x7f{5\xe5\xaf\x94\xb2\xb2|\xd6E\xd6\xdf0\xeaN\xcfl\x7f\x1b\xb2\x8e\x0e\xbciw$\xca?\xc3(\x7f{5\x05\x9e\xed\x0f]\xb2\xbe\x00h\xd9\xfe6d\x9d\x16\x81S\xfe\x19F\xf9\xdb+g\x02\xcf\x91\x02@\x08!d_Q\x01 \x84\x90&lt;E\x05\x80\x10B\xf2\x14\x15\x00B\x08\xc9ST\x00\x08!$OQ\x01 \x84\x90&lt;E\x05\x80\x10B\xf2\x14\x15\x00B\x08\xc9ST\x00\x08!$OQ\x01 \x84\x90&lt;E\x05\x80\x10B\xf2\x14\x15\x00B\x08\xc9ST\x00\x08!$Oe\xf7~\x00\x84\xec\x13\xdc\r\x00A/\x9e\xcf\x00\x801\x00\xc6y\xce,\xf1H\xc8^\xa2\x02\x90F\xbb\xdb\x9a6a\x0c\x18\xa3\x1b\xb5\xd6CDT\n\x019\x17\x0e\xa7\xd3\xe1p\n\xc1\x1</t>
        </is>
      </c>
    </row>
    <row r="27">
      <c r="A27" s="1" t="n">
        <v>25</v>
      </c>
      <c r="B27" t="inlineStr">
        <is>
          <t>size_grid</t>
        </is>
      </c>
      <c r="C27" t="inlineStr">
        <is>
          <t>What is the size of the missing part denoted with a question mark?</t>
        </is>
      </c>
      <c r="D27" t="inlineStr">
        <is>
          <t>['large', 'small', 'medium']</t>
        </is>
      </c>
      <c r="E27" t="inlineStr">
        <is>
          <t>medium</t>
        </is>
      </c>
      <c r="F27" t="inlineStr">
        <is>
          <t>There are circles arranged in a grid formation with varying sizes in the image. The sizes in the first row are ['medium', 'large', 'medium'], the sizes in the second row are ['large', 'small', 'large'], and the sizes in the third row are ['medium', 'large', '?'].</t>
        </is>
      </c>
      <c r="G27" t="inlineStr">
        <is>
          <t>We observe that the circles at the corners are medium size, while the circles directly adjacent to the center are large size. Only the center circle is small size. Hence, the pattern is that the circles alternate in size depending on if they are at the corner or adjacent to the center.</t>
        </is>
      </c>
      <c r="H27" t="inlineStr">
        <is>
          <t>Based on the pattern that the circles alternate in size depending on if they are at the corner or adjacent to the center, the size of the missing part that is at the corner should be medium.</t>
        </is>
      </c>
      <c r="I27" t="inlineStr">
        <is>
          <t>b'\x89PNG\r\n\x1a\n\x00\x00\x00\rIHDR\x00\x00\x02\x00\x00\x00\x02\x00\x08\x02\x00\x00\x00{\x1aC\xad\x00\x00n\x9dIDATx\x9c\xed\xddy|\x14E\xfa?\xf0\xa7\xba{f2\xb9\'\x07\xb7\\\x92\x03C\x08\x04\xc2-\x12n\x16]\xdd\x059\x94+\x11"?\x147(\xa2\xb8\xae\xb7\xbb\xca!\xe8\n*A\x82"\xc2\x17\xd7\x15\x14\x16\xc2!\xca)F\x02&amp;\x81\xc0\x10\x8e@\xc8\x05\xe4\x1ar\xcdtU\xfd\xfe(\x99\xcd\x02*W2=\xd3\xcf\xfb\xf5}\xf9\xdao2\x19:\x93\xa7\xebSU]]M8\xe7\x80\x10BH\x7f$W\x1f\x00B\x08!\xd7\xc0\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R\\}\x00\x0856\xce\xf9u\xbfN\x08i\xe4#A\xc8\xb50\x00\x90\'\xe3\xf5\x00\x80$I\xce\xff^\x8b1\xe6\xfc/\xa9\xa7\x11\x8f\x17\xa1FE~\xad7\x84\x90\x9b\x12\xcd=c\x8c\x10"\xcb\xf2\xb5/`\x8cUTT\x10\xf2K\xf1\x8b\xff\xe1\xe5\xe5e6\x9b\xaf\xfbb\xf1V\x92$a\x18 \x0f\x83\x01\x80&lt;\x84h\xf49\xe7\x8a\xf2\xdfq-\xa5\xb4\xa0\xa0 777++\xf3\xe2\xc5\x8b\xe9\xe9?\xa9\xaaZ\\TTT\\D\x80p\x10\xc5O\x00\xb8\xaf\x8fo\x87\xb0\x0e\x9cCtttHHH\xf7\xee\xdd\xef\xba\xeb\xae6m\xdax{{\xd7\x7f7\x00\xc0$@\x1e\x03\x03\x00\xb9=\xce9\xa5\xd4\xd9\xeeSJ\xadVkZZ\xda\x9e={\xacVk^\xde\x99\xcaJ\xdb-\xbc\xad\xc9dl\xd1\xa2EDDD\xaf^\xbd\x87\x0e\x1d\x1a\x13\x13\xe3\x0c\x03UU%I\xfa\xb5\xa9$\x84\xdc\x05\x06\x00rc\xa2K.\xe6y(\xa5\x07\x0e\x1cX\xbf~\xfd\xe6\xcd\x9bO\x9c\xb0\xd6\xd5\xd9\xeb\xbf\xd2\xcf\xcf\xc7\xc7\xc7\xfb\x9e\xf0\xb6\x92"\x07\xf8\xf9t\xee\x1c\xce)\x13\xddx\xce9Q\x0cyg\xf2\xcf\xe6\x17\x11Y\xce\xcd=[Yy\xf9Ri\xf9U\xffV\xbbvm\xe3\xe3\x07&gt;\xf8\xe0\x83\x03\x06\x0c\xf0\xf7\xf7\x87+c\x0e\x1c\x10 \xf7\x85\x01\x80\xdc\x12\xa5\xd4\xd9\xf2\xe6\xe7\xe7\xaf]\xbbv\xf5\xea\xd5\x87\x0f\x1f\xfe\xef+\x08i\xdb\xa6e\xb7\xae\x1dcc"\xbaw\x89\xec\x18\xd1\xde?\xc07 \xd4\x02\x92\x0c\x12\x010\x00\xd4\xaf|\x02\xa0\x02\xa3@H\xcd\xc5\xb2\xaa\xaa\x9a#\xd63\x872\xadY\xd9\'\xd2\x0f\x1e9\x91\x9bW[[\xe7|i\x9b6m\xc6\x8c\x193a\xc2\x84\xce\x9d;;\x0f\xe6\xba\x17\x1b\x10\xd28\x0c\x00\xe4f\xc4D\xbfhp\xf7\xed\xdb\xf7\xf1\xc7\x1f\x7f\xf5\xd5\xbf\xcb\xca\xca\xc5w-\x16\xff\xee\xb1Q\xc3\x06\xf5\xea\x7fo\xf7\xa8\xc8\xb6\xde!A\x00\n\x80\nuv\xa0\x8c9\x1c\x00\xc09p\xce\x00\xeaw\xdb\xf9/\x0b~8H\x06\x05d\tLF \n\x00\xa7\x956\xeb\xc9s\x07\xd237\xa6\xed9x\xf0\xe8\x99\xbc\xf3\xe2\x07\x8cF\xe3\x80\x01\x03f\xcc\x981b\xc4\x08\xa3\xd1(F\x03\x18\x03\xc8\xbd`\x00 \xb7Q\x7f\xae\x7f\xc7\x8e\x1d\xf3\xe6\xcd\xdb\xbau\xab\xf3\xbb\xfd\xfat}\xf0\x81\xf8q\xa3\x87\xb5j\xdf\n$\x030\x07\xd4\xd4Q\x87\xca9w\xae\xe7\xbc\x91\xb9\x1aqF0\xc69\xe7\x84\x80\xac\xc8`2\x81\xc1\x08\xc0l\xc5\xa5\xeb7\xed\xfc\xf7\xfao\xb7}\xbb\xbf\xaa\xaaF\xbc\xbestt\xf2\xacY\t\t\t\xf0\xbf\xe3\x12\x84\xb4\x0f\x03\x00\xb9\x071\xdb\x0e\x00V\xab\xf5\xed\xb7\xdf^\x99\x9a\xca8\x07\x00\xb3\xd9\xeb\x911#\x12\xa7\xfc\xa9O\xef\x180\x99\xa1\xae\x86\xd5\xd61\xc6\x89D\xa4;\xb1\x8a_\x0c\x17\x18\xe7\x04@6\x1a\xc0\xdb\x078;\x96m\xfd\xbf/\xd2\x96-\xff\xa2\xa0\xf0\x82x\xd9\xe0\xc1\x83\x9f\x7f\xfe\xf9A\x83\x06\x01\xce\x08!\xf7\x81\x01\x80\xdc\x80\xaa\xaa\x8a\xa2\xd8\xed\xf6y\xf3\xe6-Z\xf4Nii\x19\x00\x04Y\x02\x12\x13\xfe4y\xfc\xc8N\xddc\x809\xf8\xe5jJ\x99,7`\x07\xfc\x97\xdb\x0b\x00$\x1f3\x18\xcc\xc5ygW\xad\xdd\xbc"\xf5\xcb\x9c\xe3\xa7\x01\x80\x10\x92\x90\x90\xf0\xfa\xeb\xaf\xb7h\xd1\x02\x87\x02\xc8-`\x00 M\x13\xf7\xe5J\x92\xb4w\xef\xde\xe9\xd3\xa7ggg\x03\x80\xd9d\x1a?n\xc4\x9c\xa7\x13#:G\x81\xa3\x8aV\xd5\x10 \x92\xdcx\x8b2\x19c\x8cq\xc5\xcb\x08f\xff\x8a\x92\xa2\xc5\xef\x7f\xf6Q\xca\x17\x85E\x17\x01\xa0Y\xb3\xa6\xaf\xbf\xfe\xc6\xd4\xa9S\x01\x87\x02H\xf30\x00\x90v9\x1b\xd0W^y\xe5\xad\xb7\xfe!Vv\x0e\x8e\xef\xf9\xc6k3{\xf6\xeb\t\xf6\x1a\xf5r\xb5$\xbbl=&gt;\xe7\x9c\xaaT1\x19\xc1\xc7\xbf\xe0\xd4\xe9\xbf\xbd\xbad\xe5\xaa\rbbj\xdc\xb8q\xef\xbf\xff~pp\xb0\x18\xbb\xb8\xe4\xf0\x10\xfa]\x18\x00H\xa3D\xeb_XX\x98\x90\x90\x90\x96\x96\x06\x00\x96@\xbfW_zb\xe6\x93\x13@"\xb4\xd2F\xb4q+\xd6/\x97\xa6\xcd^\xe0\xe5\x93\xf6\xcd\xf6\xbf&lt;\xf3\xd6\xf1\x13y\x00\x10\x1e\x1e\xbeb\xc5\x8a\xbe}\xfb\xe28\x00i\x16\x06\x00\xd2"\xd1q\xde\xbbw\xef\x981c\n\n\n\x00\xa0_\xef.\x1f\xa7\xbc\x1e\x1e\x15\xc9*\xca\x81\xf3\xc6\x9c\xf0\xb9\x11\x9csJ\x99b\t\xa8\xb8T&gt;{\xf6\xdb\xcbW~\x05\x00&amp;\x93\xf1\xddw\xdf{\xfc\xf1\xc7\xf1\x92\x00\xd2&amp;m\x9dE\x08\xc1\x95\xd6?%%%&gt;&gt;^\xb4\xfe\xc9O&gt;\xbas[jxx[\xb5\xec\x92$5\xeat\xff\r"\x84(\x8aL\xcb*\x02\xcc\xc6\x94\xd4\xb7R&gt;x%\xd0\xdf\xb7\xae\xce&gt;}\xfa\xf4\xe9\xd3\xa7\xcb\xb2,n_p\xf5a"\xf4?p\x04\x80\xb4\xc5\xd9\xfa\'%%\x01@\x80\x9f\xcf;\x0b\xe6$&amp;M\xe0\xb62N\x99\x06\x9b\xfe\xabp\xce\x19e\xb2%\xf8\xc7=\x07&amp;Ny\xdez\xf2\x1c\x00L\x9b6m\xd9\xb2e8\x0e@Z\x83\x01\x804\xe4\xaa\xd6?\xd8\xe2\xbf\xf9\xeb\x0f\xe2\xfa\xf5TK/\xca\x8a\xecFM\xa7\xeaP\x95@\xff\xd2\x92\xd2\x11#\x93~\xcc8\n\x98\x01H\x93\xb4\xde\x9fB\xfaqU\xeb\xdf#\xf6\x9e\xfd{\xd7\xc4\xf5\xe9\xaa\x96^T\x0c\x8a{5\x9a\x8aA\xa1\x15\xb6 \x8b\xdf\xf6\xed+\x13\'\xfc\x11\x00\xc4\xef\x85sAHSp\x04\x804\xe1\xda\xd6\x7f\xcb\x7fR,\xa1\x81\xb4\xc2&amp;\xbb\xed2JF\x99d4\x80\xd9+)an\xca\'\xeb\xe1\xca8@&lt;a\xc6\xbd"\ry$\x0c\x00\xe4zb\xa1\xa4\xb3\xf5\x8f\xeb\xda1m\xf3r\x8b\xc5\x8fV\xd5\xc8\x8a{/\xa0d\x8cqI\x92}}\xae\xca\x00\\\x1b\x8a\xb4\x00\x03\x00\xb9\x98h\n\xf7\xef\xdf\xdf\xaf_?\xc6XP\xa0\xffO\xfb\xd6\xb4\x8bhK+.\xbb{\xeb/p\xc6\xb8,\x13\x83\xa1\xef\xbd\x8f\xecO\xcf\x06\x80E\x8b\x16%\'\'\xe3=b\xc8\xe50\x00\x90+\x89\xc9\x90\x92\x92\x92\x98\x98\xce\xc5\xc5%&gt;\xde\xe6\x9di)q}bi\x85\xcd3Z\x7f\x811\x06\x06C\xb9\xad:~\xe0\xa4\xcc\xa3\'\x01`\xeb\xd6\xadC\x86\x0c\xc1q\x00r-\xbc\x08\x8c\\Il\xf53q\xe2\xc4\xe2\xe2\x12\x00X\xf2\xcesq\xfdz\xa9\xe5\x95\x9e\xd4\xfa\x03\x80$I\xbc\xce\x1e\x14j\xf9l\xe5[A\x16\x7f\x00\x984ibqq\xb1$I\xe2\x13@\xc8%0\x00\x90\xcb\x889\x90\xd7^{m\xdb\xb6m\x00\x90\xfc\xff\xc6M~|\xa2\xa3\xf4\xa2b\xf0\xc0\x89\x11Y\x91\xd5\xf2\xca\xe8\xb8\xae\xcb\xde{\x11\x00\x8a\x8a\x8a\'N\x9cH\x08\x0e\xc1\x91+a\xfd!\xd7\x10\xfb\xfb\xff\xf0\xc3\x0f\xfd\xfb\xf7w8\x1c\xbd\xbaw\xda\xb3\xeb3\xeePe\xe0\x1e\xbc&lt;FUU\xc5\x12&lt;k\xc6\xdf\x16\x7f\xb0\x16\xae\\\x0c\xc0\x89 \xe4*\x18\x00\xc8\x05\xc4\xc6\xfa\x94\xd2\xe8\xe8h\xab\xd5\xea\xe7\xe7sx\xff\xda\xf6\xe1mYU\x8d\xf6\xef\xf5\xbd\x1d\x9csF\x08(J\x8f\xdec3~\xb6*\x8a\x94\x9d}$&lt;&lt;\x9cs\xae\x85\x8d\xed\x1a\x1a\xaf\xe7\xaao\x91z\\rl\xfa\xe4\xf95\x874H&lt;&gt;w\xc1\x82\x05V\xab\x15\x00\xdez\xf9\x89\xf6Q\x91\xaa\xad\xca\xb3[\x7f\x00 \x84\x00e\xb2\xc1\xb0|\xc9K&amp;\x93\x81R\xf6\xd4SOy\xfcD\x90\xd80\x95RJ\x08\x91$I\x96e\xe5\x1a\xb2,\x8b{\xa4)\xa5\xaa\xaa\xe2\xa5\x91\xc6\xe1\xe1\x95\x874H\xac\xfc9u\xeaT\xb7n\xdd***\xfa\xf7\xed\xfa\xfdw\x9f\xd1\xaa*Y\x07]`AUU\xc5\x12\xf2\xe2\xec7\xdf\\\x98\n\x00\xeb\xd6\xad{\xf8\xe1\x87=r"H\xdc\xf6\xec\xfc\xbd(\xa5\xe7\xcf\x9f?y\xf2d^^\xde\xd9\xb3y\x84\x10\xce\x01\x80\x07\x06Z\xa2\xa3\xa3\x9b5k\xd6\xb6m[\xb3\xd9\\\xffgq\xe7\x8c\x06\x85\x01\x80\x1a\x9bh\xe9&amp;O\x9e\xfc\xe9\xa7\x9fzy\x99\xf6n\xfb8\xb6W\x17v\xb9\xda\xe3\xbb\xffN\x9cs&amp;\xcbU\xd5\xb5\xdd{\x8f;y\xfa\\\x87\x0eaYYY\x8a\xa2x\xd2\x04H\xfd\xbb\x9d\x8b\x8b\x8b\xf7\xee\xdd\xbbi\xd3\xa6\xf4\xf4\x1f\xf3\xf2\xceVVV^\xf7GL&amp;c\xcb\x96-cccG\x8e\xbc\xbfW\xaf^\x91\x91\x91\xe2\xeb\x1e\x19\x8d\x1a\x81\x01\x80\x1a\x958\x99w\xed\xda5p\xe0@J\xe9\xe4\xf1#W~\xfe.-\xbb\xe8\xbe\xfb=\xdc\x1aU\xa5\x8a%\xe8\xd3\x8fVO\x9e\xfe\n\x00\xbc\xf9\xe6\x9b/\xbc\xf0\x82g\xb4t\xe2\x02\x8f\xf8E233\x97,y\x7f\xe3\xc6Mb[\xef\xfaBC\x83\x813\x0e@\x88TQa\xb3\xdb\xed\xf5\xbf\xeb\xe3\xe3=d\xc8\x90\x193\x9e\x188p\xa0\xd8@\t\x00\xf4p\x99\xa4\x91a\x00\xa0F%\xce\xe4\xc1\x83\x07\xef\xdc\xb938(\xe0\x87\xefW\xb5\x0fk\x0b\xb5u\x92\xe4!=\xdf\x1b\xc4\x018\x80\x03H\xff\xf8I\xe9\x19G\x83\x82\x82\x8e\x1e=\x1a\x1a\x1a\n\xe2:\x81\xdb\x12\x8b\xbb\x00 ;;\xfb\xb9\xe7\x9e\xdb\xbe}\xbb\xb3eo\xd3\xbaE\xf7\xeeQ\xb11\x11\xddc"-\x16\xff\x0ew\xb7\x061\xd1/+E\x05\xc5\x85\x17J\xb3\x8e\x9e\xca\xcc\xb2\xa6\x1f&lt;\x92\x95mu\xbeaLL\xcc?\xfe\xf1\x8f\x11#F\x00\x0e\x05\x1a\x00\x06\x00j&lt;\xe2\x04\xfe\xe9\xa7\x9fz\xf4\xe8\xc19\x9f=s\xc2\xfc\xf7^SKK&lt;r\xe1\xff\xef\xa2*\x95-\x81[\xbe\xdc2b\xf4_\x00`\xe1\xc2\x85O?\xfd\xb4[\xef\x0f!\x0e\xdef\xb3\xfd\xf5\xaf\x7f]\xbe&lt;\xa5\xa6\xa6\x16\x00\xbc\xcd^\x0f\x8f\x1a\xfa\xe7\x87\x06\x0f\xe8\x17\xeb\xdf4\x04@\x06P\x811\xa8\xb3\x03\x88\xa8\xe3`P@Q\x00d\x00Nm\xb6\x03\x07\x8f\xac\xfff\xe7\xea5\x9b\n\n/\x88w\x1e1b\xc4\xe2\xc5\x8b\xc3\xc3\xc3\xdd\xfa\xf3\xd1 \x0c\x00\xd4xD\x00$&amp;&amp;\xa6\xa6\xa6zy\x193v\xaf\x8e\xec\x1c\xc1kt\xd7\xfd\x178\x00\'P\xab\xb2n\xbd\xc6\x1c\xb7\xe6\xdds\xcf=\xe9\xe9\xe9^^^\xe0\x9e\x83\x00\xd14gddL\x9b6-##\x03\x00\xcc^\xa6\xf1cG\xcc\x9a9\xb1S\xb7N\x00\x1c\xaa\xab\xa9\xdd\xc19\x10B\x80\x80T\xefw\x14\xebB9\xe7\x84\x80,\xcb\xe0c\x06\xc9T|\xee\xdc\x87)\xeb&gt;J\xf9\xa2\xb0\xe8"\x00\x84\x84\x84,Y\xb2d\xcc\x981\xb8\x97\xea\x1d\x84sj.\xe0\\\n-\xd69\xe8$\x83\xc5j\x90\xc2\xc2\xc2\x7f\xfd\xeb\x0b\x00\x18?zx\xc7\xee1\xac\xbaF\x9f\xad?\x00\x10\x00\xee\xa0\xde\x81\x81sgM\xe1\x9c\x1f9rd\xc7\x8e\x1d\x84\x10w\\\x01)Z\xff\x15+V\xc4\xc7\xc7\x8b\xd6\x7f\xf8\xe0&gt;\xe9\xfb\xd6|\xbc\xf2\xedN\x9d\xc3iY9-\xaf\xe0*\x95eY,\xf8\x94%\xa9\xfe\xc2\x7fI\x92dYR\x14Y\x96e\x0e\xc0lUj\xd9\xc5\xa6!\x96\x97_\x9bu8\xfd\xcb\x99\xffo\xbcD\xc8\xc5\x8b\x17\xc7\x8e\x1d;k\xd6,I\x92\xf4s\xd644\x0c\x80F"\x9a{UU\xc5jhg\xdd\x8b\xff\xc19\x17\xdf\xf2\xe0\xb2\xa6\x94\x02\xc0\x9a5kl\xb6\xcb\xb2,\xcf\x98:\x9a3\xc7\x95I\x00\x9d\x92d\x89W_\x1e\xf5\xe7\xa1\xadZ6%\x84\xa4\xa4,\x037\xec\xfe;\x9f\xe5\xf0\xd8c\x8fUVV\x9a\x8c\x86Eo\xcf\xde\xbc9%*:\x9c\x96\x95\xb3\xea\x1aY\x91e\xf9F\x1f\xe8F\x00$IR\x14\x85;\x1cjYi\x93\xe0\x80\xf7\x96\xbe\xfa\x9f\rKZ6\x0b\x01\x80\xc5\x8b\x17\'%%\x89=\x94&lt;\xf8di4\x18\x00\rN4\xee\xa2\xb9\x177\xbc\x00\x80\xcdf+..&gt;w\xee\\QQ\x91\xcdf#\x84\x88o\x89\x1ba\\}\xc8\rB\x96e\xbb\xdd\xfe\xc9\xca\x95\x84\x90\x1e\xdd\xa2b{\xc5\xf0\xcb\xd5\xb2n\x96~^\x17!\x84\xd69|BC\xc6\x8f\x1a\xca9\xdf\xb1c\xc7\x89\x13\'\xdck\x87\xb8\xab\x9e\xe4\x13\x14\xe8\xb7c\xcb\xf2\xe49\x8f\xb3\xaajv\xb9ZV\xe4[^\xba#N\n\xeep\xa8ee\xc3\x1e\x18\x98~`]\\\xd7{\xa0\xde\xb3\xd5&lt;\xbb\xc3\xd48t}\xfa5\x02\xce\xb9\xa8c\x00\xc8\xc8\xc8X\xb8p\xe1\xe8\xd1\xa3\xbbt\xe9\x12\x16\x16\x16\x16\x16\x16\x19\x19)\xfeG\\\\\xdc\xe3\x8f?\xbeq\xe3F1K\xeey\x19 \xc6=\x87\x0eedegs\xceG\xfd1^2y3\xea6\xcd\\\xc3!\x84\x00s\x8czp\x90$IUU\xd5\xeb\xd7\xaf\x87+k\xa5\xb4\x8fR\xaa(\xca\'\x9f|"Z\xff{"\xdam\xdf\x9a\xda7\xbe\x97ZzI\x92\xc8\x1d\xb9\xb1\x83\x10\xa2(\xb2ZZ\xde\xbcy\x93\xb4-)\x0f\x8d\xbc\x0f\x00RRR\xa6O\x9f\xae(\x8a\xe7\x9d)\x8d\x0c/\x027 \xd1\xfa\x17\x14\x14\xacZ\xb5j\xed\xda\xb5\x87\x0f\x1f\xfe\xdd\x1f\xe9\xd6\xad\xdb\xdf\xff\xfe\xf7\xa1C\x87z\xd8\x8a7\xd1O|\xee\xb99\xf3\xe6\xcd\x0f\xb2\x04d\xff\xb8\xae\xf9]My\x9d\xc3\xed\xa6;\x1a\x02\xe3\x1cL\xa6\xfb\xe2\'\xed\xfd\xe1\xe7&gt;\xbd{\xef\xda\xbd\x1b\xdca\xcd\xbbX\xf1\x99\x95\x95\xd5\xbbw\xaf\xaa\xaa\xea`\x8b\xff\xce\xad+\xa2\xbbwVK/)\x06\xc3\x1d\xff\xe7\xa8Je\x1fsm\xad\xbd\xff\x80\x89\xe9\x87r\x00`\xc5\x8a\x15\t\t\t\x1ev\xa642\xad\x17\x99\xfb\x12}\xde\xd5\xabWGGG?\xff\xfc\xf3\xa2\xf57\x18\x0c&amp;\x93\xc9h4:7?\x91e\xd9`0\x18\x0c\x06\xf1\x95\x83\x07\x0f\x0e\x1b6l\xf1\xe2\xc5\x1e6\x0e\x90e\xd9\xe1\xb0o\xdc\xb8\t\x00\xbat\x0eo\xde\xfe.Vk\xc7\xd6_`\x94I&amp;\xf3\xe0\xf8\x1e\x9c\xf3\x83\x19\x19\xb9\xb9\xb9\xda\x9f\x05\x12\x97am6\xdb\x84\t\x8fVUU+\x8a\xbc\xf1_\xefEw\x8fVK/)\xc6;\xdf\xfa\x03\x80\xac\xc8\xac\xba\xc6\xcb\xa8\xa4mNi\xdf\xb6%!d\xe6\xcc\x99\x99\x99\x99\xce\xdb\xc4\xd0-\xc0\x00hX\xadZ\xb5*--5\x1a\x8d\x06\x83A\x96e\x87\xc3QWWg\xb7\xdb\xc5%_\xb1#\xa6\xc3\xe1p8\x1c\xe2\xff\x95eY\x96\xe5Y\xb3f\xad[\xb7\xcec2@\xac\xdb;y\xf2\xd4\xa9S\'\x01`\xf8\xe0&gt; )\x8c\xe1\xd0\xf3\x17\x84\x10`\xf6\xa1\xf1\xbd\x14Y\xae\xad\xad\xdd\xbbw/h~\x16H\xd4\xea\xdc\xb9s33\xb3\x00`\xfe\xeb\x7f\xe95\xb0\x9f\xa3\xb4L1\x18\xa0\xc1\xfe\xb0\x92,\xd3\x9a:K\x93\xe0\xcfW\xbciP\xe4\xaa\xaa\xaa)S\xa6\x88\x1b\xcdp&amp;\xe3\xd6`\x004\x14\xd11\xb9\xef\xbe\xfb\x86\x0f\x1fn\xb7\xdbE\x13\xdf\xb4i\xd3\x87\x1f~x\xe1\xc2\x85\xdf|\xf3\xcd\xee\xdd\xbb\xf7\xef\xdf\xbfm\xdb\xb6\xc5\x8b\x17\x0f\x1c8Pt\xa9\xc4u-B\xc8\x93O&gt;y\xe9\xd2%\xb1\xe2\xcd\xd5\xbf\xca\xed\x12m\xd9\x96-\x9bkk\xeb\x14Y\x1et_\x1c0\x9c\xfc\xf9/I"PS\x1b\xd3\xb5c\xcb\x96M\x00\xe0\x9bo\xbe\x06m\xaf\x05\x12\xad\xff\xf1\xe3\xc7\x97-[F\x08\x19\x1c\xdf#\xf9\xd9\xa9jE\xa9\xa1\xe1o\xe8\x93\x15Y-\xab\xe8\x19\x7f\xef\x0b\xcf$\x00\xc0\xa1C\x87\xd6\xacY\xa3\xfd\x01\x93f\xe15\x80\x06D)\x95$i\xdb\xb6m\xc3\x86\r\x1b4h\xd0\x94)SF\x8c\x18\x11\x1c\x1c|\xdd\x17\xaf]\xbb611\xb1\xae\xaeN\xac\x97WU\xf5\xddw\xdf}\xea\xa9\xa7&lt;\xe0\xd6G1K;\xfa\xe1\xd1_\xfe\xeb\xcb6w5?r\xf0_&gt;\xde^\x9c2-\xb7q\x8d\x8cR&amp;\x07\xf8\x8dzh\xc6\xbf\xbf\xde\xd9\xb6M\x9b#G\x8fz{{\x8b\xae\x80\xab\x0f\xed:\xc4\x90n\xc4\x88\x11iii^^\xc6\x9f\xf7\xad\r\x8f\x0eo\xb4\xed\xfc\xc43\x15\x18\x91:w\xfb\xb35\xf7l\xd3\xa6M333\xc5i\xa5\xcd\x8fK\xcbp\x04\xd0\x80\xc4\xb2\xce\x01\x03\x06\x1c&lt;xp\xfb\xf6\xed\x13&amp;L\x08\x0e\x0e\x16\xdb\x9d\xd3zTUUUu\xdc\xb8q\xf3\xe7\xcf\x17\x17\xd6\xc4\x99\xbfi\xd3&amp;p\x87\x8b\x81\xbfK\x92$\xbb\xdd~,\'\x07\x00\xe2\xbaE\xf9\x84\x04Q\x07\xc5s\xb5&gt;\xce9\x10y@\xbfn\x00P\\R|\xee\xdc9\xd0\xea\xb4\x86h\xfdsrrv\xec\xd8\x01\x00c\xff&lt;4\xbck\'\xda\x88\xcfr \x84p\x95\x1a|}\xe7\xce\x9a\xc2\x18+,,\\\xbf~\xbd\x07\xaf\x9fnPn\xdf\xb8h\x9f\xd1h\x8c\x8d\x8duN\xef\x88\xa7a\xc8\xf5(\x8a"I\x12\xa54!!\xa1i\xd3\xa6\xa2\x8e9\xe7\xb9\xb9\xb9v\xbb\xdd\xddg\x81D{QXXx\xf6\xecY\x00\xe8\xd6%\x12\x88\xe2\xd6\xbfQC \x84\x00W\xbb\xc6DJ\x92TSS\x9b\x99\x99\tZ\r\x00\xd1;Y\xbcx\xb1\xaa\xaaf\xb3\xd7\xdc\xd9\t\xdcQG\x1a\xf7vnY\x91\xd9\xe5\xca\xb1\x8f\xdc\x7fOd;B\xc8\xbb\xef.VU\x15\xd7\x02\xdd\x02\x0c\x80\xc6 \x1a\xc1\xdf\xb8\x19R\x92$I\x92\xbc\xbd\xbd;t\xe8\x00WF\xb2\x15\x15\x15555\x8dz\xa0\r@\xb4b\xa7O\x9f\xb6\xd9.\x03@\x97\xce\x11\x00\xd8\xfd\xbf\x9a$\x11\xa8\xb3Gth\x13\x18\xe0\x07\x00\xc7\x8e\xe5\x80&amp;\x03@\xf4`\x8a\x8b\x8b7l\xd8@\x08\x8c~p`D\xd7hv\xb9\xba\x91\xc7\xa9\x04\x809\xa8\xc9\xdf\xff\x99\'\'p\xce\x8f\x1e\xcd\xf9\xfe\xfb\xefq\x10p\x0b0\x00\x1a\xc3\x8d\x9c\x1e\xe2l\xaf\xdf2z\xc6\xb3\x90\xc4\xef\x95\x95\x95\t\x00\x01\xfe~Q\x1d\xdbC]\x9d\x07\xfc^w\x16!\x84\xdb\x1d\x96\x16\xa1a\x1dZ\x03@VV6hrF[\xb4\xb0\xfb\xf7\xef/))\xe1\x1c\xc6\x8d\x1a\xc69\x03W\x1c\xa7,K\xbc\xb6z\xe4\xf0{\x03\x03\xfc\x18c\xe2\xca\xb9\x06#S\xe30\x004A&lt;\xfa\xce\xe1p\x9c?\x7f\xde\xf9E\x8b\xc5\xe2\xed\xed\xed\xc2\xa3\xba\x83\x8a\x8a\x8a\x00\xc0\xdb\xdb+ \xc0\x0f(\xd5^\xcb\xe6z\x9cs\xc5d\x0c\x0e\n\x00\x80\xe2\xe2bm^\x01\x16\x87\xb4q\xe3FBH\xab\x96M\xfb\xdd\x1bKj\xaa]\xb2\x9d\x1f!\x84\xd7\xda\x9b\xb6k\xd5\xbfo,\x00\xec\xd8\xf1\xad\xddn\xc7Y\xa0\x9b\x85\x01\xa0\tb\x11[zz\xfa\x993g\xc4p\x81\x10\x12\x19\x19)nv\xd7`Cp\xe3\xc4\xaf\x93\x91q\x08\x00"#\xda\xfa\x86Z\x98Cu\xeb\xdf\xa8\x810\xc6\x81(\xddb"\x01\xc0j=^^^\xae\xc1\xcb?\xe2z\xfe\xbe}\xfb8\xe7\xbd{D\xfb7\r\xa5v\x97\xad\xe8e\x9c\x83\xa4\x0c\x89\xef\x01\x00\xb9\xb9\'N\x9f&gt;\xed\xa6{\xa9\xba\x10\x06\x80\xeb9K\xf6\xf9\xe7\x9f\x17\'\xbc\xb8\'`\xd4\xa8Q\xe0)\xa3\xda_&amp;\xb8&lt;bQSC"\xa27\xed|\xa4\xa2\xa6\x88KY\x05\x05\x05\xf9\xf9\xe7\x00 6&amp;\x12@vay\x8a+\xe7]:GH\x92T[[\xa7\xe5+\xe7\x9a\x85g\xa3\x8b\x89\xd6_\x96\xe5\x193f\xec\xde\xbd[\xcc\xfbSJ#""\x1e~\xf8aq\xcd\xcd\xd5\xc7x[\x08!\xb5\xb5\xb5\x05\xe7\xcf\x03\x80%\xd0\x1f\x80\xe0\t\xfa\xeb\xb8%\xd0\x1f\x00\xaa\xaa\xaa\xc4d\xa0\xa6\x9a3q0g\xcf\x9e\xfd\xe5z~t\xb8k\xaf\xe7\x8b+\xe7\xe1\x1d\xda\x04\xf8\xfb\x01\x80\xd5z\x1c4\xf6\x89i\x1f\x06\x80+\x89;\xc5\x08!\xd3\xa6M\xfb\xe0\x83\x0f\x9cm=!\xe4\xa3\x8f&gt;2\x9b\xcd\xa2\xcf\xe5\xda\x83\xbc\x1db"\xbb\xba\xba:\xff|&gt;\x00t\xed\x1c\x0e\x92\x81\xe3&amp;\x10\xd7C\x08\x01\xa0]c"\x00\xa0\xaa\xaa:??\x1f4\xd9\x9c\x9d&gt;}\n\x00\x0c\x06CH\x88\x05\x98\x8b/\xe7p\xca\xbc\xfd\xbc\x03\x03}\x01\xe0\xf4\xe9\xd3\xa0\xc9+\xe7Z\x86\x01\xe02\xe2\xfe\xd8\xb2\xb2\xb2\x07\x1ex`\xf9\xf2\xe5\x8a\xf2\xcb\xeaxJ\xe9\xb2e\xcb\xee\xbb\xef&gt;\x8f\xd9\xe6\x90\x10b0\x18\x00@Uq~\xf6w8?"C\x03l\xa8y\x9bD}\xe6\xe6\xe6\x02\x80%\xd0?\xec\xee\xd6P\xe7\xca\x1d\xfd\x08!\\U}C,aw\xb7\x06\x80\xdc\xdc\x93\x80\x01p\x93\xdc{\x8f\x01\xf7%\x1a\xf7\x9c\x9c\x9c\xd1\xa3G\x1f=zT\xb4\xfeb\xe6w\xe5\xca\x95\x93\'O\xf6\x80\x1d \xea\xbb\xb2\xc8\xd5\xd5\xc7\xa1y\xce\x8fH\x83}\x7f\xc1h4\xc2\x95\'\xdc\xb9\xfaX\x00\x00\xe0\xca\x91\x88\x03C7\xc5s\x9a\x187"\x1a\xfa\x1f~\xf8\xe1\x81\x07\x1e\xb8x\xf1\xa2h\xfd)\xa5!!!\x9f}\xf6\xd9\xb0a\xc3&lt;\xac\xf5G\x1eI;\x11\xa5\x9d#q;\xd8\xca46\xb1\xdbONN\xce\xc8\x91#KKK\xc5$\x0f\xa5\xb4K\x97.k\xd7\xae\x8d\x88\x88\xf0\xc8\xd6_\x0c\xcc\xf1D\xfd]\xce\x8fH\xb3S\x19\xaa\xaa\x02\x80$\x11\x83\xa2\x80\x16\xfe\xa0\x92dP\x14\xb8r`\xe8\xa6\xe05\x80F%N\xef\xba\xba\xbaG\x1f}\xb4\xb4\xb4T\xb9R\xb8C\x87\x0e\xfd\xee\xbb\xef&lt;\xb5\xf5\xe7\x9c\xabT\x05\x00\xa3\xf6\xe6\xb5\xb5\xc6\xf9\x11i\xb69\x0b\x0e\x0e\x01\x80\xcb\x97\xab\xcf\x9d/\x06\xa3\xc1\x85\xa1\xce9\'\xb2\\Sn\xcb/(\x01\x80_\xdbg\x17\xfd\x06\x0c\x80F%\x96\xfd|\xfe\xf9\xe7\x87\x0e\x1dR\x14E&lt;\x10f\xf0\xe0\xc1_\x7f\xfdu@@\x80x\xc2\xaa\xab\x8f\xf1\x0e\xe3\x9c\x1b\x0c\x86\x00\xff\x00\x00\xc8=}\x0e\xb8{\xdf\xd7\xd6\xc0\xa4\xdc\xd3\xe7\x00\xc0`0\x04\x04\x04\x80\xc6\xc6\x01\xe2`:u\xea\x04\x00U\xd55\x85E\x17@Q\\;\x06 \xb2T[y\xb9\xa0\xf0"\x00t\xea\x14\x05\x9a\x7f\x90\x8e\xd6`\x004*q\x1b\xd4\xaaU\xab\x08!\x84\x10\xcey\xeb\xd6\xad\xd7\xad[g2\x99&lt;f\xcdO}\xe2w\xf4\xf3\xf3\x0b\x0f\x8f\x00\x80\x93\xa7\xcf\x03W\xb5\xd4\xa6i\x08\xe7\x1c@:y*\x1f\x00,\x96\xc0\xf0\xf0p\xd0d\x004k\xd6\xd4l\xf6\x02\x80\xe3\'\xf2\x00d\xd7\x8e\x00\xc0d8s\xae\xf0rU\x15\x00\xb4ju\x97\xab\x8e\xc4}a\x004\x1e\xb1\xe1\x8f\xcdf;r\xe4\x88\xf3\x8e\xdf9s\xe6X,\x16\x87\xc3\xe1y\xad\x7f}\xe2\xb9}^^F Xr\xbf\xc5\xece\x02\x00\xf1\xa0\x08W\x1f\xcb\xd5D\x00\xb4k\xd7\xbei\xd3\xa6\x00p\xf0\xf01\x00\xee\xc2\x84b\x8c\x83d\xcc\xca&gt;a\xb7;\x14E\x89\x8d\x8d\x05\xbc\xd5\xfc&amp;\xe1\x87\xd5xD\xa3_\\\\\\VV\x06\x00b\x07\xf3A\x83\x06y\xc0\xed\xbe\xbfA\x0c\xc9cbb\x00\xc0\x9a{\xee\xf2\xc52\xa2\xe0\xf3\x00\xaeCllp(\xcb\n\x00\x1d:\x84\xf9\xfb\xfbkm?8q\x8f\xba\xd9l\xee\xda5\x96\x10\xb2\xff\xc7,\xbb\xcd&amp;).+]\xb1\xb0`\xe7\x9e\x83\x00\xd0\xa2E\x8b\xb0\xb00\xd0\xd8\x98I\xfb0\x00\x1a[MM\x8dX\x06J\x08\t\x08\x08h\xd2\xa4\x89\x98\x0er\xf5q5\xac\xe6\xcd\x9b\x01@y\xb9\xad\xdaVM\x1a\xeb\xd1Q\xee\x85H\xc0\xa8Z|\xa1\x14\x00BCC\x15M\xc6\xa48\xa4\x07\x1e\xb8\x9fsn\xcd\xcd;\xf4c\x16\x98\xcd\x94\xba`\xda\x9ds.\x19\r\x95\xc5%\xdbw\xfe\x08\x00\xf1\xf1\x03|}}\xdd}\xe7\xc4\xc6\x87\xa7bcs&gt;\t\x921V[[\xeb\xc1}\x7fA\x9c\x90\xd1\xd1\x9d\x01\xa0\xa2\xd2f\xcd\xcd\x03\x93\x91\xe1n\x10\xff\x8bs.)\x8a\xad\xa4\xf4\xe4\xc9|\xd0\xf0\xf5L1\xc1r\xef\xbd\xfd}||(\xa5_~\xb3\x93\xc8&amp;\x97\x04\x15\xa3\x9cx{\xef\xd9\x9d\x91\x7f\xbe\x18\x00\x86\x0e\x1d\x06\xb8\xce\xf8\xe6a\x004\x1e\xd1\x14v\xe8\xd0\xe1\xdb+\xd2\xd2\xd2|||\xc0\xa3\xc7\xad\xe2Wk\xdb\xb6\xad\x97\x97\x17c\xecp\xa6\x15\x1f\ty-\xce9x\x99N\x9d:w\xe1b)\x00\x88k\xe6\x1a$\x9e]\xda\xa1C\x87\xf8\xf8x\x00X\xb5v\xd3\xa5s\xe7d/c\xe3\xffA\x89\x04\xa0\xd2EKW\x13B\x9a7o\xfe\xc7?\xfe\x11\x00&lt;\xbe;u\xc7a\x004\x1e\xd1\x14\xfa\xfa\xfa\xc6_\xd1\xaf_?\xcf[\xf7y\x15g\x00\xb4h\xde\x1c\x00\x0ee\x1ew\xed\x95Cmb\x8c\x83\xa4d\x1d\xc9u\xa8\xaa\xc1`\xe8\xd2\xa5\x0bh\xfbzfrr\xb2DHQ\xf1\xa5\xf7?XC\xcc\xbe\x8d&lt;\x0bD)#~\xbe\xdf\xa5\xed\xde\xbe\xf3G\xce\xf9\xb4iI8\xffsk\xb4[a\x9e\x8as\xeep8\xea\xea\xea\xea\xea\xea\xc4\xda\x18\xcf&amp;\x9e\xd1a6\x9b\xc3#"\x00\xe0\x87\xf4,\xbb\xcd&amp;aO\xed\x7f\x89\x86\xeb\xbb=\x07\x01 88\xa8}\xfb\xf6\xa0\xd5q\xa1,\xcb\x9c\xf3\xfb\xee\xbb/\xb2c$!dI\xca\x17e\x05\x05Rc\x0f\x028!\xe4\xb5y\xcb\t!&amp;\x93i\xf2\xe4I\xa0\xd5\x8fK\xe30\x00\x1a\x9b\xb81\xcad2\x99L&amp;\xa3\xd1\x05c\xe7\xc6\'\xe6\xb2\xe3\xe2\xe2\x00\xe0\xd4\xe9\xf3gN\xe4\x11\xb3\t/\x03\xd4\'\xc9\xb2\xc3f;\xf0\xd3\x11\x00\xe8\xd8\xf1\x1e???-\xef\x04\xce\x18S\x14e\xd1\xa2\xc5\x9c\xf3\x0b\x17\xcb\xfe\xf6\xca\xfbR#\x0e\x02\xa8J\xe5@\xcb\x17\x9f\xae\xffn\xf7A\xce\xf9\xec\xd9\xb3\xdb\xb7o/n\xb1l\x9c\x03\xf0$\xf8\x915*q+\xc0\xe1\xc3\x87\x17.\\\xf8\xe6\x9bo~\xfb\xed\xb7\x9a=\xc9\xef \xf1;\x8e\x181BQ\x94\xda\xba\xba\xbd\x07~\x06\xc5\xa8\xc1+\x9c\xae\xc2\x18\'f\xd3\xc9\xe3gN\x9d9\x0f\x00\x7f\xf8\xc3\x08I\x92\xb4\xfc\xf9\xc8\xb2\xcc\x18\x1b:t\xe8\xd0!C\x00`\xe9\xf2\x7fm\xfbz\xabb\tP\x1d\r\xbe}\x05cL2\x9b\x8a\xcf\x9c{\xf2\xd9\xf9\x9c\xf3&amp;MB\x9f~\xfaiqZ5\xf4?\xed\x91\xf0Sk&lt;\xa2O\xb7d\xc9\x92\xee\xdd\xbb\xcf\x9e=\xfb\xc5\x17_\x1c4h\xd0\xb4i\xd3\x18cZ&gt;\xdbo\x9f89cbb\xc4e\x80o6\xef\x06\xcet\x10|7\x8a1\xc6\x15S\xda\x8e\xfd\xb5\xb5u\xb2,\r\x1c8\x08\xdcaB\x83s\xbe\xf4\x83\x0f\x82\x82,\x9c\xf3I\xd3^*9[\xa0\xf8\xf9P\xb5\x01\xef_\xe3\x8csI"&amp;\xd3\xc4\xc4\xb9%\x17J\x01`\xc9\x92\xa5AAAZ\x1e-i\x1c\x06@#\x11\x9d\x94\x8a\x8a\x8a\x17_|\x91Rj4\x1a\x15E\x91ey\xf9\xf2\xe5\xfb\xf7\xef\x17\x8b+\\}\x8c\rE\xdc@\xe4\xed\xed=p\xd0 \x00\xf8\xe9P\xce\xe5\x8b\xa5\xb2K\xf7\x11\xd3\x14\x89\x00\xe1t\xe7\xee\x83\x84\x90\x88\x88\x88\xa8\xa8(\xed\xdf\x1b(\xc6(w\xdf}\xf7\xb2e)\x00PTr\xe9\x81?=Y^V){\x9b\x1b\xa8\x929\xe3L"\xb2\xafOR\xc2\xdcm;\x7f\x04\x80\xe4\xe4\xe4\xd1\xa3G{\xe4\x1e*\x8d\x06\x03\xa0\x91\x88\xc6\xee\xf4\xe9\xd3\x15\x15\x15\x84\x10\xbb\xdd\xae\xaa*!D\x92\xa4\x9f\x7f\xfe\x19\xf4\xb1\x84\xf9\xe1\x87G\x03\xc0\xb9\xfc\xa2\r\x1b\xbe\x05\xb3\x0f\xc5\xcb\x00\x00\x8cq\xc9\xc7|\xe2\xe7c\xdbw\x1e\xe0\x9c\x8f\x1cy\xbf\xd8\x18\xca\xd5\xc7\xf5\xfbdYVUu\xd4\xa8Q\xc9\xc9\xc9\x00\xf0c\xc6\xd1\x84\xc4\x17l\xb5v\xd9\xcb\xeb\x8e\x8f\x03\x18e\xa2\xf5\x7f\xf3\xa5\xf7R&gt;Y\x0f\x00\xbd{\xf7^\xb0`\x01N\xfd\xdf&amp;\xfc\xec\x1a\xd5u\xbb*z\xa8`\xe7\rD\xadZ\xb5$\x04\xd6~\xb9\x15\x80I\x80\x01\x00\x8c10\x987l\xfa\xae\xaa\xbaF\x96\xe5Q\xa3F\x81;\xcc\xff\x08"\x03\x16-Z4m\xda4\x00X\xbf\xe9\xfb\xc1\x03\'\x95\x96\xdb\xe4@\x7f\xd5\xa1\xde\xa9&gt;\x8d\xaa\xaa\x92\x97I\xf4\xfd_|\xe3\x03\x00\x88\x8b\x8b\xdb\xb8q\xa3$I\xe2\x91\xdaw\xe4_\xd1\'\xcfoz4B\xec\x8b\xd9\xae]\xbb\xd0\xd0P\xce\xb9\xd1h4\x18\x0cb\xf6\xbf{\xf7\xee\xe0\xe91@\x08QU\xd5\xcf\xcfo\xdc\xd8q\x9c\xc3\xce\xdd?\x9d\xca\xb6\x12\x1f3\xae\x05\x92\x15I\xad\xb2\xadZ\xfb\x1fBH\\\\\xf7\xb8\xb88\xb1S\x88\xab\x8f\xeb\x86\x10B\xc4\x05\xe1e\xcb\x96\x89\x0c\xf81\xe3h\xef~\x8f\xec\xfd\xeeG%(\x84\x10\xa2\xaa\xf4vR\x80R\xca(S,A\x85\xc5\x17\x86\x0fI\x10}\xff\xb8\xb8\xb8\xb4\xb4\xb4\xa0\xa0 \xad\xed\x95\xe4\x8e&lt;\xb9\xd1\xd1\x14\xb1\x1c\xde\xd7\xd7w\xc1\x82\x05F\xa3\xd1n\xb7;\x1c\x0e\xc6\xd8\xd3O?\xdd\xbd{w\xf1\x980W\x1fc\xc3\x12\xbf\xe0\x94\x84\x04\xa3\xc1PUU\xf3\xe9\x9aM\xc4\xe0\xcd=\xfa\xea\xf7\xef\xa2\x94\x11_\xdf\xdd;\x0fd\x1d\xc9\xe5\x9c\'&amp;&gt;\xa6\xf1\xf5?\xd7\x12;YQJ\x97-[\xf6\xf8\xe3\x8f\x03\x80\xf5\xe4\xd9A\xc3\xa7\xbd\xfa\xe2\x02;!\x8a%\x90H\xa0\xaa\xf4\xa6F\x03\xe2\t\xa9\x8c19\xc0O\xf2\xf7]\xbb\xea\xab\xb8\xde\xe3\xd3v\xfc\x00\x00}\xfb\xf6MKK\xb3X,z8e\x1a\x01\xd1\xc3\xd4\xb3v\x88&gt;\xcb\x91#G\xd2\xd2\xd2jjj\xee\xbd\xf7\xde\xfe\xfd\xfb\xeb\xa7##N\xda!C\x86\xec\xd8\xb1#$$0;\xfd_\xa1M\x82\xc0\xa1\xea\xe4\xd7\xbf\x16c\x8c{\x99\x87\x0eK\xfc\xf6\xfb\xf4fM\x9bfeg\x8b\xc7Z\xb9\xdd\x07"\x9e\x11/\x165&lt;;{vyE\x05\x00DGu\x98\xf5\xd4\xc4G\xc7\x8e4\x06\xf8Cm5\xab\xb53\xce\t!\x92D\xe0\x7f\x7fG\xd1\n1\xce9\xe3\x04@6\x1a\xc0\xc7\x1b(\xdd\xb6u\xcf\x82wVn\xdd\xbe_\xbc,99y\xfe\xfc\xf9\xe2IJ\xd8\xfa\xdf\x11\x18\x00\x8d\xed\xaa\xda\xd5O\xeb\x0f\x00b\xc1\xc6\x7f\xfe\xf3\x9f\x91#G\x02\xc0\xc27\x93\x9f~a\xa6ZzA1x\xf8~\x18\xd7E)\x93\x03|3v\x1f\xec&gt;`\x12\xe7\xfc\x99g\x9eY\xb0`\x81[?\x13T\xfc}322\x9exb\xc6\x0f?\x1c\x10_\xec\xdc)|\xe6\x8c\xf1\xc3\x87\xf4muw+ \np\x15\xea\xec@\x19s\xa8 \n\x9f\x83\xa4\xc8 K`4\x82\xac\x00@e\xf1\x85\xef\xf6f,\xfdpm\xda\xb6}\xe2MZ\xb6l\xf9\xce;\xef\x8c\x193\x06tv\xca44\x0c\x00\x17p.\xfc\x17S\xa8\xae&gt;\x9c\xc6#\x8a\xad\xb6\xb6666\xd6j\xb5\x86\xdd\xdd\xfa\xc0\x9e\xd5~&gt;f\xa2\xcb]\\(c\xb2\xaf\xef\xb8\xb1\xc9\xeb\xfe\xbd\xcdd4f\x1c:\x14\x19\x19\xe9\xee\xf74\x89\x0cPU\xf5\xd3O?}\xe5\xe5\x97\xcf\xe5\xe7\x8b\xaf[,\x01\xf7\xdd\xdbm@\xff\xee]\xa3\xc3\xef\to\xeb\xe3c6\x87X\x80s\xe0\x00\x92D+l\x95\x97\xabs\xcf\x9c?\x92sr\xcf\xbeC;v\xfex&amp;\xef\xbc\xf8A\xb3\xd9\xfc\xcc3\xcf\xcc\x9c9\xb3I\x93&amp;b\xcd\x8f\x0eK\xa5\xe1`\x00\xa0F%\x1a\x88O?\xfdt\xf2\xe4\xc9\x00\xf0\xca\xf3\xd3^\xfe\xc7sj\xd9E\xf7\xed\xf6\xde\x1aJ\x99\x1c\xe0\xf7\xdd\x7f\xbe\x8f\xbf\x7f:\x00L\x992%55\xd53\x96\xb4;\xc7\xb8%%%\x1b6lX\xbat\xe9\xe1\xc3\x87\xeb\xbf 8(\xd0\xdf\xdf\xe7\xee\xbb[\x03c\xc0\x01\x14\xb9\xa8\xa0\xa4\xf8B\xe9\x85\x0bePoaX\x9b6\xad\x13\x12\x12\xc7\x8e\x1d\x1b\x19\x19\tW*\xa7q\x7f\x15\xcf\x87\x01\x80\x1a\x9bX\xe4&gt;h\xd0\xa0]\xbbv\x85\x04\x07f\xfe\xb8\xaeI\xb3Pp8$=\xf5\xec(c\xc4l\x1e4x\xca\xf7{2\x82\x83\x82\xb2\xb2\xb3\x9b6m\xea\xee\xdd\x7f\'\xe7%\x01\x00\xa0\x94\xee\xd8\xb1c\xcb\x96\xcd\xdb\xb7\xef\xb0Z\x8f\xd7\xd5\xfd\xce\x06\x88\xed\xdb\xb7\x1b0 ~\xc0\x80\x01\x0f&gt;\xf8\xa0\xbf\xbf\xbfx\x07\xec\xf87\x10\x0c\x00\xd4\xd8DWn\xd7\xae]\x03\x07\x0e\xa4\x94Ny\xe4\xfe\xd4\xd5\x8b\xd4\xb2K\xfa\x19\x04\xa8\xaa\xaaX\x82?\xf9\xf0\xb3)\xff\xefU\x00x\xf3\xcd7_x\xe1\x05\xcf\xeb\xe1\xd6\x8f\x01\x00\xa0\x94Z\xad\xd6\x9c\x9c\x9c\xec\xec\xec\xb3g\xf3\xf2\xf2\xce\x8a6\x9ds\x1e\x18\x18\x18\x1d\x1d\xdd\xbau\xeb\xa8\xa8\xa8\xa8\xa8(ooo\xe7\x8f\x88\x9b%]\xf6;x:\x0c\x00\xe4\x02\xa2\xb1KHHX\xb9r\xa5,\xcbi\xeb\xff9\xe8\xfexZV)\xbb\xee\x01\xb3\x8d\x861\x0eF\xc3\xc5\x92\xd2.\xbd\xc6\x14\x97\x94\x86\x87\x87\xfd\xfcs\xa6\xa2(\x9e\xfadP\x11\x03\x9c\xf3\x1b\x0fxJ\xa9\xd8\x0c\xc3#?\x10M\xc1\x00@. \xae\x81\x97\x94\x94t\xec\xd8\xb1\xbc\xbc\xbcC\xfbV\x87\x7f\xfa\xd2\xcbh\x90tp5XU\xa9b\xb1\x8c\xfd\xf3\x8cu_m\x07\x80\xb4\xb4\xb4\xa1C\x87z^\xf7\xffZ\xbc\x9e\xab\xd2N|\x11\x00D\x7f\xdf\xe3k@;pl\x85\\@\x92$\xcey\xb3f\xcd\x16.\\\x08\x00\xb9\xa7\xf2\x9fz\xea\r\xd9\xa7\xb1\x1f,\xd5\xf8T\x87\xaaX\x82R\x97\xae\x12\xad\x7fbb\x82NZ\x7f\xb8\xd2\xb8\xcb\xb2,\xb6A\x94\xea\x11_\x14_\xc7\xd6\xbf1\xe1\x08\x00\xb9\x8cX\xf3&gt;v\xec\xd8u\xeb\xd6\x01\xc0\x8a%/%\xcc\x98\xa4\x96^\xf4\xd4\xdb\x02\xa8J\xe5\x00\xbf\xac\x83Gz\xc7O\xaa\xae\xaei\xd7\xae}ff\xa6\xd9l\xf6\xd4\xc9\x1f\xa4}\x18\x00\xc8e\xc4\xecpEEE\\\\\xdc\xe9\xd3\xa7\xbd\xbd\xbd\xbeK[\xde\xbdwWZa\xf3\xbc\x8b\x01\x8c10\x18*.W\x0f\x1889\xf3\xc8IE\x91\xf7\xec\xd9\xd3\xb3gO\xbc\xa9\x15\xb9\x10V\x1er\x19\xd1\xf3\r\n\n\xfa\xfc\xf3\xcf\t!UU5c\x1f}\xb6\xecB\xa9l\xf6b\x9e5\x17\xc49g@$os\xd2\xb4\x173\x8f\xe4\x02\xf0\xf9\xf3\xe7\xf7\xec\xd9SUUl\xfd\x91\x0ba\xf1!W\x92$IU\xd5\x9e={~\xf0\xc1\x07\x00p*\xaf`\xd8\x1f\x92\xaak\xeb\xc0hp\xaf=\xd1~\x1beL\t\x08\x98\x9e8\xf7__\xef\x04\x80\xc9\x93\'\'\'\'\xbb\xf5\xae\x0f\xc83`\x00 \x17S\x14EU\xd5\xa4\xa4$\xb1\x97dz\xc6\xd1\'f\xbc*y\x9b9\x91\xb8Gl\x16\xedPU%0\xe4\xa3wS?J\xfd\n\x00\xe2\xe2\xe2\x96.]\xeaF{&gt;#\x0f\x86\x01\x80\\O\xec\x1e\xf3\xe1\x87\x1f\x8a=\xe5W\xae\xd9\x944\xe5y\xd9\xcf\x07d7\xdb\x1b\xf9j\x9cSJ\r\x96\xd0\x94\xf7S\xa7\'\xff\x03\xae\xece/nt\xc2\x0b\xbf\xc8\xe50\x00\x90\xeb\x89M\xf1\xc4\x9e\xf2"\x03R&gt;Y\x9f\x940\x97*\x8ad04\xe8s\xc6\x1b\x0ec\x8cr\x90\x03\x03?zoE\xd2\xcc7\x00\xa0G\x8f8\xdc\xcb\x1ei\n\xae\x02BZ\xe1\xdc9 )))%%\x05\x00\xfa\xf6\xec\xfc\xcd\x86\xa5\x96&amp;AjY\xa5{\xad\r\xa5*\x95\xbd\x8c`6O\x9f\xfa\xd7\x8f&gt;\xfe\x12\x00z\xf4\xe8\xb1e\xcb\x16l\xfd\x91\xa6`!"\xad\x107\n\xd5\x1f\x07\xec=\x909h\xe8c\x87~:\xa2\x04\x85\xdc\xc1g\xcc64\xd5\xa1\xca\x81\xfee\x95\xd5c\xff\xfc$\xb6\xfeH\xcbp\x04\x80\xb4\xe5\xdaq@\xb0\xc5\x7f\xe9?\xff6\xe6\xd1\x87\xb8\xad\x82i\xfb\xa6Y\xce8\xe3L\x0e\x0c:\x94~x\xea\xd4\x1732\x8f\x03\xb6\xfeH\xc3\xb0\x1c\x91\xb6\x88q\x80x\xce\xf8\xa2E\x8b\x00\xe0RY\xe5\xd8\t\xcf\xce\x9a\xf9\n\x95e\xd9\xcfWU5:\x14P\x1d*1\x19\xe4@\xcb\xf2\x0fW\x0f\x1c\x9c Z\xff\xc4\xc4\xc4\xed\xdb\xb7c\xeb\x8f\xb4\tG\x00H\x8b\xc4\xee`\x92$\xa5\xa5\xa5=\xf6X\xe2\xf9\xf3\x05\x00\xd0+.z\xf1;\xcf\xf7\xec\xd7\x13\xaa*U\xbb];\x8b\xe8\x7f\xd9\xb58\xc0Rp\xe6\xec3s\xe6\xaf\xfdb\x0b\x00\x98L\xa6\xb7\xdez+99\x19\xaey\x0e(B\x1a\x81\x01\x80\xb4K\xdc*UXX\x98\x90\x90\x90\x96\x96\x06\x00^&amp;\xe3\xb3\xb3\xa6&lt;\xf3\xf4\xe4\x80\xd0&amp;`\xab\xa0*\x95\x14\xd9\x85\xab))e\x04@\n\xf4\x83:G\xea\'_\xbd\xf4\xea\x92\xfc\x82\x12\x00\x88\x88\x88\xf8\xf8\xe3\x8f\xfb\xf6\xed\xcb\x18\xc3\xad~\x90fa\x00 Ms\xee\x94\xb9x\xf1\xe2\xb9s\xe7\xd6\xd6\xd6\x02@\xc7\x88v\xcf&gt;\x930a\xecH\x83\xbf/\xd8lT\xa5\x92\xdc\xa8{\x08s\x00&amp;z\xfd\xfe\xbe\xc0a[\xda\xee\xf9\xf3S\xb7\xed\xfcA|w\xea\xd4\xa9\x0b\x16,\x08\x08\x08\xc0{}\x91\xc6a\x00 \xadsv\xa2\xb3\xb3\xb3\xe7\xcc\x99\xb3y\xf3f\xf1\xf5\xde=:?\xff\xdc\xb4a\x03{\x98\x02-PuY\xb5;\x08!\xb2\xdc\xb03-\x8c1\xc6\xb8\xa2\xc8\xe0\xe7\x03v\xc7\xfe\x1f2\xff\xb9d\xf5\x9au\xbf\x1cRtt\xf4\xdbo\xbf=b\xc4\x08\xc0g\xd8"w\x80\x01\x80\xdc\x83\xb3=]\xbbv\xed\xdf\xff\xfe\xf7\xac\xac,\xf1\xf5\xce\x9d\xc2\x92gN\x18\xf5\xd0\x10\xff&amp;!\xc0\x1c\xfcr5\xa5\xf4\x97\xa7\x8a\xdc\xa11\x01\x07\xe0\x8c1\xc6%B$\x1f/0\x98i\x95\xed\xdb]\xe9\x0b\xdf\xf9$m\xfb&gt;\xf1\x9a\xe6\xcd\x9a\xcdx\xe2\x899s\xe6\x18\x8dF\x9c\xf6A\xee\x02\x03\x00\xb9\r\xb1-\x84$Iv\xbb}\xde\xbcyK\x97.),,\x12\xdfj\xd3\xba\xc5\x98QC\x1e\xfa\xe3\xc0&gt;}\xba\x82\xd1\x0c\xcc\x0e5u\xd4\xa1\x8a\x87O\x894\xb8\xa9\x7f\x8bs\xce8\xe7\x8c\x13\x02\xb2"\x83\xc9\x04\x06\x13\x00=\xf6\xf3\xb1\x8d\x9bw\x7f\xfe\x7f\x9b\x0f\x1d\xce\x11\xaf4\x9b\xcd\xe3\xc7\x8f\x7f\xed\xb5\xd7Z\xb6l\t\xd8\xf1Gn\x05\x03\x00\xb9\x19g\x0b[\\\\\xbcj\xd5\xaaU\xabVeff:\xbf\xdb\xafo\xec\xe0\xf8\x9eC\xe3{\xc4\xc4Dz\x07\x07\x02\xc8\xc0U\xa8\xb3s\xbb\x833\xce8\x07\xe0b#\xea\xab\xde\xf6\xca\x89\xc0\t\x91\x08\x01\xc9`\x00\x93\x11d\x05\x00\xa8\xcdf=\x91\xb7u\xe7\x81\xefw\x1dL\xdb\xbe\xaf\xba\xbaF\xfcH\x8b\xe6\xcd\x1fy\xf4\xd1\xc9\x93\'w\xea\xd4\t\x00TU\xc5\x07Z!\xf7\x82\x01\x80\xdc\x8f\xf3f1\x00\xb0\xdb\xed[\xb6lIMM\xdd\xbaukuu\xb5\xf35\xed\xda\xb5\x8a\xed\x12yo\x9f\xae]c"\xee\tk\x1b\xd2,\x04\xbcL\x00\xe2\x92,\x07\xb8v\x7f!\xe9\xcam1*\xa8jyI\xa9\xf5d\xfe\x91\x9c\x93{\xf6\x1dJ?x\xc4z"\xaf\xae\xae\xce\xf9\xd2~\xfd\xfaN\x9e&lt;\xe5\x81\x07\x1eh\xda\xb4)\x00PJ\xf1I\xb6\xc8\x1da\x00 w\xc59\xa7\x94:\x97\xd9\x1c;vl\xe3\xc6\x8d\x1b6lHOO\xaf\xdfX\x03@pP`X\x87\xd6\x81\x16\xff\xb8.\x91\x8a\xa2\x04\xf8\xf9t\x8e\x89\xe0\x94\x12 \xe2}\x88\xa2\xe4\x9d\xc9\xcf;WD\x149+\xd3z\xa9\xb4\xe2\xd8\x893\x85\x85\x17\xae\xfa\x17\xa3\xa3;\r\x1f&gt;\xfc\xa1\x87\xfe\xd4\xa7O\x1f\xf1\x15\xf1D\x17\\\xe3\x8f\xdc\x14\x06\x00rob4 \xee\x1f\x16_\xc9\xc9\xc99p\xe0\xc0\xc6\x8d\x1b322\n\n\xce\xd7\xd5\xd9o\xe7\xfd\x9b5k\x1a\x1d\x1d=l\xd8\xf0\xfe\xfd\xfb\xc7\xc6\xc6\x8aa\x87\xf8G\xb1\xd7\x8f\xdc\x1d\x06\x00\xf2\x10\x8c11/\xe4l\x94\xab\xab\xab\xf3\xf2\xf2\x8e\x1d;\x96\x95\x95\x95\x95\x95u\xe9\xd2\xa5\x9c\x9c\xa3\x94\xd2\xca\x8a\xca:\xfbuR!44\x04\x00\xee\xbe\xbb\x83\xc5b\xe9\xde\xbd[\xfb\xf6wGEE\x85\x85\x85\x05\x06\x06:_\xa3\xaa\xaa\xd8\xbc\xbaQ~\'\x84\x1a\x16\x06\x00\xf24"\t\xae\xdbLWTT0\xc6\x8a\x8a\x8a\x8a\x8a\x8a\x08\x81\xfa\xb5\xef\xeb\xeb\x1b\x16\x16\xc69\xb7X,\xbf\xf6\x86\xd8\xe5G\x1e\x06\x03\x00y,^\x8fX\x98\x7f#\x93\xf5bzG\x9c\x17\xd8\xe8#\xcf\x86\x01\x80tDT\xbb\x88\x84k\xbf+\xe2\x01\x9b{\xa4\x1f\x18\x00\x08!\xa4S\xb8|\r!\x84t\n\x03\x00!\x84t\n\x03\x00!\x84t\n\x03\x00!\x84t\n\x03\x00!\x84t\n\x03\x00!\x84t\n\x03\x00!\x84t\n\x03\x00!\x84t\n\x03\x00!\x84t\n\x03\x00!\x84t\n\x03\x00!\x84t\n\x03\x00!\x84t\n\x03\x00!\x84t\n\x03\x00!\x84t\n\x03\x00!\x84t\n\x03\x00!\x84t\n\x03\x00!\x84t\n\x03\x00!\x84t\n\x03\x00!\x84tJq\xf5\x01\xe8\xd1\xaf=\x87\x19\x1fG\x8e\xf4\x00\xeb_;0\x00\x1a\x16\xaf\x07\x00$Ir\xfe\xf7Z\x8c1\xe7\x7fI=\x8dx\xbc\x08\xddIX\xff\x1aG~-\x8d\xd1-\x13\xe5\xce\x18#\x84\xc8\xb2|\xed\x0b\x18c\x15\x15\x15\x84\xfc\xf2\xe1\x8b\xff\xe1\xe5\xe5e6\x9b\xaf\xfbb\xf1V\x92$\xe1\xc9\x80\xb4\x0f\xeb\xdf\x8d`\x00\xdc1\xa2\xe89\xe7\x8a\xf2\xdfq\x15\xa5\xb4\xa0\xa0 777++\xf3\xe2\xc5\x8b\xe9\xe9?\xa9\xaaZ\\TTT\\D\x80p\x10\x1f&gt;\x01\xe0\xbe&gt;\xbe\x1d\xc2:p\x0e\xd1\xd1\xd1!!!\xdd\xbbw\xbf\xeb\xae\xbb\xda\xb4i\xe3\xed\xed]\xff\xdd\x00\x00\xcf\x04\xa4AX\xff\xee\x08\x03\xe0\x0e\xe0\x9cSJ\x9duO)\xb5Z\xadiii{\xf6\xec\xb1Z\xadyyg*+m\xb7\xf0\xb6&amp;\x93\xb1E\x8b\x16\x11\x11\x11\xbdz\xf5\x1e:thLL\x8c\xf3dPUU\x92\xa4_\x1bJ#\xd4\x98\xb0\xfe\xdd\x17\x06\xc0m\x11]\x121\xce\xa5\x94\x1e8p`\xfd\xfa\xf5\x9b7o&gt;q\xc2ZWg\xaf\xffJ??\x1f\x1f\x1f\xef{\xc2\xdbJ\x8a\x1c\xe0\xe7\xd3\xb9s8\xa7Ltc8\xe7D1\xe4\x9d\xc9?\x9b_Dd97\xf7le\xe5\xe5K\xa5\xe5W\xfd[\xed\xda\xb5\x8d\x8f\x1f\xf8\xe0\x83\x0f\x0e\x180\xc0\xdf\xdf\x1f\xae\xf4\xb9\xb0C\x84\\\x05\xeb\xdf\xdda\x00\xdc"J\xa9\xb3\xf2\xf2\xf3\xf3\xd7\xae]\xbbz\xf5\xea\xc3\x87\x0f\xff\xf7\x15\x84\xb4m\xd3\xb2[\xd7\x8e\xb11\x11\xdd\xbbDv\x8ch\xef\x1f\xe0\x1b\x10j\x01I\x06\x89\x00\x18\x00\xea\x7f\xf2\x04@\x05F\x81\x90\x9a\x8beUU5G\xacg\x0eeZ\xb3\xb2O\xa4\x1f&lt;r"7\xaf\xb6\xb6\xce\xf9\xd26m\xda\x8c\x193f\xc2\x84\t\x9d;wv\x1e\xccu\'[\x11j X\xff\x9e\x01\x03\xe0\xa6\x89\x89NQp\xfb\xf6\xed\xfb\xf8\xe3\x8f\xbf\xfa\xea\xdfee\xe5\xe2\xbb\x16\x8b\x7f\xf7\xd8\xa8a\x83z\xf5\xbf\xb7{Td[\xef\x90 \x00\x05@\x85:;P\xc6\x1c\x0e\x00\xe0\x1c8g\x00\xf5\xbb-\xfc\x97\x05\x0f\x1c$\x83\x02\xb2\x04&amp;#\x10\x05\x80\xd3J\x9b\xf5\xe4\xb9\x03\xe9\x99\x1b\xd3\xf6\x1c&lt;x\xf4L\xdey\xf1\x03F\xa3q\xc0\x80\x013f\xcc\x181b\x84\xd1h\x14\xbd!&lt;\rPC\xc3\xfa\xf7$\x18\x007\xa1\xfe\\\xe7\x8e\x1d;\xe6\xcd\x9b\xb7u\xebV\xe7w\xfb\xf5\xe9\xfa\x</t>
        </is>
      </c>
    </row>
    <row r="28">
      <c r="A28" s="1" t="n">
        <v>26</v>
      </c>
      <c r="B28" t="inlineStr">
        <is>
          <t>size_grid</t>
        </is>
      </c>
      <c r="C28" t="inlineStr">
        <is>
          <t>What is the size of the missing part denoted with a question mark?</t>
        </is>
      </c>
      <c r="D28" t="inlineStr">
        <is>
          <t>['medium', 'large', 'small']</t>
        </is>
      </c>
      <c r="E28" t="inlineStr">
        <is>
          <t>small</t>
        </is>
      </c>
      <c r="F28" t="inlineStr">
        <is>
          <t>There are circles arranged in a grid formation with varying sizes in the image. The sizes in the first row are ['large', 'small', 'large'], the sizes in the second row are ['?', 'medium', 'small'], and the sizes in the third row are ['large', 'small', 'large'].</t>
        </is>
      </c>
      <c r="G28" t="inlineStr">
        <is>
          <t>We observe that the circles at the corners are large size, while the circles directly adjacent to the center are small size. Only the center circle is medium size. Hence, the pattern is that the circles alternate in size depending on if they are at the corner or adjacent to the center.</t>
        </is>
      </c>
      <c r="H28" t="inlineStr">
        <is>
          <t>Based on the pattern that the circles alternate in size depending on if they are at the corner or adjacent to the center, the size of the missing part that is adjacent to the center should be small.</t>
        </is>
      </c>
      <c r="I28" t="inlineStr">
        <is>
          <t>b'\x89PNG\r\n\x1a\n\x00\x00\x00\rIHDR\x00\x00\x02\x00\x00\x00\x02\x00\x08\x02\x00\x00\x00{\x1aC\xad\x00\x00WOIDATx\x9c\xed\xddy|\x14\xf5\xfd?\xf0\xf7gfv7\x9b{spZ\x05\x84\x04\x84\x10\x82\x84[$\x80\x1c\x1e\xd5V\x04-(\x06\x01\xfd\xe1QPk\xa1\xd5*\xea\xb7U@\xa1\xad\xa2\x12\x05\x14\x11\xbeX[\x14\xf9B8\xc4r\x88\x88\x04L\x80@\xb8\xef\x84#\x07K\xae\xdd\x99\xcf\xe7\xf7\xc7G\xb6)g\x80\x84\xb0\xf3y=\x1f}\xf4\xd1&amp;\x9bev\xf75\xf3\x9a\xf9\xccgf\x99\x10\x82\x00\x00@=Z]/\x00\x00\x00\xd4\r\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14\x00\x00\x80\xa2P\x00\x00\x00\x8aB\x01\x00\x00(\n\x05\x00\x00\xa0(\xa3\xae\x17@EB\x88\xf3\xfe\x9c1v\x8d\x97\x04\xe0\xdaC\xfe\xaf\x1f(\x80\xda%\xaa "M\xd3\x02\xff}.\xcey\xe0\xbfY\x15\xd7py\x01j\x12\xf2\x7f\x9dc\x17jc\xb8b2\xee\x9cs\xc6\x98\xae\xeb\xe7&gt;\x80s^RR\xc2\xd8\xcfo\xbe\xfc\x1f!!!n\xb7\xfb\xbc\x0f\x96O\xa5i\x1aV\x06\xb8\xfe!\xffA\x04\x05Pcd\xe8\x85\x10\x86\xf1\x9f\xe3*\xcb\xb2\x8e\x1c9\xb2k\xd7\xae\x9c\x9c\xec\x13\'Nl\xd8\xf0\xa3i\x9a\x05\xf9\xf9\xf9\x05\xf9\x8c\x98 \xf9\xe63"\x11\x1e\x16\xde\xbcEs!()))..\xaeC\x87\x0e\xbf\xf8\xc5/n\xba\xe9\xa6\xd0\xd0\xd0\xaa\xcfFDX\x13\xe0:\x84\xfc\x07#\x14@\r\x10BX\x96\x15\xc8\xbdeYyyy\x99\x99\x99k\xd6\xac\xc9\xcb\xcb\xdb\xbf\x7f\xdf\xa9S\xde+xZ\x97\xcb\xd9\xa8Q\xa3\xc4\xc4\xc4\xce\x9d\xbb\xf4\xed\xdb7999\xb02\x98\xa6\xa9i\xda\x85\x0e\xa5\x01\xae%\xe4?x\xa1\x00\xae\x8a\xdc%\x91\xc7\xb9\x96e\xad_\xbf~\xc1\x82\x05\x8b\x17/\xde\xb93\xaf\xb2\xd2W\xf5\x91\x11\x11aaa\xa1\xb7$4\xd1\x0c=*"\xacm\xdb\x04aq\xb9\x1b#\x84`\x86c\xff\xbeC\x07\x0e\xe53]\xdf\xb5\xeb\xc0\xa9S\xa7O\x16\x16\x9f\xf5o5m\xda$-\xad\xd7\xbd\xf7\xde\xdb\xb3g\xcf\xc8\xc8H:\xb3\xcf\x85\x1d"\xa8+\xc8\x7f\xb0C\x01\\!\xcb\xb2\x02\xc9;t\xe8\xd0\xbcy\xf3\xe6\xcc\x99\xb3y\xf3\xe6\xff&lt;\x82\xb1&amp;75\xbe5\xa5U\xfb\xe4\xc4\x0e\xedZ\xb6Jl\x16\x19\x15\x1e\x15\xef!M\'\x8d\x119\x88\xaa\xbe\xf3\x8c\xc8$n\x11c\xe5\'\x8aJK\xcb\xb7\xe6\xed\xdb\x94\x9d\x97\xb3e\xe7\x86\x8d[w\xee\xda_QQ\x19x\xe8M7\xdd4h\xd0\xa0\xa1C\x87\xb6m\xdb6\xb00\xe7\x1dl\x05\xa8%\xc8\xbf=\xa0\x00.\x9b\x1c\xe8\x94\x81\xfb\xee\xbb\xef&gt;\xfa\xe8\xa3\x7f\xfd\xeb\x9fEE\xc5\xf2\xb7\x1eOd\x87\xf6\xad\xfb\xf5\xee\xdc\xe3\xb6\x0e\xad[6\t\x8d\x8b!2\x88L\xaa\xf4\x91\xc5\xb9\xdfODB\x90\x10\x9c\xa8\xean\x8b\xf8y\xc2\x83 \xcda\x90\xae\x91\xcbI\xcc \x12\xd6)o\xde\xee\x83\xeb7d\x7f\x9d\xb9f\xe3\xc6m\xfb\xf6\x1f\x96\x7f\xe0t:{\xf6\xec9z\xf4\xe8\x01\x03\x068\x9dN\xb97\x84\xd5\x00j\x1b\xf2o\'(\x80\xcbPu\xacs\xc5\x8a\x15\x13\'N\\\xbati\xe0\xb7\xdd\xbb\xa6\xdc{O\xda\x83\x03\xfb\xdd\xd0\xec\x06\xd2\x1c\xc4\xfdT^i\xf9M!D`&gt;[u\x8eU\xe5\'\xc2\xb9\x10B0F\xba\xa1\x93\xcbE\x0e\'\x11\xf7\x16\x14.X\xb4\xf2\x9f\x0b\xbeY\xf6\xcd\xba\xd2\xd2r\xf9\xf8\xb6IIc\xc6\x8eMOO\xa7\xff\xde/\x03\xa8Y\xc8\xbf\xfd\xa0\x00\xaaK\x8e6\x12Q^^\xde\x9bo\xbe9k\xe6L.\x04\x11\xb9\xdd!\xbf\x194`\xf8\xa3\xbf\xea\xda%\x99\\n\xaa,\xe7\x15\x95\x9c\x0b\xa61\xad&amp;f1\xcb\xdd%.\x04#\xd2\x9d\x0e\n\r#\xc1\xb7o\xc9\xfb\xdf\xcf3\xa7\x7f\xf8\xf9\x91\xa3\xc7\xe5\xc3\xfa\xf4\xe93n\xdc\xb8\xde\xbd{\x13\x8e\x88\xa1\x16 \xff\xb6\x84\x02\xa8\x16\xd34\r\xc3\xf0\xf9|\x13\'N\x9c2\xe5\xed\xc2\xc2""\x8a\xf1D\rO\xff\xd5\xb0\x87\xeej\xd3!\x99\xb8_\x9c.\xb3,\xae\xeb\xb5\xb8\x03\xf2\xf3\xf4j"-\xccM\x0ew\xc1\xfe\x03\xb3\xe7-\x9e1\xf3\x8b\xdc\x1d{\x89\x881\x96\x9e\x9e\xfe\xdak\xaf5j\xd4\x08\xbbBP\x83\x90\x7f\xbbB\x01\\\x82\xbc.Q\xd3\xb4\xb5k\xd7&gt;\xf1\xc4\x13[\xb6l!"\xb7\xcb\xf5\xd0\x83\x03^xvxb\xdb\xd6\xe4/\xb5J\xcb\x191M\xbfv\x93\xd28\xe7\x9c\x0b#\xc4I\xee\xc8\x92c\xf9S\xdf\xf9\xf4\x83\x8c\xcf\x8f\xe6\x9f \xa2\x06\r\xea\xbf\xf6\xda\xeb#F\x8c \xec\n\xc1UC\xfe\xed\r\x05p1\x81\x00\xbd\xf2\xca+o\xbc\xf1\x179\xb3\xadOZ\xa7\xd7_}\xbaS\xf7N\xe4+7O\x97iz\x9d\xcdG\x16BX\xa6e\xb8\x9c\x14\x16yd\xcf\xde\x97&amp;\xbc;k\xf6\x97\xf2\xc0\xfc\xc1\x07\x1f|\xe7\x9dwbcc\xe5\xbe[\x9d,\x1e\x04;\xe4\xdf\xf6P\x00\x17$\xd3\x7f\xf4\xe8\xd1\xf4\xf4\xf4\xcc\xccL"\xf2DGL\xf8\xd3\x93O?5\x944f\x9d\xf2\xb2\xeb\xe3R\x94\x9fO\xcd\xb9C($,s\xe1\xf2\xdf&gt;\xf7\xc6\x8e\x9d\xfb\x89(!!a\xc6\x8c\x19\xdd\xbau\xc3~\x10\\\x01\xe4_\x05(\x80\xf3\x93;\x0ek\xd7\xae\x1d4h\xd0\x91#G\x88\xa8{\x97v\x1fe\xbc\x96\xd0\xba%/)&amp;!\xae\xe5\x01ou\x08!,\x8b\x1b\x9e\xa8\x92\x93\xc5\xcf?\xff\xe6\x87\xb3\xfeED.\x97\xf3\xaf\x7f\xfd\xdb\xe3\x8f?\x8e!Q\xb8,\xc8\xbf"\xae\xafO\xf1:!\xd3\x9f\x91\x91\x91\x96\x96&amp;\xd3?\xe6\xa9!+\x97\xcdLHhb\x16\x9d\xd4\xb4k:\xdcYM\x8c1\xc3\xd0\xad\xa2\x92(\xb73c\xe6\x1b\x19\xef\xbd\x12\x1d\x19^Y\xe9{\xe2\x89\'\x9ex\xe2\t]\xd7\xe5\xf4\xed\xba^L\x08\x02\xc8\xbf:p\x04p\xb6@\xfaG\x8d\x1aEDQ\x11aoO~a\xf8\xa8\xa1\xc2[$,~\x1dF\xff,B\x08nq\xdd\x13\xfb\xc3\x9a\xf5\x0f?:.o\xf7A"\x1a9r\xe4\xf4\xe9\xd3\xb1\x1f\x04\x97\x84\xfc+\x05\x05\xf0_\xceJ\x7f\xac\'r\xf1W\xef\xa5v\xefd\x16\x9e\xd0\r=\x88\xa2c\xfaM#:\xb2\xf0X\xe1\x80\xbbF\xfd\x90\xb5\x8d\xb0\x0e@5 \xff\xaa\xb9\xde\xfb\xfcZ:+\xfd\x1d\xdb\xdf\xb2n\xed\xdc\xd4\xae)f\xe1\t\xc3a\x04Wh\x0c\x87a\x95xc&lt;\x11\xcb\x97\xcf\x1a&gt;\xf4\x97D$_\x17\x8e\x85\xe1B\x90\x7f\x05\xe1\x08\xe0g\xe7\xa6\x7f\xc9\xffex\xe2\xa3\xad\x12\xaf\x1e\xb4\xd3\xc8\xb8\xc55\xa7\x83\xdc!\xa3\xd2\xc7g|\xbc\x80\xce\xec\x07\xc9o\xd8\x08\xaeU\x1aj\x15\xf2\xaf&amp;\x14\x00\xd1\x99\x19o\x81\xf4\xa7\xa6\xb4\xca\\\xfc\xa1\xc7\x13a\x95\x96\xebFpO \xe3\x9c\x0bM\xd3\xc3\xc3\xceZ\x0707\x0e\x02\x90\x7fe\xa1\x00~N\xff\xbau\xeb\xbaw\xef\xce9\x8f\x89\x8e\xfc\xf1\xbb\xb9M\x13\x9bX%\xa7\x83=\xfd\x92\xe0\\\xe8:s8\xba\xdd\xf6\x9bu\x1b\xb6\x10\xd1\x94)S\xc6\x8c\x19\x83kd\x80\x90\x7f\xb5\xa9^\x00\xf2`\xf0\xd8\xb1c\xc9\xc9m\x0b\n\x8e\x85\x85\xbaWff\xa4vmo\x95x\xed\x91~\x89sN\x0eG\xb1\xb7,\xad\xd7#\xd9\xdbv\x13\xd1\xd2\xa5K\xef\xb8\xe3\x0e\xec\x07)\x0e\xf9W&lt;\xff\xaa\x9f\x04\x96\xb7:y\xf8\xe1\x87\x0b\n\x8e\x11\xd1\xbbo\xff&gt;\xb5{g\xb3\xf8\x94\x9d\xd2OD\x9a\xa6\x89J_L\xbc\xe7\xd3Yo\xc4x"\x89\xe8\x91G\x1e.((\xd04M\xbe\x03\xa0&amp;\xe4_\xf1\xfc+]\x00\xf2\x18\xf0\xd5W_]\xb6l\x19\x11\x8d\xf9\x7f\x0f\x0e{\xfca\x7f\xe1\t\xc3a\xc3\x03C\xdd\xd0\xcd\xe2SI\xa9)\xd3\xff\xf6"\x11\xe5\xe7\x17&lt;\xfc\xf0\xc3\x8c\xa9~\x08\xa82\xe4\x1f\xf9W\xf7\xf5\xcb\xfb\x9b\x7f\xff\xfd\xf7=z\xf4\xf0\xfb\xfd\x9d;\xb4Y\xb3\xeaS\xe17u\x126\x9e\x1e`\x9a\xa6\xe1\x89\x1d;\xfa\xa5\xa9\xef\xcd\xa33\x83\xa18\x10V\x10\xf2O\xc8\xbf\xb2\x05 o,nYVRRR^^^DD\xd8\xe6u\xf3\x9a%4\xe1\xa5\xe5\xd7\xff\xb5\x8eWC\x08\xc1\x19#\xc3\xe8\xd8ep\xd6Oy\x86\xa1m\xd9\xb25!!A\x08q=\xdc\xd8\x0b\xae\r\xe4\x1f\xf9\x97T|\xcdD$\xbf&gt;t\xf2\xe4\xc9yyyD\xf4\xc6\xcbO6k\xdd\xd2\xf4\x96\xda;\xfdD\xc4\x18#\x8b\xeb\x0e\xc7\x87\xef\xfe\xc9\xe5rX\x16\x7f\xe6\x99gp \xac\x1a\xe4\x1f\xf9\x97l\xfey\x9f\x97&lt;\xf8\xdd\xbd{\xf7\xc4\x89\x13\x89\xa8G\xb7\x94\xd1\xbf\x1df\x95\x14\xd9r\xe8\xf3\\\xba\xae\x99^oJ\xb7N\xcf?5D\x08\xb1t\xe9\xd2\xcf?\xff\\\xd7u\xcb\xb2\xeaz\xd1\xe0Z@\xfe\x91\xff\x00\x15\xabO\x0e\xf9\r\x1b6\xec\x93O&gt;\t\tq\xad]\xf6Q\xfb\xce\xed\xf8\xe92\xdb\xef\xfe\x04\x08!\xb8\xae\x97\x96Ut\xe8\xf2\xe0\xee\xbd\x07\x9b7o\x91\x93\x93c\x18\x06.\x8fT\x01\xf2\x8f\xfc\x07\xa8\xf2\x91\x07\xc8\xf4\xafZ\xb5j\xce\x9c9D4\xf8W}\xdaw\xeflyO\xab\x93~"b\x8c\t\x9f?2&gt;\xfe\xc5\xdf\r\xe7\\\xe4\xe5\xe5M\x9e&lt;\x19S\xe2T\x80\xfc\x13\xf2_\x85rG\x00\xf23\xee\xd3\xa7\xcf\xca\x95+cc\xa2\xbe\xff\xf7\xecf-\x9aPE\xa5\xa6\xa9\xd5\xfc\x82H\x10\xf9\x89\xf5H{dC\xd6\xb6\x98\x98\x98m\xdb\xb6\xc5\xc7\xc7\x93\x1c\'\x05\x9bB\xfe%\xe4_R\xa8\xf6\x89H\xde\x0c6++\xeb\xdbo\xbf%\xa2\xf4!\xf74o\xd3\x86\x97\x96\xa9\x96~"bD\xc2\xb4\\\x11\xe1\x13\xc6\x8f\x12B\x9c&lt;y\xf2\xd3O?e\x8c\xa99\x12\xaa\x08\xe4?\x00\xf9\x97\xd4*\x00i\xda\xb4iB\x88\x90\x10\xe7\xf0G\xee\x15\xbe\xd3\x9a\xaaS\x805C\xe7\xa7\xbd=zwi\x99\xd8\x8416c\xc6\x8c\xf2\xf2r]\xd7U;(T\r\xf2/!\xff\xa4T\x01\x08!\xe4\x97\\\xff\xe3\x1f\x9f\x13\xd1C\x03\xfb\xb7\xea\x90\xcc\xcb\xca\x15\xdc\xfd\x91\x18\x91\xf0[\xa1\xd1\xd1\xe3\xc7&gt;*\x84\xd8\xbau\xeb\x8a\x15+\x18c\x8a\x8c\x84\x8a*\xeazY\xae\x05\xe4\xff,\x8a\xe7_R\xa8\x00\xe4\xc1\xdd\xdc\xb9s\xbd\xde\xd3\xba\xae\x8f\x1e1Pp?\x91\xa2\xe9\x974]\x13e\xa7\xef\xffu\xdf\x1b\x1a\xd7g\x8cedL\'[\x8f\x81r\xceM\xd3\xb4,+pGxI\x08aY\x96i\x9a6^\xf9\x91\xffs\xa9\x96\xffs)T\x00\xba\xae\xfb|\xbe\x8fg\xcdb\x8cu\xbc\xb5u\xfb\xce\xc9\xe2t\x99\xae\xd2\xe4\x87s1\xc6\xacJ\x7fX|\xdcC\xf7\xf7\x15B\xacX\xb1b\xe7\xce\x9d\xb6\x9c\x0eaY\x96\x1c\x017\x0cC\xd7uM\xd3JJJ\x8a\x8a\x8a\x8a\x8b\x8b\x8b\x8b\x8b\x19c\xba\xae\x1b\x86\xa1i\x9a,\x83\xba^\xde\x9a\x87\xfc\x9fK\x9d\xfc_\x88*\x1f\xbfeY\x8c\xb1M\x9b\xb2r\xb6l\x11B\xdc\xff\xcb4\xcd\x15\xca-U&gt;\xe6\x8b`\x8c\x11\xf7\xdf\x7fooM\xd3JK\xcb\x16,X@g\xe6\x8a\xd8\x83\xdc\xa0\xeb\xba\xae\xeb\xfa\xa1C\x87f\xcd\x9a5b\xc4c\xbd{\xf7n\xd5\xaaebbBbBBBBB\xd7\xae]\x1ex\xe0\x81\xa9S\xa7\xe6\xe6\xe6\xca2\x907K\xa8\xebe\xaf1\xc8\xff\x85\xd8&gt;\xff\x17\xa7\xca4Py\xe3\xc3\xdf\xff\xfe\x85\x89\x13\'\xc5x\xa2\xb6\xfc0\xbf\xe1/\xea\x8bJ\xbfR\x87{\x17\xc2\x85 \x97\xeb\xf6\xb4G\xd6~\xffS\xd7.]V\xad^MD\xf6\xb85J\xe0&gt;_+V\xac\xf8\xe4\x93O\x16.\\XTTt\x91\xc7\xbb\\\xae\xdbo\xbf}\xc8\x90!\x8f&lt;\xf2H\xd5?\x0fv\xc8\xffE\xd88\xff\x97\xa4\xc4\xc5\xdfD\xa4\xeb\xba\xdf\xef\xfb\xfa\xebED\xd4\xaemB\xc3f\xbf\xe0\xde\xd3\x8a|\xc6\x97\xc4-n\xb8\xdc}\xd2:\xaeY\xb7ycV\xd6\xae]\xbb\x12\x12\x12\xe4\r\x03\xeaz\xd1\xae\x8a\xdc|\x1f9r\xe4\xa5\x97^\x9a9sf`_\xe7\xa6\x1b\x1b\xb5hqS\x9b\x96M=1\xd1dY~\xbf\xf9cv\xde\xa1C\xf9[\xb6\xee\xaa\xac\xac\\\xbat\xe9\xd2\xa5Kg\xcf\x9e\xfd\xfa\xeb\xafw\xea\xd4\xc9\x1e\xdf\x1f\x8b\xfc_\x84]\xf3_\x1dJ\x14\xc0\x99\x9b\x9f\xec\xd9\xb3g7\x11\xf5\xef\xd3\x954\x83s\xa1\xc0\xe7[-\x8c1\xe2\xbe\xbei\x9d_\x7f\xf3\xa3\x8a\x8a\x8a\xb5k\xd7\xda`\x05\x90\xfb\xbc\x99\x99\x99\x8f=6\xfc\xf0\xe1#D\xe4\x0eq\xfdf\xf0\x9d\x0f=xgjrbd\xc3x"\x8dH\'\x12DD\xc24\xbd\xa7\xb3\xb6\xec\\\x92\xb9\xe6\xfd\xe9\x9f\x1f\xcd?\xbe|\xf9\xf2U\xabV\xbd\xf9\xe6\x9bc\xc6\x8c\x91\x03\x02\xc1\xdb\x01\xc8\xff\xc5\xd92\xff\xd5d\xffWHgF\xf4\x96,Y\\QQi\xe8z\xef\xdbS\x89\xe3\xe0\xf7?4\x8dQyErJ\xab\xc6\x8d\xeb\x11\xd1\xc2\x85_Q0o\xef\x88\xc8\xb2,\xc30222\xfa\xf7\xef/\xb7\xfe\xc3\x1f\xb9o\xc3\xda\xcf&gt;\x9c\xf5F\xef\xfe\xdd#\xa3\xc2y\xb1\xd7,*6\x8bN\x98E\x85fQ!/\xf1\x1a\x8cu\xec\x94\xfc\xa7\tc7\xfd0\xff\x95\x97F{\xa2"|&gt;\xdf\xd8\xb1cG\x8d\x1a%\xcf\x0c\x07\xef`)\xf2\x7fq\xf6\xcb\x7f\xf5)Q\x00\xf2\xb3\\\xb3v-\x115nT/\xb1eS*\xafPv\xfa\xf3\xb9\x18c\x96\xdf\n\x8d\x89\xbe\xb5]K"\xda\x94\xb5\xa9\xac\xac,x\xaf\x88\x91#?\x19\x19\x19\xa3F\x8d"\xa2XO\xd4\xff~:\xe9\xa3\x8f\'\xb7NJ\xb0\x8a\x8b\xadb\xaf0-M\xd7\x0cC7\x0c\xc30t\xc3\xd05]\x13D\xfct\xa9YTX?6\xfa\xe5W\x9f_\xbelF\xfb\xb6\x89D$\x9f\'\xa8g\x86 \xff\x17g\xb3\xfc_\x16%\n@\xd34\x9f\xcf\xb7=7\x97\x88Rom\x1d\x16\x17c\xf9-E\x1a\xbe\x9a\x84\x10\xc4\xf4\x9e\xddo%\xa2\x82c\x05\x07\x0f\x1e\xfc\xf9\x87\xc1Fn\xfd\x97/_.\xb7\xfe1\xd1\x11\x8b\xbf\x9a6h\xc8\xaf\xfd\x85\'xY\xb9\xae\xeb\xba\xae\x9d\xf7\xa3gD\x9a\xa6\x19\x86.L\xd3\x7f\xb2\xa0}\x87\xd6\xcb\x97\xcdHMiED\x19\x19\x19\x13&amp;L\xd0u\xdd4\xcdk\xfdzj\x02\xf2\x7fI\xb6\xc9\xff\xe5\xb2\x7f\x01\xc8\x93xG\x8f\x1e=p\xe0\x00\x11\xdd\xda\xae%1C\x85\x8f\xf6\xb20\xc6H\x98)\xc9-5M+/\xaf\xc8\xce\xce\xa6 \\\x01\xe4g\x9d\x9f\x9f\xff\xf0\xc3C\x89(\xc6\x13\xb9d\xe1\xfb\xa9\xdd;\xf8O\x1es8\x8cj\x0e\xe92\xc6\x1cN\x87U|\xca\x13\x1d\x91\xb9\xe4\xc3\x0e)\xad\x88h\xc2\x84\t\xcb\x97/7\x0c#\xe8.\x11@\xfe\xab\xc3\x1e\xf9\xbf\x02\xf6/\x00\xf9)\xee\xdd\xbb\xd7\xeb=MD\xed\xda&amp;\x12a\xf7\xe7l\x9a\xc6\xa8\xd2\x97\xd8\xfc\xa6\xe8\xa8\x08"\xda\xbe=\x97\x82p\x05\x90_\xec7~\xdc\xb8\xfc\xfc\x02\xc3\xd0\xa7\xff\xed\x8f\xa9\xdd;\xfbO\x16:\x9c\x8e\xcb}*\xdd0\xac\xd2rO\\\xf4\xfcO\'\xc7\xc5F\x13\x89\xa7\x9ez\xca\xe7\xf3\x05\xdd\xb7G!\xff\xd5a\x8f\xfc_\x01U\n \'\'\x9b\x88\xa2"#Z\xb7jF\x95\x95X\x01\xce"\xef\x90\xeei\x14\xdf\xa2\xf9\x8dD\x94\x93\xb3\x85\x82\xed&lt;X\xe0N\xf7\xb3?\xfd\x94\x88\x86\x0c\x1ap\xff\xd0\x81\xfe\xc2\xe3W\xb0\xf5\x97tC\xf7\x17y\x9b\xde\x928\xf9\xf5\xdf\nA;v\xec\x08\xc6\xbb\xc6#\xff\xd5a\x83\xfc_\x19\xfb\x17\x80\x94\x9f\x9fOD\xa1\xa1!QQ\x11dY\n|\xb2\x97M\x08a\xb8\x9c\xb11QDTPP \x84\x08\xc6\x15\xe0\xfd\xf7\xdf\xb7,\xcb\xe5r\x8e\x7f&gt;\x9d\xfbJ\xaf\xf2V\x07\x86\xd3\xb0\xbc\xc5\x0f\xfe\xe6\x9e\x96\t\xff\xb9a\xa4\x9c\x14TS\x0b|m \xff\x97d\x8f\xfc_.\xfb\x17\x80\x1c\xf9\xcd\xca\xdaDD-\x13\x9b\x84\xc7{\xb8\xdfT\xe1\xa3\xbd\\\x9c\x0bb\xc6\xad\xc9-\x89(/oGqqq\x10m\xe9\x02\xb7\xba\xfc\xbfE\x8b\x18cC\x07\x0fHLi#\xca\xca\xafr*7#"\xd3rEF\xfc\xe1\xb9t"\xda\xbd{\xf77\xdf|\x13\\7\x8cD\xfe\xab)\xa8\xf3\x7f\xc5\xec_\x00\x92\xfc \x992Wx_)&amp;g\x07r\xce\x83\xeb\x16\x08\xf2\xdc\xec\xb2e\xcbJN\x9d\x12B&lt;\xf2\xd0]B\xf0\x1a\xb9\xd5\xa5\xa6k\xa2\xbc\xec\xde\xbb{\xc6x\xa2\x88\xb1\x7f\xfe\xf3\x8b\xab\x7f\xcek\x0f\xf9\xaf\x9e`\xcd\xff\x15\xb3\x7f\x1a\x18c\x15\x15\x15G\x0e\x1f&amp;"Ot$\x11\xb3y\xa7_\x15\xe1\x89\x8e$\xa2\xd2\xd2\xd2\xc3\x87\x0fS\xf0\x9c\x07\x93\xbb\xb4\xdf|\xb3\x82\x88\x9a\xdc\xd4\xa8mrK*\xaf\x99;\xdd\xcb\xd1\xe1\xf0zq=\xba\xa5\x90\x10\xeb\xbe[WQQ\x11D\x9bQ\xe4\xffr\x04k\xfe\xafX\xd0\xe4\xf8\xca\xc8\x81\xbc\xb2\xb2\xb2C\x87\x0f\x11QJ\xdb\x04\xd2\x1c\x82\xdb\xfcC\xbd2\x8c1"+%9\x91\x88JK\xcb\x0e\x1d:D\xc1\xb3\x02\xc8\xc99{\xf6\xec%\xa2\x9b\x9b\xfd"\xbaa\x9c\xa8\xb9\x81\x0e\xce\x85f\xb8R\x92\x12\x88(\xbf \xdf\xeb\xf5\x06\xcb\\ \xe4\xbf\xfa\x82:\xffW\xcc\xe6\x05 1\xc6\x1c\x0e\x07\x11\x99f\xd0\x0c\xdd\xd6\x95\xc0[$\xdf\xb1\xa0 g\x7f\x96\x94\x94\xec\xda\xb5\x93\x88\x92n\xb9\x99DM^\xc6\xc9\x18#2[\xdf\xd2\x9c\x88JJN\xe5\xe6\xe6RP\xdd1\x18\xf9\xaf\xbe`\xcc\xff\xd5P\xa2\x00(0\x06\x8aS_\x97\x12x\x8b\x82n\xdfG\x08\xe1\xf7\xfb\x89(.&amp;\x8a\x98V\xd3\x8b/\xe2b\xa3\xe8\xccw\x8a\xd5\xecS_\x03\xc8\x7f5\x05o\xfe\xaf\x8c*\x05\x00*\x90C\xf3V\xed|\xcfI\xe0i\x83\xe8\x04\x00\xc0\xc5\xa9\x12e9\x1c\xacH\xab_\x8d\xc0[\x14t3\x05\x03_\xe5\xe8\xf7\x9bT\x0b\x1f\xb4\xdf\xff\xf3\x8e\x7f\xd0\xdd\r\x82\x90\xffj\x0b\xde\xfc_\x19%\n@\x08aZ&amp;\x119\xd5\x18\xd7\xbb\x1a\x81\xb7(\x88\x06:\xe4)\xd9\xc8\xc8\xc8f\xcdn&amp;\xa2M9;\x88Y5x\xb7K!\x04\x91\xb19{\x07\x11EFF\xb4h\xd1\x82\x82j\x03\x81\xfcW_0\xe6\xffj\xd8\xbf\x00\x84\x10\x0e\x87#*2\x8a\x88v\xed=H\x027B\xb9\x08m\xd7\xde\x83D\xe4p8\xa2\xa2\xa2(x6s\x9cs\xc30n\xbc\xf1F"\xda\x7f \xbf\xa2\xe44\xab\xb9\xaf;g\x8cHXy\xbb\x0f\x10Q\x8c\'&amp;..\x8e\x82\xe7\x9dA\xfe/G\xb0\xe6\xff\x8a\xd9\xbc\x00\xe4\xbeaDDDBB"\x11\xed\xde{\x98\x84i\xf7\xcf\xf4\n\t!\x88\xb4\xdd{\x0e\x11\x91\xc7\x13\x9d\x90\x90@\xc1\xb3\x02\xc8#\xf7\xee\xdd\xbb\x13\xd1\xb6\xed{rs\xf2\xc8\xed\xb6jb\xa2\x8e\x10Bs\x18\x15E\xc5K\xbfY\xcf\x18Ki\x9f\x12\x1a\x1a*\xbfc\xfd\xea\x9f\xbc\xb6!\xff\xd5\x17\xd4\xf9\xbfb6/\x80\x00\x9f\xcfGD!!Nb\xaa\xbc\xe4+\xe3\x0eq\x11\x91eY\xc15\xd2-O\xcc\xf6\xef\xdf\xdf\xe9tr\xce\x17.^\xc5t\'\xd5\xc4\x84w\xce\x05s\x87~\xbfn\xf3\xd1\xfc\xe3B\x88{\xee\xf9%\x05\xe1`:\xf2_MA\x9a\xff+f\xff4\xc8\xf9\xda\xc9\xc9\xc9D\x94\xb7\xeb\xe0\xe9\x13E\xcc\xc0\xfd\xd0\xcfC\xde\x12}SN\x1e\x115o\xde"222\x88\xee\x87%o\xd2\x99\x98\x98\xd8\xbd{w\xc6\xd8;\xd3\xe7\x9f8x\x88\xb9\x1c5\xf1A\x0b\xe2\xfc\xb5I\x1f\x99\xa6U/&gt;\xfe\xee\xbb\xef&amp;\xa2 \xbaO\x00\xf2_MA\x9d\xff+f\xff\x02\x90\x1a6l@D\xc5\xc5\xde2oY\r\x8e\x0e\xdb\t\xd3\x88[f\xc1\xf1B"\x8a\x8f\x8f7\x82m3!\xbf\xf9d\xc4\x88\x11B\x88\xe3\'\x8a\xde}o\xae\x16\x1am\xfa\xaf\xeaT\x9eeZzt\xd4\xaaekW\xae\xfa\x91\x88\xee\xbd\xef\xbe\xf8\xf8\xf8`\x19\xff\xa9\n\xf9\xbf\xa4`\xcf\xff\x95\xb1\x7f\x14\xe4\xba\x9a\x94\xd4\x96\x88JNy\xf3v\xed\'\x97\x93\xe3j\xf8\xff&amp;\x84\xd0\x0c\xc3{\xacp\xf7\xeeCD\xd4\xa6Mk\n\xaa\x8b]\x89\xc80\x0c\xce\xf9\x03\x0f&lt;\xd0\xa3G\x0fF4\xf5\xbd\xb99\x1b~tx\xa2\xac+\x9d\xce\xc19g.GY\xd1\xa9\xdf\x8e\x9b\xcc\x18\x8b\x89\xf1L\x980A^u\\\xb3K^\xab\x90\xff\xea\xb0A\xfe\xafL0E\xf9\xca\xc8\x15\xa0I\x93&amp;!!!\x9c\xf3\xcd\xd9y\xf8J\xbcs\t!(\xc4\xb5g\xcf\xc1\xe3\'\n\x89H\x9e3\x0cF\x86aL\x992E7\xf4\xe2b\xef\xd0\xf4?\x14\x1d/\xd2\xc3B-\xf3\xb2\xc7s9\xe7\x82iZh\xe8\xe8\'\'l\xce\xce\xe3\x9c\xbf\xfa\xeak\r\x1b6\x94\xc7\x19\xb5\xb1\xe4\xb5\x04\xf9\xaf\x0e\xdb\xe4\xffr)T\x00\x8d\x1a6$\xa2M\xd9;\x88DP\xad\xc2\xd7\x02\xe7\x824#g\xeb.\xbfi:\x1c\x8ev\xed\xdaQ\x10^\xf2\xaai\x9aeY\xed\xdb\xb7\x9f4i2\x11eo\xdd\xd5o\xc0\x88\xa2"\xaf\x1e\x15\xe1\xf7\xfb\xab\xbf\xcd\xb3LSs8\xf4\x88\xb0Q\x8f\x8e\xfbx\xee""\x1a8p\xe0\x93O&gt;i\x9af\x10\x8d\xfeK\xc8\x7fu\xd8#\xffW\xc0\xfe\xafP~}\x87\xdb\xedNHL$\xa2\xef7\xe4\xf8\xbc^-\xd8V\xe3\xda&amp;\xb7\x08\xdf\xae\xd9HD\xb1\xb11\xcd\x9a5\xa3\xe0\x9c\x03\xa7\xeb\xbaeYc\xc6\x8c\x199r$\x11m\xd8\x94\xdb\xef\xce\x91;\xb7\xefu\xc4\xc43"\xcb\xb4.\xb2\xf3+\x04Y\x96\xc5-\xae{&lt;\xdeJ\xffc\x8f\xfc&gt;\xe3\xe3\x05D\x94\x9a\x9a:}\xfa\xf4 \xbdG&lt;\xf2_\x1d\xb6\xc9\xff\xe5\xb2\x7f\x01\xd0\x99\xb1\xbc\xd4\xd4T"\xda\xb3\xf7\xf0\xbe\x9d\xfb\x99\xdb\x85a\xd0\xaa4]\xf7{\xbd\xeb\x7f\xdcJD\xadZ\xdd\x12\x11\x11\x11tc\x1d\x01rF\xd0\xf4\xe9\xd3\x7f\xee\x80\xacm\xddz\x0c\x999\xfd3\x1f\'\xdd\xe3a\x86!o\xe8fY\x96eq\xf9\x1f\xf9\xff\x98\xc6\xf4\xe8H-"t\xd9\x92Ui\xbd\x86\xcd\xf8\xf4+"JMM\xcd\xcc\xcc\xf4x&lt;\x14\xb4[\x04\xe4\xff\x92\xec\x94\xff\xcb\xa2D\x01\xc8\x0fr\xc0\x80\x01\x86aTTV\xae]\xff\x13\x19N\x15\xce\xf0T\x13\xe7\x82\xb9]\xbbw\xec\xdb\xb3\xef0\x11\xddy\xe7\x80\xa0\xfb\xea\xf3\xaa\x18cr\xb7w\xfa\xf4\xe9/\xbf\xfc\n\x11\x1d?Y&lt;\xfc\xf1?u\xe8\xf6\xd0\xcc\xe9sO\x16\x9d\xd2"\xc2\x0cO\x9c\x1e\x1d\xa5GG\xc8\xff\x18\x9e\x18=:\xaa\xcc\xe7_\xb6xU\xff\x01\xa3\xfa\x0e\x18\xb9qs.\x11\r\x1a4Hn\xfd9\xe7\xc1; \x80\xfc_\x9c\xcd\xf2\x7fY\x8c\xba^\x80kA\xae\xba\xc9\xc9\xc9\x8d\x1a6&lt;p\xf0\xe0\xc2\xc5\xab\xd3\x9fxH\x81v\xaf.\xce93\\\x99+\xd6UTT\xea\xba\xd6\xabWo\n\xda\xbd]I.&lt;\xe7\xfc\x95W^\xee\xd2\xa5\xf3\xf3\xcf?\xbfe\xcb\x96\x9c\xad;\x87?\xfer\xbd\xf8\x98\xae\x9d\x93\xdb\xb5k\x95\x94\xd8\xd4\x13\x1bE\x16\xf7\xfb\xcd\r\xd9;\xf6\xec9\xb8r\xd5\x8f{\xf7\x1e\x92\xcf\xd0\xa0A\xfd?\xfc\xe1\x8fO?\xfd\xb4|\x9e\xe0\xdd\xfa\x13\xf2\x7f)\xf6\xcb\x7f\xf5)Q\x00\x8c1\xcb\xb2BCC{\xf5\xee=k\xd6\xac\x1f7\xe5\x9e&gt;Q\x18\x1e\xe6\x16f\xf0M\xe8\xae\r\x1a#&amp;\xac\x95\xab72\xc6\x12\x13\x13[\xb7n-\xbfc\xbd\xae\x97\xeb\xaa\xc8\xe3\x00\xd34\xfb\xf5\xeb\x97\x96\x966q\xe2\xc4\xb9s?\xdb\xb6-\xf7\xd8\xf1\xc2\x05\x0bW.X\xb8\xf2B\x7f\xd8\xb0a\xc3\xbb\xef\xbe\xfb\xe5\x97_n\xdc\xb8\xb1\x1c\x07\x08\xea\xad?!\xff\x97b\xcb\xfcWSp\'\xfbr=\xf0\xc0@":x(\xff\xcb/\xbf!w\x98\x85aP\xf9}\x87a\xee\x9d?m_\xber\xbd\x10\xe2\xae\xbb\xeev\xb9\\\xb6\xb9\x0e\xde0\x0c\xcb\xb2\x9cN\xe7\x8b/\xbe\x98\x95\xb5i\xc1\x82\x05\xc3\x87\x0fOJj\x13\x17\x17[\xf5a\x91\x91\x91\xcd\x9a5\xbd\xff\xfe\xfbg\xce\x9c\xb9y\xf3\xe6\xe9\xd3\xa77n\xdc\xd8\xb2,M\xd3\xec\xb4\x89D\xfe\xcfe\xef\xfc_\x92\x12G\x00t\xe6(\xf8\xb6\xdbz\xdcpC\xe3\xc3\x87\x0f\xcf\xfbb\xe9\x90\xc7\x06j\x84\x15\x808\xe7\x9a\xc3\xfd\xe5\xa2oK\xcb\xcau]\xbf\xff\xfe\xfb\xc9^\xc7\xbf\xba\xae\x0b!8\xe7.\x97\xeb\xde{\xef\xbd\xf7\xde{-\xcb***\xda\xb6m\x9beY\x8c\x91\x10\xd4\xbcy\xf3\xb8\xb88\xb7\xdb-\xffDn\xfa\xed\xb4\x0f\x88\xfc_\x88\xed\xf3\x7fq\xc1\xf1\xdd\xd65\xc24M\xc30~\xf7\xfc\xf3\x93\xdfz+,\xcc\x9d\xbdn^\xd3\x96MEYe\r\xde8&gt;\x18\t\x12\x96\xa6\xdf\xdayp\xce\xd6]\x9d:u\\\xbb\xf6;\xb2\xe9\x0chY\x03t\xe1;\xf9X\x96%\x8f\xfdm\xb9\xfe#\xff\xe7\xa5N\xfe\xcfK\x95\xd7Ig&gt;\xd4G\xd3\xd3\x9d\x0eGii\xf9\'s\x171G\xa8P\xe3\\\xff\x85X\x16g\xe1\xe1\xabW\xae\xcf\xd9\xbaK\x081|\xf8c6\x9e\xff\xc0\x18\xd3u]\x1e\x10\xc8\xaf\x0f\x0b\xe0\x9c\xcbM\xbfa\x18\xb6\xdc\xfa\x13\xf2\x7f&gt;J\xe5\xff\xbc\xd4*\x00\xcey\xeb\xd6\xad{\xdc~;cl\xda\x87\x9f\x1f\xdb\xbf_\x0bq\xaas\x0ct.\xc6\xc8\xf2\x99\xafO\x9e!\x84hP\xbf\xfe\xaf~\xf5+\x15N\x7f\xc9\xf3\xc3z\x156\x1b\xeb?/\xe4\xff\\j\xe6\xbf*\x85\n\x80\xce\xdc\xc6}\xec\xd8\xb1B\x88\xe3\xc7\x8b&gt;\x9d\xb3\x90\xb9#\xaf\xe0F1\xf6`Y\\\x8b\x0c\xffi\xfdfy\xab\xcb!C\x87\xc6\xc5\xc5\x05\xe3\xad.\xa1\x9a\x90\xff\xaa\x90\x7fR\xad\x004M\x13B\xa4\xa5\xa5\xb5l\xd9R\xd3\xb4\xe9\xb3\x16\x94\x1c\xcb\xd7\\\xaa\xee\x041"N\x13\xff6\x9b\x88B\\\xae\xc7\x1e{,\xe8nu\t\x97\x05\xf9\xff/\xc8\xbfj\x05\x10\xb8/\xca\xf8\xf1\xe39\xe7;v\xee\x9b:e\x96\x16\x16\xa9\xce\xac\xaf\x00\xcb\xe2zd\xc4\xb7KV\xfd\xef\x17K\x85\x10\x0f&gt;\xf4P\xabV\xad\x82\xfd\x8a\'\xb88\xe4?\x00\xf9\x97\x14\x9a\x05\x14 \xe3\xde\xbbw\xefU\xabV\xc5\xc5Fg\xff0\xbf^\x83x\xf2\xfb5\x95\x0e\xfd,\xce\x99\xdb\xdd\xbb\xcf\xa3\xff^\x93\x15\x1b\x13\x93\xb3eK\xfd\xfa\xf5\x15\xdc\x03R\x10\xf2O\xc8\xff\x19j\xbd\xda\x00]\xd7_}\xf5UM\xd3\x8e\x9f(\x1a\xff\xe2_5w\x18Wi\'\xc84M=\xca3{\xc6?\xbe]\xbdQ\x081\xf6\xd9g\x1b4h\xa0\xe0\xee\x8f\xb2\x90\x7f\xe4_R\xf1\x08\x80\x88,\xcb\xd2u===}\xd6\xacY\xba\xaeg.\xf8{\xef\xbb\xd3\xac\xa2S\xbaa\xff\t\x00\x9c\x0br:N\x1c+l\xd7yP\xc1\xb1\xc2\x84\x84\x16?\xfd\x94-\xa7?*u\xfaKe\xc8?\xf2/)Z\x00r\xaa\xef\xb1c\xc7Z\xb5jU\\\\\xdc\xbc\xd9\r\x9b\x7f\xfc"\xc4\xe9\xd0\x14\x98\x03`\x9a\x96\xe1\xf1\x0c\xfe\xf5\xe8\xf9\xffZND\x99\x99\x99}\xfb\xf6\x95[\x84\xba^4\xb8F\x90\x7f\xe4_R\xee\x90G\x92\xd3!\x1a4h\xf0\xd6[o\x11\xd1\xae=\x87\x9ey\xe6u=,\xdc\xb2l~\r\x88\xe97\rO\xcc\xcci\xb3e\xfa\x87\x0fOW9\xfd\xcaB\xfe\x91\x7fI\xd1#\x00I^\x1c?x\xf0\xe0\xf9\xf3\xe7\x13\xd1\x8cw\xff\x94&gt;\xfa\x11\xb3\xf0\x84\xe1\xb0\xe7-\x92,\xd3\xd2\xa3"r6n\xed\x92\xf6HYYy\xd3\xa6\xcd\xb2\xb3\xb3\xddn\xb7\x9a\x07\xbf\x80\xfc#\xffJ\x17\x80\xbc9LIIIjj\xea\xde\xbd{CCC\xbe\xcd\xfc\xb0C\x97\x14\xab\xc4k\xbf\xc1P\xce99\x1c%\xa7\xcbz\xf6\x1a\x96\xbdu\xb7a\xe8k\xd6\xac\xe9\xd4\xa9\x93\x9a\xe7\xbe\x80\x90\x7f\xe4_\xd9! I6\x7fLL\xccg\x9f}\xc6\x18+--\x1f&lt;\xe4wE\xc7\x0buw\x08\xb7\xd7\xb1\xb0\x10\x82\x13\xd3B\xdd\xa3F\xbe\x98\xbdu\x17\x91\x984iR\xa7N\x9dL\xd3T9\xfd\x8aC\xfe\x91\x7f\xa5_&lt;\x11i\x9af\x9af\xa7N\x9d\xde{\xef="\xda\xb3\xffH\xbf;G\x95UT\x92\xd3a\xa7{BY\x9c\x1bQQO\x0c\x1f\xff\x8f\xafV\x12\xd1\xb0a\xc3\xc6\x8c\x19#G\x00\xeaz\xd1\xa0.!\xffu\xbdhuL\xf5\x02 "\xc30L\xd3\x1c5j\xd4\xe3\x8f?ND\x1b\xb2\xb6=9z\x82\x16\xea\x16L\x13\xb6\xf8\xc6\x0c\xbfi\x1a\xd1q\x1f\xfcu\xe6\x073\xffED\xa9\xa9\xa9\xd3\xa6M\xe3\x9c+{\xe2\x0b\xaaB\xfeU\x86\x02 "\xd2u\xdd4\xcd\xf7\xdf\x7f\x7f\xe4\xc8\x91D4k\xee\xa2Q\x8f\x8e\xd3#\xc2H\x0f\xf2{\xc3\naY\x96\xc3\x13\x9f\xf1\xce\xcc\'\xc6\xfc\x85\x88RSS333CCCI\xa5o\xbd\x80\x8bC\xfe\x95\x85\x02 :s\xa7x\xcb\xb2\xa6O\x9f.\xd7\x81\x8c\x8f\x17\x8cJ\x1fo\x19\x86\xe6p\x04\xe9\xed\x129\xe7\x96 =:\xfa\x83\xbf\xcd\x18\xf5\xf4\xebD\xd4\xb1cjff\xa6\xc7\xe3Q\xfc\xc4\x17\x9c\x05\xf9W\x96\xd2\xb3\x80\xce"\'E\xe8\xba&gt;j\xd4\xa8\x8c\x8c\x0c"\xea\xd6\xa9\xed\xc2/\xa7y\xea\xc5\x98E\xa7\x82kn\x9ceZz\x88\x93\xdc\xee\'F\xfc\xf1\x83\x8f\xbe \xa2\x8e\x1d;.Y\xb2\x04\xe9\x87\x0bA\xfe\x15\x847\xe2?\x18c\x9a\xa6U\xdd\x0fZ\xbb&gt;\xbbw\xdf\xc76\xfd\xb8\xd5\x88\x893\xfdf\xb0\x94\xa5\xe97\xf5\xe8\xc8\xa2Se\x83\x7f\xfd\x14\xd2\x0f\xd5\x84\xfc+\x08G\x00g;w?(\xd6\x139\xed\xef/\r\x1ar\x9f\xf0\x96\xf0\xeb\xfb\xa2A\xc1\x05\x17\\\x8f\x8e\xd9\xb4a\xf3\x88\x11/fe\xef \xa4\x1f.\x07\xf2\xaf\x14\xbc\x1dg\x93\xfbA\x9c\xf3\xe9\xd3\xa7O\x992\x85\x88N\x16\x9d\x1a&lt;\xf4wc\x9f~\xc5\xd2u="\xdc4\xaf\xd3]!\xd3o2\x97C\x8f\xf6|\xf8\xfe\x9c^}\xd2e\xfa\x87\x0f\x1f\xbe|\xf9r\xa4\x1f\xaa\t\xf9W\n\x8e\x00\xceO~o\xb8\xa6i\x99\x99\x99\x8f=6\xfc\xf0\xe1#D\xd495i\xea\xdb\xe3:u\xefD\xa5\xa7L\x9f\xef\xfa\x99D,\xbf\xc7N\x8b\xf2\x1c\xd9w\xe0\xb9\x17&amp;\xcd\xfb|\t\x11\xb9\\\xae7\xdexc\xcc\x981D\x84\xf4\xc3eA\xfe\x15\x81\x02\xb8\x18y\xa9\xc8\xd1\xa3G\xd3\xd3\xd3333\x89(\xc4\xe5\xfc\xdd\xd8G\x9f{vXT|=\xf2\x96X\xa6\xa5\x19z\x1d\xce&amp;\xb3,\xce\x88\xb4\xe8\x08\xaa\xf4\xcf\xfc\xf8_\x7f\x9a\xf0\xee\xa1#\xc7\x88(11\xf1\xa3\x8f&gt;\xea\xd6\xad\x1b\xe7\\\xe5[\x9d\xc0\xd5@\xfem\x0f\x05p\t\x81;\x05N\x9d:u\xfc\xf8\xf1\x15\x15\x15D\xd4*\xb1\xe9\xef\x9eK\x1f:\xf8.Gd8y\xbd\x96ii\xbav-C&amp;\x88\xb8\xdc\xeb\x89\x0c\'A\xcb2WO\x9a4s\xd9\xca\xef\xe5oG\x8c\x181y\xf2\xe4\xa8\xa8(\\\xeb\x08W\t\xf9\xb77\x14\xc0\xa5\x05v"\xb6l\xd9\xf2\xc2\x0b/,^\xbcX\xfe\xbcK\xc7\xb6\xe3~?\xb2_\xaf\x8e\xaeh\x0f\x95\x9e6}~\xc6\x98\xae\xd7\xee\x91&amp;\xe7\x9csa\x18:E\x84\x91\xcf\xbf\xee\xfb\xec\xbf\xbf;g\xee\xfc\x9f\x17)))\xe9\xcd7\xdf\x1c0`\x00UYu\x01\xae\x06\xf2oc(\x80\xea\n\xe4i\xde\xbcy\x7f\xfe\xf3\x9fsrr\xe4\xcf\xdb\xb6i1\xe6\xe9\xa1\xf7\xdfwGd\xbd8\xe2~q\xba\xcc\xb2,\xa6iZ\xcd\x1dx\n"\xc19\xe7BcL\x0b\x0b!\x87\xdb*\xf5~\xb3j\xc3[o\x7f\x9c\xb9\xfc;\xf9\x98\x86\r\x1a\x8c~\xf2\xc9\x17^x\xc1\xe9t\xe2\xb0\x17j\x1c\xf2oK(\x80\xcb /\x8b\xd74\xcd\xe7\xf3M\x9c8q\xda\xb4w\x8f\x1e\xcd\x97\xbf\xba\xe9\xc6F\x83\xee\xbf\xe3\xbe_\xf6\xea\xda5\x85\x9cn\xe2&gt;*\xaf\xb4\xfc\xa6\x10\x821&amp;\xd7\x86\xcb\xfa\xb7\x84\x10\\\x08\xc1\x05c\xa4\x1b:\xb9\\\xe4p\x11Y\xdb\x7f\xda\xfe\xf5\xe2\xd5\x9f\xfd\xef\xe2M\x9bs\xe5#\xddn\xf7C\x0f=\xf4\xea\xab\xaf6n\xdc\x98\xb0\xe3\x03\xb5\x06\xf9\xb7\x1f\x14\xc0e\x0b$\xac\xa0\xa0`\xf6\xec\xd9\xb3g\xcf\xce\xce\xce\x0e\xfc\xb6{\xb7\xf6}\xd2:\xf5M\xeb\x98\x9c\xdc246\x9aH\'aR\xa5O\xf8\xfc\x82\x0b.\x04\x91\x907\xe2=\xebi\xcf|\x10\x821\x8d1\xd2\x1c\x0er9I7\x88\xc8\xf2z\xf3v\xee_\xbar\xfd\xbfWm\xcc\\\xfe]YY\xb9\xfc\x93F\r\x1b\xfef\xc8\x90a\xc3\x86\xb5i\xd3\x86\xe4W]\xeb:v|\xa0V!\xffv\x82\x02\xb8\x12\x81\x8be\x88\xc8\xe7\xf3-Y\xb2d\xe6\xcc\x99K\x97.-++\x0b&lt;\xa6i\xd3\x1b\xda\xb7ky[\xd7\x94\x94\xe4\xc4[Z4\x89k\x10G!."yJJ\x10\x9d{\x7f\x15\xed\xcce\x19&amp;\x99f\xf1\xb1\xc2\xbc\xdd\x87\xb6\xe6\xee^\xf3\xdd\xa6\r\x1b\xb7\xe6\xed\xdc_YY\x19xh\xf7\xee\xdd\x86\r{\xf4\x9e{\xee\xa9_\xbf&gt;\x11Y\x96%\x8f\xb9k\xf5U\x03H\xc8\xbfm\xa0\x00\xae\x9c\x10\xc2\xb2\xac\xc04\x83\xed\xdb\xb7\x7f\xfd\xf5\xd7_~\xf9\xe5\x86\r\x1b\xaa\x86\x95\x88bc\xa2[4\xbf1\xda\x13\x99\xda\xae\xa5a\x18Q\x11am\x93\x13\x85e1b\xf2y\x98a\xec\xdfwh\xff\xc1|f\xe89\xd9y\'\x0bK\xb6\xef\xdcw\xf4\xe8\xf1\xb3\xfe\xc5\xa4\xa46\xfd\xfb\xf7\xbf\xef\xbe_u\xed\xdaU\xfeD~\xa3\x05\xe68\xc3\xb5\x87\xfc\xdb\x00\n\xe0j\xc9\xbd!y\xfd\xa4\xfcInn\xee\xfa\xf5\xeb\xbf\xfe\xfa\xeb\xac\xac\xac#G\x0eWV\xfa\xae\xe6\xf9\x1b4\xa8\x9f\x94\x94\xd4\xaf_\xff\x1e=z\xb4o\xdf^\xeev\xc9\x7f\x14{=P\xe7\x90\xff\xa0\x86\x02\xa81\x9csy\\\x1c\x08eYY\xd9\xfe\xfd\xfb\xb7o\xdf\x9e\x93\x93\x93\x93\x93s\xf2\xe4\xc9\xdc\xdcm\x96e\x9d*9U\xe9;\xcfZ\x11\x1f\x1fGD7\xdf\xdc\xdc\xe3\xf1t\xe8pk\xb3f7\xb7n\xdd\xbaE\x8b\x16\xd1\xd1\xd1\x81\xc7\x98\xa6)o\xde{M^\x13@u!\xff\xc1\x08\x05P\xf3\xe4\x9ap\xde\x98\x96\x94\x94p\xce\xf3\xf3\xf3\xf3\xf3\xf3\x19\xa3\xaa\xef}xxx\x8b\x16-\x84\x10\x1e\x8f\xe7BO\x88]\x1e\xb8\xfe!\xffA\x04\x05P\x8bD\x15rbru\x06+\xe5\xe1\xad\xfc\\\x10z\x08^\xc8\xff\xf5\x0f\x05pM\xc9w[\xae\x12\xe7\xfeV\xae\x1e\x88;\xd8\x15\xf2\x7f\xbdA\x01\x00\x00(\n\xd3\xa7\x00\x00\x14\x85\x02\x00\x00P\x14\n\x00\x00@Q(\x00\x00\x00E\xa1\x00\x00\x00\x14\x85\x02\x00\x00P\x14\n\x00\x00@Q(\x00\x00\x00E\xa1\x00\x00\x00\x14\x85\x02\x00\x00P\x14\n\x00\x00@Q(\x00\x00\x00E\xa1\x00\x00\x00\x14\x85\x02\x00\x00P\x14\n\x00\x00@Q(\x00\x00\x00E\xa1\x00\x00\x00\x14\x85\x02\x00\x00P\x14\n\x00\x00@Q(\x00\x00\x00E\xa1\x00\x00\x00\x14\x85\x02\x00\x00P\x14\n\x00\x00@Q(\x00\x00\x00E\xa1\x00\x00\x00\x14\x85\x02\x00\x00P\x14\n\x00\x00@Q(\x00\x00\x00E\xa1\x00\x00\x00\x14\x85\x02\x00\x00P\x14\n\x00\x00@Q(\x00\x00\x00E\xa1\x00\x00\x00\x14\x85\x02\x00\x00P\x14\n\x00\x00@Q(\x00\x00\x00E\xa1\x00\x00\x00\x14\x85\x02\x00\x00P\x14\n\x00\x00@Q(\x00\x00\x00E\xa1\x00\x00\x00\x14\x85\x02\x00\x00P\x14\n\x00\x00@Q(\x00\x00\x00E\xa1\x00\x00\x00\x14e\xd4\xf5\x02\x00\\;\xa2\x8a\xb3~\xc5\xaa\xa8\x93e\x03\xb8\xf6\xd8\xb9k\x02\x80\xcd\x08!8\xe7D\xa4\xeb\xfa%\x1flY\x96\x10B\xd34M\xc3\xf11\xd8\x1c\n\x00\xec\x8cs.\x84\x08l\xf7-\xcb:|\xf8\xf0\xee\xdd\xbb\xf7\xef\xdf\x7f\xe0\xc0~\xc6\x98\x10D$\xa2\xa3=III\r\x1a4h\xd2\xa4\x89\xdb\xed\xae\xfa\xb7\x9a\xa6\xe1\x98\x00\xec\n\x05\x00\xf6\xc49\x0f\x8c\xe7\x14\x14\x14\xac]\xbbv\xd1\xa2E\x1b6\xfc\xb0\x7f\xff\x81S\xa7N\x9d\xf7O\\.g\xe3\xc6\x8d\xdb\xb7o\x7f\xd7]ww\xee\xdc\xb9e\xcb\x96\xf2\xe7\x96eU\xe7\xd0\x01 \xe8\xa0\x00\xc0n\xe4\x80\x8f\xdcdggg\xbf\xfb\xee;_\x7f\xbd\xe8\xc8\x91#g=,&gt;&gt;\x96\x04\x17D\x8ci%%^\x9f\xcfW\xf5\xb7aa\xa1w\xdcq\xc7\xe8\xd1O\xf6\xea\xd5K\xd7u9\x82\x84A!\xb0\x19\x14\x00\xd8\n\xe7\\n\xa6\xb7l\xd9\xf2\xfb\xdf\xff~\xf9\xf2\xe5\x81-\xfbM76\xea\xd0\xa1u\xfb\xe4\xc4\x0e\xc9-=\x9e\xc8\xe67\xdfH\x9c\x13\x11\xe9F\xfe\x91\x82\xa3\xc7\x0bs\xb6\xed\xc9\xce\xc9\xdb\xb0qk\xce\x96\xbc\xc0\x13&amp;\'\'\xff\xe5/\x7f\x190`\x00\xe1P\x00l\x07\x05\x00\xf6a\x9a\xa6a\x18^\xaf\xf7\x8f\x7f\xfc\xe3\x87\x1ff\x94\x97W\x10Q\xa8;\xe4\x81\xfb\xfb\xfe\xfa\xbe&gt;=\xbb\xb7\x8f\xac\x1fG\xa4\x13\x99\xc49U\xfa\x88\xe4\xe0\xbe \x87A\x86A\xa4\x13\t\xcb\xeb]\xbfq\xeb\x82\x85+\xe7\xcc]t\xe4\xe8q\xf9\xcc\x03\x06\x0c\x98:ujBB\x82\xfc\'\xea\xee%\x02\xd4$\x14\x00\xd8\x84\xdc4gee\x8d\x1c92++\x8b\x88\xdc!\xae\x87\x06\x0f\x18\xfb\xf4\xc3mnmC$\xa8\xac\xcc\xf2\xf9\x85 \xc6\x181\xd2\xaa\x9c\xda\x95\xf3B\x85\x10\x8c\x91\xae\xeb\x14\xe6&amp;\xcdUp\xf0\xe0\xfb\x19\xf3?\xc8\xf8\xfch\xfe\t"\x8a\x8b\x8b{\xf7\xddw\x07\r\x1aT\xf5\xec\x02@PC\x01\xd4\x99\xaa\xef&lt;\xb6&amp;WIn\xfdg\xcc\x981v\xecXy\x8e\xb7\x7f\x9f\xae\x93\'&gt;\xdf:\xa55\xf9}\xd6\xe92bT\xcd\xf9&lt;\x82Hp\xce97BB\xc8\x1dz\xec\xd0\xd1\xd7\xff\xfc\xfe\xbb\xef\xcf\xe3B\x10\xd1\x981c\xa6L\x99\x82\x0e\xb8z\xc8\xff\xf5\x00\x05pMq\xce\x03\xdb\x8e\xaag\x14\xe5yKL?\xbf2r\xeb\x9f\x91\x911j\xd4("r9\x1do\xbc\xf6\xdb1\xcf\xa6\x13\t\xcb[\xca4veo\xa9\x10\xc2\xb2,Y\x03\x99\x0b\x97?6\xeaO\x87\xf3O\x10\xd1\xc8\x91#\xa7O\x9fnY\x16f\x88^.\xe4\xffz\x83\x02\xb8F,\xcb\xa2\xff\xbe\x10\xa9\xa4\xa4D\xae\x0cD\x14\x1d\x1d\x1d\xf8y\xd5I,pIgm\xfdc\xa2#\xbe\xfa\xe7;\xdd\xd2\xba\xf2\x92b\x12B\xd3\xafvk"\x84\xb0,nx\xa2\x8e\x1e8r\xef}Om\xd8\xb4\x8d\xcet\x80i\x9a\xba\xae\xa3\x03\xaa\x03\xf9\xbf&gt;\xa1\x00j]\xd5@\x1f:th\xf9\xf2\xe5k\xd6\xac\xde\xbbw_n\xee6\xd34\x191A\xd4\xbc\xf9\xcd\x8d\x1b\xdf\xd0\xad[\xb7~\xfd\xfa\xb5j\xd5\x8a\xce\xdc\xb4\x00{C\x17\'\xa7\xe5|\xfc\xf1\xc7\x8f&gt;\xfa(\x11\xdd\x92\xd8\xf4\xd3\xd9\x93RR\x93\xcc\xc2"\xc3Q\x93\xa7jM\xbfiD\x84\x17\x15\x95\x0c\x1f\xfe\x87\x05\x8b\xfeMD\x8f?\xfe\xf8\xfb\xef\xbf\x8fs\xc2\x97\x84\xfc_\xcfP\x00\xb5+0qp\xc5\x8a\x15\x9f|\xf2\xc9\xc2\x85\x0b\x8b\x8a\x8a.\xf2x\x97\xcbu\xfb\xed\xb7\x0f\x192\xe4\x91G\x1e!\xcc;\xbc(9\xe33\'\'\xa7K\x97\xce\xa5\xa5e\xb1\x9e\xc8\x95Kg$uhk\x16\x9e4\x1c\x8e\x1a\xff\xe7,\xd3\xd2\xc3\xdc\x15\x15\xbe\x1e=\x1f\xde\xb0)\x97\x88f\xcc\x98\x91\x9e\x9e\x8e\xcf\xe8"\x90\xff\xeb\x1c\n\xa0\x16\xc9\xf8\x1e9r\xe4\xa5\x97^\x9a9sf\xe0\xad\xbe\xe9\xc6F-Z\xdc\xd4\xa6eSOL4Y\x96\xdfo\xfe\x98\x9dw\xe8P\xfe\x96\xad\xbb\x88~~L\x9f&gt;}^\x7f\xfd\xf5N\x9d:\xe1|\xe3y\xc9\xfd\xca\xb2\xb2\xb2\xee\xdd\xbbeg\xe7\x18\x86\xbe:\xf3\xa3\xce\xbd\xba\x98\x85\x85\x86\xd3A\xb5\x13jnYZ\x88\xab\xa8\xe4t\x87\xce\x83\xf7\xee?\x12\x1a\x1a\xfa\xddw\xdf\xb5m\xdb6p\xf1\x01T\x85\xfc_\xffP\x00\xb5E\x0e\x0edff&gt;\xf6\xd8\xf0\xc3\x87\x8f\x10\x91;\xc4\xf5\x9b\xc1w&gt;\xf4\xe0\x9d\xa9\xc9\x89\x91\r\xe3\x8949\xf1\x9c\x88H\x98\xa6\xf7t\xd6\x96\x9dK2\xd7\xbc?\xfd\xf3\xa3\xf9\xc7\x89\xc8\xe9t\xbe\xf9\xe6\x9bc\xc6\x8c\xc1:p.\xb9qy\xea\xa9\xa7\xde}\xf7]"\x9a\xf2\x97g\xc7\x8c\x1b\xed/&lt;\xe1\xa8\xd1\x91\x9f\xf3\xfc\xbb\xa6\xa5GG\xae\xffv}\x8f~#|~3%%\xe5\xfb\xef\xbf7\x0c\x03\x1f\xd0Y\x90\xff\xa0\x80\x02\xa8\x15r\xf3\x1483ID\xc3\x1f\xb9\xef\xd9\xdf&gt;\xdc\xba}\x1b"Ne\xe5\xdcgr!\x88\x84\xbc\x16IcL\xd35\nu\x93\xee,8x\xe8\xfd\x8c\xcf\xff\xfa\xb7\xd9E%^:s\xbe\x11\xeb@Ur\x8f{\xc7\x8e\x1dIII\xa6i\xf6\xee\x99\xbal\xd9,\xf3\xf4i\xe3\x9a\xec\x86\x9b~\xd3\x88\x89\x9f0\xfe\x8dW\xde\xc8 \xa2Y\xb3f\r\x1b6\x0c\x83\x15U!\xff\xc1\x02\x05P\xf3\xceJ\x7f\xac\'j\xda\xdf_\x1c4\xe4W\xe4/\xb7J\xcb\x88\x98\xa6\x9d\'\xcag\xa6\x9f\x0b\xc3\xe5\xa4\xd0\xa8\xac\r\x1bG\x8ex1+{\x07U\x99w\x88M\x8c$7\x07\x03\x06\x0c\xc8\xcc\xcc\x0c\tq\xfe\xf4\xdd\xbc\x84\xa4\x04~\xba\xec\xea\xe7\xfcT\x87\x10\x823\xc6\x99\xd6\xf6\xd6_\xe7\xed:P\xbf~\xfd\xec\xec\xec\xd8\xd8X\xc2|v"B\xfe\x83\n\x06.k\x98\x8c\xe9\xf2\xe5\xcb\x03\xb3\x12\x17\x7f5m\xd0\x90_\xfb\x0bO\xf0\xb2r]\xd7u\xfd\xfc\x93\xc7\x19\x91\xa6i\x86\xa1\x0b\xd3\xf4\x9f,h\xdf\xa1\xf5\xf2e3RSZ\x11QFF\xc6\x84\t\x13t]7M\xf3Z\xbf\x9e\xeb\x8f\xdc\xfa\xe7\xe6\xe6\xaeX\xb1\x82\x88\x06\xff\xbaoBJ\x1b\xcb[zm\xb6\xfeD\xc4\x18\x13\xa6\xe5\x08\x0f\x1f?\xf6Q\xce\xf9\xd1\xa3G\x17,X\xc0\x18\x933\x1d\x15\x87\xfc\x07\x17\x1c\x01\xd4$y\xcf\xc8c\xc7\x8e\xa5\xa4\xb4\xcb\xcf/\x88\xf1D.\xf9\xea\xbd\xd4\xee\x1d\xfc\'\x0b\x1d\xce\xcb\x9b\x97b\x99\xa6\x1e\x16ZT\xec\xed\xdb\x7f\xc4\x8f\x9br\x19cK\x97.\xed\xd3\xa7\x0f\xf6\x83\xe4;0j\xd4\xa8\x8c\x8c\x0c\xb7;d\xd3\xda9\tm\x12DY\xf9\xb5&lt;\r+\x88\x04#?\xa7\xf6\x9d\x1e\xc8\xdd\xb1\xafu\xeb[6m\xda\x8ck\x02\x90\xff\xa0\x83#\x80\x9a$g.\x8f\x1f7.?\xbf\xc00\xf4\xe9\x7f\xfbcj\xf7\xceW\x90~"\xd2\r\xc3*-\xf7\xc4E\xcf\xfftr\\l4\x91x\xea\xa9\xa7|&gt;\x1fcJw\xb6\xfcv\x97\x82\x82\x82/\xbf\xfc\x921\x1axo\xaf\xc4\x94$~\xba\xec\x1aO\xc2aD\xdco\xb9"#\x9f{j\xa8\x10b\xdb\xb6\xdc\x7f\xff\xfb\xdf8\x08@\xfe\x83\x0e\n\xa0\xc6\xc8}\x93U\xabV\xcd\xfe\xf4S"\x1a2h\xc0\xfdC\x07\xfa\x0b\x8f_A\xfa%\xdd\xd0\xfdE\xde\xa6\xb7$N~\xfd\xb7B\xd0\x8e\x1d;&amp;O\x9e\xaci\x9a\xdc\xcfR\x93\xdc\xc2\xae[\xb7\xee\xd8\xb1cB\xd0\x83\xf7\xf7\x13\x82S]\xecw\xeb\xba&amp;*\xca\xee\xea\x7f[tT\x04\xe7|\xe1\xc2\xaf\xe8\xbf\xefo\xa3\x1a\xe4?\x18\xa1\x00j\xd8\xfb\xef\xbfoY\x96\xcb\xe5\x1c\xff|:\xf7\x95\xeaW70m8\r\xcb[\xfc\xe0o\xeei\x99\xd0\x8416c\xc6\x8c\xf2\xf2rM\xd3\x94\xdd\xd0\xc81\x96\xaf\xbf\xfe\x9a1vC\xe3\</t>
        </is>
      </c>
    </row>
    <row r="29">
      <c r="A29" s="1" t="n">
        <v>27</v>
      </c>
      <c r="B29" t="inlineStr">
        <is>
          <t>shape_size_hexagon</t>
        </is>
      </c>
      <c r="C29" t="inlineStr">
        <is>
          <t>What is the size of the missing shape denoted with a question mark if it is a hexagon?</t>
        </is>
      </c>
      <c r="D29" t="inlineStr">
        <is>
          <t>['small', 'medium', 'large']</t>
        </is>
      </c>
      <c r="E29" t="inlineStr">
        <is>
          <t>large</t>
        </is>
      </c>
      <c r="F29" t="inlineStr">
        <is>
          <t>There are 7 shapes with different sizes in the image, of which there is a missing hexagon in the center. The other shapes are arranged around the center, which are ['square', 'triangle', 'hexagon', 'square', 'triangle', 'hexagon'] in anti-clockwise order. Their corresponding sizes are ['small', 'medium', 'large', 'small', 'medium', 'large'].</t>
        </is>
      </c>
      <c r="G29" t="inlineStr">
        <is>
          <t>We observe that the squares are small size, the triangles are medium size, and the hexagons are large size. Hence, the pattern is that each shape appears with a distinct size.</t>
        </is>
      </c>
      <c r="H29" t="inlineStr">
        <is>
          <t>Based on the pattern that each shape appears with a distinct size, the size of the missing hexagon should be large.</t>
        </is>
      </c>
      <c r="I29" t="inlineStr">
        <is>
          <t>b'\x89PNG\r\n\x1a\n\x00\x00\x00\rIHDR\x00\x00\x02\x00\x00\x00\x02\x00\x08\x02\x00\x00\x00{\x1aC\xad\x00\x00L\xefIDATx\x9c\xed\xddy|T\xd5\xdd?\xf0{\xce\xb93\t\x84d\x12\x90E\xc5\x8d\xb0TA\x1f\t\xf5\x91\xf6\'\x017\xf0\xb1\xb6j\x05\x04\x14\xc1\x9fT\xacP\x08[\tb\xc0$\xac\xb2$Z\xf0W\xec"K\tV\xa4\xd6\xd6\xf6\x11\xad\xcaR\x1fm-\xa1\xb5\xa0E\x08Zk\x1f\x114\xc9d#\x99\xb9\xe7\x9c\xdf\x1f\xdf\xe4:&amp;\xa0\x84\xcc\xcc\x9d\xb9\xf7\xf3\xfe\xc3\x97\x02\x86\x9b\xc9\xbd\xe7s\xee\xd9\xbeLkm\x00\x00\x80\xf7p\xa7/\x00\x00\x00\x9c\x81\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2\x9d\xbe\x00\x000\x0c\xc3\xd0Z+\xa5\x9c\xbe\x8a\x98c\x8cq\x8e~g\xa2`Zk\xa7\xaf\x01\x00&lt;Dk\xcd\x18s\xfa*\xc00\xf0\x06\x00\xe08\xea\x84\xd5\xd4\xd4\x94\x97\x97;}-\xb1\xa5\xb5\x0e\x04\x02C\x86\x0cA\x06$\x08\xbc\x01\x008LJ)\x84\xb8\xf7\xde{7n\xdc\xe8\xf4\xb5\xc4\x9c\x10\xe2\xddw\xdf\xed\xdb\xb7\xaf\xd6\x1acA\x8eC\x00\x008I)\xc59///\xff\xc67\xbe\xa1\x94\xd2Z\xbb\xf8\x91\x14B\x84\xc3\xe11c\xc6&lt;\xf3\xcc3\x14{N_\x91\xd7!\x00\x00\x9c$\xa54\x0c\xe3\xdak\xaf\xdd\xbbw\xaf\x10BJ\xc99c\xcc}]c-\xa52\x0c\x83\xbe\xc7\x9d;w\x8e\x1c9\x12\x19\xe08\x04\x00\x80c\xa8\x05\xdc\xb2e\xcb=\xf7\xdcc\x9a\xa6eY\xcc0\xdc\xfa@2\xc6h\xd8Gk\xdd\xbf\x7f\xff\x03\x07\x0ep\xce\x19c\x98\x0cp\x10\x02\x00\xc0\x194\xdaS[[;d\xc8\x90\xa3G\x8fR\xfb\xa8\xb5&gt;\xafg\xf7\x01\x97\xf6UM!w\x0c\x91S\xa3\x1fj\n\xfd\xf1\xad\xbfR\xbc\xd1K\xc0\xbau\xeb\xa6M\x9b\x86\x97\x00g!\x00\x00\x9caY\x96i\x9a\x85\x85\x85\x8f&lt;\xf2\x08u\xff9\xe7\xa6)^\xff\xcd\xc6\xaf_\xfbM\xa3\xae\xdepE\x00\x18\x86ahm\xa4\xa6\x8c\x19\xfb\xc0\xb3/\xfcA\x08A\xdb\x1d233+**\x02\x81\x00^\x02\x1c\x84\x00\x00p\x80R\x8a1\xf6\xfe\xfb\xef\xe7\xe4\xe4\xd4\xd5\xd5)\xa5\x84\xe0\x96%\xef\x19\xf3\xedM\x9bJ\x1b?9.L\xf7,\xd1\x96R\xa5\xa4\xa7\xbd\xf7\xee\x91+\xae\x1bcYR)E/\x01\xd3\xa6M[\xb7n\x1d^\x02\x1c\x84\x00\x00p\x00\xb5zc\xc6\x8cy\xf6\xd9g\xa9S\xcc\x98\x91\x19\xc8\xf8\xfb\xee\x1d={vW\xe10wW\xa7XZ\x96\xff\x9c\xae\x0f\xe5/_\xfe\xa3\x9f\xb7\xccus\xce\xf9\x9bo\xbe\x99\x93\x93\x83%\xa1N\xc1\x87\x0e\x10o\xd4\xfa\xef\xde\xbd\x9bZ\x7f)\xa5\xe0\\)=\xeb{w\x9d\xd7\xf7b\xd9\xd8\xe8\xb2\xd6\xdf0\x0c.\x84\xaa\xab\x9f=mr\xcf\x1e\xdd\xe8\xed\x871fY\xd6\x9c9sh\xf2\xc3\xe9\x0b\xf4(\x04\x00@\\\xd1&amp;\xd8\xa6\xa6&amp;\xbb\xed\xe3\x9cK\xa5\xfag_4/o\x8aU\x15\xe4\xc2=\x83?6\xc6X\xb8\xb1\xe9\x9c\x0b\xce]\xbe\xe0\x07\xcd\xdfrK\nn\xdf\xbe\x9dR\xd0\xe9k\xf4"\x04\x00@\\\xd1\xce\xaf\xa7\x9f~z\xdf\xbe}\x9cs\x1a\xfc\xd1Z?V&lt;/\xa5Kg%\xa5\xebz\xff\xcdL\xd3\x0cWV\xdfs\xcf\xe8aCs\xa4\x94Bp\xea\xf8/\\\xb80\x14\n\x19-Gb@&lt;!\x00\x00\xe2\x87\xba\xffUUU\xf9\xf9\xf9\xd4\xfa\x0b\xc1\xa5T7\x0e\x1fz\xd3\xcd\xd7\x87\x83\xb5\xee\x9e\x0e\xd5Z\x0b\xd3,\x9a\xf7}!\xb8a0\xa5\x94i\x9a\x87\x0f\x1f^\xbdz\xb5\xbd:\x08\xe2\t\x01\x00\x10?\xd4\xfd/((8v\xecX\xcb\xc2\x7f\xc34\xc5c\xc5?\xd4\x1e\x18\x03\x11B\x84\xaa\x83#n\xbav\xfc\xed\xff%\xa54\xcd\xe6\xd9\xe0\x95+WVTTP":}\x8d\xde\x82\x00\xf04w\x9f&lt;\x93h\xa8\xf5?t\xe8\xd0\x86\r\x1b\xecAp\xa5\xd4\xfdw\xdfqi\xce\xa0p]\x83\x17V\xc20.\xd4\xc9\x93\x8b\xe6&gt;\x90\x91\xdeE)m\x18\x06\xe7\xbc\xa6\xa6\xa6\xa8\xa8\x08\xb3\xc1\xf1\xe7\xfe\x1b\x0eN\x87\x86#\xb0\x07\'n\xe8\x03\x9f1c\x86eY\xf4\xc9k\xad{\xf6\xe8V\xb4\xe0\x07\xaa\xbe\x81\x0bO&lt;\x8c\x9c\xb3p}C\xbf\xff\xb8l\xde\x83\xf7\xb4\xec~\xb0\x84\x10[\xb7n\xdd\xb3g\x0ff\x83\xe3\xcc\x13\xf7\x1c\xb4E\x8d\xd1\xe4\xc9\x93?\xfa\xe8#\xbc\x07\xc4\x01\xf5\xf7_z\xe9\xa5\x97^z\xc9^\x08\xaf\x94Z\x96?\xbd[\xef^\xe1\xc6&amp;\xef$\xb10M\xab\xb2z\xde\xcc)}\xfb\\hY\x92\xde{\xa4\x94\x05\x05\x05\x18\x02\x8a3\x04\x80\x17I)\x19c\xaf\xbe\xfa\xea\xa6M\x9b6l\xd8\xc0\x18\xc3\x83\x17S\x14\xb7\xa1Ph\xc6\x8c\x19\xf6\xd2O\xa5T\xce\x15\x97N\x18\x7f\xabU\x1dt\xd3\xbe\xdf\xaf\xc4\x0cCY2%=m\xc9\x0f\x1f4\x0c\x831F\xe9\xb8g\xcf\x9e-[\xb6\xe0% \x9e0\xe8\xe69\xd4\xdfWJ\r\x1a4\xe8\xc8\x91#&gt;\x9f\xef\xaf\x7f\xfdk\xff\xfe\xfd\xb1\x1b3v\xa8\x81[\xb6l\xd9\xc2\x85\x0b\xe9\xd8\x1fj\xe6^\xdd\xfe\xe4\xb5\xa3\x86\x87\xaa\x83\xee^\xfcsJJI_ c\xf8\xa8\xbb\xf6\xbc\xb1\xcf^\x02\xd4\xb3g\xcf\x83\x07\x0ffffbp2&gt;\xf0\xc0{\x0eMEn\xd8\xb0\xe1\xd0\xa1CB\x88\xc6\xc6F\xbb[\xea\xf4\xa5\xb9\x13m|=v\xec\xd8\x9a5k\xec\xb9_)\xe5\x1d\xdf\xba~\xc4\x8d\xc3\xc2\x9el\xfd\r\xc3\xd0\x06\xd3\x96\\\xbdx\xb6i\n\xea\x94p\xce\x8f\x1d;\xb6v\xedZ,\x07\x8a\x1b&lt;\xf6\xdeB\xcf\xd5\xf1\xe3\xc7/\xbb\xec\xb2`0h\xb4\xbc\x80\xa3@G\xecDV|4MSJ\xc9\x19\xeb\xd2%\xed//o\xcb\xee{\xb1\xd5p\xd2\xb3/^\xd2\x92\xfe\xee]\xa7=\xf8\xd0\x13\x1b\x9f\x11BH\xa98g\xa6i\x1e8p\x005#\xe3\x03\x9f\xaf\xb7\xd0C\xb5`\xc1\x82\xaa\xaa*\x1a\xfao\xb54\x05\x1d\x82\xe8\xa2\x93/\xcb\xcb\xcb\xcb\xca\xca8\xa7\x15/\\*5s\xca\xf8\xbe\xffqY\xa8\xb6\xde\xcbm\x1c\x17\\\xd6\xd6\x15\xe5O\xcf\xca\xcc\xa0\x1d\xd14S\xb2p\xe1B\xdc\x8a\xf1\xe1\xdd\x9b\xcf\x83h\xf0g\xdf\xbe}\xdb\xb6m\xb3\xdf\xb2[-N\xc7\xabwti\xad\xa5\x94yyy\xa1P\x881\xc69\x93Re_|A\xde\xb4\xc9VU\xb50=\xfd\xbe\xc5\x18\x93\x8d\xa1n\xbd{\x15\xce} \xf2\x80\xa0\xed\xdb\xb7\xdbk\xa5\x9c\xbeF\x97C\xccz\x08=]#F\x8c\xd8\xbd{7=]\xd4\xcf\xa2\t\xb7@ \xf0\xce;\xef\xf4\xe8\xd1\xc30\x0c/wK\xa3\xa8m\xc5GS\x08K\xca\xa7J\x0b\'\xdf\x7fW\xd3\x89\xcfL/-\xfe9%\xad\r\x83\x19\x8a\xf3\xcb\xaf\xb9\xed\xf0\xd1\x0fi\xe2\x175#\xe3\x06\xcf\xb9W\xd8}\xab\xb6\xad?u\xbe\xaa\xaa\xaa\x16,X@%[\x9d\xbeX7\xa0\xcf6\x18\x0c\x16\x16\x16\xd2h\x9b\x10\xdc\x92\xf2\x9a\xab\x07O\x9cxG\xf8\xb3*\xb4\xfe\x86a0f()\xfd\x9d;=V4Ok\xcd\x18^I\xe3\n\x01\xe0\t\xd4\xa6\xd3\xe8\xaa\xfd\x9fZ\xeb\xb4N\xa9\xf4\xefT\x8f\xb0\xac\xac\xac\xbc\xbc\x1c\xc7rE\x05m\xf5*--\xad\xa8\xa8\xa0\x8fTk\xc3\xef\xf7\x95\x14\xce\x15\x9c#dmB\x88p\xb0\xe6\xa6o\xdf0\xfa\x96\x1b\xa4T-\xe5qXAA\x01\xcdT\xa1G\x12;\x08\x00O\xa0\xa9\xc8\xd5\xabW\x1f&gt;|\xd84M\xad5\xe7,#\xbd\xcbK\xcf\xfd\xeck\xfd.\xa1\xb1i\x9a\x7f\xcb\xcb\xcb\x93R\xe2\x91\xeb \xfa\xc0\x8f\x1e=ZRRB\xef[\xa6)\x94R\xe3n\xbd\xe9\xeb\xb9CC5\xb5\xc2\x1b\x07?\x9c)\xc6\xb4e-\xc9\x9f\xee\xf7\xfb\xec%\xa1UUU\x05\x05\x05x\t\x88)\xdc\x85\xeeG\xef\xd4\x15\x15\x15+W\xael\x99g\xe3J\xe9\xe9\xf7\xde\xf9\xcdQ7\xcf\x99:Qk\xcd\x19\x97R\x9a\xa6\xb9w\xef\xde\xb2\xb22\xcc\xbfu\x10\x8d\xff\xcc\x9f?\x9f\xd6\xda\x1a\x86\xa1\x94\xea\x9a\x15X^0S\xd6\xd61\xac\xb5\xfd"\xcey\xb8\xb6~\xc0\xe0\x81s\xa6N\xb4+\x06\xd3n\x15\xbbj\x82\xd3\xd7\xe8N\x08\x00\xf7\xa3\xc6\xa8\xa8\xa8\xa8\xa6\xa6\x86f\xd4\xa4T\x97\\t\xfe\xdc\x99\xf75\xfe\xef\xd1\xc9\x93\xc7\\s\xf5`\xab9\x15\x14c\xac\xb0\xb00\x18\x0c\xe2\xd5\xfb\xacy\xb0\xe2c\xc7\xa1f\xa4#\x10\x00.g\x9f\xb2\xb2u\xeb\xd6\x96\xb9_\xae\xb5^\xf1\xd0\x8c\xac^\xdduS\xc8\x14\xa2\xa4p\xae\xdf\xef\xd3\xbay\xe0\xa2\xa2\xa2\xa2\xb4\xb4\x94\xde\x15\x9c\xbe\xfc\xe4\xe3\xcd\x8a\x8f\x1d\x87\x9a\x91\x8e@\x00\xb8\x1f\x9d\xb3H\xcf\x8f\x10\\J\x99\xfb\x8d!c\xc7\xdd\x1a\xfe\xac\xca\x9f\xe2\x0f\xd5\xd4~=w\xe8\xb8[oRJQ\x81\x0e!DII\xc9\xd1\xa3G1\x1b|\x16&lt;[\xf1\xb1\xe3P32\xfe\x10\x00nF\x87\x8e\x95\x95\x95\xd9\'\xad\xd3B\x94\xd5\x8bgk)5c\x86a0!dm\xdd\xf2\x82\x99]\xb3\x02vs\x1f\x0c\x06\xe7\xcf\x9f\x8fW\xef\xf6\xf2x\xc5\xc7\x8eC\xcd\xc88C\x00\xb8\x16\xbdG\xd7\xd4\xd4\xd0:t\xad5=B\xe3n\xbd\xe9\xaa\xdc\xa1\xe1\xda:\xc1\xb9a\x18\x9c1\xd9\xd8x^\xdf\x8bg}\xef.\xa5\xb4hy\xf5~\xf6\xd9g\xed\x1d\x03N\x7f+I\xc3\xe3\x15\x1f;\x0e5#\xe3\x0c\x01\xe0Z\xd4\x18\xd9O\x0e\xad\xae;\xe5B\x14.L\xab*8/oJ\xff\xec\x8b\xa4R\xf4\x87\x19cs\xe6\xccijj\xc2{\xc0\x19B\xc5\xc7\xa8@\xcd\xc8x\xc2\x1d\xe9N4\x9d\x1b\xf9\xee,8WJ\x9dr!\n\xed\xc6L\xe9\xd2\xf9\xb1\xe2/\xec\xc6\xdc\xb7o\xdf\xd3O?\x8dn\xd7\x19B\xc5\xc7\xa8@\xcd\xc8xB\xa2\xba\x13u?\xc7\x8e\x1dK+(\xa8\xfb\xdf\xaf\xcf\x85o\xef}Nhmh\xa3\xedT\xa4R\xca\x97\xdee\xe4\xad\xf7\xbe\xbc\xfbM\xda(\xc0\x18\xeb\xd1\xa3\xc7;\xef\xbc\x13\x08\x04p$\xcb\x97\xb3+&gt;\x8e\x1a5\xaay\xe9\xa7\x10R\xca\x9f\xad]\xfc\x7f\xa7\xde\xdd\xf4i%\x0e~8s\xd4$I\xc6\x06]s\xdb\x91\xa3\x1f\xd2\x89@R\xca\xdc\xdc\xdc\xd7^{\x8d\x063\x1d\xbeD\xb7@\xaf\xc4\x85\xda\xae\x9f;\xc3\x85(Z\xca\xc7\x8a\x7fh\x9aB\xeb\xe6\xfe\xec\xb1c\xc7\xb0\x1b\xf3+\xa1\xe2ct\xa1fd\xdc \x00\xdc\xa6\xed:\xf43\\\x88\xc29\x0f\xd75\\\x9a3\xe8\xfe\xbb\xefh\xb5\x1b\xf3\xd0\xa1C\xc8\x80/A#f\xabW\xaf\xa6"k\xb4\x8fIk\xbd\xba`VjZ\x9a\x92\n\xafN\xed%L\x11\xae\x0e\xde9\xe1\xb6\xdco\x0c\xb1gS\x18c\xf9\xf9\xf9\x95\x95\x95\x98\x0c\x88\x16\x04\x80\xdb\xb4]\x87~\xe6\x0bQ\xb8\xe0\xaa\xbe\xa1h\xc1\x0fz\xf6\xe8f\x1f\x13mY\x16jF~\tT|\x8c\x11\xd4\x8c\x8c\x03\x04\x80\xab\x9cj\x1dz\xcbB\x94\xc1_\xbd\x10\x85vcv\xeb\xddkY\xfet\n\x12{h\x1b\xbb1O\xc7.\xb2VYY\xd9\xfc\xf1j\x1d\xc8H_\xb1h\x96!\xe5)&amp;[\xe0\xcc\x08\xce\xc3\xb5\xf5W\xe5^\x1d\xf1J\xaa8\xe7\xabV\xad:|\xf802 *\x10\x00\xae\xd2j\x1d\xbaa\x18Z\xeb\xac\xcc\x8c\xa2\xfc\xe9\xaa\xe1\x8c\x16\xa2\x08\xd3\xb4\xaa\x83\x13\xc6\xdf6\xf8\xf2\xaf\xd1\x10\x10\x85\n\xed\xc6\xc4{@+\xa8\xf8\x18S\xa8\x19\x19k\xb8;\xdd\xa3\xed:t\xea%\x15\xcey\xa0[\xef^Vc\xe8L\x96\xf10\xc3PR\xa5\xa6u*)\x9c+\x04o\xa9d\xd2\xbc\xa2\x14\xdd\xaeVP\xf11\xa6P32\xd6\x10\x00\xee\xd1j\x1d\xba\xbd\x10e\xea\xfd\x13\xac`-?\xe3\x91h!D\xa8*8|\xd4p\xda\x8di\xcf\x06\xafY\xb3\xe6\xd8\xb1c\xc8\x00\x1b}8eee{\xf7\xee5MSJ\xc9\x19\xd7Z?\x9c7%\xeb\xdc\x1e2\x14\xc6\xc2\xd9\x8e\xe3BX\xc1\xda\xa9\xf7\x8d\xef\x9f}\x91\x8a\xd8\xa5h\xdf\xe7x\x0f\xe8\x08\x04\x80K\xd8\x83\xf5v\xcf\xa8y!\xca\xa2Y\xfeN\xa9\xed=\x83\x8cq\xa1N6.\x9a\xf3@ #\x9d\x1e0\xc6Xeee~~&gt;\x1e9\x82\x8a\x8f\xf1\x81\x9a\x911\x85\x00p\x03j\x8c"\x97\xebP\x06\x8c\xbe\xe5\x86\x117\x0c\x0bW\xd7\xb4w!\n\xe7,\\\xd7\xd0o\xf0\xc0\x99S\xc6\xb7\x9ch\xd6\\\xdf\x1c\xbb1\t*&gt;\xc6\rjF\xc6\x0e\x02\xc0\r\xa8Od/\xd8\xd7Zi\xad\xfd~\xdf\x92\xfc\xe9L\xa9\xb3[\x88"LaUU\xe7M\x9b|\xc9E\xe7\xd3\xea\x0b\xfa\x8b\xec\x93\xa5\xbd\x0c\x15\x1f\xe3\r5#c\x03\xb7i\xd2\xb3\x97~\x16\x14\x14\xd0X\x04\xe7B)5g\xea\xc4\x01\x83\x07\x86j\xeb\xcen!\ncL\x85\xc2Y=\xbb\xafxh\x06\xfd\x15\xf6nL\xaa\x19iYV\xd4\xbf\x97d\x81\x8a\x8fq\x86\x9a\x911\x82\x00Hz\xf6\xd2\xcf\xaa\xaa*j\xeb\xe9\x0c\xb2\xd9\xd3&amp;\xa9\xba\xfa3\x9f\xfbmK\x98f\xb8\xb2j\xec\xb8[\xed\xdd\x98\xd4\xf0\x15\x16\x16\xd6\xd4\xd4\xd0t\\\xf4\xbe\x8f\xa4\x81\x8a\x8f\x8e@\xcd\xc8X@\x00$7\xfb\xd8\xceVK?\x97\xe5O?\xe7\x82\xf3\xc3\x8dM\x1d\\\x88\xa2\x19\xd3R\xae^&lt;\x9b^\xbd[\xd5\x97\xf7`\xb7\x0b\x15\x1f\x9d\x82\x9a\x91\xb1\x80\x00Hn\xf6\xc1\xfd\xf6\xd2O)\xe5\xe0\xcb\xbf6a\xfcmVuu\xc7\xcf \x13\x9c\x87k\xeb\xae\xfaB\xcdH%\x84X\xbdz\xf5\xe1\xc3\x87=X\xa4\t\x15\x1f\x1d\x84\x9a\x91Q\x87\x00Hb\xf6\xa6\x18\xbbt\x17cL\x08^R875\xadS\xb4\xce cB\xc8\xda\xda\xe5\x05y\xf6nL\xc30h7\xa6\xe1\xb1G\x0e\x15\x1f\x1d\x87\x9a\x91\xd1\x85\x00HV\xf6\x11\xc4vCL\x190\xfe\xf6\xff\x1a&gt;jx\xa8*jg\x90q\xc6dc\xe8\xbc\xec\x0b\x0b\xe7&gt;\xa0\xd4\x17vcz\xadf$*&gt;:\x0e5#\xa3\x0b\x01\x90\xac\xec#\x88\x0f\x1f&gt;l\x9a&amp;\xad\x8d\x0bd\xa4/\x9a\xf3\x80:\xd9\xc8x4\xbb\xa2\xdc\x14VuM\xdb\xdd\x98\xf6\xd0\x93\x17\xde\x03P\xf11A\xa0fd\x14\xe1\x96MJ\xd4\x18}\xf1\x08b\xae\x94\x9a9e|\xbf\xc1\x03\xc3u\r\x9cGs(\x9a\x19-\xbb1\xdb\xd4\x8c\xf4\xcenLT|L\x10\xa8\x19\x19E\x08\xcc\xa4D\xdd\xcf\xc9\x93\'o\xda\xb4I\x08\xa1\xb5\xd2\xda\xe8sQ\xef\xb7^\xf9ez\xe7TC\xaaX\x9cBs\xca\x9a\x91\x81@\xa0\xa2\xa2\xc2\xf55#Q\xf11\xa1\xa0fd\xb4\xa0\xdb\x92|\xda\x96\xc7\x8b\xdb\x19dZ\xca\xc7\x96\xfc\xd0\xef\xf7\xd95#\xbd\xb0\x1b\x13\x15\x1f\x13\rjFF\x0b\x02 )I)\x0b\n\n\xa8\xcd\x8d\xdb\x19d\x9c\xf3p]\xfd\xa59Wxm7&amp;*&gt;&amp; \xd4\x8c\x8c\n\x04@\x92\xb1\x8f \xb6\x87;\xe3y\x06\x19\x17B\xd5\xd5yj7&amp;*&gt;&amp;,\xd4\x8c\xec8\x04@2iu\x041\x8du\xc6\xf3\x0c2\x0f\xee\xc6D\xc5\xc7\x84\x85\x9a\x91\x1d\x87\x00H&amp;\xad\x8e \xd6Z\xeb\xb8\x9fA\xe6\xa9\xdd\x98\xa8\xf8\x98\xe0P3\xb2\x83p\xfb&amp;\x8d\xb6G\x10\x0b\xce\x95v\xe0\x0c2\xef\xec\xc6D\xc5\xc7\x04\x87\x9a\x91\x1d\x84\x00H\x1a\xad\x8e f\x8cI\xa5\xfa^ra\xfc\xcf \xf3\xc8nLT|L\n\xa8\x19\xd9\x11\x08\x80\xe4\xd0\xf6\x08b\xba\xb3\x97\xcc\x7f0%=MY\xf1&gt;\x83\xcc\xf5\xbb1Q\xf11Y\xa0fdG \x00\x92@\xdb#\x88\xa9F\xe3\x8d\xc3\x87\xde9\xfe\xb6puM\xfc\xc7"\\\xbf\x1b\x13\x15\x1f\x93\x08jF\x9e5\x04@\x12h{\x04\xf1\xe7g\x909W\x96K\x98\xa6UY=o\xe6\x94\xbe}.\xb4,I\xd3\xa1\x91\x1b\x14\x92\x17*&gt;&amp;\x1f\xd4\x8c&lt;+\xb8\x8f\x13\x1du\xff+++#\x8e n9\x83l\xb0\x93g\x90\xb9x7f\xdb\x8a\x8f\x96%\xb3\x02\x19+\n\xf2P\xf111}I\xcd\xc8\xf2\xf2r\x97\xadM\x88"\x04@\xa2\xa3\xee\xff\xda\xb5k\xe9\x08b\xfa\x95\xac\xcc\x8c\xa2\xfc\xe9\xaa\xc1\xe13\xc8\\\xb9\x1b\x93\xbe\x91\x9d;w\xda\xd3-\x9cs\xce\xd9\x0f\xa7O&gt;7\xfbBT|LXT3r\xd6\x83\x93.\xbe\xf0\xbc\xc8]\x8a\xb3f\xcd\xa2\x05\xca\xd0\x16\x02 \xa1Q\xeb\x7f\xf8\xf0\xe1U\xabVQ\xf7\x9f\x169\x14\xce}\xa0[\xef^Vc\xc8\xf1\x85(\xee\xdb\x8dI\xa1\xf5\xc2\x0b/\x18\x86A\x8d\x88R\xaaSj\xea\xddw|K5\x9c\x8c\xee9\xdb\x10E\x8c\xb1\xf0\xc9\xc6\xee\x17\xf7\xbe\xe5\x86\\{\x8f$\xe7\xfcO\x7f\xfa\xd3\xf1\xe3\xc7=[\xc2\xfa\xcb!\x00\x12\x1a\x8dE\xd0\x1e+\xbb1\xea\x9f}\xd1\xd4\xfb\xc6[\xc1\xda\x8e\x14|\x8f\x16\xf7\xed\xc6\xa4!\xb5\x07\x1f|\xd0\xef\xf7\xd3\xc5s\xce\xeb\x1bN&gt;\xbcb\x1dO\xeb\xacU\xb2\x8ek\xb9\x9eR*%#\xfd\x1f\xfb\xde\xfeY\xd9s\xd4\xf7\xa7\xdbo\xfc\xf8\xf1\xbd{\xf7\xa6\x85sN_c\xc2A\x00$.\xfb\x08b\xfb\x94\x05\xbb\xfc\xac\xbfs\xa7\xc4)?\xeb\xb2\xdd\x98\xb4\x99\xe8\xd2K/\x9d;w.u!i\x14h\xdbs/\xbe\xb5\xe7O\xbe\xf4.2\xd9"\xcd+\xb4\xd6\x9c\x17\xacX\x7f\xb2\xb1\x89\x0e\x88\xd6Zgee-_\xbe\xdc0\x0c\xb4\xfe\xa7\x84\x00HP\xd4\xf7\xb7,\xcb&gt;\x82\xf8\x0b\xe5gk\x12\xa8\xfc\xac\xfbvcR\xcfq\xfe\xfc\xf9\xd9\xd9\xd9\x94\x01\x8c\xb1P8&lt;\xb7p-\x13\x82%[\xa4y\x81\x94\xd2\x97\x99\xb1\xeb\x0f{\x9f}\xe1\x0f\xf6\xcc\x8dR\xaa\xb8\xb8\xb8W\xaf^\xf4\x9fN_c"\xc2\x87\x92\xa0\xa8\xdd\xd9\xb0a\xc3\xa1C\x878\xe7T\xf2\xc5\xef\xf7=\xb6$\x11\xcb\xcf\xbal7&amp;\r\xb5edd,^\xbc\x98\xbe\x91\xe6\x05No\xec{\xe6\xe9\xe7}]\xb3\xa4s\xabo\xa1-\xad\r.D\xe8d\xe3\xdc\xa2\x92\xc8\x82\r\x03\x06\x0c\x98:u*\xdd\x90N_c\x82\xc2\xe7\x92\x88"W1Sc\xc4\xb9PJ\xcd\x99:\xf1\xd2\x9c+\xc2u\tw\x06\x99\xfbvc\xd2\xd9\x0f\x13&amp;L\xc8\xcd\xcd\xa5\xd6\x9f\x92 \x7f\xd9\xe3U\x9f\x9c\xe0~_rE\x9a\xbb))\xcd@\xfa\x86\'\xcb\xca\xdf~\x97n6\x8a\x81\xc7\x1f\x7f\x9c\xcaec\xfc\xe7t\x12\xab\x1d\x01\x12\xb9\x8f\x91\xdaz*?;{\xda$UW\x97\x08s\xbfm\x9dr7&amp;\xe7\xbc\xa0\xa0\x80\x16\xb0&amp;]\x06\x18\x86!\x84(..\xa6\x1f\x01mx~\xff\x9f\xff.]\xbf\xd1\xcc\xca\x94V\xc2\xbd\x87y\x93\xd6\xdaL\xf5\x7f\xf6\xd1\xb1\xc5k~lo\x94\x91R\x8e\x1c9r\xe4\xc8\x91\x14\xdeN_c\xe2B\x00$\x9cV}g{4sY\xfe\xf4s.8?\xdc\xd8\x94\xb8\xdd\x99\x88\xdd\x98F\xc4n\xcc\x05\x0b\x16$\xe3"&lt;jGrss\'N\x9c\xd8R\x07Fq\xce\x1f\xfb\xe9\xb6\xc3\xfb\x0f\xfa\xbat\xa6C\x90\xc0YJ*\xde\xb9\xf3\xa2\x15\xeb\xaa\xaak\x18cT\xac\xd4\xef\xf7?\xfe\xf8\xe3\xe8\xfb\x7f%\x04@\xc2i5z\xfe\xc5\xf2\xb3\xd5\x89\\~\xd6\xde\x8d9{\xea\xddR)!\x04-\xc5\xdb\xb6m[\x92\xd6\x8c\xa4\x91\x84\x15+Vt\xed\xda\x95\x02\x8c1\x16\xac\xa9-Z\xf3c\xde)\x15KB\x1d\xa7\x94\xf2u\xe9\xfc\xee\xfe\x03O\xfebG\xcb\xea\x03\xae\x94\x9a7o\xde\x80\x01\x030\xfa\xff\x95\xf0\xe9$\x96\xb6\xebg\x92\xab\xfc,\x17\xc2\xaa\xa9\x9b?\xeb\xfe\xec\x8b/PJq\xceZ\x1dc\xe7\xf4\x05\xb6\x0f\x85V\xaf^\xbd\xe6\xcc\x99c\x8f-\x08!\xb6=\xf7\xdf\xbbw\xee\xf6g\x05\x92n\x81\x93\xfb0\xd3\x9cY\xf0\xa8eIZ\x7f\xac\xb5\xee\xd5\xab\xd7\xec\xd9\xb3\xd1\xfa\x9f\t|@\t\x84\xfa\xfe\x91+\xe8\x93\xae\xfc,cL\x86B\x99\xbd\xba?\x9c7Ek\xcd\xd8\xe75#\xed\x93\x15\x9c\xbe\xc6\xf6\xa1\x0c\x98;wn\xbf~\xfdh8Nk-\xa5\x9a\xb5xuc\xfdI.x\x92e\x9a\x8bHK\xfa23~\xb9\xed\xd7/\xef~\xd3\x1e\xa0SJ\xd9ol\x18\xff\xf9J\x08\x80\x04B}\x96\xd5\xabW\x1f&gt;|\x98\x96\x9d$c\xf9Y\xd34\xc3\x9fUM\xbc\xfb\x8e\xc8\x9a\x91\x91g\xab%\xd7{\x00%\xb1\xdf\xef_\xbat)}#\xf4*\xb0\xff\xef\xff(\xdb\xf6k33\x13KB\x1d\xa1\xb5\xc1M\xd1T[\xff\xf0\xca\'\xec\xa5\x9fR\xca\x9c\x9c\x9cq\xe3\xc6\xa1\xfb\x7f\x86\xf0\x19%\nZ\xf9s\xec\xd8\xb15k\xd6\xd8\xa3\x99IZ~Vk-|f\xd1\xbc\xefs\xde\\3\x92NW.--M\xc6\x97\x00\xba\xe61c\xc6\xd8\xabJ\xa8}yh\xc5\xbaO\xff\xf5o_jJrE\x9a;Hi\x99Y\x81U\xa5?=\xf2\xfe\x87\xa2e\xe9\xa7\x10\xa2\xb4\xb44%%\x05\xdd\xff3\x944m\x8a\xebQ\x17f\xc1\x82\x05t\x8e&amp;cF\xf2\x96\x9fm\xa9\x199\xe2\xee;nnY?#9\xe7%%%v}\x15\xa7\xaf\xb1}Z\xad+\xa7\xf6\xe5\x93\xe3\x9f\xad]\xbf\x89w\xe9\xa2\x92-\xd2\x92\x9d\xd2\xda\xd7)\xf5\xe3#\xff,\xf9\xc9V\xce\x98l\x99\x9e\xb9\xeb\xae\xbb\x86\r\x1bF\xb5\x89\x9c\xbe\xc6\xe4\x80\x00H\x08\xd4G.///++\xa3\xee?K\xf2\xf2\xb3L\x08U\xdf\xb0\xa2`V\xd7\xac\x80V\xca\xa0\xf53\xc1 \xd5\x8cL\xba\x00h\xb5\xb3\xd4\x8e\xb45\x1b\xb6\xbc[\xfe\xb6\xafKZ\xd2}GIMK\xc9\xd3:\xe7\x17\x97TV\x05Y\xcbF\x99@ \xb0h\xd1"\xeaH9}\x81I\x03\x9fTB\xd0ZK)\xf3\xf2\xf2\xe8\xd4O\xaa\xf88lh\xce\xc4\xbb\x93\xb5\xfc,g,|\xb2\xf1\xdc\xbe\x17\xcd\xfa\xde]Jk\xd1r@\xd0\xd6\xad[\xed\x1a\xebN_c\xfb\xd0\xf4oqqqVV\x16\xbd\x010f\x84B\xe1\x99\x0f?\x8a\x121\xf1$\xa5\xf4g\x06v\xbd\xb8\xeb\x17;~o\xaf\xcbRJ\xcd\x9a5+;;\x1b\xc7\xfe\xb4\x0b&gt;)\xe7\xd1\x1d\\VV\x16\xd122\xcey\xd1\xbc\xef\x0b\x9f\x99\xbc\xe3\xcbB\x98VUp^\xde\x94\xbe\x97\\([\x0e\x08\xa2\x9ckjjJ\xbaU\xa1\xf4\xe2\x92\x95\x95U\\\\\xdcrJ\xa8\x12\x82\xbf\xbc\xfb\xcd\x17\x7f\xff\x8a/#=\xe9"-I1\xc6d\xd8Z\xb4\xea\xff)\xa5\x0c\xa3y\xee\xb7O\x9f&gt;yyy\xd8\xf7\xdb^\x08\x00\x87Q_2\x18\x0c\x16\x16\x16\xda+L\xa4\x94w\xdfq\xf3\x88\x9bF\x84\x92a\xe9\xe7\xe90\xd6R3r\xfe\x83\x91\xebg\xca\xcb\xcb\x9f~\xfa\xe9d\xdc\x17F\xd7&lt;u\xea\xd4!C\x86\xb4\x9cyg0\xc6f\x16\xac\n5\x9c\xe4B$S\xa0%\'\xcb\xb2|\xdd\xb2\xb6\xfcb\xc7\xde7\xcbi\xe9\'\xf5$V\xae\\\x19\x08\x04\x0c\x1c\xfb\xdcN\x08\x00\x87\xd1\x1bkii)\xcd\x8ej\xad\xa9\xe2\xe3\xb2\x87\xf3d]\xbd\xc1\xb9Nf\\\xf0PU\xf0\xceq\xb7\xde\x90{\xb5\xbdK\x93s\x9e\x9f\x9f_UU\x95\x8c/\x01Zk\xd34\xd7\xacY\xa3["\x8ds\xfe^\xc5?7\xfcl\x9b\x99\x99\xa1p@P,i\xad\x85\xdf_}\xec\xc4\x92\xd2\x9f2\xc6\xb4n\xee-\r\x1f&gt;|\xf4\xe8\xd1\xe8\xfe\x9f\x85${\x02]\x86\xd6\xae\x1d=zt\xc8\x90!\xb5\xb5\xb5\xbae-\xf3\xf2\x853\xf2\x17\xcfV\'&gt;\xe3\xa6i\x18I\xfd\x03bZ)\xd69\xf5\xf0;\x87/\x1f~G(l\xe9\x96\xddm\xd3\xa6M[\xb7n]2&gt;\xb4t\xcdc\xc7\x8e\xa5B=T\x03\'\x90\x91~`\xcfs={vSa\x0bE\x83cDZ\x96\xff\x9c\xae\x0b\xf2\x97\xad\xf8\xd1S\xf6&lt;\xbc\xcf\xe7{\xfd\xf5\xd7srr4\xa6\x7f\xdb\x0f\x01\xe0$\xcb\xb2L\xd3\x9c4i\xd2\xe6\xcd\x9b\x85\x10Z+\xa5t\xf6\xc5\x17\xfc\xf1w\x9bM\xce\x0c\xad\x99\xe1\x86\xa6DJ\x99\x9a\x99\x917o\xc9SO?/\x04WJ\xd3\x19G\x07\x0e\x1c\xe8\xdf\xbf\x7f\xd2=\xb7v\xa1\xe6A\x83\x06I)\xa5T\xa6\xc9-K\xde3\xe6\xdb\x9b6\x95\x86N|\x9a\xc8\xe75%/\xa5\x94/\xad\xf3\xa1w\x0e_q\xdd\x18iI\xa9\x94i\x9a\x96eM\x9e&lt;\xf9\xa9\xa7\x9eJ\xc6\x9eD"@\x008\x86n\xd9\xbd{\xf7^{\xed\xb5\xf4\x9f\xf4\xeb\xa9))\x9d:\xa7j\xa9\\\xd1\xf8\xdb\x98)\xf8\xa7\x95\xd5\xf4\x1f\xf6\x81\xbd;w\xeeL\xc6G\x97\xaey\xe1\xc2\x85\xcb\x96-\xb3\xbb\xa2\xa6)\xfe\xf8\x9b\x8d_\xff\xcf+\xc3\xf5\r"\xa9"-)()\xcd\x8c\xf4\xb1w\xff\x80j~\xd1\xdbs \x10x\xe7\x9dwz\xf4\xe8a\xb4\x14s\x86vA\x008\x83\x86\xc8\xc3\xe1\xf07\xbf\xf9\xcd\xf2\xf2\xf2d\x9c\x11\xed j7w\xee\xdc\x99\x8c\x87\xb6\xd3\x8f\xaf\xae\xae.\'\'\xe7\xe8\xd1\xa3\x8c1\xaa\x1a\x96\xfb\x8d!\xbb_\xdc\x1a\x0e\xd6$f\xcd\x86\xe4%\xa5\xf4gf\xbc\xf6\xd2\x9e\xebF\xdfo/\xfd\x94R\xae[\xb7n\xda\xb4iIw\xff$\x0e\x04\x803\xe8\x96\xdd\xbcy\xf3\xa4I\x93\xda.\x8aw\xebJ\x86\xc8\x9b\x8dV\x85\xf6\xef\xdf\xff\xed\xb7\xdf\x16BP\x1b\xea\xe0\xb5\xb5\x17\r\xdfm\xd9\xb2\xe5\x9e{\xee\x89l\x92~\xb9a\xe5\xd8\xbb\xbe\x1b\xfa\xac\x12\x03A\xd1\xa2\xb5a0C\x99\xe2\x1b7\x8e\xdf\xff\xf7\x7f\xd0}B7\xcf\x81\x03\x07\xa8bsr\xdd&lt;\x89\x03\x01\xe0\x00\xfa\xccO\x9c8q\xd9e\x97}\xf6\xd9gN_\x8e\xc3\x1ey\xe4\x91\xc5\x8b\x17\'c\'\x8eb\xfb\xba\xeb\xae\xdb\xb3g\x0f\xad\xe0\xd2Z_|\xe1y\xfb^\xdd\x9e\xde9\xd5\x90\n\xadRTHK\xfa\xbbe\xfe\xa8\xe4\xa73\n\x1e\x8d\xcc\xda$}}L(\x08\x00\x07\xd0-\xfb\xe8\xa3\x8f.Y\xb2$%%\x85\n\xbf8}Q\x0e\xa0\xef:++\xeb\x8d7\xde\xe8\xde\xbd\xbbN\xb6\x03\xbc\x9a+\xc5\xef\xd9s\xed\xb5\xd7\xd2\x10\x90i\n\xcb\x92\x8bf\xdf_\xb8,\xbf\xe9\xd8\t\xd3\x87\x97\x80\x8e\xd2Zs\x9fYUU\xd3o\xe8-\xc1\x9a:{\xa5\\\xf2N %\x14\x04\x80c*++\x9b\xcf|N\xb6\x13\x92\xa3\x88\x96\xd2\xa7\xa5\xa5\xa5\xa4\xa48}-g\x83\x1a\xa0\xc9\x93\'o\xda\xb4\xc9\x9e\x99L\xef\x92\xf6\xd6\xce\xb2\xec~\x17\xcb\x93M\x9c\'S\xa4% iI\x7f\xd7\xcci?x\xf8\x89\x8d\xcf\xb4\x1c\xfa\xcfL\xd3|\xfb\xed\xb7\x93q\tY\xa2A\x00\x00\x9c=j\xf1?\xf9\xe4\x93\x81\x03\x07VWW\xdb\xfd\xd3\xbbG\x7fk\xcb\xa6\xd2\xd0\xa7\x98\t\xe8\x10\xa5\x94\xd9\xb9\xd3?\x0e\xbew\xc5uc\x94\xd2\xf6&gt;\xf9\x85\x0b\x17.Y\xb2\x04\xdd\xff\x8eC\x008\x06\x9f\xbc-\xb9F~Z\xa1fh\xd9\xb2e\x0b\x17.\xa4\x95\xe9B\x08\xc3\xd0\xafl\x7fr\xf8\r\xd7\x84\xaak\xd0H\x9d5\xa5\x94/#}\xe4w&amp;\xbf\xbc\xfbM{\x07I\x8f\x1e=\x0e\x1e&lt;\x98\x99\x99\x89\xb9\xdf\x8eC\x00\x00t\x08\xcd\xfdZ\x965h\xd0\xa0#G\x8eP\x93\xa4\x94\x1a|\xf9\xd7\xfe\xe7\xa5m\xa6\x92F\xb2\xd4rK0\xd2\x92\xfe\xae\x81_n}n\xdc\x03\xf9\x91s\xbf\x1b7n\x9c4i\x12\xba\xffQ\x81\xe13\x80\x0eA\xcd\xc8X@\xc5\xc7\xf8\xc0\x87\x08\xd0Q\xa8\x19\x19u\xa8\xf8\x18\x1f\x08\x00\x80(@\xcd\xc8(B\xc5\xc7\xb8A\x00\x00D\x01jFF\x11*&gt;\xc6\r&gt;J\x80\xe8@\xcd\xc8\xa8@\xc5\xc7x\xc2G\t\x10\x1d\xa8\x19\x19\x15\xa8\xf8\x18O\x08\x00\x80\xa8A\xcd\xc8\x0eB\xc5\xc78C\x00\x00D\rjFv\x04*&gt;\xc6\x1f\x02\x00 \x9a\xec6k\xcc\x981\x11KB\xd9\xe2\xd5?\xfe\xdf\x8a\x0fE\xaa_aI\xe8i()\xcd\x8c.+K\x9e\xac\xf8\xe0_\x9cs\xa5\xb4\xd6:%%\xc5NS\xa7/\xd0\x85\x10\x00\x00QFM\xd5\xd2\xa5K\xfd~\xbfA{\x9a8\xaf\xaa\xaeYP\\*\xd2\xd35f\x02NE)\xe5O\xefrh\xff\xc1\xb5\x1b~!8\x97R\x9a\xa6\xa9\x94\x1a?~\xbc=\x9e\xe6\xf45\xba\x10&gt;S\x80(\xa3y\xcb~\xfd\xfa\xcd\x9d;WJ)\x04\xb7,\xc99\x7f\xfa\xf9\x17\xdf\xda\xf3\xa6/\xbd\x8b\xc4\x92\xd0\xb6\xb4\xd6\x9c?\xbcb](\x146\x18\xb3g\xd4\x97/_N\xbb\xc0\x9c\xbe&gt;wB\x00\x00D\x1f\xcd\x06\xcf\x9f??;;\x9bz\xaf\x8c\xb1P(&lt;\xb7p-\x13\x82a\x14\xe8\x8b\xa4\x94\xbe\xcc\x8c]\x7f\xd8K\xf5~i\xad\xa7R\xaa\xb8\xb8\xb8W\xaf^X\xfb\x1f;\xf8X\x01\xa2\x8f:\xb0\x19\x19\x19\x8b\x17/\xa6\xf1\xeb\xe6\xea1o\xec{\xe6\xe9\xe7}]\xb3p@\x90Mk\x83\x0b\x11:\xd98\xb7\xa8\xc4&gt;\xf6\'rW\x1dZ\xff\xd8\xc1\'\x0b\x10\x13T\xeay\xc2\x84\t\xb9\xb9\xb9\xd4\xfaS\x12\xe4/{\xbc\xea\x93\x13\xdc\xef\xc3\x01ADIi\x06\xd27&lt;YV\xfe\xf6\xbb\xbc\xe5\xd8\x9f\xc8s50\xfe\x13;\x08\x00\x80\x18\x12B\x14\x17\x17S\x1fV)%\x04\x7f\xff\x9f\xff.]\xbf\xd1\xcc\xca\x94X\x12j\x18Zk3\xd5\xff\xd9G\xc7\x16\xaf\xf91\xb5\xfe4\x044r\xe4H\xd4\xfb\x8d\x03\x04\x00@\xacP[\x96\x9b\x9b;q\xe2\xc4\x96\xe3\xec\x15\xe7\xfc\xb1\x9fn;\xbc\xff\xa0\xafKg\xa5\xbc\xfe\x12\xa0\xa4\xe2\x9d;/Z\xb1\xae\xaa\xba\x861\xa6\xb5Agk?\xfe\xf8\xe3\xe8\xfb\xc7\x01\x02\x00 \x86h4c\xc5\x8a\x15]\xbbv\xa51\x1f\xc6X\xb0\xa6\xb6h\xcd\x8fy\xa7T\xad&lt;\xfd\x12\xa0\x94\xf2u\xe9\xfc\xee\xfe\x03O\xfeb\x07-\x9d\x12\x82+\xa5\xe6\xcd\x9b7`\xc0\x00\x8c\xfe\xc7\x01&gt;_\x80\x18\xa2a\x8d^\xbdz\xcd\x993\xc7\x1e\xdf\x10Bl{\xee\xbfw\xef\xdc\xed\xcf\nx\xfc\x80 f\x9a3\x0b\x1e\xb5,\xc9XsX\xf6\xea\xd5k\xf6\xec\xd9h\xfd\xe3\x03\x1f1@lQ\x06\xcc\x9d;\xb7_\xbf~\xb4\xc0Qk-\xa5\x9a\xb5xuc\xfdI.\xb87\x87\x81\xa4%}\x99\x19\xbf\xdc\xf6\xeb\x97w\xbfi\x0f\x8e)\xa5\xec\xb7%\x8c\xff\xc4\x01\x02\x00 \xb6P3\xb2-T|L\x10\xf8\x94\x01b\x0e5#[A\xc5\xc7\x04\x81\x00\x00\x88\x07\xd4\x8c\xb4\xa1\xe2c\xe2@\x00\x00\xc4\x03jF\xdaP\xf11q\xe0\xb3\x06\x88\x13\xd4\x8c4P\xf11\xc1\xe0\xb3\x06\x88\x13\xd4\x8c4P\xf11\xc1 \x00\x00\xe2\xc7\xe35#Q\xf11\xd1 \x00\x00\xe2\xc7\xcb5#Q\xf11\x01!\x00\x00\xe2\xca\xb35#Q\xf11\x01!\x00\x00\xe2\xcd\x835#Q\xf111\xe1C\x07\x88\xb7\xaf\xac\x19iYR\xbb\x8cR\xa8\xf8\x98\x80\x98v\xe9\xfb&amp;@"\xa3V\xb1\xae\xae.\'\'\xe7\xe8\xd1\xa3\x8c1\xaa\x1a\x96\xfb\x8d!\xbb_\xdaf\xd4\xd5\x1b\xdc5m"SR\xf2\xac\xc0k\xbf{\xe5\xba\xd1\xf7\xdbK?\xa5\x94\xeb\xd6\xad\x9b6m\x1aF\xff\x1d\x84\x00\x00p\x86eY\xa6in\xd9\xb2\xe5\x9e{\xee\x89l\x167&gt;Vt\xeb\xed7\x85\x82\xb5\xeeh\x16\xb5\xa1\r\xc3\x083~\xcb\x9d\x0f\xec\xff\xfb?\xa8\xb3\xaf\xb5\xee\xdf\xbf\xff\x81\x03\x07\xa8Z2\xde\x00\x9c\x82\x00\x00p\x0c-\xfc\xbf\xee\xba\xeb\xf6\xec\xd9C\xad\xbfa\x18\x8c\xb1@f\x86!\x95\xe1\x96V\x91\xd6\xfe\xd7\xd47\xd0\x7f\xd2w\xbas\xe7N\xd4\xfcr\x1c\x02\x00\xc01\xcd\x95\xe2\xf7\xec\xb9\xf6\xdaki\x08\xc8\xe9+\x8a!Z\x02kW|\xdc\xb9s\'Z\x7f\xc7!\x00\x00\x9cD\x8d\xe0\xe4\xc9\x937m\xda\xe4\xf3\xf9,\xcbr\xebx\x88n&gt;\xfd\x82\t!\xde~\xfb\xed\xfe\xfd\xfbk\x9c\xfc\xe34\x04\x00\x80\x93h\r\xcc\'\x9f|2p\xe0\xc0\xca\xcaJ\xa7/\'\x1e\x16.\\\xb8d\xc9\x12t\xff\x13\x01\x02\x00\xc0a\xd4\x14\xaeX\xb1b\xe5\xca\x95\xa6i\xbau \x88\x86\x80\xce9\xe7\x9c7\xdf|3++\xcb\xc0\xc1\x0f\t\x00\x01\x00\xe0&lt;\x1a\x1e\xa9\xae\xae\xa6\x7fw\xfarb\x82\x02 55\xb5S\xa7NN_\x0b4C\x00\x00@\\i\x1c\xfc\x900L\xa7/\x00\x00\x9ay\xa47\x86\xd6?q\xe0\r\x00\x00\xc0\xa3\xb0\x06\x0b\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a6\xd3\x17\x00\x10\x0fZk\xfa\'i\xf5\xbb,\x82\x13W\x07\xe0\x0c\xd6\xf6a\x00p\r\xa5\x94R\x8a1&amp;\x848\xf3?\xcf9\xe7\x1c/\xc7\xe0~\x08\x00p!j\xc7M\xf3\x0b/\xb8\xc7\x8f\x1f\xff\xf7\xbf\xff}\xe2\xc4\x89O?\xfd\xb4\xa6\xa6&amp;\x14\ni\xad\xfd~\x7f \x10\xe8\xd1\xa3G\xef\xde\xbd/\xbc\xf0\xc2\xce\x9d;\xdb_\xc10\x0c\xc4\x00\xb8\x1b\x02\x00\xdcCkM\xfd}\xbb\xe1~\xe7\x9dw\xf6\xee\xdd\xfb\xc7?\xfe\xf1\xef\x7f\xff\xfb\x07\x1f|\x10\x0c\x06O\xf7\xff\x9a\xa6y\xee\xb9\xe7^y\xe5\x957\xdex\xe3\xcd7\xdf\x9c\x9d\x9dm\x18\x86\x94\x92s\x8eq!p+\x04\x00\xb8\x84\x94\xd2\x1e\xe7y\xf7\xddww\xec\xd8\xf1\xfc\xf3\xcf\xef\xdf\xbf_J\x19\xf9\xc7\xe8\xcfD\xb6\xe94+@]~\xd2\xb9s\xe7\xef|\xe7;s\xe7\xce\x1d2d\x88a\x184(\x14\x8f\xef\x01 \xbe\x10\x00\xe0\x06Zk\xc6\x98R\xea7\xbf\xf9\xcd\x93O&gt;\xf9\xf2\xcb/[\x96E\xbfE\x03AJ\xa9SN\xff\xda"\xe7\x81\xe9\xff5M3//o\xc9\x92%)))\xc8\x00p%\x04\x00$=\xba\x87\xb7m\xdb\xb6f\xcd\x9a\xf2\xf2r\xfaE\xd34\xbf\xb2\xd1?\x1d\x1aD\xa2\xff}\xd8\xb0a\xcf&lt;\xf3L\xaf^\xbd\x90\x01\xe0&gt;\x08\x00Hz\xd44\xdfx\xe3\x8d\x7f\xf8\xc3\x1f\xfc~\xbf\x94\x92\xda\xee\xb6\x7f\xf2\x94k=\xbfdm\xa8i\x9a\xe1p\xf8\xf2\xcb/\x7f\xf5\xd5W\xbbu\xebf|q\xec\x08 \xd9!\x00 \xe9\xd1\xe8\xff\x9bo\xbey\xcd5\xd7\xb4\x1a\xcd7Z\xba\xf3\x8c1)\xe5\x97\xdc\xedB\x88\xb6\xff\xafa\x18&gt;\x9f/\x1c\x0e\xdfp\xc3\r;w\xee\xd4ZcN\x18\xdc\x04\x01\x00n@/\x01\xb9\xb9\xb9{\xf7\xee\x15B\xd0\xc4/\xcd\xf7FN\x02w\xed\xda\xf5\xbc\xf3\xce\xeb\xd6\xad[zz\xba\xdf\xef\x0f\x87\xc3\xc1`\xf0\xa3\x8f&gt;\xfa\xf0\xc3\x0fi\xdc_\x08\xd1\xf6\xed\x812`\xcd\x9a5\xb3g\xcf\x8e\x9cj\x06Hv\xee\t\x80\xd3\xbd\xf5\xc7B\xe4BCH\x04\x96e\x99\xa6\xf9\xfc\xf3\xcf\xdfv\xdbmB\x08{"\xd70\x8c@ 0|\xf8\xf0Q\xa3F\xfd\xe7\x7f\xfeg\x9f&gt;}\xb2\xb2\xb2Zu\xe1\x9b\x9a\x9a\xde\x7f\xff\xfdW^y\xe5\xa9\xa7\x9e\xda\xb7o\x9fa\x18\x8c}\xe1\xb9\xa0\x9fu \x10\xf8\xc7?\xfe\xd1\xbd{w\x03\x03A\x89\x07\x8f\xff\xd9qO\x00\x80\xc7i\xad\xa5\x94\x83\x07\x0f&gt;p\xe0\x00\xfd\xca\xb0a\xc3\xee\xba\xeb\xaeo}\xeb[\xbd{\xf7\x8e\xfc\x93\x91\x8dE\xe4\xc3,\xa5\\\xbf~\xfd\xbcy\xf3\xc2\xe1\xb0\xd12\xb7LL\xd3\xb4,\xeb\xd1G\x1f\x9d7o\x1e\x85M&lt;\xbe%\x80\x18sC\x00\xd0\x12\xc0\xfd\xfb\xf7WWW\xc7\xe7o\xcc\xcc\xcc\x1c&lt;x0\xfd\xbd\xf1\xf9\x1b\xe1+Q\xbb\xfc\x93\x9f\xfcd\xc6\x8c\x19\xe3\xc7\x8f\x9f2e\xca7\xbf\xf9M\xfa-\xfb\x80\x07\xfay\x9dr\x12X)E\xaf\x0e/\xbc\xf0\xc2w\xbf\xfb]\x9a0\xb0\x9f\x0e\x1a\x1a\x1a2d\xc8\x9f\xff\xfc\xe7\xb6_\x01\x1c\x84\xc7\xbfCt\xf2\xa3gu\xe8\xd0\xa1q\xfb\xd0\x86\x0e\x1dj\xff\xbd\x90P\xea\xea\xea\x0e\x1d:D\xff\xae\x94\n\x87\xc3\xf6b\xd0\xaf\xa4\x94jjj\xd2Z\x17\x14\x14\x18-S\x08\x84\x1e\xf5\x94\x94\x94\x0f&gt;\xf8@\xe3G\x9fH\xf0\xf8w\x84KF\xb2\x0c\xc3HKK\xe3\x9c\xfb|&gt;\x1eK\xf4\xf5\xd3\xd2\xd2\x9c\xfev\xe1\xd4\xd2\xd2\xd2\xfa\xf7\xefO+Ai\x1d\xe7\x99w\xd3\xe8\xcf+\xa5f\xcf\x9e\xdd\xad[7)\xa5\xfd\xffj\xad9\xe7MMM\x07\x0f\x1e4\xbe8:\x04\x89\x00\x8f\xff\xd9qO\x00\xa8/2\xbe\xb8\xb7\xb3\x83N\xf9\xf5!\x01\xe9\x96\xc1\x1c~V\xd3t\x9cs\xadufffnn\xae\xf1\xc5\x97\x00\xfa\x82\x1f|\xf0\x81\x81\x00H&lt;x\xfc\xcf\x8ek\xe7\xb2\xdc\xf4C\x823g?\xb1g\x8d^\x8d\x07\r\x1a\xf4\xdcs\xcf\xb5\xfd\xdd\xca\xca\xca\x8e|q\x88\x0f&lt;\xfeg\xc8\x85\x01\xc0\x18\xd3Z_9h@V\xd7Lm\xc9\x8e7\x07\xcc\x14U\x95\xd5\x7f=p\xa8\x83_\n\x92\x05c,\x10\x08\x9c\xf2\xb7h\x81\x10$,&lt;\xfe\xed\xe2\xda\x00\xf8\xd1\xb2\xfckn\xbe\xde\xa8\xae1D\xc7\x86\xb9\xa4223\xfe\xf8\xfbW\x86}\xe7^W\xde\x01pJ\xa7k\xe8\xfd~\x7f\x9c\xaf\x04\xda\x05\x8f\x7f\xbb\xb80\x00HCC\xa3\xaa\xad\x0b\xd5\xd5\x8b\x8e\xdd\x01R*\xbf\xe0\r\r\x8d\xd1\xba0H|Z\xeb\x8f?\xfe\xf8\x94\xbfE\'\x02A\x82\xc3\xe3\x7f\x86\\\x1b\x00\x9c3{\xee\xbe#_Gk\x83s\xce\xb9\x0b\xc3\x1fN\x89s\xce\x18\xfb\xdb\xdf\xfef|q\xb2\x97\x86\x95/\xbe\xf8b\x03\xfb\x00\x12\x1e\x1e\xff3\xe4\x9eU@\x00\x1dG\x8bG\xff\xf5\xaf\x7f\xbd\xf5\xd6[\x8c1{.\x91\xfe=55\xf5\xb2\xcb.3\x10\x00\xe0\x16\x08\x00\x80\xcfQ\x00\x94\x96\x96644\xd0\xf9\xa0\xf4\xeb\xf4Zp\xc5\x15W\\p\xc1\x05\xb4\'\xc0\xd9\xeb\x04\x88\n\xdc\xc7\x00\xcd\xe80\x89\xbf\xfc\xe5/\xeb\xd7\xaf\xe7\x9c\xb7\xaa%\xa9\xb5\x1e?~&lt;c\xac\xd5\xaf\x03$/\x04\x00\x80a\x18\x86\x94\xd24\xcdO&gt;\xf9d\xdc\xb8qMMMF\xc4\x04\x00\xed\x0e\xeb\xd1\xa3\xc7\xa4I\x93\xb4\xd68\x0e\x1a\\\x03\x01\x00\xd0\\R\xe6\xf8\xf1\xe37\xdf|sEE\x05\x1d\xfdf\xff.\xe7\\)UTT\x94\x95\x95EcD\x0e^*@\x14!\x00\xc0\xeb,\xcb\x12B|\xf0\xc1\x07\xd7_\x7f}yy\xb9]O\x86\xd0A\xd0\xa3F\x8d\xba\xff\xfe\xfbQ\r\x06\\\x06\x01\x00\x9eF\xe3\xfeo\xbd\xf5\xd6\xf0\xe1\xc3\x0f\x1c8`\x9af\xdb\xd6?;;{\xcb\x96-\x06\x16\xff\x80\xeb \x00\xc0\xa3\xb4\xd64\xee\xbfc\xc7\x8e\xeb\xae\xbb\xee\xc3\x0f?\x14B\xd8u\xc4\x8c\x96\xd6\xff\xfc\xf3\xcf\xff\xdd\xef~\xd7\xbd{w,\xfe\x01\xf7\xc1\r\r^DC\xf9B\x88\xa5K\x97\x8e\x1e=\xba\xae\xae\xae\xd5\xb2\x1f\xbb\xef\xff\xea\xab\xaf\x0e\x180@J\x89\xd6\x1f\xdc\xc7\xb5;\x81\x01N\x87\xaa\x83566\xdew\xdf}eee\xb4\xc8\'r\xd6\x97Z\xff\xab\xae\xba\xeaW\xbf\xfaU\xef\xde\xbd1\xf4\x0fn\x85\x00\x00o\xa1\xd6\xbf\xaa\xaa\xea\xbb\xdf\xfd\xee\xae]\xbbh\xd0_\x7f\xb1D\xb0eY\xb7\xdf~\xfb\xa6M\x9b\xd2\xd3\xd3\xd1\xfa\x83\x8b\xe1\xad\x16&lt;Dk\xcd\x18\xab\xae\xae\xbe\xe9\xa6\x9bv\xed\xda\xe5\xf3\xf9,\xcbj\xb5\xde_J\xb9`\xc1\x82_\xfd\xeaW\xe9\xe9\xe9T[\xc6\xd9k\x06\x88\x1d\xbc\x01\x80W\xd08\x8f\xd6z\xf4\xe8\xd1\x7f\xfe\xf3\x9f}&gt;_\xe4\x99\xcf\xb4\xfa\xb3s\xe7\xce?\xfb\xd9\xcf\xc6\x8d\x1bG\x93\x04\x18\xf7\x07wC\x00\x80WPw~\xf6\xec\xd9\xaf\xbc\xf2\xca)[\xff\xf3\xcf?\x7f\xc7\x8e\x1dW_}5\xad\ru\xf0R\x01\xe2\x03w9x\x02\r\xe5\xbf\xfe\xfa\xeb%%%4\xc7k\xff\x16\xb5\xfe\xfd\xfb\xf7\xff\xfd\xef\x7f\x9f\x9d\x9d\x1d\x0e\x87}&gt;\x9f\x83\x97\n\x107\x08\x00\xf0\x04\xda\xc3UPP`\xb4T\xfd\xa5_\xa7\xd5\x9f\xfd\xfb\xf7\x7f\xe5\x95Wz\xf7\xeemY\x16Z\x7f\xf0\x0e\x0cq\x82\xfb\xd1\xca\x9f\xfd\xfb\xf7\xef\xda\xb5+r\xbd?\xcd\xfa\x9es\xce9/\xbc\xf0\x02\xb5\xfe\x18\xf9\x01OA\x00\x80\xfb\xd1\x1a\xff\xe7\x9f\x7f\xbe\xedn^\xad\xf5\x93O&gt;\xd9\xaf_\xbfp8\x8c\xd6\x1f\xbc\x06\x01\x00\xeeG\x8d\xfe\xeb\xaf\xbfnD\x1c\xf2LG~\x8e\x1c9\xf2\xf6\xdbo\xc7\xc8\x0fx\x13\x02\x00\\\x8ez\xfd\xa1P\xa8\xa2\xa2\xc2\xf8b\x99_\xc30\xa6N\x9d\xda\xeaW\x00\xbc\x03\x01\x00\x9eP]]\xfd\xe9\xa7\x9f\x1a-\x01@\x85\xbd:u\xeat\xf5\xd5W\xd3\xa1@N_ \x80\x03\\;\xe8\xa9\x94VJ)\xa5:x\x82\xafj\x86Nb\xb2\xa2\xdd\xbf555\x8d\x8d\x8d\xf6/2\xc6\xb4\xd6\xbd{\xf7\xee\xd9\xb3\xa7\x83\xd7\x061\x82\xc7\xff\x0c\xb96\x00:wN\xe5\xe9]R\xa52D\x87\xder|R\x19\xe9]:wN\x8d\xd6\x85\x81#B\xa1P\xe4a\x9f\xb4*\xb4k\xd7\xae\xa6iRB8wi\x10}x\xfc\xcf\x90\x0b\x03\x80\xde\xf1\x7f\xf0\xd0\x8a\xac\xd5?\xd6\x96\xec\xe0\xb3\xad\xb5f\xa6\xa8\xaa\xac6Z\xfa\x92Q\xb9H\x883\xfa\xd9q\xce\xa9\xefO\x0b@SRR\x0c\xfcX\xdd\x05\x8f\x7f\xbb\xb86\x00\xfez\xe0P\x8c\xbe2$#\xa5T\xe4\x1b\x00-\x0cmhhp\xee\x8a &amp;\xf0\xf8\xb7\x8b\x0b\x03\x80P_/Z_\xad\xd5y\xf1\x90D\xe86\xe8\xd3\xa7\xcf\xab\xaf\xbe\xda\xea\xb7\x02\x81\x80\x81B\x8fn\x84\xc7\xff\x0c\xb9\'\x00x\x0b;\xa8\xa3\x9b\xd8\xb4\x96\x9c\xbe&gt;\x0e\x89L"\xd4\x10\xa4\xa5\xa5]{\xed\xb5_\xf2\x07 \xa9\xe1\xf1?;\xee\t\x80\xfa\xfaz\x9a\xb0\x8f\xe9\xdfB_\xbf\xbe\xbe&gt;\xa6\x7f\x0bD\xdd);q8\xf0\xd95\xf0\xf8\x9f\x1d\xe6\x82\x81-\x9a\x9c\xd9\xbf\x7f\x7fuuu|\xfe\xc6\xcc\xcc\xcc\xc1\x83\x07\xbbrR\x08 \xb9\xe0\xf1\xef\x087\x04\x00\x00\x00\x9c\x05\xf7\x0c\x01Q\xb1\xa7\xf8\xfc]\x18:HFvE0Z\tj\x18\x86\x10\xc2\x05\x9d80\xf0\xf8\x9f-\xbc\x01\x80\'\xd0\x89\xd0m\x7f\x1d5\xdf\xc1\xcb\xdc\xf3\x06\x00p:\xd4\xfa\x87\xc3\xe1\xdf\xff\xfe\xf7\xaf\xbf\xfe\xfa\xf1\xe3\xc7\xd3\xd3\xd3\xaf\xbc\xf2\xcao\x7f\xfb\xdb=z\xf48]6\x00\xb8\x1e\x02\x00\\\x8e\xda\xf7\xbf\xfd\xedo\xf7\xde{\xef\xfe\xfd\xfb#\x7f\xabG\x8f\x1e\x8f&gt;\xfa\xe8\xa4I\x93\x90\x01\xe0M\x18\x02\x027\xa3\xdb\xfb\xc4\x89\x13W^y\xe5\xc7\x1f\x7f\xdc\xaa\xe4\x0bU\x06\xfe\xedo\x7f{\xcb-\xb7`,\x08&lt;\x08\xbd\x1ep3)%c\xec\xa9\xa7\x9e\xfa\xf8\xe3\x8f\xfd~\xbf\xf5E\xa6i2\xc6\x96,Y\xe2\x8e%}\x00\xed\x85\x00\x007\xa3f}\xf7\xee\xddT\x00\xa0\xd5\xefJ)\xb5\xd6\x7f\xff\xfb\xdf?\xfe\xf8\xe3\xc8M\xa4\x00\x1e\x81\x00\x007\xa3Q\x9d\xe3\xc7\x8fk\xad\xdb\xb6\xef\xf4+\r\r\r\xc7\x8e\x1d3\\z\xda\x17\xc0\x97@\x00\x80\xfb}\xc9\t\x01\xf4\x8a@\x7f\x00\x01\x00^\x83\x00\x007\xa3\x96=\x10\x080\xc6\xda\x8e\xf2\xd3\x8e0\x9f\xcf\x97\x95\x95e\xe0T8\xf0\x1e\x04\x00\xb8\x19\x05@NN\xce)\x0fq\xa4-\x9d\x17]t\xd1\x85\x17^\xe8\xb2S\x1e\x01\xce\x04\xeexp3j\xd3\'O\x9e\xcc\x18\xb3\x97\xfd\x10!\x84i\x9aJ\xa9\xa9S\xa7\xfa|\xbe\xb6S\xc4\x00\xae\x87\x00\x007\xe3\x9c+\xa5.\xbf\xfc\xf2\xc7\x1f\x7f\\kmY\x96n!\xa5\x0c\x85B\xe3\xc7\x8f\xcf\xc</t>
        </is>
      </c>
    </row>
    <row r="30">
      <c r="A30" s="1" t="n">
        <v>28</v>
      </c>
      <c r="B30" t="inlineStr">
        <is>
          <t>shape_size_hexagon</t>
        </is>
      </c>
      <c r="C30" t="inlineStr">
        <is>
          <t>What is the size of the missing shape denoted with a question mark if it is a hexagon?</t>
        </is>
      </c>
      <c r="D30" t="inlineStr">
        <is>
          <t>['large', 'medium', 'small']</t>
        </is>
      </c>
      <c r="E30" t="inlineStr">
        <is>
          <t>small</t>
        </is>
      </c>
      <c r="F30" t="inlineStr">
        <is>
          <t>There are 7 shapes with different sizes in the image, of which there is a missing hexagon in the center. The other shapes are arranged around the center, which are ['square', 'pentagon', 'hexagon', 'square', 'pentagon', 'hexagon'] in anti-clockwise order. Their corresponding sizes are ['medium', 'large', 'small', 'medium', 'large', 'small'].</t>
        </is>
      </c>
      <c r="G30" t="inlineStr">
        <is>
          <t>We observe that the squares are medium size, the pentagons are large size, and the hexagons are small size. Hence, the pattern is that each shape appears with a distinct size.</t>
        </is>
      </c>
      <c r="H30" t="inlineStr">
        <is>
          <t>Based on the pattern that each shape appears with a distinct size, the size of the missing hexagon should be small.</t>
        </is>
      </c>
      <c r="I30" t="inlineStr">
        <is>
          <t>b'\x89PNG\r\n\x1a\n\x00\x00\x00\rIHDR\x00\x00\x02\x00\x00\x00\x02\x00\x08\x02\x00\x00\x00{\x1aC\xad\x00\x00S\xa4IDATx\x9c\xed\xddy|U\xc5\xfd?\xfeY\xce\xbd\xd9\xc8\x06\x88\x01\xb5\xad%@m\xb1mBQY\nq\x81D\xab\xa0\xa2`\\\x1e\x15\x14\xf1K\x01Y\x15\xcbfX\xac\xca\x16\x01\xf9h\xa5\xd2\xfe\xac\x80(Z\x05\xd4 H\x80\x82\xa0\x10\xea.A\xd0B\x11DBr\x13\x08$\xf7\xcc\xcc\xef\x8fwr\x8c\xec$w\xc9\xbd\xe7\xf5|\xf4\xd1\x87\x02\xc2\xc9%g\xde\xe7\xbc\xe6=3\xdc\x18\xc3\x00\x00\xc0}D\xb8/\x00\x00\x00\xc2\x03\x05\x00\x00\xc0\xa5P\x00\x00\x00\\\n\x05\x00\x00\xc0\xa5P\x00\x00\x00\\\n\x05\x00\x00\xc0\xa5P\x00\x00\x00\\\n\x05\x00\x00\xc0\xa5P\x00\x00\x00\\\n\x05\x00\x00\xc0\xa5P\x00\x00\x00\\\n\x05\x00\x00\xc0\xa5P\x00\x00\x00\\\n\x05\x00\x00\xc0\xa5P\x00\x00\x00\\\n\x05\x00\x00\xc0\xa5P\x00\x00\x00\\\n\x05\x00\x00\xc0\xa5P\x00\x00\x00\\\n\x05\x00\x00\xc0\xa5P\x00\x00\x00\\\n\x05\x00\x00\xc0\xa5P\x00\x00\x00\\\n\x05\x00\x00\xc0\xa5P\x00\x00\x00\\\n\x05\x00\x00\xc0\xa5P\x00\x00\x00\\\n\x05\x00\x00\xc0\xa5P\x00\\M)e\x8c\t\xf7U\x00@x\xa0\x00\xb8\x941Fk-\xa5\xe4\x9ck\xad\xc3}9\x00\x10\x06(\x00n\xa4\x94\xe2\x9c\x0b!\xd6\xae]{\xfc\xf8q!\x84R*\xdc\x17\x05\x00\xa1\x86\x02\xe0:\xb6mK)KJJ\xee\xba\xeb\xaek\xae\xb9&amp;++\xab\xa8\xa8HJ\x898\x08\xc0m8\xeey\xf7\xa0\xa8G\x08\xb1q\xe3\xc6\x01\x03\x06\x14\x17\x17\xd3\xb8\x9f\x98\x988k\xd6\xac\xfb\xef\xbf\x9f1\xa6\x94\x92R\x86\xfbJ\x01 \x14\xf0\x06\xe0\x16\xb6m\x0b!\x84\x10yyyYYY\xc5\xc5\xc5\x96e\xd1p_QQ1p\xe0\xc0\xdc\xdc\xdc\x92\x92\x12)\xa5m\xdb\xe1\xbeX\x00\x08\x05\xbc\x01D?c\x8cR\xca\xb2\xac\xfd\xfb\xf7\xf7\xef\xdf\xbf\xa0\xa0\x801&amp;\x84\xa0I`\xe7\xb5@)\xd5\xb6m\xdb\x17^x\xa1K\x97.\xce\x0f\x86\xf9\xd2\x01 \x98p\x87G9\x1a\xca-\xcbZ\xbati\x87\x0e\x1d\n\n\n,\xcb\xa2\xc2\xcf9\xa7\xdc\x9f\xfe\xc1\xb2\xac\xe2\xe2\xe2\xac\xac\xac\xbc\xbc&lt;zW\xc0\xab\x00@tC\x01\x88fJ)z\xb4\x1f1bD\xbf~\xfd\xf6\xef\xdfO\t\x8f\x94\xc2\x18c\x8c\xe9\xfd\x87kS\x93\x12\xb5\xd6\x96\x94\x94\x11\xd9\xb6\xfd\xd8c\x8f\xe5\xe4\xe4\xec\xdc\xb9\xd3\xb2,\xdb\xb6\xf1\x8e\x08\x10\xadP\x00\xa2\x13\xc5&gt;R\xca\xa2\xa2\xa2\xae]\xbb\xe6\xe7\xe7\xd3C\xbdR\xca\x92R)\xd5\xb2E\xf3\xb7\x96\xcc\xff\xd7\xb2\x05\xef\xafZ\xd4\xb9\xe3om\xa5\x84\x10\xc6\x18\xc6\xb8eY\x05\x05\x05\x9d:uZ\xbat\xa9eY\xf4~\x10\xee/\x08\x00\x02\x0f\x05 \nQ\x9b\xbf\x94r\xc1\x82\x05YYY[\xb6l\xb1,\xcbY\xede+\xd53\xab\xd3\xd65/_\xff\x87\xeb\x8e\x1f\xf8\xae]\x9bK\x0b\x97\xff\xfd\xa1\x07\xee\xd6Z\x1bc,)\x9c&gt;\xd1~\xfd\xfa\r\x1b6\xac\xa2\xa2\x023\xc3\x00Q\t\x93\xc0\xd1\xc6\xb6m\xcb\xb2JJJ\x86\x0c\x19\xb2d\xc9\x12\xc6\x18\xf5z\xd2\xff[R&gt;9i\xe4\xc8\xa1\xfd\x99\xdf\xae:v\xdc\xb2\xa4VZH!\x93\x93\xdeY\xb9z\xc0\xd0\t\xfb\x0f\x1e\xb2\xa4\xb4kW\x8a)\xa5233\xe7\xcf\x9f\x7f\xe5\x95Wbf\x18 \xca\xa0\x00D\x8fS\xb6\xf9\xd7\xfe WJ\xb7\xf9\xf9O^\x98;\xb5\xeb\xd5\x9d\xfd%\xa5\xac\xcePn\x8cQJ\xc7\xa4&amp;\x7f\xbb\xf7\xdb\xe1c\x1f\x7fe\xf9\xbb\x9cs\xda"\x82\xa6\x01,\xcb\x9a&gt;}\xfa\xf0\xe1\xc3\x19\x16\n\x00D\x11&lt;\xcdE\x89\xd3\xb5\xf9\x0b\xcei|\xbf\xef\xae[?X\xfbJ\xd7.\x1d\xab\xbe/\xa1_\xe9\xfc\xb7\x9cs\xcb\x92U\xa5\xbeV\x174[\xfa\xe2\x9c\x99\x93\xc7HA\xa3\x7f\xcd\xcc\xf0\xc9\xd3\xc8xn\x00\x88\x02x\x03\x88xgh\xf3\xa70\'\xa9I\xc2\x8c)c\x06\xde\x7f\xa79r\xd4\xef\xf7\x9f\xe1\xf9\x9d^\x17&lt;\xa9)\x9b\xdf\xdf:xd\xde\xf6O\xbe\x94Rhm\x8c1\xf4*\xd0\xb2e\xcb\x85\x0b\x17fgg\xd3/F\x1c\x04\x10\xd1p\x03G6\xad5\xe7\x9c\xda\xfc\x7f\xf7\xbb\xdf\xd5m\xf3\x17B\xd8Ju\xee\xf8\x9b\x0f\xd6\xbc&lt;p\xe0\x9d\xd5\xa5egMo\xe8\xcd\xa0\xaa\xe4\xf0UW\xfc\xb6p\xf9?\x86\xdc\x9f\xab\x946\xc6\xd0S?\xd5\x98\x9c\x9c\x9c\xc7\x1e{\xccy3\x08\xd9W\n\x00\x01\x877\x80\x08F\x83rEE\xc5\xb8q\xe3\xe6\xce\x9d\xcb~&lt;\xdf\xcb\x18{\xe8\x81\xbb\xa7O\x1e\xed\xf1XUG\x8eZ\x96u\xee\xbf\xb3R\xca\xe3\xb1xr\xd2\xcb\x8b^\x1f&lt;z\xca\xe1\xb2rz\x03\xa0G~\xadu\x97.]^x\xe1\x85\xb6m\xdb\xd2R\x03\xcey\x90\xbeF\x00\x08\x1e\x14\x80\x88\xe4\xec\xe6_TT4p\xe0@\xda\xce\xb3\xb6\x8fS\xdaJ\xb5l\xd1\xfc\x85\xb9Sr\xfep\x9d\xf2\x95S\x9fO=\xfe\x08\xa5TL\xf3\xa6\xc5\x9f\xee\x18\xfa\xc8\xb4U\x85\xef;\xa3?\x15\x83\xe4\xe4\xe4\x193f`\x0b9\x80\xc8\x85\x08(\xf28m\xfes\xe7\xce\xa5\xcd\x9ci\xbe\x97s\xce\xf8\x0fm\xfe97\\SURj\x8c\xa9\xc7\xe8\xcfjf\x86\xad\xaaC\x87\xdb\xa6\xff\xac`\xd9\xf3\x13G?\xa8\xb5v\xd6\x0cK)}&gt;\xdf\xc0\x81\x03\x07\x0e\x1c\xe8\xf3\xf9\xb0P\x00 \x12\xe1\r \xc28m\xfe\x83\x07\x0f^\xbat)\xab\xb3\xad\x9bR\xca\x92\xe2\xc9I\xa3\xea\xb6\xf97\xfcO\xac\x99fh\x9a\xf2\xce\x8a\xd5\xc3\x1e\x99\xb6\xf3\xeb\xbd43\xcc\xb0\x85\x1c@\x84\xc3\xbd\x1a1j\x1e\xc0-\xab\xa0\xa0\xa0s\xe7\xce\xce&gt;\r4I\xab\x94\xcah\xff\x8b\r\xef\xbc4r\xe4\x03\xfe\xa3\x95\xfe\xaa\xaa\x80\x8c\xfe\x8c1\x8a\xf8\xab\xbe/\xc9\xb9\xfe\x9aM\x05\x8b\xfb\xdd\x9cC3\xc3BpJ~\xb0\x85\x1c@\x84\xc2\x1b@d\xa0\x07\x7f\xc6X^^\xdec\x8f=\xc6\x18\xa3 ^\n\xa1\xb4f\x8c\xddw\xd7\xad\xb3\xfe26))\xb1\xcaW~^\xf3\xbd\xe7N\xd9\xca\x13\xe3\xe5M\xe2\x9f_\xb0x\xd4\xb8\'+\x8eVZ\x96\xb4mE\xaf \x8c\xb1\xec\xec\xec\x85\x0b\x17\xb6l\xd9\x922"\xcc\x0c\x034r(\x00\x8d\x9d\xd3\xe6\xbfs\xe7\xce\xa1C\x87\x16\x14\x14\x9c0\x19\xdb4%i\xdeS\xe3s\xfb\xf52\xc7\x8e\xf9\xab\xcf\xd4\xe6\x1f\x90\x8b\xd1Z{\x9b7\xdd\xb6\xa5h\xf0\xc8\xc9\x1fl\xff\x94\xb6\x903\x86\xd1\xaa\xb1\x96-[\xe6\xe7\xe7\xf7\xed\xdb\x97v\x1bE\x1c\x04\xd0\x98\xa1\x004j\xceb\xab\xa5K\x97\x0e\x1e&lt;\xb8\xa4\xa4\xa4\xa6\x1d\x93s\xc6\xb9\xd6\xbas\xc7\xdf,|\xe6\xf1\xb6\xbfj[]R\x1a\xb2vL\xdb\xb6c\x12\x9b\xf8\xfd\xfe1\x13f&lt;\xfd\xd7\x7f\xb2\x93\xdaO\x87\x0f\x1f&gt;}\xfatg\x1b\x89\x10\\\x12\x00\xd4\x03\n@\xe3u\xba6\x7fj\xf4d\x8cM\x1c\xfd\xe0\xf8Q\x83&lt;^\xcf\xf9\xb6\xf97\x9cRZ\x9ej\x0b9\xe7\xed\xe4\xca+\xaf\x9c?\x7f~ff&amp;\x16\n\x004Z(\x00\x8d\xd1\xb9\xb6\xf9\xdf\xd4C\x95\xfa\xea\xd7\xe6\x1f\x90\x8bTJ\xc74M\xfe\xf6\x9b\xff\xf5\x1f:~U\xe1\xfb\xcc\xd9\x82\xc2\xb2l\xdbNLL\x9c6m\xda\xd0\xa1C\x19\x16\n\x004J\x88h\x1b\x9d3\xb4\xf9s\xcem\xa5n\xbf\xa9\xc7\xd6\xb5\xaf\xe4\\\x7fM\xd5\xf7%\xf5n\xf3o\xb8\x9a-\xe4\x0e\xfbZ]xA\xc1\xeb\x7f\x9b9y\x8c%%\xd5-\x9a\x04\xae\xa8\xa8\x186lX\xbf~\xfdp\xd6&lt;@\xe3\x847\x80F\xc4\x99\xef=K\x9b\xff\xb0\x01\xac\xda\x1f\xa86\xff\x86\xab\xd9B\xaeY\xea\xbf\xd7n\x1a0t\xfc\xce\xdd{\x9cm\xa8i\xdco\xdb\xb6\xed\x9c9s\xb2\xb3\xb3\xb1P\x00\xa0Q\xc1\xad\xd8X8\xdb\xba\x9d\xbd\xcd\xbf\xe2H\x00\xdb\xfc\x1b\xaef\x0b\xb9\xefK\xbav\xe9\xf8\xc1\xdaW\xee\xbb\xebV:k^pN\xd3\x18\xc5\xc5\xc5999X(\x00\xd0\xd8\xe0\r\xa0Q\xa0\x81\xd2\xb6\xedi\xd3\xa6\x85\xab\xcd\xbf\xe1\x94R\x1e\xaf\x87\xc7\xc5-~\xf9\xcd!\x0fO=y\x0b\xb9\xec\xec\xec\xb9s\xe7\xb6i\xd3\x063\xc3\x00\x8d\x01\n@\x989\xf3\xbd;w\xee\xec\xdf\xbf\xff\xc6\x8d\x1b\xc3\xd8\xe6\xdfp5\x0b\x05\x9a\xa5\x16\x7fV\xdc\xffO\x7f\xde\xf4\xe1G\'|9\xcd\x9a5\x9b7o\xde\x1dw\xdc\xc103\x0c\x10n\x88\x80\xc2\xc9\x99\xef]\xb2dI\xa7N\x9d6n\xdc\xe8\x9c\xdeNQI\xe7\x8e\xbfy\x7f\xd5\xe2\xdc\xbbn\xa9\xf6\x95+;\x02\x86K\xfar\xaa\x0e\x1dn\xdb\xfa\xa7\x85o\xfe\xfd\xe4-\xe4JJJrss\x07\x0e\x1c\x88\xb3\xe6\x01\xc2\x0eo\x00a\xe3\xb4\xf9\x8f\x1c9r\xc1\x82\x05\xac1\xb5\xf97\\\xcdY\xf3\xa9\xc9\xef\xacX=\xf4\x91i_}\xbd\x97z\x99X\xed\x16r8k\x1e \xecP\x00\xc2\xc0\x19\xf2\xb6l\xd92x\xf0`\xa7\xcd\x9f\xd5\xb6\xcd\xa4_z\xc9\xdc\'\xc7\xe5\xdcx]\x18\xdb\xfc\x1b\xae\xe6D\x81\xa6\xa9\x87\x0e\x1c\x1c&lt;j\xf2+o\xaeb\'45\xe1\xacy\x80\xb0B\x01\x085g\xa4\xcb\xcf\xcf\x1f3f\x0c\x05#4)J5\xe0\xf6^=\xe7\xcf\x9c\xd8&lt;\xadE\xd5\xe1\xd2(\xd8R\xcd\xb6\xed\x98\xd8X\xe6\xf5\xccy\xf6\xc5\xf1S\x9f\xc6\x16r\x00\x8d\x07\n@\xe8\xd4=\xbd}\xf8\xf0\xe1K\x97.\xa5\xb5]Zk\x1a\x13\x13\x13\xe2\xa7\x8e\x7fh\xd8\x83\xf7\xb0j\x7f\xd5\xf1\xe3\x11\x17\xfb\x9c\x8e\xd1F\x1b\xe3\xbd\xa0\xe9\xb6\xcdE\x03\x87M\xc0Y\xf3\x00\x8d\x04\n@\x888\xe3ZAAA\xff\xfe\xfd\xf7\xef\xdfOc\x1f\xe7\\\x08\xae\x94\xce\xb8\xfc\x17\xcf\xcf\x99\xd2\xe1\xaa\xcc\xea\xef\x0f\x0b\xce\xb9\x88\xb6\x07a\xdbo\xc7\xa4$\x96\x97U\x8c\x9b\x9a?o\xc1bv\xfa-\xe4\x10\x07\x01\x84\x06\n@(8m\xfeS\xa7N\xcd\xcb\xcbcN\x9b\x7f\xed\xd87\xe4\xfe\xdci\xe3\x87\'\xa5$V\x95UX\x9e(y\xf0?\xd9\x0fg\xcd\xbf\xf4\xfa\x88qO\xee?x\xc8\x89\x83\x18\xce\x9a\x07\x089\x14\x80\xe0:\x976\xff\xf93&amp;\xf4\xbb\xf3\x16\xe3+\xf7\xfb\xed\xa8\x7f\xf2\xad\x99\x19n\x96\xfa\xed\xd7{O\xb9\x85\x1c\xce\x9a\x07\x08\x19\x84\xadAt\xd66\xff\x9eY\x9d\xde/X\xd4/\xf7\xe6\xaa\xefK\x94\xd2n\x18\xecj\xce\x9a/)m\x95vA\xc1\xb2\xe7\'\x8ey\x90\xb6\x90\xa3\xf3d\x9c\xb3\xe6sss\xb1\x85\x1c@\xb0\xe1\r X\xce\xa5\xcd?\xef\xd1!\x8c\xb1Hl\xf3o8\xad5c\xdc\xd3&lt;\xf5\xdf\xefm\x1c0d\x1c\xce\x9a\x07\x08=\x14\x80\xc0;\xf76\x7f\xfbp\x99\xcb\xcfM\xb4\xfdvLj\xf2\xa1\xef\x0e\ryx\xea\xcb\xffz\x871F\xdb\x1f9\xa7\x89\x8d\x1f?~\xd2\xa4I\xac\xce\xa9\xc8\x00\x10((\x00\x01v^m\xfe\x18\xd1X\xcd\x16r^\xde$\xfe\xf9\xe7\x17\x8d\x998\xddWq\xd49\\\xccY(@[\xc8a\xa1\x00@`\xa1\x00\x04L\xdd6\xff\xfe\xfd\xfb\x17\x14\x14\xb0\x1f\xa67\xa3\xb9\xcd\xbf\xe1j\xb6\x90k\x9a\xb2\xe3\xb3\xe2\x01C\xc6\xd1\x16ru\xcf\x9ao\xd6\xac\xd9\xfc\xf9\xf3\xfb\xf6\xed\xcb\xb0P\x00 pp#\x05F\xdd\xdd\xfc;t\xe8PPP@\xe3\xbb1FJa\xdb*\xe3\xf2_\xac]\xf1\x8fa\xc3\xef\xaf\xae8jW\xfb1\xfa\xd7U\xb3\x85\\Ii\xbb\xf4\x9f\x15.\xff\xc7C\x0f\xdc]{\xfe\xa5p\xb6\x90\xeb\xd7\xaf\xdf\xb0a\xc3***p\xa2\x00@\xa0\xe0\r \x00(\xf6\xb1m{\xcc\x981\xf9\xf9\xf9\xec\xa4%N.i\xf3o\xb8\x9a-\xe4N:k\x9es\xeel!\xf7\xfc\xf3\xcf\xe3\xacy\x80\x80@\x01h\x10\xa7\xcd\xbf\xb8\xb8x\xc0\x80\x01?n\xf3\x97\xb6\xadZ\xb6h&gt;{\xda#\xfd\xeerK\x9b\x7f\xc3\xd5\x9c5\x9f\x9a\xfc\xed\xdeo\x87\x8f}\xfc\x95\xe5\xef\xd6\xd90\x03g\xcd\x03\x04\x12\n@\xfd9\xa3\xcf\x82\x05\x0bF\x8f\x1e\xed\xf3\xf9\x9c\x03\xb0h\xf6\xb2gV\xa7\x85s\xa7\xb6\xba\xf4\x92\xaa\x92h\xd8\xd6-\x94l[\xc5\xc4\xc52\xafg\xd6\x9c\x17\x1e\xc9\x9bi+}\xc2\\z\xdf\xbe}g\xcf\x9e\xdd\xaaU+\xcc\x0c\x03\xd4\x1b\n@=QW\xa2\xcf\xe7\x1b=z\xf4\x8f\xda\xfc-i\xdb\xca\x92\xf2\xcf#\x07\xe6\x8d\x1d\xc2\xb4\xae\xaa&lt;\x86\xc4\xbf\x1ej\xce\x9aOM\xd9\xfc\xfe\xd6\xc1#\xf2\xb6\x7f\xfa\xe5\t\xdd\xb4\xd8B\x0e\xa0\x81P\x00\xce\x9b\xd3\xe6\xbfq\xe3\xc6\x01\x03\x06\x14\x17\x17;\x03\x13m\xeb\xd6\xe6\xd2K^\x987\xad\xeb5]\xfc\x87J\x19su\x9b\x7f\xc3\xd9\xb6\x1d\x93\x9cT^^1\xf2\xd1\'\xfe\xf6\xd2k\xec\x87Bk\xd1T\xf0\xa4I\x93\xc6\x8f\x1f\x8f-\xe4\x00\xea\x01\x05\xe0\xfc\x9c\xae\xcd_J\xa1\x94f\x8c\xf5\xbb9g\xdeS\xe3\x9b_\xd8\xbc\xaa\xd4\x87\xf9\xde\x80\xf8\xf1Y\xf3\xd3\x0e\x97\xfd\x10\xb51l!\x07\xd0\x00(\x00\xe7\xea\\\xda\xfcgN{d\xe0\xfd\xb9\xe6H\xa5\xbf\xba\x1aO\xa3\x01T{\xd6|\xd3\xe2O\xbf\x1c\xfa\xc8\xb4U\x85\xef\x9f\xb0\xa7\x1e\xb6\x90\x03\xa8\x07\x14\x80sr\xa6\xdd\xfc9WZ_\x91\xd1~\xfe\xac\x89\x1d\xae\xcc\xac&gt;t\x18\x0f\xa1Ab\xdbvL\x93\x04\xc6\xd8\xa4\xbf\xcc\x9b&lt;\xe3Y\xc6\x185\x89:\xed\xb6\xf7\xdf\x7f\xff\x8c\x193\x92\x93\x93\xb1o\x04\xc0\xb9@\x018;\x1a\xfd\xcf\xd0\xe6\xff\xd0\xa0\xbb\xa7O\x1e\xed\xf1x\xaa*\x8e`\xdc\t\xaa\x9a\x05wMS\xdeY\xb1z\xd8#\xd3\xce\xbc\x85\x1cf_\x00\xce\x0c\x05\xe0,\x8c1\x9c\xf3\xb3\xb6\xf9\xabR\x9fRZF\xe6\xe9\xed\x11\xc7\xb6\xed\x98\xa6\xa9\x87\xf6\x1f\xfca\x0b9)\x94:\xf1\xacy\xfa\xdev\xe7\xdbX`\xefkw~\x86n\x80\x02p&amp;4\xa9\xb8b\xc5\x8a\xbb\xef\xbe\xbb\xbc\xbc\xdc\xe9&lt;!u\xda\xfc\xcb\xa4D\xec\x13R\xcaV\x9e\x18/o\x12\xff\xfc\x82\xc5\xa3\xc6=Yq\xb4\x92q\xc6\x0cs\x16\n\xdcx\xe3\x8d\xaf\xbe\xfa\xaa\xd7\xebu\xe1\xdf\x0b=\xb5\x84\xfb* \x02 \xaf8\x0b\xceyBBB\xdd\xd1\x9fs\xde$!n\xc4\xa0{\xf2\xfe&lt;\x8ciUU\x82M=\xc3@ZR\xd9\xb6&gt;\\6\xf0\x81\xbb2\x7f}\xd9\x9fFO\xd9\xf6\xf1\xe7Zk\x9a\x166\xc6TTTx&lt;\x1ew\x0e\x85\x9c\xf3c\xc7\x8e\x1d?~\x9c\xf3\x86&gt;\xe1\xd1\xa7\x97\x92\x92\xe2\xceO2\xea\xe1\r\xe0,\xa8\xff\xa4}\xfb\xf6_~\xf9%\xcd\xee*\xa5\x9e\x9a8|L\xde\x98\xaa\xbd\xfb\x04\xe7\x08\x9a\xc3\xcb\xf6\xdb1\xa9IG\x0f\xfb\xdau\xee\xb5o\xffAg\xd7\xa0\x17_|\xf1\xee\xbb\xefv\xdbl0\xdd\xce\xa5\xa5\xa5W]u\xd5\xa1C\x87\x1a^\x00h\xcd\xdd#\x8f&lt;2v\xecX\xb4WE\x1f\x17\xdd\x1b\xf5C\x99\xf2M7\xddD\x05\x80n\xa7\x8d\x1f\xfcgT\x99\x8f\xe3\x98\xaaF@H\xa1m\xf5\xf1g;\x0e\x1c,\xa1\xbf \xa5Tbb\xe2u\xd7]\xc7\x18s\xdb\x80E;S\xcd\x9a5k\xe7\xce\x9d\x01\xfcm\xa7O\x9f~\xef\xbd\xf7\xb6h\xd1\x02S\xebQ\x06\x7f\x97gA\xaf\xbd}\xfa\xf4\xa1\xfd\xc8(_^\xb3a\xcb\xb7_\xef\xf1\xc6\xc6\xe2\xfd)\xec\xb4\xd6"6\xe6\xd5\x15\xabi\xc2\x86\x86\xa7n\xdd\xba\xa5\xa5\xa5Q\xcbP\xb8/0th\xf4\xdf\xb9s\xe7\xf4\xe9\xd3\xa5\x94\xf4\xc2*\x1a\x86s\xee\xf1x\x0e\x1f&gt;\xfc\xe8\xa3\x8f:\x0f@\x105P\x00\xceBJi\x8c\xc9\xc8\xc8h\xd7\xae\x1d\r(R\xca#G\x8f}\xb0\xfd3\x16\x17K\xf5\x00\xc2HJ\xa9+\x8f\x15n\xda\xca\x183\xa6\xe6\xaf\xe3\xf6\xdbog\xb5\x9bv\xb8\x07\x8d\xce\xe3\xc6\x8d\xab\xae\xaef\xb5_\xben\x18c\x8c\xdf\xef\x17B,^\xbcx\xdb\xb6m\xce\x1c;D\x07D@g\xa7\x94\xf2z\xbd999\x94\x021f\x18c\xcbW\xad\xbb\xb5\xdfM\xe1\xbe4\xb7\xd3\xdax\xe2c\xbf\xf8\xac\xf8\xb3/\xbf\xe2\x9ckm\x8c\xd1\xf1\xf1\xf1=z\xf4`.\xcb\x7f(\xa0_\xb7n\xdd+\xaf\xbcB\xed\xb0\x9c1cLR\x93\x04)\xa5a\xe7\xf9\xe4n\x18\x97\xc2\xe7\xab\xa0\xe1\x9es^UU5j\xd4\xa8\xc2\xc2B\x14\x80h\x82\x02pv\x14#\\{\xed\xb5\xf9\xf9\xf9\xf4L\xc4\x18{g\xedF\xdf\xfe\x83I\x89\t\xcaV\xae\xca\x19\x1a\x15\xad\x15\x8b\x8d]\xfe\xee\xba\xaaj?5\xff(\xa5.\xbf\xfc\xf2\x0b/\xbc\xd0Ui5\xb5\xe8\xd0\x18M\x13\xbf\xb40\xe2\xda\xdf_\xb9\xe4\xef\xb3\xcd\xf1\xe3\x9c\x8b\xf3\xfa\x1eUZ{\x9a$lX\xf7\xfe\xad\x03F\xb2\x1fW\x97\xdbo\xbf\x1d\xb3\xc1Q\x03\x05\xe0\xech\x1c\xe9\xde\xbd{ZZ\xda\x81\x03\x078\xe7B\xc8\x03\x07K\xd6o\xdaz\xd3-\xd7\xeb2\x1fn\x86p\x91R\xe8c\xc7^[\xf9\x1ec\xcc\x18\xcd\xb9`\x8c\xddv\xdbm\xd4\xbb\xe2\x9e\x02@\xe9\xff\x92%K\xb6m\xdb\xe6\x1c\x9c`Yr\xee\xe3c\x9b_\xd0\xcc\x1c\xad\xe4\xb5o\xae\xe7\x8c\x1be\xf7\xea\xd7+w\xf9\xbb\xff|u%\x05\xa1\x8c\xb1q\xe3\xc6\xf5\xee\xdd\x9bj-\x9e{\xa2\x80[\xee\x90\x86\xa0\xd6\xcf\xc4\xc4\xc4\x9c\x9c\x1c\xc6\x98\x94\x92\x06\x96e+\xd7\xb0\xf3{\xae\x82@\xd2\xdaXqq;&gt;/.\xfa\xe4\x0b\xca\x7f(\xac\xeb\xd5\xab\x17sS\x83\x16\x8d\xc5\x87\x0f\x1f\x1e;v,e\xf4\xb4?\xf9\x03w\xf7\xb9\xec\xb7\xbf\xaa*-SJ\xd9~\xbf\xed\xb7\xcf\xe7\x7f~\xbf\xadU\xc5\x91\x89\xa3\x1eLNJ4\xc6\x18c,\xcb\xda\xb9s\xe7\x8c\x1930\x13\x105\xdcr\x93\x04\x843\xb5H;?\x17\x14n\xf2\xed?\xe8\xf1z\xd0\x1a\x11\x16\xb5\xf9\xcfz:k\x93zT233\xd3\xd3\xd3]\x95\xff\xd0\x17;k\xd6,z=\xa5\x1fIMI\x9a&lt;v\x88\xae\xac\xa4\xe3\xd2\xeaAJa\x1f=\xd6&amp;\xe3W\x0f\xdd\x9f\xab\xb5\x96R\xd0\x8b\xc5\xcc\x993\xe9\x0fB\r\x88\x02n\xb9I\x1a\x88F\x93\xae]\xbbRs!c\xccI\x81x|&lt;\xee\x84\xb08)\xff\xa9i\xd8u\xd5\xf3)\x8d\xfe\xd4\xfaI_8\x15\xc2\xbc\xd1\x0f6\xbb8\xcd&gt;^\xdd\x90\xa0FZ\xd2.-\x1b\xfe\xa7{[\xff\xec\x12\xa54\xe7\x8c^5\xd0\x12\x1a5P\x00\xce\t\xa5@IIIH\x81\x1a\t\xe4?\x84\xf2\x1fj\xfd\xa4\'w\xadu\xdb\xd6?\x1dt_\xae\xed\xab\x10\r\x9b\x9d\xe2\x9c\xabj\x7fj\xcb\x16\xe3\x87\xdfo\x8c\xe1\xbc\xe6%`\xd1\xa2EEEE\xceAx\x10\xb9\xdcr\x9f\x04\nR\xa0F\x02\xf9\x0f\xabm\xceY\xb5j\xd5\x0f\xad\x9f\x9c\x19c\x9e\x9e2\xc6\x1b\x1f\xa7\x95j\xf84\xadeY\xfe\x92\xd2{\xee\xee\xf3\xfb\xab2\xe9\xe4;\xceyuu\xf5\xf0\xe1\xc3\x95R\xf8\xb6\x8ft\xae\xb8O\x02\x02)P\xa3\x82\xfc\x87\x9e\xfdm\xdb\x1e6lX\xdd\xd6\xcf\x1e\xdd\xaf\xca\xb9\xe1Z\x7fyE\xa0\x9a\xd3\x8c1\xd2cM\x1e\xf3\xff\x84\x10\x8cq\xda\x1ce\xc3\x86\r\x8b\x16-r\x8e\xc4\x80\x08\x85\x02p\xae\xce\x98\x02\xe1c\x0c\xa9\xda\xfcg\xa7\x9b\xf3\x1fz\xd1y\xee\xb9\xe7v\xec\xd8!\x840F\x1b\xc3\xbc^\xcf\xd3S\x1f6\x01\x1d\x94\xa5\x94\xd5e\xbe\xac\x9c\xac\xbb\xfb\xdc@\xef\x1c\xb4$&gt;//\xcf\xe7\xf35|\xbf9\x08#W\xdc*\x81ur\nT\xba\xef\x00R\xa0P\xd2Z\xb3\xd8\x987\n\n\xfd~[J\xe1\xc2\xfc\xc7\x18#\x84(--\x9d0a\x02\xe5\xfeBH\xad\xf5\xa8A\xf7\\\x96\xf9k\xff\x91\xa3\x81\xfd\x10\xb8\x94\xfah\xe5\x13\x13F4MM6Z\x1bc\xa4\x94\xbbv\xed\xca\xcf\xcf\xa7\xbdW\x03\xf8gA(E\xff\xad\x12@N\n\xd4\xb2e\xcb\xda\x14H\x1c8XR\xf4\xd1g&lt;.\x8e\x0e&amp;\x84\x10\x10\x82\xb3j\x7f\xc1\xdaM\xac\xce\xe1\'\xae\xca\x7f\xe8\x19|\xc2\x84\t\xa5\xa5\xa5\xf4mi\x8c\xb9\xb0E\xb3\x91\x7f\xfa\xa3&gt;r\xa4\x81s\xbf\'\x13\x9c\xfb\x8f\x1do\x99\xfe\xd3\x11\x03\xef\xd2\xc6HQ3\x1b&lt;{\xf6\xec]\xbbva68r\xa1\x00\x9c\x07\'\x05\xea\xd9\xb3\'\xabI\x818c\xac`\xddffIg\'2\x08*c\x8c\'\xc6\xbb\xef\xbf\xff\xdb\xfe\xe9\x97\x8c1\'\xff\xb9\xe9\xa6\x9b\x98;\xf2\x1fz\xcb\xd9\xb1c\xc7s\xcf=\'j\xc7b\xad\xf5\xe3c\x874\xbf\xe4"\xff\xf1\xaa`\xac\xd1\x95\xd2\xb2K}c\x86\xdf\x9f~\xe9Ol\xa5\xa8\xe3\xc8\xe7\xf3M\x9e&lt;\x19)P\xe4\x8a\xfe\xbb%\xb0\xe8\x1b\xfd\x9ak\xaea\xb5g\xc50\xc6\xdex{mUi\xb9\xc7\x83}5BA)\xcd\xe2\xe3\x0b\xd6n\xf2\x95\x1f\xa1UN\xc6\x98K/\xbd\xf4\xd2K/\xa5`$\xdc\x17\x18t\xf4\xd23l\xd80\xdb\xb6i\xc3g\xadu\xe6\xaf/\xbb3\xb7\xb7]V&amp;\x83s\x00\x0e\xe7L\xdb*&amp;1a\xea#\x83Y\xed\xc3\x90\x94\xf2\xa5\x97^Z\xbf~=f\x83#T\xf4\xdf-\x81E\x9d\x15=z\xf4HLLTJ\x19\xc3\x84\x10;\xbf\xde\xb3\xad\xe8c\x11\x1fO\xb3\x02\x10T\x823\xa6\xd4\xb2\x95kj\xfeU\x08\xc6X\xaf^\xbd\xbc^\xaf\x1b\xc6 \xa7\xf5s\xd5\xaaU\xb5\xad\x9f\xdc\x183c\xe2\x88\xd8\x84\x04\xadt\xf0\x96\xa5HK\xfa\xcb|\xfd\xee\xbc\xb9[\xa7\x0e\xd4\x12J\xd73a\xc2\x047|\xf2Q\t\x05\xe0\xfc\xd0\x84[\xcb\x96-\xbbu\xeb\xc6\x18\xa3C3\x8c1\xaf\xbf\xbd\x96y&lt;H\x81\x82\xcd\x18\xe3\x89\x8d\xd9\xb7{\xcf\x86\xcd\xdbX\xedf\xf7B\x88&gt;}\xfa\xb0\xda}[\xa3\xd8\xa9Z?\xa5R\xea\xb6\x1b\xaf\xcb\xba\xee\xf7\xfe\xe0\xefKh\x187\xb6\x9a1i\xa4\xd7\xeb1\xa6\xa6\x1a\xad_\xbf\x1e-\xa1\x11\n\x05\xe0\xbcQ\xecC\xbd@\x8cV$1\xf6\xe6\xaauU\xa5&gt;\xa4@\xc1V\x93\xff\x14n\xaa8R\xb3\xcb\x8d\xd6:===##\x83F\xc3p_`p\x9d\xdc\xfa\xa9\xb5\xf6X\xd6\xd4G\x870\xadY\xf0\xeb\x9f\x14\xc2_q\xa4c\xb7\xab\xee\xe8\x9dM\xbb\xceQM\xca\xcb\xcb+//\xc7\xfe\x10\x11\x07\x05\xe0\xbc\xd1(\x93\x9d\x9d\xfd\xa3\x14h7R\xa0P8e\xfe\xd3\xbbwo7\xe4?4\xc3\xb1o\xdf\xbe\x89\x13\':\xad\x9f\xc6\x98\xb1\xc3\x06\xb4\xfb\xf5/\xfd\x15GB3\xff\xc1\xa5T\x15G\x1e\x1f?\xfc\xa2\x96-\xe8x\x0c!\xc4\xae]\xbb\x9ez\xea)\xec\x10\x17qP\x00\xce\x1b}\x97\xa7\xa5\xa5!\x05\n1\x97\xe7?\xd4\xfa\xf9\xc1\x07\x1f\x1c&gt;|\x98\xbe\xe5\x8c1\x96%o\xbb\xf1:\xa3\x14\xe3!\xba\x97\x05\xe7\xea\xf8\xf1\x8b\xda\xfd\xfc\x8a\x8c\xf6\xce\xac\xbb\x10b\xc5\x8a\x154)\x1d\x9a\xcb\x80\x80@\x01\xa8\x0f\xa4@a\xe1\xf2\xfc\x87\x06\xfd\xec\xec\xec_\xfc\xe2\x17T\xf98\xe7\xb6\xad\xa6\xe6?\xcf\x8c\xe1\xe7{\xe8c})\xa5=\x89M&gt;X\xbb\xe9\x9d\xb5\x9b\x9cU`Z\xeb\x11#F\xd0A1\xa1\xb9\x0c\x08\x08\x14\x80\xfa@\n\x14\x16n\xce\x7fX\xed\xabg||\xfc\xd3O?M\xc9;\xad\x00x\xe5\xcdw\x0b\xd7\xfc\xdb\x93\x92\x1c\x9a\x0f\x81s\xc3-9f\xf2\xecc\xc7\x8es\xceh\xee\xb7[\xb7n\xf7\xdcs\x0f\xcd\n\x84\xe0\x1a PP\x00\xea\xe3L)\x90\x17)PP\x18c&lt;\xb1\xb1\xdf\xba5\xff!4\xda\xf6\xec\xd9\xb3g\xcf\x9e\xce\xc1\xbc\x9c\xf3\xd1\x93g\x1f?zTH\x11\xec\xc7oe+OJ\xf2\xcb\x8b\xfe\xb5\xfe}:{R\xd3UM\x992\x053\xc0\x91\x08\x05\xa0\x9eN\x97\x02\x1d/)C\n\x14\x0cJi\x16\x1f\xfb\xf6\xda\x8d\xee\xcc\x7f\x1c\xd4\xfd9g\xce\x1c\xca[\xa8\n\x16}\xfc\xc5\xa2\xc5oX))\xca\xb6\x83\xf7G\x1b\xc3\x84%\xab*\x8e\x8e\x7fr&gt;\xa3]B\xa5TJ\xddu\xd7]\xdd\xbau\xc3I\xf1\x91\x08\x05\xa0\x9eNN\x818\xe7;w\xef\xf9\xf8\x93/D\\\x1cz!\x02\x8es\xc6\xb4Y\xbej=\xfd\xab\xdb\xf2\x1f\x07\xad\xfbm\xd7\xae\xdd\xa0A\x83\x9c\xe3\x7f\x85\x10\x7f~b\xde\xa1\xbd\xfb&lt;\xb11\xc1{\x0c\xd7\xca\xb6R\x93\xa7\xe7/\xf8\xea\xeb=\x96\x944\x0b\x9d\x9c\x9c&lt;q\xe2D\x9c\x11\x1f\xa1P\x00\xea\xc9I\x81\xbaw\xef\xce\x18\x13BPO\xf4\xba\xcd\xdb\x98\xd7\x83\x02\x10X\xc6\x18\x8f\xd7\xe3\xfb\xee\xfb\x0f\xb6\x7f\xca\x18\xa3\xfew)\xa5\xab\xf2\x1f\x07\x85-S\xa6LIMM\xa5\xef4\xce\xf9w\x07Kf=\xf3\x0f\xd1$A\x07\xa7\x1cjcdl\xec\xb7_}3\xfb\xf9\x97\x04\xe7\xaa\xb6\xf6\x8c\x181\xa2u\xeb\xd64\x1b\x11\x8c?\x17\x82\n\x7fg\xf5G\xf7\xdeu\xd7]\xc7j^\xcc5cl\xd9\x8a5\xfa\xd8qZ%\x0f\x81\xa2\xb5\xe6\xf1\xf1\xeb7m\xdd\xff\xdd\xf7BHc\x98\xd6\xfa\xc2\x0b/\xbc\xfc\xf2\xcb\x99;6\x80\xab\x8b\x1e&gt;RSS\xa7L\x99B\x8d\x98Z+!\xc4\xcc\xe7^\xdc\xb1\xfd3ObB0\x9e?\x8cR2\xb1\xc9\xa3S\x9e&gt;\\\xea\xe3B\xd0\x14t\xeb\xd6\xad\x87\x0f\x1f\x8e\xb9\xdf\xc8\xe5\xae;\'\xb0h\xdc\xc9\xce\xce\xa6\x14Bk\xc39/\xfa\xe4\x8b\x1d\x9f\x17[\xd8\x1d:\xe0\x04\xa7\xfe\x1f!~\xd8\x91)&gt;&gt;\x9e6\xc3\t\xf7\xc5\x85\x1a\x05A\x83\x06\rj\xd7\xae\x9d\xd6\x9as:\xa9\xd1?\xfe\x89y\xdc\xb2X\xa0S \xa5\xb47)q\xeb\xfa\xcdK\xdex\x87Z?i*b\xd2\xa4I\xc9\xc9\xc9\xc8\x7f"\x17\n@\xfd9ilff&amp;=\x88I)\xfd~{\xf9\xbb\xebYl,M\x0bC\xc3\xd5\xe4?\xfb\x0f\x16\x14nb\x8c)\xa5\xe9\t\xb7o\xdf\xbe\xe1\xbe\xb4\xb0\xa1\xf1\xd7\xb2\xac9s\xe68-\xa1R\x8aWW\xac~g\xf9jOrR`\xe7E8gJ\xeb\x11\x93fTW\xfb\xeb\xb6~\xdey\xe7\x9d\x98\xfb\x8dh(\x00\rB\x8b3\x9d$\x9aR\xa0\xd7V\xbe\xa7\x8f\x1dC\n\x14(N\xfes\xe0`\x89\x10\x92~$--\xadk\xd7\xae\xcc}\xf9\x8f\xe3\xe4\x96P\xeaDxh\xe2\xf4\xea\xcacB\xca@\xbd\x06\xd8\xb6\xedi\x96\xfa\xe2\x8b\xcb\xfe\xbde\xbbU\xdb\xfa)\x84\x982e\n\x86\xfeH\xe7\xd2\x9b\'PN\xd8\x8b\x18)P\xb0\x9c\x94\xff\xe4\xe4\xe4$%%\xb93\xffq8-\xa1^\xaf\x97zr\x84\x10\xc5\xbb\xfe\xfb\xdc\xdf\x16[\xc9\x89\x01\x99\r6\xc6H\xaf\xa7t\xff\xc1\xa9\xf9\x0b8\xe7\xdah*&lt;\xf7\xdcs\x0fZ?\xa3\x00\n@\x83P\n\x94\x9e\x9e\x8e\x14(HN\x97\xff8+0\xdc\xcc\t!\xc7\x8c\x19C\xcd\xa0\xf4J:i\xc6\xb3%\xff;`\xc5z\x1b\xde\x12\xaale\xa5\xa6\xe4?\xf3\xf7]\xdf\xec\x95R\x18\xc3\x8c1M\x9b6}\xe2\x89\'\x10\xfdG\x01\x14\x80\x86:a=*R\xa0\xc0B\xfesf4\xe8\x8f\x1c92--\x8d\x86{!DiY\xf9\xc4\'\xe6\x89\xf8x\xdd\xb0]I\xb46\x9e&amp;\xf1;\xb7\x7f\xf6\xf4\x82\xc5B\x08\xa5jZ?G\x8d\x1a\x95\x96\x96F\xdf\xf9\x01\xfa: &lt;\xf0\xf7\xd7PH\x81\x82\x0e\xf9\xcf\xe9Q\nD\x8f\xe44"SK\xfe_\xff\xb9\xec\x8b\xed\x9fz\x9a\xc47\xa4%\xd4h%\xe2\xe2&amp;\xcf|\xd6W^A\x87\x00\xdb\xb6\xdd\xa6M\x9b\xd1\xa3Gc\xf4\x8f\x0e\xf8+l(\xa4@\xc1\x83\xfc\xe7\\\xd0w\xe0\x1dw\xdc\xd1\xa1C\x87\xda]B\x99m\xab\x87&amp;&lt;\xc5\xa5\xd4J+\xa5\x94\xd2\xe7\xfb\xbf\xeaj\xbf\'9\xa9\xf0\x9d\xb5\x8b_\x7f\xdb9{\x9216m\xda4\x9ar@\xf5\x8d\x02(\x00\x01p\xc6\x14\x08Sd\xf5G\xf9\xcf:\xe4?gD/\x011113g\xce\xacm\t\xd5R\x8aw\xd7m.x\xeb\xbd\x98\x9f\xb4\xf26i\xe2MN&lt;\xdf\xff\xc55M\xe1RL\x9c\xfe\x7fJi\xc6j\xb6\xfd\xe9\xde\xbd\xfb\xed\xb7\xdf\x8e\xb9\xdf\xa8\x81m\xcb\x02\xc0I\x81\xc6\x8d\x1b\xe7\xf7\xfb\x19c\xb5)\xd0\xce\xcb~\xd5\xd6_y\\\x08&lt;+\xd5\x97\xe0\xaf\xbf\xf5\x1ecL\x08\xc6\x98\xb4m;;;\x9b\xf2\x1f\x8cA\x8e\xba\xa3\xf3+\xaf\xbc"\xa54Fs\xce\xfe\xf4\xe7\'\xe6\xc7x\xc5\xf9\xb7\x03i\xad=M\x12\n\xdf\xdb\xb8as\x11\xa5\xffB\x88\xba5&amp;\x18_\x05\x84\x1e\n@\x008)\xd0\xef~\xf7\xbbM\x9b6\xd1\xc0\xe4\xf7\xdb\x9b\xb6}tY\xe6\xe5\xfaH%=\xbd\xc2\xf9\xb2,YUV\xb1\xf1\xc3\xff0\xc6\xb46\x8c\x19\xce\xb9\x9b\xd7\x7f\x9d\x81\x93\xcf\xbc\xf1\xc6\x1b\xb6m\xd3\xe4\xd3\xaeo\xf6f\xf7\x19\xd8\xc0\xdf\x96vzPJ\xe5\xe6\xe6v\xe8\xd0\x01\xa57\x9a\xe0%:0(\x05\xea\xd9\xb3\'\xab\xb37\xd9\xeb+\xdfcJ\xe1\xe9\xbf~\x94\xd2"&gt;n[\xd1\'_}\xb3\x97\xb6?\xd3Z\xa7\xa4\xa4t\xea\xd4\x89!\xff9\tM\xff\xb6i\xd3\x86ZB\x9d\xa3\x02\xa4h\x10z\xde\xa7y\xe6\xbf\xfc\xe5/\xd4f\x1a\xee\xaf\x15\x02\x06wQ`\xd0]\xd1\xb3gOz\x1b\xa0\xb9\xca\xf5\x9b\xb7\xed\xdb\xbd\'\xa8;\xf4F1c4\xf3x_\x7f\xfb=\xa3\r\rF\x8c\xb1N\x9d:\xa5\xa4\xa4`\x18:\xa5\xba-\xa1\x8c1\x8f\xc7#\x84`\xbcA\xa4\x94\x1e\x8f\xc7i\xfdt\x0e\x01\x86\xe8\x80\xbf\xcb\xc0\xa0\xbd\xa0;t\xe8\x90\x9e\x9eN\xc3\x93\x94\xb2\xe2HeA\xe1&amp;\x86C"\xeb\xc5\xe3\xb1\xaaJ}o\xaeZ\xc7j\xcf\xdba\x8c\xf5\xed\xdb\x97B\x89\xb0^Z#U\xb7%T)\xe5\xf7\xfbU TWW\xa7\xa7\xa7\xa3\xf53*a\x0e `\x94R^\xaf\xb7w\xef\xde\xd3\xa7Ow\x8e\xc7[\xb6r\xcd\x80\x01w \x05:_JioR\x93m\xeb7\xef\xdc\xbd\xa76\xffQ\x89\x89\x89\xd9\xd9\xd9\xac\xf64\x1e8\x19}Vw\xdcqGAA\xc1\x81\x03\x07\xe8\x9d\xa0!\xbf!\xa5\xff\xc3\x86\r\xa3e.(\x00Q\x06\x05 `(\x94\xe8\xd3\xa7\xcf\xcc\x993\xb5\xd6T\x006l\xde\xb6o\xf7\x9e\x8b.\xba\xd0\xae\xf6#\xb58w\xc6h\xe6\xf1\xbc\xfe\xf6Z:w\xd0\x18C\xdbOb\x01\xea\x99\xd1\xf7XLL\xcc\xa2E\x8b\x02\xfb;\xbb\xea\xdcM\xf7\xc0\x8d\x1404Nedd \x05j\xb8S\xe6?\xb4\xfe\x0b\xf9\xcfYQ\xbd\xd4\x01\x85\xc7\x97\xa8\x84\x02\x10HN\n\xc4\xea\xb4\xa9,[\xb9\x06\xbd@\xe7E)-\xe2\xe3\xb7\x15}\\\x9b\xff0\xa5\x90\xff\x9c\x07z\xf8hX\xfb\xcf\x89\xc2\xfd5AP\xe0\xef5\x90\x9c\x14\xa8n/\xd0\x06\xf4\x02\x9d\xa7\xba\xf9\x8f3\xfa8\xf9\x0f\x1eE\x01\x02\x05\x05 \x90\x90\x02\x05\x04\xf2\x1f\x80\xd0@\x01\x080\xa4@\rT\x9b\xff|\x82\xfc\x07 \xd8P\x00\x02\xccI\x81\xa8]\xddI\x81\xfe\xb7\xeb\xbf\x9e\xd8X\xa4@ge\x8cf\x1ek\xd9[\xef\x19c\x84\xe0\xc8\x7f\x00\x82\x07\x05 \xc0\x9c\x14\xa8]\xbbvuS\xa0\x0f\xb6\x7f\xca\xe2b\x91`\x9c\x95\x94RW\x1e+\xdc\xf4!c\xcc\xa9\x97\xc8\x7f\x00\x82\x01\x05 \xf0(\x05\xca\xc9\xc9a\x8c\t!\xe8\x99u\xf9\xaau\x0c\x0f\xafg\xa3\xb5\xb1\xe2bw|\xf1\xd5g_~\xc59\xd7\xda(\xa5\xe2\xe3\xe3{\xf4\xe8\xc1\x90\xff\x00\x04\x1a\n@\xe0QLq\xed\xb5\xd72\xc6\xb4\xd64\xf7\xfb\xce\xda\x8d\xbe\xfd\x07=^\x0fR\xa03\xd0Z\xb1\xd8\xd8\xe5\xef\xae\xab\xaa\xf6S##c\xec\xf2\xcb/\xbf\xf0\xc2\x0b\x91\xff\x00\x04\x1c\n@\xe0\xd1\xb0\xd5\xbd{w\x8a\xad\x19cB\xc8\x03\x07K\xd6o\xda\xca\xe3\x1btD_\xd4\x93R\xe8c\xc7^[\xf9\x1ec\xcc\x98\x9a\x11\xff\xb6\xdbn\xa3\xa3h\xc3}u\x00\xd1\x06\x05 \xf08\xe7\xd4\xb8B)\x90\x94\x92\xba\x81\x96\xad\\\xc3\xd0\ttzZ\x1b+.n\xc7\xe7\xc5E\x9f|\xe1\xe4?^\xaf\xb7W\xaf^\x0c\xfb?\x03\x04\x01n\xaa r\xa6.)\x05*(\xdc\x84\x14\xe8\x0cj\xf3\x9f\xf5~\xbfM\xf9\x8f1&amp;33\x93\x16U\xa0\x00\x00\x04\x1cn\xaa\xa0\xa0\xd1\xaak\xd7\xaeH\x81\xce\xdd)\xf3\x1fgYu\xb8\xaf\x0e \n\xa1\x00\x04\x05\xa5@IIIH\x81\xce\x11\xf2\x1f\x80\xd0\xc3}\x15\\H\x81\xce\x11\xf2\x1f\x80\xd0\xc3}\x15,H\x81\xce\x0b\xf2\x1f\x80\xd0C\x01\x08\x963\xa6@\xf8\xd8\x7f\xa46\xff\xd9\x89\xfc\x07 \x94pk\x05\xdd\xc9)P\xe9\xbe\x03H\x81\xea\xd2Z\xb3\xd8\x987\n\n\xfd~\x9b\xf6\xb1G\xfe\x03\x10\x02\xb8\xb5\x82\xc8I\x81Z\xb6lY\x9b\x02\x89\x03\x07K\x8a&gt;\xfa\x8c\xc7\xc5i\x8d\x02PC\x08\xce\xaa\xfd\x05k71\xc6\x8c1\xc8\x7f\x00B\x03\x05 \x88\x9c\x14\xa8g\xcf\x9e\xac&amp;\x05\xe2\x8c\xb1\x82u\x9b\x99%\x8d\xc1\xd0\xc6\x18c\xc6\x18O\x8cw\xdf\x7f\xff\xb7\xfd\xd3/\x19cN\xfes\xd3M71\xe4?\x00\xc1\x84\xbb+\xb8(\xe7\xb9\xe6\x9ak\xe8\x9f\xe9y\xf6\x8d\xb7\xd7V\x95\x96{&lt;V\x98/\xaeqPJ\xb3\xf8\xf8\x82\xb5\x9b|\xe5G\xa4\x94\x9csc\xcc\xa5\x97^z\xe9\xa5\x97\xd2\x89`\xe1\xbe@\x80\xa8\x85\xbb+\xb8h\x03\xcb\x1e=z$&amp;&amp;*\xa5\x8caB\x88\x9d_\xef\xd9V\xf4\xb1\xc0\x19a\x8c1\xc6\x04gL\xa9e+\xd7\xd4\xfc\xab\x10\x8c\xb1^\xbdzy\xbd^\xa5TX/\r \xca\xa1\x00\x04\x17\x1d\x0b\xd3\xb2e\xcbn\xdd\xba1\xc6\xe8\x84[c\xcc\xebo\xafe\x1e\x0fR c\x8c\'6f\xdf\xee=\x1b6oc\x8c\xd1\x11:B\x88&gt;}\xfa\xb0\xda}U\x01 HP\x00\x82\x8eb\x1f\xea\x05b\xb5\x87\xdc\xbe\xb9j]U\xa9\x0f)PM\xfeS\xb8\xa9\xe2H%\xe5?Z\xeb\xf4\xf4\xf4\x8c\x8c\x0cc\x0c\x0e\x00\x00\x08*\x14\x80\xa0\xa3Q,;;\xfbG)\xd0n\xa4@\x8c\x9d&amp;\xff\xe9\xdd\xbb7\xf2\x1f\x80\x10@\x01\x08:z\xaaMKKC\nt\x02\xe4?\x00\xe1\x85\x02\x10\nH\x81N\t\xf9\x0f@x\xa1\x00\x84\x02R\xa0SB\xfe\x03\x10^(\x00\xa1p\xa6\x14\xc8\xeb\xd2\x14\xc8\x18\xe3\x89\x8d\xfd\x16\xf9\x0f@\xf8\xa0\x00\x84\xc8\xe9R\xa0\xe3%e\xeeL\x81\x94\xd2,&gt;\xf6\xed\xb5\x1b\x91\xff\x00\x84\x0b\n@\x88\x9c\x9c\x02q\xcew\xee\xde\xf3\xf1\'_\x88\xb88\x17\xeex\xc39c\xda,_\xb5\x9e\xfe\x15\xf9\x0f@\xe8\xb9\xf1\xd93,\x9c\x14\xa8{\xf7\xee+V\xac\x10Bp\xcem\xdb^\xb7y[\x87\xaeWTW\xfb-\xcbb\xcc-\xdb\xc3\x19\xc3\x84%\xca\x0e|\xff\xc1\xf6O\x19c\xc6hc\xb8\x94\x12\xf9\x0f@(\xa1\x00\x84\x0ee\xdc\xd7]w\xdd\x8a\x15+8\xe7\x14\xfd/[\xb1f\xcc\xb8\x87\x12Z\xb6\x08\xf7\xd5\x85\x96\xd2\xacI\xf2{\x8b_\xdd\xff\xdd\xf7RJ\xad\xb51\xbaU\xabV\x97_~9\xc3\x06p\x00\xa1\x82\x02\x10:4\xaeegg{\xbd^\xbf\xdfO?X\xf4\xc9\x17\x0f\x8fx,!!N)\xed\x9e\'_\xad\x94L\x88_\xb3z\x03c\x8c\x12\x7f\xdb\xb6{\xf4\xe8\x11\x1f\x1f\xaf\x94\xc2\x04\x00@hp\x1cK\x12JZk\xcey\xe7\xce\x9d7o\xde,\xa5D\xd8Mh\xdf\xff\x95+W\xdep\xc3\r(\x00\x00!\x837\x80\x90\xd2Z[\x96\xd5\xa7O\x9f\xcd\x9b7;\xcf\xfb\x96%\x19\xe3\x8c\x19\xc6\xdc\xf2\x06@_,\xb5~:\xb3#]\xbbve\xc8\x7f\x00B\x087[H9{\x1d\xc7\xc4\xc4p\xce=\x1e\x8feY\xb5\xe3\xbe{F\x7fF_\xac\x10\xc2\xb2\xac\x98\x98\x18\xcb\xb2rrr\x92\x92\x92\x94R\xee\xc9\xc1\x00\xc2\x0eo\x00!EYGzz\xfae\x97]\xf6\x9f\xff\xfc\'\xdc\x97\xd3(\xd8\xb6\xcd\x18\xbb\xed\xb6\xdb\xc2}!\x00\xae\x83\x02\x10\x06B\x88Y\xb3f\xad_\xbf\x1eg\xde\x92\x98\x98\x18:4\r\xf9\x0f@(a\x12\x18\x00\xc0\xa5\xf0\x06\x10\x1e4\xff\x19\xee\xabhDh7\x88p_\x05\x80\xbb\xe0\r\x00\x00\xc0\xa5\x10\xb9\x02\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14\n\x00\x00\x80K\xa1\x00\x00\x00\xb8\x94\x15\xee\x0b8\x05\xad\xb51&amp;\xdcW\x11x\x9cs!Pq\x01\xce\x04\xb7\x7f(\xf1\xa8\xfc\xac\x01\x00\xe0\xac\x1a\xd7\x1b\x801\x86s\xbe}\xfb\xf6\xb2\xb2\xb2p_K\xe0\xa5\xa4\xa4ddd\xd0\xd7\x18\xeek\x01htp\xfb\x87^\xe3z\x03\xd0Z\x0b!:u\xea\xb4y\xf3\xe6p_K\xe0]u\xd5U\xef\xbf\xff&gt;}\x8d\xe1\xbe\x16\x80F\x07\xb7\x7f\xe85\xae7\x00\x92\x90\x90 \x84\x90R*\xa5\xc2}-\x81A_KBBB\xb8/\x04\xa0\xb1\xc3\xed\x1fJ\x8d\xb1\x00h\xad\xb5\xd6\x9cs\xad5cL\x08\xd1\xa8^\x9a\xce\x9d1\x86\xbe\x04\xfaZ\xe8\x9f\x01\xe0\x0cp\xfb\x87Rc,\x00\'h\x9c\x1f\x1c\x00\x84\x00n\xff\xa0j\xd4\x05\x80sn\x8c\xf9m\xfbv\xa9MS\x8c\xad"\xe8A\xc0\x18\xc3-Yz\xb8\xec?\x9f\xee\x88\xa0\xcb\x06h&lt;p\xfb\x87@\x04\x14\x80\xb9\x8f\x8f\xedz\xc3\xb5\xac\xac\x9c\xc9F4yr\x16J\xb3\x94\xa4\x7f\xbf\xb5\xe6\xf7\xbd\xfa7\xf2\xef\x00\x97\xa0f\x07S\xeb\x84\x9f\xe5u\x84\xe3\xea\xe0\x14p\xfb\x87@\xa3.\x00\xa4\xb2\xf2\xb8\xae8R}\xe4\xa8\x8c\x9c\xef\x00\xa5\xb4W\x8a\xca\xca\xe3\xe1\xbe\x10\xb7s\x02e)%c\xec\xacw#\xfdz!D\xa3j\xd5p3\xdc\xfeA\x15\x01\x05@\x08.j\x85\xfbZ\xce\x951L\x08!D\xa3.\xfeQ\x8c\xc6q\xcb\xb2\xea~\xdb\x1c&lt;xp\xdf\xbe}\xdf\x7f\xff\xfd\xa1C\x87\xca\xcb\xcb\xab\xab\xab\x8d1^\xaf799\xb9E\x8b\x16\x17_|\xf1O~\xf2\x93\xf8\xf8x\xfa\xf5\xce\x0cd8\xbf\x0c\xc0\xed\x1fd\x11P\x00\x00\xce\x11\xf5]\xd0\x9a{\x1a/&gt;\xff\xfc\xf3\r\x1b6\xfc\xfb\xdf\xff\xfe\xe4\x93O\xbe\xf9\xe6\x1b\x9f\xcfw\xba\xff\xd6\xb2\xac\x96-[\xfe\xf6\xb7\xbf\xed\xd1\xa3\xc7\r7\xdc\xd0\xbauk\xc6\x98R*r\xbbP\x00\xce\n\x05\x00\xa2\x84RJJIQ\xcf\x17_|\xb1l\xd9\xb27\xdexc\xfb\xf6\xed\'\xb4\x93\x9f\x9c\x05\xd1\xac\x80m\xdb{\xf7\xee\xdd\xbbw\xef\xf2\xe5\xcb\xc7\x8e\x1d\xdb\xabW\xaf\xd1\xa3Gw\xe8\xd0\x81\xd5.P\n\xedW\x03\x10\n(\x00\x10\r\x8c1RJ\xad\xf5\x9bo\xbe\xf9\xd7\xbf\xfe\xf5\xddw\xdf\xb5m\x9b~\xca\xb2,V\xbb\xc5\x981\xe6t\xcb\x8b\xea\xce\x03WVV.Y\xb2\xe4\xd5W_\x1d&gt;|\xf8\xd4\xa9ScbbP\x03 *\xe1{\x1a"\x1eu\xf5,Z\xb4\xa8c\xc7\x8e\xb7\xdcr\xcb\xdbo\xbfm\xdb6M\x00p\xcem\xdb\xb6m\xfb\xac{LR|\xa4\x94\xb2m\x9b&amp;\x8d\x95R3f\xcc\xe8\xd1\xa3\xc7\x81\x03\x07\x84\x10hH\x87\xe8\x83\x02\x00\x11\x8f6\xd8Z\xb8paQQ\x91\xd7\xeb\x95R\xd2\xb8\x7f\xf2\xa0O\xd3\x03\xf2\xc7NN\xf9\x9d\x17\x05\x8f\xc7\xb3a\xc3\x86\x9e={\x1e:t\x88\xba\x12C\xfa\x85\x01\x04\x19\n\x00D&lt;\x1a\x97\xa7L\x99"\xa5\xb4m[)Uw\xa4\xa6\xc7y\xcb\xb2h\x04\xa7\xc7\xfc\xba\xa8NP%8\xe1\xb7\xf5\xfb\xfd\x1e\x8f\xe7\x93O&gt;\xc9\xcd\xcd\xa5\xff\x165\x00\xa2\t\xe6\x00 \xe2Q\xfa\x7f\xd5UWu\xee\xdcy\xc3\x86\r\xce&gt;b4\xdfK\xa3&lt;\xfd\xca\xa6M\x9b\xb6j\xd5\xaaY\xb3f\x89\x89\x89^\xaf\xd7\xef\xf7\xfb|\xbe\xff\xfd\xef\x7f{\xf6\xec\xa19\x03\xfa\xad\xea\x8e\xf2T\x03V\xaf^\x9d\x9f\x9f?r\xe4H\x9aj\x0e\xc7W\t\x10x(\x00\x10\rh\x92v\xd4\xa8Q\x1b6l`\x8cY\x96E\xaf\x02\x8c\xb1\xe4\xe4\xe4\xee\xdd\xbbggg_q\xc5\x15?\xff\xf9\xcfSSSO\x08|\xaa\xaa\xaa\xbe\xfe\xfa\xeb5k\xd6,\\\xb8p\xdb\xb6m\xacv\r\xaa\xf3\x0b\xa8\x19t\xea\xd4\xa9w\xdf}\xf7\x05\x17\\\xd0\xd8\xb6t\x07\xa87D@\x10\r,\xcb2\xc6\xfc\xe1\x0f\x7fh\xdf\xbe=M\xe42\xc6~\xff\xfb\xdf?\xfb\xec\xb3\x9f~\xfa\xe9\x1bo\xbc1x\xf0\xe0\xdf\xfd\xeewM\x9b6\xa5\xad\x19\xeb\xe6?111\xbf\xf8\xc5/\xfe\xf4\xa7?m\xd9\xb2\xe5\xe9\xa7\x9f\xf6z\xbd\xec\xc7}\xa2T]JKK\xff\xf1\x8f\x7fp\xce\xa3f\x9bb\x00\x14\x00\x88\x12J)\xcb\xb2\x86\r\x1b\x16\x1b\x1b\xdb\xbf\x7f\xff\x8d\x1b7\xae_\xbf~\xd0\xa0A\x17_|\xb1\xd6\xda\x99\x136\xc6\xd4\x9d\x07\x16BP\xb8o\xdb\xb6\x10b\xd8\xb0a\xcb\x96-\xa3\t\x83\x13\xd6\np\xce\x97.]J\xb3\x05a\xfc2\x01\x02\x08\x05\x00\xa2\x04\xf5\xfb\xdfy\xe7\x9d\x1f}\xf4\xd1\x0b/\xbc\xd0\xb9sgZ\xdeE#\xbe\xd3\x15zrzC\xadA\xf4\x9fWWW\xdfx\xe3\x8dc\xc7\x8e=\xa1\xf1\x9f\x8a\xc7\'\x9f|\xb2g\xcf\x1eg\xabz\x80H\x87\x02\x00Q%!!\xa1m\xdb\xb6\x94\xedp\xce\xe9Y\xfe\x1c\xff[\xfa\xf5Z\xeb\x91#G6k\xd6L\xa9\x1f\xb6 \xa6*RUU\xf5\xd9g\x9f\xb1\xda\xbe#\x80H\x87\x02\x00Q\x85\xf2\x9c\x93{:\xcf\x11%B)))\xdd\xbauc\xb5}D\xceO1\xc6\xbe\xf9\xe6\x1b\x86\x02\x00\xd1\x02\x05\x00\xa2\n\xe59\r\xf9\x1dh\x9e\xa0}\xfb\xf6\xa7\xfc\xd9\xc3\x87\x0f7\xe47\x07hTP\x00\x00N\xc49ONN&gt;\xe5O\xf9\xfd\xfe\x10_\x0c@\xf0\xa0\x00\x00\x9c\xc2\xe9\x06zj\x12\x05\x88\x0e(\x00\x00\'2\xc6\xec\xdf\xbf\xff\x94?\xd5\xacY\xb3\x10_\x0c@\xf0\xa0\x00\x00\xfc\x08u\x8b~\xf4\xd1G\xec\xc7\x93\xbd\xd4\xfa\xf9\xb3\x9f\xfd\x8c\x9d\xc3\xd1\x92\x00\x11\x01\x05\x00\xe0\x07\xd4&lt;\xbaw\xef\xde\x0f?\xfc\xb0n\xbf?\xfdsll\xec/\x7f\xf9K\x86\x02\x00\xd1\x02\x05\x00\xe0\x07T\x00\xf2\xf3\xf3+++\xa5\x94\xce\x1b\x00\xbd\x16\xfc\xfa\xd7\xbf\xbe\xe4\x92KhM@x\xaf\x13  \xf0}\x0cP\x83\x8e\x91\xd9\xbau\xeb3\xcf&lt;#\x848a\xcf\x1fcLnn.\xf6\x02\x82h\x82\x02\x00\xc0X\xedVB\xdf}\xf7\xdd\x1dw\xdcQUU\xc5\xeaL\x00\xd0\xea\xb0\x16-Z\xfc\xf1\x8f\x7f\xc4^@\x10MP\x00\x00j\x0e\x94?x\xf0\xe0\r7\xdc\xb0k\xd7.:\x15\xc0\xf9Y:\x0fr\xf2\xe4\xc9\xa9\xa9\xa9\x94\x11\x85\xf1R\x01\x02\x08\x05\x00\xdc\xce\xb6m)\xe57\xdf|s\xed\xb5\xd7\x16\x15\x159\xe7\xc9\x10:Z ;;\xfb\x81\x07\x1e\xc0i0\x10eP\x00\xc0\xd5(\xf7\xff\xf0\xc3\x0f\xbbw\xef\xfe\xe9\xa7\x9fZ\x96u\xf2\xe8\xdf\xbau\xeb\x17_|\x91\xa1\xf9\x07\xa2\x0e\n\x00\xb8\x14\x9d\xfcnY\xd6\xb2e\xcb\xae\xb9\xe6\x9a={\xf6\xd0\x91\xc2\xce/\xa0\xd1\xff\xa2\x8b.Z\xb9r%\x1d\x04\x86\xe6\x1f\x882\xf8\x86\x067\xa2(_J9m\xda\xb4\xdbn\xbb\xed\xc8\x91#\'\xb4\xfd8\xcf\xfe\xef\xbd\xf7^\xbbv\xed\xe8T\xc80^0@0\xe0L`p\x1d:\xec\xe5\xf8\xf1\xe3\xf7\xddw\xdf\xa2E\x8b\x9cC\xc1\x9c_@\xa3\x7f\xc7\x8e\x1d_{\xed\xb5\x8b/\xbe\x18\xd1?D+\x14\x00p\x17\xe7\x80\xdf[o\xbd\xb5\xb0\xb0\x90B\x7f\xa7\xe3\x93v\x93\xb6m\xfb\x96[n\xf9\xc7?\xfe\x91\x98\x98\x88\xd1\x1f\xa2\x18\xdej\xc1E\xe8h\xdf\xb2\xb2\xb2\x9c\x9c\x9c\xc2\xc2B\x8f\xc7CgF\xd2\xcf\xd2\xab\x80R\xea\xd1G\x1f}\xed\xb5\xd7\x12\x13\x13\xe9l\x99\xf0^3@\xf0\xe0\r\x00\xdc\x82r\x</t>
        </is>
      </c>
    </row>
    <row r="31">
      <c r="A31" s="1" t="n">
        <v>29</v>
      </c>
      <c r="B31" t="inlineStr">
        <is>
          <t>circle_size_number</t>
        </is>
      </c>
      <c r="C31" t="inlineStr">
        <is>
          <t>What is the missing number of the part denoted with a question mark?</t>
        </is>
      </c>
      <c r="D31" t="inlineStr">
        <is>
          <t>[6, 2, 5, 1]</t>
        </is>
      </c>
      <c r="E31" t="inlineStr">
        <is>
          <t>5</t>
        </is>
      </c>
      <c r="F31" t="inlineStr">
        <is>
          <t>There are 6 numbered circles with varying sizes arranged in a ring with number [4, 6, 4, 6, '?', 5] in a clockwise order.</t>
        </is>
      </c>
      <c r="G31" t="inlineStr">
        <is>
          <t>We observe that the size of the circle is related to the number in the circle. The circle with the largest value 6 seems to be the biggest and the circle with the smallest value 4 seems to be the smallest. Thus, the pattern is that the larger the number the larger the circle.</t>
        </is>
      </c>
      <c r="H31" t="inlineStr">
        <is>
          <t>Based on the pattern that the larger the number the larger the circle, the missing number of the circle denoted with a question mark should be 5.</t>
        </is>
      </c>
      <c r="I31" t="inlineStr">
        <is>
          <t>b'\x89PNG\r\n\x1a\n\x00\x00\x00\rIHDR\x00\x00\x02\x00\x00\x00\x02\x00\x08\x02\x00\x00\x00{\x1aC\xad\x00\x00\x99\x0cIDATx\x9c\xed\xbdw\\S\xf7\xf7\xf8\x7f\xb3\x81\x10H\x98\x8a\x03\x07*2\x04A\x10\x14\xa9{o\xad\xa3nm\xdd\xdaj\xd5\xb7v\x0f\xad\xb6\xaej\xeb\xa8m\xadV[g\xeb\xde\xa3*\x08*\xb2\x94\xa9\xe2^\xac$\x10B\xd6\x1d\xbf?\xce\xd7\xfc\xf8\xd8\x8a\x80$\xb9\x97\x9c\xe7\x1f}X\r\xe1\x95\x9c\xd7=\xe7\xbc\xcez\xf1\x18\x86!\x10\x04A\x10\xfb\x83o\xeb\x05 \x08\x82 \xb6\x01\r\x00\x82 \x88\x9d\x82\x06\x00A\x10\xc4NA\x03\x80 \x08b\xa7\xa0\x01@\x10\x04\xb1S\xd0\x00 \x08\x82\xd8)h\x00\x10\x04A\xec\x144\x00\x08\x82 v\n\x1a\x00\x04A\x10;\x05\r\x00\x82 \x88\x9d\x82\x06\x00A\x10\xc4NA\x03\x80 \x08b\xa7\xa0\x01@\x10\x04\xb1S\xd0\x00 \x08\x82\xd8)h\x00\x10\x04A\xec\x144\x00\x08\x82 v\n\x1a\x00\x04A\x10;\x05\r\x00\x82 \x88\x9d\x82\x06\x00A\x10\xc4NA\x03\x80 \x08b\xa7\xa0\x01@\x10\x04\xb1S\xd0\x00 \x08\x82\xd8)h\x00\x10\x04A\xec\x144\x00\x08\x82 v\n\x1a\x00\x04A\x10;\x05\r\x00\x82 \x88\x9d\x82\x06\x00A\x10\xc4NA\x03\x80 \x08b\xa7\xa0\x01@\x10\x04\xb1S\xd0\x00 \x08\x82\xd8)h\x00\x10\x04A\xec\x144\x00\x08\x82 v\n\x1a\x00\x04A\x10;\x05\r\x00\x82 \x88\x9d\x82\x06\x00A\x10\xc4NA\x03\x80 \x08b\xa7\xa0\x01@\x10\x04\xb1S\xd0\x00 \x08\x82\xd8)h\x00\x10\x04A\xec\x144\x00\x08\x82 v\n\x1a\x00\x04A\x10;\x05\r\x00\x82 \x88\x9d\x82\x06\x00A\x10\xc4NA\x03\x80 \x08b\xa7\xa0\x01@\x10\x04\xb1S\xd0\x00 \x08\x82\xd8)h\x00\x10\x04A\xec\x144\x00\x08\x82 v\n\x1a\x00\x04A\x10;\x05\r\x00\x82 \x88\x9d\x82\x06\x00A\x10\xc4NA\x03\x80 \x08b\xa7\xa0\x01@\x10\x04\xb1S\xd0\x00 \x08\x82\xd8)B[/\x00\xb1=\x0c\xc3\x10\x04A\xd3t\xc5\xff\xfd7&lt;\x1e\xcf\xfc\x07\xc0:\xcbC^\x0bJ\x10\xa9\x19\xbcW\xed\x15\xa4\xae\xc2T\x00\xb4\x00\x9f_\xc3\x83 M\xd3\xa0t\xe0MP\xa1X\x07\x94 R[\xa0\x01\xb0\x0b\x18\x86\xa1i\x1a\xf4\x85@ x\xe9_\x95J\xa5\xd1hLNN\xa6(\x8a$\xc9\xcb\x97/\x93$\xf9\xefw\x08\x0f\x0fW(\x14\x0c\xc3\x04\x05\x05\xb9\xb8\xb8xzz\xbe\xf4\x1a\xd0&amp;\xa8J,\x01J\x10\xb1\x04h\x00\xea2\xa02\x08\x82\xa8\xa824\x1a\xcd\xed\xdb\xb7o\xdc\xb8\x91\x9a\x9a\x9a\x9d\x9d]RRRTT\xc40\x8c\\.\x07\xe5\x12\x14\x14$\x14\n+n\x0c\x86a\x04\x02ANN\x8eF\xa3\x11\x08\x04%%%$I\xca\xe5r\'\'\xa7\x90\x90\x90\x16-Z\x84\x86\x86\x06\x07\x07\xbb\xbb\xbbW\xfc\xd54M\xf3\xf9\xfc\x1a;\xa7\x08\x81\x12D,\x0c\x1a\x80:\x08x\x8b\x15#\x03Z\xad6))\xe9\xc2\x85\x0b\t\t\t\x8f\x1e=\x12\x08\x04\xde\xde\xde~~~\xc1\xc1\xc1\xde\xde\xdeAAA\x12\x89\xa4a\xc3\x86\xa0e\xfe\xed`\x02f\xf7\xf0\xe9\xd3\xa7F\xa31;;\xbb\xb0\xb00%%\xe5\xc1\x83\x07\x0f\x1e&lt;\xd0j\xb5^^^\x11\x11\x11]\xbbv\xed\xd0\xa1\x83\xd9\xbb\x84\xc5\xa0GY-P\x82\x88u@\x03P\xa7\x80\'\\(\xfc\x7f\xb9\xfd\x07\x0f\x1e\\\xb8p\xe1\xc8\x91#)))\xae\xae\xae\x01\x01\x01111\xd1\xd1\xd1\x8d\x1a52\xfbz4M\xebt:\x86a\x0c\x06\x83\xf9o\xfe\xf3\xcd\xcdiC\x91H\xc4\xe7\xf3\x1d\x1c\x1c\x04\x02\x01\xfcMYY\xd9\x93\'O\xae_\xbf~\xf1\xe2\xc5\xb4\xb4\xb4\xfc\xfc\xfc\xe6\xcd\x9b\x0f\x1c8\xb0s\xe7\xce\xa1\xa1\xa1\xf0\xe3\x14E\x11\xaf\xd6M\x08\x80\x12D\xac\t\x1a\x80:\x02EQf\x87\xb1\xb4\xb4\xf4\xe8\xd1\xa3[\xb6l\xb9u\xeb\x96\x9f\x9f_\xdf\xbe}cccCCC\x9d\x9c\x9c\x08\x82(//7\x1a\x8d$IB@\x99 \x08\xf8\xa9\xaa\xfbw\xb0g*\xe6!\x05\x02\x81X,vrr\xe2\xf1x$Ifgg_\xbe|\xf9\xc4\x89\x13\xa9\xa9\xa9\n\x85b\xdc\xb8qo\xbf\xfd\xb6\xaf\xaf/\x81\xee\xe4\xabA\t"\xd6\x07\r\x00\xe7\xa1(\xca\xfc4\xa6\xa6\xa6n\xda\xb4\xe9\xd4\xa9S\xf5\xeb\xd7\x1f6lX\xbf~\xfd\xfc\xfd\xfd\xf9|\xbe^\xaf///7\xab\x18K&lt;\xba\xe6,%\x9f\xcfwtt\x04U\xf5\xf8\xf1\xe33g\xce\xec\xdf\xbf?---""b\xf2\xe4\xc9\x03\x07\x0e\xfc\xf7\xb2\xed\x1c\x94 b+\xd0\x00p\x98\x8aO\xe0\xe1\xc3\x87\xd7\xad[w\xef\xde\xbd\xde\xbd{\x8f\x1f?\xbem\xdb\xb6\x12\x89D\xab\xd5Bp\xc0\xca\xa9&lt;P%\x04A\x88\xc5b\x17\x17\x17\x82 \xb2\xb3\xb3\xff\xfe\xfb\xef\x1d;v\xc8d\xb2\xf1\xe3\xc7O\x9b6M,\x16\x13v\xafDP\x82\x88mA\x03\xc0I \x95\x07O\xdd\xc1\x83\x07\xd7\xad[\xf7\xec\xd9\xb3\xc9\x93\'\x8f\x1d;\xd6\xc7\xc7\xc7`0\x94\x95\x95\xd14m\x8e\xf0\xda\n\xb3\x1eqtt\x94J\xa5\x1a\x8d\xe6\xf8\xf1\xe3k\xd7\xae\xd5\xe9t\x93\'O\x9e&gt;}\xbaD"!\x08\x82\xa2({\x8b,\xa3\x04\x116\x80\x06\x80c\xc0\x03\t\x0f\xdb\x91#G\xd6\xacYCQ\xd4\xcc\x993\xfb\xf5\xeb\'\x93\xc9JKK\r\x06\x03\x0bK\xf7\x18\x86\xa1(J(\x14\xba\xba\xbaR\x14\x95\x90\x90\xf0\xfd\xf7\xdf\xdf\xbbwo\xca\x94)3f\xcc\x10\n\x85\xa0e\xd8\xb6lK\x80\x12D\xd8\x03\x1a\x00.a\xf6\xb3\xd2\xd2\xd2f\xcf\x9e\xfd\xfc\xf9\xf3\xcf?\xff|\xf4\xe8\xd1|&gt;\x1f*\xbbm\xee0\xbe\x16\x88b\xcbd2\xb1X\x1c\x17\x17\xb7h\xd1\xa2\xe2\xe2\xe2o\xbf\xfdv\xc8\x90!\x04A\x90$i.\x80\xa9\x93\xa0\x04\x11V\x81\x06\x80\x1b@\xb5\x06\x9f\xcf/--}\xff\xfd\xf7\xcf\x9c9\xf3\xc1\x07\x1f\xbc\xfb\xee\xbb\xae\xae\xaeJ\xa5\x12\xda|l\xbd\xc6j\x00\xc5\x8e\xae\xae\xae|&gt;\xff\xd0\xa1C_}\xf5\x95T*\xdd\xbau\xab\xbf\xbf?\xfck\xdds$Q\x82\x08\x0bA!q\x00s\xed\xc7\x81\x03\x07\x82\x82\x82\x8cFcBB\xc2\x82\x05\x0b\x08\x82(..\xe6\xf3\xf9\xdc\xd2\x1d\x04A\xf0\xf9|\xa1P\xa8\xd1hJJJ\x86\x0c\x19r\xf9\xf2\xe5\x9e={v\xef\xde}\xd9\xb2e\xa0;\xfe=\xc9\x80\xd3\xa0\x04\x11v\x82\'\x00\xb6\x03g\xea\xd2\xd2\xd2\xc9\x93\'\xe7\xe4\xe4,]\xbat\xf0\xe0\xc1eee:\x9d\xaen\x9c\xb5!*\xa2P(\xd2\xd2\xd2\x16,XPPP\xb0w\xef^\x7f\x7f\xff:S^\x82\x12\xb4\xf5\x02\x91W\x82\'\x00\xf6bN\xbb]\xb8p!00\xd0\xdb\xdb\xfb\xca\x95+\x03\x07\x0e,,,4\x1a\x8duCw\x10/:K\x0b\x0b\x0b[\xb5ju\xf6\xec\xd9\x193ft\xee\xdcy\xdd\xbau\x10\r\x87\xeeS\x8e\x82\x12\xe4\xba\x04\xeb&lt;x\x02`)\xe6l\xe1W_}\xf5\xc3\x0f?\xfc\xf8\xe3\x8f#G\x8eT\xa9Tu8\xc9\x06aeOO\xcf\xb4\xb4\xb4\xd1\xa3G\x07\x06\x06n\xdf\xbe]*\x95r\xf4#\xa3\x04\xb9.A{\x00O\x00l\x04\xaaAJJJz\xf4\xe8q\xf0\xe0\xc1+W\xae\x8c\x1c9\xb2\xa0\xa0\x80a\x98:\xfc AX\xb9\xa0\xa0\xa0u\xeb\xd6\xc9\xc9\xc9b\xb18444))I(\x14r.\xa0\x8c\x12\xe4\xba\x04\xed\x044\x00\xac\x03\xdc\xa5\xec\xec\xec\xc8\xc8\xc8\xa6M\x9b&amp;%%\xd5\xaf_\xbf\xb0\xb0P$\x12\xd9C8U$\x12i4\x1a\x83\xc1\xf0\xe7\x9f\x7f\xce\x9f?\xbfo\xdf\xbe\x07\x0e\x1c\x10\n\x85&amp;\x93\xc9\xd6K\xab*(A\xaeK\xd0~@\x03\xc0.@w$$$\xc4\xc4\xc4\xbc\xf7\xde{[\xb6lQ\xab\xd5u&amp;[XE\x04\x02\x01\xc30\x05\x05\x053f\xcc\xd8\xbbw\xef{\xef\xbd\xb7v\xedZ\x91HDQ\x14\xfb#\x96(A\x82\xe3\x12\xb4+0\x07\xc0"@w\xfc\xfe\xfb\xef\xf3\xe6\xcd\xdb\xbd{w\x8f\x1e=\n\n\nD"\x91\xad\xd7e3L&amp;\x93\x9b\x9b[~~\xfe[o\xbd5`\xc0\x80\xb5k\xd7V\x9c\xa0\xc0BP\x82/\xc19\t\xda\x1bh\x00\xd8\x82\xc9d\x12\x89D\xeb\xd6\xad[\xb4h\xd1\xc9\x93\'\xbbt\xe9\x92\x9f\x9f\x0f\xf3\xb6\xec\x19\x92$e2\x99Z\xad\x8e\x8a\x8a\x8a\x88\x88\xd8\xb7o\x1fk\x8b\x0bQ\x82\xff\t\x87$h\x87`\x08\x88\x15\x80\xeeX\xb5j\xd5\xda\xb5ksss;u\xeaTXX\x88\xba\x83 \x08\xa1PXVV&amp;\x95Jo\xdd\xba\xa5\xd1h\x86\x0e\x1d*\x10\x08\xcc\x17%\xb2\x07\x94\xe0\xab\xe0\x8a\x04\xed\x134\x00\xb6\x07t\xc7\xf7\xdf\x7f\xff\xc3\x0f?$&amp;&amp;\xd6\xaf__\xa5R\xd9U\xc8\xb8r\x04\x02\x81\xd1h\xd4\xe9t\'O\x9e,//\x7f\xfb\xed\xb7\x05\x02\x01\xab\xa2\xc9(\xc1\xcaa\xbf\x04\xed\x16\x0c\x01\xd9\x18\x88\x1ao\xda\xb4i\xe1\xc2\x85\xb7o\xdfV(\x14\x1a\x8d\x06u\xc7\xbf\x81\xd8\xb1\x9b\x9b[\xfb\xf6\xed\x1b7n\xbco\xdf&gt;\x96T\x97\xa3\x04\xab\x08k%h\xcf\xe0\t\xc0\x96@\x9bh||\xfc\x82\x05\x0b\x8e\x1e=\xea\xe9\xe9\x89\xba\xe3U\xf0\xf9|\x86a4\x1a\xcd\x91#G\x12\x13\x13W\xae\\\xc9\x86\xcaB\x94`\xd5a\xa7\x04\xed\x1c\xdc\xa96\x03:ESSS\x07\x0e\x1cx\xe8\xd0\xa1\xce\x9d;\x17\x16\x16\xa2\xee\xa8\x04&gt;\x9fo0\x18\x9c\x9d\x9d\xaf_\xbf\x1e\x19\x19)\x95Jg\xce\x9ciC/\x12%X]\xd8&amp;A\x04C@\xb6\x01\x86\x03\xabT\xaa\xd0\xd0\xd0%K\x96\xcc\x9c9\x13+F\xaa\x08I\x92\n\x85"333&amp;&amp;\xe6\xd4\xa9S\x1d:t\xb0\xc9\xf0a\x94`\x8da\x89\x04\x11\x02\r\x80\xad\x00\xaf\'&lt;&lt;\xbcK\x97.\xabV\xad\xb2\xf3j\xf1\xeab2\x99&lt;&lt;&lt;\x8e\x1f?\xfe\xce;\xef\xdc\xbau\xcb\xdb\xdb\x1bF\xed[s\r(\xc17\x81\r\x12D\x084\x006\x01t\xc7\xbcy\xf3\xae^\xbd\x9a\x90\x90\x00\x13\xe1m\xbd(\x8ea2\x99\xbc\xbc\xbc\x16/^|\xe6\xcc\x99\xe4\xe4d+\x87\x11P\x82o\x8em%\x88\x00h\x00\xac\r\x04\x8e\x8f\x1e=:~\xfc\xf8\xcc\xccLggg\xa3\xd1\x88\xea\xa3\x06\xd04\xed\xe6\xe6\xd6\xb1c\xc7\xf6\xed\xdb\xaf]\xbb\xd6j\x1a\x04%X[\xd8J\x82\x88\x194\x00V\x05*\xe1\n\x0b\x0b[\xb4h\xb1{\xf7\xee\x9e={*\x95J\xdc\xf45\x83\xa6i\xb1X\\VV\x16\x18\x18\xb8c\xc7\x8e~\xfd\xfa\x99\'0[\xf4\x97\xa2\x04k\x0b\x9bH\x10\xa9\x08\xba-V\x85\xa6i\x82 \xc6\x8c\x193m\xda\xb4&gt;}\xfa\x14\x17\x17\xa3\xee\xa81|&gt;_\xaf\xd7{{{\xff\xfe\xfb\xef\xd3\xa7O/(( \x08\xc2\xd2\x0e\rJ\xb0\x16\xb1\x89\x04\x91\x8a\xe0\t\xc0z\xc0\tw\xe3\xc6\x8d?\xfe\xf8cFF\x86J\xa5\xc2\xb8\xc1\x9b\x03\xa1\xe4w\xdf}\xb7\xb8\xb8\xf8\xc0\x81\x03\x16\r#\xa0\x04-\x815%\x88\xbc\x04\x1a\x00+\x01\xa1\x03\xb8+\xe3\xf8\xf1\xe3m\xdb\xb6\xd5h4x\xda}s\x18\x86\xe1\xf1xB\xa1\xd0\xdf\xdf\xff\xa7\x9f~\xea\xdf\xbf\xbf\x85\xc2\x08(A\x0ba5\t"\xff\x06\xfd\x17+\x01\xbb|\xc2\x84\to\xbf\xfdvTTTii)n\xf1Z\x01n\x9durrZ\xb5j\xd5\xd4\xa9SKJJ\x08\xcb\x84\x11P\x82\x16\xc2j\x12D\xfe\r\x9e\x00\xac\x01x4\xa7N\x9d\x1a7n\\^^\x1eEQ\xe0N\xdaz]u\x07\x92$==={\xf4\xe8\x11\x14\x14d\x89z\x12\x94\xa0\xa5\xb1\xb4\x04\x91\xff\x04\r\x80\xc5\x81\x96Q\x92$\xa1et\xcc\x981J\xa5\x12\x9d\xc7\xda\x85a\x18\xb1X\xfc\xe4\xc9\x93\xb7\xdez\xeb\xc2\x85\x0b-[\xb6$\x08\xa2\xb6\x02\xf4(A+`Q\t"\xaf\x02\xbf_\x8b\x03m\xee[\xb6la\x18f\xcc\x981*\x95\nuG\xad\xc3\xe3\xf1\xca\xcb\xcb[\xb5j\xd5\xbf\x7f\xff\x05\x0b\x16\xc0\xdc\xb1\xdazs\x94\xa0\x15\xb0\xa8\x04\x91W\x81\'\x00\xcb\x02\xce\xa3\xc1`\x08\t\tY\xb7n]\xb7n\xdd0vl!\x18\x86\x81\xbbG:t\xe8p\xf8\xf0\xe1\xe0\xe0\xe0Z\x99.\x80\x12\xb4\x1a\x16\x92 R\t\xf8\xe5Z\x16\xb3\xf3\xd8\xbcy\xf3&gt;}\xfa\x94\x94\x94\xa0\xee\xb0\x10&lt;\x1e\xcf`0\xf8\xf8\xf8L\x9d:\xf5\xb3\xcf&gt;\xe3\xf1j\xc7\xb9A\tZ\r\x0bI\x10\xa9\x04\xfc\x8a-\x88\xd9y\x0c\x0f\x0f\xdf\xbcysdd\xa4V\xabE\x8f\xc6\xa2@II\xc7\x8e\x1d\xf7\xec\xd9\xd3\xa6M\x9b7t!Q\x82\xd6\xa7v%\x88T\x0e~\xb3\x16\x04\x9c\xc7\x9f\x7f\xfe\xd9\xd9\xd9966\xb6\xac\xac\x0c\xb7\xb2\xa51\x99L\xee\xee\xee}\xfb\xf6\xfd\xe4\x93O\xde\xdc\x85D\tZ\x9f\xda\x95 R9\xb8\x9b-\x08\x9f\xcf\xa7(j\xdd\xbau\xf3\xe6\xcd#I\xd2\xd6\xcb\xb1\x0b\x04\x02AYY\xd9\xcc\x993\x13\x13\x13o\xdd\xba\x05\xf7\x8f\xd7\xf8\xddP\x82\xd6\xa7v%\x88T\x0e\x1a\x00KAQ\x14\x8f\xc7;v\xec\x98X,\x1e6l\x18f\x0e\xad\x03\x8f\xc7\xd3\xe9t~~~\xbdz\xf5Z\xbf~=\xf1\x06-E(A\x9bP\x8b\x12D^\x0b\x1a\x00\xcb\xb2j\xd5\xaa\xb1c\xc7\x8a\xc5b\x8a\xa2l\xbd\x16{\x01F\x8cM\x9f&gt;\xfd\xc0\x81\x03\x1a\x8d\xe6\r\x0b\nQ\x82\xd6\xa7v%\x88T\x02\x1a\x00\x8b@\xd3\xb4@ \xc8\xca\xca\xbas\xe7\xce\xe4\xc9\x93\xd1y\xb4&amp;|&gt;\xbf\xac\xac\xacS\xa7N\x8d\x1a5\xda\xb9s\'$\x15\xab\xfb&amp;(A\x1bR+\x12D\xaa\x02\x1a\x00\x8b\x00Q\xcb?\xff\xfc3,,\xac~\xfd\xfa\x06\x83\x01\xc7\x06X\x19\x86a\x86\x0e\x1d\xbak\xd7.\xa2F\r\xa5(A\x9b\xf3\x86\x12D\xaa\x02~\xad\x16A \x10\x98L\xa6\xbd{\xf7N\x9d:\x95$I\xd4\x1dV\x06\\\xc81c\xc6\xdc\xbd{7++\x8b\xcf\xe7W7\x91\x88\x12\xb4-o.A\xa4*\xa0\x01\xa8} y\x18\x17\x17\xa7\xd3\xe9\xa0v\x10\xa3\x07V\x86\xc7\xe3\xe9\xf5\xfa\x06\r\x1a\xc0US\xc4\x0b\x8f\xbe\x8a\xa0\x04m\xce\x1bJ\x10\xa9"h\x00j\x1fHX\x1d:t(66V.\x97\x9bL&amp;[\xaf\xc8\x1e\x81\x12\xf2\xe1\xc3\x87\x9f={\x96\xa8f\x0c\x01%\xc8\x06\xdeD\x82H\x15\xc1\xef\xb4\xf6\x81\xe3jbb\xe2\xf0\xe1\xc31z`+ \x86\xd0\xabW\xaf\x92\x92\x92\x87\x0f\x1fV\xab\x92\x04%\xc8\x06\xdeD\x82H\x15A\x03P\xcb@\xefhVV\xd6\xe3\xc7\x8f\xa3\xa3\xa3\xcb\xcb\xcb9\xe4\xb90\x0cC\xd34EQ\xe4\xff\x85\xa6i\xce={0X\xa6Q\xa3F\x9e\x9e\x9e\x87\x0e\x1d"\x08\xa2\x8a\x95$\x1c\x95 S}l\xbd\xe4\xd7Pc\t"U\x87\x03;\x9b[@\xa4\xf2\xec\xd9\xb3!!!\xde\xde\xdeF\xa3\x91\xfd\xfe#\xc30\x14E\xc1\x9d\'\xce\xce\xcennn\x9e\x9e\x9e\x9e\x9e\x9e\x1e\x1e\x1e\xf0_\x99L&amp;\x10\x08H\x92d\xbf\xd6\xa8\x08\xdc\xe1\xd5\xbbw\xef\xf3\xe7\xcf\x13\x04QEApQ\x82&lt;\x1eOTM8q\xddJ\xcd$\x88T\x1d\x0el\x02n\x01{\xf4\xe2\xc5\x8b111\\\x99d\xc2\xe7\xf3]\\\\\xf8|~~~~jj\xea\xad[\xb7\x1e?~\xac\xd1hH\x92trr\xf2\xf1\xf1i\xdd\xbau\x9b6m\xbc\xbd\xbd5\x1a\x8d\xd1h\xe4JF\x94\xcf\xe7\x1b\x8d\xc6\xd8\xd8\xd8?\xff\xfc\xd3`0\x88\xc5\xe2\xaa\xfc\x14\xe7$\xc8\xe3\xf1H\x92T\xab\xd5\xd5\xfa)&gt;\x9f/\x93\xc9,\xb3\xa2Z\xa3f\x12D\xaa\x0e\x1a\x80Z\x86\xcf\xe7\x1b\x0c\x86\x9c\x9c\x9c\x0f&gt;\xf8\xc0h4\xb2&lt;z\x00\xa3\x16)\x8a:r\xe4\xc8\x81\x03\x07\xe2\xe3\xe3\xef\xdd\xbb\xf7\x9f\xaf\xf4\xf3\xf3{\xfb\xed\xb7g\xcd\x9a\xe5\xe9\xe9\xc9\x95\xae(&gt;\x9f_^^\x1e\x1c\x1cLQTNNNHH\x08\x84w^\xfbS\x1c\x92 EQr\xb9\xfc\xf0\xe1\xc3\x93\'O\xae\xa2P \xc3\xd1\xa4I\x93\x93\'O\x8aD"6\xdfmY3\t"U\x07\r@m\x02\xbb3;;\x9b\xa6\xe9\xe0\xe0`\x96\x87\x8f\x19\x86\x11\x08\x04z\xbd~\xf0\xe0\xc1W\xae\\\x81\xbf\x14\n\x85\xcd\x9a5k\xd8\xb0\xa1\\.\xe7\xf3\xf9\xa5\xa5\xa5\xf7\xef\xdf\xbfu\xeb\xd6\x9d;w\x96/_\xbeo\xdf\xbe_\x7f\xfd5::\x9a+c\xf1I\x92\xf4\xf0\xf0h\xd1\xa2\xc5\xf9\xf3\xe7\xab\xa2&gt;\xb8%A\xe2\x85\x10\x9f&gt;}\nw\xa9W\x1dN\x88\x8f\xa8\xbe\x04\x91j\x81\x06\xa06\x81pAJJJ\xfd\xfa\xf5\x15\nEqq1\x9b\x1f3\x1e\x8f\x07\xa3w===\t\x82\xe8\xde\xbd{\xff\xfe\xfdcbb|}}!\xe8O\x10\x04M\xd3\xa5\xa5\xa5YYY[\xb6l\xf9\xf3\xcf?\xef\xdc\xb93p\xe0\xc0\xb3g\xcf\x06\x06\x06\xb2_9\x12/$\x12\x1c\x1c\x9c\x92\x92R\xf5\xd7sE\x82\x00\x8f\xc7S*\x95&lt;\x1e\xafi\xd3\xa6\xcb\x96-\xab\xca\xeb\x19\x86\x91J\xa5\x02\x81\x00\x82\xecVXd\x8d\xa9\xae\x04\x91j\x81\x06\xa06\x81\xcd\x9a\x94\x94\x14\x14\x14Dpa\x8a!\xd8\x80\xcf?\xff|\xda\xb4i=z\xf4\x10\x89Dz\xbd\xde`0\x94\x95\x95\xc1\xe2y&lt;\x9eP(\x8c\x8c\x8c\x8c\x8d\x8d\xed\xd2\xa5\xcb\xacY\xb3JJJ\xe6\xcc\x99s\xee\xdc9\x96+\x0e\x80\xc7\xe3\xd14\x1d\x16\x16v\xee\xdc\xb9\xaa8\x8f\x9c\x93 P\\\\\xcc0L\xc3\x86\rG\x8d\x1ae2\x99\xaab\x98i\x9a.++\xb3\xc2\xda\xde\x90\xeaJ\x10\xa9\x16h\x00j\x13\xd8\x9d\x99\x99\x99\xe3\xc6\x8d\xe3\xf1x\xecW\x91|&gt;_\xa7\xd3\xf9\xfb\xfb\x07\x07\x07k4\x1ax\xc0x&lt;^\xc5\xc7\x0c4Eii\xe9\x94)S\xee\xdf\xbf\xbft\xe9\xd2+W\xae\x9c={\x96\x13\xf7#\xc2\x07\x0c\x08\x08(..\xd6h4\xae\xae\xae\x95\xfb\xbc\x9c\x93 \x0cJ+**"\x08B.\x97\x1b\x0c\x06\xb5Z]E\xa1\xb0\\v@u%\x88T\x0b4\xa7\xb5\x06\xecK\xadV\xabT*[\xb6l\xc9\x95\xf1a\xd0s_ZZ\xca\xe7\xf3\x85B!\x18\x80\x97^ \x10\x08\x04\x02Aii\xe9\xd4\xa9S\xbd\xbd\xbdy&lt;\xde\xe9\xd3\xa7E"\x11\xfb\x1dd8\xe2\xd4\xabW\xcf\xc1\xc1!//\x8f\xa8\xd4\xa9\xe7\xa2\x04+\x1a\x00\x0f\x0f\x0f\x91H$\xa82\xb6^{\x95\xa8\x96\x04\x91\xea\x82\x06\xa06\x81\xbb,4\x1aM\xc3\x86\r9Q?\x0e\xf0\xf9\xfc\xd7\xaa\x03(\xc8\xf3\xf6\xf6n\xdb\xb6-\xc30999\xec\xaf\x90\x01(\x8arsssppx\xf4\xe8\x11\xf1:\xf5\xc19\tB\xb7\x94J\xa5"\x08\xc2\xdd\xdd\xbdN\xb6\xcbVK\x82H\xb5\xe0\xc0\x03\xcc\x15`_fdd\xc8\xe5r//\xaf:9B@(\x14\xfa\xf8\xf8\x10\x04\xa1V\xab\xf5z=\'\x0c\x00\xc8\xa5e\xcb\x96iii\xc4\xebN\x00\x04\xa7$\x08U\xbc:\x9d\x0e\x9a\x00\xdc\xdd\xdd\xeb\xa4r\xac\xba\x04\x91\xea\xc2\x81\x07\x98+\xc0\xbe\x84\x1ay\xa9TZW\x87\x17rB\xe9W\x04\xb4\xa4L&amp;+..~\xed+\t\xaeIP \x10\x94\x97\x97\xc3\t\xc0\xc3\xc3\xa3N\xc6\xc7\xab.A\xa4\xbap\xecaf3\xa0&gt;RSS[\xb6l\xc9\x89\x0e\xd2\x1a@\xd3\xb4R\xa9$\x08B&amp;\x93\x89\xc5bN\xa8H\x90E\x9b6mrss\x89J\r\x18\xe7$\x08M\x00\xa5\xa5\xa5Z\xad\x96 \x08wwwNH\xa4\xbaT]\x82Hu\xc1\xaf\xb2\x96)((\x90\xcb\xe5\x9cP\x1f\xd5E \x10h4\x9a\xec\xecl\x1e\x8f\xe7\xe7\xe7\'\x91H8\xa4n&lt;==\xc1t\xbd\x16nIP \x10@8\x8e \x08\xb9\\\x0e7\x19\xd8zQ\x16\xa1\xea\x12D\xaa\x0e\x1a\x80ZF"\x91\x18\x8dF[\xaf\xa2\xf6!I\xd2\xd9\xd9911177\x97a\x98\xce\x9d;\xb3y\x84\xc0K@\xa6T$\x12U\xe5\xc5\x1c\x92 \x9c\x00T*\x15\xc30\x0e\x0e\x0e`\x00l\xbd(\x8bP-\t"U\x07\r@\xad\x01\xda0###,,\xac\x8e\x85b\xe1\x86t\x92$\x97-[F\xd3t\xabV\xadz\xf7\xee\xad\xd1h8QJ\x08\x85=AAA\xc5\xc5\xc5j\xb5\xba\x12\xd7\x9e\x8b\x12\xe4\xf3\xf9\x10\x19\x97J\xa52\x99\xcch4R/\xa0_\x00\xf3\xbd)\x8a\xe2\xc4\x99\xe6\xdfT]\x82Hu\xc1F\xb0Z\x03\xf4\x85J\xa5rww\xb7\xf5Zj\x13\xf0\xf4\xdd\xdc\xdcf\xce\x9c\x99\x90\x90@\x10\xc4\x97_~\xe9\xea\xeaZ\xf5\x86#\xdb\x02\xc32\x15\n\x85\xc1`\x80\xca\xce\xca\r\x00\x87$\x08\xd9Qh\x02puuusssuu%^\xcc\xf76\x7fL\xa8\xfa\xa7(\xaa\xbc\xbc\x1c\x9a\x1b\xb8\x15F\xaf\xba\x04\x91\xea\x82\x06\xa0\x96\x11\n\x85$I\xdaz\x15\xb5\x06EQb\xb1\xd8\xc1\xc1a\xf6\xec\xd9\x9b6m"\x08b\xfe\xfc\xf9\xc3\x87\x0fW\xa9T\x9c\xd0\xfe\x00h\x90*v\xf6rN\x820\x08\xc8\xd5\xd5\xf5\xe9\xd3\xa7\xe7\xce\x9d\xcb\xc9\xc9y\xf8\xf0aAA\x81V\xab\x05\xf1\xb9\xbb\xbb\xfb\xfa\xfa\xb6i\xd3&amp;22\xd2\xd7\xd7\xd7h4\x96\x95\x95q\xe2&gt;\x003\xd5\x92 Ru\xb8\xb4\t8\x01WB\x07U\x81$I\x17\x17\x97\x92\x92\x92\t\x13&amp;\x1c&lt;x\x90 \x88\xd9\xb3g\xafX\xb1\x82\xfd\x13 \xfeM\xd5\x85\xc2!\t\xc2\x9c\x9c\xbbw\xef2\x0cs\xeb\xd6\xad\xd0\xd0\xd0\xcaM\x97\xb7\xb7w\x9f&gt;}f\xcd\x9a\x15\x16\x16\xa6R\xa9\xb8\xa5O9\xb4T\x0e\x81\x06\x00\xf9oH\x92tssKNN\x9e2eJFF\x06A\x10_\x7f\xfd\xf5\x92%K\xaa;v\x18\xb1\x1c\xe0\x17\x87\x87\x87\xef\xdb\xb7O\xab\xd5*\x14\x8a\x16-Z4k\xd6\xacA\x83\x06r\xb9\xdc\xc1\xc1\x01\xe68=}\xfa4333===??\x7f\xdb\xb6m\xfb\xf6\xed\xfb\xe8\xa3\x8f\x16.\\\xa8\xd1h8d\xed\x10K\x80\x06\x00\xf9\x0fH\x92tww?x\xf0\xe0\xe4\xc9\x93KJJ&lt;==\x7f\xfc\xf1\xc7\x11#F\x14\x17\x17s\xcbm\xac\xdb\xc0\xb5\xe9\xf3\xe6\xcd\x0b\t\t!I\xb2M\x9b6nnn\x8e\x8e\x8ep&gt;3+w\x9a\xa6u:]^^\xde\xde\xbd{7l\xd8\xa0V\xab?\xfe\xf8\xe3\'O\x9e|\xff\xfd\xf7\xa5\xa5\xa5(M{\x06\r@-S\x072T\x14E)\x14\x8a#G\x8e\xc0l\xe1\xd0\xd0\xd0\x1d;v\x04\x04\x04\x14\x16\x16r+p\\\x91\xaa\x0b\x85[\x12\xe4\xf1x\x1a\x8d\xa6K\x97.|&gt;_\xaf\xd7\x1b\x8dF\xbd^\xff\xd2\xfa!\xeb\xdb\xbcy\xf3\xa5K\x97\x0e\x1d:t\xcc\x981999\x1b7nl\xd1\xa2\xc5\xdc\xb9s\x8b\x8b\x8b9!V\x0e\t\x85Cp\xa9\x18\x80\x13\x98L&amp;N\xdf\\J\xd3\xb4\x83\x83\xc3\xdd\xbbw\xa7L\x99b2\x99"""\x8e\x1f?\xde\xa2E\x8b\xa2\xa2"N\xa8\x89\xff\x84a\x18\xb8\xfb\xb0*\x9dk\x9c\x93 \x9c\x03JJJL&amp;\x13\x8cn\x15\xfe_\x04\x02\x01\xcc|\xcd\xcf\xcf\x0f\t\t9p\xe0@\xbdz\xf5\xf8|\xfe\x17_|\x91\x97\x97\xe7\xe8\xe8\xc8~\xddZ-\t"U\x07\r@\xad\x01OQ\x93&amp;M\xee\xdc\xb9\xc3\xddc5M\xd3R\xa9t\xed\xda\xb5\xc5\xc5\xc5\xf5\xeb\xd7\xdf\xb9s\xa7B\xa1(--\xe5n\x0f\x0e\xc30\x12\x89\xe4\xc1\x83\x07...2\x99\xac\x92\xa87w%\x08\xf3\\+_3\x9f\xcf\x17\x8b\xc5EEE\xfe\xfe\xfe_~\xf9%M\xd3%%%;v\xecpvvfy\xfbX\xd5%\x88T\x174\x00\xb5\x86Y}\xdc\xbau\x8b\xe0\xe6\x89\x95a\x18\xb1X\xfc\xfc\xf9\xf3\xe3\xc7\x8f\x13\x041g\xce\x9c\x96-[\x96\x96\x96r\xd7\xf7\'^|\xa8{\xf7\xee\xb9\xb8\xb8899\xbdv\x1a(\xa7%\xf8Z\xc4b\xb1J\xa5\x1a6lX\xf3\xe6\xcdy&lt;\xde\xa9S\xa7\xb4Z-\xcbk\xba\xaa.A\xa4\xba\xa0\x01\xa8e\xb4Z\xadT*\xb5\xf5*j\x08\xb8Zw\xef\xde}\xf4\xe8\x91D"\xe9\xdf\xbf\xbfV\xab\xe5\xb4\xf6\x07\xe0\n\\\x18\x98\xf3Z8-\xc1\xaa\x00MU\x9d:ub\x18&amp;//\xef\xd9\xb3gb\xb1\x98\xe5Z\xb5Z\x12D\xaa\x0e\x1a\x80Z\x03\x8e\xa5\xfe\xfe\xfe\x0f\x1f&gt;\xe4\xe8L.\x86a\x84B\xe1\xf3\xe7\xcf\x19\x86i\xd2\xa4I\xfd\xfa\xf5M&amp;\x93\xad\x17U;\xdc\xbau\xabY\xb3fD\xa5~}\x1d\x90`\x15\xe1\xf1x\xfe\xfe\xfe\x04A\x94\x94\x94\x14\x14\x14\x08\x85B\x96\x1b\x00\xa2j\x12D\xaa\x0b\x1a\x80Z\xa6Y\xb3fO\x9e&lt;\xe1n\xad$\x9f\xcf\xd7h4B\xa1\xb0^\xbdz0\x13\x9f\xa3\x1f\xc4\x0c\x84\x8c\xef\xdf\xbf_\xbf~}\xa2\n\xea\x83\xeb\x12|-P\xe6\xa4P(\x08\x82 IR\xa7\xd3\xb1|2Du%\x88T\x1dV\x0b\x9e[\x80\xbeh\xd0\xa0\x81\xd1h\x84\xd2:.\xeeT(+$IR\xaf\xd7s\xf4#\xbc\x04\xb4\xcb\xe6\xe7\xe7\x83\xffX\x89Z\xaf\x1b\x12\xac"PN\x03UC,\xff\x98U\x97 R]8\x1f\xdee\x0f\xb0/\x9b4iRVV\xa6R\xa9|||X^\\\xf1o\xe0~\xc1\xb6m\xdb\xfe\xef\x7f\xffk\xde\xbc9\'nE\x7f-\xe0\xf0&gt;z\xf4\xa8E\x8b\x16\xaf}%\xc1q\tV\x05\x18!\x073D91D\xba\xea\x12D\xaa\x0b\x1a\x80Z\x03\xb6\xa9\xb3\xb3\xb3B\xa1\xb8s\xe7N\xb3f\xcd8\xa7@\xa1Z\xbcm\xdb\xb6111$I\xd6\x816Q\xa8\x1f\xcf\xcf\xcf\xd7j\xb5\xa0&gt;*?\x01p]\x82U\x01\x1c\xea\xac\xac,\x82 \xbc\xbd\xbd\xeb\xd5\xab\x07\r\x04\xb6^\xd7\x7fS-\t"\xd5\x05C@\xb5\tM\xd3b\xb1\xd8\xcb\xcb\xeb\xce\x9d;\x1c\r \xc0\xcd\x1b\x85\x85\x850x\xdd\xd6\xcbyS@}&lt;}\xfa\x94 \x08\x88 W\xfe\xa1\xea\x80\x04+\x07\xbe\x90\x82\x82\x82\xf8\xf8x\x1e\x8f\x17\x12\x12\xe2\xe1\xe1\xc1~\x03Pu\t"\xd5\x02\r@m\x02\xfa"44499\x99a\x18\xee\xaa\x0f&gt;\x9f_7\x1e3\xb8*+==\xbd^\xbdz2\x99\xec\xb59m\xceI\xb0\xba+4\x99L\xae\xae\xae\xfb\xf6\xed{\xf8\xf0!\xc30C\x86\x0ca\xb9\xa0\xab+A\xa4Z\xa0\x01\xa8M`kFDD\xe4\xe6\xe6\xd24\xcd\xf2\xe2\x8a\xff\x04*.d2\x99\x93\x93S\x1dh\xbb\x87\x8f\x93\x9a\x9a\x1a\x14\x14D\xbc\xc8|V\x02\xe7$(\x14\n\xe1\xf2\xaf\xaa\xbc\xd8h4*\x14\x8a\x9c\x9c\x9ce\xcb\x96\x11\x04\x11\x18\x188h\xd0\xa0\xd2\xd2R67\x82UW\x82H\xb5`\xfb\xfe\xe6\x16\xa0&gt;\xc2\xc2\xc2\x8a\x8a\x8a\x9e?\x7f.\x12\x89\xd8\xefBV\x04\xfa\x00\x18\x86\xb9t\xe9RFF\x86\xa3\xa3\xa3\xadW\xf4\xa6@\xbc;###22\x92\xa8B\xf4\x80[\x12d\x18F\xadV\xcb\xe5r(\xd85\xdf\xfb\xf8\x12\xf0O4M{{{?z\xf4h\xd4\xa8Q\xf9\xf9\xf9\x04A\xac\\\xb9R*\x95\xb2?\x03\\-\t"\xd5\x02\r@m\xc2\xe7\xf3\xa1\x85\xca\xd9\xd99%%\x85\x8bm\xeb&lt;\x1eo\xe2\xc4\x89=z\xf4\xe8\xd8\xb1\xe3\xb6m\xdb\xd8?(\xa6\x12`\x84\xc0\xb3g\xcf\x1e=z\xd4\xb9sg\x82 ^\xeb\xd1sH\x82\x0c\xc3899\xcd\x9d;w\xc6\x8c\x19`\xad===]]]%\x12\x89P(\xe4\xf3\xf90 H$\x129;;{xx888\xfc\xf1\xc7\x1f\xdd\xbauKOO\'\x08b\xe5\xca\x95\xbdz\xf5b\xf9\xdd&gt;5\x90 R-\xf0\xdb\xace(\x8a\x12\x08\x04\xa1\xa1\xa1qqqB\xa1\x90C\'V\x9a\xa6\x1d\x1d\x1d\xb3\xb3\xb3\x8f\x1c9\xc2\xe7\xf3M&amp;\xd3\xb6m\xdb8\xdd\x10\x0b*255U&amp;\x935n\xdc\xb8\x8aC\xc4\xb8"A8\xae=|\xf8\xf0\x97_~\xe9\xd8\xb1c\xef\xde\xbd?\xff\xfc\xf3\x93\'O\xde\xbbw\xaf\xac\xac\x0c\\~\xc8\xe7\'&amp;&amp;~\xf7\xddw\xdd\xbbw\x1f;v\xec\x83\x07\x0f\x9c\x9c\x9c~\xf8\xe1\x87\xf9\xf3\xe7+\x95J6k\x7f\xa2\xa6\x12D\xaa\x0e\x96\x81\xd62\xb0A\xbbv\xed\xbai\xd3&amp;\x92$9\xea\xb0\xd4\x8d\xc7\x8c\xa6i\xa1Px\xe6\xcc\x99\x90\x90\x10\x81@@\x92dU\xe6\x1aqH\x82&amp;\x93i\xe6\xcc\x99\xabW\xaf\xce\xc9\xc9\x89\x8b\x8b\x8b\x8b\x8b#\x08\xc2\xd1\xd1\xd1\xcd\xcdM&amp;\x93\t\x04\x02\x83\xc1P\\\\\xacR\xa9\xcc?\xd2\xa7O\x9fO?\xfd\xb4}\xfb\xf6\xec\xd7\xfeDM%\x88T\x1d\xf6nn\x8e\x02\xfa\xa2s\xe7\xce\x0f\x1e&lt;x\xf0\xe0\x81D"am\x0c\xe1%\xa0\x0b\xacu\xeb\xd6}\xfa\xf4\xa1(\x8a\xcf\xe7\x8f\x1b7\x8e\xd3\xa5\x90|&gt;\x9f$\xc9\x8b\x17/\xf6\xee\xdd\x9b\xa8\xb2U\xe3\x8a\x04A^\x13\'N\xbcx\xf1\xe2\xde\xbd{\xdf{\xef\xbd\xb6m\xdb\xba\xba\xba\xeat\xba\'O\x9e\xe4\xe4\xe4dff\xde\xb9sG\xa5RI\xa5\xd2\xd0\xd0\xd09s\xe6\x9c;w\xee\xc0\x81\x03m\xdb\xb6-..f\xbf\xf6\'j*A\xa4\xeap\xe9\xf2#\xae\x00\xd5#\xdd\xbau\x1b5j\xd4\x94)S8\xe1j\x01Psm0\x18\xae]\xbb\xe6\xea\xea\xda\xb6m[\x83\xc1`\xebE\xd5\x10(\x1f\xcc\xcb\xcb\x1b&gt;|\xf8\x95+W\x14\nE\xd5\x03\x08\x1c\x92 EQB\xa1\xd0\xd9\xd9Y \x10\x94\x96\x96\xe6\xe7\xe7\xe7\xe7\xe7\xabT\xaa\xf2\xf2r\xb8\xdb\xc7\xd5\xd5\xd5\xc7\xc7\xc7\xc7\xc7\xc7\xc5\xc5\xc5d2i4\x1a\x82#\x91\xf47\x91 RE\xf0&lt;U\xfb\x80\xfa\xe8\xd4\xa9\xd3_\x7f\xfd\xf5\xde{\xefq\xc8\xc4\xf2x&lt;\x93\xc9$\x14\n{\xf4\xe8AQTyy9w\x9f7\x8a\xa2\x9c\x9c\x9c\x8e\x1c9\xe2\xe3\xe3\xa3P( \xb2_\xc5\x9f\xe5\x90\x04\x05\x02\x01M\xd3j\xb5\x1aR\x02&gt;&gt;&gt;\xbe\xbe\xbe\xe6\xcba\xa0\x04\xc8d2\x19\x8d\xc6\xa2\xa2"\xc8\x0c\xdbz\xc9U\xe5M$\x88T\x11\xce\xec\x06\x0e\x01\xcf\xd8\xb0a\xc3RRR\x9e&lt;y\xc2\xda\x18\xc2\x7f\x02Uw%%%Z\xad\x96\xbb\xda\x9fx\xf1A\x0e\x1e&lt;8x\xf0`\xa2\x9a\rS\xdc\x92\xa0\xf9\x1aH\x82 \x8cFcYY\x99Z\xadV\xa9T*\x95J\xadVk4\x1a8\xc6Ai\x90\xad\x17[\r\xdeD\x82H\x15\xe1\xd2\x86\xe0\n|&gt;\x9f\xa6\xe9\xa0\xa0\xa0\xa6M\x9b\x1e?~\xdc\xd9\xd9\x99\xb5\x95$\xff\t(\x14n)\x8b\x97\x80\xea\x91\xac\xac\xac\xe7\xcf\x9f\x8f\x1c9\x92 \x88j9\x8f\xdc\x95 \xdc\xff.\xa8\x00G\x9b\xba\xdfP\x82H\x15\xe1\xf0C\xcef\xa0a}\xdc\xb8q?\xff\xfc\xb3\xad\xd7b\x8f@\xf4\xe0\xd7_\x7fm\xdb\xb6m\xbdz\xf5jP\xcc\x8a\x12\xb4-o.A\xa4*\xa0\x01\xb0\x080c}\xd8\xb0aO\x9f&gt;\xcd\xc9\xc9as?Q\x9d\x04* O\x9f&gt;\xfd\xee\xbb\xef\xd6\xec\x9bG\t\xda\x967\x97 R\x15\xd0\x00X\x04\x08_\xd6\xaf_?::z\xfd\xfa\xf5NNN\xdc\xed\xa7\xe5\x1c\x14E\xb9\xb8\xb8\x1c&lt;xP\xaf\xd7\xf7\xe9\xd3\x87\xa8Q\xf4\x00%hCjE\x82HU@\x03`)`\xb8\xfc\x92%KN\x9c8\xa1T*\xc5b\xb1\xadWd/@=\xcc\xcf?\xff&lt;c\xc6\x0c\x98\x95V\xb3\xf7A\t\xda\x8a\xda\x92 \xf2Z\xd0\x00X\n\x98*\x13\x16\x16\xe6\xe9\xe9\xb9y\xf3f\x17\x17\x17\x92$m\xbd\xa8\xba\x0fM\xd32\x99,&gt;&gt;&gt;--m\xc2\x84\t\x0c\xc3\xd4\xd8yD\t\xda\x84Z\x94 \xf2Z\xd0\x00X\x10\x88]~\xf1\xc5\x17\xbf\xff\xfe\xbb\xc9d\xc2}l\x05(\x8arpp\xd8\xb8q\xe3\x981c&lt;==\xdfp|&lt;J\xd0\xfa\xd4\xae\x04\x91\xcaA\x03`A\xa0I\xa7\x7f\xff\xfennn{\xf7\xeeuuu\xc5\xc3\xacE\x81\xda\xc1[\xb7n]\xbbvm\xc9\x92%p\xf9\xed\x9b\xbc!J\xd0\xca\xd4\xba\x04\x91\xca\xc1/\xd7\xb2\x80\x0b\xb9d\xc9\x92\xb5k\xd7\x128\xcc\xc4\xc2\x90$\xe9\xec\xec\xbcj\xd5\xaa~\xfd\xfa\xd5\xabW\xafV\x9cG\x94\xa05\xb1\x84\x04\x91J@\x03`Y\xc0\x85\x1c0`\x80@ \xd8\xb0a\x83B\xa1\xc08\xb2\x85\xa0i\xda\xd9\xd9\xf9\xfa\xf5\xebG\x8f\x1e\xfd\xe8\xa3\x8fj\xcbyD\tZ\r\x0bI\x10\xa9\x04\x1c\x06gq`\x86\xc9\x89\x13\'\xc6\x8f\x1f\x7f\xef\xde=\x93\xc9d\xeb\x15\xd5MH\x92\xf4\xf4\xf4\xec\xde\xbd{``\xe0\xbau\xebjqt\x0cJ\xd0:XN\x82\xc8\xab@\x03`\r`+\xf7\xee\xdd;&lt;&lt;|\xd9\xb2e\x85\x85\x858\xd6\xbcv\x81\xca\xf1\x7f\xfe\xf9g\xda\xb4i\xa9\xa9\xa9\xae\xae\xae&lt;\x1e\xaf\x16\xa3\x07(AKci\t"\xff\t\x1a\x00k\x00\xa1\xcc\x9c\x9c\x9cv\xed\xda\xdd\xb8q\xa3^\xbdzz\xbd\x1e\x8f\xb7\xb5\x08M\xd3r\xb9\xbcu\xeb\xd6\x1f|\xf0\xc1\xcc\x993k\xddyD\tZ\x1aKK\x10\xf9Op\x07[\x03\x18.\xd6\xbau\xeb\xe9\xd3\xa7O\x9a4\t\xe7\n\xd4.$I\xba\xbb\xbb\x7f\xfe\xf9\xe7\xae\xae\xae3f\xcc\xb0\x84\xee@\tZ\x14+H\x10\xf9O\xf0\x04`%`2;\xc30\xad[\xb7\xfe\xec\xb3\xcf\xc6\x8e\x1d[TT\x84a\x847\x87\xa6i\x89D\xf2\xec\xd9\xb3\xe8\xe8\xe8\xf8\xf8x\x7f\x7f\x7f\x98\xe6_\xeb\xbf\x08%h!\xac&amp;A\xe4\xdf\xa0\x01\xb0\x1e\xe0\xd7\x9c={v\xd4\xa8Q\xb9\xb9\xb9"\x91\x88$I\x8cr\xbe!\x909\xec\xd4\xa9SLL\xcc\xf2\xe5\xcb-zm,J\xd0\x12XS\x82\xc8K\xa0\x01\xb0*\xb0\xb9\xe7\xcf\x9f\x9f\x99\x99y\xea\xd4)\xcc%\xbe!&amp;\x93\xc9\xcb\xcbk\xd9\xb2e\x87\x0e\x1d\xbar\xe5\n\xdc!n\xd1\xdf\x88\x12\xac]\xac/A\xa4"h\x00\xac\n\x84\x11\x08\x82\x08\x0c\x0c\x9c0a\xc2\x92%K\n\n\nD"\x91\xad\xd7\xc5IH\x92tuu\xbdv\xedZ\x9f&gt;}\x92\x93\x93[\xb6li\x85\xd0\x01J\xb0\x16\xb1\x89\x04\x91\x8a\xa0\x01\xb06\xb0\xc5o\xdf\xbe\x1d\x16\x16v\xe2\xc4\x89\xc8\xc8\xc8\x92\x92\x12\xf4z\xaa\x0b\xcc\x08\xa3(*00\xf0\xbb\xef\xbe\x1b7n\x9c\xd52\x87(\xc1Z\xc1\x86\x12D\xcc\xa0\x01\xb0\x01\xb0\xd1w\xec\xd8\xb1h\xd1\xa2\xac\xac,\xa1Ph4\x1a\xd1\xf1\xa9\x16\x14Eyxx\xf4\xea\xd5\xcb\xc7\xc7\xe7\xb7\xdf~\xb3r\xe0\x18%\xf8\xe6\xd8V\x82\x08\x80\x06\xc06\xc0v\x9f&lt;y\xf2\xc3\x87\x0fO\x9f&gt;\xadT*9zw\xabM\x80\xc0\xf1\x97_~\xb9g\xcf\x9e\x8c\x8c\x0c\x98\x19`\xe5o\x0f%\xf8&amp;\xb0A\x82\x08\x81\x06\xc0V0\x0cCQ\x94P(\x8c\x8d\x8d\xf5\xf3\xf3\xdb\xbau+\x86\x92\xab\x88\xd1h\xf4\xf6\xf6\xfe\xf3\xcf?g\xcd\x9a\x95\x97\x97\xa7P(\x08[\xcchC\t\xd6\x18\x96H\x10!\xb0\x11\xccV\xf0x&lt;\x982v\xf8\xf0\xe1\xc4\xc4\xc4o\xbe\xf9\xc6\xcb\xcb\x0b\x87\xccT\x0e\x8f\xc73\x99L\x9e\x9e\x9e\xe7\xcf\x9f\x9f;w\xee\xc9\x93\'\xdd\xdc\xdcl50\x12%X\x03X%A\x84 \x08\x0c\xba\xd9\x0c\xb8qP.\x97_\xbe|\xb9Y\xb3f\x12\x89\xe4\xc3\x0f?\xcc\xcf\xcf\xc7\xab\x07_\x85\xd1htssKJJ\xea\xd6\xad\xdb\xc5\x8b\x17\xdb\xb7oo\xdb\xb4!J\xb0\xba\xb0M\x82\x08\x1a\x00[\xc2\xe7\xf3)\x8arss;u\xeaT\xb7n\xdd\x82\x83\x83{\xf6\xec\x89\x1a\xe4?!IR&amp;\x93\x15\x15\x15\r\x1a4\xe8\xfb\xef\xbf\x8f\x8d\x8deC\xda\x10%Xu\xd8)A;\x07C@6\x06*\xe1\xda\xb7o\x7f\xfa\xf4\xe9Q\xa3F\x9d9s\xc6\xdb\xdb\x1b#\t/A\x92\xa4\\.W\xab\xd5\xed\xdb\xb7_\xb4h\xd1\xfb\xef\xbf\xcf\x1e\xdd\x81\x12\xac\nl\x96\xa0=\x83\x06\xc0\xf6\x08\x04\x02\x92$;t\xe8p\xf8\xf0\xe1\xd1\xa3G\xef\xdb\xb7\xcf\xcb\xcb\x0bo\x1d1c2\x99\x14\nEnnnTT\xd4\xdc\xb9s\xe7\xcf\x9fo2\x99X\xa5;P\x82\x95\xc3~\t\xda-h\x00X\x81P($I2&amp;&amp;\xe6\xd8\xb1c\xa3G\x8f^\xbe|\xb9\xa7\xa7\'I\x92X\xa3\x05\xf5\x82qqq!!!\xf3\xe7\xcf\xff\xf0\xc3\x0fM&amp;\x13\x0b\x8bmP\x82\xaf\x82+\x12\xb4O\xd0\x08\xb3\x05\xa1P\x08\x91\x84\xac\xac\xac~\xfd\xfa\x19\x0c\x86/\xbe\xf8B\xa9T\xdams&lt;\xd4Yzyy\x1d=zt\xd2\xa4I\x07\x0f\x1e\x1c0`\x00I\x92\xac\xd5\x1d(\xc1\x97\xe0\x9c\x04\xed\x10\xec\x03`\x17P\x14\xa1V\xabcbbZ\xb4h\xf1\xf7\xdf\x7f\x97\x97\x97\x97\x97\x97\xdb\xdby\x19\xbe\x07\x85B\xb1|\xf9\xf2\x95+W\x1e;v,::\x9a\x13Qc\x94 \xc0]\t\xda\x15\xf6\xe8\x98\xb0\x19\xc8(\xca\xe5\xf2\x1b7n\x08\x85\xc2\x90\x90\x90\xfc\xfc|OOO\xbbJ*\x9aL&amp;\x99L&amp;\x91HF\x8d\x1a\xb5}\xfb\xf6\x9b7orHw\xa0\x04\t\x8eK\xd0\xae@\x03\xc0:\xa0\xbd\x88\xcf\xe7\xef\xdb\xb7o\xf8\xf0\xe1\xed\xdb\xb7\xdf\xb3g\x8f\x97\x97\x17\x1c\xa8m\xbd:\xcb\xc20\x0c\x84\x8c\xb3\xb3\xb3\xc3\xc3\xc3I\x92\xbc~\xfdz\x83\x06\r\xa0\xe7\xd6\xd6\xab\xab*(A\xaeK\xd0~\xc0\x10\xd0\xeba^`\xfe\xdfW\xbd\x12\x1a\x1a\xcd\x97Y\xbfI\x7f#\x8c\x1d\x16\x08\x04\x17.\\\x18;v\xec\x80\x01\x03\xd6\xaf_O\xd3tIII]\r\xa1\x92$)\x91H\\\\\\6m\xda\xf4\xf9\xe7\x9f\x7f\xfc\xf1\xc7\xef\xbf\xff&gt;\xf1b\xfa\xa6\xadWWmP\x82\\\x97\xa0=\x80\x06\xe0e\xcc7\xff\x11\x04\xc1\xe7\xf3\xdfd\xe3\xd24\r\xb3\xe3y\x15\xa8\xd6;\xc0\xa9Y\xa5R\x8d\x1a5J\xadVo\xdc\xb81&lt;&lt;\\\xa5R\xd5\xb1\xfeI\xf8\xc2=&lt;&lt;\xf2\xf3\xf3?\xf8\xe0\x83\x9b7o\xfe\xf6\xdbo\x11\x11\x11\x14Eq}F\x18J\x90\xeb\x12\xac\xdb\xa0\x01 \x88\x17\xdb\x97a\x98\xff&lt;\xa5\x16\x16\x16\x96\x96\x96fdd\xf0x&lt;\xb5Z\x9d\x9c\x9c\xfc\xd2\x0bx&lt;\x1eM\xd3~~~M\x9b6\xa5(\xca\xd7\xd7\xb7a\xc3\x86\n\x85\xe2\xdf\xefFQ\x94y\xf0a\x15\x9f\n\xb3\xa6\xf8\xfe\xfb\xef\xd7\xad[7x\xf0\xe0\xaf\xbe\xfa\xca\xd9\xd9\xb9\xa8\xa8\xe8\r\xed\x13\x1b`\x18\x86$I\x17\x17\x17\x07\x07\x87\x9f~\xfa\xe9\xdbo\xbf}\xeb\xad\xb7\xb6n\xdd\xca\xe3\xf1\xeaL\xc8\x18%\x88\xb0\x16\xfb5\x00fO_ \x10T\xd4\xc5\xcf\x9f?OMM\xcd\xcd\xcd\xbd}\xfbvzzzyy\xb9Z\xad\x16\n\x85\xae\xae\xae\xe0\xce\x04\x07\x07\x8bD\xa2\x8a\xdf\x1b\xbcIvvvYY\x99P(,++3\x18\x0cNNN\xce\xce\xce\xadZ\xb5j\xd2\xa4IXXXPPP\x93&amp;M*&gt;\xedp\x9dlU\xfc#s0\xe1\xf1\xe3\xc7\xef\xbe\xfb\xee\xe3\xc7\x8f\xbf\xfa\xea\xab\xa1C\x87\x1a\x0c\x86\xd2\xd2\xd2\x97\xd6\xcf!H\x92tpp\x90\xc9d)))\x8b\x16-***Z\xbf~}ll,Q\xe7\x82\x06(A\x84\x9d\xd8\xa3\x01\x007\xbc\xa2or\xe7\xce\x9d\xf8\xf8\xf8\x8b\x17/&amp;\'\'\x97\x94\x94H\xa5R???__\xdf\xb0\xb00OO\xcf\xd6\xad[\x8b\xc5b\x1f\x1f\x1f\x86a`\x06\xe4\x7f\xbe-\xa4\xf8\xf8|~qqqYY\xd9\x83\x07\x0f\x9e&gt;}z\xf3\xe6\xcd\xfb\xf7\xef\xe7\xe4\xe4(\x95JGG\xc7\xa0\xa0\xa0\x98\x98\x98\xd8\xd8\xd8\x90\x90\x10\xf3\xfb@b\xf0\xb5\x96\xc0\xecH\xfe\xf6\xdbo\xcb\x97/\x0f\x08\x08\xf8\xdf\xff\xfe\x17\x1d\x1d\xad\xd5j\xcb\xcb\xcb9\xe4K\xc2\x17%\x12\x89\xe4r\xf9\xbd{\xf7\xd6\xae]{\xfc\xf8\xf1!C\x86|\xfb\xed\xb70Z\xa7.\xc5F*\x82\x12D\xd8\x86\x1d\x19\x00\xd8\xb5fo\x8b$\xc9\x8b\x17/\x1e9r\xe4\xc2\x85\x0beee\xbe\xbe\xbe\x11\x11\x11\xed\xda\xb5\x0b\n\nj\xdc\xb8\xb1\x93\x93\x93\xf9G\xf4z=M\xd3\xe62&gt;\x08\xeb\xff\x1b\x88\xea0\x0c#\x12\x89\x04\x02\x81H$\x12\x8b\xc5\xf0\xbb\x8cF\xe3\xd3\xa7Osrr\xd2\xd3\xd3\x13\x13\x13\xef\xdc\xb9C\x92dTTT\xcf\x9e=\xfb\xf6\xed+\x97\xcb\xe1\x1dH\x92\xac\\\x0b@\x9c\x8a\xcf\xe7\x93$\xb9d\xc9\x92]\xbbv\r\x180\xe0\xc3\x0f?\xf4\xf3\xf3\xd3\xeb\xf5eee\x04A\xb0\xf9\xd9\x83\xa4\x08\xf8\x8cJ\xa5\xf2\xe7\x9f\x7f\xde\xb0aCDD\xc4\xbau\xeb\x1a6lH\xd8\x81\xdb\x88\x12DX\x85]\x18\x00s\xa8\x07\xfe\xf7\xdc\xb9s\xbbw\xef\xber\xe5\x8aN\xa7\xeb\xd0\xa1C\xdf\xbe}\xa3\xa3\xa3}}}\t\x82\x00uo0\x18\xe0G*fn\xab~H\x87\xaf\xb4b\xed\x10\x9f\xcf\x17\x8b\xc5\x0e\x0e\x0eP\xfeQ\\\\\x9c\x94\x94t\xf6\xec\xd9\x93\'O\x1a\x0c\x866m\xda\x0c\x1b6l\xd8\xb0a\x12\x89\xc4\xbc\xdaJ\x0e\x04f\x0f+??\xff\xbb\xef\xbe;}\xfat\xe7\xce\x9d\xc7\x8f\x1f\x1f\x11\x11A\x92dII\tD\x1b\xd8\x13U0_\xa4\xee\xec\xec\xec\xe0\xe0p\xf7\xee\xdd={\xf6\xec\xd9\xb3\xa7E\x8b\x16\x1f\x7f\xfcqhh(\xf1"Yj\xe3\x85Z\x0b\x94 \xc2\x12\xea\xb8\x01\xa8X\x84\xf0\xec\xd9\xb3\x8d\x1b7\x9e&lt;yR\xa5R\xf5\xec\xd9s\xcc\x981\x01\x01\x01\n\x85\x82\xa6i\xadVk0\x18@\xe3[\xa8h\xa1\xa2=\x10\n\x85R\xa9T$\x12\xe9t\xba\xdb\xb7o\x1f:th\xef\xde\xbd\x14Eu\xe8\xd0a\xe6\xcc\x99aaa\xff^\xfc\xbf\xdf\rt\x04A\x10O\x9e&lt;Y\xbdz\xf5\xfe\xfd\xfbCCC\xa7O\x9f\xde\xad[7\x89DRVV\xa6\xd3\xe9,\xf7q\xaa\x088\x8cb\xb1\xd8\xc5\xc5\x85\xc7\xe3%%%m\xdf\xbe\xfd\xd0\xa1CQQQ\x8b\x17/\x0e\x0f\x0f\'*\xfd\x98u\x18\x94\xe0\x9b\xf0*\xadeo\xbb\xe8\xcd\xa9\xb3\x06\x80\xa2(xx\x08\x82\xb8v\xed\xda\xaaU\xabRRRZ\xb4h1a\xc2\x84\xbe}\xfb\xba\xb8\xb8\x18\x0c\x06\x9dNg2\x99l\xf2\x8c\xc1s%\x10\x08\x1c\x1c\x1c\x9c\x9c\x9c\x0c\x06CBB\xc2\xb6m\xdb\xe2\xe2\xe2\x9a6m:{\xf6\xec\xc1\x83\x07\xc3\x92*7\x03\xe6\xfe\x9a\xe7\xcf\x9fo\xdc\xb8q\xdf\xbe}\xae\xae\xae\xc3\x87\x0f\x1f8p`\xcb\x96-\x19\x86\xd1h4F\xa3\x91\xa8B\x8e\xa1\xb60g\xd7E"\x91\xb3\xb3\xb3P(,,,&lt;z\xf4\xe8\xfe\xfd\xfbo\xde\xbc\xd9\xbbw\xef\x993g\x82\xcfXQF\xf6\tJ\xf0\xb5+\xa9\xe89\x99\x8f\xe3\x95\xfcF8\xa9\x98\xcb\xaf\t+~o\\\xa4\x0e\x1a\x00\xb8a\x0eD~\xe4\xc8\x91\xe5\xcb\x97k4\x9a~\xfd\xfa\x8d\x1d;6((\x08:q^\x1bm\xb7\x1a\xe6\xcc\x84\xb3\xb3\xb3X,~\xf2\xe4\xc9\xde\xbd{\x0f\x1c8PXX8s\xe6\xcc\x193f\x80v\xa8$\xb1V\xd1\x974\x99L\xfb\xf6\xed\xdb\xb2e\xcb\xa3G\x8f\x02\x03\x03\x07\x0f\x1e\xdc\xa3G\x8fF\x8d\x1a\x11\x04Q^^\xae\xd7\xeb\xe1\x89\xadYSB\xe5\x9f\xc2\x1c\xb9\x92H$\xce\xce\xce\x04A(\x95\xca\xcb\x97/\xff\xf5\xd7_W\xae\\\x91H$\xe3\xc6\x8d\x1b;vl\xbdz\xf5\x08T\xfd\xff\x17\x94`E\xcc5\xd9\x95&lt;\xa1J\xa5\x12\x16`V_\xf0gOO\xcfW\xbdm\r*\xb0\xed\x81:e\x00*&gt;H\xa0\xfa\x0b\x0b\x0b\xa7M\x9b6y\xf2d777\xadV\xab\xd3\xe9\x08\xb6&amp;\xd9\xe0L\x00\x8d\x94F\xa3\xf1\xd0\xa1C\xabV\xadR\xab\xd5\xb3g\xcf\x063\x00N\xcd\xab\x1e\x89\x8a\xbe$A\x10\xf7\xef\xdf\xff\xe5\x97_\x8e\x1c9\xa2\xd5j\x03\x03\x03;v\xec\xd8\xabW/???\xa9TJ\x10\x84\xc1`0\x18\x0c&amp;\x93\xe9%G\t~\xf6U\x8fG\xc5^\xe8\x8aN\x99P(\x94H$\x0e\x0e\x0ep\xe3\xeb\x83\x07\x0f\xfe\xf9\xe7\x9f\x0b\x17.\xa4\xa7\xa7\x1b\x0c\x86\xb7\xdezk\xea\xd4\xa9\x91\x91\x91\xf0\xb3\xec1\xbdl\xc3\x9e%h6?/e\x11T*\xd5\xbd{\xf7\x1e=z\x94\x9a\x9a\xaaT*srrJKK\x19\x86)**\xfaw-\x06\x8f\xc7\x93\xcb\xe5b\xb1X \x10\x84\x86\x86:::FGG{xx\x04\x06\x06zxxT|\xa5\xd9\x18\xe0&gt;\xac;\x06\xc0\xec#\xa7\xa5\xa5\xcd\x993\xe7\xd9\xb3g\xd3\xa7O\x7f\xf7\xddw\xe1\x1e"\x93\xc9\xc4\xaa\xac\xda\xab0\xd7\x92Br\xe2\xe0\xc1\x83+W\xaeT\xab\xd5+V\xac\x182d\x08A\x10$IV\xf2A\xe0A\xaa\xe8\x9a\xe5\xe5\xe5\x1d9r\xe4\xe8\xd1\xa3O\x9e&lt;qpp\x00U\x12\x18\x18\xe8\xe7\xe7\xe7\xe5\xe5\x05\xcf\x1b\xe8\x02\x9dN\x07\x9b\xc1`0\xfc\xe7\x9b\x8bD"x[\x07\x07\x07\xf3\x1ah\x9aV\xab\xd5\xf7\xef\xdf\xcf\xc8\xc8\xb8|\xf9rJJ\x8aJ\xa5\xf2\xf0\xf0\xe8\xd6\xad\xdb\xb0a\xc3BCC\xe1G`ax\x18\x7f-v%Asn\xb9\xa2O\x065\xd9\x17.\\\xc8\xcc\xcc\xcc\xcf\xcfwqqqrrj\xd6\xac\x99\\.\x0f\n\nrww\'\x08\xa2m\xdb\xb6B\xa1\xf0%\xdd\xc5\xe7\xf33335\x1a\rI\x92W\xaf^\xd5\xe9t\xd9\xd9\xd9:\x9d\xae\xa4\xa4\xc4\xc5\xc5\xc5\xcf\xcf/66666\x16\xfax\xe0G\xcc\x91X\xbb\xdd\x96u\xc1\x00\x98]\xe3\x82\x82\x82\xff\xfd\xef\x7fg\xce\x9c\xf9\xe0\x83\x0f*\xaa~.\x16\'\xc0\tW.\x973\x0cs\xe8\xd0!\xe8\x1d\xdd\xb8qcHH\x08QiD\x08x\xa9\xe6\x95 \x08\x8dF\x93\x9c\x9c\xfc\xcf?\xff$&amp;&amp;&gt;\x7f\xfe\xdch4\xcad\xb2\xe6\xcd\x9b{xx\xb4k\xd7\xce\xd1\xd11$$D(\x14\xf2x\xbcF\x8d\x1a\t\x04\x82\x976\x06\x8f\xc7{\xf6\xec\x99N\xa7\x13\x08\x04\x19\x19\x19Z\xad6--\xad\xa0\xa0 77\x17Bj\x9e\x9e\</t>
        </is>
      </c>
    </row>
    <row r="32">
      <c r="A32" s="1" t="n">
        <v>30</v>
      </c>
      <c r="B32" t="inlineStr">
        <is>
          <t>grid_number_color</t>
        </is>
      </c>
      <c r="C32" t="inlineStr">
        <is>
          <t>What is the missing color if the part denoted with the question mark has the number 3?</t>
        </is>
      </c>
      <c r="D32" t="inlineStr">
        <is>
          <t>['red', 'yellow', 'green', 'blue']</t>
        </is>
      </c>
      <c r="E32" t="inlineStr">
        <is>
          <t>blue</t>
        </is>
      </c>
      <c r="F32" t="inlineStr">
        <is>
          <t>There is a 3x3 colored grid of numbers. The first row has number-color pair [(2, 'red'), (4, 'yellow'), (6, 'green')], the second row is [(2, 'red'), (3, 'blue'), (6, 'green')], and the third and final row is [(4, 'yellow'), (3, '?'), (3, 'blue')].</t>
        </is>
      </c>
      <c r="G32" t="inlineStr">
        <is>
          <t>We observe that the grid cells with number 4 is yellow in color, the grid cells with number 2 is red in color, the grid cells with number 6 is green in color, and the grid cells with number 3 is blue in color. Thus, the pattern is that the grid cell with the same number will have the same color.</t>
        </is>
      </c>
      <c r="H32" t="inlineStr">
        <is>
          <t>Based on the pattern that the grid cell with the same number will have the same color, the missing color of the part with 3 should be blue.</t>
        </is>
      </c>
      <c r="I32" t="inlineStr">
        <is>
          <t>b'\x89PNG\r\n\x1a\n\x00\x00\x00\rIHDR\x00\x00\x02\x00\x00\x00\x02\x00\x08\x02\x00\x00\x00{\x1aC\xad\x00\x00\x81\x7fIDATx\x9c\xed\xddu\x9c\x15U\xff\x07\xf0\xef93s{\xbb`Y\xba\xbb;TJJ\x14\xb1\x03\xfb1\x7f\xeac&lt;\x8f\xdd\xf1\x18\x8f\x8d\x89(\x8a\xf1XX\xb4\xa4\x08\x02\xd2\xdd\xb9l\xf7\xad\x89s\xbe\xbf?\x06\x10\x11\x15\xe4\xee\xee\xbd\xdc\xef[_\n\xbbw\xef\xce\xee\x999\x9fSs\x86!"\x10B\x08\x89?\xbc\xb6\x0f\x80\x10BH\xed\xa0\x00 \x84\x908E\x01@\x08!q\x8a\x02\x80\x10B\xe2\x14\x05\x00!\x84\xc4)\n\x00B\x08\x89S\x14\x00\x84\x10\x12\xa7(\x00\x08!$NQ\x00\x10BH\x9c\xa2\x00 \x84\x908E\x01@\x08!q\x8a\x02\x80\x10B\xe2\x14\x05\x00!\x84\xc4)\n\x00B\x08\x89S\x14\x00\x84\x10\x12\xa7(\x00\x08!$NQ\x00\x10BH\x9c\xa2\x00 \x84\x908E\x01@\x08!q\x8a\x02\x80\x10B\xe2\x14\x05\x00!\x84\xc4)\n\x00B\x08\x89S\x14\x00\x84\x10\x12\xa7\xd4\xda&gt;\x80_!""\xd6\xf6Q\x9cR\x18c\x8c\xb1\x9a\xff\xbeT\x94\x11W+Ei\x17"\x15e\x04\xd9\x85X+W\xe51\xb1\xda-]D\x94R""\xe7\x9cs\xea\x8eT\x0b!D\r\xfc\x86\xa5\x94RJ\xc6\x98\xa2(\xd5\xf7]\xe2\x19"\n!\x18c\x9c\xf3\xea\xabA\xec\xf0\xa6\xa2\xacV\x87/\xc9\xdaj\xa2\x1dVk\x01`\xd7\xfbG\x9ea\xc1p8\xbf\xb0\xb0\xb0\xa4\x841\x06\xd4\xe88\x19\x8c!\xa2\xc2X\xf3\xa6M\x13}&gt;~\xc4\x19&amp;\x84\x88l\xf5aW\x16\x9c3\xc6~M\x17\xbf?\xb4u\xdb\x0e\xdd0\x81\x8a\xf2\xe40\xc6\x101))\xa1a\x83\x1c\xaf\xc7u\xf8\xe3B\x08\x00\x88l\x05m\x07\x8c\xaa\xfe:*`\x18fyY\xf9\xbe\xbd\xfb\x00\xa8\x1cO\x96]\x94\xf5\x1b\xe4$\xa7\xa48\x9c\xda\xe1\x8f[\x96\xa5(Jm\xc5@-\x04\x80\x94\x12\x00\xec\xd6hiy\xf9\x82%K~\x98={\xdb\xfa\xf5\xc5{\xf7\x1aUUI\x88\x82N\xb5\x93\xc6\x19\xd3\x85\xb0\x12\x12\xbc\xc9\xc9u\x9b6\xed\xde\xa7\xcf\xb0!C:\xb5ic\x7f6R1 \x848\\\x07m\xda\xbcc\xc6\xcc\x1f\x96.]\x9c\xb7\x7f\x9b\xdf_\xaa\x8ar\xb7\x87\x83@\x88\x96\xcenlB\x00\x85U\xf9\x81;\x92\x12\x93\xeb6l\xdcj\xc0\x80\xd3\x87\x0c&gt;\xad^v\x16\x1cj\xad\x9f|\xc7\xceNq\xbb(\xf5\xb0\xbej\xc5\xea\x19\xd3g\xacX\xbdb_\xde\xee@\xc8\x0fN\x01\x0c\x80.\xca\x93\xc4\x00\x10PW|n_\xfd\xba\x8d\xbat\xea:l\xd8\x99]\xbauv\xba\x9cP\r-\xb3\xe3=\xa8\x9a\x0c\x80#\xcf\xb3\xa5+W\xbe\xf5\xf6\xdb\xbf\xcc\x9e]\xdf\xb2\xba\xa5\xa6\xb6\xcf\xccl\x92\x9e\xees:S=\x1e:\xd3N\x1e\x030\xa5,\xaa\xaa*\x0f\x856\x17\x16\xae((X\x13\x0c:\x1a5\x1au\xc1\x05\xd7\x8d\x1b\x97\x92\x94\x04\xbf\xad\xbeO\x94\x94\xd2\xaew\xc2a}\xd2\xe4\xcf\xbe\xf8\xec\xa3\xca\xe2\r\xddZ;\xfav\xcd\xea\xd0*\xb3N\xba/=\xcd\x07.\x95j\x8d\x93\x85\x08\x9c\x89J\xbd\xb42\xb8s\x7f\xf9\xea\x8d\x85?\xad(Z\xbf\x0b\x9a\xb5\xea{\xe5\x95\xd7\x8c\x18&gt;\x10\x00\xec\xe1\x9a\xbf]w\x1c&gt;\rv\xef\xdc\xf3\xf6[oO\xfba\xaa\xe1\xf0\xe7\xb4\xceh\xd8\xa6^\xfd\xa6u]^Wrz"\xa3\x18\x8f\x04\x04\xac(\xae\x0c\x05\xc2\xfbv\xe4\xed\xd9\x98\x9b\xbb\xa9H\xd3\xbd\xc3\x07\x8f\xfa\xc7\r\xd75n\xd2\x08N\xee\x92\xfc{j.\x00\x0eW\x19\xcbW\xad\xba\xe7\xdf\xff\x96[\xb7\x0eLO?\xabU\xabFii\xaa\xa2\xe8\x96\xa5[\x96@\xb4\x84\xa8\x99\xe39\xe51\xc64EQ8w\xa9\xaa\xc6yE(\xb4|\xef\xde\xaf\xb6n]\xc7\xf9\xf0\xcb.\xbb\xff\xae\xbb&lt;n\xb7eYGv\xf9\x8f\xd3\xe1\xafz\xe5\xb5w&gt;\x98\xf8r\xeb\x06\x81KF7\x1d\xd2\xaf\x89\x9a\xe6\x03!!l\x81%\xc1\x12RR\xf5\x1f\x19\\\xe1\xa0pp(\xe0T\x01\xb0\xe2@\xc5\xd7\xb3\xb7N\x99\x95[\xe8\xcf\xbe\xef\xfeGF\x8d\x1c\n\x7f\xab\xee8\xdc\x81\xc8\xdd\x7f\xe0\x81\xfb\x1eX\xbcvaN\xc7\xb4&gt;#\xba4h^\xcf\xe9vZ\x86e\xe8&amp;JiYtIF\x8c\xaa*\x8cs\x87SS\x1d\xaa\x1e\xd2\xf7m?\xb0x\xea\x8a\xfdkJz\xb5\xef\xff\xe4\xd3O\xd4\xcb\xa9w\x92q~\xa2j(\x00\xec*#\x18\x0c\xdet\xfb\xed\xbf|\xf3\xcd\xad\xad[\x9f\xdd\xa6\x8d\xc7\xe9\xac\xd4u\xdd\xb2\x00\xf1\xf0\xcfL-\x8d\x08\xb2\xd7pH\x00DT8\xf79\x1cnM\xdbZX\xf8\xca\xb2e?3\xf6\xd8\xb3\xcf\x9e\x7f\xf6\xd9\xf6\tp\xfc\'\x9c\x14\x82+\xcaO\x8b\x97\xddz\xcb\xcd\xcd\xeb\x16&gt;\xf4\xcf\xeem:\xd5\x07S\x82_\xb7,\xc1\x801\x0e,\x8a\x969\x9c\n\x10\x00\x10\x0e/\xadR4\x05\x12\x9d \xc4\xdc\xf9\xdb\x1f{i\x95\'\xbd\xf7\xdbo\x8f\xcf\xa9\x97}Bq~\xb8A\xf6\x9f\'\x9fy\xe3\xbd\xd7:\ro6\xf0\xfc&gt;\xa9\x19\xc9A\x7f\xd8\x08\x1b\x88\x08\x8c1\x06\xf6?$b\xf0\xd0?\x88\x8c1\x87\xcb\xe1\xf1\xb9J\x8b\xca\xe7~\xbed\xf5\xf4m\xd7_y\xf3}\x0f\xdc\x03G\x94Nu\xab\x89\x00\xb0\xcf\xcb\x15k\xd6\x8c\x1b7\xae\x7f(t\xff\xc0\x81\x89.WY(d\xff\x90tv\xd5\x18\x89(\x11\xdd\x9a\x96\xe8r\xfd\xb4s\xe7]\x0b\x16\x0c\xb8\xf6\xda\xf1\xcf=\x07\xc7w\xc2\x1dn0\xfe\xe7\xd9W&gt;x\xfb\xb1g\xee\xebt\xd6Y\xed!dZ~\x9dsF%Yc\x10AJd\x00&lt;\xc9\x05\x12_~{\xc9k\x1f\x15=\xfb\xc2\x9bc\xce\x1e~\x9c\x19`w\x17\xcaJ\xcb.\xbbd\xdc\x8e\xca\xb5W&gt;x^v\xc3\xac\xaa\x8a\x80e\n{eJ\r\xfc\x14\x04\x0e\x8e\x8a\xa3\xaa*\xbedo\xfe\x9e\xc2\xf7\x9e\xf8\xa2\x89\xb7\xed\xe4O&gt;LMK\xad\x99\xe1\xa0j\x0f\x00\xd345M\xfb\xdf\xd7_\xdfy\xe5\x95\xff\xe9\xd1cl\x87\x0eE~\xbf%\x84B\x8b&gt;k\t\x02\x08)\x93\xddnS\x88[\xbf\xfb.\xb7I\x93Y\xd3\xa7{\xdd\xee?\xcf\x80\xc3\xb5\xffy\x17\\\xee\xcf\x9d\xfe\xd1\x1bg\xa7\xd5I\xb0\x8a\x03T\xf5\xd7")\x901`\x99\t\xab\x97\xee\xbe\xf4\xe6Y\x17]\xfb\xc8\x83\xf7\xdd\xf9\x97\x19`\xbf`\xcb\xa6-\xc3G\x0eo=,\xe7\xc2[F\x05\xfda=d(*]\x92\xb5FX\xd2\xe9vx|\xae\xcf\xc6O\xdd0}\xef\xb4\xef\xa7\xb7n\xd3\xea\xef\x8d\xd0\x9e\x90\xea\r\x00\xfb\x07\xf8\xe8\xcb/\x1f\xbf\xe6\x9a\xcfF\x8fn\x98\x96V\xe4\xf7\xabTaD\x01\x81\xa80V\'1\xf1\xa9\xd9\xb3g\xf8|sf\xcd\xf2y&lt;\x7f\x94\x01\x87k\xffs\xce\xbd\xb4\x81\xfb\xa7W^9\x17*\xc2"lR\x95\x11\r,S\xaa\xc9.\xdd\xb0F^\xf4\xbf\xbe#\xef}\xf4\xa1\xbb\xff\xa4\xe2\xb0\xdb\x95\x1b\xd7o\x1a&gt;\xfa\xcc\xb3\xef\xea\xdfsp\x97\x92\xfc2F\xad\xfe(\x80\x88(1-+e\xe9\xdcU\xdf&lt;\xb7p\xda73\xda\xb6oS\xdd\xfd\x80j\x0c\x00\xfb\xd0?\xfb\xfa\xeb\x87\xae\xbc\xf2\xeb1c\xd2|\xbe\x8apX\xa3\x86\x7f\xd4@\x00K\xca\xfa\xc9\xc9\xcf\xcc\x993\xc3\xe7\x9b5}\xba\xdb\xe5\xfa\xfdZ\xb4\xc3\xcb\xc3\xcf\xbb\xe0\xf2\x1c\xc7\xa2\x97^\x1b+\xf2+9\x00\xa3\x1c\x8f\x1aBH\xc5\xa9I\x8d\x0f\x1d\xfb\xf1i\xe7\xdc\xffG\xfd\x00;\xe07o\xda2l\xd4\xd0s\xfeuZ\x97\xfe\xedJ\x0b+T\x8d\xee\xf6\x8a"\x96)R3\x93V-\xda0\xe5\x99y\xd3\xbf\x9b\xd5\xbaM\xabj\x9d\x0f\xa8\xae\x00\xb0\x0fz\xf5\x86\r\xc3{\xf5\x9a5fL\x9d\xa4\xa4\xcapX\xa5\xda?\xfa\x98B4JK\xfb\xe7\x94)\xbb:v\xfc\xfe\xf3\xcfM\xcb\xd2~[q\xd8U\xc9\xedw&gt;\x90\xb7\xf6\xcd\xff}y\x95\x99[\xa1\xd6\xc2ze\xf2\x17\xa4D\xa6)\xa8\xf1\x0e\xa7O|\xe8\xd9\xcf.8\xef\xac\xa3\x1a\x8f\xf6"\xecp8\xdc\xa5s\x97\xd3\xae\xef\xd0\x7fd\xcf\x92\xfc2\xaa\xfd\xa3\x90e\x8a\xb4:)?M_6\xf7\xf5\xd5\xabV\xadr{\xdc\xd5\xb7.\xa8Zjd{\xc4 \x10\x08\\|\xe1\x85\xcf\xf6\xea\xd5 -\x8dj\xff\xa8\xa5)\xca\x9e\xb2\xb2\xa7G\x8d\xaa\x983\xe7\xd9W^\xd1TU\x1c\xb1\x12\xd7n\xfb\x7f\xf3\xdd\xcc\x1f\xbey\xe9\xe3\xb7/\x14\x05\x95*\x07\xaa\xfd\xa3\x10\xe7L\x1a\x16g\xec\xeb\t\xa3\xef\xba\xfd\x9a\xdd{\xf6q\xce\xed\x9b.mv\x1e\\s\xe5u\xd9=\x12O;\xab\x17\xd5\xfeQK\xd5\x94\x92\xfc\xb2\xfe#{\xe6\xf4N\xba\xea\x8ak\x8e*\xc7\xc8\xaa\x96J\xd9\xbe\xdb\xeb\xa6;\xee\xe8\x1b\n\x9d\xdf\xb1cQU\x15\xd5\xfe\xd1La\xac"\x14zw\xcc\x98W\xef\xbf\x7f\xf5\xfa\xf5\x9cs;\x03\xec\x95j\x05\x85\xc5\xb7\xde|\xf5g\xaf\x9e\xa9h\x9cYH\x8d\xff\xa8\xa5(\xdc\xaa\xd2\x9bu\xac\xf7\xf8M\x8d/\xb9t\x9c\xbd\xf7\x80\xfd);\xc8\xdf\x9b\xf0\xfe\xa2M\xb3\xaf\xb8\xe7\xbc\x92\x82r\xaa\xfd\xa3\x99\xaa)%\x05\xe5W\xfc\xfb\xbc%[\xe6\xbe\xfb\xf6DEQD\xf5\xdc \x15\xf9! \xfbF\x86U\xeb\xd7_\xd0\xaf\xdf\xfcK.\x11\xd5\x96]$\x82,)\xb3\x12\x12\xdeX\xb4hVf\xe6\xec\xef\xbf\xb7[\x8b\xf6\xe0\xcf\x8d\xb7\xdc\xe5\xf3Oy\xee\xa5s\xad\\j3\xc6\x00KH5\xddw\xfa\x88\xf7\xaf\xbb\xe3\xddK/&gt;\xd7\xdec\x00\x11\x83\xc1P\xc7\xce\x1d.|dp\xe3\xd6\xf5\xc3\x01\x9d\xa6p\xa2\x1cJty\x9c{\xb6\xee\xff\xe4\xc1YkV\xad\xf5x=\xd51\x10T-\rs\xc6\xd8?\xef\xb8\xe3\xce\x0e\x1d\x12\x9dN\n\x80\x98\xa0r^XU\xf5\x8f&gt;}\xca\x17/\x9e2m\x9a\xa2(\x86a(\x8a\xb2n\xfd\xe6\xf93&amp;&gt;q\xef QTE\xb5\x7fL\xe0\x8ca\xd8z\xfd\xe1\xd3\x9fx\xec\xdepX\xe7\x9c[\x96\xc59\x7f\xf2\xb1\xa72\xdby\xdatk\x11\xac\nQ\xed\x1f\xfd\x18gA\x7f\xa8U\x97\xe6Y\x1d}O&lt;\xfa\xe4\xe1~ydE8\x00\xec\xb9\xdf\xe5k\xd6\x84\xd6\xad\x1b\xdb\xa1CI0H\xeb\xfdc\x06c\x08pC\x87\x0e\xef\xbc\xf9\xe6\xa1\x0f\xb0\xf1o\xbcs\xcd9\xf5\x9c\xe9&gt;4i?\x80\xd8\xc09\x93\xfep\x9b^\x8d:4\xf4\xff\xef\x8b\xef\xec]\x9d\xfd\x95\xfeogL\x19q\xc5\x19\xfe\x8a\x00W\xe8\x92\x8c\r\\\xe1\xfe\x8a\xc0\x88+\xce\xf8v\xd6\xd7U\x15U\x8a\xa2D|\xc0&amp;\xf2\x01\x00\x00\xaf\xbc\xfa\xea\xb0\xac,\x8f\xd3)i_\xcf\xd8\xa10V\x1e\n\ro\xddz\xff\x92%\xab\xd6\xafw8\x1cE\xc5\xa5\x8b\xe6~q\xc5\xf9\x1d\xb1"\xacP\xad\x11C\x18CS^w~\xab\to\x8f\x97\x129\xe7\xff\xfb\xe43\x96\xaa7lY\xdf\x08\x1b4\x8b\x13+\x18cF\xd8h\xd8&lt;GI7?\xfd\xf83\xc6X\xc4;\x01\x91\xbc\xaa\x11QU\xd5\xf2\xca\xca\x15?\xfcpn\xfb\xf6\x15\xe105\xffc\x8b\x902\xd9\xe39--m\xc2\xfb\xef\x03\xc0\'\xff\x9b\xd2\xae\xa1\x95\xd1,S\x84M\xaa4b\x88\xc2\x19T\x85\x07\rl\x11,\xdd\xb0j\xcd\x06\x00\xf8\xf0\xe3\x0f{\x8f\xecl\x99\x82j\xff\xd8\xc2\x183\r\xab\xcf\xc8\xce\x1f\x7f:\x19\x0e\xed\xa2\x1fA\x91|;\xbb\xf9\xbf`\xf1\xe2\xfa\xa6\xd9(-M\xb7,:\xd7b\x0bg,`\x18\xc3\x9b7_\xb5h\x11\x02,\x9c?\xe7\xdc\xa1\x8dPH\xaa5b\x8e\xb0$Kt\x0f\xe8\x920o\xfe\x8fz(\xb4\xafhg\x9b\xee\xcdC~\x1a\xfd\x8f1\x8c\xb3P \xdc\xbak\xf3\x03e{s\xf7\x1f\xb0\xe7\xf3#\xf8\xfe\x11\xee\x01\x00\xc0\xcc\x993{\xa4\xa7\xab\xd50\\E\xaa\x1bg,h\x18\xed\xb3\xb3\xad\x03\xb9\xab7l*\xdc\xbf\xf1\xb4\x9e\xf5Y\xc0\xa0\x8e\\\xcca\x8c\x81)\x86\xf4\xa9\xb7j\xc5\x92\xf9s\x17\xba2\x94\xb4\xcc\x14A\x1b;\xc7 a\x89\xd4\xccdW\xa6\xb2`\xdeB8\xd4\xce\x8e\x94H^\xd9\xf6\r\x0b[\xd6\xad\xebX\xa7\x8enY\x9c\x9a\x8d1H &amp;:\x9dM&lt;\x9e\x0f&gt;\xfe,#\xd1\xcc\xaa\x9b\x84\x06\x8d\x1b\xc4\x1e\xce\x01Bf\xfbV\x99\xe5%{\xbe\xf9nZ\xe3\xb69\xb5}D\xe4\xa4\xd4k\x9e\xf5\xcb/\xcb\xe1P;;R"\x16\x00\xf6fa\xa6\x10\xa5\xb9\xb9\x8d\xd3\xd2\x0c\xcb\xa2Z#\x16\xd97\x7f\xb5HM\xf9\xf4\xf3\xafr25\xf0:h!o,b\x8c\xa1)r\xea&amp;[\xe1\xe2Y?\xcci\xdc*\xc74,\xba\x87;&amp;1f\x99"\xbbq\xc6\xb6\x1d\xdb\xe0D\x1e\xddq&lt;"\x19\x00\x00\x90\x9b\x97gVV&amp;\xb8\\\x16\xd5\x1a\xb1\x89\x01H\xc4L\xaf\xb7\xb2p\x7fZ\x8a\x83\x9e\xd0\x13\xbbP"s;\\\x8aQT\x94\x9f\x94\x96(\x04]\x92\xb1J\n\x99\x94\x9a\x98_\x90g\xdf\xd2\x11\xc1N@\x84\x07w\xf3\x0b\x0b}B\xa4y\xbd\x96\x94Ts\xc4"\xc6\x98%e\xb3\xe4\xd4`Ei\x8b\xc6\t\xb5}8\xe4\xef\x93\x12\xc1\xe3\xc8NS++K2s\xd2,\x83:\xe51\x891f\x19VFv\x9a?\\a\xe8f\x94\xf6\x00l\xaa\xaa\x02c\xb4\xfc?\xd6Y(\x811\xcb\xa2r\x8cq\x88\x12\x811UZ\x92\xfar1\x8c\x81\x14R\xe1j\xb4o\x05A+\x7fN\r\x0c\x00\x10\xa9\xbdxj@D\xaa\xfdc\x1e\x03\x84\xc8\xd7\xae\xb4\xbe\x8f\x10B\xe2\x14\x05\x00!\x84\xc4)\n\x00B\x08\x89S\x14\x00\x84\x10\x12\xa7(\x00\x08!$NQ\x00\x10BH\x9c\xa2\x00 \x84\x908E\x01@\x08!q\x8a\x02\x80\x10B\xe2\x14\x05\x00!\x84\xc4)\n\x00B\x08\x89S\x14\x00\x84\x10\x12\xa7(\x00\x08!$NQ\x00\x10BH\x9c\xa2\x00 \x84\x908E\x01@\x08!q\x8a\x02\x80\x10B\xe2\x14\x05\x00!\x84\xc4)\n\x00B\x08\x89S\x14\x00\x84\x10\x12\xa7(\x00\x08!$NQ\x00\x10BH\x9c\xa2\x00 \x84\x908E\x01@\x08!q\x8a\x02\x80\x10B\xe2\x14\x05\x00!\x84\xc4)\n\x00B\x08\x89S\x14\x00\x84\x10\x12\xa7(\x00\x08!$NQ\x00\x10BH\x9c\xa2\x00 \x84\x908E\x01@\x08!qJ\xad\xed\x03\x88\x01\x12\x11\x11\x811\x06\xc0\x19\x03\x00&lt;\xf4A\xce\x98\xfd\x11r\n@\x04)\x11\x00\x18\x03\xce\xa9Xc\x06"\xa2D\x00\x00f\xb3?h\x7f\x02\x01\x80+\xd4\xd2=6\n\x80?#\x10\x19\x80[U]\xaa\n\x00\x86\x10\xba\x10\x12\xd1\xc1\xb9SUU\xc6L)\x03\xa6)\x10\x15\x8a\x81X\x87\xc8T\xaex\x1c\x00\x00\xa6\x84\x90\x05T\xa4QOJ\xc9\x80iNUsj\x8c1!\x84e\x08a\t`\xa0\xaa\x8a\xaa)\x8a\xca\x11!\x1c\x08#\xd6\xf6\xb1F%\n\x80c\xb3\xeb\xf4\x14\xa7\xd3\x90rKi\xe9\xb2\xbc\xbc\xb5EE\xbb+++u] \xbaU5\xd3\xe3i\x9d\x96\xd6\';\xbb{\xdd\xba&gt;U\xad\xd0u\xce(\x04b\x15"\x82\xa6T\x95\x87\x17\xce\xd9\x03\x00\xf52=\x9d;d\xa2)\xa9D\xa3\x96\xdd\xe4\xf7\xf8\xdc\x88X\xb0\xa7x\xc7\xda}{\xb7\xe4\x15\xef/\xf5W\x04\xcd\xb0\x05\x0c4\xa7\xeaMp\xa7f\'7l\x9d\xdduP[;\t\xc8Q(\x00\x8ef\x0f\xef$9\x9d\x01\xd3\xfct\xf3\xe6O7o^\x9e\x9f\x1f\xb2\xac\xdf\xbfr\xea\xce\x9d\x00\xd0%+\xeb\xff\xbat\x19\xdd\xb4i\x95a "\xa5@\xccA\x00\x81\xa0:\x94q\xff\x9a\xf7\xcd\x9c=\x000fH\xa3\xaf&gt;\x18%\xcbtE\xa1\xd2\x8cFRH\x87[\xe3\x9c\xafY\xb8\xf9\xc7)\xbfl]\xb1;\xe4\x0f\xff\xc9\xeb[\xf7h\x9a\x94\x9e`\x99\x16]\x9eG\xa1\x00\xf8\r\x04\xd08\xf7h\xda\xf4\x9d;\x9f[\xbe|ua\xa1\xfd\xf1\x04\x87\xa3ujj\x93\xe4\xe4t\xb7[\xe5\xbc\xd20vWT\xac-**\x0e\x85V\x16\x14\\5}\xfa\x95\xed\xda=\xd5\xaf\x9f)\xa5\x04\x1a9\x881\xc2\x92j\xba\xe7\xe5\x97\x97\x7f3g\x8fC\xe3B\xa2\xd7\xad\x01\xb5\x16\xa3\x95\x14\xd2\x93\xe8\xce\xdf]\xf4\xf9\x8b3\xd6.\xdcb\x7f\xd0\xe5u\xd6k\x96U\xb7qFrF\x82\xd3\xe3d\x0c\xf4\x90QY\xe2\xcf\xdf]\\\x92W\x8e\xd4\xf8\xff\x03\x14\x00\xbfB\x00\x85\xb1\xf2p\xf8\xfeE\x8b&amp;\xad_o\x7f\xb0kV\xd6E\xadZ\x9dV\xbf~NB\x82KQ\x0eO\x02\x9bR\xe6\xf9\xfd\xdf\xee\xd8\xf1\xd2\x8a\x15%\xa1\xd0\xfb\xeb\xd7\xfb\r\xe3\xf5\xc1\x83\xfd\xa6I\xad\x8c\x18"\x05\xaa\x89\xceUKr\xff\xfd\xfc2\xb7K\xf5\xba\xd5\xe2\xb20\xd5\x17QK\n\xe9M\xf2\xac]\xb8\xf9\xbd\x87\xbf\xaa*\x0b\x00@\xbdfY\xfd\xcf\xed\xd6\xaeO\xf3\xb4\xba\xc9\x9aK\xe3\x8c\xd9\x85\xc7\x00\x10\xd12DyQ\xa5\xd3\xe3\x90B\xd2\x85\xf9{\x14\x00\xbfBD\xa7\xaa\xee\xa8\xa8\xb0k\xff\xc6IIww\xef&gt;\xbaY3\xaf\xa6\x05MS\xb7\xac\x90e\xd9U\x03\x03`\x8c\xa5\xba\\\xb7u\xe92\xa8A\x83q\xd3\xa6\xed(/\xffb\xeb\xd6\x8e\x99\x99\xb7t\xee\\\x1a\n)\x9cV\x1d\xc4\x00D@\x8d\x07\xab\xf4+\xee\x9e\xab\x1b\xe2\xdf\xd7u\\\xb3\xb9t\xc6\x8f\xfb\x18-\x01\x8aJv\xed\xbfj\xde\xc67\xef\xfeTXB\xd5\x94\x91\xd7\x9e&gt;\xf8\xd2&gt;\x9e\x04\x97\x1e6M\xc32\xc2\xe6Q_\xc28KH\xf1J\x89\x14\xea\xc7D\xf5\xd4\xaf8c~\xc38-\'\xe7\xe1\xde\xbdG7k6\xf3\xbc\xf3.n\xdd\xda\x94\xb2$\x142\x84`\x8c)\x8c\xa9\x9c\xab\x9c+\x9cs\xc6,\xc4\xfc@\xa0ej\xea\xc4a\xc3\x12\x9dN\xce\xd8\x0b\xbf\xfc\xb2\xb7\xb2\xd2\xa9\xaat\xae\xc5\x04!QIp\xfc\xf3\x91E\xeb\xb6\x95\xe5\xd4\xf1\xde{K\xd7\xd2\x8a0\x00\xd0\xf8O\x14\x92\x12]^\xe7\x9e\x8d\xb9\x13\xee\xfb\\X\xc2\xedu\xde\xf8\xdfK\xce\xb9y0\x00T\x95\x07-\xc3b\x8cq\x85\x1f\xf5/c\xcc\xb2\x04\xd5\xfe\x7f\x84\x02\xe07\x14\xce\xcbu\xfd\x1f\x1d;\xbe=t\xa8G\xd3JB!\x06\xa0\xf2c/\xf0a\x00\x0eE)\t\x85:ef^\xd3\xbe\xbdD,\x0b\x87\xbf\xdd\xb1\xc3\xabiR\xca\x9a?xrB\x84%\xd5T\xd7\xa7\x1fo|\xfb\xb3\xcd\x00\xf0\xdc\xdd\xbd\x922\xbd\x95\xfe\xa3\x9b\x90$Jp\xceL\xc3z\xff\xd1\xaf\xf4\x90\xa1:\xd4\xeb\x9e\xbe\xa0\xf3\x19m*\x8a\xab\x00AQ\xfel\t\x1e\x8d\xfc\xfc\t\n\x80c0\xa4\x0c\x9a\xa6)\x84z\x1c#9*\xe7~\xd3&lt;\xbbY3\xa7\xa20\x80\xf9\xfb\xf6YR\x02\x9ds\xd1M\nT\xbc\xda\xaeM%7?\xb6\x08\x00.\x1c\xd1\xe4\xa2\x8b[\xeb\xc5Aj)F\'{\xe2w\xee\'K\xf6m\xc9\x07\x80\xb3\xfeqF\x97Am+\x8b\xab\x14U\xa1E\x17\'\x83\x02\xe0\x18\xec;~\x8f\xb3\xe1\xc0\x193\x84h\x90\x98\xd8 1\x11\x01vWTT\xea\xbazh&amp;\x8aD!D@\x85I\tW\xdc=\xb7\xb4\\oR?\xf1\x8d\'O\xc3\xb0\x90\x12\x84\xa0\xae[\xd4A\x04\xcd\xa1\x96\xe6\x95\xff\xf0\xf1\x12\xc6X\xa3\xb69C\xc7\xf5\xab,\xf5+\x9aR\xdb\x87\x16\xf3(\x00"@"\xba\x15%\xd3\xe3\x01\x80J]\x0fZ\x16\xa7I\xe0(&amp;\x84T\x92]\x0f?\xf7\xf3\x8f\xbf\xe4k*\x9f\xf4\xcc\xe9)\x19\x1e0\x04\x00\nI\xc1\x1duPJ\xa7\xd7\xb9l\xc6\xda\xca\x12?"\x8e\xb8z\x80\xa6)H%\x15\tTOE\x06gL\xe3\x1c\x00\x04\xa2D\xa4^i\xd4\x12B\xaa)\xae\xb93v&lt;\xfd\xf6j\x00x\xe4\x96\xae\xfd\x0652\xcbu\xa60\x89@C@Q\x88q\x1e\x0e\xea\xcbf\xace\x8c\xd5oY\xb7m\x9f\xe6A\xbfN\xdb\xfbD\x04\xfd\x12#\x80\x01X\x88\xf6\xdd\xc2.U\xd5\x14\x85V\x1dD\'\x94\xc8\x9cj\xf1\x01\xffU\xf7.\x10\x02\x87\xf4\xc9\xb9\xef\x9f\xdd\xad\xb2\x90\xa2r`\x00\x08v\xc1Q\xe1E\x0f\x94\xe8tk\xfb6\xe7\xed\xdb\x9a\x8f\x88\xdd\x86\xb4s{\x9dH\x8b,"\x84\x02 \x028ca\xcb*\x0e\x85\x00 \xc5\xe5\xf2i\x9a\xa0N@T\x12\x00\xdc\xa9\\\x7f\xef\xfc\xbd\x07\xfcY\xe9\xee\xf7\x9e;\x03%r\xa4y\xc4\xe8\x85\x88\xaaC\xdd\xf2\xcb.)\xa4\xa2*mz65t\xda\xd1!b(\x00N\x16"j\x8a\x92\x17\x08\x1c\xf0\xfb\x19@\x93\xa4$\xaf\xa6\t\xea\x01D\x1f{\xdd\xe7\xf87W\x7f5{7c\xf0\xce\xe3\x03\xea5I\x96A\x93v~\x8ef\x8c1a\x89\xed\xab\xf7\x02@f\xfd\xd4\xacF\x19\xa6n\x1d\xbeSOJ\x94BJ!\xa5D\x94\x88G\xfc\xb5V\x8f:f\xd0\x9d\xc0\'K"\xbaT\xf5\xf0\x86q\xbd\xb2\xb39c\x80H+A\xa3\x8a\x10\xa8$:W/=\xf0\xaf\xe7\x97\x02\xc0\xed\xe3\xda\x9f5\xa6\x85U\x12RUj\x03E1\x04\xae\xf2@y0og!\x00\xe4\xb4\xa8\xe3Ip\x05*\x82\\\xe1RH\xaep\xb7\xd7\xa9h\nJ\x94R\xda#w\\\xe1\x8c3a\n=d\xd8\xaf\xa9\xe5\x1f!\xbaQ\x00\x9c,\xc6\x98%\xc4\x97[\xb72\x00\x8f\xa6\rl\xd0 dY\xf4\x94\x98\xa8\x82\x08\xa0\xf1\x90\xdf\xb8\xe2\xeey\xc1\xb0\xd5\xbd}\xc6\x7f\x1e\xe8#*u\x85j\x87\xe8\x86\x88\x9a\xa6\x16\xee))/\xae\x04\x80zM\xb38g(\x11\x14\xf0&amp;{\xc2~}\xeb\x8a]\xbb\xd6\xef\xcf\xdfSRY\xe2\xb7\x0cS\xd1\xd4\xc4ToV\xc3\xf4\xc6\xedr\x1a\xb7\xcb\xf1&amp;{\x82\x95a\x00\xda\xa3\xf7\x0fQ\x00\x9c\x14\x81\x98\xe8p\xfc\xb8\x7f\xffO\xb9\xb9\x080\xa2q\xe3\x96))e\xbaN\xcf\x87\x89*B\xa2\x9a\xec\xbc\xf3\xf6\x1f\xd6n)M\xf49&gt;x~\xa0\xc3\xa9H\xbf\xc9h\xb7\xe7\xe8\x86\x80\x8a\xaa\x94\xe4\x97[\x86\x00\x80\x8c\xfa\xa9\x96)\x1c.\r\x19,\xf8|\xd9\xc2/\x97\xef\xd9t\xe0\x8f\xbe\xb6~\xcb\xba\xa7\x9d\xd7\xa3\xef\xe8.\x88h\x1a\x16\r\xf4\x1d\x13\x05\xc0Ia\x00\x02\xf1?\xcb\x96!\xa2SQn\xea\xdc\xd9\x90\x92N\xb4\xa8",\xa9\xa6\xb9?\xfft\xd3\x1b\x9fn\x02\x80\x97\xef\xeb\xdd\xaac\xa6(\t)4\xf8\x13\xfd\x108ge\x05\x15\x00\xc0\x18KL\xf59\xdcZ\xde\xae\xa2\x8f\x9e\xfen\xeb\x8a]\x00\xe0\xf6\xb9\x1a\xb6\xce\xcej\x98\x9e\x90\xeca\n\x0f\x07\xf5\x92\x03\xe5\xfb\xb7\xe6\x17\xee+\xd9\xb7%o\xf2\x93\xdf\xac\x9a\xbb\xf1\xcaG\xc6\xf8R\xbcF\x98&amp;{\x8e\x81\x02\xe0\xef3\xa5\xcc\xf2x^\xf8\xe5\x97eyy\x00pM\xfb\xf6\x9d33\x8bC\xa1\xe3\xd9@\x82\xd4\x0c)Q\xf1j{\xb6\x94\xde\xf8\xe8"\x00\xb8\xfc\xec\xe6W^\xd9\xde*\r\xd3\xd0\x7f\xac`\x8cU\x96\xf8\x01@Qyj\xdd\xa4\xbd\x9b\xf3^\xb8\xf1\xbd\x8a\xa2\xaa\x8c\xfa\xa9\x83/\xe9\xd3\xa1\x7f\xcb\xd4\xac$\xd5\xa10\xc6\x80\x01"H!\x03\x15\xc1\xad+\xf7L\x9f\xb8`\xd7\xfa\xfd\x1b\x96l{\xe9\xe6I\xff|\xe3J\x8f\xcfe\x99\x82\xf6y=\n]\x06\x7f\x93%e\x8a\xcb\xb5p\xff\xfe\xff,[\x06\x00\xadRS\xef\xee\xd1\xa3B\xd7i#\xe8\xe8\x81\x00\x923D\xb8\xf2\xee\xb9%e\xe1\x96\x8d\x93\xc7?&gt;@\x06M\x1a\xf9\x8f!\x88\x18\xa8\x0c\x01\x80\'\xd1m\x86\xad\xf1\xb7O\xae(\xaa\xea?\xa6\xdb\xbd\x93\xae\x1f|i\x9f\xa4t\x9f\x1e2\xfc\xe5\xc1\xaa\xb2@Ui\xc0_\x16\x08V\x85TM\xe92\xb0\xf5\xdd\xef^\xdb\xe7\xac\xce\x00\x90\xbb\xbd\xe0\xfdG\xa6\xd0\xbe\x11\xc7D\x97\xc2\xdf!\x10=\x9a\xb6\xbf\xaa\xea\x86\xd9\xb3\xc3\x96\xe5\xd5\xb4\xf1\x83\x07{T\xd5\xa2\xe5\xff\xd1DXRMv=\xf6\xfc\xd2\xf9\xcb\xf2\x9c\x0ee\xd2\xb3g$\xa4\xba\xd0\x104%\x18C\x10!\x1c0\x00\xc0\xe1\xd2\xbexyF\xc1\xde\x92\xb3\xae\x1fx\xd5c\xe7:]\x8e\xaa\xd2\x80\xdd\xa8\xff\xcd\x16\xd0\x9c#\x82\xbf"$-y\xe5\xa3\xe7\xb6\xe9\xd5\x0c\x00\xd6\xff\xb4u\xd9\x8c\xb5\x9eD\xb7\xa4\xbd\x9e~\x8b\x02\xe0\x84ID\x07\xe7\x86\x10W\xcf\x98\xb1\xbf\xaa\n\x00^&lt;\xe3\x8c.YYU\x86As\xbf\xd1C\x08T\x93]\xf3g\xedz\xe2\xad\xd5\x00\xf0\xc4m\xddz\x0e\xa8oU\xd0\xca\x9f\xd8c\xea&amp;\x00\x94\x15V\xae\xffi[\xcf\x11\x1d\xc7\xdc2\xb8\xaa,(\x84P\xd4?\xdc\x05ZQ\xb8\xb0\x84\x14x\xc1\x1d\xc3\x9dn\x07cl\xce\xc7K\x0c\xdd\xa4!\xa0\xa3\xd0\xc5pb\x10\x913\xa6)\xca?f\xcdZYP\x00\x00\x0f\xf6\xee}a\xabV%4\xf4\x1fMP"s*\xa5\x05\x81\xab\xee\x99oYr\xe4i\r\xee\xba\xb5\xeb\xc1-\x1fH\x8cA\xbb\xd9.-\x99\x90\xe2\x1d{\xeb\xd0p@g\xc7\xb1\xcb?W\xb8\x1e\xd0\xeb\xb7\xac\xd3a@+D\xdc\xbb%o\xef\xe6\x03N\xb7\x83v\x91;\x12]\x0f\'\x00\x01\x801\x9f\xa6\xdd:g\xce\xac\xdd\xbb\x01\xe0\xfa\x8e\x1d\xef\xe8\xd6\x8d&amp;~\xa3\x8d\x00\xe0.\xf5\x86{\x17\xec\xce\xad\xaa\x97\xe5\x99\xf0\xec\xe9h\xd2\x96\x0f1\x8a1\xce\x01\x00\x11\xbb\rm\x9f\x9e\x9db\x84\x8f\xbb!\xcf@"t\x1c\xd0\x12\x00\xa4\x90;\xd7\xecS5\x95\xf6\xe9:\x12\xad\x02:^\x08\x80\x88\xc9N\xe7]\x0b\x16|\xb6e\x0b\x00\\\xd8\xaa\xd5\x93\xfd\xfa\x95\xeb:\xdd\xf6\x15U,K\xaa\xe9\x9e7__\xf9\xf9\xcc\x9d\x00\xf0\xce\xe3\xa7\xd5\xc9I4\xcbB\x8a\xca\xffh\x87\x00D`\x12\xe4\xa1\xaa\x01\x11\xa4D\x89\xc8\xec\x11cvp=b\r\xfd\x00\xe4\xb7\x9cn\xcd\xfeC\x8b\xae\x8d\x84\x90\xc7?\x8c\xc38\x13\x86\x95\xdd4Su(\x96!\xf2v\x16\xd2F\x7fG\xa1\x008.\x08 \x11S]\xae\xfb\x7f\xfcq\xe2\xbau\x000\xbai\xd3W\x06\x0e\xf4\x9b&amp; \xddg\x18E\xa4@5\xc9\xb9ny\xde\x9d\xcf\xfe\x0c\x00\x0f\xdf\xd2u\xf8\xf9-\xa1$\xa4\xf9\x1c\x7f\xf6e\x08\xa02\xb7\x89vI\xaa\n\xe3n\x95\x87\x05\xa8\xec\xe0g\x19\x80)\x81F\x0fj\x1c\xe3\xcc\x9b\xe4\xb1\xff\xec\xf1\xb9\x10\xed\xc28^BH_\xb2\xd7\xe3sW\x96\xfa\xcb\x8b\xab\xa4\x90\xd4\r&lt;\x12\x05\xc0q\x91\x88i.\xd7\xa3K\x96\xbc\xbez5\x00\x0ck\xdc\xf8\xcd\xa1Cu\xcb\x92\x88\xd4\xfc\x8f\x1e\xf6\x96\x0f\x15e\xe1qw\xcf\r\x86\xacv-R/;\xb7\xe5\x8eU\x05\xfc/\xebm\x04PY(`\x9a\x96\x04\x80\n\xbf\xb1{{\x99\xa84\xecV?c %\xd6\xcd\xf4\xb8\xdd\x1ae@\xcdK\xc9L\xb4\xff\xa0\x87\x0c\xc6\xd8\xa1@\xfek\x0c\x18"\xaa\x0eEs\xaa\x00`\xea\x96\x94\xc8(\x01\x8e@\x01\xf0\xd7\x04b\xba\xcb\xf5\x9fe\xcb^\xfc\xe5\x17\x00\x18\xd4\xa0\xc1\x843\xcf\xb4\xa4\xb4\xa8\xf6\x8f2BJ5\xd9=\xe5\xf3\xcd\xab7\x95\xb8\x1c\xca\xee\xfdU\x1dG~&amp;%2\xc6\xfe\xba\xeb\xcf\x00\x11uC\x00\xc0\xf7\xf3\xf6\xcc:\xed\xe3\xc3_\xc29\x13B~\xff\xf6\xb0AC\x1a\x8b\n]\xa1\r$j\x0c\x03)df\xfd4\xfboe\x05\x15\x9c\x1fGQ\xfe\xe6\r\x00\x11\xedq\x7f\xc6\xa9\xf2?\x1a\x05\xc0_\xb0\xa4\xcc\xf0x^\xfa\xe5\x97\xa7\x97.\x05\x80\xfe99\xef\r\x1f\x8e\x88\x96\x94T\xfbG#\x06\xe5~\x13\x00\xc2\x86\x00C\xfc\xbd\xf7\x10\x02C\xc2:\xea\x83\xba!\xa8\xfa\xa8a\x8c1\xcb\xb0\xb2\x1a\xa69=\x0e=h\x1c\xd8YtB\xe3?\x08\xc8\x187u\xcb\x08\x9b\x00\xe0\xf289\xe7\x88\xd4\t\xf8\x15\x05\xc0\x9f\xb1k\xff7V\xaf~x\xf1b\x00\xe8U\xb7\xee\x07\xc3\x87\xdbO\x81\xa7\xda?\n)\x9cA\xc0\x1cuF\x83\xac4\x17c\x0c\x8f\x7fSn\x04P@\x0f\x89\xbb\x9f\xfd\xb9\xb8,\xdc\xb7k\x9d\x9b\xaf\xe9 \x83\x07w\x10\xb3\x07\x1d\xba\xb4M\x87\x10\xed)V\xa3\x18c\x96!\xd2\xb2\x93\xeb6\xca\xd8\xbd1w\xf7\xc6\\=d\x9c\xc0Z~\x04\xae\xf2\xaa\xd2@\xc8\xaf\x03@JV"=\xac\xfb(\x14\x00\x7f\xc8\xae\xfd\'\xae[w\xef\xc2\x85\x00\xd05+k\xf2\xc8\x91\x0eE\t\x0bA7|E\'\xc6\x18\x18\xb2Y\xb3\x94f\xed2N\xec+\x11@cPi&lt;6~EqY\xb8E\xa3\xa4\x8b\xafh\x0fe:\x1c9\xda\x134\xc1\x94T\xf25LJ\xe9\xf5\xb8[\xf5h\xba{cn\xee\xb6\xfc\x03;\nrZ\xd45\x8e/\x06\x10Q\xd5\xd4\xbc]E\xc2\x12\x00P\xb7I&amp;\xad\x02:\n\x05\xc0\xb1\xd9\xb5\xff\xc7\x9b6\xdd5\x7f&gt;\x02t\xc8\xc8\xf8x\xe4H\x8f\xa6\x85,\x8bj\xff\xa8\xc6@\xea\x96\x0c\x99\x87\x1a\xee\xc7\x05\x11\x98\xca\x02U\x96\xbdNT7\x84U\x1a\x12\xe5\x86\xa2\x1czS@\x85S\xaf\xaf\x160\xc6L\xdd\xea&lt;\xb0\xf5\xec\xc9\x8b,S\xfc&lt;u\xf5%\xed\xeb\x87\x03\xbar|\xfd\x00\xc6`\xe3\xcf\xdb\x01@\xd5\x94&amp;\xedrL\x83\x1e\'\xf9\x1b\xd4!:\x06K\xcat\xb7\xfb\xcb\xad[o\x9d3G \xb6IK\xfbd\xd4\xa8D\xa73d\x9aT\xfbG?\xce\x98\xaapU\xb1\xff{B\xff\x1e,\\v\xf4;0U\xa1\xda\xbfv0\xce\xc2!\xbdq\xdb\x9cV\xdd\x9b\x02\xc0\xe2\xefV\xe5\xed*r\xba\xb5\xbf|\xe8#"jN\xb5p_\xe9\xba\x1f\xb70\xc6\x1a\xb6\xaeW\xafY\xd6\t\xdcD\x16\x1f(\x00\x8ef\xd7\xfeSw\xee\xbcq\xf6lS\xca\xe6))\x9f\x8c\x1a\x95\xe6v\x07-\x8bv\xfa$\xa460\x00\x18vU\x7f\xc6X\xb0*\xfc\xc5K3\x1d.\xcd^\xde\xf3\'_#\x85t\'\xb8\xa7M\\\x10\xa8\x0c!\xe2\x80\xb1\xddT\x87J\xfb@\x1c\x85j\xb4\xdf\xb0\xa4Ls\xbbg\xef\xd9s\xed\xcc\x99\xba\x10\r\x12\x13\'\x8f\x1c\x99\xeevW\xe8: ZR\x1e\xe7\xbf\xf4PxB"\x85s\x16\xf2\x87[\xf7l\xdaoLW\x00X5o\xe3\x97\xaf\xccJH\xf5r\xc6\x84%\x8f\x8a\x01D\x94B\xa2\xc4\xe4\xcc\xa4y\x9f\xfe\xbch\xca\n\x00h\xd2&gt;\xa7\xc7\xb0\x0e\xc1\xaa\x10="\xf8(4\x07\xf0+\x81\x98\xecr\xfd\xb8\x7f\xffU\xd3\xa7\x87,\xabcF\xc6\xe7\xa3G7JJ\xaa2\x0c\x9f\xe3O\xef#=\x82}\x8f\x8a!\x84\xdf4\xa9\xabIHDp\xce\xc3~\xfd\xfc\x7f\x0e\xdb\xb31w\xef\xe6\xbci\xef.\x08U\x85\xcf\xbdmhB\x8aG\x0f\x9b\xc2\x14\x07W\xfa3\xa6:T\xa7S3M\xeb\xfb\xb7\xe7Nym6"\xba}\xce\xcb\x1f8\x87q~\xdc7\x90\xc5\x11\n\x80\x83\x10\xd1\xad\xaa\x1b\x8a\x8b\xaf\x98&gt;\xddo\x9a\x9c\xb1f))\x937n\xac\xd0\xf5\x13\xda\xe8\xcd^}\xd849\xf9\x9cf\xcdtz&lt;d\xaca\x0c\x18\xa3i\xc2\xe8\xc3@\n\xa99\xb5\x9b_\xbc\xec\xb5\xdb&gt;\xdc\xb75\x7f\xdegK\xb7\xad\xdes\xc6\x05=[vk\x9c\x94\x9e\xe0pj\x08`\xeafi^\xf9\x8e5{\x7f\xfcz\xc5\xf6U{\x00\xc0\xeds\xdd\xf0\xdcE9-\xea\x04+\xa9\xf9\x7f\x0c\x14\x00\x07I\x00\xb7\xaa\xae.,,\x0b\x87\x01@"~\xb9u\xeb\x97\x7f\xf7\xdd\xfafg_\xd8\xb2e\x88\x16\x8c\xc6\x1a\xc3\x94\x88hY4\x82\x17u\x18g\x86n$\xa5\xf9\xfe\xf9\xe6U\x9f&gt;7u\xd9\xf4\xb5\xfb\xb7\xe6\x7f\xf8\xc47N\x8f#\xadn\xb2\xc7\xe7B\x80PU\xb84\xbf"\x1c\xd4\xed/i\xdc\xbe\xfe\xa5\xf7\x8cj\xd8\xa6\x1e\xd5\xfe\x7f\x84\x02\xe0WR\xcaD\x87#\xdd\xedf\x00\x12\x91s\xceO|\xd9\xb0\xc2\x98@\xac\x9f\x98(i\x1a \xd60\x06u\xd2\xdd\xa6%S\x92\x1c\xb4^&lt;\nq\xce\xf5\xb0\xe9t;\xae}\xf2\xfc\xeeC\xdb/\xf8b\xf9\xb6U\xbb\xf5\xa0q`G\xe1\x91/\xd3\x9cZ\xc3\xd6\xd9\xbdGu\xea9\xa2\xa3\xa6\xa9T\xfb\xff\t\n\x80\x83\x14\xc6\xfc\xa6\xd9?\'g\xc1E\x17\x9d\xfc\xbb\xa9\x9c\x07\xe9\x8e\x81\xd8\xc1\x18\x80@\xb7[]\xf8\xf1\xd9(QU9\x04\x0c\xda\xf3\'\nq\xce\x84%\x84):\x9d\xd6\xbaC\xff\x96\x05{\x8a\xf7o+(\xce-\rV\x85\x01\xc0\x93\xe0J\xad\x9b\x9c\xdd$\xb3N\xe3\x0c\x87S\x0b\xf9\xc3\xe1\x90A\xb5\xff\x9f\xa0\x00\xf8\x15\x02h\x9c;\x95\x08&lt;&lt;\xda\xde&gt;\xfa\xe4\xdf\x87\xd4$\x06\xe0\xf5i\x00\x07\xcb\xaf\xb6\x0f\x87\x1c\x1bc\x0c\x18\x04\xfd!\x06,#\'5\xbbi&amp;;b\x96\x0e%Z\x86e\xe8\x96\x196\xb9\xc2i\xeb\x8e?G\x01\xf0\x1b\x08`E\xa8\xe2\xa6\xf3.\x16\xe1\xa1\xd1\x7f\xea\xbcE9{W\x1f\xd38\xb8\xd1\xdb\x91\x18g\x8c1F\r\xff\xe3@\x01p4\xba\xf0\xe3\x19\xd5\xfb\xb1\x851\xc6h\xa4\xee$PH\x12BH\x9c\xa2\x00 \x84\x908E\x01@\x08!q\x8a\x02\x80\x10B\xe2\x14\x05\x00!\x84\xc4)\n\x00B\x08\x89S\x14\x00\x84\x10\x12\xa7(\x00\x08!$NQ\x00\x10BH\x9c\xa2\x00 \x84\x908E\x01@\x08!q\x8a\x02\x80\x10B\xe2\x14\x05\x00!\x84\xc4)\n\x00B\x08\x89S\x14\x00\x84\x10\x12\xa7(\x00\x08!$NQ\x00\x10BH\x9c\xa2\x00 \x84\x908E\x01@\x08!q\x8a\x02\x80\x10B\xe2\x14\x05\x00!\x84\xc4)\n\x00B\x08\x89S\x14\x00\x84\x10\x12\xa7(\x00\x08!$NQ\x00\x10BH\x9c\xa2\x00 \x84\x908E\x01@\x08!q\x8a\x02\x80\x10B\xe2\x14\x05\x00!\x84\xc4\xa9\xc8\x07\x00\x03`\x11\x7fSR\xb38c\x00\xc09\x95d\xcc\xb3\x8b\x921*\xca\xd8\xc6\x18\xab\x8e\x8a5\xc2\x01\xc0\x193\xa44\xa5\xa4\x13.v1\x80\xa0er\xce\x03!\xab\xb6\x8f\x85\x9c\x04\x06(1\xa4\x0b\xce\x99\xa9\x9btI\xc6.\xc6\x98iX(0\xe2e\x18\xb1\x00\xb0O\xaf\xe6M\x9a\xe8\x1eOQU\x95\xa6(\x18\xa9\xb7&amp;5H"j\x8a\xb2\xa5\xa4\xc4\x9b\x91\xb3y{%0*\xc6X\xa5(\x9c\xf9\xf5\xbc2\xcc\xc8\xc8\xce\xdbS\xa89TD*\xcd\xd8\x83\x88\xaaC\xcd\xdb[\x90\x95\x96\xedt9\x85\x10\x11\xcc\xf2H\xf6\x00\x10\xd1\xeb\xf1\xf8RS\xcb\x83A\x95\x9a\x1b\xb1\xac8\x18l\xd3\xae}e@\x82I\x9d\xb9\x98\xc5Y\xd0\x1fV\x1c\xbe\xe6\xcd\x9a\x97\x16W(\x8aR\xdb\x07D\xfe&amp;E\xe1\x95\xa5\xfe\xbau\xeaF\xfcb\x8cd\x0f@J\xa9\xa9j\xddf\xcd6\x14\x14\xb84\x8d\x9a\x1b\xb1\x883f\n\xb1\xae\xb8\xe4\xfak\xaf\xdc\x95g\x99\xe5!E\xa1\x95\x02\xb1\x07\x11\x99S\xdd\xb6\xb3X\xf3\xd4\x1d{\xce\xe8\xad\xabv\xa9\x9a\x02tI\xc6"DEU\xf6l&gt;\xd0\xb1}\'\x00\x88l\xbd\x1a\xe1\x1e\x00\x00\xf4\xe8\xd5kEA\x81\xaa(\x92\xce\xb6X\x83\x00\x9a\xa2\xe4UV\x96\xa8\xda\xd9\xc3\x86ZJ\xda\xa6\xedE\xe0R\xa5\xa4\xa2\x8c1R\x02\xba\xb4\x9f\xd7\xe45h\xd4z\xe4\xa8a\x05;Ku\xdd\xa0\xce\\,b\x8c\x19\xbaY\xbc\xbb\xbcO\xdf&gt;\x00\xc0y$+\xed\x88\xbe\x17\xe7\x000j\xf8\xf0\x95UU\x95\xc1\xa0\x12\xd1\x03%5@"&amp;\xb8\\\x0bw\xee\xac\xd3\xb6mjrb\x9b\x0e\xbd\xbe\xf9a\x07x\x9d\x14\x001\x08\x19\xc0\xb4\x85\x07\xfa\xf7?\xbdy\xab\x16\x0e\xc3\xb7o\xdb\x01\x87\xcbA\xfd\xf2\xd8\x82\x88\x0e\x97\xb6o{\xae\x16\xf6\xf4\xe8\xdd\r\xa2&lt;\x00\xa4\x94\xad\x9b5\xd3\x1a6\xfcy\xf7n\x9f\xc3A\x9d\x80\xd8\x82\x88\x1c`\xea\xce\x9d\xa3\xce&gt;\x1b\x00\xc6\x9c3z\xe6OE\x18\xd0i=hlA\x04\xee\xd2\n\xb7\x17\xee\xccw\x9f\xd6\xbf\x17\x00\xf4\xe9\xdeo\xf9\xdc\xb5n\xaf\x0b)\xcbc\nJt{]\xbf\xcc[\xd7\xa3so\xa7\xd3)\x84\x88\xec\xfbG\xb8\x91.\xa5TU\xf5\xfcq\xe3\xfe\xb7i\x93\x87\x02 \xa6 \x80[\xd3\xb6\x15\x16\xee\xf1x.=\xff|)\xe5\xa03\xfa\nW\xcbe\x8bw\xb2\x04\xea\x04\xc4\x12!%Kt}\xf4\xf5\xfa\xee}Ffe\xa5\x03\xc0\r7\xdc\xb0y\xd1.=\xac\xd3(Pla\x8c\x19\xba\xb1\xf1\xc7]\xd7_\x7f}u\xbc\x7f\x84\x03@Q\x14D\xfc\xc7\x15W\xac\x96rK~\xbe[\xd3\xa8\xda\x88\x15\x96\x94\xa9\x1e\xcf;K\x97\x0e\xbd\xf0\xc2\xa4\x84\x04\xc30\x18cW_{\xe3s\xef\xfc\xc2\xdc\x0ej9\xc6\x10\xaep\xac\x0c}\xf0\xed\xbe;\xfey+\x00\x98\x96\xd9\xadg\xd7\xc6\x19-\x7f\x9e\xb52!\xd9\'\x85\xac\xed\x03$\xc7E\n\xe9K\xf6\xfe&lt;{e\xc3\xd4\xe6=zw\x17BD|)W\x84\x03\xc0^\x0b\x94\xe8\xf3\x9d{\xddu\xff]\xbc8\xd9\xed\xb6$\x9dm1\x00\x01&lt;\x9a\xb6\xb9\xa0`\xae\xae\xff\xdf\r7\xa0\x94\x0e\x87CJy\xf1\x05\xe7l/\xce\xfee\xee\x16%\xc9M\x9d\x80\x98 ,\xc9S\xbd\xe3\',m\xd2nD\xbb\xb6-\xa4\x94\x9cq\x00\xb8\xfb\xae\x7f\xcd\xf9\xe8g\xcb\xb2\xa8\x13\x10+\x18c\xc2\x12s&gt;\\\xfa\xaf\xbb\xfeUM\xdf"\xf2\xf3\xb4\xf6L\xc0C\xff\xfa\xd7O\x00\x0b\xb6oOq\xbb\x05\r\x04E=K\x884\xaf\xf7\xbe\x993/\xbe\xe5\x96\xc6\xf5\xeb\x0b)9\xe7\x88\xe8\xf3y\xef{\xe0\xf1\x1b\x1e\x9a\x07\x9a"\xa8\x18\xa3\x1e"2\xb7V\xb6\xbf\xec?\x13w&lt;\xff\xdc\xd3\xf6\x94\xaf\xa2(B\x88a#\xcel\x97\xd3\xed\xdb\x89\xb3R2\x93\x84\x15\xe1\xa1d\x12q\xc2\x12)\x99I\xdf\xbd?\xbbuv\xe7\xe1\xa3\x86UG\xf3\x1f\xaae/ \xc6\x10\xd1\xe5t&gt;\xff\xca+w\xcc\x9dk\n\xa10\xba\x9d4\xaa\x99Rf%$\xbc\xb7ti~\xc3\x86\xf7\xdfq\xc7\xe1S\xcd\xae8.8\xef\xac\xec\x96\xa3\x9e|b\xa6V\'\xd12\x05\xed\xf4\x14\xcd,\x89&lt;\xc1u\xc5\xad\xdf\xdd\xf0\x7f\x0f5nT_Ji/\x1a\xb1\xbb\xe6\xaf\x8e\x7fe\xf9\x94\xcd;6\xecq\xfb\xdc\x92\xba\xe6QLJ\xe9\xf6\xb9wn\xdc\xbb\xf4\xcbM\xaf\xbd\xfe\x8a\xac\xb6\xcdu\xaae\xa5\xa6]q\x8c=\xeb\xac\xc17\xdex\xe3\x94)u\x93\x92h (jYR&amp;\xb9\\[\x0b\x0b\x1f_\xbf\xfe\xa3\x8f?\xd64\x8d1v\xf8l\xb3\xfbs\x1f\xbe?a\xe24s\xd1\xf4\rjf\x82eP\xe31J\x99\x86\xd0\xea%?\xf7\xd4\xac\x90\xa7\xef\x03\xf7\xddyd\x9b\xd1\xee\xcf5n\xd2\xe8\x95\xe7_\x7f\xfd\xae\xc9\x9c3{\xba\xaev\x0f\x98\x1c\x13"*\x8a\xa2(|\xfc]\x93_y\xee\xb5&amp;M\x9b bdW\x7f\x1eV]K\xf59\xe7\x96e\xbd\xf2\xcc3E-[&gt;9kV\xfd\xe4d3\xd2\x0b\x98\xc8\xc9\xb3\xa4tk\x9an\x9a\x97\x7f\xf3\xcd\xd3o\xbc\xd1\xbays\xcb\xb2\x8e&lt;\xd5\xec\xfe\\RR\xc2\x07\x1f~|\xc5\xbf\x17\xef\xdd^\xa8&amp;{,\x93\xe2&lt;\xea\x98\x86\xd0\xb2\x93f|\xbe\xf2\x9d\xef\x8dO?\x9et\xb8\xed\x7f\x98\xa2(\x96e\x9d\x7f\xd1\xd8KF]\xfd\xe2\x1d\x13\x12S}\x80\x11\xbe\xad\x94\x9c&lt;D\x04\x84\xc4\xd4\x84\x17\xef\x98p\xf1\xf0+.\xb8\xf8|\xcb\xb2\xaao\x1b\x8f\xea\n\x00\xc6\x0e61fL\x9d:\xd3\xe7{f\xce\x9cF\xa9\xa9\x16"-\x0c\x8d\x1e\xa6\x94\x89.\x97\x94r\xd4\xa7\x9f\xde\xf0\xe2\x8b\xe3.\xbc\xd0\xb2,UU\x8fz\x99\xdd\x9f\xeb\xdb\xbb\xfb\xcbo}y\xe6\xa5\xd3\xf7\xee-Q3|\xa6Iq\x1e-\x10\xc14\x85\xd6 e\xc67kn\x7ff\xcf\x8c\x99?\xa4\xa5&amp;\xc3\xb1\xb6\x80VU\xd5\xb2\xac\x17_\xf9o\xdf&amp;g&gt;\xff\x7fo\xa7d$)\n\xa7EA\xd1C\n\xc99O\xc9L\xfa\xefmo\xf7n8\xf8\xa5\xd7^&lt;\xe6%\x19A\xd5x\xb3\xae}\xfe\xf9&lt;\x9e\x1ff\xcd\x9a\xee\xf5\xde\xf9\xcd7\x99&gt;\x9fCQh8\xa8\xd6!\xa2)e\x96\xcf\xb7\xb7\xb4\xf4\xcc\xc9\x93\xaf~\xee\xb9[\xaf\xbb\xeeON5\xbb\xf18j\xc4\xe0g_\xfbl\xc8%\xd3\x16\xff\xb4]\xab\x9b$\x84\xa4uA\xb5N\x08\t\x0c\xb4\xec\xe4\x89\xaf/\xbc\xe3\x99=\xd3f\xcek\xd2\xb8\x81\x10\xe2\x8fF\x0c\xec8\x7f\xfb\xdd7{5\x1c\xf4\xc4\xb5\xaf2\xce=\tn\x9a\x13\x8e\x06\xc2\x12\x9e\x04\xb7\xa2\xf0\'\xae}\xad{\xce\x19\xef\xbc\xf7v5M\xfc\x1e\xa9zwk\xb0G\x90}\x1e\xcf\xdcY\xb3v\xb4o?j\xf2d\xbfad%$\x08DZ\x1aT+\x10\xc0\x92RS\xd5\x9c\xa4\xa4\x8fW\xad\x1a\xfb\xc3\x0fw\xbd\xfd\xf6\x9f\xd7\xfe6\xbb\xf1x\xd6\x88\xc1\xafN\xf8\xe6\xaa\x7fm\xfc\xef\xf3\xf3\x94\xcc\x04\xeeqX\x96\xa4a\x84Z!%\nK*)\x1et\xaa\xd7^\xf7\xc5\x1b_\xa9\xd3g\xcek\xd2\xb8\xfe\x9f\xd7\x1a\x8c1\xce\xb9\x10\xe2\xad\to\x9e\xdb\xf7\xf2G.zu\xc7\x86\xbd\xe9uS\x19\x00u\x05j\x8b\xfd\x9bO\xaf\x9b\xbas\xe3\xdeG.zuL\xefK\xdfy\xf7-;\xc5\xab{\xcd.\xab\x81\xab\xf7\xf0p\xe4S/\xbe8\xf1\x89\'nl\xd1\xe2\xea\x1e=\x00\xa02\x1c\xb6\xa4\xe4\x8cqZ\x98\\\xcd\x10\xc0\x1e|s\xa9j\xb2\xdb\xbd\xb5\xb0\xf0\xb1\xf9\xf3\xf7fg\x7f\xf0\xe1\x87mZ\xb48\xfen\xa6\xfd\xca\xa2\xa2\x92\xcb\xc7]\x8dU\x8b\x9f\x7f\xf0\xb4\xf6=\x1aBeX\x04M\x00\xa8\xfe\xd3\x95\x00"\n\x89\nc\xcc\xe7\x04\xb7\xf6\xfd7\xeb\x1eyae\xf7\xd3\xae|\xfd\xb5\xe7\x18\xe3B\xc8\xe3\xd9\xbd\x15\x11\xa5\x94\x8a\xa2L\xfbn\xfaM\xb7\xdd\xd0\xb4_\xd6\xb97\x0cOH\xf6\xfa+\x82\x96i1\xc6\x18m\xfeQ\xfdP""\xaa\x9a\xe2K\xf2VU\x04\xbezs\xc6\xf6\x1f\xf3_\x7f\xe9\x8d\x91\xa3G\xd4L\xed\x0f5\x13\x00p\xc4\t\xb7b\xf5\xea\x87\x1e}\xb4r\xc9\x92k\xdb\xb4\x19\xdc\xb2e\xb2\xdb\x1d0\xcd\x90a\x08DDdT\x81D\x0e\x1e\xda\x9f\x953\xa6)\x8a\xcf\xe9\xe4\x00;\x8a\x8b\'\xadZ5/\x14:\xfb\xdak\x1f\xf9\xf7\xbf\xb9\xa2\x9c\xe8 \xe3\xe1\x06\xe6k\xe3\'Lz\xf7\xe5\xee\xad\x83\xb7_\xdd\xa5E\xdblP8\xf8u\xa9[\x12\x11\xb0\xba\x9e`\x17\xa7\xec\xd9Z\xc6\x14\xce\x98K\x03\x9f\x03\x82\xc6\xa2\x9fw\xbd0aui\xb8\xf9]\xff\xbe\x7f\xd4\x88!\x88x\xa2kE\xec\xa2/\xc8/x\xf8\xc1G~\xf8yz\xc73\x9b\xf5\x1b\xd9=-+\xc54D8\x18\xfeu\\\x88.\xca\x08:T\xdf*\xaa\xe2\xf285\x87ZZX\xbeh\xea\xf2\xd53\xb6\r\xea9\xfc\xd1\'\x1e\xa9S\'\xab\xba\xc7\xfd\x8fTC\x01`;\\w|\xf6\xf5\xd7\x9fN\x9e\x9c\xfb\xf3\xcf}\x12\x13\x876m\xda\xaen\xdd\x04\x97\x8b3&amp;\x11M)\xe9t;y\x08\xc0\x00\x1c\x8a\x02\x00\xa6\x10y\x95\x95?\xed\xda5k\xdf\xbe=n\xf7\x19c\xc7\xder\xc3\r\rsr\xe0\x88\xce\xd9\x89\xbd\xf9\xa1\xba\xa6\xbc\xa2\xf2\x95W\xde\x9c\xfe\xfd\xa7Y\x89\x85\xa3\x07\xe5\x0c?\xadI\xdd\x9c\x14p\xaa\x00\x00\x96\x04\x9a!\x88\x14\x85\x81\xc2\x01\x11\x82\xc6\xd6\xedE\xdf\xcc\xd91sQ\xb1\xe2ms\xee\xd8K\xaf\xff\xc7\x15p\xc4\x95u\xa2\x0e\x7f\xe1\xcfK\x96Nxg\xc2\xc2\xe5s3[&amp;\xb6\xef\xdf\xb2E\xc7\xc6\x89)\t\\\xe1\x80h\xd1\x84\x7f\xe4\xa8\x9a\x02\x8cI!\xab\xca\xaa\xb6\xae\xd9\xb5\xf6\xc7-\x85[*\x07t\x1fx\xed\xb5\xd7\xf6\xea\xd3\x13N\xa2(\xff\x9e\x1a\r\x00\x00\xb0o?\xb1+\x9d_\xd6\xacy\xef\xc3\x0f\xd7-Yb\xe5\xe66t\xb9Z\xa7\xa6\xa6\xb8\xdd\xcdRR,z\xa4\xf0IB\xe4\x8c\x05-kKIIi(\xb4\xa9\xbc\xbcXU\xeb\xb4kw\xe6\x88\x11\x17\x8f\x1d\x9b\x9a\x9c\x0c\x87Z\x7f\'\xf3M\x0e\x9f\xa9\xe1\xb0\xfe\xe5\x94\xa9_}\xf5\xc5\xfe]\xab3\x92\xf56\xcd\x92\xea\xd5\xf1\xb5n\x94\x94\x92\xecF!\xa9$O\x06"0\x95\xef\xdb_\xb5\xaf\xd0\xbfeW\xf9\xd6]\x81\xa0\x99\xd2\xb2M\xcf\xcb.\xbft\xd0\x19}\xe1\x88\xbe\xf5I|\x0b\x14B\xd8\'\xc3\x9e\xdd{?\x9c4y\xd1\x92\x1f\xf7\x15\xeet\xa7i9-\xebx\x13\xdc\xf5\x9a\xd5\xa1B&lt;y\x08\x00\x08\xb9;\xf2\x83\x95\xa1}[\xf2C%f\xfd\x8c\xc6}{\xf7\x1fw\xc5e\r\x1b7\x04\x00!,\xce\x95\x9a\xae\xfa\xb06\x18\x86a\xe8\xfa\xe1\xbf._\xb7\xee\xee\xc7\x1f\xaf\xdb\xb6-\xf8|5\xfa\xc3\x9f\xeaR\x9a6\xed\x7f\xd6Yo\x7f\xfcqe0x\xf8\xb7\x1d\x0e\x87\x85\x10\x11)G)e8\x1c&gt;\xa2X\xc5g\x9fM9\xef\xdc\x0b\xeb\xe74\xaa\xed\x1f\xfdT\xd3\xb0A\x93\x9bo\xbam\xee\xdc\x1f\x0f\xff\xb6M\xd3\xd4\x8f\xb8\x88N\x92eYG\x16e\xee\xbe\x03\xaf\xfew|\x97v=R\xbd\x19\xb5\xfd\xa3\x9fRR\xbc\xe9]\xdav\x7f\xe5\xf9\xd7r\xf7\x1e8\xfc\xdb\x0e\x87\xc3\x96eE\xaa(OHM\xf7\x00\xf0\x88\xe6FaI\xc9\xff\xbe\xfa\xea\xa7\x85\x0b\x0fl\xdc\x98\xa8\xebu5-Q\xd3\x1a\'&amp;Z4\ntr\x10@a,hY\xbb\xaa\xaa\x02R\xe6\t\x01\xe9\xe9\xed{\xf5\x1a1l\xd8\x90\xd3N\xb3_s\xf2=\xcd#\xe7\xa9V\xadX\xfe\xcd\x94\xaf\x16/[Q\xec7\x15_\xba\xeaM\xf6\xa</t>
        </is>
      </c>
    </row>
    <row r="33">
      <c r="A33" s="1" t="n">
        <v>31</v>
      </c>
      <c r="B33" t="inlineStr">
        <is>
          <t>grid_number_color</t>
        </is>
      </c>
      <c r="C33" t="inlineStr">
        <is>
          <t>What is the missing color if the part denoted with the question mark has the number 5?</t>
        </is>
      </c>
      <c r="D33" t="inlineStr">
        <is>
          <t>['orange', 'red', 'yellow', 'green']</t>
        </is>
      </c>
      <c r="E33" t="inlineStr">
        <is>
          <t>red</t>
        </is>
      </c>
      <c r="F33" t="inlineStr">
        <is>
          <t>There is a 3x3 colored grid of numbers. The first row has number-color pair [(6, 'green'), (9, 'yellow'), (9, 'yellow')], the second row is [(1, 'orange'), (5, '?'), (5, 'red')], and the third and final row is [(6, 'green'), (5, 'red'), (1, 'orange')].</t>
        </is>
      </c>
      <c r="G33" t="inlineStr">
        <is>
          <t>We observe that the grid cells with number 6 is green in color, the grid cells with number 9 is yellow in color, the grid cells with number 1 is orange in color, and the grid cells with number 5 is red in color. Thus, the pattern is that the grid cell with the same number will have the same color.</t>
        </is>
      </c>
      <c r="H33" t="inlineStr">
        <is>
          <t>Based on the pattern that the grid cell with the same number will have the same color, the missing color of the part with 5 should be red.</t>
        </is>
      </c>
      <c r="I33" t="inlineStr">
        <is>
          <t>b'\x89PNG\r\n\x1a\n\x00\x00\x00\rIHDR\x00\x00\x02\x00\x00\x00\x02\x00\x08\x02\x00\x00\x00{\x1aC\xad\x00\x00~%IDATx\x9c\xed\xddu\x9c\x15U\xff\x07\xf0\xef9g\xe6vl\'\x0bKw*\xad\x84\xb4\x80b\x07v?\x98?[\x1f\xbb\x1e;\xb1\x11\x150P,BRiP\xba\xbb\x17\xb6{o\xce\xcc9\xe7\xf7\xc7\x08\xa2\xa2\x12w\xd9{\xb9\xdf\xf7\xe3\xeby\xb1\xbbw\xef\xce\xee\x999\x9fSs\x86H)\x01!\x84P\xfc\xa1u}\x00\x08!\x84\xea\x06\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a5\xd4\xf5\x01\xfcNJ)\xa5\xac\xeb\xa38\xa5\x10B\x08!\'\xff\xe7bQF\\\x9d\x14\xa5Y\x88X\x94\x11d\x16b\x9d\\\x95GD\xea\xb6t\xa5\x94B\x08)%\xa5\x94R\xec\x8e\xd4\n\xce\xf9I\xf8\x0b\x0b!\x84\x10\x84\x10\xc6X\xed\xfd\x94x&amp;\xa5\xe4\x9c\x13B(\xa5\xb5W\x83\x98\xe1\x8dEY\xab\x0e]\x92u\xd5D;\xa4\xce\x02\xc0\xac\xf7\x0f?\xc3\x82\x81PqQQiI\x19!u\x1cK\xa7\x06BI\x93\xa6\x8d\xddn7\xa1\xbf\x9fa\x9c\xf3\xc8V\x1ffeA)!\xe4\xf7t\xf1\xf9\x82\xdb\xb6\xef\x0ck:\x10\x02X\x94\'\xc0\xbc\x16\xbc^w\x83\xfa\xf5\x9c\x0e\xdb\xa1\xcfs\xce\x01 \xb2\x15\xb4\x190\x8a\xf2\xfb\xa8@8\xac\x97WT\xee\xd9{\x80\x10\xec\x07\x9c(B\x88\x94\x90\xdb ;11\xc1fU\x0f}\xde0\x0c\xc6X]\xc5@\x1dT\xb5B\x08\x000[\xa3\x15\xe5\x95\x8b\x17.\x993g\xf6\xa6\xad\x1b\x0f\x14\xe5\x054\xbf\xea\xa0R\xe0\xa9v\xc2\x081t\xc3*\x1d\x1e\xb777\xbbQ\xb7.\xdd\x06\x0c\x1a\xd0\xb6}\x1b\xf3\x8b\x91\x8a\x01\xce\xf9\xa1:h\xf3\x96\x9d3f\xce\xf9\xf5\xd7%\x05\xfb\xb7\xfb|\xe5\n\xaf\xb4;(p\t\xd1\xd2\xd9\x8dM\x12\x80\x91\x1a\x1fP\x8b\xd7\x93\x90\xd9\xa0a\x8b^\xbd\xfa\x0c\xe8\xdf;;+\x1d\x0e\xb6\xd6O\xbccg\xa6\xb8Y\x94\xa1Px\xd9\x8a\xb5\xd3\xa7\xcf\\\xbbvEY\xd1\xaep\xb0&amp;\xc1\x11&amp;\x04\xf0\x9a&lt;A\x04@\x02T\xfa-V\x9b\'9\xbda\xbb\xf6\x9d\x87\x0c\x19\xd8\xa5s\x07\xbb\xcd\n\xb5\xd02;\xda\xa3:\x99\x01p\xf8y\xb6b\xd9\xca\x0f\xde\xff`\xfe/?\xdb\xd2h\xfd6\x19\r\x9agg\xe6\xa6\xd9\x9dvO\x82SHI\xb0\xda8A\x04\xb8!*K\xab|U\xfe\xfd;\x0bw\xad\xcf+\xdaV\x91\xe6\xcc\xbe\xe0\xdc\x0b\xaf\xb9\xfe\x9a\x84D/\xfc\xb1\xfa&gt;VB\x08\xb3\xde\t\x85\xc2\x9fN\xf8j\xd2W\x9fU\x97n&lt;\xbd\xa5\xa5\xe7i\xe9\xedZ\xa4e\xa4\xb8R\x92]`S\xb0\xda8QR\x02%\xbc:\\^\x1d\xd8\xb5\xbfr\xcd\xa6\xe2\xc5+K6\xec\x86&amp;-z^s\xcd\xf5g\x0f9\x0b\x00\xcc\xe1\x9a\xe3\xae;\x0e\x9d\x06;v\xed}\xef\xdd1\xf3\xe7NNrT\xf4\xe8\xe0\xee\xda.\xbdm\xf34\xb7\xd3\xeaIuA\xd4\x8cY\xc76)\xabK|5\xfe\xf0\x86\xad\xc5\xbf\xac/^\xba\xa6\xba\xcc\x9f\xd0\xab\xef9\xff\xb9\xe5\xc6&amp;\x8d\x1b\xc0\x89]\x92\xc7\xe7\xe4\x05\xc0\xa1*c\xe5\x8aU\x0f&gt;\xf0@a`_\x93\xae\xf5\xba\x0cl\x9f^/UQ\x98\xae\x19zX\x17Br\x83c\xe5\x1f\x01\x12\x08!Le\x8cQ\xd5\xa22\x95\xf9k\x02\xdb\xd6\xec\xfcu\xfa\xba\xaa\xdd\xe1\x0b\x87_\xfa\xc0C\xf7;\x1cv\xc30\x0e\xef\xf2\x1f\xa5C\xdf\xf5\xe6\xe8\x0f\xc7\x8d}\xa3e}\xff\xe5\xe74\x1epF#%\xd9\x05\\@\xc8\x00C\x80\xc1\x05\xf6\xe4"\x842\n\x8c\x82\x85\x81U\x01\x90U\xf9U\xdf\xcf\xde\xf6\xdd\xac\x03\xc5\xbe\xac\x87\xff\xfb\xc4\xb0\xa1\x03\xe1\xb8\xea\x8eC\x1d\x88\xbc\xfd\xf9\x0f&gt;\xf8\xe8\xae\xcd?\x9d\xd5\xd5q\xf5\xf9\xad\x9b\xb5H\x07\xbb\x054\x0ea\x03\xb8\x10\xba\x00L\xf2\xc8 T\xa5\xc0(X\x15\xb00\x08j\xdb\xb6\x16\x8d\xfbv\xd3\xcf\xbf\xfas\x9b\xf7{\xe1\xf9\xa7sr\xb2N0\xce\x8f\xf9\x80NN\x00\x98UF \x10\xb8\xe3\xd6;g-\x99\xd6\xef\xea\xae\xdd\x06v\xb4\xd9m\x01_P\xd7\x0c\x90\x92\x10rp\x82\xfc$\x1cN\xbc\xf8}\x11\x87\x94\x94Q\x9b\xddj\xb1[\xf6\xef\xca\x9f6v^\xd9\xa6\xe0sO\xff\xef\xfc\x0b\xcf3O\x80\xa3?\xe1\x04\xe7\x94\xb1\xc5K\x96\xddq\xdb\xadM3\x8b\x1f\xfb\xbf\xce\xad:\xe4\x80.\xc0\x176\x0cN\x80\x10\n$\x8a\x969\x9c\n$\x00H8\xb4\xb4\x8a\xa9\x0c&lt;V\xe0\xfc\xe7y;\x9ez}\xb5#\xa5\xfb\x07\x1f\xbc]/;\xeb\x98\xe2\xfcP\x83\xec\xc9\xa7_\x9c8\xee\x8d\x1b.\xcc\xb8\xe5\xca\x8e\x8e\x0c\x0f\xd4\x84EP\x17B\x12J\xe8oKVj\xeb\xf7\x8aCf\t\n3z\t\xa1v\x15\xdc\xd6`Q\xf5\xbb\xe3W\x8f\x99Tx\xf1\x15w&lt;\xf1\xd8\x03pX\xe9\xd4\xb6\x93\x11\x00\xe6y\xb9f\xd5\xda+\xaf\xbc"\xb1\x9dz\xe9\x1d\xc3\xed.\xbb\xaf\xca/\x85$\x94\xe2\xe9u\xd2H!\x85\x90V\xbb\xeap96.\xdf:\xe1\xd9\xc9\x17\x0f\xbe\xf2\xb57_\x81\xa3;\xe1\x0e5\x18\x9f\x7f\xf1\xcdq\x1f&lt;\xf5\xc2\xc3\x1d\x86\x0fo\x0bA\xdd\xf0\x85)%\x94bA\x9e$R\x82\x10\x92\x00P\xaf\r\x84|\xe3\x83\xa5\xa3?+y\xf1\xd5\xf7\xce;w\xc8Qf\x80\xd9](+\xaf\xb8\xf4\xd2\xab\x9d\xc6\xaf\xef&lt;?0\xabQ\nT\x06\r\x8d3V\xc7\xebR\xe2\x8a\x94\x92s\xa9\xa8\x0c\x12\xed\x05\xbb\xcbF=8\xb3\x86v\xf9\xf2\xcbOS\x92\x93N\xcepP\xad\x07\x80\xae\xeb\xaa\xaa~\xf3\xf5\xb77\xdfq\xc3\x85\xf7\r8ch\xe7\xca\xb2ja\x08\xcap\xd1g\xdd\x90R\n.]^\x87\xa1\xf3\xf7\x1f\xfb\xdcU\x936c\xd6t\x87\xc3\xf1\xcf\x19p\xa8\xf6\xbf\xf0\xe2+}\x07\xa6\x7f\xf6\xee\xb9\xc9\x19n\xa3\xd4\x8fU\x7f\x1d\x12\\\x12\x02$\xcd\xbd\xe6\xd7=#o\x9du\xe9\rO&lt;\xfa\xf0=\xff\x9a\x01\xe6\x0b6n\xdev\xee\xb0A7]\xe8\xbd\xff\xbe\xb3\xa0&amp;d\x04u\xa6`A\xd6\r\t\xc0\r\xa1\xd8U\xf0\xd8^zi\xee\xfb_U~?eF\x9b\xd6\xcd\x8fo\x84\xf6\x98\xd4n\x00\x98\xbf\xc0W_L\xba\xf3\xbf\xb7\xdc\xf5\xce5\xe9\xf5R\xab\xca\xaa\x99\x82\x8b\x8b\xeb\x9e\xe0\x822\x9a\x94\xe6\xfd\xe2\xcd\xc9e\xcb\x8d\xd9sf9]\xce\xbf\xcb\x80C\xb5\xff\x88\xf3G\xd6\xb7/~\xf3\xcd\xf3\xa1*\xc4C:S0\xc5\xeb\x9e\xa1\x0b%\xc1\x16\xd6\x8c\xa1\x97N\xec9\xf4\xa1\'\x1f\xbb\xef\x1f*\x0e\xb3]\xb9n\xfd\x96\x0bG\x0c\xf8\xe0\x996}\x86\xb46\n\xaa\x18!\x04+\xff\xba&amp;\x85\xe4B*Y\xde\x0536\xde\xf0\xdf\r_\x7f7\xab}\xbb\x96\xb5\xdd\x0f\xa8\xc5\x000\x0f\xfd\x9b\xaf\xbf\xbb\xed\x81\x1b\xef\xfd\xe0zo\x92\xc7_\x13\xc0\xda?zH\t\x82\xf3\xd4\xac\xe4\x89\xa3\xa7\x94\xad0f\xce\x9ca\xb3\xdb\xfe\xba\x16\xed\xd0\xf2\xf0\x0b/\xbe\xb2\x9ee\xd1\xeb\xa3/\xe0\x85\xd5\x14\x00\xab\x8c\xe8\xc1\xb9`VU\xa8t\xe0\x05\x9f\xf7\x1e\xf1\xdf\xbf\xeb\x07\x98\x01\xbfq\xd3\xb6\xf3\xcf\xe9?\xf6\x7fm{\x9e\xd5\\/\xa8V-xIF\x11]\xe3j\x86g\xc9\xbc\xad\xd7&gt;\xb8\xee\x9b\x1f\xe6\xb4i\xdd\xbcV\xe7\x03j+\x00\xcc\x83^\xbfvC\xef\x01=\x1f\x18wcrZb\xc0\x17\xc4a\x9f(\xc4u\x9e\x9e\x93\xfa\xde\x13\xe3\x93\xaar\xbf\x9d\xfc\xcd_+\x0e\xf33w\xdd\xf3H\xc1\xba\xf7&amp;~s\xad~\xa0J\xa9\x83\xf5\xca\xe8_\x08!\x89\xca\xa4J\xdb\xf5\x19\xfb\xd8\x8b_]|\xe1\xf0?5\x1e\xcdE\xd8\xc1P\xa8c\x87\xd3\xde~({\xe0\x88\x8ez~%\xd6\xfeQH\xd7\xb9\x9a\xe9\x9d\xf3\xc3\xda[\x9e\xcb[\xb3z\x95\xc3a\xaf\xbduA\xb5R#\x9b#\x06~\xbf\xff\xd2\xcb.\xbd\xe8\xc1\xc1\xe9\xf5R\xfd5\x01\xac\xfd\xa3\x13SY\xf1\x81\xd2\xeb\x1e\xbat\xcd\x81\xa5\xaf\xbd\xfc\x86\xa2(\xe6]\xa6&amp;\xb3\xed\xff\xc3\x94\x99s~x\xfd\xf3\x0f.\xe1E\xd5\n\xc5e!\xd1\x88R"4\x83\x12\xf2\xfd\x98s\xee\xbd\xeb\xfa={\xf3(\xa5\xe6M\x97&amp;3\x0f\xae\xbc\xfa\xa6\xcb\xfb\xc1\xc0\xf3;a\xed\x1f\xb5T\x95\xe9\xf9U\xfd\xcf\xefx\xc5\x00:\xf2\xaa\x1b\xfeT\x8e\x91U+\x95\xb2y\xb7\xd7\x9d\xb7\xde\xe5m\xcdz\r\xeb\x82\xe3\xfeQ\x8eP\xe2\xaf\t\xdc\xfe\xf25\xcf\xbc\xf2\xf8\xba\xb5\xeb)\xa5f\x06H)\t!E\xc5\xa5w\xdcz\xddWo\rb*%\x86\xc4\xc6\x7f\xd4b\x8c\x1a5\xe1&amp;\xed\xb3\x9f\x1e\xd5\xf0\xf2\x91W\x1d\xbe\xa5\x8a\x19\xe4\xef}8\xael\xd7\x94\'\x9f\x1ab\x14Ta\xed\x1f\xcdT\x0b3\xf2\xab\x9exrp\xe5\xde\x1f\xdf}\xff\x13\xc6\xd8\xe1\xcd\xb2\x08\x8a\xfc\x10\x90y#\xc3\xba5\xeb\x07\x8e\xe8\xfb\xc4\xc4\xdb9\xaf\xad\xecB\x11\xc4\r\x91\x98\xe6\x9d\xfa\xc9l\xdf\x1a\xf5\xc7\x99\xd3\xcc\xd6\xa29\xf8\xf3\x9f\xdb\xeeu\xf9\xbe{\xe9\xf5\xf3\x8d\x03\x15\x8a\x8a\xb5F\xb43\xb8PR\\}\xce\xfe\xe4\xc6\xbb?\x1ay\xd9\xf9\xe6\x1e\x03RJ\x7f xZ\xc7v\x93\xdf\xea\xd0\xbcu\xa6\xf4k\xb8v+\xca\t!\x89\xd3\xb2mS\xe1\xf0[W\xaeX\xbd\xde\xe5t\xd4\xc6@P\xad\xf4\x00\x08!w\xff\xdf\xdd\x83\xae\xefiw\xd9\x05\x06@,`\n\xad,\xa9\x1ar\xc5Y\x1b\xf3WM\xf9~*cL\xd34\xc6\xd8\xfa\r[\xe6\xcd\x18\xfb\xccC\xfdxI\r\xd6\xfe1\x81\x12"C\xc6;\x8f\xf7y\xe6\xa9\x87B\xa10\xa5\xd40\x0cJ\xe9\xe3O&lt;\x7fvW\xd1\xa2[C^\x1d\xc6\xda?\xfaQJxu\xb8y\xd7\xdca\xdd\xe9cO\xfc\xefP\xbf&lt;\xc2?%\xb2og\xce\xfd\xae^\xb1fO\xc5\xb63\x86v\xae\xa9\xf4\xe1\xd0\x7f\xcc \x00\x00\xfdFv{\xff\xc3\xf7\x7f\xfb\x04!o\xbf\xfb\xe1\xf5#\xb2\xad).\xa9\xd7J\x0f\x14E\x1c\xa5D\xf8B\xad\xba\xe5\xb6k\xe0\x9b8i\x8a\xb9\xabsU\xb5o\xde\x9c\xaf\xef\xbf\xa5\x9b\xa8\x08\xe2\xe2\xddX\xc1\x14**\x02\xf7\xfd\xa7\xcb\x829\x93*\xabj\x18c\x11\x1f\xb0\x89|\x00\x00\xc0[o\xbe\xd5\xf2\xcc\\\x9b\xdd\x86\xfbz\xc6\x10J\xa9\xbf:\xd0\xb9o\xfbu;W\xae[\xb3\xc1b\xb1\x94\x94\x96/\xfay\xd2\xd5\x17\xb5\x97U!\x86A\x1eC\x08\x91\xba\xb8\xf1\xa2\x16c&gt;x[\x08I)\xfd\xec\xf3I\xcd2\xab\xb3Zf\xca\xa0\x86\x938\xb1\x82\x10\x90A=\xb3Ef\x8b\xec\x9a\t\x9f}M\x08\x89x\' \x92W\xb5\x94RQ\x94\xaa\xca\xaa\x05\xbf\xce\xed9\xe4t\\\xf9\x13s\x04\x17.\xaf\xb3q\xe7\xec\x8f?\x1a\x0b\x00_L\xfc\xaeM\x03#\xb5I\x1a\x0f\xe9Xk\xc4\x10F\t\xd4\x84\xfa\x9d\xd5,P\xbeq\xf5\xda\x8d\x00\xf0\xf9\xe7\xe3\xae;\xbf\xa5\xd48.\xe1\x8a1\x94\xc80\xbf\xee\xc2\x96\x13\'N\x80\x83\xbb\xe8G\xf2\xed#\xf8^f\xf3\x7f\xf1\xc2%\xd64\x92Q?M\x0f\xeb\x11|st\x12\x10JB\x01\xed\xb4\xbem~Y\xb9TJX0\xff\xa7\xf3\x07\xe6J.p\xe5O\xcc\xe1\x86 \x1e{\xafN\xeey\xf3\x16\xfa\x03\xa1`\xe5\xb6^\xdd\x1b\x80/\xcc\x18\x16e,a\x94\x80/|f\xb7\\\xbdf\xd7\xde\xbc\x02s&gt;?\x82\xef\x1f\xe1\x1e\x00\x00\xcc\x9893\xb7]6\x8e\x18\xc4"BH8\x18n\xd82\xa7&lt;P\xb4~\xdd\xa6\xc2\xfd\x9bzw\xcd!~\r\x1f\xd6\x19s\x08!\xa0\xf3\x01=\xb2W\xaf\\:\xe7\xe7\x85M2\xb9-\xc3\xcbu\\\x91\x11{\xb8.\xac\xe9\xde&amp;Y\xc6Os\x17\xc0\xc1vv\xa4D\xf2\xca6oX\xd8\xb8yC\xa3V\xf5\xf4\xb0\x81\x9d\xcdX$\xb8\xb0\xbb\xec)9\x9e\xcf&amp;LL\xf5\xe8\xe9\x99^\xa9q\xec\x01\xc4\x1cJ\x01\x82z\xdb\x16i\x95e{\xa7L\xf9\xb1k\x87t\x00\xc0m\xfdc\x93\x04\x80N\xad\x92V._\x0e\x10\xe1gsF,\x00\xcc\xcd\xc2\x0c\x9d\x17\x95\xe5\xa7\xe7\xa4\xea\x9a\x8e\xb5F\x8c"\x84d6J\x9d\xf8\xd5\xb79\xe9*8-\xbc\xd6\xeeBD\xb5\x87\x10"u^/3\x81\x87J\x7f\xfaiN\xc7\xd6\x19\xa0s\xdc\xbe)\x16\x11J@\xe3-\x9b$\xed\xda\xb9\x1d\x8e\xe5\xd1\x1dG#\x92\x01\x00\x00\x05\xf9\xf9\x81\xb0\xcf\xe9v\xd4\xde\xbd\xcb\xa8\xb6I!&lt;\xc9\xee\xb2\xf2\x03\xc9\t\x16|@O\xec\x92B\x12\xbb\xc5\xc2\xb4\xb2\xd2\xfc\x8c\x14\x17\x18\x02\xcb2\x16\x11\x00\xe0"-\xd9UV\x9a\xaf\x1bFd\xa7\x01"&lt;\xb8[TXLm\xe0Ntq.\xb0\x03\x10\x93\x08\xe1\x86\xc8h\x90\xea\xf3U4\xcb\xf5\xd4\xf5\xd1\xa0\xe3\'\x84\x04\x87%=Y\xa9\xa9*o\xdc \x11\xc2\x06v\xcac\x919\x9d\xd3\xa8~\xa2\x11\xae\x08\x87#&lt;\xb2\x12\xe1\x00P\x14\x85\x00\xc1\xe5\xff\xb1N\x18\x02\x80\x18\x06\x96c\x8c\x93RJ\xa0\x8c\x1a\x86\xc0\xbe\\L3\x0cA\xa9\x12\xed[A\x9c\xb4G\xcc\xa3\xdaE\x00@b{\xf1\x14!\xb1(c\x1e!P\x1bs\xf8\xb8\xbe\x0f!\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x8am\xb2\xae\x0f v)u}\x00\xb1G\n)\xa5\x04\x00B\x08\xa1\xe4\xb7O\x9a\x9f\x93\x12\x08\xa1\x07?\x89\xa2\x8d\x10RHI\x80P\n\x84\x10\x00\x10RJ\x01\x12$\xa5\x84\x12,\xb8\xd8 %\x08!%HB\x08%fI\x1e^\xb8\x04K\xf2(a\x00\x1c\x03\xc1\x05\xa1\xd4b\xb7\xa8\x16\x06\x00\xdc\x10\xbaf\x08.\x08!\x8aEQ\x14F\x15\xca\r\x1e\xf6k\x80\xe7_\x94\x11B\x02\x00u\xa8\xd4\xca@H\xd08h\x1c\x00\xa8U\x01+\x03 \x102x\xd08\x14\x0c(jq.\x98\xc2\x98[\x05F\xc1\x10\x10\xe6`\x08`\x84:T\xaaR\xe0\x12\xfc:7\x04cX\x8e\xff\x0e\x03\xe0\xa8\x08!(\xa5\xce\x04\x87\x16\xd4\xf3\xb6\xe6\xefZ\xbf\xff\xc0\xf6\xa2\xd2\xfc\x8a`MH\xd7\rJ\x89\xc5nq\'8R\xb2\x12\x9b\x9d\xde\xb0U\xb7&amp;\xdc\xe0X\x8fD\x0f\xce%s\xa9\x00\xb0qC\xe9\xcfK\xf6\xaf\xd8P\xba/\xdfW\xe3\xd7\x80\x80\xd7ei\x98\xe3\xe9\xda&gt;mP\xaf\x9c\xfaM\x13!`\xf00\xc7\xba#:I!\x81\x10\x96h\xd7*\x82\xf3g\xef\x9f\xffk\xfe\x86m\x15%\xe5\xc1`\x98[U\x9a\x9chk\xdd4\xb1O\xb7\xec~\xdd\xb2,I6Y\xa5\x01H\xbc\x0c\xff\x19\x06\xc0\xbf\x13\\\xd8\xdd\xb6p@\x9b\xff\xf5\xb2%SV\xef\xd9\xb8\x9f\x1b\xe2\xef^\xbca\xc9\xf6vg4\xe3\x06?\x99G\x88\xfe\x96\x04.%K\xb4\xad\xf85\xff\x99\xd1+g,\xcc\x0b\x87\xffR4\xbf\xe4\x7f\xf4\xf5\x96D\xaf\xf5\xb2aM\x1e\xbd\xe3\xb4\x8cz\x1e^\x15b\x0c\xa7\xc7\xa2\x8b\x10\x92Z\x18P\xf2\xe1\xd8uo~\xba~\xc3\xb6\xf2\xbf\xbef\xda\xbc}/~\xb8\xb6u\xd3\xc4{\xaeo\x7f\xede-A\x97B\xe78$\xfb\x0f0\x00\xfe\x85\x10\xd2\x95\xe0\xd8\xb0d\xfb7o\xcc\xda\xb7%\xdf\xfc\xa4\'\xc9\x95\xdd4=\xa3A\x8a;\xc9e\xb1)R\xc8\xa0?\\]\xea\xdb\xbf\xa3\xd0\xe6\xb0\x9a\xa3\r(\x1ap\x00\xe6\xb1\xbe\xfc\xc6\x8aG^\xfd5\xac\t\x00HN\xb0\x9e\xd66\xade\xe3\x84\x94\x04\x1b\x80,,\x0b\xad\xdfV\xbe|MQEU\xf8\x9d\xcf6N\xf9i\xcf\xd8\x17\xcf\xea?\xa0\x01\xaf\xc0\x0c\x88"BHjWJ\xca\x82\xd7\xdc\xfd\xf3\x8f\xf3\xf7\x99\x9fl\xd18\xa1c\xab\x94\x86\xd9n\x87C\xd1\xc2|w\xbeo\xd5\x86\xd2\x8d\xdb\xcb7n\xaf\xb8\xee\xc1y\x93\xe7\xec\xf9\xf8\x95\xb3\x12&lt;V\x1120\x03\xfe\x0e\x06\xc0?\x91B:=\xb6\xe9\x1f/\xfc\xf6\xcd\x99f\xb5\xde\xa2K\xa33F\x9c\xde\xacS\x03o\x8a[Q\x19!\xc4\xac\xec\t\x80\x942\x14\xd0j\xca}\x86\x8e\xe3?Q\x81s\xc9\x12\xac\x0f?\xb9\xe8\x7f\xef\xaf\x01\x80\xd4D\xdb\xfd\xb7t\x1cyN\xd3\xccl\x17X\x18\x10\x02 A\x00\x84\x8d-;*^\x1b\xb3\xf6\xc3/7\xe7\x15\xfa\x87^7\xed\x9bw\x06\r\x1b\xd6\x98Wb\x06D\x05!$\xb1\xb2\xd2\xb2`\xff\xcb&amp;\xaf\xdbV\x0e\x00g\x9c\x96\xf1\xd0m\xa7\x9d\xd55\xcb\xe6\xb5\x02#\xbf\x15%\x97Z\xb56{\xc9\xfe\'^]\xb6bC\xe9\xf7s\xf6\xe4_1e\xd6g\xe7\xb8\x9d\xaa\xd48\xc1\x0c8\x12\x0c\x80\xbf%\xb8p%8~x\xf7\xa7\xc9\xef\xfd\x0c\x00\x9ed\xd7Ew\x0f\xe92\xa8-Sh8\xa8\x87\x03ZH\xfe\xb9\xa5O\x19\xf5$\xbb\xfea\x80\x08\x9d4\x9cK\x96h\xfd\xf4\xd3\rf\xed\xdf\xa6i\xe27\xef\x0fn\xd6&amp;\x15j4\xe1\xd7\x85O\x83\x83\xd1\xcd\x08i\xd18\xf1\xfd7\x07\x9c\xd5\xbd\xdeu\x0f\xcc\r\x84\x8cK\xef\x9c\xbd\xac\xbe\xbbU\xcb\x14\x11\xd0\xb1\xf1X\xe7$!@\xc8e\xb7\xcd6k\xff\xbb\xaen\xf3\xca\x13gR+\x03\x9f\xc6\xab\xc2\x12\xa4Y\x94\x84\x10\x0b#C\x077\xeawF\xce\x7f\x1e\x98\xfb\xc9w\xdb\x96\xad/\x19y\xfb\xac\xa9\xe3\x86s]\xb0:\xfe%\xa2\x146p\x8eLp\xe1\xf4:\x16}\xbf\xd2\xac\xfd3\x1b\xa6\xde7\xe6\x86\x1e\xc3;\x86\x03\x9a\xbf*\xc8\rN(\xa1\x8c\xfe\xe9?\x000t\x1c\xfd\xaf{RJjc\x05\xbb\xab\xeezn)%$+\xdd9\xfd\x93a\xcd\x9a%\xeb\xc5\x01\xa9sJ\x89\xc2\xa8\xa2PE\xa1\n\xa3\x84\x12\x112\xf4\xe2\xc0%#[}\xf1Z?\xc6\x88?h\\\xff\xc0&lt;n\x08\xc0\x9e\\]\xe3\\\xb0\x04\xeb\x07\x9f\xae\x9f\xb3\xf4\x00\x00\\wA\xf3\xd7^&lt;\x0b4nT\x84\xa4\x04\xc6~/Js\xea\xde\xa8\x08\xd9\x08|&lt;z\xe0\xc8\xe1M\x00`\xda\xfc\xbcw?Z\xc7\x12\xac\x9cc\xb3\xec\x080\x00\x8e@\ni\xb1[\nv\x15\x7f\xf1\xe24\x00H\xca\xf0\xde\xf1\xe6U\xe9\xf5\x93k\xca}f\xbd\xff\x0f#&lt;8\xf8\x13\r\xb8\x90\xc4\xa1\xbe\xfa\xd1\xda\xca\xea\xb0\x90\xf2\xadGz\xd4k\x92\xa0W\x86T\xf5\xc8eG)QU\xaa\x15\xfa\xce\xb9\xa8\xc5\xfd\xd7\xb7\x07\x80_\xd6\x16O\xf8j\x0b\xf5Z\r\xac8\xea\x8e\x94@U\xe6+\x0e\xfc\xef\xfd5\x94\x92\x86\xf5\xdco=q\xa6\xa8\x0e\x83\x90\x8ar\xe4\xae\x99\xa2Pa\x08\x11\xd4?x\xa1O\xd3\\/\xa5\xe4\xf1\xd1+\xcb\xf2\xaa\xa9U\xf9K\x8f\x1da\x00\x1c\x89\x04PT\xf6\xcd\x9b\xb3B\xfe0S\xe8\xd5\x8f\x9f\x97\x9a\x93\x14\xa8\t2\x05\xfb\x911@JPTVS\xe0\xffb\xeaNB\xa0s\xdb\xd4\xf3\x875\xe1\xe5!U\xfd\x97\xb3]U\x18\xaf\x08\xfd\xf7\xb6\xd3\x1ad\xb9)!/\x8d]\xabW\x87\x19\xa3Xo\xd4\x15.$q\xa9\xd3\xe6\xec\xd9W\xe0\x13B\xfe\xdf5m\x1div\xa1\xfd\xcb\xc2\x1eJ\x89\x08sG\xa2\xfd\x7fww\x16B\x96\x94\x07?\xfcb3q\xa9\xd8\t\xf8+\x0c\x80?\x93B\xda\x9d\xd6-\xcbv\xad\x9d\xbf\x05\x00\xce\x18qZ\xdb3\x9a\xfb*\xfdX\xfb\xc7\n!$8\x94\xa5\xab\n\x0f\x14\xf9\xa5\x84K\x876\x01\xbb"\x8f\xa2\xf9G\x08H\x8d;\xd3\x1d\xa3F\xb6\x12Rn\xdc^1\x7f\xf1~\xe2R\x05\xc7\x08\xa8\x1b\x04\x00$L\xfey/!\xe0v\xaa\xe7\x0fh(\xfd:=\x8a\xbb4\x98BEux\xc4\x90\xc6\xedZ$\x13\x02\xe3~\xd8\xa6W\x84\xd8\xbf\xb5\x00\xe2\x10\xfeE\xfeL\x82\xa4\x8c\xcc\x9b\xb4LJ\xe9p\xdb\x06^uF(\x10\xa6\xb8\x1a$vH)A\xa1K\xd7\x14\x01\x00%\xe4\xcc\xd33@;\xdauY\x94\x11\x190.\x1d\xd2\xc8iW\x00\xe0\x9bY\xbb\x81\xd1\xa3\t\x0f\x14y\x12\x98B\x8c\xaa\xf0\xaa\xcd\xa5RB\xeb\xa6\x89\xd99n\xd0\xf8\xd1\xec\xd8A\x00\x84!\x98\xdb2rX\x13)a\xcb\xae\xca\x15k\x8a\x89]\xe5\xb8D\xfb\x8f\xb0^\xfb\x03)\xa5jU\x0b\xf7\x94n\\\xb2\x1d\x00:\x9d\xd5:\xa3A\xaa\x1e\xd2qd?\x86\x10B\xc0\x90[vU\x02@\xa2\xd7\x9a\x9b\xed\x06C\x1c\xe5Z\x1eJ\x08\x84y\xfd\x86\t\x1dZ\xa5\x00\xc0\xc2\x95\x85\xbc2\xac\xa88\nT\x07\x04HPhqi\xa0\xa08\x00\x00\xcd\x1b&amp;\x80M9\xfaQ\x1cJ\th\xbc\x7f\x8flF\x89\x94\xf0\xd3\xd2|P1\xcb\xff\x0c\x03\xe0\x0f\xa4\x90V\x9b\xba\xe9\x97\x9d!\x7f\x98\x10r\xfa\xa06\x9cs\xdc\xd8\'\xb6\x10\x02`\x88\xa2\xb2 \x00$\xb8-^\xb7\x05\x0c\tG]\x8a\\\x08\xb0+\xa7\xb7N\x01\x80]\xfbj\xf6\xe6U\x83\x85Il9\x9e|\x12\x80\xd1\xf2*\xcd\xe7\xd7\x01 3\xd5\x01\x8c\xc0Q\xd7\xe0\x84\x10\x08\xf3\xe6\x8d\xbc\x99i\x0e\x00\xf8u]\x11\xe8\x02[r\x7f\x82\x01\xf0G\x84\x08!7\xfd\xb2\x03\x00R\xb2\x13s[\xd5\xd3\x82:\xa5\xf8W\x8a%\x84\x10\xe0"\x14\xe6\x00`\xb31E!\x00\xf2XS\xbcE\xe3D\x00\x08\x86\x8d\xad{\xaa@e\xd8p\xac\x1b\x04Ba\xc3\x1c\xb7q\xd8\x95c\xda\xf7\x99\x10\x90\\:\xcd. \xc0\x8e\xbd\xd5F\x8d\xc6\x18\xc1\xa2&lt;\x1cVm\x87\x91\xa0(\xb4\xa6\xdc\xb7oK\x01\x004lS\xcf\x95\xe08\xb4\xab\x8f\x94 \x84\x10\\\x08.\xa4\x90RH!\xe4\xa1\x0f\xeb\xf4\xb8\xd1\x9fH \xbf\xed\xed\xcc\xf9ow\t\x1d}\xddA\x80\x80\x90Y\xa9\x0e\xf3\xc3\xdd\xfb\xab\x81\x11\x89{\xce\xd7\x91C\x0b~8\x17\xc7\x9a\xe2BH\xb0\xb0\xb4d;\x00\x14\x95\x05\xcb+C\xa0P||\xc0\xe1\xf0N\xe0\xdfI)\x15\x8b\xba\x7f[QeI5\x00\xe4\xb6\xca6;\x8cRJ)\xa4\xa22\x8b\xddN\x19\x95\\\xfc\xb6\xdb\x0f\x01s\xab\x00]\xe3ZH\x93Rb_!\x1a\x08\tL\xa1\x1e\x97\n\x00\xd5~\xdd\x1f4\xdc\x1e\x0b\x1cSHKP\xd4\xdf*\x9b\x82\x92`m\x1c$:*B\xba\x1d\xaa\xd5\xc2\xc2\x1a/\xab\x0c\xcbc\x18\xc9;\x88\x10\x85\x11\x00\xf0\xf9\xf5\xb2\xcapZ\xb6[J\x8e\xe3@\x87`\x00\xfcNJ\xc9\x14V\xb8\xb7Dp\x01\x00\x99\x8d\xd28\xe7BH\x8bE\xb19,U\xa5\xbe\xcd\xcbv\xed\xd9t\xa0d\x7f\xb9\xbf2\xc0\r\xa1\xda\x94\x84TOV\xa3\xb4\xc6\xedsr\x9ae2\x85\x06|!J(\xce\x19\xd4-)%\xa8\xb4A\x96\x0b\x00J\xcbC\xf9\xc5\xfe\xe6I6\xa9\x1bG9\xfe+AJFv\xed\xab1?\xac\xac\x0e\xd7\xe2\xb1\xa2\xbfG\x08\x01C\xa4%\xdb\x13\xbd\xd6\xc2\x92\xc0\x8e\xbd\xd5\xe4\xe8\x96\x00\x1dB)@\xc8\xd8\xbd\xbf\x06\x00tC\xd4\xf85\xa0\x04\xdb\xff\x87\xc3\x00\xf8\x03BIq^9\x00Xl\x96\xa4\x0c\xaf\x1e6\x9c\x1e{u\xb9o\xc6\'\x0b\x97N]]z\xa0\xe2\x88\xdf\xa5\xa8\xaci\xc7\xdc\xfeW\xf4h\x7ff\xf3\xa0?,%\xeeB^\xf7:\xb5N\x01\x00M\xe7\xcb\xd6\x954k\x9f.\x02\xfaQ&amp;3\x01Bt\xf1\xcd\xac\xdd\xe6\x87a\r\xf7\xf6\xa8\x1b\x84\x804\x847\xc5\xde\xb4\x81\xa7\xa8$\xb0zsYuI\xc0\xe3\xb5JC\x1e\xcd\xe5\xc5\x85\xa4\x0eu\xf3\xc6\x92\xb5[\xca(%BH]?\xe6A\xa4S\x1e\x06\xc0\x1fH)\xcb\x0b\xab\x00\xc0\xe9\xb1\xd9\xdd6\xbb\xcb\xbav\xde\x96/^\x9cV\x9cW\x06\x00\x89i\x9e\x9c\x16\x99\xa9\xd9I\x0e\xb7M\x02\x04\xaa\x83%y\xe5{\xb7\xe4W\x97\xf96/\xdb\xb9y\xd9\xce\xbe\x97t\xbb\xf8\xee\xc1\xdc\x10B\xe0z\x83:C\t\x81\x10\xef\xdb5\xcbja\x9a\xce?\x9f\xb2\xe3\xca\xcb[\x1dea\xe8\xbaPS\xec\xb3\xa6\xed\x9c\xf7k\xbe\xc2(\xee\x03Q\xb7\xb8\x90\x8a]\xe9\xdf\xa3\xde\xc2\x15\x85E\xa5\x81\xe9\x0b\xf2.\xb9\xb4\x15/\x0f*\xca\xbf\x8f\xb5\n!\x99\x8d=\xf3\xcejM\x17\xaaB\x85\xc0\xd9\xdf#\xc0\x008\x0c!\x82\x8b\xear\x1f\x00\xd8\x9c\xd6\xc4t\xcf\xd2)k\xc6\xfc\xf7k)e\x93\x0e\r\xfa]\xd6\xbd\xd9\xe9\xb9\xeeD\'c\xcc\xac\xdb\xa5\x94\xdc\x10U\xa55k\xe7o\xf9q\xec\xfc\xf2\xc2\xaa\xb9\x13\x7f\xa9\xa9\xf0\xdf\xf0\xecEZH\xab\xe3\xdf%\x8eQJDPo\xd22\xe5\xacnY\xd3\x17\xe4\xcd^\xbc\x7f\xc1\xbc}\xbd\xfa\xe5\xeae\xc1\x7f\xde\rB\xd7\x85\xea\xb5\x14\xe7U\xdf\xfc\xd8B\xbbMQ\x18\xa9\xf1\x8b\x7f\xdd@\x02\xd5\x1eJ\x08\x04\x8d\xcb\x875y\xee\xbd\xd5\xba!\xfe\xf7\xfe\x9a\x8b\x867%\n\x15B\xfe\xc3n\x10RJ\xc3\x90j\x86s\xfcGk?\x9f\xba#\xc1c\xa9\xaa\xd1\x00@U(N\x00\xff\t\x9e\xdc\xbf\xa3\x84\x18\x1a\x0f\xfaB\x00\x90\x94\xe1\xdd\xb5.\xef\xa3G\'\x11J.\xbck\xd0=\xef_\xd7yP[\xab\xdd\x12\xf4\x85}\x95\xfe\x9a\n\x7fM\x85\xdfW\x19\x08\xfa\xc3\x0e\xb7\xfd\xac\xcb\xba=\xf8\xc9M\r\xdb\xd4\x03\x80\x15\xb3\xd6O\x1b3\xcf\xe9\xb1\x0bl&lt;\xd6\x1d\xf32\x7ftT\'\xf3\xdf7&lt;\xb2\xa0\xac\xc0\xa7&amp;Xu]p\xf1\x87\x9b\x81\xa4\x04!\xa5\xc1\x85\x10RM\xb1\xef\xdf_3\xec\xba\x1f\xf7\x1c\xa8y\xee\xee\xcen\xa7\n\x00.\xbbZ\'\xbf\x02\x02\x00J\t\x0f\xe8M\xda\xa6^{^3!\xe4\xda-e\xf7?\xbb\x84%\xd9\t%\x86!\xc4_\x8bRH\xc3\x10D\xa1j\x9a\xe3\xab\xcf6^\xf3\xd0\xfc\x0e-\x92\xef\xba\xba\xad\x94@)\xb1Y\x19H\x89\x1d\xf3\xc3a\x00\x1c\x86\x80\xe0\\\x0b\xea\x00\x10\xf2k\x13\x9e\x9d\x0c\x007\xbfp\xc9\xb0\x1b\xfb\xea\x9a\xee\xaf\nH.\xe9\x9fv\x81\xa6\x84sQ]\xea\xf3\xa6\xb8G\xbdryR\x86\x97P2\xe3\xe3\x05y[\x0b-v\x0b\xdevXW\x18%\xbcF\xeb\xde;\xe7\xde\xeb\xda\t!\xb7\xef\xa9\x1ax\xc5\x94M\x9b\xcb\xd4T;sY\x88B\xc1\\\xdc%\x810B\xad\x8a\x92h\xa7\x0eu\xd27[{\x9e\xf7\xed\xf2\xf5%\x8f\xdf\xda\xe9\xd2\xa1\x8d\x8b\xcbB\x00\x90\xe0\xb6\xd4\xf5o\x13\xd7(\xa5\xc2\xaf=\xf7`\xb7\xc69\x1e\x00x\xe5\xe3u\xf7=0W\'DI\xb6S\xbbB\x18\x91\x12\xcc\x0b\x8d(\x84:U%\xc5^V\xa3\xdd\xf7\xf0\xfcK\xee\x9c\xa30\xf2\xf9[\x03\xcc \xb7Z\x98\xcb\xa9\x1e\xdbb\xb08\x80\x01p\x18\x02BH-\xac\x03\xc0\xae\xf5yy[\x0b.\xfa\xbf\xc1]\x87\xb4\xaf(\xae&amp;\x84Pv\xe4IDB\x80\xa9,X\x13J\xceL\x18qk\x7f)\xa4\xae\x19s\xbf\xfe\xd5bU\xf1\xfe\x80:D\x19\xe1\xd5\xda\x8b\x8f\xf6\x1cyNS\x00X\xb5\xa9\xb4\xc7y\xdf\xde\xf5\xe0\xbcEK\x0eTT\x86\x80\x00\xb1*D\xa5\xa10\xdf\xb1\xab\xf2\xd3\t\x1b\xfa_\xf6\xc3E\xb7\xce\xdaW\xe8\xbf\xf3\xea6O&lt;y\xe6\xde\x03&gt;s\x02 %\xc9^\xd7\xbfJ\\#\x04@\x13\x89\xc9\xf6\xc9c\x86\xd4Kw\x02\xc0\xcbc\xd7u9g\xd2\xdb\x1f\xac\xd9\xb2\xad"\x102\x88J\x89U\x01B\xaa\xaa\xb4\xe5+\x0b\x9f|n\xe9iC\xbf~y\xcc\xdaD\x8f\xe5\x87\xf7\x07\xb7\xec\x91\xbd}o5\x008\xedJ\x82\xdb\x02\xfc\xa8&amp;\x90\xe3\x07\xce\x01\xfc\x8e\x00\x11RJ.\x01\xc0\x1c\xf7?\xeb\xd2\xeeUe5\x8a\xfa\xef\xfb\x802\x95\xf9\xab\x83\x1d\xcfj\x9d\xf1\xd1\xfc\xc2\xbd\xa5\xeb\x17m\xab.\xf3\xa9VE\x8ac\xbe\x07\x15E\x04\x01\xa0R\x82\xce\'\xbc\xd9\xbfy\xe3\x84\x17\xde[]\xe5\xd3\xde\xf8x\xfd\x1b\x1f\xaf\xcfH\xb1g\xa4:\xec6\x85sYZ\x19\xda{\xa0\x86s\t\x00\xf53]O\xdf\xdd\xe5\xaaKZ\xc80/*\r\x98\xef\x93\x95\xe6\x00.\t\x96b\xdd\xa1\x8cp\x9f\xd6\xaaU\xf2\xa2I#n~x\xc1\xcc\x85yk\xb7\x94\xdd\xf6\xd8BE\xa1\xf5\xb3\\\xc9\tV\x85\xd1P\x88\x17\x94\x06\nK~+\xb5\xc1\xbdr^{\xb4g\x8b\x16I\xa24XZ\x11\x02\x80\xe4\x04\x9b\xc7e\x01~\x1c\xb7\x12\x9c\xca0\x00\x0e\'\t\xc0\xa1g\x87\xf6\xb9\xa8\x0b;\x96Y#\xc1\x85+\xd1\xd9\xba{\xd3\xc2=\xa5\x15\x85U\xf9\xbb\x8a\x9avl\x10\xf4k\xc7\xb4r\x19E\x10!D\n)C\xfc\xd1\xfb\xbb]8\xb8\xd1{\x9fo\x9a1\x7f\xdf\xb6=U\x85\xa5\xc1\xc2\xd2\xdfo\xefR\x15zZ\xfb\xd4K\x866\xbe\xfa\xfc\xe6\xc9\xd9.\xad4hIq\xec\xc9\xf7\x01\x00c\xa4~\x96\x0b\xb8\xc02\xac[\x8cQQ\xa37\xa8\xe7\x991~\xd8w?\xee\x1a;i\xcb/\xab\x8bJ+B\xbb\xf6U\xef\xda\xf7\xfb\xcb\x92\x13m}\xbad]{Q\xf3\xa1\xfds\x01\x88Q\xad)6%\xaf\xc0\x07\x00Yi\x0e\xd5e\x11A\x1d\xaf\xc7\xc3a\x00\xfcNJ\xa0\x8cZl\n\x00Xlj\x83VYzX?\xa6gIK!\xeb\xb7\xc8\x02\x00)e\xe1\x9e\xd2\x16\x9d\x1b\xc1\xf1\xdc\xbc\x88"\xc6\\\x8c\xcb+B-\x9b\'\xbd\xf1|\x9fpi`\xcb\xae\xca\x9dy\xd5\xa5\xe5!\x83K\x87M\xc9Js4n\xe0i\xdc\xc0\x0bn\x0b\xf8t^\x11\xa2\x8c\x00\x81-;+\x01 5\xc9^?\xc3\x05\x1a.\xea\xad{\x94\x11\x112\x08\x81\xf3F4=ox\xe3\xc2\xbc\x9a\xad;+\xf3\n}5~\x9d\x10\x92\xe0\xb6\xd4\xcft5k\xe4M\xc9v\x03!\xb2&amp;,\x04(V\xa5\xaa"\xb4/\xdf\x07\x00\xcd\x1az\xc1\xc2\x84_;\x9a\xc7\t\xc4\x0f\x0c\x80\xdfI)U\xabbw\xdb\x01\xc0jW\xadv\x8b8\xa6A|B\x04\x17\x89\xe9\x1e\xf3\xa3\xaa\xd2\x1a\xac5\xa2\x04cD\x04\r\x190\xac6\xa5}\xc7\xf4\xf6\x9d3\x81\x12 \x00\x12\x80K\xd09\x84\xb9Q\x1ed\x942s\xf7\xff\x80\xb1nk9\x004\xa9\xef\xf1\xa6\xd8e\x187\x0f\x88\n\xe6\xd2O^\x19&amp;\x0422\x9c\x19\xf5=\xc0(\x98\xbb\xfbH\t\\B\x98\x8b\x1a\xcd|V0\x10\t\x16\xbac_\xb5\xb9/l\x87\x96)\xd8\x12\xfb+\x0c\x80\xdfI!\x15UIHq\x03\x80\xa1s=\xacSJ\x8e\xfe6P\x02 \xa5\xb4XUB\x88\x94R\x0b\xe98\x05\x1c=\xcc\xbaCr)\xfd\xba\x94`\xfe\x0f\x08\x10 \x84\x80\xf9\x98x\x00\x90\x12\x88\x85\x15\x15\xd4l\xdcQ\x0e\x00\x9d\xdb\xa6\x82]\xe1A]\xc1\'\x02E\r\xf3\xe1\xefR\xe3"\xcc\xa5\xfc\xad\x1c\xcd\xce\x1e%\xbfo\x1e\'\xa5\x94\x16\xf6\xcb\x9a"\xf3\xa6\x81.mS\x8f\xfe\xb9@\xf1\x03\x03\xe0\x0f(%i\xf5\x93\x01 \x14\xd0\xaa\xcb\xfd)\xd9Ip\x8cC8RJs\x19:\xc1s-\xfa\x10\x02\x07\x8b\xe5\xc8\x85\xc3\x85`6\xcb\xa2\x95E\x95\xd5\x1a\x00\x9c\xd5-\x0bg\x80\xa3\x13!\x84\x11\xf8\x87\x8b\x93\x12B\x0c1k\xf1~\x00h\x94\xe3n\xdd,\tB\xc7\xb6\x95P&lt;\xc0v\xcd\x1f\x08!\xea5\xcb\x00\x00)d\xd1\xde2\xa6\xb2\xa3_\xcb/\x01\x08%\xa1@\xd8\xfc\x0e\xbb\xcbZ{\xc7\x89j\t\x01 \x00\x93f\xee"\x04\xd2S\xecg\x9c\x9e\tA\xfd\x9f\x1fA\x8e\xa2\x90\x90@\xad\xacpO\xd5\xfce\x05\x00\xd0\xaf{\xb65\xd9\xce\r\x1c\xca\xfb3\x0c\x80\xdf\x11J\xb4\xb0Q\xbfy\xa6\xddi\x05\x80]\xeb\xf3\x8e\xedl\x91\x922Z^Tm~\x94\x98\xe6=\xb6)\x04T\xd7\x84\x94\xd4\xa6\x1c\xd8Q\xf1\xe3\xfc&lt;)aH\xaf\x9c\x84l\x17\xd7\xb0\xd6\x88=\x82\x0bp\xaa_L\xdbin\x02q\xe9\xd9\x8d\x81\x0b\xc0\x82\xfc\x0b\x0c\x80\xdf\x11B\x8c\xb0\x91\x92\x9d\xd8\xa0u6\x10\xd8\xbcl\xa7\xaf2@\x95\x7f\xbf\t\xe0\xf0w\xd8\xbf\xad\x00\x00\x98B\xd3s\x93\xb9\x8ec\x8e\xb1DpI\x9c\xea\x9b\xe36T\xfb4B\xe0\xc6\x0b[\x80!\xb1\xd6\x889R\x02UY\xb0$8z\xc2FJH\x87V\xc9g\xf6\xc8\x96~\x9daO\xee/0\x00\xfe@J\xa9\xa8\xec\xb4~\xadABI^\xf9\x86%\xdb\xedN\xebQ\xee\xeaC\x19\r\xfaB[W\xec\x06\x80\x94\xac\xc4\xf4\x06\xa9\xbav\xb4{\xd0\xa3:\xc7\xb9T\\\x96\x1d\xebJ\xde\xf9|\x13\x018\xab[v\x8f3\xea\t\x9f\x86\xb5F\xcc1\x0cA\x13\xad/\x7f\xb0fW^\xb5\x90\xf2\xdek\xda1\xa7\x85\xe3\xde\\G\x82\x01\xf0\x07\x84\xd1\x90?\xdc\xa9_\xeb\x844\x0f!d\xe6\xb8EGy+\x80\xe0\xc2\xe6\xb4nY\xbe+\x7fW1\x00\xb4\xee\xd9\xf4\xb7\xc7Ib\xed\x11\x0b\x84\x90\xa0\x10)\xe4\xf5\x0f\xcf\xf7\x05t \xe4\xb9\xbb;\x03\xc1\x87\x87\xc4\x1e]\x17j\xb2m\xf9\x82\xbc\xe7\xde_\r\x00\x9d\xdb\xa6^zAsQ\x15\xc6u\\G\x84\x7f\x94? \x00\x86\xce\x13\xd2\xdc\xfd/\xef.\xa5\xdc\xb79\x7f\xd6\xf8\xc5\x9ed\x17\xd7\xffi9\xa8\x14\x922j\xe8\xc6\xd4\xf7\xe7\x12 \x8a\xca\xce8\xf74=\xacc\xf3?&amp;pCP\x852\x97\xe5\xe6\xfb\xe7.X^\x00\x00\xf7\\\xd3\xb6\xcb\x999\xbc&amp;\x8c\xcd\xff\x18"%\xe8\xbaP\x93l\xbb\xb7W\\x\xfb\xecP\x98+\n}\xef\xa93\x99J\x01\xb7e\xfc\x1b\x18\x00\x7fF\x19\rT\x87\xfa^\xd2\xad~\xcb,\x00\x98\xfc\xfe\xcfK\xa7\xaeIH\xf3\xfc\xf6\xfc\xf7?\xec?\xfb\xdb#\x01\xa8B\x9d\x1e\xfb\xc4\x97~\xdc\xb3\xe9\x80\x94\xf2\xcc\xf3;7h\x99\x1d\x0eh\xc7t\x171\xaa\rBH\xce\xa5\x90\x7f^\xcc\xf5\xdb\xd6\xc1\\\x08!Y\x82-\xc8\xe55\xa3f}\xf8\xf5\x16\x00\xe8\xdb%\xf3\x7f\xff\xed\xc1\xab\xc3\xf8\x84\xe7\xa8\xc2\xb94\xaf\xbf?\xd5\xe5R\x027w\x81fDMs,_^\xd0\xef\xb2\xc9\xe6\xdd\xbfo=\xda\xa3S\xf7l^\xa3\xe1:\xae\xbf\x83\xa7\xf8\x11H!\x99\xc2\xae{\xf2|\x87\xdb\xc6u&gt;\xf6\x91I3\xc7-r\xb8m\x0e\x8f\x9d)\x0c~\xdbIX\x12J,V\xd5\x9d\xe444&gt;\xf6\xd1I\xf3\xbe^\x06\x009\xcd2\xce\xbb\xb5\x7f\xd0\x17\xc2\xea\xa3\xeeII\x1d*K\xb0R\xabB(1+}s\x13y\xc2\x08u\xa8J\x92\x9d\xda\xd5\x19\xb3w\xf7&lt;\xef\x9bO\xbf\xdf\x06\x00\xdd\xdb\xa7}\xfb\xe1\x10F\x81\xe0\xb6\x91Q\x86%X\x99\xcbBTj\xdeq)\x0e\xa6:Q)s[\x94d{u@\x7f\xee\xc5_\xce\xba\xf4\x87\xdd\x07j\x00\xe0\xe9\xbb:\xdfrS\x07\xa3&lt;\xc4\x8e\xe2\xf1aq\x0bo\x04;\x02BI8\x10\xcen\x921\xea\x95\xcb\xdf\xbd\xef\x0b\x7fU\xf0\x8b\x17\xa6\xae[\xb8\xb5\xf7\x05\x9d\x1b\xb4\xccr%8\x98\xa2H)\xc3A\xbd8\xafl\xd3\xaf;\x17|\xb3\xbcx_\x19\x00d5J\x1b\xf5\xeaH\xd5\xa6\xea\xa1c\xdbD\x08E\x9c\x10\x92:\xd4\x05\x0b\xf3J+B\x9d;\xa4\xa5%\xda\xad\x0e\x85\x98\x03\xc1\x86\xf0\xf9\xb4=\xdb+\x16\xae(\xf8\xfa\xc7]s\x7f9`~\xcb%g7\x1e\xf3b_\x97C\x15!\x03w\x8c\x89"\x04\x0cC~1ac\xd3\\o\xb3\\o\x92\xd7Jl\n!\x04\xa4\x840/-\tl\xd8Y9cA\xde\xd7\xd3v\xee\xda_\r\x00.\x87\xfa\xda\x7f{\xdcp];\xa32\xa4`9\xfe#\x0c\x80#\xa3\x8c\xfak\x82\xcdOot\xef\x07\xd7Oxn\xf2\xce\xb5\xfb6.\xd9\xbeq\xc9vW\xa231\xcdcsX\xb8!|U\x81\xb2\xfcJn\xfc6=p\xfa\xc06\x97\xde7\xd4\x95\xe0\x08\x074\x8a3NuM\x08I\x1d\xca\x94\xb9{_\xfeh\x9d\xd7mIO\xb1\xa7$\xd8\x9cvUHY\xe3\xd7\x8b\xca\x82y\x05\xbeC7j4o\x98\xf0\xf0\xa8NW]\xd2\x124.\xc2X\xfbG\x11\xf3N|F\xe1\xee\xe7\x96\x96V\x86\xd2S\x1c\x19)v\xaf\xc7bSYX\xe7\x95\xd5\xda\x81"\xbf\xb9\xe13\x00\x10B\x86\xf7k\xf0\xec=]\xdatH\xe7\x15X\xfb\xff;\x0c\x80\xbf\xc5\x18\r\xd4\x043\x1b\xa5\xdd\xfd\xee5K\xa7\xaeY2y\xf5\xde-\xf9\xbe\n\xbf\xaf\xc2\x7f\xf8\xcb\x1cn{\x93\x8e\xf5{\x9d\xdf\xb9\xdd\x99\xcdu\xcd\x08\x07u\xac\xfd\xa3\x85!\xb2\xd2\x9c\xaaB\xabj\xb4\xaa\x1am\x1bT\xfd\xe9\xeb\xa9\xc9\xf6\xae\xed\xd3.\x1e\xd2\xf8\x82\xc1\r\x1d)vQ\x19&amp;\x87m&amp;\x83\xa2\x85\x04 \xa4q\x03Oie\xa8\xa84p\xe8Q\r\x87PJ\x9a\xe5z\xcf\xea\x9e}\xf9\xb9M{v\xcb\x02\t\xbc"\xc8\xf02&lt;\n\x18\x00\xff\x842\xaa\x055BI\x9f\x8b\xbbv\x1f\xde\xb1`W\xf1\x81\x1dE\xe5\x85U!\x7f\x98*\xd4\xe9q\xa4\xe6$e7IO\xab\x97D\x08\t\xfaB\x80\xd5G\xd4P\x14\n5\xda\xad#[\x0f\xe9\x95\xb3+\xafz\x7f\xa1\xbf\xbc2\xec\x0f\xea\x00\xc4\xedT\xd3\x92\xed\x8d\xeb{Z4NH\xcdr\x81J\xc1\xa7\xf3\x8a0\xc3\x06c\xf4\xf9m\xe7&amp;B~\xfcp\xc8\xf6=U{\xf2k\x8aJ\x82\x955\x9a\xa6s\x85\xd1D\x8f\xb5^\xa6\xb3y\xae\xb7Y\xc3\x04K\xb2\x1d\x0c!|\x1a\x00`\xed\x7f\x940\x00\xfe\x859\x94\xef\xaf\nPF\xeb5\xcb\xccm]\x8fPrh\x878\xc1\x85\xa1\x19!\x7fX\x82\xc4Y\xdf\xa8#\xc1ba-Z\xa5\xb4h\x97\x06\x7f\xad\xdc\r\x01a.\xfc\xba\xf9\xc4p\xac\xfd\xa3\x9a\x94I\xc9\xf6\xae\x99\xae\xae\n\xf9\xf3\xbd\xd9B\x82. \xccyE\x08\x08\xe0\xca\xddc\x82\x01pT\xccQ\x1d-\xa8\x85\x03\x7f\\\x84F\x80\x10B(\xc1\r#\xa3\x94\x94"pp\xff\xe7?"\x84P\xec\xb1\xc5\x0e\xa9\x0b\xa1q)\x01\xfeX\x94\xe6\x06\xaf\x84`\x84\x1f\x0f\x0c\x80c\x80\x15},:X\xc5c\xc1\xc56B\x80\xfd\xe3V\xde\xe88\xe0\xa8\x05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8a|\x00\x10B\x08\x89\xf8\xbb\xa2\x93\xca,BJ\xb1 c\x1e5\x8b\x12\xaf\xc9\x18WK\xf5j\x84\x03\x80Pb\xe8\xdc0\x04\x86@\xec"\x04\xb4\x90N)\xf5\x07\x8d\xba&gt;\x16t\x02\x08H!\x83aN\x08\t\x86\r\xc0K2v\x11\x12\n\x1b\x06\x8f|\x19F,\x00\xcc\x1a\xbfq\x93\xc6\x8c[\xaaJ\xab\x19cRF\xea\xbd\xd1I$%S\x95\xfc]\x85\t\xde\xec-\xbb\xab\x80`)\xc6*\xc6(\xf1\x85\x8b*dbJ\xbd-;\xcb\xc0\xaa\x08\xbc&amp;c\x90\x90\x12,l\xdb\xee2wB=\xbb\xcd\xca9\x8f`\xf3:\x92=\x00)\xa5\xc3\xe9Hp\'\xfa\xaa|\x8c\xe1\xecB\x0c\xab\xa9\xf0\xb7i\xdd\xa6\xda\'@\xc7\xce\\\xcc\xa2$\xe0\x0b)\x16W\x93&amp;\xcd\n\x8ak@\xa1\x80\xf5\x7f,\x92\x00\x8c\x96\x94\xf9\xd332#~1F\xb2\x07 \x84PU\xa5Av\xc3\xbd\xdb\x0f\xa86Ubs#\x16\x11\xe0:\xcf\xdbRx\xd3M\xd7\xee\xca7\xf4\xca fy,\x92R\x12\xab\xb2}W\xa9\xea\xc8&lt;\xf7\xdcs\x17\xad\xc8\x93*\xc3K2\x16I)\xa5\xca\x96\xaf/n\xdd\xa6\x83\xf9a\x04\xdf&lt;\xc2=\x00\x00\xe8\xd6\xb5\xfb\xae\xf5\xfb\x15\x85\x01\x9em1HQ\xd5\xf2\xe2\n\xbd\x86\x9c=t\xa0`\xc9\x9bw\x94\x80M\x11\x02\x8b2\xc6\x08\x01\xd2\xa6\xfe\xb2\xb6\xa0~n\xcba\xc3\x06\xad\xdd\xea#!\x9d\xe0\xac~\x0c"\x94\x90\xb0\xb6aG\xf0\xcc3z\x00\x00\xa5\x91\xac\xb4#\xfa^\x94\x02\xc0\xd9C\x87\xe4o*\xf1\xd7\x04"{\xa0\xe8$\x10B\xd8]\xb6\xf5\xbflm\\\xafyb\x92\xb7U\xdbn?\xcc\xd9\tN+\x06@\x0c\x92\x04\xe0\xc7\x05\xf9g\xf4\xea\xd3\xa6e\xd3\x92@b\xde\x96"\x86\xfd\xf2X#\xa5d6u\xff\xd6\xa2\xa2\x1ao\xcf\xee\xa7C\x94\x07\x80\x10\xa2Y\x8b\xa6\xa9\x8e\xec\xcd\xab\xb6\xdb\x9cV&lt;\xdbb\x8c\x04J\xc9\xea\xb9\x9b\xce\x19~.\x00\x9c7\xe2\x9c\x99\x8bK\xa4?\x8c\xebAc\x8b\x94@mj\xf1\x8e\xe2]\x85\xf6^gt\x03\x80v\x1d{\x7f=c+\xb8\xac\x9c\xd7\xf5\xc1\xa1c\xc1\x05\x80\xcb:i\xc6\xd6V\xed\xcf\xb0\xd9,&lt;\xd2\xe5\x17\xe1F\xba\x10BQ\x94\x91\x97^\xb9x\xca*\xab\xdd"\xb8\x88\xec\xfb\xa3\xda#\xa5T\xad\xea\x81\x9d\x05z\t\xbb\xe4\xf2\x8b\x85\x10\xfd\xfa\xf6\xe4\xb6\xe6\xcb\x96\xec"n\xec\x04\xc4\x12.\x04\xf1\xd8&gt;\xfb~C\xe7\x1eC3\xd2S\x00\xe0?\xff\xb9\xf9\x9b9\x85\x10\xd2\xb0[\x1e[(\x01\x08k\x93f\x17\xder\xf3M\xb5\xf2\xfe\x91};\xc6\x98\x94\xf2\xda\x1b\xae)\xdf\x1e\xc8\xdb\x91o\xb5c\' f\x08.&lt;\x89\xae\x19\x9f\xcf\x1b1\xe4\x02\x8f\xc7\xadi\x1a!\xe4\xba\x1b\xfe\xf3\xd2\x87+\x88\xdd"1\x00b\x07eTV\x07\xc7M\xce\xbb\xfb\xff\xee\x00\x00\xc3\xd0{t\xeb\xa4z\xdbN\x9f\xb6\x81&amp;:8\xc7\xa2\x8c\r\x9cK\x9a\xe8\x989m#u\xb79\xa3\xc7\xe9\x9cs\xc6Xd\x7fD\xa4o\x04#D\x08\xe1\xf6\xb8\xae\xba\xf8\xba\x1f&gt;\x98\xed\xf48\xb0\x13\x10\x13\xa4\x94V\x9be\xdf\x8e\xfc}+\xcaF\xdd\xf6\x1f)\xa5\xc5b\x11B\\v\xf1\x88\x1d\xa5Y+~\xde\xca\xbcv\xec\x04\xc4\x04n\x08\x9a\xe4|{\xcc\xaf\x8d\xda\x9c\xdd\xa6u3!\x04!\x14@\xde}\xcf\x03\xcf\xbe\xbfA\xea\\\x12\\\x0e\x1a\x1b$\x01i\xf0g\xde\xdfp\xcf=\xf7\xd7\xd2\x8f\x88|\x87\xd0\x9c\tx\xe8\x91\x07\x8a\xd7\xfb\xd7/\xdd\xec\xf2:\x85\xc0\x0c\x88v\x82\x0bO\x92{\xdc\xf3\xdf\xdct\xe5\x7f\x1a\xe4\xd6\xe7\x9cSJ\xa5\x94.\x97\xf3\xe1G\x9e\xbe\xe5\xb1\xb9\xa02l8F?)%\xb1\xab\x15\xfb+\x9e\x1f\xbb\xf3\xe5\x97\xfeg\xf6\xbf\x19c\x9c\x8bs\x86\r\xb0\xa7\xf6|\xf7\xdd\x85J\x86\x87\xebxIF;C\x17J\x86\xe7\xbd\xf7\x16Y\x93\xbb\x9d;|Pm4\xff\xa1\x96\xf6\x02\x92RZm\xd6\xd7_}\xe3\xd3\xa7\xbf3\x0c\xb3*\x89\xf8\xcfA\x11\xc3\r\x9e\x90\xe2\x9d\xf9\xe5|\xa7?\xf5\xbe\x87\xee=t\xaa1\xc68\xe7\x17_8&lt;\xab\xf9\xb0g\x9f\x99\xa9fx\x0c\x9d\x03\xce\x07G1CH\xea\xb6]}\xc7\x94[n\x7f\xacan\x8e\x10\xc2\\4bv\xcd\xdf{\xe7\x8d\x17\xc6\xe5\xefZ{@q[\x05\xe6y\x14\x13\\*n\xeb\xeeu\x07\x9e\xffd\xff{\xef\xbc)Dm\xdd\x8fY+SBf\xc5q\xeey\xe7\\1\xfc\xbaw\x1e\x1a\x97\x94\x96 p\xf1A\xb4\x12\\8\xdc\x8e\xfd\xbb\xf2\xa7\xbf\xb3\xf8\xf3\xcf&gt;SU\x95\x1c\xb6\xef\x94\xd9\x9f\x1b\xff\xc9\x98\xb1?\xea\x8b\xa6oT\xd2\xdc\x86\x86E\x19\xa5t\x8d\xab\xd9\t/=7+\xe8\xe8\xf9\xc8\xc3\xf7\x1c\xdef4\xfbs\x8d\x1b\xe7&gt;\xf7\xe2{\x17\xdc4\x05\x18\x91\n\xc5y\x9d\xe8$\xa5\x94\x8c\x82B/\xb8i\xca3\xcf\xbf\xdb\xa4IC)e-\xad\xaa\xaf\xad5\x01\x94R\xc30^~\xfd\xa5\x84P\xf6\x17o~\x9f\x9a\x95\xccu\xac8\xa2\x8e\xe0\xc2b\xb3\xe8\x9a\xfe\xe6]\xe3\xdexit\xb3\x16\xcd\x0c\xc38\xfcT3\xfbs^\xaf{\xdc\xf8\xcf\xaf~`\xc9\xbe\x1d\xc5J\x82\xc3\xc0\x01\x84\xe8\xa3k\\\xcd\xf2\xce\xf8z\xd5\x87S\xb5/?\xff\xf4P\xdb\xff\x10\xc6\x98a\x18#/;\xbf\xfb\x80\xff\\y\xe3W,\xd9\xc9\x010\x03\xa2\x8d\x94\x92K`)\xce\xabn\xfc\xaaK\xbf\x9b\xaf\x1cy\xa1a\x18\xb51\xf8c\xaa\xad\x00 \x84\x98+\x82~\x9c1\xad|\x05\x9f8zJzN</t>
        </is>
      </c>
    </row>
    <row r="34">
      <c r="A34" s="1" t="n">
        <v>32</v>
      </c>
      <c r="B34" t="inlineStr">
        <is>
          <t>shape_size_hexagon</t>
        </is>
      </c>
      <c r="C34" t="inlineStr">
        <is>
          <t>What is the size of the missing shape denoted with a question mark if it is a pentagon?</t>
        </is>
      </c>
      <c r="D34" t="inlineStr">
        <is>
          <t>['small', 'medium', 'large']</t>
        </is>
      </c>
      <c r="E34" t="inlineStr">
        <is>
          <t>medium</t>
        </is>
      </c>
      <c r="F34" t="inlineStr">
        <is>
          <t>There are 7 shapes with different sizes in the image, of which there is a missing pentagon in the center. The other shapes are arranged around the center, which are ['pentagon', 'hexagon', 'triangle', 'pentagon', 'hexagon', 'triangle'] in anti-clockwise order. Their corresponding sizes are ['medium', 'large', 'small', 'medium', 'large', 'small'].</t>
        </is>
      </c>
      <c r="G34" t="inlineStr">
        <is>
          <t>We observe that the pentagons are medium size, the hexagons are large size, and the triangles are small size. Hence, the pattern is that each shape appears with a distinct size.</t>
        </is>
      </c>
      <c r="H34" t="inlineStr">
        <is>
          <t>Based on the pattern that each shape appears with a distinct size, the size of the missing pentagon should be medium.</t>
        </is>
      </c>
      <c r="I34" t="inlineStr">
        <is>
          <t>b'\x89PNG\r\n\x1a\n\x00\x00\x00\rIHDR\x00\x00\x02\x00\x00\x00\x02\x00\x08\x02\x00\x00\x00{\x1aC\xad\x00\x00N\xffIDATx\x9c\xed\xddy|\x14U\xba7\xf0S\xa7\xaa;!\x90\r\x10"\xe2\xc6\x12\xf4\n\xce\x10\x86+(\xbbB\xd0Q\x91a\x11T6G\xc5\xcb&amp;\xab\x80\x100,\n\n\x82\x08\xde\xc1\xab#\x8b\x82\xb28\xa3\xa33\x06e\x17D\x85\xf8\xaa\xb8\x10\x0cn\xa3\xc4\x08\xd9\x03\xa4\xbb\xce9\xef\x1fOR\xd3\x86\xc5,\xdd]\x95\xae\xdf\xf7\x0f&gt;&amp;\x84X]\xdd\xe7&lt;gy\xea&lt;\x9aR\x8a\x01\x00\x80\xfbp\xbb/\x00\x00\x00\xec\x81\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86\xdd\x17\x00\xff!\xa5TJ\xd9}\x15!\xc79\xd74\xcd\xee\xab\x00\x00\xa6\xb9\xa1\xc7\xa9\x13\x94R\xe8\x16\x01 \x9c0\x03p\x04\xea\xfd\x0f\x1d:TXX\x18\xf1a %%%..\x8e1\x16\xf1\xaf\x14\xc0\xe10\x03\xb0\x9f\x94R\xd3\xb4\xaf\xbf\xfe\xfa\xea\xab\xaf\x16B\xd8}9!7r\xe4\xc8\x17_|Q\x08\xa1\xeb\xba\xdd\xd7\x02\xe0j\x08\x00\xf6\xa3\xaep\xf0\xe0\xc1\x9b7o\xf6x&lt;\x11\x1c\x034M\xd34\x8ds\xfe\xfe\xfb\xef\xa7\xa4\xa4H)9G\x1a\x02\x80m\x10\x00lF\xbd\xff\xb6m\xdbRSSu]\xa7\xde_\xd79c\x91\xb6&lt;\xa2\x94\x94R\xd1k\xec\xda\xb5\xeb\xce\x9d;\x19c\x98\x04\x00\xd8\x08\x01\xc0NJ)\xa5\x94\x94\xb2m\xdb\xb6YYY\x9a\xa6\xd1rP\xa4\xbe)\x1ac\x8a1\xc30L\xd3\\\xb7n\xdd\xb0a\xc3\xb0\x10\x04`\xa3\x88\xedk\xea\x04\xea\xfeV\xadZ5n\xdc8\x1a\x1aS\x17\xd9\xa5\xe3\xef\xbdQ^\n\x06v_c\x10H)y\x94\xf7\xc8\x97_\xff\xf4\xf3/\xb4\n\xa4\x94j\xd1\xa2\xc5\xa1C\x87bcc\xe9;v_#\x80\x1b!\x00\xd8\x86\x86\xff\x85\x85\x85-[\xb6,((`\x8cq\xce\x85\x10\x03o\xbdi\xf3\xa6\xbf\xb03e,b\xbaE)Y\x83\xfa\x07w\xee\xbf\xe1\xf6\x91\xa6)\xa4\x944\tx\xf4\xd1G\xe7\xce\x9dk\x9a\xa6a \x1b\r\xc0\x06\x08\x00\xb6\xa1\xe1\xff\xb8q\xe3V\xadZE\xc3\x7f\xce\xb9a\xe8\x9f\xee\xd8\x9c|u\xab\xb2\xe2R]\x8f\x9c\rRa\x9a\xd1M\x9b\x8c\x181q\xdd\xe6\x7f\x18\x86.\x84\xe4\x9c7h\xd0 33\xf3\xca+\xafTJa7\x18 \xfc\x10\x00\xecA\xcb;\x99\x99\x99\x9d:u\x92RJ))\x06\xcc\x1c\x7f\xefc\x8bf\xfaN\xe4\xe9\x915(\x96Jq\x8f\xe7\xe7\x9f\x7fi\xd7}@Aa\x91R\x15\xd3\x9d\x81\x037o\xde\x8c\x9d\x00\x00[`\xd8e\x0fz\xf2k\xca\x94)\xa6i\xd2"\xb8\x94\xb2i\x93F\x93\xc7\x8e\x94%\xa5&lt;\xe2zC\xaei\xe2\xcc\x99f\xad\xae\x98t\xff\xddR*\x9ds\xea\xf4\xb7l\xd9\xb2{\xf7n+\xfd\t\x00\xc2\t\x01\xc0\x06\xd4\xf7m\xde\xbc\xd9\xea\xfb8\xe7J\xa9\xc7g\x8eo|\xe9\xc5\xfe3e\x11\xb9)\xcau\xc3\xcc/\x9c6\xf1\xbe\xe4\x96\x97\x0b)\xe9%S\x14,++\x8b\xe0\xdc\'\x00\xc7B\x00\x087\xea\xe6|&gt;\xdf\xacY\xb3\xe8K]\xe7B\x88\xae\x9dR\x86\x0f\x1f\xe8\xcf+\x88\xd4\x1dQMcR\x88\xa8\x061O\xcf\x9f\xa6\x94\xd24F\x0f\x82\x1d:t\xe8\x95W^\xe1\x9cK)\xed\xbeF\x00wA\x00\x087Z\xee_\xb2d\xc9\xd1\xa3G\r\xc3\x90R2\xa6\xe9:\x9f7\xed\x7ft\xc3\x88\xecQ\xb0\xae\xeb\xfe\xc2\xe2\xbe\xb7\xdc\xd8\xbb{\'!\xa4\xaes\x8a\x013f\xcc\xc8\xcf\xcf\xc7$\x00 \xcc\x10\x00\xc2\x8a\xfa\xbb\xec\xec\xec\xc5\x8b\x17\xd3.\xa8a\xe8B\x88\xa1\xfdo\xee\xd1\xb7\xa7\xaf\xa0\xd0\r{\xa1J\x88\xa7\xe7?l\x18\xbaR\xe5{!999iii\x98\x04\x00\x84\x19\x02@XQ\x7f7o\xde\xbc\xa2\xa2"J|\x94R\xc5\xc56\x983\xf5Ay\xfa\xb4\xc6#\xbf\xf7\xe7\x9c\xfbKN]\x9d\xd2\xf6\x81{\x06X\xb9O\x9c\xf3\xd5\xabW\x1f9r\x041\x00 \x9c\x10\x00\xc2\x87\xf6~\xf7\xec\xd9\xf3\xf2\xcb/\xeb\xban\x9a&amp;\xad\x81L\x1b3\xbc\xf5\xef\xfe\xcb_z\x8a\xf3\x08\xdc\xfb=\x1b\xd7\xb9,=5o\xe6\xf8\xa6M\x1aQD\xd44\xcd4\xcd\t\x13&amp;`\x15\x08 \x9c\x10\x00\xc2JJ\x99\x96\x96F)\x8f\x9cs\xd3\x14\xadZ\\6\xed\xa1\xfb\xcc\xbc\x82\x08K\xfc\xbf\x00M\xd3\xfcg\xca\x1a5Ozl\xc68Z\x13\xb3N\xc4\xdb\xb6m\x1bRB\x01\xc2\x06\x01 L\xa8\x8f[\xbf~\xfd\x9e={\xca\x8f\xfd\xd14\xc6\xd8\x82\x87\xc7D\xc5\xd6\x97\xa6p\xc5\xe0\xbf\x82n\x18fA\xe1]C\xfb\xa5\\{\xb5\x0cH\t\x9d0a\x82\xcf\xe7\xc3&lt;\x00 &lt;\x10\x00\xc2\x81z\xb7\xbc\xbc\xbc\x193f\xd03_\x14\x03\xbau\xeep\xe7]w\xf8\x0b\nu#\xf2W\xff\x03i\x8cI!\xa3\xeb\xd7_\x926\x89n\x0e\xdd\x93#G\x8e,Y\xb2\x04;\x01\x00\xe1\x81\x00\x10\x0e4\xc8}\xea\xa9\xa7rrrh\xb4\xab\x942\x0c}\xc9\xdc\xc9\xca\x14*\xe2\x8e\xfe\xaf\n]\xd7\xfd\x05\x85=zw\x1d\xf0\xc7\x1bizD\xbb\xc1K\x97.\xcd\xc9\xc9\xa1\x90`\xf75\x02D8\x04\x80\x90\xa3\xde\xff\xe8\xd1\xa3O&gt;\xf9$\xe7\\\x08\xa9\xeb\xba\x94\xf2\x81{\x06t\xecv\x9d\xbf\xb8Tw\xed9h\x9a\xc6\x84X4gR|\\,S\x8a1\xc69\xcf\xcb\xcb\x9b9s&amp;\x85I\xbb\xaf\x0f \xc2\xb9\xb5\xeb\t#Z\xe2\x985k\x16\xadn\xd3\x13\xb0\x89\tq\xf3f\x8c\x13\xc5%&lt;\x82\x8e\xfc\xac.\xce\xb9\xaf\xb8\xb4\xd5\xef\xfe\xeb\xa1\xfb\x86\n)u\x9d\x9b\xa6\xc99\xdf\xb0aCff&amp;\x85I\xbb\xaf\x11 \x92\xb9\xb7\xf7\t\x0f+\xbfe\xf3\xe6\xcd\x81\xc7\xfe\xa4O}\xb0Q\xf3$q\xc6\x17\x91\xc7\xfeT\x9dn\xe8f~\xc1\xc4\xb1#[^q\xa9\x10\x92sM\xd34\x9f\xcf7q\xe2D!\x04&amp;\x01\x00!\x85\x00\x10B4\xf6\x0f\xccp\xa7\xed\xcd\xe4\x96\x97\x8f\xfe\xf3P\xb3\xb08\xf2N\xfd\xac.M\xd3\x84\xcf\x9fxq\x93\xd9\x13\xefSJq\x8d\x9e\x8e6\xf6\xee\xdd\xbba\xc3\x06\xa4\x84\x02\x84\x14\x02@\x08\xd1\xea\x7f\xe03\xae\x9a\xc6\x94RO\xcf\x9b\xe6\x8d\xa9\'\x85p\xf7\xe8\xbf\x9ca\x18\xfe\x93\xf9\xc3\x86\r\xe8r]{S\x08z8N\xd3\xb4\xf4\xf4\xf4\xc2\xc2B\xa4\x84\x02\x84\x0e\x02@\xa8\xd0\xf0????--- \xf5S\x0e\xbc\xf5\xa6\xbe\xb7\xdd\xe4/,r\xc3\xb1?U\xa4\x14\xd39_\x96&gt;\xd5\xeb\xf5(U~^^vv\xf6\xf2\xe5\xcb\xe911\xbb/\x10 2!\x00\x84\n\r\xff\xd3\xd2\xd2\xf2\xf3\xf3\xad\xd4O\xaf\xd7\xb3`\xc68e\x9a\x91S\xef7\x18t\x9d\xfb\x8a\x8a\xff\xd0\xad\xd3\x90~}\xa5\x94t@\x9e\xae\xeb\xcb\x96-;v\xec\x18v\x83\x01B\x04\x01 $\xac\x93\xeeW\xaf^m\x1du \xa5\x9c2zX\x9b\xf6\xd7\xf8\x8bKQ\x02\xb7\x12M\xd7Eq\xc9\xe3i\x0f5L\x8c\xb7\xba\xfb\xc2\xc2\xc2\xe9\xd3\xa7c\x15\x08 D\xd0\r\x85\x84\xdb*&gt;\xd6\x1ejF\x02\x84\x1f\x02@\xf0\xb9\xb3\xe2c\xed\xa1f$@\x98!\x00\x04\x99k+&gt;\xd6\x1ejF\x02\x84\x19\x02@\x90\xb9\xb9\xe2c\xed\xa1f$@8!\x00\x04\x13*&gt;\x06\x05jF\x02\x84\x07\x02@0\xa1\xe2c\xed\xa1f$@\xd8 \x00\x04\r*&gt;\x06\x0bjF\x02\x84\x07\x02@0\xa1\xe2cP\xa0f$@x \x00\x04\x07*&gt;\x06\x17jF\x02\x84\x01\x02@\x10\xa0\xe2c\xd0\xa1f$@\x18 \x00\x04\x01*&gt;\x86\x02jF\x02\x84\x1a\x02@m\xa1\xe2c\x08\xa1fd()\xa5\x10D]\x0e}Sm\xa1\xe2c\xe8\xa0fdHi\x9a\x86C\t]\x0eo\x7f\xad\xa0\xe2c\xa8\xa1fd(\xd0*eNN\xce\x17_|\x81y\x80\x9b!\x00\xd4\x1c*&gt;\x86\x01jF\x86\x02e\xa9=\xf1\xc4\x13C\x86\x0cAJ\x95\x9b!\x00\xd4\x1c*&gt;\x86\x07jF\x06\x97Up\xed\xc5\x17_\xfc\xec\xb3\xcf\xb6n\xdd\x8a8\xeaZ\x08\x005\x84\x8a\x8f\xe1\x84\x9a\x91Ad\x1dXRPP\xc09\x9f6mZaa!\xab8\xc8\x16\\\x05\x01\xa0\x86P\xf11\x9cP32X*\x1dX\xc29\xff\xe6\x9bo\x96/_\x8eI\x80;a\xfa\\\x13\xb4\x04\x91\x99\x99\xd9\xa9S\')\xa5\xf5\xe4\xd7\xcc\xf1\xf7&gt;\xb6h\xa6\xefD\x1e\x0e~\x08:\xa9\x14\xf7x~\xfe\xf9\x97v\xdd\x07\x14\x14\x16)\xc5h\xec?p\xe0\xc0\xcd\x9b7S\xbff\xf75\xd6\x01\xd4\xcb\xf7\xea\xd5\x8b\x1eY\xa7Orll\xec\xa1C\x87Z\xb4hA\xfbXv_#\x84\x0f\xde\xec\x9a@\xc5\xc7\xf0C\xcd\xc8\xda\xa3;\xb6a\xc3\x06\xeb\xc0\x12\xfa$\x17\x16\x16\xce\x9b7\x0f\xbb).\x84\xb7\xbc\xda\xac\x8a\x8f\x83\x07\x0f\xa6VD\x7f\xfeu\xd9\xa3\xa3\x1e\xb8\xbb\xecD\x1ej~\x85\x88R\x8ciLh\xda\xb5]\xfb\x1f=\xf6=\xa5\xd8*\xa5RRR\xf6\xed\xdb\xe7\xf1x(\x18\xdb}\x99\x0eE\xab\x94\xc5\xc5\xc5\x1d:t8v\xecX\xe0\xa3\xd44y\xda\xb1cG\xb7n\xdd0\x97r\x15\xcc\x00\xaa\x07\x15\x1fm\x84\x9a\x91\xb5A\x0f\xa9,_\xbe&lt;;;\xdbZ\xfc\xb1\x8e(\x17B\xa4\xa5\xa5\xe1\x06\xba\r\x02@\xf5\xa0\xe2\xa3\xbdP3\xb2f\xac\xbc\xa9e\xcb\x96YySJ))\x15\x0b\xd8\x19^\xbf~=\x16\xd3\\\x05\x01\xa0\x1aP\xf1\xd1!P3\xb2\xba\xac\xd4Ozr\x82\xd6\xc9\xda]\xdd\xaa\xcbu\xed\x19c\xd6\xa3\x153f\xcc\xc8\xcb\xcbC\x1cu\x0f\x04\x80j@\xc5G\'@\xcd\xc8\xea\xaa\x94\xfa)\x84\xd04\xce\x18{|\xe6\xf8\x17\x96\xa7\xeb\xba\xce\x14\xa3\xfc\x9f\x9c\x9c\x9c\xa7\x9ez\n\xf7\xd0=\x10\x00\xaa\n\x15\x1f\x9d\x035#\xab\x8b\x96\xf8im\x87v\xad\xbauN\xf9\xe3\xad7%\xb7\xbd\xea\x81{\xfe$*\x1ec\xe4\x9c?\xf9\xe4\x93G\x8f\x1eE\x0cp\t\x04\x80j@\xc5G\x87@\xcd\xc8\xaa;W\xea\'\xf3z=K\xe6NQJ\x89\xe2\x92\xf93\xc7\'&amp;\xc4\xd1A&amp;t\xd0\xde\xacY\xb3\x10G]\x02\x01\xa0JP\xf1\xd1iP3\xb2*\xac4\xff\xf4\xf4t\xba\'\x94\xff3\xa4_\xdf\x8e\xdd:\xf9KJ\x85\xdfl\xd4&lt;)}\xea\x83\xb4\x04d\xa58#\x8e\xba\x04\x02\xc0oC\xc5G\x07B\xcd\xc8\xaa\xa8\x94\xfa\xa9\x94RR6L\x8c\x7f&lt;\xed!Q\\\xa2\xe9:\xd7u\xb3\xb0x\xf4\x9f\x87&amp;\xb7\xbc\xbcR\x1c\xa5\x87\x1c\x11G#\x1b\x02\xc0oC\xc5GgB\xcd\xc8\x0b;;\xf5S\xe7\\*5\xe9\xfe\xbb\x9b\xb5\xbaB\x9c9\xc3\xa9~\x91\x10\xde\x98zO\xcf\xfb\xd5\xa3\x15G\x8e\x1cY\xbdz5\xe2h\xc4C\x84\xff\r\x94\x1e\xf7\xf5\xd7_\xb7m\xdb\xd64M)\xcb\x9f\xfc\x1a3r\xf0\xaag\x1f\xf3\xfd\x92\x87\xe1\xbf\x8d\xa4\x94FL\xbd\xec\xaf\xbf\xfdC\xef\xa1%%\xa5R)\xda\x9f\x1f9r\xe4\x8b/\xbe\xe8\xf2\x87Z\xe9\xe5\x8f\x181b\xdd\xbau4\xfc\x97R\xb6\xba\xf2\xb2\xc3\xfb\xfe\xae+\xc5\xd4\x7fN,\x94Bx\x12\xe2\x06\xdd5n\xcb\x9b\xefZ\'\xeb%$$dgg\'$$0\xc6\xf0|u\xa4\xc2\x0c\xe07\xa0\xe2\xa3\x93\xa1f\xe4\xf9\x9c+\xf5Sc\x8c-\x98^\xb1k\x15\xd8\xa5k\x9a2\xcd\x053\xc6y\xbd\x1e\x9a\xe0r\xce\x03\x8f:\xb7\xebU@\xa8\xa1\xff\xba\x10T|t&gt;\xd4\x8c&lt;\x9fs\xa5~\x9e{\xd7\x8as\xee/.m\xd3\xfe\x9a)\xa3\x87\xe1\xd1\nWA\x008/T|\xac\x13P3\xf2l\xe7O\xfd&lt;\xef\xae\x15\xd7uYR:y\xec\xc8\xa6M\x1a\xd1\xb2\'\x1e\xadp\x03\x04\x80\xf3B\xc5\xc7\xba\x025#\x03\xfdF\xeagq\x89~\xae\x13\xff\xe9\xd1\x8a\xc6\x97^\xfc\xf8\xcc\xf1\x81)\xa1\x81\xd3\xdf\xf0\xbf\x16\x085\x04\x80sC\xc5\xc7\xba\x055#-\xbf\x99\xfay\xbe\x7fh\x18\x86?\xaf`\xf8\xf0\x81];\xa5\x08!t\x9dW\xda\x00sU\x1cu\t\x04\x80sC\xc5\xc7\xba\x055#IUR?/\xf0\xcf\x95R\xbaa\xcc\x9b\xf6?\xba\xce\x19+\x1f\xf7\x1c=z\x14\x8fVD*\x04\x80s\xa0\xcf}ff&amp;\xa5BSW"\xa5\x9c2zX\x9b\xf6\xd7\xf8\x8bKQ6\xcf\x814]\x17\xc5%\x8b\xd2&amp;&amp;\xc6\xc7\x99f\xf9\x90\xbf\xb0\xb0p\xfa\xf4\xe9\xee\x19\xbd\x9eu\xea\xa7f\n\xd1\xea\xca\xcb\xa6M\xbc\xcf\xcc/\xe4\xfao\x1cX\xa2\xeb\xba\xaf\xa0\xb0G\xdf\x9eC\xfb\xdf|\xf6\xa3\x15\x88\x01\x91\x07\x1d\xd9\xb9\xf9|\xbeI\x93&amp;\x05V|\xbc\xe2\xb2f\x93\xc6\x8c@\xc5G\xc7\xa2\x9a\x91\x17\xb7\xbc\xec\xe1q#9\xd7x@\xcd\xc8\x8c\x8c\x0c7\xacbW/\xf5\xf3&lt;4\xae\xcb\xd3\xa7\xe7Ly0&gt;.\x96\xa2f\xe0c\xf0.\x89\xa3\xee\x81\x00P\x19\xed\x80\xe5\xe6\xe6~\xf0\xc1\x074\xe4\xa1\x85\xd4[o\xeav\xd1\x15\xcd\xfd\xa7\xcf \xf5\xd3\xb14\xae\xcbS\xa7\xef\x19\xf0\xc7z\xd1\xd1V*\x0bc\xec\xcd7\xdfd\x15\xd5\xdc"[\xd5S?\xcf\x87s\xcd_r\xaau\xfbk\x1e\xbao\xa8\x94\x92~I\xa5\x83\xb0B\xfc" |\x10\x00*\xd34M\x08\xd1\xbcy\xf3\xa1C\x87\xd2N\x00\xcd\x03^\xd8\xf0\xb7\xaf\x0e}\x1a\x15\x17\x8bY\xb0c))x\xfd\x98\xd9\x8bV\x96\x9e:]Q\xb0Az\xbd\xde1c\xc60\xc6"{\xe1\xae\x06\xa9\x9f\xe7c=Zq\xe5\xe5\x97\xd0\x19\xd1\xec\xd7G\xe1B\xc4\x88\xe4&amp;Qc4l|\xfc\xf1\xc7\x13\x13\x13iQ\x95s~\xfaLY\xda\xa2U\x8as\xe6\x82\x81d]$\xa4\xf4\xc46\xf8h\xcf\x07\x1b\xff\xf66\xad\xff\xd0\x04n\xea\xd4\xa9W_}5}i\xf75\x86J\xcdR?\xcfG\xd34\xe9\xf3\'6\xbdh\xd1#\x13\xe87[\x8bK\xf4h\x85i\x9a\xa1{-\x10N\x11\xdb$j\x83\xba\x8f\xa4\xa4\xa4\xf9\xf3\xe7\x07\x1e7\xbf\xe5\xcdww\xbd\xbb\xd7\x93\x10\x87q\x90\x03iJi\xba&gt;5\xfd)\x9f\xdfO1[J\xd9\xb2e\xcb\xe9\xd3\xa7\xd3\x9bh\xf7\x05\x86P\x8dS?\xcfG7\x0c\x7f^\xfe\xe0!\xfd\xbau\xee@\x1f~\x8a\x04\xe9\xe9\xe9T\x0e\xcf\r\xebin\x10\xc9\xad\xa26\xa8\xfb\x18=zt\x9b6m\x02\x8f\xc9\x9d:o\x99\xef\xf4\x19\xae\xeb\xf8\xfc;\x8a0MO\xc3\xc4M\xaf\xbc\xbe\xe7\xfdC\xd6\xfe\xa7Rj\xee\xdc\xb9qqT\xed$bwnj\x99\xfay&gt;J\xd3\x94\x10K\xe6N\xa6\x03\x82*\x15\xc4\xc6Bhd@\x0087\xea&gt;\x0c\xc3X\xb1b\x85u\xdc&lt;\xe7&lt;\xf3\xd3/W?\xb7\xc1\x88\x8f\x95\x98\x048\x86R\x8a{=\xf9?\xff2\xe3\xb1\x15\xd6\x02\x88\x10\xa2[\xb7nw\xddu\x17\x9d\x0ca\xf75\x86\xd0o\xa5~\xd60iM\xe7\xdc_\\\xd2\xb1[\xa7!\xfdR+\x1e\xad\x90\xba\xae/Y\xb2\xe4\xe8\xd1\xa3\xeey\xb4"\xb2!\x00\x9c\x17u"}\xfa\xf4\xe9\xd3\xa7\x8f\xf5(\x00\xe7|\xee\xd2\xbf\x9c\xfcw\x8e\x11\xed\xc5,\xd8!\x84)\x8c\xc4\x84\xe5\xab\xd6|\xf3\xdd\x8ft\x0e\x04c\x8cs&gt;\x7f\xfe\xfc\x88\x7f`\xfb\\\xa9\x9f\x8c16o\xda\x83\xde\xfa\xf5\xfc&gt;?\r\xdekF1\xcd_X\xb4p\xd6Cq\xb1\r\xcc\x8a,R\xaa\x19\xc9\xdc\x91U\x15\xf1\x90\xd8{!\xb4t\x90\x95\x95u\xed\xb5\xd7V.\x06\xf0\xcc\x02_^\x01\x8a\x01\xd8NJ\xa5\xd7\x8b\xca&gt;\xfam\xc7\xd4\xbb\x8aKJ\xadslF\x8c\x18\xb1f\xcd\x9a\x88/\t@\xdbQ\xbdz\xf5\xa2\xe4\x1f\xc6\x94\x10\xf2\x96\x9b\xba\xbe\xf5\xf6K\xac\xb0\x98\xd5r\xe7Cc\xcc/X\xe3\xc4\x17\x97?\x7f\xdf\xe4t\x8dk4\t\x10B\xec\xda\xb5\xab{\xf7\xee\x11\x7f{#\x1e\x02\xc0o\xa0\x8f\xf8\xec\xd9\xb3\x17.\\h=\x18\xc9\xb9\xf6\xe9\x8e\xcdW]\x93lV\xa4\x1b\x82]\x84iz\x1b7\x1c6b\xe2K[\xde\xa2Y\x9a\xa6i\t\t\t\x9f\x7f\xfey\xd3\xa6M)\x1e\xd8}\x8d\xa1be\xe8\x0f\x1f&gt;&lt;p\xe7#\xb9\xc5\xe5\x97\\z\xb1\xf4\xf9k\xff\xda\x95RL\xd34\xa6\xf6\x1c\xf8\x98\x82\r\xed\x87\xa5\xa4\xa4\xec\xdb\xb7\xcf\xe3\xf1X\x0f[@]\x84\x00\xf0\x1b\xe8\x14\xa0\x82\x82\x82k\xae\xb9&amp;77W)\xc5\xb9&amp;\x84\xec\xdd\xbd\xd3\xb67\xd6\xf8\x8b\x8a#\xb8\x7fq&gt;!\x847!n\xf7\xbb\xef\xdd8\xe8\x01\xc64Z\xee7Ms\xe1\xc2\x85\x8f&lt;\xf2Hd\x8fO\xe9\x93Y\\\\\xdc\xa1C\x87c\xc7\x8e\x85\xb3r\x0b\x05\x9b5k\xd6\x8c\x181"\xb2or\xc4C\x00\xf8m\xf4\x11_\xbbv\xed\xc8\x91#\xe9\xa3O\x7f\xbe\xf2\x97Ew\xde\xdd\xdf\x97\x87\xa2\xf0\xf6P\x8c1\xa6L\xae_\xdfg\xe8\xc7\x9f}E\x91X)\xd5\xaaU\xab\xc3\x87\x0f\x1b\x86\x11\xd9\x83S\xd34\r\xc3HOO\x7f\xf4\xd1G)\xecY\x7f\xc55M\x0b\xee\xb8D)\x11\x10]\xe8V7i\xd2\xe4\x8b/\xbe@\xcd\xc8:\r\xa3\xd7\xdfFIoC\x86\x0cIII\xb1\x8a\x82i\x9a6{\xf1\xb3e\xc5\xa5\xdc@J\xa8=\x84i\x1a\t\t\x1b6\xfe\xfd\xe3\xcf\xbe\xb2\x16\x7f\x94R\x0b\x17.\xf4z\xbd\xf4\x1e\xd9}\x8d\xa1"\xa54\x0c\xe3\x9bo\xbeY\xb1b\x85\xc7\xe3\xa1\x95.\x0b\xd34\x15\\\x8c\xfd\xea\xf73f\x18FNN\xce\xa3\x8f&gt;\x8a\x9a\x91u\x1af\x00UB\xa3\xfe\xbd{\xf7\xf6\xec\xd9\x93\xbe4t\xdd\x14b\xfe\xc3cf?:\xb9\xec\x97\x93\x91\x9dh\xe8@J)\xee1\xf2\xf2\x0b\xdbv\xfb\xd3/\'\xf2\xad\xbd\xdf&gt;}\xfadddD\xfc\xba\x04-\xf7\x0f\x1a4\xe8\xb5\xd7^\xb3\xf7J\x0e\x1d:\x94\x92\x92\x12\xf1\x8f\xdaE*\x04\x80\xaa\xa2\x19\xf7\x88\x11#\xd6\xad[W&gt;\xded,!!\xee\xf0\xee\xd7\x9a&amp;5\x16&gt;\x7f\xcd\x1e\xb7\x81\x9a\x11\xa6\xe9m\xdc\xe8\x91\x19\x8f=\xfe\xcc_\x036\xe7\xf9\xe1\xc3\x87\x93\x93\x93#{\xef\x97\x08!\xde{\xef\xbd\x8a\x01\xba\rh\xec\xdf\xa2E\x8b+\xae\xb8"\xb2\xe7[\x11\x0c\x01\xa0\xaah\x85\xe1\xd8\xb1c\x1d:t(..\xb6\x86\x9c\xc3\x07\xdd\xbav\xcd2\xdf\x89&lt;\x1d\x93\x80p\x91R\x1a1\xf5\xbe\xfa"\xeb\xf77\xdei\x9a\xc2\xaac&gt;v\xec\xd8\x95+WF\xfc\xf0\x1f X\x10\x00\xaa\xe1\xecm7:#e\xfb\xe6\xd5=n\xea\xeaC\x9d\xc8p\x91Rzb\x1b\xf4\xe97\xea\x9d\xdd\x07t\x9dK\xa94M\x8b\x8f\x8f\xcf\xce\xcev\xd5\x9e\xa4\x13\xce\xa4\xe2\x9c\xbb\xe4nG$\x04\x80j\xa0\x87*KJJRRR\xbe\xf9\xe6\x1b\xca1\x11Bv\xed\x94\xb2\xf3\xcdu\xf24\x9e\t\x08\x07!\x847&gt;\xee\xed\xb7\xde\xbd\xf9\xaeq\xba\xce\xadG\x93V\xae\\9v\xecX\x0c\xff\x01\xaa\x0e\x1dV5\xd0H\'&gt;&gt;~\xf1\xe2\xc5\xaa\xfc\x98\\\xa9\xeb\xfa\xde\x03\x99\xeb_\xda\xeai\x94\x88crCM1\xc6u\xddw\xea\xf4CiOj\x9a\xa6Ty\x8eV\x87\x0e\x1dF\x8f\x1e\x8d\xadH\x80jAk\xa9\x1e\x1al\x0e\x1c8\xd0z\x0e^)\xa9i\xda\x82\xe5\xcf\x17\xe4\xfc\xa2{q@PhIS\x18\tq\xab_\xd8\x98\x95\xfd\x1du\xfd\x94\xfa\xb9t\xe9R\xc30\xb0\x15\tP-\x08\x00\xd5f\xf58QQQJ))\x15\xe7&lt;\xfb\xdb\x1f\x16/{\xce\x88k\x80SBCG*\xa5G{\x7f\xca\xfe~\xee\x92\xbfp\xaeY{\xbf\x83\x06\r\xc2\xb94\x005\x80\x00Pm\xd6\x9a\x03\xd5\x8c4\x0c\x83N`\x7fj\xf5KG&gt;\xfe\xdc\x1b\xdb\x00\xcf\xc5\x84\x88\x12B\x8f\x8d\x9d9\x7fy~\x01\xd5$a\x8c1\xaf\xd7\xbbp\xe1B\xe6\x9a\x8d_\x80 B\x00\xa8\t\xca\x80\xa6\x9a\x91\xe5\xc5F4\xcd\xe7\xf3\xcf^\xb4\x125#C\xa4\xa2\xe2\xe3\x81W^\x7f\x9bsn\x9a\x82Nf\x9d:uj\xeb\xd6\xad#\xbb\xe2#@\x88\xa0\xcd\xd4\x04\x9d\x06\x81\x9a\x91\xe1\xf4\x9f\x8a\x8f&gt;\xd7U|\x04\x08\x114\x9b\x1aB\xcd\xc8prs\xc5G\x80\xd0A\x00\xa8!\xd4\x8c\x0c\x1b\xe5\xee\x8a\x8f\x00\xa1\x83\x00Ps\xa8\x19\x19\x1en\xae\xf8\x08\x10R\x08\x00\xb5B\x03\xd2\x15+V\xd0\xf9\xc3T=)\xbf\xa0h\xce\xa2\x95&lt;&amp;F\n\xa4\x03\xd5\x96\x94\xca\xd3 \xe6\xe8\xc7\x9f?\xfd\xfcF\xce\xff\xf3\xdc\xef\xb0a\xc3\xbau\xeb\x86\xd4O\x80\xda@\x00\xa8\x15\xda\th\xd3\xa6\xcd\xb4i\xd3\xa4\x94\x94\x97\xc29\x7f\xee\xa5\xad_~|\xd8\xd3 \x06)\xa1\xb5\xa4\xa4\xe0\xf5\xa2\xe7-\xfdKaQ1-\xf4+\xa5\x1a6l\xb8h\xd1"&lt;\xf6\x05PK\x08\x00\xb5E1`\xf2\xe4\xc9III\xd4%i\x1a3M\xf1P\xda\x13\x1a\xd6\xa6kG\x08\xe1M\x8c\xdf\x9d\xb1{\xe3\xdf\xfee\xd5b\x93RN\x992%))\t\xc9?\x00\xb5\x84\xf6S[\xb4\nDc\xd2\x8a\x94P\xa9\xeb\xfa;\xbb\x0f\xbc\xba\xf1\xef\x9e\x848ab7\xb8&amp;\x14c\\\xe7gJOO\x9a\xbbD\x08i\x9d\xbf\xdd\xbau\xeb\xa9S\xa7\xa2\xf7\x07\xa8=4\xa1 @\xcd\xc8Pps\xc5G\x80\xf0@\x00\x08\x02\xea\x98\xa2\xa2\xa2\x96/_\xae\xeb:\xa5\x84\xea\x9c\x7f\xfd\xcd\xf7O.\x7f\xdeH\x8c\x17\x02\xa7\x84V\x8fR\xca\x13\x1du\xe2\x87\x1f\x1fY\xb4\x92\xe2\xab\x95s5h\xd0 \xec\xfd\x02\x04\x05\x02@p\xe8\xban\x9af\xd7\xae]\xef\xbe\xfbn\xea\x9e\x84\x94\\\xd3\x96\xfd\xdf\xcb\xc7\xbf\xfe\xceS/Zb\x16P\x1dR\x08\xde\xa0\xc1S\xab\xd6\xfe\x9c{R\xab(q\x1e\xf8\xd4\x85\xdd\x17\x08\x10\t\x10\x00\x82\x86V~\xe6\xcc\x99\x13\x1f\x1fOO\x00h\x9c\xe7\xe5\x17\xce\x98\xbf\x8c\xd7\x8fQx.\xac\xca\xa4\x94\x9e\x06\xf5\xbf\xcc\xfct\xe9\xea\xf5\xd61\x1b\x95\x9e\xbb\xb6\xfb\x1a\x01"\x01\x1aR\xd0PW\xd5\xb2e\xcbI\x93&amp;YK\x16\xba\xae\xbf\xb4\xf5\x9f\xbb\xde\xde\xe5M\x88\xc7\x01AU\xa7\xe9\xfaC\xb3\x9f\xf0\xf9\xfc\x9aV\xbe\xc2\x96\x98\x988\x7f\xfe|7T{\x07\x08\x1b\xb4\xa5`\xa2N\x7f\xe2\xc4\x89-Z\xb4\xa88\x9fRI)\xe7&lt;\xf9\xbf\xc2ob\xe1\xa2*\x84\x10\x9e\xb8\xd8\xb7\xff\xb9\x9d\xea\xfd\n!i\x0f`\xfe\xfc\xf9\xff9{\x15\x00\x82\x01\x01 \x98P3\xb2\x96P\xf1\x11 \x9c\xd0\x9c\x82\x0c5#k\x03\x15\x1f\x01\xc2\t\x01 \xf8P3\xb2fP\xf1\x11 \xcc\x10\x00\x82\x0f5#k\x06\x15\x1f\x01\xc2\x0c\x01 $P3\xb2\xbaP\xf1\x11 \xfc\xd0\xa8B\x025#\xab\x0b\x15\x1f\x01\xc2\x0f\xed*TP3\xb2\xeaP\xf1\x11\xc0\x16\x08\x00\xa1\x82\x9a\x91U\x84\x8a\x8f\x00vA\x00\x08!\xd4\x8c\xac\nT|\x04\xb0\x0b\x02@h\xa1f\xe4\x85\xa1\xe2#\x80\x8d\x10\x00B\x0b5#/\x0c\x15\x1f\x01l\x84\x00\x10r\xa8\x19y&gt;\xa8\xf8\x08`/4\xb0\x90C\xcd\xc8sB\xc5G\x00\xdb\xa1\x8d\x85\x03jF\x9e\r\x15\x1f\x01l\x87\x00\x10\x0e\xa8\x19Y\t*&gt;\x028\x01\x02@\x98\xa0fd T|\x04p\x02\x04\x80\xf0A\xcdH\x82\x8a\x8f\x00\x0e\x81\x96\x16&gt;\xa8\x19iA\xc5G\x00\'@c\x0b+\xd4\x8cD\xc5G\x00\xe7@\x00\x08+\x97\xd7\x8cD\xc5G\x00GA{\x0b77\xd7\x8cD\xc5G\x00GA\x00\xb0\x81;kF\xa2\xe2#\x80\xd3 \x00\xd8\xc0\x9d5#Q\xf1\x11\xc0i\x10\x00\xecq\xe1\x9a\x91JJ\x15YLS\xa0\xe2#\x80\xd3h*rW\x9c\x1d\x8e\x16=V\xadZ5n\xdc8+%T\x08\xb1c\xcbs=\xffx\xa3\xcc/\xe4\xba\xceX\xa4\xbc;R\xb1\x06\xf5\xbb\xf7\x19J5\xbf(*\xb4h\xd1"33\xb3A\x83\x06\x1a\x9d\x90\x07\x00\xe1\x85\x00`\x1b\xea\x04\xa5\x94m\xdb\xb6\xcd\xca\xca\xb2\x0eCn\xdf\xee\xaa7_\xfd\x8bGI\xc6\x98\xc6"\xa1[\x14Bx\xe3c_\xff\xdb\xdb#\x1f\x9a\x13\x18\xea\xd6\xad[7l\xd80\xd34Q\xf3\x0b\xc0\x16\x08\x00v\xa2\xaep\xdb\xb6m\xa9\xa9\xa9\xd4\'\xd2\xf7\xe3\xea\xc7\xe8\x1e#r\xde\x1a\xc5\x98\xce\x0b\x0b\x8a\xe8\x15Y\x15\x1fw\xec\xd8A_\xda}}\x00.\x85\x00`3\x8a\x01\xa9\xa9\xa9\xdb\xb6m\x0b\xac\x87n\xf7u\x85\x10-\x01\xed\xdc\xb9\x135\xbf\x00\xec\x15\xe1}\x8d\xf3\xd1\x0epVV\xd6\xb5\xd7^+\x84\xa0u\xa1H]\x10WJ\x19\x86\xe1\xf7\xfbG\x8c\x18\xb1f\xcd\x1a\xf4\xfe\x00\xf6B\x00\xb0\x1f\xf5\x83\xb3g\xcf\xa6\x84\xc8\x88\xd7\xb0a\xc3\xcf?\xff\xbci\xd3\xa6\n\'\xff\x00\xd8\n\x01\xc0~\xf4\x16\xe4\xe7\xe7w\xea\xd4\xe9\xc4\x89\x13\x11\xbc\x04DgbO\x9f&gt;}\xc6\x8c\x19\x18\xfe\x03\xd8.b\xfb\x9a\xba\xe8\xf4\xe9\xd3g\xce\x9c\x89\xe0\x00@K[\t\t\t\x11\xbc\xcc\x05P\x87Dl_S\xe7\xa0O\x04\x800C\x00p\x10\x97\xbc\x17\x88s\x00\x0e\x81\x00\x00\x00\xe0R\xc8\xc1\x00\x00p)\x04\x00\x00\x00\x97B\x00\x00\x00p)\x04\x00\x00\x00\x97B\x00\x00\x00p)\x04\x00\x00\x00\x97B\x00\x00\x00p)\x04\x00\x00\x00\x97B\x00\x00\x00p)\x04\x00\x00\x00\x97B\x00\x00\x00p)\x04\x00\x00\x00\x97B\x00\x00\x00p)\x04\x00\x00\x00\x97B\x00\x00\x00p)\x04\x00\x00\x00\x97B\x00\x00\x00p)\x04\x00\x00\x00\x97B\x00\x00\x00p)\x04\x00\x00\x00\x97B\x00\x00\x00p)\x04\x00\x00\x00\x97B\x00\x00\x00p)\xb7\x07\x00\xa5\x94\xdd\x97\x00\x00\xf6@\xf3wu\x00\x10Bh\x9a&amp;\xa5\xc4\xe7\x00\xc0m\xd0\xfc\x99k\x03\x80RJ)\xa5\xeb\xfa\x89\x13\'8\xe7\xf49\xb0\xfb\xa2\x00 \x1c\xd0\xfc-n\x0c\x00\x14\xf95M[\xb5j\xd5\xef~\xf7\xbbq\xe3\xc6\x15\x17\x17s\xceM\xd3\xb4\xfb\xd2\x00 \xb4\xd0\xfc\x03i\xae\x9a\xfe(\xa5\x84\x10\x86a\x9c&lt;yr\xcc\x981\x9b6m\xa2\xef\xa7\xa4\xa4\xfc\xdf\xff\xfd_JJ\x8a\x10\x82F\x04\xf6^\'\x00\x04\x1d\x9a\xff\xd9\\4\x03\x90Rj\x9af\x18FFF\xc6\xf5\xd7_\xbfi\xd3&amp;\xc30\xe8;\x99\x99\x99=z\xf4x\xe6\x99gt]\xd74M\x08a\xf7\xc5\x02@0\xa1\xf9\x9f\x9br\x07\xbf\xdfO\x7f&gt;\xfa\xe8\xa3\xf4\xc2\r\xc3`\x8cq\xae1\xc68/\x0f\x84\x83\x07\x0f&gt;q\xe2\x84\xf5\xf3\x00\x10\x01\xd0\xfc\xcf\'\xf2\x97\x80\x94RRJ]\xd7\x8f\x1e=:j\xd4\xa8}\xfb\xf6\xd1\xfbM\xdf\xa4\x05A\xfaI]\xd7M\xd3LNN^\xb1bEjj*\xed\x0bY\x1f\x0e\x00\xa8s\xd0\xfc/,\xc2_\x1e\xbd\xc1\xba\xae\xbf\xf2\xca+\x9d;w\xde\xb7o\x9fa\x18\xf4\xd6\xd2\\\xafy\xb3\xa6\x14\t\xb9\xa6\x99\xa6i\x18FVVV\xdf\xbe}\xd3\xd3\xd39\xe7\xae\xdd\x1a\x02\x88\x00h\xfe\xbf\xcd\xa6\x99G8\xd0&lt;\xae\xa8\xa8\xe8\xbe\xfb\xee\xa3\x17\xab\xeb:c\xcc\xd0u\xfa2m\xca\xe8\xa2\x1f37&gt;\xf7D\xc3\x848\xf6\x9fY!\xa7\xb0\x9f\x9a\x9a\x9a\x95\x95E\xbf\x87\x92\x85\x01\xa0\xae@\xf3\xaf\x8a\xc8\x0c\x00B\x08!\x84R\xea\xc0\x81\x03)))\xf4\xdeS\xee\x17\xbd\xcd\xad\xae\xbc\xf4_\x9b\xfe\xa2N}-~\xccT\xa5G\x8f|\xf8\xd6\xf5\x1d\x7fW\xfe\xf6k\x9a\xf5ih\xd4\xa8\xd1\xab\xaf\xbej\xfdN[_\x13\x00T\t\x9a\x7f\xd5E`\x000M\x93\xfec\xd9\xb2e\xf4FR\xe4\xb7\x96\xf3\x06\xdd\xde\xe7\x97\xa3\xef\xa9\xe2\xac3\xdf}\xe0\xff\xf7\xc13\xdf}\xa0N\x1e\xf6\x1d\xffx\xce\xd4\x07\xe9\x07h\x8c\xa0W\x8c\x14\xc6\x8f\x1f_TT\xa4\xdc\xb45\x04PG\xa1\xf9WKDm\x02\xab\x8a&lt;\xdf\xe3\xc7\x8f\x8f\x1a5*##\x831\xc69\x97R\x1a\x86n\x9a"\xb6~\xcc\x82\xd9\x0fMxp\x18\xf3\xf9\xcb\xce\x9c\xa1\xcf\x07cL\n\xc9u\xae\'\xc6\xbf\xfd\x8fw\xee\x1d\x9fv&lt;\xf7\x84\xa1\xeb\xa6\x10\x9a\xa6q\xce\x85\x10n\xce\x14\x06\xa8\x13\xd0\xfck r6\x81\x03\xf3|;t\xe8\x90\x91\x91Ao\xb0RJ\xd7\xb9i\x8a\xf6\xed\xae\xda\xf9\xe6\xda\t\x13\xef\xf3\x15\x97\x9a&gt;\xbf\xf5\xf63\xc6\xb8\xce\x95Re\xbf\x9c\xec{s\xaf\x83;7\x0f\xba\xad\xb7Y\xf1\xb8 }\xa4\\\x9d)\x0c\xe0xh\xfe5\x13!3\x00!\x04eqM\x9b6m\xf9\xf2\xe5\x8c1\xca\xf1\xa2?\x19c\xe3\xee\x1b\xbap\xf6\xc4\xb8\x84\xd8\xb2\x82b\xc3c\x9c\xef\xf7\x98\xa6\x88\xaa\x17\xcd\xbc\x9e\xa7V\xfcuz\xfaRS\x94\xe7\x8a\xd18\x8216x\xf0\xe0g\x9f}\xb6Q\xa3F\x943\x10\xae\xd7\x07\x00\xe7\x85\xe6_cu&gt;\x00\xa8\x8a&lt;\xdf\xcc\xcc\xcc1c\xc6|\xf0\xc1\x07V\x9e/\xcd\xfb.n\xd2x\xd9\xc2\xe9w\xde\xdd_\x15\x16\xf9\xfd\xa6\xb5\xb4w&gt;\xf4N{\x12\x13\x0e\xbc\x7fp\xcc\xa4\xf4\x8f\x0f\x7f\xa5\xeb:}\xd3\x9d\x99\xc2\x00\x8e\x85\xe6_Ku\xfb\xea\xad&lt;\xdf\xe7\x9f\x7f\xbeG\x8f\x1e\x1f|\xf0\x81\x95\xe7\xcb\x183M\xd1\xa7G\xe7\x83\xdb_\xbdsh\xbf\xb2_N\n!\x7f\xf3\xedg\x15y`e\'\xf3:u\xfc\xfd\xae\x7f\xae\xfb\xf3\xdd\x7f\xa2\x04\x00\xf7f\n\x038\x12\x9a\x7f\xed\xd5\xe1\x19\x00\xbd\x1f\'O\x9e\x1c7n\xdc+\xaf\xbc\xc2~=\xef3t\xfd\x91\xc9\xf7\xa7\xcf\x18\xc7\xa4,;u\xba\x06\xf35!\x84\xc7\xeb\xd1\xea\xd5\xdb\xf8\xea\x1b\xe3\x1e^\x90WPd\x18\x86i\x9a\xd6\x10#55\xf5\x99g\x9ei\xdd\xba\xb5i\x9a\xb48\x18\xfc\x17\t\x00\xe7\x82\xe6\x1f\x14u2\x00X\x93\xaf\x8c\x8c\x8c\t\x13&amp;deeY\xd34\xce5!d\xeb\x16\x97\xfd\xf5\x99\x05]z\xdd\xe0?\x91\xcf\x98\xaa\xf14\x8d&amp;\x98\xdeF\x89Y\x9fg\x8d\x1a\xfb\xc8\xfe\x8f&gt;\xe1\x9c3\xa5\xa4R\xf4ih\xd4\xa8\xd1\xb3\xcf&gt;;x\xf0`\xba\xaa\xba&gt;\x1f\x04p&gt;4\xff \xaa{WLA\x98s\x9e\x9e\x9e\xde\xb7o\xdf\xac\xac,\xc30\x84\x10\\\xd3\x94RB\xc8?\xdf\xfd\xa7\x0fwn\xeerC\xc7\xb2\xdc\x13\x9ck\xb5yWh\x82Yv"/\xb9\xe5\xe5\xbb\xdeX3g\xea\x83RJ\xa9\x94\xa1\xeb\x14\xf6O\x9e&lt;y\xe7\x9dwN\x980\xc1\xcdG\x8a\x03\x84\r\x9a\x7fp\xd5\xa5\x19\x80\x95\xe7{\xf4\xe8\xd1\xf1\xe3\xc7gddT\xda\xf0\x89kP\x7f\xc9\xfci\xf7\xdfw\x97*)\xf5\xfb\xfdUY\xf2\xab"7g\n\x038\x01\x9a\x7f(\xd4\x99\x19\x00m\xf8\x18\x86\xb1i\xd3\xa6\xce\x9d;S\x9e\xaf\x94\x92)\xc597Mq}\xc7\xdf\x7f\xb8\xfd\xd5\xfb\xef\xbf\xcb\x97_@K\x81A\xfc\xbf\xbb9S\x18\xc0vh\xfe!R7f\x00\xb4\xe1S\\\\&lt;k\xd6\xacg\x9ey\x86Ul\xf8P\x1cf\x8c\xcd\x99\xfa\xe0\xec)\xa3=^OYIiH\xf3s]\x98)\x0c`/4\xff\xd0qz\x00\xb06|&gt;\xf8\xe0\x831c\xc6dff\xd2\x86\x8f\xa2\x958!.n\xd2\xf8\xaf\xcf\xcc\xef{[o\x91_H3\xb5\xf0\\\x92{2\x85#\x03}\xce\xad#P*\xfd\xad\x16\xc0\x8e\xab\x83sC\xf3\x0f5G_\x1c\x85V\xce\xf9\xf2\xe5\xcb\xbbt\xe9\x92\x99\x99I\x1b&gt;\xd4PM!\x06\xdd\xd6\xfb\xe0\xce\xcd}o\xeeU\xf6\xcbI\xa5T\x18\xde~\xe6\xbeL\xe1:MJi\x9a\xa6\xf5\x99\xe1\x9c\xeb\xban\x9cE\xd7uZ\xba\xa5\x9f\xb7r\xc9\xc1Fh\xfea\xe0\xd0\x19@\xe0\xb9N\x13\'N\xdc\xb4i\x13\xbd\xeb\xd6\x86\x8f\xa1\xf3\xc5s\xa7L\x9ep/\xf3\xf9\xcbN\x9f1\x8c`.\xf9U\x91K2\x85\xeb")\xa5\x94\xb2\xd2\x1c&lt;77\xf7\xc7\x1f\x7f\xfc\xe5\x97_N\x9c8QTT\xe4\xf3\xf9\x94R^\xaf7&gt;&gt;\xbeI\x93&amp;\xcd\x9b7\xbf\xec\xb2\xcbbbb\xac\xdf\xc0\x1c?|\x8bTh\xfea\xe3\xc4\x00`e\xd4fdd\x8c\x1a5\xea\xf8\xf1\xe3tg5M\xa3&lt;\xdf\xf6\xed\xaez\xf6\xa9\xb9\x9d:\xff\xc1\x9f_\xc0lm\xa5n\xc8\x14\xaeC\xe8\xed\xa0\x91&gt;}\xe7\x8b/\xbe\xd8\xbbw\xef{\xef\xbd\xf7\xd9g\x9f}\xfb\xed\xb7\x85\x85\x85\xe7\xfb\xb7\x86a\\|\xf1\xc5\xbf\xff\xfd\xef{\xf7\xee}\xcb-\xb7\xb4l\xd9\x92U\x0cB\x9d\xd9t#\x15\x9a\x7f89.\x00\x9c}\xae\x13\xdd\xca\xca\xe7:%\xc6\x95\x15\x149d\x9b\xc54\xcd\xa8\x06\xf5\xfd&gt;\xff\x82\xa5\xab\xe7-\xf9\x0bc\x8c\x16(\xadk\x1e?~\xfc\xc2\x85\x0bccc\xeb\xca\xd6P]\x14\x98\xfb\xf1\xe5\x97_n\xdd\xba\xf5\xf5\xd7_\xff\xf8\xe3\x8f+\xa5d\xd0\xcf\x04\xf6\xe9\xb4+\x10\xb8\xec\x13\x13\x13s\xfb\xed\xb7O\x9d:\xb5C\x87\x0e\xcc\xa9M7"\xa1\xf9\x87\x99\x83\x02\x80u\xaeSVV\xd6\xbd\xf7\xde\x1bX\xbe\x99&gt;\x04\r\x13\xe2\x9e]\x92v\xe7]U=\xd7)\x9c"8S\xb8NPJ\xd1\x12\xc1\x1bo\xbc\xf1\xdcs\xcf\xbd\xf3\xce;\xd6\xda+59\xab\xaa\xdf\xf9~C\xe0&gt;0\xfd[\xc30&amp;N\x9c\xb8`\xc1\x82\xa8\xa8(\xc4\x80PC\xf3\xb7\x85S\x02\x805|{\xfe\xf9\xe7\xa7N\x9dZXXh-\xa8\xd1\xd0\xacO\x8f\xce\xcf,\x9e\x95\xdc\xb6M\xd9\x89&lt;g.\xa8\xd1\xc2eTb\xc2O?\xfc4q\xc6c\x9b\xff\xf1N\xc0\xc2\xa5a\x9afll\xec\xc2\x85\x0b\xc7\x8f\x1f\xcf~=\\\x85Z\xa2\xcf\xf0\xc6\x8d\x1b\x97.]\x9a\x99\x99I\xdf\xa4&lt;\xf1\x0bw\xfa\xe7C\xed\x96\xfey\xd7\xae]7m\xda\x94\x94\x94\x84\x18\x10:h\xfevqD\x008\xdf\xb9N\x15\x1b&gt;\x15\xe7:1\x16\xea&lt;\xdf\xda\x8b\xbcLa\xe7\xa3\xae\xb9w\xef\xde\xef\xbe\xfb\xae\xd7\xeb\x15BP\xdf}\xf6O\x9e3\xd7\xf3\x02\xb9\xa1\x86a\xf8\xfd\xfev\xed\xda\xed\xd8\xb1\xa3Q\xa3F\xec\xd7kG\x10\x14h\xfe6\xb29\x00X\xb9\x16\xfb\xf6\xed\xbb\xf7\xde{\xcfq\xae\xd3\x95\x97\xfeu\xe5\xc2\xda\x9f\xeb\x14N\x11\x96)\xec|4\x9e:p\xe0@\x97.]*\xad\xe6\xb3\x8a\xe1&lt;=\x9fy\x81O\xbb\xae\xebg\xff[\xc6\x98\xc7\xe3\xf1\xfb\xfd7\xddtSFF\x86R\xcaQ\xf3\xf7\xba\x0e\xcd\x9f\xd9\xdd\xfc\xed\x0c\x00V\x0cLOO_\xb0`\x01}i\x9a\xa6\xce\xb9\x90\x921v\xe7\x1d}W&gt;1\xbbq\xd3\xc6e\xf9\x85\x17\xa8\xe3\xe3L\xa6iF\xc5\xc7\x15\x15\x15O\x9e\xb9\xe8\x85\x97_c\x8c\xd1\xeb\xa2\xd7\xc8\x18{\xf4\xd1G\xe7\xce\x9d\xcb\x02\xee\x03\xd4\x18M\x02\xbau\xeb\xb6w\xef^k\xf3\x8df\xd9\x81\x9b\xc0\r\x1b6l\xd6\xacY\xa3F\x8dbcc\xbd^\xaf\xdf\xef/,,\xfc\xf7\xbf\xff\xfd\xfd\xf7\xdf\xd3\x9bb=g\x14\xf8\xcb)\x06,]\xbat\xf2\xe4\xc9\xce\x99\xbc\xd7uh\xfeNh\xfe\xf6\x04\x80\x0b\x95o\xd6uS\x88\xf8\xd8\xfaO\xce\x9bv\xff\xfdw\xa9\x92S~\x9f\xaf\x8e6\xb9\xc8\xc8\x14\xae\x13\xa8\x15\xbd\xfe\xfa\xebw\xdcq\x07\xddIk\x138&gt;&gt;\xbe{\xf7\xee\xa9\xa9\xa9\xff\xfd\xdf\xff\xdd\xa2E\x8b\xc4\xc4\xc4J\xf7\xb9\xac\xac\xec\x9bo\xbe\xd9\xbe}\xfb\x8b/\xbex\xe8\xd0!\xc6\x98\xa6\xfd\xaa]\xd0\xfb\x15\x1f\x1f\xff\xd5W_]t\xd1E\x0c\x0bA\xb5\x83\xe6\xcf\x1c\xd3\xfcm\x08\x00\xd6f\xda\xa6M\x9b&amp;M\x9a\xf4\xd3O?\x19\x86a\x9aB\xd3\x18\xed\x99\\\xdf\xf1w\x7f]\xb9\xb0\xcd5\xc9\xbe\xbc\x82\xba&gt;\xe3\x8e\x80L\xe1\xba\x82\xba\x95\xf6\xed\xdb\x1f&gt;|\x98\xbe\xd3\xb5k\xd7\xbb\xef\xbe\xfb\x8f\x7f\xfcc\xf3\xe6\xcd\x03\x7f2p\x8c\x1f\xf8\xd0\x80\x10b\xd5\xaaU\xd3\xa6M\xf3\xfb\xfd\xacbo\x99\xd0\x9b\xf5\xc4\x13OL\x9b6\r3\xb6\xda@\xf3wT\xf3\x0f\xf7\xff\x8f\x02`qq\xf1\x84\t\x13\xee\xbc\xf3\xce\x9f~\xfaI/?\\\x9b\xd3\xcdz\xe8\x81{v\xfdcm\x9bVW\x94\x9d\xcc\x8f\x80A\xb1\x1b\x8e\x14w\x08\x1aTN\x980!::z\xd4\xa8Q\xfb\xf6\xed\xdb\xb3g\xcf\xe8\xd1\xa3\x9b7on\x1d\xf0@\x9b\xbdt \x04\xe1\xbc\xfc\x83G\x9f\xcc\t\x13&amp;l\xdd\xba\xd50\x8cJ{\xc5\x94f\xbai\xd3&amp;\xa5T\x1d\x1d\x90:\x01\x9a\xbf\xd3\x9a\xbf\r3\x80\xcc\xcc\xcc\xfb\xef\xbf\xff\xbc\xe7:\xfd\xf1&amp;QX\x14\x9es\x9d\xc2\xa9\xea\x99\xc2v_i\xddVZZ\xfa\xe3\x8f?&amp;\'\'\xb3\x8a9A\xd5\xfb\x11\xa5\x94\xdf\xef\xf7z\xbds\xe6\xcc\x99?\x7f\xbe\xb5\x97\xc0*\x16\x85\xa2\xa2\xa2\x8e\x1c9r\xf9\xe5\x97c\xaeVch\xfe\x8ej\xfea\xba\xcb\x14\xdeKJJ\x9ey\xe6\x99\x1e=z\x04\x9c\xeb\xc4\x98\xc6LQ^\xbe\xb9\xef-\xbd\xcaN\xe6\x87\xed\\\xa7p:\xff\x91\xe2\xac\xd2\x91\xe2%%%\xe7\xcbb\x84\xdfT\xbf~\xfd\xe4\xe4d\xca\x04\xa5&lt;\xce\xaa\x8f"\xe9\xe7\xa5\x94\x93\'On\xd4\xa8\x11\x9d;F\x7fE\xf3\x86\xb2\xb2\xb2\xcf?\xff\x9c\xfdzu\x08~\x13\x9a\xbfc\x9b\x7f\x98f\x004b:r\xe4\xc8UW]\xc5*\xf2|iTU~\xae\xd3\xf8Q\xcco\xdau\xaeS8\x9d\x9d)L\xf7\xc1\x1ao~\xf5\xd5Wm\xda\xb4\xc1\x18\xb3f\xacE\x9e\x1a\xff\x06\x9a4\xfc\xe9O\x7f\xfa\xdb\xdf\xfef\xe5l\xb0\x8am\x80U\xabV\x8d\x193\x06\xdb\x00\xd5\x82\xe6oqZ\xf3\x0fS\x17C[\xfc\xc9\xc9\xc9\xd7_\x7f=\x8d\xaa8\xd7\x18c\xed\xaen\xbd\xf7_/M\x9e\xf2\x80\xbf\xf4\x94\xbf\xac,\xe2\xdf~\xc6\x98a\xe8\xfe\xb22\x7fq\xc9\xe4)\x0f\xec\xfd\xd7K\xed\xaen\xcd*\xee\x86\xa6i\xd7_\x7f}rr2z\xff\x1a\x0b\xdc\xd4\xad\x19\n!m\xdb\xb6=\xe7\xdf\xe6\xe5\xe5\xd5\xe6\x97\xbb\x13\x9a\xbf\xc5i\xcd?|\xbd\x0cM\xc9\xfb\xf7\xefO\xfbi\x9a\xc6\x95R\x97^\x92\xd4\xa9{\xe73\xb9\'y\xad\xdbm\x1dB\x07\x85\x9f\xc9=\xd9\xa9{\xe7K/IRJi\x1a\xa7\x81@\xff\xfe\xfd)\x17\xc2\xeekt5M\xd3\xe2\xe3\xe3\xcf\xf9W\x94 \x04\xd5\x85\xe6oqT\xf3\x0f\xdfM\xa77\xf8\xb6\xdbn\xb3\x1e\xd6g\x8c\xed9p\xe8\x87\xc3G\xa2\xeb\xd7s\xdb\xa2\xaaR*\xba~\xbd\x1f\x0e\x1f\xd9s\xe0\x10cLJ)\x84\xf0z\xbd\xb7\xddv\x1b\xb3\xfb\xe1@`\xe7\xef\xe8\xbd^o\x98\xaf$2\xa0\xf9\x07rN\xf3\x0fk\x00PJ]y\xe5\x95W^y%\x8d\x02t]/)9\xf5\xce\x9e\x03,&amp;F\x08w\x8dy\x85\x90,&amp;\xe6\x9d=\x07JJNQ\x9aJ\xe0\xcdA\x00\xb0\x97R\xea\xf8\xf1\xe3\xe7\xfc+:\x11\x08\xaa\x0b\xcd?\x90s\x9a\x7fX;\x1a\x8ar\xb7\xdf~;\x0b\x88r[\xdf\xda\xce\x84\xe0u;\xdf\xb7\xda\xb8\xc6\x98\x10[\xdf\xda^\xfe%\xe7\x8c\xb1\xdbo\xbf\x9d\xc6G\xb6^\x9a\xdb\xd1\xc3G\x9f|\xf2\t\xfbu\xb6\x0f\rZ\xaf\xb8\xe2\n\x86\'\x81k\x04\xcd\xdf\xe2\x9c\xe6\x1f\xd6\x00@\xcdf\xc0\x80\x01\xb4)D-j\xef\x81C?\x1e\xfb\xde\x13\x1d\xe5\x9ei\xa0R\xca\x13\x1d\xf5\xe3\xb1\xef\xf7VL\x00i\xdbg\xc0\x80\x01\x0c\x9d\x8b\xadh\xa9\xfa\x87\x1f~\xf8\xe8\xa3\x8f\x02Wc\xe9\xbf\xa3\xa3\xa3\xff\xeb\xbf\xfe\x8b\xe1=\xaa\x114\x7f\xe2\xa8\xe6\x1f\xd6\x00@\x07.\xb6o\xdf\xbeU\xabV\xd4\xd2t]/.9\x95\xb1k\xbf\xab\xa6\x814\x01\xcc\xd8\xb5\xbf\xb8b\x02(\xa5l\xd5\xaaU\xfb\xf6\xed\xf1\xa0\xa9\xbd\xe8c\xb9|\xf9\xf2S\xa7N\xd1\xc7\x95\xbeO\xd3\x82k\xaf\xbd\xf6\xd2K/\xc5\x1a]\xcd\xa0\xf9\x13G5\xffp\x7f\x8ei\x1a\xd8\xaf_?\xe6\xe2i\xe09\'\x80\xfd\xfa\xf5\xc3\xfa\x8f\xbd(\xbb\xff\xe0\xc1\x83\xabV\xad\xa2\xe73\x03\xffV)5t\xe8P:V\xda\xae+\xac\xeb\xd0\xfc\x99\xc3\x9a\x7f\xb8\x03\x00\xa6\x81\x8e\x9a\x00\x82\x85\x1e\xc8\xfc\xf9\xe7\x9f\x87\x0c\x19RVV\xc6\x026\x00h\x03\xb3I\x93&amp;#F\x8c\xc0\x14\xad6\xd0\xfc\x9d\xd6\xfc\xc3\x1d\x00\xce7\r\xdc\xb6\xfb}\x16S\xcf\r\xd3@!$\x8b\xa9\xb7m\xf7\xfbN\x98\x00\x02\xa1\xa7\x7fssso\xb9\xe5\x96\xec\xecl\xab\x82\x07\xa1\xdej\xde\xbcy\x89\x89\x89\xf4\xa1\xb5\xf1R\xeb44\x7f\xa75\x7f\x1b\x962i\x1a\xd8\xbf\x7f\x7fV\xbe\xb4\xca\x18c\xbb\xf6\x1fd\x8c\xb9\xa1eUz\xbd4\x01\xec\xdf\xbf?\xd6\x7f\xecB\xe72~\xfb\xed\xb77\xdex#\x1dR\x16\xf8F\xd0\t\x10\xa9\xa9\xa9\x0f&lt;\xf0\x00\xaa\xc1\xd4\x1e\x9a?sR\xf3\xb7!\x00\xd0\x00\xaao\xdf\xbe\xac\xfc\t\x08\xc9\x18\xdb\xb6\xeb\xfd\xc2\xe3\xb9\x1e\xaf\'\xb2\xa7\x81J)\x8f\xd7Sx&lt;w\xdb\xae\xf7\x19cB\x94\xcf\x82\xe9n`h\x19~\xb4\xee\xff\xd1G\x1fu\xef\xde\xfd\xf0\xe1\xc3tH\x99\xf5\xb7\xd4\xfb\xb7l\xd9r\xfd\xfa\xf5\x0coP0\xa0\xf9;\xaa\xf9\xdb\x10\x00(\xe8\xb5o\xdf&gt;))\xa9\xa2*\xa6\x9e\x93{b\xcf\xfe\x83ZLLd\x9f\x82 \xa5\xd4bb\xf6\xec?\x98\x93{\x82s\x9d\xbe\x93\x94\x94\xd4\xbe}{\x86\x07\x80\xc3\xcb\xaaK\xb5u\xeb\xd6^\xbdz}\xff\xfd\xf7t6\xbd\xf5\x03\xd4\xfb_r\xc9%o\xbd\xf5\xd6E\x17]\x84\xe4\x9f\xa0@\xf3wT\xf3\xb7g\x06 \x84\x88\x8f\x8f\xa7\xb8\xa7\xeb:\xbd\xf0\xadomgnH\x05\xe0\x1a%\x00p^^\xb4\xb6o\xdf\xbe\xf1\xf1\xf1\x81\x87\x0fC\xa8Y\x0b\xd0\x0b\x17.\x1c8p`III\xa5\xb4\x1fk\xec\xbfc\xc7\x8e6m\xda\x08!\xd0\xfb\x07\x05\x9a\xbf\xa3\x9a\xbf\x9d\x9f\xe9A\x83\x06\xb1\x80i`\xc6\xae\xfd\x91=\r\xb4&amp;\x80\x19\xbb\xf6\xb3\x80\t \xdd\x07\x08\x1b\xca\xbb8s\xe6\xcc\xddw\xdf={\xf6l\xca\xf1\x0f\x1c{R\xef\xdf\xb1c\xc7]\xbbvQu\x01,\xfd\x07\x1d\x9a\xbf\x13\x9a\xbf=\x01\x80\x06S]\xbat\xf9\xf54\xf0ddO\x03\x03&amp;\x80\'\x03\'\x80]\xbataX\xff\t\x17\xea\xfd\xf3\xf3\xf3o\xbe\xf9\xe6\r\x1b6\x18\x86A\xe7?\xd3\xdf\xd2\xb4\xc04\xcd\xfe\xfd\xfbo\xdf\xbe\xbdy\xf3\xe6\xe8\xfd\x83\x0e\xcd\xdf9\xcd\xdf\x9e\xff+M\x03\xe3\xe2\xe2*M\x03\xb7\xbc\xb5=\xc2S\x014m\xcbY\x13\xc0\xb8\xb88\xac\xff\x84\x07\x1dCVPP\xd0\xb7o\xdf]\xbbvy&lt;\x1e\xd34+\xe5\xfb\x0b!f\xce\x9c\xf9\xdak\xaf\xc5\xc6\xc6J)\xd1\xfb\x07\x1d\x9a\xbfs\x9a\xbf\xcd\xa3\xceJ\xd3\xc0wv\x1f(\xf9\xe5\xa4\xc7cD\xde4P)\xe5\xf1\x18%\xbf\x9c|g\xf7\x01\xe6\x98\t\xa0\xabPaB!\xc4\xc0\x81\x03?\xfc\xf0C\x8f\xc7\x13x\xe63\xe5\xfe\xc7\xc4\xc4l\xdc\xb8\xf1\xb1\xc7\x1e\xa3\xb2|\x98\x96\x85\x14\x9a\xbf\xed\xcd\xdf\xb6\xcf\xb75\rl\xd6\xac\x19\xed\xc8q\xces\x7f9\xf9\xe9\xe7G\xb4\xe8h)#\xed\x13 \xa5\xd2\xa2\xa3?\xfd\xfcH\xee/\'\xadE\xe7f\xcd\x9aa\xfd\'lh8\xff\xf0\xc3\x0fo\xdf\xbe\xfd\xec\xde_\x08q\xc9%\x97\xec\xd8\xb1c\xc8\x90!\xa6i\xd2{d\xe3\xd5F64\x7f\x874\x7f\xdb\xfe\xc7\xd64\xb0c\xc7\x8e\xac\xa2\x92\x9f\x90\xf2\xb5\x7f\xee`^\xafR\x91\xb6\x0e\xa8\x94d^\xefk\xff\xdc!\xa4\xb4:\x97\x8e\x1d;b\xfd\'&lt;h)\x7f\xdf\xbe}\xcb\x96-\x0b\xac\xf4\xcb*z\xff\xe4\xe4\xe4\xdd\xbbw_w\xddu~\xbf\x1f\xf5~C\r\xcd\x9f9\xa3\xf9\xdb9\xf0\xa4\x89\xde\x1dw\xdcA_J)\x18c\xff\xd8\xb6\xbb,\xbf\xd0\xe3\x89\xb4\x16\xe8\xf1\x18e\xf9\x85\xff\xd8\xb6\x9bU\xbcRV\xf1\xda#o\xc2\xeb@\xd4\xc6\xd2\xd2\xd2XE\xd5_\xfa&gt;e\x7f&amp;\'\'o\xdf\xbe\xbde\xcb\x96\xa6iz&lt;\x1e;/\xd45\xd0\xfc\x9d\xd0\xfc\xed\x0c\x00\xd66Hll\xac\x10B)\xc69?z\xec\xfbC\x99\x9f\xf2\xc8:\x1eV\x08\xc9cb\x0ee~z\xf4\xd8\xf7\x9cs\xa5\x98\x10"66\</t>
        </is>
      </c>
    </row>
    <row r="35">
      <c r="A35" s="1" t="n">
        <v>33</v>
      </c>
      <c r="B35" t="inlineStr">
        <is>
          <t>shape_reflect</t>
        </is>
      </c>
      <c r="C35" t="inlineStr">
        <is>
          <t>What is the missing shape denoted by a question mark?</t>
        </is>
      </c>
      <c r="D35" t="inlineStr">
        <is>
          <t>['triangle', 'square', 'hexagon', 'pentagon']</t>
        </is>
      </c>
      <c r="E35" t="inlineStr">
        <is>
          <t>pentagon</t>
        </is>
      </c>
      <c r="F35" t="inlineStr">
        <is>
          <t>There are six shapes in the image separated by a line. In the top part there are ['square', 'hexagon', 'pentagon']. In the bottom part there are ['square', 'hexagon', '?'].</t>
        </is>
      </c>
      <c r="G35" t="inlineStr">
        <is>
          <t>We observe that the hexagon is reflected across the line as a hexagon. Similarly, the pentagon is reflected as a pentagon. Hence, the pattern is that each shape in the top part is reflected in the bottom part.</t>
        </is>
      </c>
      <c r="H35" t="inlineStr">
        <is>
          <t>Based on the pattern that each shape in the top part is reflected in the bottom part, the missing shape which is reflected from a pentagon part should be a pentagon.</t>
        </is>
      </c>
      <c r="I35" t="inlineStr">
        <is>
          <t>b'\x89PNG\r\n\x1a\n\x00\x00\x00\rIHDR\x00\x00\x02\x00\x00\x00\x02\x00\x08\x02\x00\x00\x00{\x1aC\xad\x00\x00L\xaeIDATx\x9c\xed\xddy|LW\xff\x07\xf0\xef\x9d{\'\x99\xec\x0bY\xd0\xa7OQ\xa1-\xad%\x1e\xa1vB\xf1T\xb5\xd6t#\xb1\x15\r\xa5\x9a\xa8-v\x82\xa2\x82j-Q\xd5\x86\xee\xdaZ"\xb1W%\xad\xa8\x12{\xd1&gt;\xb6\x88l\x93u2s\x97\xdf\x1f\xe71O~\x8aj1\xdb\xf9\xbc_\xfdCg\xb2\x9c\xb9\x939\x9fs\xbf\xe7\xdcs\x05M\xd3\x08\x00\x00\xf8\xa3\xb3w\x03\x00\x00\xc0&gt;\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f0KUUEQ\xec\xdd\n~\xa9\xaa\xaa\xaa\xaa\xbd[\xc15\x04\x00\xf0H\xd34Y\x96u:\x9d(\x8a\x8a\xa2\xa0\x1b\xb2=EQt:\x9dN\xa7C\x06\xdb\x11\x02\x00\xb8\xa3(\x8a \x08\x92$egg\xa7\xa7\xa7\x8b\xa2\xa8\xd3\xe9dY\xd64\xcd\xdeM\xe3\x02K_Q\x14\x7f\xfb\xed\xb7\xcc\xccLQ\x14q*`/\x08\x00\xe0\x08\x1b\xec\x8b\xa2h4\x1a\xa7O\x9f\xde\xa6M\x9b\xc8\xc8\xc8!C\x86\x9c9sF\x92$A\x100\x1a}\xd0TUe\xe9\xfb\xe9\xa7\x9f\xb6j\xd5\xea\xe9\xd6O\xcf\x981\x83\x9d\n\xc8\xb2l\xef\xd6qG\xc0\xa8\x07x\xa0i\x1a\xeb\xfa\x89(99y\xc1\x82\x05\'O\x9e\xb4&gt;\x1b\x18\x18\x18\x1b\x1b;v\xecX???6\x14\xd5\xe906\xba\xffdY\x96$\xa9\xa4\xa4d\xd2\xa4IIII\xd6\xc7\x9fy\xe6\x99\xb5k\xd7\xd6\xa8Q\x83\x9d\x19\x08\x82`\xc7F\xf2E\x03pi\xaa\xaaZ,\x16\xf6\xef\xf4\xf4\xf4\xc8\xc8H\xeb\x1f\x7f\xbfW\xfa\xf4{\xb9\xb7\xf5\x7f\x1b4h\x90\x92\x92\xc2\xbeR\x96eUU\xed\xd7jW\xa3\xaa*+\xb2eee5\x0bo\xc6\x0ex\xeb\x0e\xad\xa2\xa2\xfb\xb3\x7f\xd7z\xa8\xd6\xa6M\x9b\xd8\x17+\x8ab\xd7\xc6r\x04\x01\x00\xae\x8cu:\x9a\xa6]\xbe|9&amp;&amp;\xc6:\xb4l\xdd\xbe\xd5\xc7\xdf\xac\xcb1\xff\'\xc7\xfc\x9f\x8f\xbfY\xf7t\xbb\x96\xd6\x18\xe8\xd2\xa5KFF\x86\xf5\xdb\x11\x03\xf7\xce\xfa.,]\xba\xd4?\xc0\x9f\x88\x04\x12F\xc7\x8f:\x9bw&lt;\xc7\xf2\x9fyI\xb3\xfc\xfc\xfd\xd8\xc1\x8f\x8d\x8d-..\xd64\xcd\x9a\xd9\xf0@!\x00\xc05)\x8a\xc2\x06\x92\x95\x95\x953g\xce\xacQ\xa3\x06\xebb\x1e\r\xab\xbb`\xf9\xdc\x0b\xc6\xd3\x97+\xce\x1f\xbf\xf2\xf3\xf1+?_\xae8\xff[\xf1\x99\xc4e\xb3Ck\x86\xb2\xafq7\xb8\xc7\xc4\xc4\\\xbat\x89\xfd(k\xff\x05\x7f\x95\xf5\xf4\xeb\xf2\xe5\xcb\xfd\xfb\xffw\xb0_\xfb\xd1G&gt;\xfcr\xcd5\xcb\x7fN\xe7\x1e;~\xe5\xe7\xab\x95\xbf\xef&gt;\x9c\x1a\x1e\xd1\x94=\xdb\xacY\xb3\xac\xac,\r\xe9k\x13\x98\x03\x00W\xa3U)\xf7o\xdc\xb8q\xee\xdc\xb9G\x8f\x1e%"\xff\x00\xff\xe8\x11\xaf\x0cz\xed\xd5\xd0\x1a!\x05\xf9\x85\x9a\xa6\xb1\xafQ\x14E\'\xe8\xfc\x03\xfd.\xfd\xe7\xf2\xba\x95\x1f\xadZ\xb6\xb6\xd2TID\xa1\xa1\xa1\x13\'N\x1c&gt;|\xb8\x9b\x9b\x1b&amp;\x06\xfe\x06UU\xd9\x11KMM\x1d2d\xc8\xa5K\x97\x88\xa8G\xafn\xb3\x97L\x0f\xae\x11\\\x98W(J\xa2 \x08\xb2,{\xfbx\x9b\xcd\xe6\xa4\xf9+\x92\xe6\xaf\xd04\xcd?\xc0\x7f\xc6\xf4\x19\xb1\xb1\xb1D\xa4(\n{\x9b\xe0A@\x00\x80\xeb\xa8\xda\xf5gffN\x9d:u\xc7\x8e\x1d\xec\xa9\x9e}\xfe=vb\xec\x13O=a,4\x9a\xcdfI\x92n\xfa^Y\x96\r\x06\x83\xa7\xb7\xe7\xb1\x9f\xb3\x93\xe6\xaf\xf8\xf6\x8b-\xec\xf1F\x8d\x1a%&amp;&amp;v\xeb\xd6\x8d}\r\xa6(\xef\x12\x9b\xef\x95e9..n\xc9\x92%\x9a\xa6\xf9\xfa\xf9\x8e\x9b4f\xf0\xa8A\xe6J\xb3\xc9d\xaa\xfa\x16\xa8\x8a\xaa\x13u\x01\x81\xfe[7o\x8f\x7f}\xd2\xb5\xab\xb9D\xd4\xbf\x7f\xffE\x8b\x16\xd5\xacY\x13\x87\xfd\xc1A\x00\x80\x8b\xb0\x0e\x15/_\xbe&lt;u\xea\xd4O&gt;\xf9\xc4d2\x11Q\xd3\xe6\x8d\xc7M\x1e\xd3\xaes[EQ\xcaJ\xca\xd8\xa8\xf3\x96?A\xd34EQ\xbc}\xbc%IL\xfd.=1a\xe1\xe9\x13g\xd8SQQQ\x13\'Nl\xd8\xb0!\xdd\xe8\xdal\xf5\xb2\x9c\x8f5\x86\x0f\x1f&gt;&lt;j\xd4\xa8\x8c\x8c\x0c"j\x1c\xfe\xd4\xec\xc5\xd3\xff\xd5*\xfczn\x9e \x08\x7f&lt;\x97b\x07? \xd0\xff\xd2\x7f.O\x8f\x9b\xbd\xe5\xebmD\xf4\xd0C\x0f\xad^\xbd\xbak\xd7\xaeT\xe5|\x02\xee#\x04\x008=k}\xc6l6\xbf\xff\xfe\xfbs\xe6\xce\xc9\xb9\x9aCD5j\xd5\x18\xfbvl\xaf\xfe=\xbd|\xbc\x8c\x85\xc6[\xf6;\xb7\xfei\x1a\xf9\xf8\xf9T\x94WlX\x93\xb2\xfc\x9d\x95y\xb9yD\xe4\xe1\xe1\xf1\xe6\x9bo\xc6\xc6\xc6\x06\x07\x07W=\xd5\x80\xaa\xac1\x9c\x94\x9445ajQa\x91@\xc2\xa0\x11\xafN\x9e\x1d\xaf\xd7\xebK\x8aK%\xfd\x9d\xb2S\x96e\x0fO\x0f\xbd^\xbff\xf9\xbaE\xb3\xdf-6\x16\x0b\x82\x90\x90\x900i\xd2$I\x92P\x0e\xba\xef\x10\x00\xe0\xc4\xaav\xc4\xdb\xb6m\x8b\x9f\x10\x7f\xec\xe81"2\x18\x0cCb\xa3\x07\r\x7f\xe5\xa1\x87k\x19\x8b\x8a\xffF\xc7\xc1\xbe\xc5\xcf\xdf\xf7\xc2\xb9\xdf\x17\xcd~w\xf3g\xdf\x99++\x89\xe8\xa1\x87\x1e\x9a1cFtt4\xdd\xb8\xa2\x18\xc3R\x86\r\xe1%I\xca\xcf\xcf\x1f5j\xd4\xa6M\x9b\x88(\xa4FH\xe2\xb2Y\xcf&lt;\xdb\xe5\xee\xdf\x056\xf1\x1b\x14\\\xfd\xc7\x1f\x0eM\x1a\x9bp\xe4\xd0/D\xd4\xbaM\xeb5\xab\xd7\x84\x85\x85\xb1\r$P\x0e\xba_\x10\x00\xe0\x94\xac\xdd\r\x11egg\xc7\xc7\xc7o\xdd\xba\x95=\xd5\xa1K\xbb\t\xd3\xc7?\xd5\xec\xa9\xb2\xd2\xb2\x9bj\xcd\x7f\x15\x9b\x18\xf0\xf6\xf5&gt;\xb0\xe7\x87\xc5s\x96\xee\xdfu\x80=\xde\xb9s\xe7\t\x13&amp;t\xea\xd4\x8901@D\xff\x7f\xbew\xcc\x1bcN\x9f:MD=zuK\x98?\xe9\xa1\x87k\x15\x16\x14\xfd\xd5C$[d\x1f_o\x8b\xc52{R\xe2\xda\xf7&gt;$\xa2\xc0\xc0\xc0\xc4\xc4\xc4!C\x86\x10f\x86\xef\x1f\x04\x008\x1f\xeb\xe7?77w\xf6\xec\xd9\xabV\xad\xaa\xa8\xa8 \xa2\xfa\x8f\xd7\x8f\x9f\xfefd\xf7\x8e\xaa\xaa\x95\x96\x94\xde\x97~\x99%\x8d\x8f\x8f\xb7N\x14\xbf\xda\xf8\xf5\xe29I\xe7\x7f\xbd@D\x82 DGG\xc7\xc7\xc7\x87\x85\x85\x11\xdf]\x12{\xed\xb2,\xcf\x9e={\xfa\xf4\xe9\x9a\xa6\xf9\xfa\xfa\x8e\x9b&lt;f\xf0\xa8A\x16\x8b\xa5\xa2\xbc\xe2\xefe0\xfb\xb1\xfe\x01~\x9fn\xf8b\xd6\xc4y\xd7\xae^#\xa2\xa8\xa8\xa8\xa4\xa4\xa4j\xd5\xaaa&amp;\xe6\xbe@\x00\xdc\x8c-\x8f\xb5w+\x1e\x08A\x10\x9c}\xa0j-\xf7[,\x96\r\x1b6$$$\\\xbcx\x91\x88\x82C\x82F\x8c\x1b\xfe\xf2\xe0(\x0fO\x8f\x92\xe2\x12\xba\xdfK6Y]"\xa0Z@nNn\xf2{\xeb\xd7\xad\\_Th$\xa2\x80\x80\x80q\xe3\xc6\xc5\xc5\xc5\xf1\xb9T\xd4Z\x82;s\xe6\xcc\xe0!\x83\xbf\xdf\xff=\x115|\xea\x89\xc4\xe5\xb3\x9b\xb7\x0c\xcf\xbb\xcd|\xef_\xfa\xf9\x8a\xa2\x04V\x0f\xfc\xcf\xf9\xff\x8c\x1f\xf9\xf6\xfe]\xdf\x13Q\xfd\xfa\xf5\xd7\xacY\xf3\xf4\xd3Osx\xc0\xef;\x04\x008\x87\xaa5\x9f\xb4\xb4\xb4\x84\x84\x84\x83\x07\x0f\x12\x91\xc1`\x180\xb0ol\xdc\xc8\x9a\x0f\xd5(..Q\xe4\x078\x12\x97e\xc5\xcdM\xef\x17\xe0w\xec\xe7\xec\x95\x8b?\xf8\xfc\x93\xaf\xd8\xc7\xa7Q\xa3F\x13\'N\x1c0`\x00\xdd\xd8\xe5\xd8\xd9\x83\xf6nXOzV\xaf^\x1d\x1f\x1f_PP@D\x03\x87\xbd\x1c7\xedM_?_c\x91Q\xaf\xd7\xdf\x97_$\xcb\xb2\x87\x87\x87\xa4\x97&gt;xw\xf5\xfc\x19\x8b\xcc\x95fw\x83\xfb\xdb\x13\xdeNHH ,\xca\xba7\x08\x80\xffau\xcc#G\x8e\x8c\x1b7\x8e\r+\\\xe3c\xcc\xdebUU\x17-Z\xd4\xb8qcg\\Ng\xfd\x90ggg\xcf\x99;\'\xe5\x93\x14\xf68+\xf77j\xda\xa8\xa2\xac\xc2d\xaa\x94D\x91\x1e\xf0;\xa6i\x9a"+\x9e\xde\x9e\x1e\x1e\x86]\xa9{\x16L_\xf4\xf3\xa1_\xd8S\x91\x91\x913g\xcel\xd1\xa2\x05q\x10\x03\xec\x1d\xc9\xcf\xcf\x8f\x8d\x8dMII!\xa2\x90\x1a!\x93\xe7L\xe8\xf7J\x9f\xe2"\xa3\xc5"\xdf\xdf\x18f\x83\xfd\xc0\xea\x81\xfbv\xee\x8f\x1f5\x89U\xe1\x9ey\xe6\x99\xa5K\x97\xd6\xabW\x0f\xd30\x7f\x1b\x02\xe0\x7f\xd8\x88&amp;--\xadK\x97.\xf6n\xcb\x03\xb1c\xc7\x8e\xc8\xc8H\xe7\xaaV[{\xd2\xdc\xdc\xdce\xcb\x96-|gaEy\x05\x115x\xbc\xfe\xc87\x87\xbf\x10\xd5K\x91\xe5\xb2\xd2r\x9dh\xd3\xde\x96\xed_\xef\x1f\xe0_VZ\xf6\xd5\xa6\xcdK\xe6$]\xbd\x92CD\xee\xee\xee\xc3\x86\r\x9b&lt;yrpp0\xb9\xe8\xc4\x80\xb5\xf0\x92\x9a\x9a\xfa\xc6\x1bcN\x9d:MDm:\xb6^\xb8b\xee\xc3u\x1e.\xc8+xp}\xb1,\xcb\xbe~\xbe\xc5\xc6\xe2\x19\x13\xe6lZ\xff\x19\x11\x05\x05\x05-[\xb6\xac_\xbf~\xe4\xa2G\xfbAC\x00\xfc\x0f\xfb\x03\xda\xb3gO\xe7\xce\x9du:]\xfd\'\xc2\x02\x03\x03dYv\xde\x91\x85\xa6i\x92$\x15\x14\x14\x9e&gt;~FU\xd5\xf4\xf4\xf4\xf6\xed\xdb;\xcb\xe7\x84\x95\xdd\xad\x1b8[\xcb\xfdA!A\xaf\x0e}q\xd8\xe8!&gt;\xbe&gt;\xc6"#\xd9\xaf\nl]*\xca\xf6\x90X\xbd,\x99]z\xe6\xc2{HXO\xc5\xa6O\x9f\xce\xe6{\xdd\xdc\xdc\xe2\x12\xc6\r\x1b3D\xb6\xc8\x15\x15\x7fs\xbe\xf7\xee)\x8a\xe2\xe6\xe6\xe6\xe1i\xf8\xe2\x93\xaf\xa7\xc5\xcd*\xc8/ \xa2\xd8\xd8\xd8\xd9\xb3g\xfb\xf8\xf8\xa0\x1c\xf4W!\x00\xfe\x87}\x9ew\xef\xde\xdd\xb1cG"\xda\xb8uC\xd7n\x9d\x8d\xc5FQr\x82\xee\xf2\x96\x14Y\xf1\xf3\xf5K\xdd\x96&gt;\xa0\xfb\xcbD\xb4k\xd7\xae\x0e\x1d:8~\x00T-\xf7\xef\xdc\xb93111--\x8d\x88\xdc\xdd\xdd\x9f\xeb\xfb\xef\xb1\x93\xc6\xd4\xa9W\xbb\xa8\xa0H\x91\x15Gxk\xd8RQ/o\xaf_\xb2~\x99;u\xc1\x9e\xb4}\xecq\x17\xdbC\xc2:\xdf{\xf6\xec\xd9\xd1\xa3Go\xdf\xbe\x9d\x88\x1a&gt;\xf5\xc4\xec%\xd3[&lt;\xdd\xbc\xa8\xd0\xa8i\x9amr\x8e\xb5$\xb0z\xe0\xc9c\xa7\xc6\x8f\x98\x90\x95y\x98\x88\x9a\x857[\xbely\x8b\x16-\\,q\x1f4\xa4\xe5mU\x94\x9bJ\xcbKKK\xcb\x1c\xbc\xbb\xbc\x03EQDI\xac(7\xd9\xbb!\x7f\x01\xcb\'I\x92\xce\x9c9\x93\x98\x98\x98\xbc.YS5"z\xba}\xcb\xf1S\xc6\xb6j\x17QZ\\\x96\x97\x9b\'\x89\x92#\xf4\xfeD$I\x92\xc5b\xc9\xcf\xcbo\xd0\xb0\xc1G_\xafM\xdb\xba+q\xea\xc2\xd3\'\xcf\x1c;v\xac{\xf7\xee\xae\xb1\x87\x04{SDQ\xdc\xb8q\xe3\x981crss\xe9\xc6|\xaf\x9f\xbf_~^\x01\xbb\x9f\x9am\x1a#\x08\x82(\x8a\xf9\xb9\xf9u\xea\xd5\xde\xb4\xf5\xa3\xa5\xf3W$%\xae\xc8:\x94\xd5\xae]\xbby\xf3\xe6\xbd\xf1\xc6\x1b\x84r\xd0]CN\xde\x96N\'\xe8\\\x84s\x0c&lt;Ya\xddz\xbf\xc6\x96\xadZ\xae]\xbbVS\xb5G\xc3\xea\xce_&gt;w\xc3\xe6u\xe1\x11M\xf3r\xf3-\x16\x8b$I\x0fz\xb2\xf7/a\xf78,/+/-)\xeb\xd2\xa3\xf3w\xfb\xbfJH\x9c\\=\xb8:\x11\xa5\xa4\xa4\xfc\xeb_\xff\x9a2e\x8a\xd1h\x94$IUU\xa7\xbb\xeb$;}1\x1a\x8dC\x87\x0e\x8d\x8a\x8a\xca\xcd\xcd\r\xac\x16\xb8,y\xf1\xfc\x15s\xdd\xdc\xf4\xc5\xc6b\xbb\xa4\x9a\xa4\x97\xcaK\xcb\x15E\x9d4;~\xdd\x97\xabk?\xfaHee\xe5\xd8\xb1c\x07\x0c\x18p\xe5\xca\x15v]\x02\xca\x1b\x7f\n\x01\x00\xf6\xc7j&gt;,\xac6n\xdc\xd8\xb2e\xcbi\xd3\xa6\x15\xe4\x17\xf8\x07\xf8\x8f};\xf6\x8b\xf4\x8d\x03\x87\xbdd\xaa0\x95\x16\x97\xd9r\xa4\xf9W\xb1\xf6\x17\x1b\x8bUU\x1d1v\xe8\xb7{\xbf\xec\xfbro77\xb7\x8a\x8a\x8aY\xb3fEDD$\'\'\xebt:Q\x14\xd9\x8d\n\xec\xdd\xde?\xc7"Y\x92\xa4\x03\x07\x0eDDD\xac^\xbd\x9a\x88\xdatl\xfd\xc5\x8e\x94&gt;/\xf7\xce\xcb\xcdS\x14{n\x88\xa4\x13u\x9a\xa6\xe5]\xcb\x8f\xec\xd1\xe9\xab\xf4O\xbb\xf7z\x86\x886m\xda\xd4\xa2E\x8b\xd4\xd4T\xf6\xa7\x82{\xcd\xdf\x19\x02\x00\xecI\xd346\xcd.\x8abfff\xd7\xae]\xa3\xa2\xa2N\x9e&lt;\xa9\x13t}_\xee\xfdE\xda\xc6\xb7g\xc5{zz\xe6]\xcf\xd7\xe9t:\xd1\t\xfe\\Y\x87\x98\x9fW\x10\x1c\x12\xb4l\xdd\xe2M\xdb6\xb4j\xd7\x92\x88N\x9d:\x15\x13\x13\x13\x19\x19\xb9s\xe7N6\x1f\xe0\xe0CTY\x96Y\xa4M\x9f&gt;\xbdS\xe7N\xa7N\x9drss\x1b\x13\xff\xfa\x86\xcdkk\xd7\xab\x9d\x7f=\xdf\x11\xc2X\x10\x04I/\x15\xe6\x17\xfa\xf8\xfa\xbc\xff\xf1\xf2i\xf3\xa7\xf8\xfa\xf9^\xbat\xa9[\xb7n\xe3\xc6\x8dc/\xc1\xe9N\xb9l\xc9\t&gt;Q\xe0\xaa\xd8fj\x92$]\xbe|y\xf0\xe0\xc1\xed\xdb\xb7g\xdb\xf7?\xdd\xbe\xd5G\x9b\xd7&amp;\xad]T\xa7^\xed\xeb9\xd7\xad\x13\xc2N\x84M\x0c\xe4\xe5\xe6\x87G4\xfd\xf8\x9bu\xf3\x97\xcf\xad[\xaf\x0e\x11\xa5\xa7\xa7w\x8e\xec&lt;x\xf0\xe0+W\xae\xb0\x0e\xd4\x01\xbb\'\x96\xca\x92$\x9d={\xb6[\xb7n\xd3\xa6M\xab4U\xd6y\xb4\xf6\xc7\xdf\xae\x9b4gByY\xc5\xdf\xde\xdd\xe1\x01\x91$\xc9l6\x97\x14\x97\x8czsx\xcaw\xeb\x1b\x87?\xa5i\xda\xe2\xc5\x8b;t\xecp\xe6\xcc\x19\':\xe5\xb2=\x04\x00\xd8\x8d(\x8af\xb3y\xd6\xacY\xcd\x9b7_\xbbv\xad\xc9d\xaaQ\xab\xc6\xfces&gt;\xfef]\xfb\xc8\xb6\xf9y\x05\xa6\n\x93\xa4\xb7\xff0\xf3\xefa\xd9VZ\\f\xaa0\r\x1c\xf6\xd2\x97;7\xbd\xf1v\xac\x9f\xbf\x1fi\xb4v\xed\xdaf\xcd\x9a\xcd\x9a5\xcbl6;\xda\\\xa55\x95?\xfd\xf4\xd3\xa7\x9f~\x9a\xad\xf6\xe9\xffj\xdfo\xf7}\x19\xd1\xba\xc5\xf5\x9c\xeb\xec\xb4\xc0\xde\xcd\xbc\x19\xab\xad\xe5\xe6\\o\xd4\xf8\x89/v\xa4\xc4\x8c\x18HD\xdf\xef\xff\xbee\xcb\x96\xabW\xaff\xa7\\\x0e\x98\xb5v\xe7po$\xf0\x80\xdd*v\xe3\xc6\x8d\xcd\x9a6\x9b2e\xca\xd5\xabW\r\x06\xc3\xebo\x8d\xf8v\xef\x17\xaf\x0e{\xc9Tn2\x16\x15K\x92\xe4\x80\x1d\xcd_\xa5\x13u:\x9d.\xefz\xbe\xa7\xa7\xe7\xc4Y\xf1_\xef\xfa\xf4\xd9\xde=\x88(\'\'g\xca\x94)M\x9b6\xdd\xb8q\xa3\xc5bq\x90R5\x9b\xef-))\x19=zt\xff\xfe\xfd\xaf_\xbf^\xadz\xe0\xd25\x8b\x16\xbd\x9f\xe8\xee\xee^R\\r\xe7\xdd\xfc\xedN\xd2K\xa5\xa5e\xb2\xac\xcc]:3)yqH\x8d\x90\x82\x82\x82\xa1C\x87\xbe\xf8\xe2\x8b\xf9\xf9\xf9lf\xd8\xdemt,N\xff\x01\x03\xa7\xc3\xe6{322\xa2\xa2\xa2\xb2\x8fg\x8b\xa2\xf8\xec\x0b=\xbe\xd9\xfb\xc5\xa4\xd9\x13\x02\x02\x03\xf2\xf3\n\x04\x9d\xe0h\xe3\xe2{\xc4nfr=\xe7z\xedGk\xafX\xbft\xc3\xe6u\x8d\xc3\x9f"\xa2\xe3\xc7\x8fGEEedd\xd8\xbdTm\x9d\xef\xcd\xcc\xcc\xec\xd0\xb1CRR\x12\x11\xb5\xe9\xd8\xfa\xb3\xd4\x94\xfe\xaf\xf61\x16\x15\xb3l\xb0c\x0b\xef\x92(\x8a\x9a\xa6\xe5]\xcf\xef\xf3\xd2\x0b\xdf\xec\xfe\xbcM\xc7\xd6D\x94\x92\x92\xd2\xba\xf5\xd3\x07\x0e\x1c`\x0b\xb1\x1c$n\x1d\x01\x02\x00\xec\xc3b\xb1\xb0\xd3\xf6\x84\xf9\x93\xd7|\xb62\xec\xb1z\x05y\x05\xff]\xe2\xe9\x8a\xd8teEyEIqI\xfb\xc8\xb6_\xef\xfctt\xdc(Q\x14u:\x9d\xc5b\xb1o\xdb\xac\xf3\xbdK\x96,i\xd7\xae]\xd6\xa1,\x81\x84\xd1\xf1\xa36lN\xaeS\xafv\xde\xf5|\xe7\xba\x8a\x8d\x95\xb0\n\xf2\n\x82B\x82&gt;\xfef\xdd\xe4\xd9\x13\xdc\xdc\xdcN\x9d:\xdd\xa9s\xa7\xe9\xd3\xa7\xb3W\x8aS\x01\x06\x01\x00\xf6\xc1\x96\xe8)\x8a\x12\xd6\xa0\x9e\xb9\xd2\\ZR\xea\x08\xabJ\x1e4\x96y\x85\xf9\x85n\x06\xb7\xd6\x1d\x9fV\x14EUU;\xbej\xeb|\xef\x95+W\xbau\xeb6v\xec\xd8\xca\xca\xca\xda\x8f\xd6^\xf7\xe5\xeaI\xb3\xe3+\xca\x1dn\xbe\xf7\xeeI\x92TYYY^V\xfe\xfa[#&gt;K\xfd\xa4\xe1SOT\x9a*\xa7M\x9b\xd6\xad[\xb7\xb3g\xcf\xb2s2\xcc\x0c#\x00\xc0\xce**L\xbc\xddXQ\x94DUQ\xcbJ\xcb\xec\xdb\x0c\x96=l\xbe\xb7E\x8b\x7f\xb1\xf9\xdeg{\xf7\xf82}c\x97\x1e\x9d\xf2\xae\xe5;\xfb\xfb\xa2\xd3\xe9\x04A\xc8\xcf+h\xd6\xa2\xc9\xa7\xdb?\xee\xffj_"\xda\xbe}{\xeb\xd6\xad7n\xdc\x88\x99aB\x00\x80\xdd9\xcb\x85\xca\xf7\x97\xdd\xfbVV\xf6\xb1\xce\xf7^\xbat\xd9\xcf\xdfo^\xd2\xacU)+|||\n\xf2\x0b\x1d|\xbe\xf7\xeeI\x92T\\T\xa2w\xd3/z?q\xe9\x9aE\xd5\xaa\x07\xe6\xe6\xe6FEE\r\x1d:\xb4\xa4\xa4\x84\xf3\x99a\x04\x00\x00_\xac{\xed\x1d&gt;|\xd8:\xdf\x1b\x1e\xd1\xf4\xeb]\x9f\x0e\x1c\xf6JA~\xa1lq\xd6=\x8bnG\x94DEV\x8cE\xc5\xfd_\xed\xf3Yj\n\x9b\x19^\xbdzu\x87\x8e\x1d233y\x9e\x19F\x00\x00p\x84-\xf3\x17E1))\xa9S\xe7N\xd6\xf9\xde\x94-\x1f\xd5\xa9W\xa7 \xbf@\x14E\xc1\x15\xcf\xc9\xd8\xab\xce\xbb\x9e_\xa7^\xed\r\x9b\x93G\xc7\x8f""\xb6\x85\xdc\x92%K\xd8\xcc0\x87\xe5 \x04\x00\x00/\xd8\x1e\x99W\xae\\\x190`\xc0\xe8\xd1\xa3\x8b\n\x8bj?\xfa\x08\x9b\xefU\x15\xb5\xbc\xb4\xdc\xc5\x06\xfe\x7f$I\x12\x9b\xd9\x9e4;\xfe\xc3/\xd7\xd4~\xb46\xdbB\xae[\xb7nl\x0b9\xde2\x00\x01\x00\xc0\x05vw\x9d\xd4\xd4\xd4\xe6\xcd\x9bo\xda\xb4\x89\x88\xba\xf7\xea\xf6U\xfa\xa7\x91=:\xe5]\xcb\xd74\xcd)\xb6Z\xbawlf8\xefZ~\x97\x1e\x9d\xbeL\xdf\xc8\xae\xcb\xdb\xbe}{\xf3\xe6\xcdSSS\xd9e\x04\xf6n\xa3\xedp\xf1\x96\x03p\x8e-\xf8\x99&gt;}\xfa3\xcf&lt;s\xe5\xca\x95\xa0\xe0\xa0\x84\xc4I\xef\x7f\xbc\xcc\xc7\xd7\xa70\xbf\xd0y\xf7\xdb\xf8\xdb$\xbdT\x90_\xe8\xe3\xe3\xb3*e\xc5\xdcwg\x06\x05W\xbfr\xe5\xca3\xcf&lt;3}\xfat\xae\xf6\x10E\x00\x00\xb8&gt;\xd6\xa3\xb1\xfa\x86 \x08\xe3\xa7\xbc1&gt;nl\xb1\xb1\xd8l6\xbb|\xd9\xe7v$I\x92-r\xde\xf5\xfc\x91\xa3_\x1b?e,\x8b@v\x88\x10\x00\x00\xe0:\xd8\x92\xd3\x81\x03\x07\x1a\x0c\x06M\xd3\xb22\x0f\x17\x9b\x8a\x89\xfb[\'\n:A\x10\x84RSIV\xe6aM\xd3\x0c\x06\xc3\xc0\x81\x03\x89\xa7\xc3\xc2\xcb\xeb\x04\xe0\x99N\xa7SU\xb5v\xed\xdaM\x9a4!\xa2=i\xfb\xae_\xcbsww\xe7\xaa\xde\xfdG\x9a\xa6\xb9\xbb\xbb_\xbf\x96\xc7\xee\xe4\xdc\xa4I\x93\xda\xb5k\xab\xaa\x8a\x00\x00\x00\x97\xc2\xfa\xb5\x17^x\x81\x88r\xaf]\xcf&lt;\xf0\x93\xa7\x97\x07?\xb5\x8e[RU\xd5\xd3\xcb#\xf3\xc0O\xb9\xd7\xae\x13\xd1\x0b/\xbc\xc0\x92\xd2\xde\xed\xb2\x1d\x04\x00\x00\x17\xd8\xa8\xb6g\xcf\x9e\xee\xee\xeeD\x94\xfa\xed\x0e\xde&amp;~oI\x10\x84\xd4ow\x10\x91\xbb\xbb{\xcf\x9e=\x89\xa7\xfa\x0f!\x00\x008\xc1\xc6\xb6\x8f&gt;\xfahxx8\x11\x1d\xdc\x9f\x99\x97\x9b\xa7\xd7\xeb\xb9\xad\x02i\x9a\xa6\xd7\xeb\xf3r\xf3\x0e\xee\xcf$\xa2\xf0\xf0\xf0G\x1f}\x94\xab\xfa\x0f!\x00\x00\xf8\xc1z\xb7\xc8\xc8H"\xca\xbdv\xfdD\xf6i\x83\x87\x81\xab\x8aGU\xaa\xaa\x1a&lt;\x0c\'\xb2O\xb3\xfaOdd$o\xf5\x1fB\x00\x00\xf0\x83\xd5|\xbaDv\xd1\xe9t\x8a\xac\xa4}\x97\xee\xe6\xce\xf5\x19\x80\x9b\xbb&gt;\xed\xbbtEVt:]\x97\xc8.t\xe3\x10\xf1\x03\x01\x00\xc0\x0bv\x99k\xb3\xf0faaaD\xb4{\xc7\xde\xa2\x82"\xbd^o\xefv\xd9\x87^\xaf/*(\xda\xbdc/\x11\x85\x85\x855\x0bo\xc6.\x96\xb6w\xbbl\n\x01\x00\xc0\x11EQ\xdc\xdc\xdc\x9e}\xf6Y"\xbap\xee\xb7#\x87\x8ezzz\xf0\xb6\x01\x0e\x11)\x8a\xe2\xe9\xe9q\xe4\xd0\xd1\x0b\xe7~#\xa2g\x9f}\xd6\xcd\xcd\x8d\xc3\xe3\x80\x00\x00\xe0\x08+q\xf4\xee\xdd\x9b\xd5\xbb\xd3\xb6\xec\xd4sY\x05\xd24M\xef\xaeO\xdb\xb2\x93\xcd\x8b\xf4\xee\xdd\x9b\xf8\xab\xff\x10\x02\x00\x80+\xac\n\xd4\xa4I\x13\xce\xab@7\xd5\x7f\x9a4i\xc2a\xfd\x87\x10\x00\x00\xbcA\x15\x08\xf5\x1f+\x04\x00\x00_P\x05B\xfd\xc7\n\x01\x00\xc0\x17T\x81P\xff\xb1B\x00\x00p\x87\xe7*\x10\xea?U!\x00\x00\xb8\xc3s\x15\x08\xf5\x9f\xaa\x10\x00\x00\xdc\xe1\xb9\n\x84\xfaOU\x08\x00\x00\x1e\xfd\xa1\nt\xcc\xd3\xcb\xf5\xab@\x8a\xa2xzy\x1c9t\x0c\xf5\x1f\x06\x01\x00\xc0\xa3\x9b\xaa@;\xbeK\x938\xd8\x19T\xd34I\xaf\xdf\xf1]\x1a\xea?\x0c\x02\x00\x80G7U\x81~:x\xa8\xa2\xbc\xdc\xe5+!\xa2(V\x94\x97\xfft\xf0\x10\xa1\xfeCD\x08\x00\x00n\xa9\xaa\xea\xe6\xe6\xd6\xb2eK":}\xf2\xd7\xd3\xc7\xcfz\xb8\xf4\xee\xd0\xaa\xaazx\x18N\x1f?{\xfa\xe4\xafD\xd4\xb2eK777\x17~\xbdw\x03\x01\x00\xc05V\x06\xa94\x99v\xa5\xeeq\xed\xdb\x03\xb0\x1b\x00\xecJ\xddSi2\xd1\x8d\x17\xce9\x04\x00\x00\xa7\xd8\xad\xaf\xda\xb6m[\xb3fM"J\xdb\xba\xb3\xa2\xa2\xc2\x85\xeb!\xa2(VTT\xa4m\xddID5k\xd6l\xdb\xb6-qv\x03\xc8?\xe2\xfa\xc5\x03\xf0L\x10\x04EQ|||\xbat\xe9BD\xc7\x8f\x9e&lt;\x95}\xdaU\xab@\xac\xfes*\xfb\xf4\xf1\xa3\'\x89\xa8K\x97.&gt;&gt;&gt;\x8a\xa2\xf0&lt;\x03L\x08\x00\x00\xe8\xd3\xa7\x0f\x11\x99++w\xa5\xeeu\xd5*\xd0\x8d\xfa\xcf^se%\xddx\xc9\x80\x00\x00\xe0\x17?U \xd4\x7fn\x89\xf7\xd7\x0f\xc03N\xaa@\xa8\xff\xdc\x0e\x02\x00\x00\\\xbc\n\x84\xfa\xcf\xed \x00\x00\xb8\xc6C\x15\x08\xf5\x9f\xdb\xc1!\x00\xe0\x9a\xcbW\x81P\xff\xb9\x03\x04\x00\x00\x10\xb9n\x15\x08\xf5\x9f;@\x00\x00\xf0\xce\xb5\xab@\xa8\xff\xdc\x01\x8e\x02\x00\xef\xfeX\x05:q\xec\x94kT\x81X\xfd\xe7\xc4\xb1S\xa8\xff\xdc\x12\x02\x00\x00\xfe\xabo\xdf\xbe\x82 \x98++\xbf\xdf\xfd\x83\xc1\xd3E\x02\xc0\xe0i\xf8~\xf7\x0f\xe6\xcaJA\x10\xfa\xf6\xedk\xef\x169\x16\x04\x00\x00\xfc\xb7$\xd2\xb2e\xcb\xc0\xc0@"\xca\xdc\xff\xa3\xc5"\x0b\x82\xd3\xf7\x0f\x82\xa0\xb3X\xe4\xcc\xfd?\x12Q`` \xdb\xfa\x14\xf5\x1f+\x1c\x08\x00 A\x10TU\xf5\xf7\xf7\x8f\x88\x88 \xa2\x1f\x0f\x1e\xfa\xfd\xdc\xef\x06\x83\xbbS\xdf"F\xd34\x83\xc1\xfd\xf7s\xbf\xffx\xf0\x10\x11EDD\xf8\xfb\xfb\xab\xaa\x8a\xfa\x8f\x15\x02\x00\xecLUU\xa7\xeee\xfe6G{\xd5\xacgdE\x92\x92\xe2\x92\xfd\xbb\x0e8\xfbM"\xd9\r \xf7\xef:PR\\B7\n\\.P\xd7\xba\x8f\x10\x00`g^\xde^:Q\xe7\xd4\x1d\xcd_\xa5i\x9a\xaa\xaaz7\xc7\xba\t;[\xf6\xd3\xb5kW???"J\xfd.MQ\x14\xa7\xae\x02\t\x82NQ\x94\xd4\xef\xd2\x88\xc8\xcf\xcf\xafk\xd7\xaet\xe3e\x02\xe3\xc4\xef.85M\xd3t:\x9d(\x8a\xdf\xef:`\xae4\x07\x04\x06\xc8\xb2\xcc\xc3\xe8L\x96\x15777oO\xefkW\xae\t\x82 \x8a\xa2\x83T$\xd8\xe8844\xb4M\x9b6Dt(\xe3\xf0o\xce\\\x05b\xf5\x9f\xdf\xce\xfd~(\xe30\x11\xb5i\xd3&amp;44\x14\xf5\x9f\x9b \x00\xc0&gt;\xf4z\xbd\xaa\xaa\x8a\xa2,\x9d\xbf\xbcW\x87\xbe\xfbv\xee\xafV=\xd0\xe0a\x90e\xd9\xdeM{P\xd8YN`5\xffbc\xf1\x1b\xc3\xc7O\x197\x9d\xad\xbft\x9c\x97\xcc\x02\x98]*\xe5\xecU\xa0\x9b\xea?\xecE\xf10\xc2\xf8K\x10\x00`k\xa2(\xaa\xaa\x1a\x11\x11\x91\x92\x92\xf2\xc4\x13O\x10\xd1\x91\xac\xa3/\xf5\x1c\x14\x1b=\xf6\xfc\xd9\x0bA\xc1\xd5\x89H\x91\x9d\xb2\xd3\xb9\x1d\x16u~\xfe~\xa2(\xae\\\xb2\xfa\x99\x96\xcf~\xf8\xc1\x86\xb2\xb22I\x92bcc\x9b5k\xa6\xaa\xaa#,Mq\xa5*\x10\xea?w\xc3)\xdfZpv:\x9dN\xaf\xd7\x0f\x180\xe0\xf0\xe1\xc33g\xce\x0c\x08\x08\xd04\xed\xb3\x8f\xbf|\xa1s\xbf\xc4i\xef\x10\x91\x7f\xa0\xbf\xaa\xaa.0^\xd34M\x96eO/O\x1f_\x9f\xdd;\xf6\xf6\xed\x1a5=~\xd6\xf5\xdc&lt;"\xea\xde\xbd{VV\xd6\xd2\xa5K\x03\x02\x02t:\x9d#\x94&amp;\\\xa6\n\x84\xfa\xcf]B\x00\x80\xdd(\x8a\xe2\xe6\xe66y\xf2\xe4\x8c\x8c\x8c\x98\x98\x18A\x10\x8cE\xc5\xef\xccZ\xd2\xb3]\xef\xcf?\xfe\xd2\xc7\xd7\xc7\xcb\xcbS\x91\x15\xa7\xeb}\xacdY\x16%1\xb0z\xe0\xe9\x13gF\xbe:\xfa\xe5\xe7\x06\xfd|\xe8\x17"j\xd4\xa8\xd1\xd6\xad[\xb7l\xd9\xd2\xb0aCEq\xac\x17\xe8\x1aU \xd4\x7f\xee\x12\x02\x00\xecF\x14E6@\x0e\x0b\x0b[\xb3fMZZ\x1a[\x84~\xfa\xe4\x99\xd1\x83\xc7E\xfd\xfb\x95C\x99\x87\x03\x83\x02\xf5zIv\xb6\x8a\x90\xaa\xa8\xaa\xaaV\x0f\xaaVQ^1{\xe2\xbcg\xdb\xbd\xf0\xed\x17[\x88(44t\xe6\xcc\x99\x87\x0e\x1d\xea\xd6\xad\x1b;\xc5q\x9cI`\xc65\xaa@\xa8\xff\xdc%\'{_\xc1\xc5\x08\x82 I\x92\xaa\xaa\xb2,w\xea\xd4i\xff\xfe\xfdk\xd7\xae}\xe8\xa1\x87\x88h\xff\xae\x03\x03\xba\xbf2\xe1\xf5IE\x85\xc6\xc0j\xfetc\x12\xd5\xc1\xb1H\xf3\xf6\xf52x\x18\xd6\x7f\xf0q\xaf\x8e\xfd\x96-|\xaf\xd2T\xe9np\x8f\x89\x899t\xe8\xd0\xe4\xc9\x93\xdd\xdc\xdc\x14E\xd1\xe9t\x8eP\xf7\xbf\x89\x0bT\x81P\xff\xb9{\x0e\xf7\xf7\x07\x1c\xd2\xe9t\x92$)\x8a"IRtttVV\xd6\xe4\xc9\x93=&lt;&lt;\xccf\xf3\xba\xf7?z\xa6U\xcf\x95KV\x8b\xa2\xe8\xe7\xef\xa7(\x8a\xe3\x9e\xc8k$\xcb\xb2^\xaf\xaf\x1e\\\xedP\xc6\xe1\x97z\x0ezk\xd4\xdb\xe7\xcf\x9e\'\xa2\xce\x9d;\xef\xdd\xb3w\xcd\x9a5\xb5j\xd5\x92eY\xd34G\x1e\x8d:{\x15\x08\xf5\x9f\xbb\x87\x00\xb8-U\xd5T\x17\xe1\x1cc7kE(88x\xe6\xcc\x99?\xfe\xf8c\xf7\xee\xdd\x88\xe8\xfa\xb5\xeb\xd3\xe3g\xf5\xed\x1a\xb5{\xc7\x1e\x1f_\x1f\x0fO\x0f\xd9";\xda\x80TQ\x14\x12\xa8zp\xf5\xdck\xd7_\x1f4\xb6\x7f\xb7\x97\x7f\xd8{\x90\x88\x1a4h\xb0v\xed\xda\xb4\xb4\xb4\x16-Z\xb0r\xbf$I\x0e&gt;\x14u\xf6*\x10\xea?wO\xb2w\x03\x1c\x97\x87\xa7\xc1\xdb\xd3[\x91\x15Qr\xd6?\x1dEV\xbc=\xbd=&lt;\r\xf6n\xc8\xddb\x15!v\xa1l\xc3\x86\r\xb7l\xd9\xbam\xdb\xb6\xf8\xf8\xf8c\xc7\x8e\xfd|\xe8\x97\x97\x9f\x8b~\xb6w\x8fq\x93F?\xf1\xd4\x13\xc6B\xa3\xd9l\x91\x1c\xe0\xadQU\x95\x88\xfc\xfc}KK\xca\xe6O[\xb8\xfe\x83\x8f\xd9"\x1f\x0f\x0f\x8f7\xdf|s\xfc\xf8\xf1~~~\xeck\x9c\xa5\x0f\xaaZ\x05\xfa\xee\xbb\xef\x0ee\x1c&gt;\xff\xebo\xb5\xfeQ\xd3\\iv\xf0\xe8"V\xff\xf1p?\xff\xebo7\xd5\x7f\x1c\xb0\xda\xe6\x08\x10\x007c\x17g\xeat\xbaY\x13\xe7\xaeX\xb8R\x96e\xc7\xff\xa3\xbf\x1d6\xde,((dW]9\xcb\x0bao\x01\xeb4\xbbu\xeb\xd6\xa9S\xa7\xf9\xf3\xe7/_\xbe&lt;\'\'\xe7\xdb/\xb6\xec\xdb\xf9}\xf4\x88W\xa3G\xbc\x1a\x1c\x1a\\\x98_(\x08\x82\xbd&gt;\xdb\x9a\xa6\xa9\x8a\xea\xe5\xe3\xa5\xd3\t\xa9\xdf\xa5\xcf\x9b\xba\xe0\xcc\xc9\xb3\xec\xa9\xa8\xa8\xa8\x89\x13\'6l\xd8\x90\x88dY\x96$\'\xfb\xa0\xb1\x1e\xb3w\xef\xde\xdf}\xf7]Iq\xc9\xd1\xc3\xc7\x1e\r\xabc\xaa09~\x86\xa9\xaa\xea\xe1a8z\xf8\x18\xab\xff\xf4\xee\xdd\x9bn\xbc\x1c{7\xcd\x119\xd9\xdf\xa5\rX,\x16EQ\x14E\xc9&gt;r\xdc\xdem\xb9\xcf,\x16\x8b\xbd\x9b\xf0\x17\xb0O\xacu\xa9hLL\xcc\x94)S\xd6&amp;\xaf5\x16\x19\x97\xccM\xfa\xe6\xb3\xef\xc6N\x8c}~@/UQJJJm\xbf\x96F\x96e\x83\xc1\xe0\xe1\xefq\xec\xf0\xb1\xb9S\x17\xecI\xdb\xc7\x1e\x8fh\x191c\xfa\x8c\xc8\xc8H\xf65\xa2(:]\xefO7\x0e~\xabV\xad\xdc\xdd\xdd+++wm\xdf\xf3BT/{7\xea\xae\t\xc2\xae\xed{\x88\xc8\xdd\xdd\xbdU\xabV\x84\xfd\x9foOp\xb4Z\xaa\x1d\xb1a\xc2\x91#G\xc6\x8d\x1b\xc7\xfeb\x9ce\xc8|g\xec-VUu\xd1\xa2E\x8d\x1b7v\xba\xd1\x90\xa6il~\x98\x88v\xee\xdc9o\xde\xbc\xf4\xf4t\xf6T\x9b\x8eO\x8f\x9d8\xfa\xe9\xf6\xadJ\x8bKM&amp;\x93m\xbaZEQDQ\xf4\xf3\xf7\xbd|\xe9\xea\xd2\xc4e\x1b?\xfc\xac\xd2TID\xa1\xa1\xa1\x13\'N|\xed\xb5\xd7\xd8\xf9\x169y\xbf\xc3^B\xeb\xd6\xad\x0f\x1e&lt;\x18\x12\x1a\x9c\x9a\xf1\x9d\xb7\x8f\xb7\x83\x9f\x10\xb3S\xde\xd2\x92\xd2\xae\x11\xff\xbe\x96\x93\xdb\xb2e\xcb\xef\xbf\xff\x9e\x9c\xfc\x8dx\xa0\x10\x00\xe0\x1c\xd8\xc4\x00+A$\'\'O\x9d:\xf5\xd2\xa5KD\xe4\xe6\xee\xfe\\\xdf\x7f\x8f\x9b4\xa6v\xdd\x7f\x1a\x8b\x8aY\xef\xfc\x80\xda\xa0\xaa\xaa\xa6i~\x01~e%e_m\xda\xbcdN\xd2\xd5+9D\xe4\xe1a\x182d\xe8\xe4\xc9\x93\x83\x83\x83\xe9FB&lt;\xa06\xd8\x0c\xab\\-\\\xb8\xf0\xad\xb7\xde"\xa2\x95\x1f/\xef\xd1\xabkaA\x91#\xbf4EQ\x02\x02\xfd\xb7|\x9d\xfa\xdaK\xa3\x88h\xc1\x82\x05\xe3\xc7\x8fw\xc6\x12\x9c\xcd \x00n\xa6i\x9a\xab\x1e\x13A\x10\x1cy\xf8v7\xd8\xf2yA\x10rss\x93\x92\x92\xdey\xe7\x9d\x8a\x8a\n"\xaa\x1e\\}\xd4\x9b\xaf\xbd&lt;8\xca\xc3\xd3\xa3\xc4XB\xc2}\x1e\xf4i\x9a\xa6\xc8\x8a\x97\x8f\x97(\x8a{\xd3\xf7\xbd3\xeb\xdd\x9f\x7f:\xc2\x9e\xea\xde\xbd{bb"+\xf7[\x9bw\x1f\x7f\xb5\xbd\xb03\xc53g\xce&lt;\xf9\xe4\x93\x95\x95\x95\xbd\xa3\x9e\xdf\xf0Ir\xa1\xd9\xe1\x03\xc0\xcd\xff\xe5\x17\xa3\xbfH\xf9\xca\xdd\xdd\xfd\xe8\xd1\xa3aaaNw\xcakK\x08\x00p&gt;\xd61]vv\xf6\x9c9sRRR\xd8\xe3\xf5\x1f\x0f\x8b\x9f&gt;\xbe\xeb\xbf;\xcb\xb2Rz\xff&amp;\x06dYvss\xf3\x0b\xf0;\xfe\xcb\xf1E\xb3\x97\xb2kz\x89\xa8Q\xa3F\x13\'N\x1c0`\x00\xb9V\xd7oe\xad\x02edd\x04\x04\x06\xbc\x18\xd3_\xa7\xd3i\x9a&amp;\x90#\xbeL\x8d4\xb6~\xe9\x93\xb5\x9b\n\x0b\n#""P\xff\xf9S\x08\x00pJU\'\x06\xacKE\xd9S\xcf\xf6\xee\x11\x1b7\xb2Q\x93\x86\xa5%\xa5\xe6J\xf3\xbd\x9c\xfe\xab\x8aJ\x02\x05V\x0b\xc8\xb9z-\xf9\xbd\xf5\xc9\xef\xad7\x16\x19\x89(44t\xd4\xa8Qqqqnnn.P\xee\xbf\x1d\x16\xb4\x0b\x16,\x88\x8b\x8b\xb3w[\xfe\xb2\xf9\xf3\xe7\xbf\xf5\xd6[\xa8\xff\xdc\x19\x02\x00\x9c\x98\xb5\xf35\x9b\xcd\xef\xbf\xff\xfe\x9c9srrr\x88\xc8\xdd\xe0&gt;\xf4\xf5\x98ac\x06\x87\x84\x06\x17\xe4\x17\x92F:\xf1\xafu\xd0,`|\xfd|dY\xf9l\xc3\x97\xef/Yu\xee\xecy""\x81b\xa2cf\xce\x9cY\xb3fMr\x95r\xff\xed\xb0\xe2\xc9\xd9\xb3g\xdb\xb6mk6\x9bEQ\xd4\xc8\xd1\xbb\x0b\x81\x04\xb6rl\xdf\xbe}\xf5\xea\xd5C\xfd\xe7\xce\x10\x00\xe0\xf4\xac\xbd\xf0\xe5\xcb\x97\xa7N\x9d\xfa\xf1\'\x1f\xb3e9u\xea\xd5\x19\xf1\xc6\xd0&gt;/\xbf Ib\xb1\xb1\xe4\xee+Bl\x89\xa7\xb7\xaf\xd7\x0f{3\x16\xccX\xcc\xae\xe9%\xa2\xce\x9d;O\x980\xa1S\xa7Ntc\x89\xa7\x8b\xd5|n\xa7\xb8\xb8XQ\x14Ap\x82\xee\x825R\x14E___{\xb7\xc5\t8\xc1;\n\xf0\xa7\xaa\xae\x11\xca\xcc\xcc\x9c&lt;y\xb2u\xa9h\xabv-\xdf\x9a:\xb6U\xbb\x88\xd2\xe22\x93\xc9$\x89\xd2\x1d*\xd8\xd6%\x9e\x17\xce\xfd\xbeh\xf6\xbb\x9b?\xfd\xd6l6\x13Q\x83\x06\r\xe2\xe2\xe2\xa2\xa3\xa3\xc9E\xcb\xfdw\xa0i\x9a3\xbeX\'m\xb6\x8d!\x00\xc0u\xdc\xb4Tt\xfe\xfc\xf9\xa7N\x9d""77\xb7\xe7\xfa=;n\xd2\x98:\xf5j\x17\x15\x14\xdd\xb2n\xc3\xaaI&gt;\xbe&gt;\x15\xe5\x15\x1b\xd6\xa4,\x7fge\xde\xadvtp\xf0}\xdc\x1e\x10g\xec%\xd0\xfb\xdf\r\x04\x00\xb8\x1a\xeb\xc4\x80\xd1h\\\xb8p\xa1u\xa9hPp\xf5W\x87\xbd4l\xf4\x10o\x1f\xafbc\t\xdd\x98\xb9e\xe5~o\x1fo\x9dNH\xdb\xba+q\xea\xc2\xd3\'\xcf\xb0\x1f\xe5\xec;:\x00\xdc\x19\x02\x00\\\xd3\xed\x96\x8a\x86=Vo\xc2\x8c\xb7"\xbbwTU\xad\xb4\xa4\x8cH3\x18\x0c^\xde^\xbfd\xfdRuG\x87F\x8d\x1a%&amp;&amp;v\xeb\xd6\x8d8+\xf7\x03W\x10\x00\xe0\xb2\xaa.\x15MKK\x9b\x9a05\xe3`\x06{\xaa}d\xdb\xb7g\xbc\xf5d\xd3F\x82Nw\xe9\xf7K\xebV~\xb4zY\xb2\xc9d\xa2\x1b;:\x0c\x1f&gt;\xdc\xb5\x97x\x02\x10\x02\x00\\\x9e\xb5\x13\xb7X,+W\xae\xfc\xdfRQw\xf7\x11\xe3\x86=\xf4p\xad\x053\x16_\xbbz\x8d=2l\xd80\x17\xdb\xd1\x01\xe0\x0e\x10\x00\xc0\x05ko\x9e\x9b\x9b;k\xd6\xac\x0f&gt;\xf8\xa0\xb2\xb2\xb2\xea\x17DFF\xce\x9c9\xb3E\x8b\x16\xc4\xdf:\x1f\xe0\x16\x02\x00xq\xd3R\xd1)S\xa6\xa4\xa5\xa5\x11\x07;:\x00\xdc\x0e\x02\x00\xf8R5\x06&gt;\xfc\xf0\xc3\x0b\x17.L\x9a4\xc956p\x06\xf8\xab\x10\x00\xc0#v\x7f4\xebH\x1f\xe5~\xe0\x13\x02\x00\xf8\xc5\xee\xd2\x8e%\x9e\xc0-\x04\x00\x00\x00\xa7P\xf1\x04\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I\xf6n\xc0\xbd\xd24\xcd\xdeM\x00\x00N\t\x82`\xef&amp;\xdc\x13\x01\x1d(\x00\x00\x9f\x9c\xfb\x0c@\xd3\xb4\xe2\xe2bUU\x05\x01I\x06\x00\xb6\xc3\xfa\x1c\x1f\x1f\x1fIr\xe2^\xd4Y\x9b\xaei\x9a \x08F\xa3\xb1y\xf3\xe6F\xa3\x11\x01\x00\x00\xb6\xa4\xd3\xe9TU\xfd\xf2\xcb/[\xb7n\xad(\x8a(\x8a\xf6n\xd1\xdf\xe1\xac\x01\xc0(\x8a\xf2\xeb\xaf\xbf\xda\xbb\x15\x00\xc0\xa9\xb2\xb22{7\xe1\x9e8k\x00\xb0\xb9\x17//\xaf\xc4\xc4D\x93\xc9d\xef\xe6\x00\x00_X\xd5\xa1~\xfd\xfaD\xa4\xd39\xebrJTN\x00\x008\xe5\xacg\x00V\xb2,\xdb\xbb\t\x00\xc0)Q\x14\x9dz%(\xce\x00\x00\x008\xe5\xac\xa5+\x00\x00\xb8G\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d9\xbb\x01\x00v\xa3(\x8a\xa6i\xa2(\n\x82`\xef\xb6\xb82M\xd3TUe\xff\x90\xa4;\xf59\x8a\xa2\xb0\x7f\xe8t:"\xc2\xfb\xf2\xa0\t\x9a\xa6\xd9\xbb\r\x00\xb6\xa6\xaa\xaa \x08\xd6\xfeEQ\x14Q\x14\xed\xdb$W\xc2z|M\xd3\x04A\xd0\xe9t\x7f\xbb\x1fg\t}\x8f?\x04\xee\x00\x01\x00|a}\x13\xeb\xee?\xfc\xf0\xc3\x0b\x17.L\x9a4I\xaf\xd7\xb3!*\x1bx\xc2\xbd`]v\xd5G\n\x0b\x0b\xcf\x9d;WPPp\xe2\xc4\x89\x91#G\xba\xb9\xb9\xdd\xee\xbb&gt;\xfa\xe8#\x0f\x0f\x8f\x90\x90\x90\xc7\x1e{,00\xb0\xea\xdb\xa1\xaa*\xde\x9d\xfb\x0e\x01\x00\xbc\xd04MQ\x14V\x82\xc8\xcc\xcc\x9c:u\xea\x8e\x1d;\x88\xa8Q\xa3F\x13\'N\x1c0`\x00\x11)\x8a\x82\xc1\xe6\xbdS\x14%++\xeb\xe0\xc1\x83\xc7\x8e\x1d;q\xe2\xc4\xb9s\xe7rss\xd9S\xa7N\x9d\xaa_\xbf\xfe\x1f{sM\xd3dY\xfe\xc7?\xfeq\xed\xda5"\xaaV\xadZ\xcd\x9a5\xc3\xc2\xc2\x9a4i\x12\x11\x11\xf1\xaf\x7f\xfd\xcb\xc7\xc7\xc7\x0e\xaf\xc4\xe5i\x00\x1c\x90e\x99\xfd\xe3\xd2\xa5K111\x06\x83\xe1\xa6\x0fBdddFF\x86\xf5\x8bY\x05\x03\xfe\x12v\xdc\xd6\xae]\xdb\xb0a\xc3[\x96\xd4\x02\x02\x02\x12\x13\x13\xb5*o\x87\xf5\x1b5M\xdb\xbbwoPP\xd0-\xbb\xa9\x7f\xfe\xf3\x9fo\xbc\xf1\x86v\xa3\xb2\x04\xf7\x0b&amp;\x81\xc1\xc5\xb1\xda\x8e(\x8af\xb3y\xfe\xfc\xf9+V\xac\xb8z\xf5*\x11\xd5\xa8\x19:n\xf2\x18"zg\xe6\x92\x9c\xab\xd7\xd2\xd2\xd2\xf6\xed\xdb7l\xd8\xb0\xc9\x93\'\x07\x07\x07\x13&amp;\x06\xfe:M\xd3\x04A0\x18\x0c\xd9\xd9\xd9\xec\x91\xda\xb5k\xd7\xaf_?&lt;&lt;\xbci\xd3\xa6\xd5\xaaU{\xfc\xf1\xc7\xd9\xc0\xff\xa6\x03\xcb\xfe\xb7q\xe3\xc6\xa7O\x9ff\xc5\xa2C\x87\x0e\x1d&gt;|\xf8\xcc\x993g\xce\x9c\xa9\xac\xac\xfc\xfd\xf7\xdf\x8b\x8b\x8b\x89\xc8z\x0e\x07\xf7\x05J@\xe0\xb2\xb4*\xe5\xfem\xdb\xb6M\x980\xe1\xe8\xd1\xa3Dd0\x18\x86\xc4F\x0fz\xed\x95\x87\xfeQ\x8b\x88.]\xbc\xb2\xee\xbd\xf5\xab\x97%\x9bL&amp;"\n\r\r\x9d8q\xe2\xf0\xe1\xc3\xdd\xdc\xdc01\xf0G\x9a\xa6\xb1h\xfcc\xa1\x8c=\x9e\x91\x911k\xd6\xac.]\xbaDDD4l\xd8\xd0\xd3\xd3\xf3o\xff.EQN\x9f&gt;}\xe8\xd0\xa1\xb4\xb4\xb4V\xadZ\x8d\x181\xe2v\xa9,\xcb2Vs\xfd\r\x08\x00pAU\xbb\xfe\xec\xec\xec\xf8\xf8\xf8\xad[\xb7\xb2\xa7z\xf6\xf9\xf7\xebo\x8dh\xd4\xa4ayi9\xeb\xf1\r\x06\x83\x97\xb7\xd7/Y\xbf\xcc\x9d\xba`O\xda&gt;\xf6e\x8d\x1a5JLL\xec\xd6\xad\x1b\xa1s\xa9\xe2n\xce\x8adY\xae:HWU\x95\xad\xb9\xa2?[\xdc\xc9\xfa"\xeb\x82QA\x10\xaa\xfe\xae;\xfcj\xeb\x8c\x02N\xda\xfe*\x04\x00\xb8\x1ak/\x90\x9b\x9b;{\xf6\xecU\xabVUTT\x10Q\xd3\xe6\x8d\xc7M~\xa3]\xe76\xaa\xaa\x96\x96\x94Z\xfbt6\xa4\xf5\xf6\xf1\xd6\xe9\x84\xb4\xad\xbb\x12\xa7.&lt;}\xf2\x0c\xfbQQQQ\x13\'Nl\xd8\xb0!\xfd\xa1_\xe3\x8dvc\n]Q\x94\x8d\x1b7\xf6\xec\xd9\xd3\xc7\xc7G\xfb\xc3\x82\x1f\xc6\xda\xe9\xdf\xe3\x8c:\xabS\xb3\x1fu\xe7\x9e}\xfd\xfa\xf5]\xbbv\r\t\ta\xdf\x82\x93\xb6\xbb\x84\xc3\x04\xae\x83\xf5;\xac\xdc\x9f\x94\x94\xd4\xb8q\xe3\xa5K\x97VTT\x04\x87\x04%$N\xfet\xfb\'\x1d\xba\xb4+).)/+\x97$\xc9\xda1\t\x82 IRyYyiIY\x97\x1e\x9d\xbf\xdb\xffUB\xe2\xe4\xea\xc1\xd5\x89(%%\xe5_\xff\xfa\xd7\x94)S\x8cF\xa3$I\xaa\xaaZ\xafT\xe2\x8a\xa2(\xec(\xed\xdc\xb9\xb3m\xdb\xb6/\xbf\xfc\xf2\xd0\xa1C\x8b\x8b\x8bYo\xfb\xc7\xaf\xd7\xe9t\x92$\xdd\xfbi\x13\x8b\x10\xf6\xa3n\xf9\x05\xaa\xaa\xca\xb2\xbch\xd1\xa2\x81\x03\x07\x86\x87\x87\'\'\'\xb3o\x91e\xf9^~/?p\x06\x00\xae@\xab\xb2\xc4s\xdb\xb6m\xf1\x13\xe2\x8f\x1d=FD\x06\x83a\xc0\xc0\xbe\xb1q#k&gt;T\xa3\xd8X\xf2\xa7%\x02\xf6\x05~\xfe\xbe\x17\xce\xfd\xbeh\xf6\xbb\x9b?\xfd\xd6l6\x13Q\x83\x06\r\xe2\xe2\xe2\xa2\xa3\xa3\x89\xbf\xa5\xa2\xec\xd4\'???...99\x99\xf5\x18u\xeb\xd6\xfd\xec\xb3\xcf\x1a7nl\xc7\xe16kIAAA\xbf~\xfdv\xed\xda\xc5\x1e\xec\xdc\xb9sbbb\xd3\xa6My{\x9b\xfe\x1e\x04\x008\xb7\xaa]\x7fvv\xf6\x9c\xb9sR&gt;IaOu\xe8\xd2n\xc2\xf4\xf1\x8d\x9a6\xaa(\xab0\x99*%\xe9n\xab\xc3\xb2,\x1b\x0c\x06o_\xaf\x1f\xf6f,\x98\xb1\xf8\x87\xbd\x07\xd9\xe3\x9d;w\x9e0aB\xa7N\x9d\x88\x8f\x89\x01k9%55u\xcc\x981\xa7O\x9f\xa6\x1b\x93\xe4#F\x8c\x90$\xe9v% \xdb\xdb\xb6m[||\xfc\xb1c\xc7\x88\xc8\xdf\xdf\x7f\xc6\x8c\x19\xb1\xb1\xb1\x84\xcb\xc7\xfe\x0c\x02\x00\x9cX\xd5r\xff\xb2e\xcb\x16\xbe\xb3\xb0\xa2\xbc\x82\x88\xea?\x1e\x16?}|d\xf7\x8e\xaa\xaa\x95\x95\x94\xe9\xc4\xbf&lt;\x12d\xb9\xe2\xeb\xe7#\xcb\xcag\x1b\xbe|\x7f\xc9\xaasg\xcf\x13\x11\t\x14\x13\x1d3s\xe6\xcc\x9a5k\x92K\xcf:Z;\xf7\xe9\xd3\xa7O\x9b6\x8d=\x18\x15\x15\xb5p\xe1B\xf6\xda\x1d\xa7\xf7g-1\x9b\xcds\xe6\xcc\x997o^ee%\x11\xf5\xeb\xd7o\xe5\xca\x95\x01\x01\x01\x8e\xd3N\x07\x84\x00\x00\xa7\xc4\xca\xfd\x92$\xc9\xb2\xfc\xd1G\x1f%$$\\\xbcx\x91\x88\x82B\x82^\x1d\xfa\xe2\xb0\xd1C\xbc}\xbc\x8a\x8d%to\x8b8UE%\x81\x02\xab\x05\xe4\\\xbd\x96\xfc\xde\xfa\xe4\xf7\xd6\x1b\x8b\x8cD\x14\x1a\x1a:j</t>
        </is>
      </c>
    </row>
    <row r="36">
      <c r="A36" s="1" t="n">
        <v>34</v>
      </c>
      <c r="B36" t="inlineStr">
        <is>
          <t>color_size_circle</t>
        </is>
      </c>
      <c r="C36" t="inlineStr">
        <is>
          <t>What is the missing color of the part denoted with a question mark?</t>
        </is>
      </c>
      <c r="D36" t="inlineStr">
        <is>
          <t>['light green', 'dark orange', 'dark green', 'dark blue']</t>
        </is>
      </c>
      <c r="E36" t="inlineStr">
        <is>
          <t>dark green</t>
        </is>
      </c>
      <c r="F36" t="inlineStr">
        <is>
          <t>There are circles of various sizes and colors in the image. The circles are ['medium', 'small', 'extra large', 'large'] size, and their colors are ['medium green', '?', 'very light green', 'light green'].</t>
        </is>
      </c>
      <c r="G36" t="inlineStr">
        <is>
          <t>We observe that the largest circle is very light green color, and the smaller circles change color from light green to medium green. Hence, the pattern is that the circles become darker as they become smaller.</t>
        </is>
      </c>
      <c r="H36" t="inlineStr">
        <is>
          <t>Based on the pattern that the circles become darker as they become smaller, the missing color of the smallest circle denoted with a question mark should be dark green.</t>
        </is>
      </c>
      <c r="I36" t="inlineStr">
        <is>
          <t>b'\x89PNG\r\n\x1a\n\x00\x00\x00\rIHDR\x00\x00\x02\x00\x00\x00\x02\x00\x08\x02\x00\x00\x00{\x1aC\xad\x00\x00\xe9\xa2IDATx\x9c\xec\x9dwxT\xc5\xfa\xc7g\xe6\xb4\xed\xd9t\x12 \x9d\x90@\x02\x08\xa1#E\x8a\x804\x05\xb1\xa1 \xf6\xde\xc5r\xef\xb5\xff\xee\xc5\xde\xbb(EE@\x11\x04\x0b\x88\x14\xe9\x1d\x02\x04\x02\xa4P\x12\xd27\xdbO\x9b\xf9\xfd1a\x8d\x14\xc5Ff\x93\xf3y\xees\x9f=+\x84\xc99g\xde\xef\xcc\xdb\x06\x12B\x80\x81\x81\x81\x81A\xcb\x035\xf5\x00\x0c\x0c\x0c\x0c\x0c\x9a\x06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85o\xea\x01\x18\x18\x9c\'\x08!\xe7\xf8\'!\x84\xff\xe8H\x0c\x0c\x18\xc1\x10\x00\x830&amp;d\xd31\xc6\xa7|\x03!ll\xc7O\xb9\xfc\xdd\x1f\xdbX-\x1a_\x86~\x08B\xe8\x94o\x0c\x0c\xc2\x0ex\xee\xcb"\x03\x83\xa6\x82\xbe\xa5\xd4\xca\xd3\xcf\xd4\xa0\x87\xac\xf0\xb9PWW\x07\xe1\xef\xbc\xf0\xf4\x0fDFF\x9e\xfb\x8f\xc5\x18\x87\x14\x82\x8a\x01\x1d\x95!\x0c\x06\xecc\x08\x80\x01s\x90F\x00\x00 \x84\x1c\xc7\x9d\xf1O\xea\xba\xeev\xbb1\xc6{\xf7\xee\xd5u]\xd3\xb4\xcd\x9b7\xab\xaa\n!,---))\tY|\xaf\xd7{\xe8\xd0\xa1s\x1c@FF\x86\xcdf\x03\'\xf5 %%%99\x99\x10"\x08B\x8f\x1e=x\x9e\xe78\xaec\xc7\x8e\x08!\x87\xc3\xf1\x1bck\xacU\x7fh\x0bb`p~0\x04\xc0\xa0\xe9!\x84\x84V\xf7\x08\xa1\xd3\xd7\xf5\xba\xae{&lt;\x9e\x83\x07\x0fz\xbd\xde]\xbbv\xd5\xd7\xd7\xef\xda\xb5\xcb\xe5rUTT\x94\x97\x97\x13B\\.\xd7y\x1e\xb3\xd3\xe9\x84\x10&amp;$$\xc4\xc7\xc7;\x9d\xce\xce\x9d;GDDt\xee\xdc\xd9f\xb3\xb5k\xd7\xcen\xb7\x9f.\x0c\x18c\x8cqh\x97`\xe8\x81A\x93c\x08\x80A\x13\xd0x\x8d\x7f\xba\xc5\x0f\x04\x02\xd5\xd5\xd5\x87\x0e\x1d\xda\xbd{wUU\xd5\x96-[\x8e\x1e=z\xe2\xc4\x89\xba\xba\xba\xa6\x1a\xf0\x1f"22\xb2U\xabVm\xdb\xb6\xed\xde\xbd{lll\xa7N\x9d222bbb\xccfs\xe3?\x16\xd2\x03c\x7f`\xd0T\x18\x02`p\x9e\xa0\xcb|B\xc8\xe9.\x9d\xfa\xfa\xfa\xc2\xc2\xc2c\xc7\x8em\xdf\xbe}\xf3\xe6\xcd\x05\x05\x05555~\xbf\xff\xdc\x7f\xb8\xc9l2\x99$\x8cqrj\xb2#\xc2\xaei\xba\xc3i\xef\x90\x9b\xad\xeb:\x04\x10\x00\xc0\xf1\\\xa7\x0brxA\xf8\xdd\x18\x80\xa6\xaa\xbbw\xec\xd15\x1d\x00@\x00\xe18n_~\x81\xdb\xe5\xe1y\xce]\xef)-.E\x08\x05\x83r0\x10&lt;\xf7\xe1Y,\x96\xe8\xe8\xe8\xec\xec\xec\x1e=zt\xed\xda\xb5M\x9b6\x99\x99\x99\x11\x11\x11\x8d\xff\x0cu\x19\xd1\xc0\x86!\x06\x06\xe7\x07C\x00\x0c\xfeA\xcef\xf4u]/,,\xdc\xbf\x7f\xff\xf6\xed\xdb7l\xd8\xb0k\xd7\xae\xea\xea\xea\xdf\xfdi\x1c\xc7\xd9\x1d\xf6\x98\xd8\xe8\xf8\x84\xb8\xf8\x84\xf8\xa4\xd4\xb6f\x8b\xb9c\xa7l]\xd7\x93S\x93\xed\x11v]\xd3\xa3c\xa2$\x93\x841F\x08\x89\xa2\xd0(\x95\x07h\x9a\x06\xc0\xb9\xbc\xed\x90\xe7yp\xd2\x02C\x00\x14E\xa5?P\x0e\xca5\xd5\xb5\x1c\xcfy\xea=\xa5\xc5\xa5\x1c\xc7\xed\xdd]\x10\xf0\x07\x8e\x14\x1f\xad(\xaf\xa8(\xaf\xac\xae\xaa\xf1\xb8=\xba\xae\xff\xee\xbf\x11\x13\x13\xd3\xb9s\xe7\xde\xbd{w\xed\xda5+++33\xf3\x94\xfbc\x88\x81\xc1y\xc0\x10\x00\x83\xbf\x1fj\xf4\x01\x00\x8d\x8d\x9a\xdf\xef\xdf\xb3g\xcf\xfa\xf5\xebw\xef\xde\xbdi\xd3\xa6\xc2\xc2BM\xd3B\xff\xf5\xf4\xfc\x1c\xbb\xc3\x16\x9f\x10\x1f\x9f\x10\x9f\x9e\x99\x96\x92\x96\xd4.+#:&amp;\xbaUb\xbc\xc9l\x8ap: \x84&lt;\xcfcL4M\x83\x10(\xb2\xaa\xeb:\x84PUU\x82\t\x80\x00\x10\x80\tn\xfc\x03\xffP\x1ah\xe3K\x04\x11\xfd\x81\x10AA\x10\x08!\x1c\xc7\x89\x92@\x08\xe0y\x1e!\xa8i\x1a!\xa4\xde\xe5\x0e\x06\x82\'\xca*j\xaak\x0e\xee?TRt\xe4paQEyEEy\x85\xc7\xed=e$\x8d\xff\t\x9e\xe7333{\xf6\xec\xd9\xa9S\xa7&gt;}\xfa\xe4\xe4\xe4X,\x96\xd0\x7f\xa5r\xf2GS\x9e\x0c\x0c\xce\x05C\x00\x0c\xfe\x1eB\x8b\xfd\xc6&gt;}]\xd7\xb7o\xdf\xben\xdd\xba\x9f\x7f\xfey\xeb\xd6\xadG\x8e\x1c\t\xfdy\x08\xc1)\xaf^TLTFfZ\x87\xdc\xec\x0e\xb9\xd9I\xa9m\x93\xd3\x92#\xa3\x9c6\xbb\x8d\xe38\x88\xa0\xa6j\xba\xa6\xa9\xaa\x861\xd65\x9d\x00B\x08\x81\x00\x02\x08\x01 \xe7-+\xff\xd7\x95\x07\x10\x10B\x00\x81\x10B\x009\x9eC\x08\t\x02\xcf\xf1&lt;/\xf0\x04\x13]\xd7\xbd\x1eo]\xad\xab\xb4\xa8\xf4H\xf1\xd1}\xf9\x05\xfb\xf2\x0b\x0e\x15\x16\xd5V\xd76\xfe\x99\xa7\xdc\x8a\xa4\xa4\xa4\xbc\xbc\xbc\x0b/\xbc\xb0o\xdf\xbe]\xbbv\r\x89h(f`l\x0b\x0c\xfe.\x0c\x010\xf8K\x84\xec&gt;\xcf\xffRTx\xec\xd8\xb1\xcd\x9b7/Y\xb2d\xd3\xa6M\xfb\xf6\xed\x0b}\x7f\xca\xca\xd7\x19\x19\x91\xd9!\xb3Cnv\x87\xdc\xacvY\x19I\xa9I11Q\x92\xc9D\x08\xd15MV\x14]\xd3\xa9\xad\x07\x84fS6\xd8w6\xcd\x1f\xfd\xd5\x1a\x92W\t\x01\x10PU\xe0xN\x12E\x8e\xe7!\x84r0X]]{\xa4\xf8\xc8\xc1\xfd\x87\xf6\xe5\xef\xdf\x97_P\xb8\xaf\xd0UW\x1f\xfa!\xa7\xdc\xa2\x0e\x1d:\xf4\xec\xd9s\xd4\xa8Q=z\xf4h\xd3\xa6M\xe8{M\xd3\x0c%0\xf8\xeb\x18\x02`\xf0g8\xdd\xee\xd3\xc5\xfe\xea\xd5\xab\xbf\xff\xfe\xfb-[\xb6\xb8\xddn\xfa\xfd)\x16\xadu\xdb\xc4\x9c.\x1d\xbb\xf7\xce\xeb\x90\x9b\x95\x9e\x99\x9e\xd0\xba\x95(\n\x84\x00UU\x15Y\t9p \x80\x10A\x08 \x08w\xfbF\x00\x01\x84`Be\x8c:\x91DI\x14\x04\x01B\xa0(j\xf9\xf1\x13\x87\x0b\x0f\xef\xcb\xdf\xbfe\xc3\xd6=;\xf7\x1e?Z\x16\xfa\xab\x8do\x9d\xc3\xe1\xe8\xde\xbd\xfb\xf0\xe1\xc3\x07\x0c\x18\xd0x[`(\x81\xc1_\xc1\x10\x00\x83?\xc0\x19\xed\xfe\xa6M\x9b\x16.\\\xf8\xed\xb7\xdf6^\xec7\xa6u\xdb\xc4\xdc.\x1d\xbb\xf7\xce\xbb\xa0G\x97\x8c\xf6\xe9\xd11\xd1\x1c\xc7i\x9a&amp;\x07eEQ\x1a,~\x8bI\x85\xfc\xa5\xc6\x8d\x00\x88\xa0(\x8a\x92I\xe2y^\xd7\xf5\x9a\xea\x9aC\x07\x0e\xef\xd8\xbcs\xcb\x86\xad\xf9\xbf\x16\x83\xc6t\xe8\xd0a\xe4\xc8\x91\x97^zi\xcf\x9e=\r%0\xf8+\x18\x02`pNP\x07\xf4o\xdb\xfd\xc6+V\x9b\xdd\xd6\xa9kn\xff\x8b\xfa\xf6\xec\xd7#=3\x8d\x1a}EQ\xe4\xa0\xac\xaa* \x00B\x08Q\x8b\xb0\xf8\xbf\r!\x84`B\x08\x01\x10\x08\x82 \x99$Q\x14\xa9\x18\x1c.,\xda\xb4v\xf3\x9a\x9f\xd6\xed\xde\x9e\xef\xf54\x84\x91\x1b\xdf\xe4\xb3)\xc1\x19\x8b\xe9\x0c\x0cN\xc7\x10\x00\x83\xdf\x82.\xf9C\xeb\xca\xdf\xb5\xfb\xed\xb22.\xc8\xeb&lt;\xe8\xe2\x81\xb9]:&amp;\xa7%\xf3\x02\xaf*\xea/F\x1f\xb5\x94e\xfe\x9f\xa3ak\x80\x7f\x11\x03A\x144U+-*\xcd\xdf\xb9w\xe5\x0f\xabvl\xddup\x7fCC\x8b\xdfV\x82S\x1e\x9c\x81\xc1\x191\x04\xc0\xe0\xcc\xd0\xec\xc3\xd0\xbar\xdf\xbe}\xdf~\xfb\xed\xec\xd9\xb3w\xef\xdeM\xbfA\x08\x85zp\xb6k\x9f1\xe8\xe2\x01CG\x0e\xee\xd45\xd7\x11\xe1 \x84\x04\x03AY\x96\t&amp;\x86\xd1\xffs\x84\xc4\x00"(I\x92\xc9l\x82\x10\xba\xeb\xdd\xbb\xb7\xe7/\xffv\xc5\xca\x1fV\x1f&lt;\xd0\xa0\x04\x8d\x1fD\xa7N\x9d\xae\xbd\xf6\xda\x91#Gv\xe8\xd0\x81~s\xcas40h\x8c!\x00\x06\xbf\xe2\x94\x95\xa3\xdb\xed^\xb4h\xd1\xec\xd9\xb3W\xae\\I\xd3\xf6\x1b\x9b\x9b\xae=.\xb8x\xf4\xd0\x1e}\xf2\xb2s\xb2"\xa3\x9c\x8a\xa2\xfa}~jq\x8c\xb5\xe7\xdfH\xa8W\x12\xc7q\x16\xabE\x14\x85\xbaZW\xc1\x9e\xfd\x9b\xd7o\xfd\xe1\x9b\xe5\xdb7\xef\xa0\x7f,\xf4hx\x9e\x1f4h\xd0\xb5\xd7^;v\xecX\x87\xc3\x01\x8c\r\x81\xc1Y0\x04\xc0\xa0\x01\x1a\xdd\r-\x15\xd7\xaf_\xff\xc9\'\x9f|\xf7\xddw\xc7\x8e\x1d\x03\xa7\xac\xf7\xb32\x06\x0e\x1d0\xec\x92\xc1y\xbd\xbb\x99-fEV\x02\x81\x80\xa6\xea\x08\x19\xc5J\xff8\x18c\x8c\t/pf\xb3Y\x94\xc4\x80?\xb0u\xc3\xb6eKW\xacZ\xbe:\xe4\x1d\n=\xac6m\xda\x8c\x181b\xca\x94)}\xfa\xf4\xa1\xff\x89\x96\xcb\x19\x8f\xc9\x80b\x08\x80\xc1\xaf\xbc\x04\xa1%\xff\xf2\xe5\xcb\xe9\x7f\rY\x93V\x89\xad\x06\x0e\xed?\xe1\x9aKs\xbb\xe4DDF\xa8\x8a\xea\xf3\xfat\x1d\x1bv\xbfI\xa0J\xc0q\xc8j\xb3\n\xa2P_W\x9f\xbfs\xcf\x82O\x17\xaeZ\xbe\xe6D\xd9\t\xf0k\xcd\x1e:th\xe3\r\x81\xe1\x172\xa0\x18\x02\xd0r9\xc5-\xb0\x7f\xff\xfe/\xbe\xf8\xe2\xc3\x0f?\xa4K~\x8e\xe3\xa8\x99\x10%q\xc0\xe0\x0b\x87\x8f\x1e6\xf4\x92\xc1\xb1\xf11\x9a\xa6\xfb}~M3\xd6\xfb\xac\xd0\xb0\'\xe09\x8b\xd5\xc2\xf3\\UE\xf5\xf2\xa5+\xbe\xfff\xd9\xea\x15?+\xb2\x02\x1a=\xca6m\xda\xdcx\xe3\x8dW\\qEVV\x160\xfcB\x06\x86\x00\xb4L\xe8\xcc\x0f-\x00\x97/_&gt;g\xce\x9c/\xbe\xf8B\x96e\xd0h\xe5\x98\xde.m\xf4\x84KF]62;\xa7=D\xc8\xe7\xf1\xd1\xb3V\x0c\xbb\xcf&amp;\xd4\x89\'\x08\x82\xd5n%\x18\x17\xec9\xb0\xe4\xabo\xbfY\xb0\xf4\xf0\xc1"\xd0\xe8\xb1J\x92t\xc5\x15WL\x9a4i\xe8\xd0\xa1\xf4/\xea\xban\xc8@\xcb\xc4\x10\x80\x96Ec\xd3\xaf(\xca\xf7\xdf\x7f\xff\xe6\x9boRoO\xc8@ \x0e\xf5\x1d\xd0\xfb\xba\x9b\xae\xe9;\xb0OTtT0\x10\xa4\x9d\x99\r\x1b\x11\x16\x84"\xc6\x16\x8b\xc5d6\xd5\xd6\xd4\xae[\xb5~\xd6\x07\x9f\xae[\xbd\x01\xeb\x184z\xd0C\x87\x0e\xbd\xf3\xce;\x87\x0f\x1f.\x8a"0d\xa0Eb\x08@K\xe1\x14\xd3\xff\xe9\xa7\x9f\xbe\xfc\xf2\xcb{\xf6\xec\x01\x00\xf0&lt;O3|bb\xa3/\xbbj\xdc\xd8\xcbG\xe7v\xe9\xc8\x0b\xbc\xd7\xe3\xd3T\r\x1a\xae\x9e\xf0\x04cL0\xe1\x05\xdef\xb7j\xaa\x96\xbfs\xef\xa2\xf9\xdf|\xf5\xf9\xd7\xd5U5\xa0\xd1C\xcf\xc9\xc9\xb9\xff\xfe\xfb\xaf\xb9\xe6\x1aC\x06Z \x86\x004\x7f\xce\xc5\xf4gf\xb7\x9bp\xcdec/\x1f\x95\x9a\x9e\x12\xf0\x07\xfc\xfe\x00!\x84C\\\xd8\xb7\xe21 @\xc7:\x84\xd0b1\x9b-\xe6\xe2\xc3%\x8b\xe6/Y\xf0\xe9W\x85\x05\x07\x81!\x03-\x1eC\x00\x9a3\xbfa\xfa\x05APU\x15\x00p\xe1\xa0\xbe\x97^9v\xc4\xd8\x8b\xa3b\xa2\xbcnO0(\x1b\x8d\x04\x9a%\xb4\x99\x87\xc9$\xd9\x1c\xf6\xda\xea\xda\xef\x16\xfd\xb0p\xee\xa2\x9fW\xae\x03\x8d^\x06C\x06Z\x1a\x86\x004[t]?\xa3\xe9\x0f\xb9\x80\xfb\r\xea{\xcb=7\x0c\x18r\xa1 \x08\x1e\xb7GU5\x8e\xe3\x8c\xd9\xde\xbc!\x84\xe8\xba.\x08\xbc\xddaWUu\xf5\x8f?\xbf\xf7\xdaGkW\xae\x03\x8d^\x8c\xd3e\xc0H\x18m\xae\x18\x02\xd0\x0c\t\x15\xfb\x9cb\xfai:\xa0 \x08\xa3\xc7_r\xe9\x15c\x06\x0c\xbd\x10!\xce\xe3\xf6\x10L8\xde\x98\xe1-\x0b]\xd3!\x82v\x87\x1dc}\xf5\xf2\x9f\x17~\xb1\xf8\x9b/\x97\xaa\xaa\x1a\xca\x19m,\x03\xa7\x14\t\x1a4\x1b\x0c\x01hV4\x9e\xa8s\xe7\xce}\xee\xb9\xe7\x1a;|\x04A\x18w\xc5\x98\x1b\xee\x98\xd2\xb9[\']\xd3&lt;n\xaf1\xab[8t\xad`w\xd88\x9e\xdf\xb5m\xf7Go}\xf2\xf5\x17\x8b\xe9\xab\x12r\n=\xfe\xf8\xe3W^y%0\xaa\x88\x9b#\x86\x004\x13\x1a\xbb\xfbW\xacX1}\xfat\x9a\xdc\x19\x9a\xc9\xa3\xc7_r\xd7\xc3\xb7\xe7v\xe9\xa8\xc8\x8a\xcf\xeb\x07\x10r\x9c1\x93\r\x00\x00@\xd71 \xc4j\xb3\x88\x92\x98\xbfs\xef\x1b\xcf\xbf\xfd\xcd\x97KA\xa3\x97g\xe8\xd0\xa1\xd3\xa6M\x1b&lt;x00\x02\x03\xcd\x0bC\x00\x9a\x03!/\xed\x9e={^y\xe5\x95\x193f\x80_\x87yo\xbe\xe7\x86\x81C\x07`\x8c\xbd\x1e\x9fQ\xc1kpFhE\xb1\xcdnE\x08\xadZ\xbe\xfa\xfd\xd7&gt;:%D&lt;u\xea\xd4\xfb\xee\xbb/\'\'\x07\x18\x81\x81\xe6\x82!\x00\xe1MC\xe9\x16B\xf5\xf5\xf5/\xbe\xf8\xe2\xf3\xcf?\xaf(J(\xb7\xafK^\xe7\x07\xff}_\xff\xc1}\x11\xe2&lt;\xf5\x1e\x00\x81a\xfa\r~\x1b\x8c1 \xc0\x1ea\xc7X_\xb3b\xdd\x8b\xcf\xbc\xb2s\xeb.p2aT\x14\xc5\x87\x1f~\xf8\xc1\x07\x1f\x8c\x88\x88\x08\xbd{M=d\x83?\x8f!\x00\xe1Jc\x9f\xcf\xdc\xb9s\x9fx\xe2\x89\xc2\xc2B\x8e\xe3t\x1d\x03@2\xb3\xda\xddx\xe7\xf5\xe3\xae\x18c\xb5[\xdd.\xb7\xe1\xeb7\xf8CPw\xbf\xc3\xe9\xf0y|_\x7f\xb1\xf8\xc37?.\xdc\x7f\x10\x00\xc8qH\xd7\xf5\xcc\xcc\xcc\xa7\x9ez*\x14\x180&lt;B\xe1\x8b!\x00aIc\x9f\xcf\xc3\x0f?\xfc\xddw\xdf\x81\x93[\xf5\xa8\x98\xa8\xebo\xbd\xf6\xe6\xbbot8\x1dn\x97\xdb\xd8\xaa\x1b\xfci\xe8\xcbC_\xa4\xf7_\xff\xf0\xe3wg\xd7V\xd7\x86&lt;B#F\x8cx\xfe\xf9\xe7\r\x8fPXc\x08@\x98\x11Z\xf87\xf6\xf9\x84\xe6\xe4\xe5\xd7\\v\xff\xbf\xeeM\xcbHu\xd5\xb94M\xe7\x8d\xe4N\x83\xbf\x0c}\x91\x9c\x91\xce\xa2C\xc5/?\xfb\xea\xfcO\xbf\x02\'W\x1b\x8d=B\xc6V \x1c1\x04 \x9c\xd04\x8d\x1e\xcb\xfe\xddw\xdf\xdd{\xef\xbd\'}&gt;:\x00\xa0K\xb7N\x0f?\xf9\xc0E\x17\x0f\xf4\xf9\xfc\xc1@\x90\xe7x\xa3\x8b\x83\xc1\xdf\x06\x01\x9a\xae\x99\xcc&amp;\xab\xd5\xf2\xd3\x0f\xab\x9e\x7f\xf2\xa5\x9d\xdbv\x83\x93\x95%\x99\x99\x99\xaf\xbe\xfa\xea\x88\x11#@\xa3W\xd4 ,0\x04 &lt;\x08-\xfc\xcb\xca\xca\x1ex\xe0\x81\xb9s\xe7\x82F&gt;\x9f\xbb\x1e\xba\xfd\xda\x1b\xaf6[L\xae\xbaz\xa3\x9a\xd7\xe0\x1f\x82V\x11;##\x02\xfe\xe0\xec\x0f?{\xe3\x85\xb7\x1b{\x84\xae\xbc\xf2\xca\x97^z)11\xd1\xd8\n\x84\x11\x86\x00\x84\x01\xa1U\xd5\xdc\xb9s\x1fx\xe0\x81\xb2\xb22Q\x14\x15E\x01\x00L\xb8\xe6\xb2\x07\xfeuojzr\xbd\xe1\xee78/\xd0\xd7,\xc2\xe9(&gt;\\\xfa\xd2\xb3\xaf.\xf8\xf4+\x00\x00}!\x13\x13\x13_z\xe9%\x1a\x1c6\xb6\x02a\x81!\x00Ls\xc6\x85?M\xc8KIOy\xea\x85\x7f\r\x1f=\xcc\xeb\xf5\x05\x03Ac\xb2\x19\x9cO4M3\x99M6\x9b\xf5\xfbo\x96=\xf1\xd0\xb3%\x87KB\xc9\xc7\xc6V \x8c0\x04\x80]B+\xfaS\x16\xfe\x1c\xc7\xddv\xff\xcd7\xdf}CLlt]\xad\xcb\xf0\xf9\x184\t\xd4#\x14\x19\xe5\xac\xae\xaay\xff\xf5\x8f\xdey\xf9}]\xd7O\xdf\n\x18\x1bS\x961\x04\x80E\xe8\xd4\xe2y\xbe\xa6\xa6\xe6\xce;\xefl\xbc\xf0\xef\xdc\xad\xd3S/\xfc\xbbO\xff^\xf5.\xb7\xaa\xa8F\x137\x83\xa6E\xd7tA\x14"\x9c\x8e\xf5k6&gt;\xf1\xd03\xbb\xb6\xedn\xbc\x15x\xf3\xcd7\xa3\xa3\xa35\xcdh4\xcb(\x86\x000\x07=\xa7\x1b\x00\xf0\xc3\x0f?\xdc}\xf7\xdd\x85\x85\x85\xa1\x85\xff\x9d\x0f\xdev\xd7\xc3\xb7I&amp;\x93\xbb\xdem\xcc(\x03F\xa0\xeb\x15G\x84C\x0e\x06\xdfx\xfe\x9d7_|\'\xb4\x15\xc8\xcc\xcc|\xfd\xf5\xd7/\xbe\xf8b\xd0\xe8\xc56`\x07C\x00\xd8\x82\x86\xce4M{\xe8\xa1\x87^}\xf5Up2\xbc\xd6\xb9k\xeeS/\xfe\xa7w\xff\x9e\xae\xdazcOm\xc0 \xf4\xb5tFElX\xb3\xe9\x89\x07\x9f\xde\xb5=?\x94\xaap\xef\xbd\xf7\xbe\xf0\xc2\x0b\xf4\xc56\x82ULa\x08\x00+\x84\xdc&gt;\x07\x0f\x1e\xbc\xfe\xfa\xeb\xd7\xad[\'\x88\x82\xaa\xa8\x00\x80\xebo\xbb\xee_\xcf="J\xa2\xbb\xdec,\xfc\r\x98\xe5\xe4V\xc0\xae\xc8\xca\xb3\x8f\xff\xef\xe3wf\x01\x00\xe8k\xdc\xb7o\xdf\x8f?\xfe\xb8]\xbbv\x86;\x88)\x0c\x01`\x82\xd0\xeex\xde\xbcy\xb7\xdf~{MM\x8d$I\xb2,\xc7\xc6\xc5\xbc\xf0\xce\x7f\x87\x8f\x1efdy\x1a\x84\x0b\xa1&lt;\xd1\xef\xbfY\xf6\xd0m\x8fVUV\xd3\x979::\xfa\xed\xb7\xdf\x9e8q"0\xdcA\xcc`&lt;\x83\xa6G\xd34\x84\x90\xa6i\xf7\xddw\xdf\x15W\\QSS\xc3\xf3\xbc,\xcb#\xc6\x0e_\xba\xf6\xeba\x97\x0c\xa9\xa9\xae5\xba\xb9\x19\x84\x0b\x1c\xc7\x11Bj\xaak\x87]2d\xe9\xda\xafG\x8c\x1d.\xcb2\xcdh\xb8\xe2\x8a+\xee\xbb\xef\xbe\xd0\x0b\xdf\xd4#50v\x00M\r\xf5\x8a\x86\xdc&gt;\xa1x\xef\xa3O?t\xeb}7+\x8a\x12\xf0\x07\x0c\xb7\xa9A8\xa2i\x9a\xd9b\x16E\xf1\xddW\xde\xff\xef\x7f^\x08E\x86\x1b\xbb\x83\x8cw\xbbi1\x04\xa0\xc9\x08\x15y\x9d\xe2\xf6INMz\xf1\xdd\xe9\xfd\x07\xf7\xab\xad\xae\x05F\xbfu\x83p\x86\x9e\x19\x10\x15\x13\xb5f\xc5\xda\x07o\x9dVZ|\xe4\x14w\x90Q,\xd6\xb4\x18\xc6\xa5i\xa0\xfd\xd69\x8e{\xea\xa9\xa7~\xed\xf6\xb9x\xd1\xca\x05\xbd\xfb\xf7\xac\xae\xa8F\x08\x19\xd6\xdf \xac\xa1\xefpuEu\xef\xfe=\x17\xad\\0b\xec\xc5\x8d\xddAO=\xf5\x14\r\x08\xd3\x86\x86\x06\xe7\x1fc\x07\xd0\x04\xd0\x9do]]\xdd\xad\xb7\xde:o\xde&lt;\xdaN\x8b\xe3\xb8G\x9e~\xe8\xb6\xfbn\x96\x83\xb2\x1c\x94\x8d\n/\x83\xe6\x84\xae\xe9\x92I\x92L\xd2;\xaf\xbc\xff\xbf\xff\xbc\xa0\xeb:}\xed\'N\x9c\xf8\xee\xbb\xefFFF\x1a\xee\xa0&amp;\xc1\x10\x80\xf3\r\xcd\x918x\xf0\xe05\xd7\\\xb3e\xcb\x16\x93\xc9\x14\x0c\x06c\xe3b\xde\x9a\xf5\xda\xc0!\xfdk\x0c\xb7\x8fA3\x85\xba\x83\xa2c\xa2V\xfd\xb8\xe6\x8e\xeb\xee\xa9\xaa\xac\xa6/\x7f\xf7\xee\xdd?\xfd\xf4\xd3v\xed\xda\x19yn\xe7\x1fC\x00\xce+t\x99\xb3n\xdd\xba1c\xc6\xd4\xd6\xd6R\x7fh\xd7\x1e]\xde\x99\xfdf\xeb\xb6\x89\xf5\xaezc\x11d\xd0\xbc\xd14-\xc2\x19q\xfch\xd9m\xd7\xde\xb9}\xf3N:\x05\xa2\xa2\xa2\x16/^\xdc\xb7o_c\x1fp\x9e1V\x9a\xe7\x89P\x9d\xd7\x07\x1f|0p\xe0\xc0\xda\xdaZQ\x14eY\xbej\xca\xc4\x05\xcb\xe6\xc6\xc6\xc7\xb8]n\xe3\xd57h\xf6\xf0&lt;\xefv\xb9c\xe3c\x16,\x9b{\xd5\x94\x89\xb2,\x8b\xa2X[[;p\xe0\xc0\x0f&gt;\xf8\x80\xe7y]\xd7\x8dU\xe9y\xc3\xd8\x01\x9c\x0fBe/\xf7\xddw\xdf\xab\xaf\xbe\xcaq\x1c\xc6\x98\x10\xf2\xccKO\xdcx\xd7Tw\xbd\x1b\xebF]\xcc\xdf\x03}\x9f\t!\x84\x10\x00  \x84\x80\x867\x1c\x02\x08\xd1\xefg\x9b\x10\xfc\xab\xbf\x02 \x04\x80@\x08i\xa6\x8a\x91\xaf\xf2\xb7\x801F\x1crD8&gt;|c\xc6\xbf\x1fx\nB\x88\x10\xd2u\xfd\xde{\xef}\xe5\x95W\x80Q)v\xbe0\x04\xe0\x1f\x87\xbe\xca\x9a\xa6\xdd~\xfb\xed\x1f|\xf0\x01M\x85vD\xd8\xdf\x98\xf1\xca\xb0QC\\u\xf5!\xe3bp\xee\xd0\xf7\x16cB\xad=\x84\x90\xdawA\x10\x08 \x92("\x0e\x11\x02x\x9e\x87\x08\x02\x02 \x04\x18cUU\x01\x80\x00\x9c\xed\x9d\x87\x00\x10A\x10\x10B\r\xf2\x81\x89\xa6i\x10\x02\xaccYQ \x80\xaa\xaaR\x85\xa0\xff(\x00\x10!C\x18\xfe\x0cT\xa4\x9d\x91\x11\xcb\x96\xfcx\xd7\xd4\xfb\xdc\xf5\x1e:5n\xba\xe9\xa6\xb7\xdf~\x9b\xe7yC\x03\xce\x03\x86\x00\xfc\xb3\xd0\xb8V]]\xdd\xe8\xd1\xa3\xd7\xad[G\xa3^I\xa9Io\xccx\xb9w\xff\x9eU\'\xaay\xc1p\xfb\x9c\x13\xb4l\xa2\xc1\xd6C(\x08\x02\xc7q\x82(p\x1c\xe28N\xd34\x8c\x89\x1c\x94k\xabk\x11\x87\x8a\x0f\x97\xf8\xbc&gt;\x8e\xe3\xf7\xe5\x17x\xea=\x00\x00\xc4!W\xad\xeb\xc0\xbe\xc2\xdf\x15\x80\xf6\x1d2\x9dQN\xacc\x00\x80=\xc2\xde!7[\xd75\xab\xcd\x9a\x9a\x9e\x82u\x1c\x15\x13%\x99$\x84 uV\xe8:V\x15U\xd7uUU\xa9E\xa3\x8bYC\x0f\xce\x11M\xd5b[\xc5lX\xb3\xe9\xae\xa9\xf7\x1f)&gt;B\'H\xdf\xbe}\xbf\xf9\xe6\x9b\xc8\xc8H#,\xfcOc\x08\xc0?\x08}}\xcb\xcb\xcb\xc7\x8e\x1d\x1bJ\xf8\xc9\xed\x923{\xd1\x8c\xe8\x98\xe8z\x97[0\xac\xff\xd99i\xf1\x01\x84\x80\xe38Q\x14DI\xe4\x05A\xd7uUVjk\xea\\u\xf5e\xc7\xcbK\x8b\x8eT\x9e\xa8&lt;Zr\xb4\xfc\xf8\t\xaf\xc7WRT\x8a\x10t\xd5\xd5\xff\xed\xe3qFF`LR\xd2\x92mvkB\xebVmS\xda\xc6\xb5\x8aKNKJl\x9d\xe0\x8c\x8c\x88\x8a\x8e\x14$\x91\xe38MU\x15YQ\x14U\xd7u:xC\x0f~\x1bU\xd5"\x9c\x8e\x9a\xea\x9ak\xc7N\xcd\xdf\xb9\'\x94\x1a\xb4h\xd1\xa2\x84\x84\x04C\x03\xfeQ\x0c\x01\xf8\xa7\xa0\xf9\x0c[\xb6l\x19;vlyy\xb9\xc9$\x05\x83\xf2\xf8\xab\xc6=\xfb\xcaS\x92I2\x1a&lt;\x9c\x11\xba\xc6\x07\x04 \x0eI\x92(J\x12\xcfs\xba\xae{\xdc\xde\x13e\x15\x87\n\x0f\x17\xe4\xef/&gt;Tr\xa4\xe4H\xd1\xc1\x12\x9f\xcf\x17\x0c\x04\x9bz\xc8\xc0d6Y\xad\xd6\xb4v)I)I\xa9\x19)\xd9\xb9Y\x19\x99\xe9\xad\x12\xe3\xed\x0e\x1b\xc7q\x9a\xa6+\xb2,\xcb\n\xd61\x80\x80\xee\x0f\x9az\xc8\xccA\x9bF\xc8A\xf9_\xf7=\xf1\xe5\xe7_\xd3\xc9\x92\x90\x90\xb0h\xd1\xa2\xee\xdd\xbb\x1b\xa9A\xff\x1c\x86\x00\xfc#\x84\xac\xff\xc5\x17_\\WWG\x9d\x9b\x13\xaf\x9d\xf0\xca\xfb/\x04\xfc\x01EQ9\xce\xb0\x02\r\x84V\xfa&lt;\xcfI&amp;I\x92$\x08a\xc0\xef?Rr\xecp\xe1\xe1=\xbb\xf6\xed\xcb/8t\xe0\xf0\xf1\xa3e\x01\x7f\xe0\x1c\x7f\xa6d\x12%\x93\x841\x8e\x8cu\xc6\xc4Gc]\x07\x00X\x1d\xd6\xf4\xec\x14j\x88\xcf2\x14\x808t\xb8\xa0\xc4\xe7\xf6\x01\x00\x10\xc7UW\xd4\xd4U\xb9\x10BrP\x96\x83\xca9\xfe\xebf\x8b\xb9u\xdb\xc4\x8c\xf6\xe9\x1dr\xb3s:wH\xcfLOJic\xb6X\x08!\xb2,\xcbAY\xd3tcgp\n\xba\x8eEQ0[\xcc\xf7\xdd\xfc\xd0\xbc\xd9\x0b\xe8\x94\x89\x8c\x8c\xfc\xe1\x87\x1f\x0c\r\xf8\xe70\x04\xe0\xef\'\x94\xec?z\xf4\xe8\xba\xba:Z\xf1\xf8\xf8\xb3\xd3n\xbd\xeff\xbf\xcfo\x84\xb6(\x18c\x82\tDP\x92$\x93Y\xe28\xceUW_RT\xbak\xdb\xee\xfd{\x0el\xdb\xbc\xa3p_a\xe0\xf7\x16\xf8V\x9b\xc5\xea\xb0$&amp;\xb7\xb2\xd8,\xe9\xd9)f\x8b)\xa3c\xaa\xae\xe9\x89)\tV\xbb\x05\xeb\xd8b3\xdb\xecV\x8c1\x80\x10Ax.\x11\x17M\xd5h\x94\x17!\xe4\xf5\xf8\xfc\xde\x00\xe2\x90\xcf\xe3/+)\xe7x\xee\xd0\xde\xe2\x80?x\xb8\xa0\xc4\xef\xf5\x97\x95\x9e\xf0\xb9\xfd&gt;\xaf\xff\xb7\x7f\xa0\xd9l\xca\xec\x90\xd9\xad\xc7\x05Y9\xed;w\xeb\x94\x92\x96\xec\x8c\x8c\xd0u=\x18\x90eY\xa67\xc1x%\xc0\xc9t\t\x8b\xd5\xf2\xee+\xef?\xf7\xaf\xe9t\xe2DFF~\xf3\xcd7F\x89\xc0?\x84!\x00\x7f3\xf45\xfd\xe0\x83\x0fn\xbf\xfdvM\xd3\xe8K\xfc\xec+O\xddv\xefM\x95\x15UF\xc2\x0f\xc6\x18c\xc2\x0b\x9c\xd9l\x16DAS\xb5\xd2\xa2\xd2\xdd;\xf6l\xdd\xb8\xed\xe7\x9f\xd6\x15\x1d*\xd6\xb5\xb3\xb6\x85\xb1\xda-\xadS\x12\xe2\x12cS\xdb\'%e\xb4\x89\x8c\x89h\x9d\x92h\xb6H\x11Q\x0e\x00\xa0 \xf0\x84\x10]\xd3\x01\x04\xaa\xa2b\x1d\x03\x08\xb1\x8e\x1b\xf7\x99!\xf8\xf7\xdf\xf6\xc6\xa9\xa2\x1c\xc7!\x0e\x01B\x10\x87\x04Q\x00\x04p&lt;\x07!TU\r\x00R_\xeb\x0e\xf8\xe5\xe3%eu\xd5\xf5G\x0e\x1d+&gt;p\xa4\xb2\xac\xeaxI\xb9\xcfsVI\xe0x.-#\xf5\xc2\x8b\xfa\xe6\xf5\xea\xd6\xe9\x82\x9c\xe4\xb4d^\xe0UE\r\x04\x02\x9a\xaa\xa3\x16\xaf\x044\x90\x1e\x17\x1f\xfb\xce\xab\x1f\xfc\xeb\xbe\'\xe8\xf4\xe1y\xfe\xed\xb7\xdf\xbe\xe9\xa6\x9b\x0c\r\xf8\xdb1\x04\xe0\xef$d\xfdo\xbe\xf9\xe6P\xb2\xffs\xaf&lt;u\xf3\xdd7T\x9e\xa8\xa2\xb6\xa3\xa9\xc7\xd844\xd8}\x9e\xb3X-\xa2(\xd4\xd5\xba\n\xf6\xec\xdf\xb4v\xf3\x9a\x9f\xd6\xed\xde\x9e\xef\xf5x\x1b\xfe\xdc\xaf3tLf)9\xb3mJ\xbb\xb6iY)iY\xc9m\xd2ZG\xc7:ESC`\x00c\xac\xca*\xc6\x84v\x96\'\x98\xd0\xbc}\xd0\xc8\x88\x9f\xfc\xe2\xcfB@\xa8&amp;\x80\x8a\x07\xfd\x82\xfe|\x9e\xe7\x11\x82\x82$ \x84\x1a\xdc\xfdA\xb9\xa6\xcau\xac\xe8x\xd1\xfe\xd2\xa2\xfd%%\x07\x8f\x96\x16\x1e\r\x06\xe4_~`\xa3_\xd0f\xb7u\xea\x9a\xdb\xff\xa2\xbe=\xfb\xf5\xc8\xce\xc9\x8a\x8cr*\x8a\xea\xf7\xf95\xadE+\x01U\xf1\xb8V\xb1\xef\xbf\xfe\xd1\xe3\xf7=\x11*\x11x\xff\xfd\xf7\r\r\xf8\xdb1\x04\xe0o\xa3\xb1\xf5\xa7+\x17G\x84\xfd\x8d\x8f_\x19:r\x88\xab\xce\xd523\x19\xa8\x9f\x87\xe39\x8b\xd5"\x88B}]\xfd\xee\xed\xf9\xcb\xbf]\xb1\xf2\x87\xd5\x07\x0f\x1c:\xe3_\xb1;m\xe9Y)9\xdd\xb3\xb3\xbbd\xb6MKLH\x8a\x97L\x12\x84P\xd34UVUU#\xf8d\x0e&gt;\x04M[\x9c\x15*:\x03\x044\xe4\xa7"(\x08\xbc \t&lt;\xcf\x13B\xe4\xa0\\~\xa4\xe2hQY\xc1\xce\xc2=[\n\x0e\xef/\xf1\xb8\xbcg\xfcQ\xed\xdag\x0c\xbax\xc0\xd0\x91\x83;u\xcd\x8d\x88\x8cP\x15\xd5\xef\xf3\xeb\x9a\xdeb\xbdC\xba\xae;#\x9d\xcb\xbf\xfd\xf1\xae\xeb\xefs\xd7{\xe8\x8424\xe0o\xc7\x10\x80\xbf\x873Z\xffY\x0bg\xf4\x19\xd0\xbb\xeaDUKK\xf6\'\x84`\x1dC\x04\xcd\x16\xb3d\x92\xdc.w\x83\xdd_\xb6\xfa\xe0\xfe\x06\xbb\x0f\xe1/\xef\x9e\xc5jn\xdf)\xa3C\xb7\xf69y\xd9\xe9\xd9)1\xf1Q\x82$\xe8\x9a\xae*\xaa"\xab\xb4\xda\x0b\x9e\xa4\xe9~\xads\x82\x9c\x84\xd6\x88\x89\x92 \x88\x02\xc7s\xaa\xacVW\xd4\x1e.(\xd9\xb3\xb5`\xdf\xb6\x03\x07v\x1f\xf2\xfb\x1ab\xda\x8doE\xbb\xac\x8cA\xc3\x1a\x94\xc0\xe1t\xc8A9\xe0\x0f\x10L\x10\xd7\xe2"\xc6\x9a\xaa\xc5\xb6\x8a]\xbfz\xc3u\x97N54\xe0\x1f\xc2\x10\x80\xbf\x81\xb3Y\xff\x9e}\xbb\xd7T\xd5\n\xa2\xd0\xd4\x03&lt;\x7f\xd0%\xbfd\x12\xad6k0(\x1f,8\xb8\xf4\xeb\xef\x97.\xfc\xee\x8cv?.1\xf6\x82&gt;9\xbd.\xcak\x97\x93\xde:\xb9\x15/\xf0\xba\xa6\xcb\xb2\xa2*\x1a\xc1\x98.\xa8\xc3\xdd\xea\x11B\x1a\xb6,\x08\t"/I"\xc7s\x9a\xaa\x1d/=qp\xcf\xe1\x8d?m\xdd\xb1~OeY\x15\xfd\xc3\xa7(\xc1%\x97\x8e\xb8d\xdc\xf0v\xd9\xedL&amp;\xc9\xe7\xf5\xc9A\xa5\xa5m\x08TE\x8d\x8e\x8d\xda\xb4n\x8b\xa1\x01\xff\x10\x86\x00\xfcU~\xcb\xfaW\xd7\nBK\xb1\xfe\xd4_a\xb1\x98%\x93TZ|t\xcd\x8a\x9f\x17/X\xb2~\xcdF\x1a\xd4\x85\x08\x86\x02\xb0\xc9\xed\xda\xf4\x18\xd8\xad\xcf\x90\xeeiY)\xceh\x07\x00@\x0e*\x8a\xac\x10Bh;\x87p7\xfag\xa3A\x0c\x00\x81\x10\x8a\x92(\x99D\x00\x80\xab\xc6]\xb4\xbfd\xfd\x8f[6\xaf\xdaVz\xf0\x18\xfd\x93\xa1\xdb\xc5\xf1\\\x9f\xfe\xbd\xc6L\x18\xd5\x7f\xf0\x85\xc9\xa9m\xe5\xa0\xec\xf7\x07\xa8W\xad)\x7f\x93\xf3\x88\xaa\xaa\xd11\x86\x06\xfcS\x18\x02\xf0\x970\xac?\xf5\xf6\xf0\x02ow\xd8\x15E\xd9\xbbk\xdf\xec\x0f?]\xfe\xedO\xd5\x95\xd5\xe0\xd7K\xda\x90\xddo\xdf)\xc3\x1eaSUM\x0e\xca\x9a\xaaC\x00\x9a\xb1\xd1?\x1b\'\xc5\x00\xf0\x02\'\x99$A\xe0=\xf5\xde\x03\xbb\x0f\x9d\xaa\x04\'o`L\\\xcc\xd0\x91\x17]{\xe35\x1d;w\x10E\xd1\xe3\xf6h\xaa\xd6B\xfcB\x86\x06\xfcs\x18\x02\xf0\xe7\xa1/\xdf\x87\x1f~x\xd3M7\xb5@\xeb\x8f1\xc6\x18\x9bL&amp;\xab\xcdZW[\xf7\xdd\xa2\x1f\x16~\xb1h\xfd\xea\x8d4\xed\x12!D\x0f\x00\x89i\x15=hT\xdf&gt;C{\x84\xec~\xd0\x1f\xa4\'bB\x88Z\x80\xf9\xfa\x1d\x08\x01\xd4I\xc4q\x9c\xc9b\xfaE\t\x96o^\xb9d]\xf5\x89\x1a\xd0\xe8fr\x1c\xd7g@\xafK\xaf\x18;b\xec\xc5\x91Q\x91&gt;\xaf/\x18\x0c\xb6\x84\xa3C\xcf\xa8\x01\x1f|\xf0\xc1\x8d7\xdehh\xc0_\xc1\x10\x80?\t}\xed6n\xdc\xd8\xa7O\x1f\xda\x8c\xac\xe5X\x7f\x9a\xdej\xb1Z\xcc\x16\xf3\x91\xe2#\x9f\xce\x98\xfb\xcd\x82\xa5\x87\x0f\x16\x81F\xa6J\x10\x85\xee\xfd\xbb\x0c\x9bpQ\xe7\x9e\x1db\xe2\xa3\x1b\xdb\xfdfo\xad\xfe4\xf4\xc6\x86\x94\xa0\xba\xa2f\xd7\xa6}\xcb\x16\xfc\xb4e\xcdNUQA\xa3\xdb\x9b\xde.m\xf4\x84K\xae\x99zeRjR\xc0\x1f\xf0\xfb\xfc\xcd\xfe\xc6\x9e\xa2\x01\xb4\x19\xdf\xfa\xf5\xeb{\xf5\xeaeh\xc0\x9f\xc6\x10\x80?\x03mP\xb5e\xcb\x96\xe1\xc3\x87\xd7\xd7\xd7C\x08mv\xeb\'\x0b&gt;\xec\xd9\xafGMuM3\xb6\xfe4\xc6k\xb5Y$\x93\xb4}\xcb\xce\xaf\xbfX\xfc\xd5\xe7_WW\xd5\x00\x00x\x9e\xd34\x1d\x00\xd06\xbd\xf5\xa0Q\xfd\x06\x8e\xea\x9b\x96\x95\x0c\x00\x0c\xfa\x83\xaa\xa2\xb6\xb4\xe8\xe5_\x84\xdegA\x14L\x16\x13\x00\xa4h\x7f\xe9\xaa%\xebV.Y{\xf4\xf0q\xd0\xe8V\xc7\xc4F_v\xd5\xb8qW\x8c\xe9\xda\xbd\x8b\x1c\x94}^\x7f\xf3\xbe\xcf\xaa\xaaF\xc7DoZ\xbby\xca\x84\x1b\xbd\x1e\x1f!$""\xe2\xfb\xef\xbf\xef\xde\xbd\xbb\xd13\xee\xcfa\x08\xc0\x1f&amp;d\xfdi\x9f\x1f^\xe05U\xfb\xe4\xcb\x0fG\x8e\x1b^Y^\xd9\\s~B\xa6_\x94\xa4]\xdbw\x7f\xf4\xd6\'_\x7f\xb1XU\x7f\xb5,\xed\xd6\xaf\xf3\x90K\x07\\8\xbcWD\xa4C\x0e\xcaA\xbf\x0cZ\xa4\x7f\xff\xef\x82\xc6\t\x00\x00&amp;\x8b$\x99\xa4\xfa:\xf7\xcf\xdfo\xfcq\xe1\xeamkw\x81\xc6\x9b-A\x18w\xc5\x98\x1b\xee\x98\xd2\xb9k\'En\xe62\xa0*j\\B\xdc\xb7_\x7f?e\xfc\x8dt\xea\x85\xfa\x05\x19\x1a\xf0\'0\x04\xe0\x8fA\xdb\x95TUUu\xec\xd8\xb1\xaa\xaa*\xd4\xe9a\xea\xed\x93\xeb\xaa\xeb\x9ae\xbe?m\xd6f\xb5\x9ej\xfa\x1by{\xf8\x8b\xc6\xf4\x1fy\xc5\x90\x8e\xdd\xda\x8b\x92\xe8\xf3\xf85MC\x10\x9d\xcb\xf1[\x06\xe7\x02\xc1\x04\x13\xcc\xf3\xbc\xd5nQde\xef\xb6\x03\xdf~\xf1\xe3O\x8b\xd7\xa8\x8a\x06N*\xc1\xa92\xe0\xf37\xd7fs\x9a\xaaE\xc6D\xcex{f\xa8WDll\xec\xde\xbd{ccc\x8dF[\x7f\x14C\x00\xfe\x00\xd4\xde\xb9\\\xae\x11#Fl\xde\xbc\x99\x9eg\xfd\xec\xcbO\xder\xcf\x8dU\x95\xd5\xcdo\xf5A\xcf16\x99Lf\x8by\xf7\x8e\xfc_L?\x87\xe8y)\xce\x98\x881\xd7\x0c\x1f8\xaa/\xed\xb2\xe9\xf7\x060\xc1\xcd\xef&gt;\xb0\x83\xae\xeb\x08"\x8b\xcdL\xbb\x96\xaeZ\xb2n\xf1\xa7\xdf\xbb\xaa\xeb\x01\x00\xf4\xa1\x84d\xa0\xd3\x05\xb9\x01\x7f \x18\x0cr\\3l@\xa2\xebzl\\\xcc{\xaf}\xf8\xaf\xfb\x9f\xa4\xd3\xb0G\x8f\x1e\xdf}\xf7\x9d\xd3\xe9\x04\x00\x18\x1ap\xee\x18\x02p\xae\x84\xce{\xea\xdb\xb7\xef\x86\r\x1b$\x93$\x07\xe5G\x9f~\xf8\xc1\x7f\xdf[^V\xd1\xfc\x8ev\xd14M\x14E{\x84\xfd\xf8\x91\xe3\xafO\x7f\xeb\xb3\x8f\xbf\xf8\x95\xe9\x8f\x8e\x183i\xf8\xa8\xab\x87%\xb4\x8d\x97\x83r\xc0/\xd3\xfe\xc6M=\xea\x16\x01\xed\x9em\xb6H\x92I*?Z\xb1\xe4\xb3e\x8b\xe7|\xef\xaa\xf9\x95\x0c\\}\xfd\x15wO\xbb\xa3uRkO\xbdGQ\x94\xe6\x17#UU-!1\xfe\xc5g^\xfd\xef\x7f\x9e\xa7\x93\xb1w\xef\xde\xeb\xd6\xad\x0b\x9d\x19\xd7\xd4\x03\x0c\x0f\x0c\x018\'\xe8Z\x98\xe7\xf9\x9bo\xbe\xf9\x83\x0f&gt;\xa0\x87\x16]&gt;i\xfc\xcb\xef=\xef\xf5x\x9b\xd9\x0bG;\xe6GEG\x9e(\xaf\xf8\xf8\xed\x99\xb3?\xfa\xbc\xa6\xaa\xe6\x0c\xa6?)\xde\xef\r(A\x05!\xc3\xdb\xd3\x04\x10L0\xc6\xa2I\xb4\xd8\xcc\xe5G\xce \x03\xd1\xb1\xd1\xd7\xdep\xd5\xf5\xb7On\x95\x10_[SGO;h\xeaQ\xffm\xd0\x05\x99\xcdn\xbb\xff\x96\x87\xe7\xcf\xf9\x92N\xc9\x9bn\xba\xe9\xfd\xf7\xdf\xd74\xadY\xee{\xfe\t\x0c\x018\'h\x9e\xd9}\xf7\xdd\xf7\xea\xab\xaf\xd2Wm\xdc\xc41o\xcfz\xcd\xe3\xf6\x9e&lt;\x1c\xbc9@u\xce\x11a\xd74}\xc1\x9c\xaf\xde~\xf9\xbd\xe2\xc3%\xe0\xa4A9\x83\xe9o\x19\x85H,C\x0b\xf1N\x97\x81\x90`\xa7\xa6\xa7\xdc~\xff-\x13&amp;]\xc6\xf3\x9c\xbb\xde\xd3\x9c,#\x9dzv\x87\xed\xf6\xeb\xee\xf9z\xdeb:1\xef\xbd\xf7\xdeW^y\xc5H\x0c=G\x0c\x01\xf8}\x1a\x97\xfbR\x87cN\x97\x8e\xf3\xbf\xffL\x10xU\xd5\x9a\x8d\xdfC\xd3t\xc9$\xda\xec\xb6\rk6\xbe\xf0\xd4\xcb\xeb\xd7l\x04\x00\xd0D\x0b^\xe0\'\xde&lt;\xee\xd2\xc9#[\xb5\x89\xf3\xfb\x0c\xd3\xcf\x1c\xbf\xc8\x80\xd5|\xe2X\xe5\xc2\x99\xdf\xce{\xffk\xfa\xe04U\x03\x00\xf4\xe9\xdf\xeb\xa1\'\xee\xef\xdd\xbf\x97\xd7\xe3\x95\x83\n\xdf\\:I`\x8c\xe94\xbc|\xf8\xd5{v\xee\xa5\xd3\xd3(\x12&gt;w\x0c\x01\xf8\x1dhnY\xe3\x82\xaf6m[/]\xfb\xb5=\xc2\x1e\x0c\x04\x9bG\xc0\x93\x06\xb7#"#\xca\x8f\x9fx}\xfa\x9bs&gt;\xfc\\\xd7uQ\x12\x15Y\x01\x00\\&lt;a\xd0\x84\x1b\xc6\xb4\xef\xdc.`\x98~\xb6\t\xc9\x80\xd9j&gt;\xb0\xeb\xe0\x82\x8f\x16\xff\xb0`%\x00\x80&gt;J\x8e\xe3&amp;\xddx\xd5\xdd\xd3\xeeLh\xdd\xaa\xbe\xae\x1e4\x97`\xa9\xae\xeb&amp;\xb3\xc9S\xef\xb9\xa4\xdf\xb8cG\x8f7.\x103\x12C\x7f\x17C\x00~\x0b\x9aUV\\\\\x9c\x97\x97\xf7K\xc1\xd7\x97\x1fv\xeb\xd9\xd5]\xefn\x1e\xeb\x0bM\xd3\xacV\x0b/\x08_~\xbe\xf0\xb9\xc7\xa7W\x9e\xa8\xe48\x8e\xb6s\xe8\xd2;\xf7\xea\xdb\xc7\xf7\x1a\xdcM\t\xaa\x01_\xc00\xfda\x01\x95\x01\xb3\xd5,\x9a\x84\x8d+\xb6}\xf6\xf6\x97;7\xe4\x03\x00\xe8c\x8dk\x15\xf7\xf8s\xd3\xc6_u\xa9\xa6\xaa&gt;\x9f\xbf\xd9\xbc\xc3\x8e\x08\xc7\xb6M\xdb\xa7\x8c\xff\xa5@l\xeb\xd6\xad\xa9\xa9\xa9Fb\xe8oc\x08\xc0Y\xa1w\xc6\xe5r\r\x1b6l\xeb\xd6\xad\xf4\x94\xeaO\xbe\xfcp\xe4\xb8\x8b+OT5\x83r_\xba\xf0\x8f\x8a\x8e\xdc\xb3k\xdf3\x8f\xfe\xdf\xaa\xe5k\x00\x00\x1c\xcf\xe9\x9a\x1e\x1d\x179\xe5\xfe\xabFL\x1c\xcc\x0b\xbc\xc7\xe5\x85\x08!#\xcc\x1bV`L\x08\xc6v\xa7MS\xb5\xef\xe6\xad\xf8\xe4\xe5\xcfk*\xeb\xe8\xc3\x05\x00\x0c\x1c\xda\xff\xdf\xff},\xa7s\x87\xda\x9a:\xd0,\xb6\x02\xaa\xaa\xc6\xb5\x8a\xfd\xf6\xeb\x1f\xa6\x8c\xbf\x91N\xd5\xbc\xbc\xbce\xcb\x96\xd1\xc4Pc\xe1r6\x0c\x018+\xd4\x87x\xf9\xe5\x97/X\xb0\x80\xfa\x16\x9fz\xe1\xdf7\xdf}cmum3(\xf8\xd24\xcdj\xb3B\x08?~g\xe6\x8b\xcf\xbc\xea\xf5x\x05QP\x15\x15qh\xcc5\xc3\'\xdduy\\\xeb\x18\x8f\xcbK\x8f"i\xea\xc1\x1a\xfcI\xe8\xb1&lt;v\xa7\xad\xf2x\xf5\x9c7\xe6/\xfe\xf4{\xacc\xfa\xa0mv\xdb\x83\xff\xbe\xf7\xfa\xdb&amp;\x13B|^_3\xd8\nh\xaa\x16\x15\x13\xf5\xfe\xeb\x1f&gt;\xf1\xd03t\xc2N\x980a\xfe\xfc\xf9F0\xe070\x04\xe0\xcc\xd0\x97\xe6\xa9\xa7\x9ez\xf2\xc9\'iv\xc1\xc4k\'\xbc&gt;\xe3\xa5\xba\x1aW\xb8/\x97B\x0b\xff\xbd\xbb\xf7=\xf1\xd03?\xff\xb4\x0eB\x08 $\x18gunw\xc7\x137t\xe9\x95\xe3\xf7\x06\x14Yi9M\xe7\x9b7\xba\xa6\x8b\x92h\xb1\x99wn\xdc\xf3\xd6S\x1f\xed\xdfu\x10"D\xf3(/\xbc\xa8\xefS/\xfc\xbbc\xa7f\xb2\x15\xc0\x18GF;\xef\x9e\xfa\xc0\xbc\xd9\x0b\xe8\xb4}\xf2\xc9\'\x9fx\xe2\tC\x03\xce\x86!\x00g\x80\xc6\x8e\xbe\xfc\xf2\xcb\t\x13&amp;\xd0\x00Z\x97n\x9d\x16\xfe4O\x91\xd5pO\xfa\xd44\xcdl1\x0b\x82\xf0\xd1[\x9f\xbc\xf8\xcc+^\x8f\x97\xfe\x82\x16\x9b\xf9\xfa\x07\xae\x1e}\xcd\xc5\xa2$\xfa\xdc&gt;\xc3\xdd\xdf\xcc\xa0\x81\x01\xab\xc3\xaa\xc8\xca7\x9f\xfe\xf0\xf1K\x9f\xf9\xbd\x01\xfa\xe8mv\xdb\x83\xff\xbe\xef\x86;\xa6\xa8\xaa\x1a\xf0\x07\xc2\xdaP\xd2\xe9)J\xc2\xa5\x17M\xdc\xb9m7\xfd\x05\x17,X0~\xfcx# |F\x0c\x018\x15\x8c1\x84\x90\x06~\xddn7!$2\xca\xf9\xdd\xfa\xc51q1rP\x0e\xeb%\x92\xa6i\x91Q\xcecG\x8e?\xf9\xd0\xb3\xdf.\xfa\x9e\xd6\xafa\x8c\xbb\xf5\xeb|\xe7\x937ftL\xf5\xb8\xbcX\xc7\x86\xcf\xa7\xb9B\x1f\xae\xddi;\xb4\xb7\xf8\xcd\'?\xdc\xb6v\x17B\x88VT\x8d\x1c;\xfc\xc9\x17\xfe\xd5&amp;\xa9u]\xad+\xac5\x00c,\x99\xa4\xea\xca\xea\x11}\xc6\xd4\xd5\xba \x84\x0e\x87\x83\x06\x84\t!a=\x7f\xff\t\x0c\x01\xf8\x15\xb4\xf1\x19\x00\xa0_\xbf~\x1b7n\x14\x04\x01c\xfc\xf9\x92Y}\x06\xf4\xaew\xb9\xc37{\x9a\xaaZdt\xe4w\x8b\xbe\x7f\xe8\xb6G\xab*\xab\xe9\xe2\xc8l1M}\xe8\x9a\xcb\xa6\\B\x08\x08\xf8\x02\x86\xcf\xa7%\xa0k\xba\xd9j\x86\x10|\xf5\xc9\xd2\x19/|\x1a\xf0\x07\xe9\xcb\x10\x1b\x17\xf3\xc2;\xff\x1d1vx]M]X\xdbJM\xd3#\x9c\x8e\xf5\xab7\\5\xea:\x84\x90\xaa\xaa\xbdz\xf5Z\xbbv-\x00\xa0\xb96\xc8\xfb\xd3\x84\xeb3\xfe\x87\xa0\xfb\xc4\x07\x1f|p\xe3\xc6\x8d\x92$\xa9\xaa\xfa\xf0\x13\x0f\x0c\x1c\xd6\xbf\xdeU\x1f\xbe\xd6_\xd34\xc9$\x99-\xe6\xe7\x1e\xff\xdf\x94\xf17UUV\x0b\x82\xa0\xc8J\xfbN\x19/\x7f\xf1\xec\xd5\xb7\x8d\x0f\xf8\x83\xc1@\xd0\xb0\xfe-\x04\x8e\xe7\x82\x81`\xc0\x1f\xbc\xfa\xb6\xf1/\x7f\xf1l\xfbN\x19\x8a\xac\x08\x82PUY=e\xfcM\xcf=\xfe?\xb3\xc5,\x99$M\xd3\x9az\xa4\x7f\x12\x9e\xe7\xea]\xf5\x03\x87\xf5\x7f\xf8\x89\x07TU\x95$i\xe3\xc6\x8d\x0f&gt;\xf8`(\xbf\xd9 \x84\xb1\x03\xf8\x85\xc6\xae\x7f\x9aE0\xec\x92!\x1f/\xf8\xc0]\xef\x0e\xe7\xd5\x90\x16\x19\x15y\xb4\xe4\xe8\x03\xb7=\xb2v\xe5\xbaPi\xe8\xa4\xbb.\x9ft\xd7\xe5\x82(\xf8&lt;\xfe\xf0\xd56\x83\xbf\x82\xa6\xe9V\xbbEU\xd49o\xcc\x9f\xf3\xc6|p\xb2\xf0\xbb\xdf\xa0\xbe/\xbd\xf3\xbf\xb6)m\xebj\xeb\xc2\xd7\x1d\x841vD8\xae\x9fp\xd3\xb2\xa5?\xd2\xe9l\x04\x03N\xc7\x10\x80\x06\x1a\xbb\xfe=\x1e\x0f\xc6\xb8u\xdb\xc4%k\x16\xda\xec6EQ\xc2Q\x000\xc6\x10\x00gt\xe4\xf7\x8b\x7f\xa0n\x1fI\x12eY\x89\x8au&gt;\xf8\xfc\x9d\xfd\x87\xf7v\xbb&lt;\x86\xc7\xbf\x85C_\x00\x87\xd3\xbe\xe6\xfb\r/&gt;\xfcfm\x95\x8b\xbe$\xd4\x1d4|\xcc\xc5\xae\x9a:\x12\x9e\xd9A\x18cQ\x14\xbd\x1e\xef\xa8\xfe\x97\x1e?Z\x86\x10\xb2\xdb\xedF0\xe0\x14\x8c\xbb\x00\xc0\xc9\xce\x82\x18\xe3k\xae\xb9\xa6\xae\xae\x8eFG_~\xef\xf9\x98\xb8hz\xe8vS\x0f\xf0\x0f\xa3\xeb\xba \x08V\xbb\xed\x8d\xe9oQ\xb7\x0f/\xf0\xb2\xact\xeb\xd7\xf9\xed\xc5/\xf4\x1d\xda\xa3\xae\xdaE\x9aW{H\x83?\x01\xe2\x10!\xa0\xae\xda\xd5wh\x8f\xb7\x17\xbf\xd0\xad_gYVx\x81\xa7\xee\xa07\xa6\xbfe\xb5\xdb\x04A\x08G\xcf\tB(\x18\x0c\xc6\xc4E\xbf\xfc\xde\xf3tF\xd7\xd5\xd5]s\xcd5\xf4\xe0ec\xe1K1\xe6?\x00gq\xfd\x0f\x18r\xa1\xab\xb6&gt;\x1c\xb7\xc0\x9a\xa6[,fUU\xef\xbb\xe9\xc1\xe7\xfe5\x9d\x9eU\xa0\xa9\xda\xa4\xbb.\x7f~\xf6\x13\xd1\xb1\x91\xee:\x0f\xc7sF0\xcc\x00\x00\x00!\xe0x\xce]\xe7\x89\x8e\x8d|~\xf6\x13\x93\xee\xba\x9c:\t\x05\x81\x7f\xee_\xd3\xef\xbb\xe9AUU-\x163=\x858\xbc\xe0y\xdeU[?`\xc8\x85F0\xe0l\x18.\xa0\x06\xeb\xbfb\xc5\x8a!C\x86P_\xe1\xc5\xa3\x86\xce\x98\xff\x9e\xbb\xde\x13\x8ek\x7fM\xd5\x1cN{\xf9\xf1\x8a\x1b&amp;\xde\x92\xbfs\x0f=+\xc3\xe6\xb0&gt;\xfe\xda}\xfd\x86\xf7v\xd7\xb9\t\x01F_\x07\x83\xd3\xc1\x98@\x08\x1c\x91\x8e\xb5\xdfox\xee\x9eW\xbcn\x1f}yr\xbb\xe4|4\xef\xbd\x84\xd6\xf1n\x97\'\x1ck\xe01\xc6\x8e\x08\xfb\xd4\xcbo\xf9a\xc9r:\xc1\x7f\xfc\xf1\xc7\xc1\x83\x07\x1b\xc1\x00`\x08\x00\xdd\x0c\xba\\\xae\x1e=z\x14\x17\x17\x03\x00\xa2\xa2#\xbf[\xbf8:6:\x1c\xb3\xfe5M\x8b\x8d\x8f]\xb7j\xfdMW\xdd^]Y-\x99D9\xa8d\xe6\xa6?\xfe\xfa\xfd)\x99I\xf5\xb5a\x9c\xc9jp~\xd04="\xcaQRx\xe4\xb9\xbb_.\xcc?L_\xa1\x98\xb8\x98\x0f&gt;\x7f\xbb\xef\xc0&gt;U\x15Ua\xb7\'\xa6\x95\x015U5#\xfa\x8c\xa1\x05\xcf\xa9\xa9\xa9\x9b7ov:\x9d\xcd\xec(\xa7?A\x98\x19\xb8\xbf\x1d]\xd7\x11B\xb7\xddv\xdb\xe1\xc3\x87y\x81\xc7\x18\xbf\xf0\xce\xffZ\xb7M\x0c\xf8\x03\xe1e\xfd\xe9Y.\xb1q1\x9f\xbc;k\xd2\x98)\xd5\x95\xd5\x82(\xc8Ae\xd8\xf8A/\xcf}\xa6Mj\xa2\xdb\xb0\xfe\x06\xe7\x00\xcfs\xeeZw\x9b\xd4\xc4\x97\xe7&gt;3l\xfc 9\xa8\x08\xa2P]Y=i\xcc\x94O\xde\x9d\x15\x1b\x17\xa3\xebzx\xad\x1a\x11B\x01\x7f\xa0u\xdb\xc4\x17\xde\xf9\x1f\xc6\x98\x17\xf8\xc3\x87\x0f\xdfv\xdbm\x08!\xc3\x11\x14N6\xeeo\x87\x9e\xf28o\xde\xbcy\xf3\xe6\x89\xa2\xa8\xc8\xcau7]3r\xec\xc5aW\x0cI\'ddt\xe4{\xaf}\xf8\xf0\x1d\x8f\xf9\xfd\x01\x08\xa1\xaa\xa8\xb7&lt;6\xf9\xd1\x97\xef\x11\x04\xde\xef5\x8a\xbc\x0c\xce\x15\x8e\xe7\xfc\xde\x80 \xf0\x8f\xbe|\xcf-\x8fMV\x15\x15B\xe8\xf7\x07\x1e\xbe\xe3\xb1\xf7^\xfb02:\x12\x9c|\xe5\xc2\x05\x9e\xe7\xebj]#\xc7^|\xddM\xd7(\xb2"\x8a"\x9d\xf5\xf4\xf0\x80\xa6\x1e]S\xd2r]@\xb4\xe2\xb7\xba\xba:77\xb7\xa6\xa6F\xd7\xf5\x0e\xb9\xd9K\xd6|\xa5\xaaZx5\xfc\xc1\x18#\x04\xad6\xebC\xb7?\xf6\xf9\'_\x08\xa2\xa0\xa9\x9a\xc9,\xdd\xfe\xc4\r\x97M\xb9\xa4\xae\xda\x05\x014\xce\xec5\xf8\xa3\x10L\x08 \x911\xce\xaf&gt;Y\xfa\xf6S\x1f\x05\x032/\xf0\xaa\xa2^5\xe5\x8a\x17\xde\xfe?\x9f\xd7\x87q8%S\xd2I-\x08\xfc\xa8\xfe\x97\xed\xcb/\xe08.:::???&amp;&amp;\x06\x84g\x9e\xeb\xdfB\x0b\xfd\xb5\xc1\x</t>
        </is>
      </c>
    </row>
    <row r="37">
      <c r="A37" s="1" t="n">
        <v>35</v>
      </c>
      <c r="B37" t="inlineStr">
        <is>
          <t>size_grid</t>
        </is>
      </c>
      <c r="C37" t="inlineStr">
        <is>
          <t>What is the size of the missing part denoted with a question mark?</t>
        </is>
      </c>
      <c r="D37" t="inlineStr">
        <is>
          <t>['large', 'medium', 'small']</t>
        </is>
      </c>
      <c r="E37" t="inlineStr">
        <is>
          <t>small</t>
        </is>
      </c>
      <c r="F37" t="inlineStr">
        <is>
          <t>There are circles arranged in a grid formation with varying sizes in the image. The sizes in the first row are ['small', 'medium', 'small'], the sizes in the second row are ['medium', 'large', 'medium'], and the sizes in the third row are ['?', 'medium', 'small'].</t>
        </is>
      </c>
      <c r="G37" t="inlineStr">
        <is>
          <t>We observe that the circles at the corners are small size, while the circles directly adjacent to the center are medium size. Only the center circle is large size. Hence, the pattern is that the circles alternate in size depending on if they are at the corner or adjacent to the center.</t>
        </is>
      </c>
      <c r="H37" t="inlineStr">
        <is>
          <t>Based on the pattern that the circles alternate in size depending on if they are at the corner or adjacent to the center, the size of the missing part that is at the corner should be small.</t>
        </is>
      </c>
      <c r="I37" t="inlineStr">
        <is>
          <t>b'\x89PNG\r\n\x1a\n\x00\x00\x00\rIHDR\x00\x00\x02\x00\x00\x00\x02\x00\x08\x02\x00\x00\x00{\x1aC\xad\x00\x00R\x86IDATx\x9c\xed\xddy|\x14E\xde?\xf0ou\xf7\xccdrO\x12n\x96\x9b$\x12\x02$\x12\x0eA\xe4\xc6\x08\x88\xbb"\xe8z@\x10\xd0\x1f\x8a\x06e]Qw\x95U\xd7\x03\x14\xd6\x15D\xe2\x82\x82\n\x8f&gt;\xba\x9c\x0b\x81D\x94\x1b"\x01\x93@$\x86#\x1c\xb9\x80\x8409g\xba\xbb~\x7f\x94\xcc\x93\xc5\x8b#\xc9\x1c\xfdy\xbf\xf6\xb5\xaf\xdda\x92t:5\xdfOuUu5\xe3\x9c\x13\x00\x00\x18\x8f\xe4\xee\x03\x00\x00\x00\xf7@\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4w\x1f\x00@\xd3\xe1\xf5\\\xf1O\xac\x1e\xb7\x1c\x1b@\xd3c?\xfd$\x00\xf8\x18\xce\xb9\xae\xebD$\xcb\xf2o\xbeY\xd34\xce\xb9$I\x92\x84\xebc\xf0q\x08\x00\xf0e\xba\xaes\xce]u_\xd3\xb4\xb3g\xcf\x1e;v\xac\xa0\xa0\xe0\xd4\xa9\x02\xc6\x18\xe7D\xc4CCm\xb1\xb1\xb1-[\xb6\xec\xd0\xa1\x83\xd5j\xad\xff\xb5\x92$\xe1\x9a\x00|\x15\x02\x00|\x93\xae\xeb\xae\xf1\x9c\x92\x92\x92]\xbbvm\xdc\xb81#c\x7fA\xc1\xa9K\x97.\xfd\xec\x97X,\xe66m\xda\xc4\xc7\xc7\x8f\x1e=\xa6_\xbf~\xd1\xd1\xd1\xe2uM\xd3\xae\xe6\xd2\x01\xc0\xeb \x00\xc0\xd7\x88\x01\x1fQ\xb2\xb3\xb2\xb2\x16-zw\xc3\x86\x8d\x85\x85\x85W\xbc\xadY\xb3p\xe2:\'bL\xaa\xa8\xb0;\x1c\x8e\xfa\xff\x1a\x10\xe0?b\xc4\x88\x193\x1e\x1b:t\xa8,\xcbb\x04\t\x83B\xe0c\x10\x00\xe0St]\x17e:\'\'\xe7\xcf\x7f\xfesZZ\x9a\xab\xb2\xb7o\xd7\xbaw\xef\x98\xf8\x9eQ\xbd{F\xdbl\xc1]:\xb7#]\'"\x92\x95\xe2\xc2\x92\xa2se\xd9G\x8ege\xe7e\x1c8\x9c\x9d\x93\xe7\xfa\x86={\xf6|\xed\xb5\xd7\x12\x13\x13\t\x97\x02\xe0s\x10\x00\xe0;TUU\x14\xc5n\xb7?\xff\xfc\xf3\x1f|\x90RSSKD\xfeV\xbf{\xee\x1e\xf9\x87\xbb\x86\x0f\x1e\x18\x1f\xdc"\x82H&amp;RI\xd7\xa9\xceA$\x06\xf79\x99\x14R\x14"\x99\x88kv\xfb\xbe\x03\x87\xd7\xac\xdf\xf6\xc9\xaa\x8d\x85E\xe7\xc4wNLL\\\xb8padd\xa4\xf8\x11\xee\xfb\x15\x01\x1a\x12\x02\x00|\x84(\xcd\x99\x99\x99\xd3\xa6M\xcb\xcc\xcc$"\xab\x9f\xe5\xbe\x89\x89\xb3f&gt;\xd8\xfd\xe6\xeeD\x9c\xaa\xab5\x87\x93sb\x8c\x11#\xa9\xde\xd4\xaeX\x17\xca9g\x8cdY\xa6\x00+I\x96\x92\xd3\xa7\x97\xa4|\xf6~\xca\xe7E\xc5\xe7\x89(""b\xd1\xa2E\x13&amp;L\xa8?\xbb\x00\xe0\xd5\x10\x00nS\xff\xcc\xa3\x9a\xdc Q\xfd\x97-[6k\xd6,1\xc7{\xfb\xf0[\xe6\xbf9;&amp;.\x86\x9c\x0e\xad\xb2\x9a\x18]\xe5z\x1eN\xc4u]\xd7u\xc5\xcf\x8f\xac\xfe\xa5g\x8a^\xf9\xfb\x92EKV\xeb\x9c\x13Qrr\xf2\x82\x05\x0b\x90\x017\x0e\xed\xdf\x13 \x00\x9a\x94\xae\xeb\xae\xdaQ\x7fFQ\xcc[b\xf9\xf9\xf5\x11\xd5?%%e\xfa\xf4\xe9Dd1\x9b^\x7f\xf9\xc9\xe4\xa7\x92\x88\xb8f\xafb\x12\xbb\xbeS\xca9\xd74M\xc4@\xea\xfa\xb4\x87\xa7\xff\xf5l\xf1y"\x9a6m\xda\xd2\xa5K5M\xc3\n\xd1k\x85\xf6\xefi\x10\x00MD\xd34\xfa\xef\x1b\x91***\xc4\x87\x81\x88BCC]\xaf\xd7_\xc4\x02\xbf\xe9\x8a\xea\x1f\x16\x1a\xb4\xee\xcbw\x07\x0c\xb9E\xaf\xb8H\x9cK\xf2\x8dV\x13\xce\xb9\xa6\xe9\x8a-\xa4\xe8T\xe1\xb8\xbb\x1e\xcf8x\x84.g\x80\xaa\xaa\xb2,#\x03\xae\x06\xda\xbfgB\x004\xba\xfa\r\xfa\xcc\x993iii;w\xee8q\xe2dn\xee\x11UU\x191N\xd4\xa5K\xe76m\xda\x0e\x180`\xd4\xa8Q7\xddt\x13]\xde\xb4\x00\xbd\xa1_\'\x96\xe5|\xf4\xd1G\x93\'O&amp;\xa2nQ\x1d?^9/.!V-+WL\r9U\xab:U%(\xb0\xbc\xbcb\xca\x94\xe7\xd6l\xfc\x86\x88\x1ey\xe4\x91%K\x96`N\xf87\xa1\xfd{2\x04@\xe3r-\x1cLOO_\xb1b\xc5\xfa\xf5\xeb\xcb\xcb\xcb\x7f\xe5\xfd\x16\x8b\xe5\xb6\xdbn\xbb\xff\xfe\xfb\x1fz\xe8!\xc2\xba\xc3_%V|fgg\xf7\xef\xdf\xaf\xaa\xaa:\xdc\x16\xbcm\xcb\xb2\xd8\xde=\xd4\xb2\x0b\x8a\xc9\xd4\xe0?NS59\xc0Z[\xeb\x184\xf8\xc1\x8c\x83\xb9D\xb4l\xd9\xb2\xa4\xa4$\xfc\x8d~\x05\xda\xbf\x87C\x004"\xd1|\x0b\x0b\x0b\xff\xf2\x97\xbf,_\xbe\xdcu\xaa\xdb\xb7k\xdd\xb5k\xfb\xee\xd1\x1dma\xa1\xa4iN\xa7\xfamV\xde\x993\xc59\x87\xf3\x89~|\xcf\xf0\xe1\xc3_y\xe5\x95\xbe}\xfbb\xbe\xf1g\x89~euu\xf5\xc0\x81\x03\xb2\xb2\xb2\x15E\xde\x91\xfa\xaf~C\xfb\xabee\x8a\xd9D\x8d\xd3\xa8uM\x93\xfc,\xe5\x15\x95\xbd\xfbM&lt;QP\xe8\xef\xef\xbf{\xf7\xee\x1e=z\xb8n&gt;\x80\xfa\xd0\xfe=\x1f\x02\xa0\xb1\x88\xc1\x81\xd4\xd4\xd4\x87\x1f\x9er\xf6l!\x11Y\xfd,\x7f\x9cx\xc7}\xf7\xde\x91\xd03*\xb8U3"I,&lt;\'"\xe2\xaaj\xaf\xcc\xcc\xf9as\xea\xce%K?/*&gt;GDf\xb3\xf9\x8d7\xdeHNN\xc6g\xe0\xa7Dqy\xfc\xf1\xc7\x17-ZDD\x0b^{*\xf9\xd9\x19\xce\xb2\xf3\xa6\x06\x1d\xf9\xf9\x99\x9f\xabjrh\xf0\xbe\xaf\xf7\r\x1a5\xd5\xe1T\xe3\xe2\xe2\xf6\xee\xdd\xab(\n\xfe@W@\xfb\xf7\n\x08\x80F!\xca\x93kf\x92\x88\xa6&lt;t\xd7SO&gt;\x18\x13\xdf\x9dH\xa7\xea\x1a\xdd\xa1\xea\x9c\x13qq/\x92\xc4\x98$K\xe4o%\xd9\\r\xfa\xcc\x92\x94\xcf\xff\xf1\xce\xca\xf2\n;]\x9eo\xc4g\xa0&gt;\xd1\xe3&gt;z\xf4hll\xac\xaa\xaa\xc3\x06\'l\xdd\xfa\xa1ZY\xa94I7\\u\xaaJX\xb3\xb9s^\x7f\xe9\xf5\x14"\xfa\xf0\xc3\x0f\'M\x9a\x84\xc1\x8a\xfa\xd0\xfe\xbd\x05\x02\xa0\xe1]\xd1\xfa\xc3m!\x8b\xff\xf9\xc2\x84\xfb\x7fO\xce\x1a\xad\xaa\x9a\x88I\xd2\xcf4\xe5\xcb\xcb\xcf\xb9b1\x93\x7fHf\xc6\x81iS_\xc8\xcc:J\xf5\xd6\x1d\xa2\xc4\x08\xa2\x1c$&amp;&amp;\xa6\xa6\xa6\xfa\xf9\x99\xbf\xdb\xbd:26R\xaf\xac\xbe\xf15?W\x83s\xae3\xa63\xa9\xc7\xcd\x7f\xc8\xcb?\xd5\xa2E\x8b\xac\xac\xac\xf0\xf0p\xc2zv"B\xfb\xf7*\x18\xb8l`\xa2\x99\xa6\xa5\xa5\xb9V%nZ\xb7x\xc2\xfd\x7fp\x96\x9d\xd7\xabkdY\x96\xe5\x9f_&lt;\xce\x88$IR\x14\x99\xab\xaa\xf3BI|\xef\x98\xb4\xad\xcb\x12\xe2n"\xa2\x94\x94\x94\xb9s\xe7\xca\xb2\xac\xaajS\xff&gt;\x9eGT\xff\xdc\xdc\xdc\xf4\xf4t"\x9a\xf8\x87\x91\x91q\xdd5{U\xd3T\x7f"b\x8cqU3\x05\x06\xce\x995Y\xd7\xf5\xa2\xa2\xa25k\xd60\xc6\xc4JG\x83C\xfb\xf7.\xb8\x02hHb\xcf\xc8\xd2\xd2\xd2\xb8\xb8^\xc5\xc5%a\xb6\xe0\xcd\xeb\xdeK\x18\xd8\xdby\xa1\xccd\xbe\xb6u)\x9a\xaa\xca\x01\xfe\xe5\x17\xed#o\x9f\xfa\xed\xc1\\\xc6\xd8\x96-[\x86\x0f\x1f\x8e~\x908\x03\xd3\xa7OOII\xb1Z\xfd\x0e\xee\xfa$\xb2{$\xaf\xaei\xcaiXN\xc4\x199u\x8a\xef{O\xee\xd1\x9311\xdd\x0e\x1e&lt;\x84{\x02\xd0\xfe\xbd\x0e\xae\x00\x1a\x92X\xb9&lt;\xe7\xd9g\x8b\x8bK\x14E^\xfa\xce\xf3\t\x03\xfb]G\xeb\'"YQ\xb4\xaa\x1a[D\xe8g\x1f\xcf\x8f\x08\x0f%\xe2\x8f?\xfe\xb8\xc3\xe1`\xcc\xd0\x99-\x9e\xeeRRR\xb2v\xedZ\xc6h\xfc\xb8\xa1Qq\xb1zeu\x13/\xc2aD\xbaS\xb3\x04\x07?\xfd\xf8\x03\x9c\xf3#Gr\xbf\xf9\xe6\x1b\\\x04\xa0\xfd{\x1d\x04@\x83\x11}\x93\xed\xdb\xb7\xaf\xfc\xf8c"\xba\x7fB\xe2\xdd\x0f\x8cw\x96\x9d\xbb\x8e\xd6/\xc8\x8a\xec,\xb7w\xec\x165\xff\x95\'9\xa7\xa3G\x8f\xce\x9f?_\x92$\xd1\xcf2&amp;Qa\xf7\xec\xd9SZZ\xca9\xdd{\xf7(\xceurG\xbf[\x96%^[=\xfa\xf6[CC\x82t]_\xbf~\x1d\xfd\xf7\xfe6F\x83\xf6\xef\x8d\x10\x00\rl\xc9\x92%\x9a\xa6Y,\xe69\xb3\x93tG\x95|c\x03\xd3\x8aY\xd1\xec\x17\xef\xfd\xe3\xd8\xe8\xc8\x0e\x8c\xb1e\xcb\x96\xd5\xd4\xd4H\x92d\xd8B#\xc6X6l\xd8\xc0\x18k\xdb\xa6\xc5\xc0[\xe3YM\xb5$\xb9!\x00\x18c\xbc\xd6\xd1\xa2c\xdbA\x03\xe2\x89(=\xfd+\x87\xc3\x81\xd1\t\xb4\x7f\xef\x82\x00h\x18bh\xa2\xa8\xa8\xe8?\x1b72\xc6\x1e\x98\x98\x18\x15\xd7\xfd\xc6\x07\xa6\x19\x11\xa9\x9a%8\xe8\xb9\xa7\x93\x88\xe8\xd8\xb1c_}\xf5\x15c\xcc\xb0\x9d I\x92\x1c\x0e\xc7\xee\xdd\xbb9\xe7\xfd\xfb\xc4\x06\xb7h\xa69\x9c\xee\x1ay\xd79\'I\x191\xa4\x0f\x11\xe5\xe7\xffp\xe2\xc4\t\xc3\xfei\xd0\xfe\xbd\x14\x02\xa0a\x88\xa1\x89\xad[\xb7V\\\xba\xc49\x7f\xe8\xbe\xd1\x9c\xeb\x97\x9f7rC$Y\xe25\xd5\xe3\xc6\x0c\x0e\xb3\x85\x10c_~\xf9\xc5\x8d\x7fO/%\xd6\xff\x14\x16\x16\x9e9s\x9a\x88\xe2{F\x13\xc9n\xec\x0b2\xc6\x88\xab\xbdzDI\x92T[[\x97\x95\x95EF\x1d\x05B\xfb\xf7R\x08\x80\x86!:\xa1_}\x95ND\x1d\xda\xb7\xee\xd13\x9ajj\x1adh\x821\xc6\x1d\xce\xc0\xe6\x11\x83\x06\xc4\x11\xe7{v\xef\xa9\xad\xad5\xe6\xc6\x03\xa2\xb6\x9e:u\xcan\xaf$\xa2^\xb1\x91D\x9a\x1b\x17\xdeH\x12\xa3:Gd\x97\xf6!\xc1AD\x94\x97w\x94\x8c\x1a\x00h\xff^\n\xe7\xb1a\x88\xc5\t\xc7\x8f\x9f \xa2\xce\x9d~\x17\xda*\x82;\xd5\x86\xaaM\xba\xce%\xc5\x12\x17\x1bID\xc5%\xc5v\xbb\xdd\xc8k!N\x9c8ND&amp;\x93)"\xc2F\xba\xe6\xde\x85\x97\\\xd3\xfd\x83\xfcCC\x03\x89\xe8\xc4\x89\x13d\xd4{\xc1\xd0\xfe\xbd\x14\x02\xa0\x01\x88\xd5o\x15\x15\x15\xf9\xf9?\x10Ql\xb7\xce\xc4\xe5\x06l\xa0\x8c1"5\xa6[\x17"\xaa\xa8\xb8\x94\x9b\x9bK\x97\xd7\\\x1b\x8a8\xa5\xf9\xf9\xf9Dd\x0b\r\xee\xda\xb9\x1d\xd59\xdcXp\x19c\\U\x03#l];\xb7#\xa2\xfc\xfccd\xc8\x00@\xfb\xf7^\x08\x80\x06\xc39w:\x9dD\x14\x11\x16BLj\xe8\x0e\n\x8f\x08\x0f!"]\xd7\r~?\xa4\xd9l\xa6\xcb\xbb\x81\xba\xfbX\x88\x88\xe8\xf2\x91\x88\x033,\xb4\x7fo\x84\x00hHbhR\xd3\x1a\xa50\xb9\xbe-\x06@\x05\xcf\x19\x04\xf0\x9c#q/\xb4\x7f\xaf\x83S\xd9`\xc4#d\x89\xc8\xe9T\xa9\x11*\x82\xd3\xf9c\xc7\xc7\xe0\xb7\x9b\x8a\x0e\xa0$1\x93\xa24\xc6y\xbef\x92dR\x14\xba|`\x86\x85\xf6\xef\x8d\x10\x00\r@LI\x05\x07\x07w\xea\xd4\x99\x88\x0ef\x1f%\xa65\xe0\xddI\x9cs"\xe5P\xd6Q"\n\x0e\x0e\xea\xda\xb5+\x19r\xacY\x08\x0f\x8f \xa2\xca\xca\xea\xd3gK\xc8lrc\xef\x9bs\xced\xb9\xe6\xa2\xfdLa)\x11\x89\rA\r\x08\xed\xdf{!\x00\x1a\x86\xae\xeb\x8a\xa2\xb4k\xd7\x8e\x88\nN\x15\xd7VT\xb2\x86\xdb\x9c\x921"\xae\xe5\x1d;EDa\xb6\xb0\x88\x88\x082\xe4\x07@\xfc\xca\xdd\xbbw\'\xa2\xaa\xea\x9a\xa2\xe2s\xa4(\xee\xbd\x06`\xb2T{\xa9\xb2\xb0\xe8&lt;\x11u\xef\x1eCF\x9d\x9cD\xfb\xf7R\x08\x80\x86!\xfa\xa1\x03\x07\x0e$\xa2#\xdf\x1f\xcf\xcd\xce#\xabUk\x88Z\xc09\x97LJm\xf9\xc5-_\xedc\x8c\xc5\xc5\xc7\xf9\xfb\xfbk\x9a;\xd7\xbf\xbb\x8b\xf8\x95[\xb6la\xb5\xfa\x11\xd1\xd1\x1f\n\x88\x1ar\xb5\xc9\xb5\xe2\x9c\x93\xc5t\xf2tQeU\x15\x11\xb5m\xfb;w\x1d\x89\xdb\xa1\xfd{)\x04@\xc3\x10\x13S\xb7\xdf~\xbb\xd9l\xd6u}\xfd\xa6\xedL6\x93\xde\x00\xb5I\xd79\xb3\xfa\xef\xdds\xa8\xa8\xf8\x1c\xe7|\xec\xd8;\xc9\xa8\xb3\x8e\xe23\xdf\xb1c\xa7\x16-Z\x10\xd1\x81C\xdf\x13q7\xd6\x01]\xe7$\x99\xb3s~p8\x9c\x8a\xa2\xc4\xc7\xc7\x93Q\xa7(\xd1\xfe\xbd\x94\x11\x1bkc\x10\x9b\x14FEE\r\x1c8\x901\xf6\xee\xd2\xcf\xce\x9f&gt;\xc3,\r2B\xcdI\xd7_\x9e\xf7/U\xd5\x9a7k6f\xcc\x18"2\xe6\xa6cb\xbfe\xab\xd5\x1a\x17\x17\xcf\x18\xdb\xb3?\xdba\xb7K\x8a\xdbN\x05cD\xc4\xb7\xed&lt;@D\xad[\xb76\xf2\xd84\xda\xbf\x97B\x004\x18\xb1S\xcd\xd4\xa9S9\xe7\xe7\xce\x97/zo\x95\xe4\x1f\xaa:ohe\x88\xa6jrh\xc8\xf6\xad\xbb\xb6m\xff\x96\x88\xc6\xdduW\xb3f\xcd\x8c|\xfd+\n\xca\xd8\xb1c8\xe7y\xf9\x05\x07\xf7g\x93\xd5\xdaH\xeb\x0e\x7f\xf3H$\xb3\xe9RIi\xda\xb6\xfdD4d\xc8\xe0\xc0\xc0@#\xffi\xd0\xfe\xbd\x11\x02\xa0\xc1(\x8a\xa2\xeb\xfa=\xf7\xdc3h\xd0 F\xb4\xf0\xbdU\xd9\x19\xdf\x9al!\xda\xf5\xae\x0e\xd4u\x9dYL\xd5\xe5\x97\x9e|v&gt;c,,\xcc6w\xee\\q\xd7e\xc3\x1e\xb9\x17\x11\xbf\xfb\xad\xb7\x0e\n\x08\x08\xd04\xed\x8b\xf5\xdb\x98lq\xcb\x80\x80\xaeq\xe6\xef\xbfsG\xe6\x99\xb3%D4r\xe4(2\xf6\xd0\x04\xda\xbf7\xc2\xa9l`\x8a\xa2,X\xb0@V\xe4\x8b\x17\xed\x0f$=W~\xae\\\x0e\xf0\xd7\xd4k^\xb9\xac\xeb:g\x92\xe4\xef?\xe3\xb1\xb9\x87\xb2\xf2t]\xff\xdb\xdf^n\xd5\xaa\x95\xe8g5\xc6\x91{\x05I\x924M\xeb\xd2\xa5\xcb\x90!C\x88h\xe5\xea\x8d\x17N\x9f\x96\xfd\xccM_y\x99D\xa4j\x0b\x16\x7f\xc2\x18k\xd5\xaa\xd5\x9dw\xdeI\x18\x9a@\xfb\xf76\x08\x80\x86$\xcaS||\xfc\xbcy\xf3\x89(\xebp\xfe\xa8\xc4\xa9\xe5\xe5v9$\xc8\xe9t^}\x89\xd2TU2\x99\xe4\xa0\x80\xe9\x93\x9f\xfdh\xd5F"\x1a?~\xfcc\x8f=\xa6\xaa*J\x8c\x90\x9c\x9c,1V\\r\xe1\xdd\xf7V1k`\x13\x8f\x02i\x9a\xce\x82\x02\xbfN\xdd\x91\xb6m?\xe7|\xda\xb4\xe9\x06\x1f\xff\x11\xd0\xfe\xbd\x0e6\xd5kx\xf5\x9fZND\t\xf1\xdd&gt;Y9\xafk\xb7(\xb2_\xd4TM\x92\xa5_*\x13\x9c\x93\xaek\x8c\x98\x14\x1ab/\xafH~\xe2\x95e\x1f\xaf#\xa2\x84\x84\x84\xd4\xd4\xd4\x90\x90\x10\xc6\x98\xc1K\x8c n:\xed\xd9\xb3Gn\xee\xf7\x11\xe1\xa1G\xbf[\x13b\x0bf\r\xb7\xfd\xe4o\xd24M\x0e\t\x1e:\xf8\xc1\xafw\x1c0\x9b\xcdG\x8e\x1c\xe9\xd4\xa9\x93\xae\xeb\x18\x9d \xb4\x7f\xaf\x82\xf6\xda\xf0\xc4\x8a\x88\xa5K\x97N\x9b6\x8d\x8822\x8f\x0c\x18t\xff\xf2\xa5\x9f:t\x92m6\xa6(bC+M\xd34M\x17\xff\x11\xff\x8fIL\x0e\r\x96\x82\xfc\xb7n\xde&gt;d\xe8\xa4\xfa\xad\xdff\xb3\x91QW\x98\xfc\x94\xb8\xedh\xc1\x82\x85b\xbe\xf1//\xbd+5\xe1E\x80\xa6jr\xa8\xed\xf3\x15k\xbe\xdeq\x80s&gt;{\xf6\xecN\x9d:i\x9a\x86\xea/\xa0\xfd{\x11\\\x014\n\xce\xb9\x98\xadz\xe9\xa5\xb9s\xe7\xbe$^\x8c\x8d\xe9:\xeb\x89\x07\xee\x1c=8\xbcU\x04I\x16"\x95\xc8u\xf2\x15"\xad\xba\xec\xe2\xae}\xdf\xbd\xb5\xe0\xa3\xd4\xad\xbb\xc5\xab\x13&amp;LX\xb2d\x89\xcdfC\xef\xf2\n\xe2\x84\x8c\x1a9r\xcb\xd6\xad\x8c\xb1\xd45\xef\x8e\xb8s\x98ZvQ1)\x8d\xfds\x99\xc5\\Z|\xa1G\x9f{J\xcf\x955o\xde,7\xf7{\x94\xa7+\xa0\xfd{\x0b\x04@cq}\x06RSSg\xcf\x9e\x9d\x93\x93#^o\xde,\xec\x96~={\xf5\xba)6\xaa\xa3-&lt;\x844\xdd\xe9T3\xb2\x8e\x1e?~z\xdb\xf6oO\x9c8#\xde\xd6\xb2e\x8b\xe7\x9e{~\xe6\xcc\x99t\xb9\xd8\xb9\xed7\xf1Hb2\xf0\xf8\xf1\xe3}\xfa$\x94\x95\x95\xb7l\x1e\xfe]\xc6\xe7\xcd[5\xd3*\xab\xe5F\xbb3\x80\xeb\\\x97\x98\x1c\x180r\xd8\xa4\xad\xdb\xf6\x13\xd1\xe7\x9f\x7f&gt;~\xfcx1\xe8\xd1H?\xd4K\xa1\xfd{\x05\x04@\xe3RUUQ\x14\x87\xc3\xf1\xe6\x9bo\xaeZ\xf5\xe9\x91#\xb9\xbf\xf9%\xadZ\xb5\x1a3f\xcc\x8b/\xbe\xd8\xa6M\x1bQ\xe6\xd0\xb5\xfcY\xa2\xec~\xf1\xc5\x17\xe3\xc7\x8f\'\xa2&gt;\xf1\xddR7\xa5\x84\x86\x04i55\x8dQ\x8e]\xd5\x7fz\xd2\x9c\x94\x8f\xd6\x10Qrr\xf2\x82\x05\x0bP\xfd\x7f\x05\xda\xbf\x87C\x004:W\x81\xa8\xab\xab\xdb\xbcy\xf3\xbau\xeb22\xf6\x17\x15\x15\x9d?\x7f\xc1\xf5\x9e\xe0\xe0\xe0\x88\x88\xf0\xb8\xb8\xf81c\xc6\xdcq\xc7\x1d\xcd\x9b7\xaf\xff\x85\xf0KD}\x995k\xd6\xc2\x85\x0b\x89\xe8\xae\xd1\xb7\xad\xf8\xe4\xad \x8bI\xab\xa9m\xd8\xeb\x00]\xd3\xb9,\xc9\x81\x01\xaf\xfe\xf5\x9d\x17^y\x8f\x88\xfa\xf7\xef\xbfc\xc7\x0e"\x92\xa4_\x9c\xd5\x04B\xfb\xf7l\x08\x80\xa6 \x1e_\xe5j\xcd\x9a\xa6\x95\x97\x97\x1f9rD\xd34\xc6\x88s\xea\xd2\xa5KDD\x84\xd5ju\xbd\x01e\xe5j\x88\xe5@\x8a\xa2\xb8\xd6\x9c\xf4\x89\xef\xb6i\xe3\xd2\xb0\x16\xe1jy\x85\xac\xc8\rr\x0eUUU\xacV\xb2\x98]}\xff\x84\x84\x84\xcd\x9b7c\xe8\xff*\xa1\xfd{,\x04@\xd3q=\xc5\xf0\x97\xfa5\x9a\xa6q\xcee\xb9a\xca\x96A\xb8\xc6\x9a]\x19\x10\xd9\xb9\xdd\xb2\x94\x97\x07\x0c\x19@\xf6\x8b\xaa\xaa\xc9\xb2|\xdd\xa7S\xd3\xc4\xaa\xc4\xd0\xa2\x82SI\x0f\xbf\x90\x9a\xbe\x97\xea\xadK\xc1\xd8\xf45A\xfb\xf7@\x08\x007\x10\xe7\xbc\xfe\xc6\xf1\xec2\xf7\x1d\x94\x17su0\x1f}\xf4\xd1\xf7\xdf\x7f\x9f\x88,f\xf3\x9c?M\x99\xf3\xec4s` U\xdaU\xa7&amp;\xff\xf2\xf2\xf3_\xfa\x86\x8c1)8\x908\xad\xfed\xfd\xec?\xcf?[t\x8e\x88\x06\x0c\x18\xb0~\xfdzT\xff\x1b\x81\xf6\xef9\x10\x00\xe0\x0b\\\x19\xf0\xc1\x07\x1f\xfci\xf6\xec\x8b\x15\x15D\x14\x1b\xd3e\xd6\x13\x0f\xde?q\xb49$\x98j\xab\xf5Z\x87\xce9cL&lt;\xac\xaa~\xb9\xf9\xb1$q\xceu\xce\x88d\xb3\x89\x02\xfcI\xd3\xb6n\xd99\xff\xed\x0f\xb7\xa4\xed\x11oKNN\x9e7o\x9e\xd8\xf4\x06\xd5\x1f|\x00\x02\x00|\x87\x986\xcc\xcc\xcc|\xec\xb1\x19{\xf7\xee\x13/\xf6\xe8\x1e9s\xc6}\xb7\x8f\x18\xd0\xb6s[b\nq\x95\xea\x1c\xa4\xe9\xbaS%\x11\x01\x9c$E&amp;Y"\xb3\x99d\x85\x88.\x95\x9c\xfbzW\xe6\xe2%\xab]\x0b\xd2\xdb\xb4i\xf3\xf6\xdboO\x980\x81\xc4\x93 \xd1W\x05\x9f\x80\x00\x00\x9f"2@U\xd5\x15+V\xbc\xf4\xe2\x8b\xa7\xcf\xfc\xb8\xae\xdcf\x0b\xb9\xed\xd6\x9b\x07\x0f\xea\x1d\x17\x1b\xd9-\xb2C@\x80\xd5\x1aa#\xce\x89\x13I\x92Va\xbfTY\x9d\x7f\xf2\xec\xe1\xdcc;w\x1fL\xdf\xb6\xffd\xc1Y\xf1\x85V\xab\xf5\xe9\xa7\x9f\x9e9sf\xf3\xe6\xcd19\t&gt;\x06\x01\x00\xbe\xc65&gt;SZZ\xbav\xed\xda\xc5\x8b\x17\x1f:t\xa8\xfe\x1b\xc2\xc3B\x83\x83\x03:wnG\xbaN\x9cH\x91\x8b\x0bKK\xce\x95\x9d;W^\xef\xdeTj\xdf\xbe]R\xd2\x94\x89\x13\'FGG\x13V%\x82/B\x00\x80\x0f\xaa\xbf\xeeP\xd3\xb4\xf4\xf4\xf4\xcd\x9b7\xa5\xa5\xa5\xe7\xe5\x1d\xad\xabs\xfc\xfa\xd7v\xea\xd4q\xf0\xe0!\x83\x07\x0f\x1e7n\\pp0aU"\xf8.\x04\x00\xf8\xac\x9f.?\xcf\xcb\xcb\xcb\xcd\xcd\xcd\xc9\xc99u\xaa\xa0\xa0\xe0\x94\xa8\xe9\x9c\xf3\xd0\xd0\xd0\xd8\xd8\xd8v\xed\xda\xc5\xc4\xc4\xc4\xc4\xc4\xf8\xfb\xfb\xbb\xbe\x841\x86\xf9^\xf0U\x08\x00\xf0q"\x068\xe7\x8ar\xb5\xfb\xc4aA:\x18\x04\x02\x00\x8c\x82\xd7s\xc5\xaas\xf1"\x11\x89\xfe&gt;\xea&gt;\x18\x04\x02\x00\x00\xc0\xa00\xb8\t\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a5\xb8\xfb\x00\x00\x9a\x1a\xe7\xfcg_g\x8c5\xf1\x91\x00\xb8\x17\x02\x00|\x19\xaf\x87\x88$Ir\xfd\xf7O\xe9\xba\xee\xfaoVO\x13\x1e/@\x93b\xbf\xd4\x1b\x02\xf0R\xa2\xdc\xeb\xba\xce\x18\x93e\xf9\xa7o\xd0u\xbd\xa2\xa2\x82\xb1\x1f\x1b\xbf\xf8\x1f~~~V\xab\xf5g\xdf,\xbe\x95$I\x08\x03\xf01\x08\x00\xf0\x11\xa2\xe8s\xce\x15\xe5\xff\xaek5M+,,\xcc\xcf\xcf\xcf\xce\xce:\x7f\xfe|F\xc6\xb7\xaa\xaa\x96\x14\x17\x17\x97\x143b\x9cD\xe3gD&lt;0 \xb0K\xd7.\x9cSlllDDD\xef\xde\xbd\x7f\xf7\xbb\xdf\xb5o\xdf\xde\xdf\xdf\xbf\xfew#"$\x01\xf8\x0c\x04\x00x=\xce\xb9\xa6i\xae\xba\xafiZ^^^jj\xea\xce\x9d;\xf3\xf2\xf2\n\nN^\xbad\xbf\x8eok\xb1\x98[\xb7n\x1d\x15\x15\xd5\xaf_\xff\x91#G\xf6\xec\xd9\xd3\x15\x06\xaa\xaaJ\x92\xf4KCI\x00\xde\x02\x01\x00^Lt\xc9\xc58\x8f\xa6i\xfb\xf6\xed[\xb3f\xcd\xa6M\x9b~\xf8!\xaf\xae\xceQ\xff\x9dAA\x01\x01\x01\xfe\xdd";H\x8a\x1c\x12\x14\xd0\xa3G$\xd7t\xd1\x8d\xe7\x9c3\xc5Tp\xf2\xcc\xa93\xc5L\x96\xf3\xf3O]\xbaTy\xa1\xec\xe2\x15?\xabc\xc7\x0eC\x86\x0c\x1d7n\xdc\xe0\xc1\x83\x83\x83\x83\xe9\xf25\x07.\x08\xc0{!\x00\xc0+i\x9a\xe6\xaa\xbcg\xce\x9cY\xbdz\xf5\'\x9f|r\xe8\xd0\xa1\xff{\x07c\x1d\xda\xb7\xb99\xee\xa6\xf8\x9eQ\xbd{E\xdf\x14\xd5)8$0\xa4\x99\x8d$\x99$Fd"\xaa\xdf\xf2\x19\x91J\xbaF\x8c\xd5\x9c/\xaf\xaa\xaa9\x9cw\xf2`V^v\xce\x0f\x19\x07\x0e\xff\x90_P[[\xe7zk\xfb\xf6\xed\'L\x98\xf0\xc0\x03\x0f\xf4\xe8\xd1\xc3u0?;\xd9\x00\xe0\xe1\x10\x00\xe0e\xc4@\xbf(\xb8\xbbw\xef\xfe\xd7\xbf\xfe\xf5\xef\x7f\x7fY^~Q\xfc\xab\xcd\x16\xdc;&gt;f\xd4\xb0~\x83n\xed\x1d\x13\xdd\xc1?"\x8cH!R\xa9\xceA\x9a\xae;\x9dD\xc49q\xae\x13\xd5\xef\xb6\xf3\x1f\x17\xfcp\x92L\n\xc9\x12Y\xcc\xc4\x14"\xae]\xb2\xe7\x1d;\xbd/#kC\xea\xce\x03\x07\x8e\x9c,8+\xbe\xc0l6\x0f\x1e&lt;x\xc6\x8c\x19\x89\x89\x89f\xb3Y\\\r \x06\xc0\xbb \x00\xc0k\xd4\x1f\xebOOO\x7f\xf3\xcd7\xb7l\xd9\xe2\xfa\xd7\x81\xb7\xc4\x8d\x1b;\xe4\xde\xf1\xa3\xdavjK\x92\x89t\'\xd5\xd4iN\x95s\xeeZ\xcfy5c5\xe2\x13\xa1\xeb\x9cs\xce\x18\xc9\x8aL\x16\x0b\x99\xccD\xba\xbd\xa4l\xcd\xc6m_\xae\xf9j\xebW{\xaa\xaaj\xc4\xfb{\xc4\xc6&amp;\xcf\x9a\x95\x94\x94D\xff}]\x02\xe0\xf9\x10\x00\xe0\x1d\xc4h;\x11\xe5\xe5\xe5\xbd\xf1\xc6\x1b\x1f._\xaesNDV\xab\xdf\x1f\'$N\x99\xfc\xfb[\xfa\xf7$\x8b\x95\xeaj\xf4\xda:]\xe7LbRC\xac\xe2\x17\x97\x0b:\xe7\x8cH6\x9b\xc8?\x80\xb8\xfe}N\xde\xff|\x9e\xba\xf4\x83\xcf\x0b\x8b\xce\x89\xb7\r\x1f&gt;\xfc\xd9g\x9f\x1d6l\x18aD\x08\xbc\x07\x02\x00\xbc\x80\xaa\xaa\x8a\xa28\x1c\x8e7\xdf|s\xc1\x82\xb7\xcb\xca\xca\x89(\xcc\x162%\xe9\xf7\x93\xee\x1b\xdd\xbdwO\xd2\x9d\xbc\xb2Z\xd3tYn\xc4\x0e\xf8\x8f\xb7\x17\x10I\x01V2YK\nN\xad\\\xbdi\xd9\xf2/r\x8f\x9e "\xc6XRR\xd2\xcb/\xbf\xdc\xbauk\\\n\x80W@\x00\x80G\x13\xf7\xe5J\x92\xb4k\xd7\xaeG\x1f}4\'\'\x87\x88\xac\x16\xcb}\xf7&amp;&gt;\xf3\xd4\x94\xa8\x1e1\xe4\xac\xd2\xaaj\x181In\xbaE\x99\xba\xae\xeb:W\xfc\xccd\r\xae(-^\xf8\xee\xc7\xef\xa7|^T|\x9e\x88Z\xb6l\xf1\xf2\xcb\xafL\x9d:\x95p)\x00\x1e\x0f\x01\x00\x9e\xcbU@_z\xe9\xa5\xd7_\x7fM\xac\xec\x1c&gt;\xa4\xef+\x7f\x9b\xd9w`_r\xd4\xa8\x95\xd5\x92\xec\xb6\xf5\xf8\x9csM\xd5\x14\x8b\x99\x02\x82\x0b\x8f\x9f\xf8\xcb\xdcE\x1f\xae\\+\x06\xa6\xee\xbd\xf7\xdew\xdf}7&lt;&lt;\\\\\xbb\xb8\xe5\xf0\x00~\x13\x02\x00&lt;\x94\xa8\xfeEEEIII\xa9\xa9\xa9Dd\x0b\r\x9a\xfb\xd7\xc7f&gt;\xfe\x00IL\xbbdg\x9eq+\xd6\x8fS\xd3V?\xf2\x0bH]\x9f\xf6\xe4\xd3\xaf\x1f\xfd\xa1\x80\x88"##\x97-[6`\xc0\x00\\\x07\x80\xc7B\x00\x80\'\x12\x1d\xe7]\xbbvM\x980\xa1\xb0\xb0\x90\x88\x06\xf6\xef\xf5\xaf\x94\x97#c\xa2\xf5\x8a\x8b\xc4yS\x0e\xf8\\\r\xce\xb9\xa6\xe9\x8a-\xa4\xe2\xc2\xc5\xd9\xb3\xdf\xf8\xe0\xc3\x7f\x13\x91\xc5b\xfe\xc7?\xdey\xe4\x91G0%\x00\x9e\xc9\xb3&gt;E\x00t\xb9\xfa\xa7\xa4\xa4\x0c\x192DT\xff\xe4\xc7\xef\xdf\xb6uydd\x07\xb5\xfc\x82$5\xe9p\xffUb\x8c)\x8a\xac\x95W\x84X\xcd)\xcb_Oy\xef\xa5\xd0\xe0\xc0\xba:\xc7\xa3\x8f&gt;\xfa\xe8\xa3\x8f\xca\xb2,n_p\xf7a\x02\xfc\x17\\\x01\x80gqU\xff\xe9\xd3\xa7\x13QHP\xc0\xdb\xf3\x9f\x992\xfd\x01n/\xe7\x9a\xee\x81\xa5\xff\n\x9cs]\xd3e[\xf8\xfe\x9d\xfb\x1e\x9c\xfcl\xde\xb1\xd3D4m\xda\xb4\xa5K\x97\xe2:\x00&lt;\r\x02\x00&lt;\xc8\x15\xd5?\xdc\x16\xbci\xdd{\t\x03\xfb\xaae\xe7eE\xf6\xa2\xd2\xa9:U%4\xb8\xac\xb4,q\xf4\xf4\xfd\x99G\x08\x19\x00\x1e\xc9\xd3\xfbS`\x1cWT\xff&gt;\xf1\xdd\xf6\xecZ\x95pK\x9cZv^1)\xdeU4\x15\x93\xa2U\xd8\xc3lAii\x1fNy\xe0N"\x12\xbf\x17\xc6\x82\xc0\xa3\xe0\n\x00&lt;\xc2O\xab\xff\xe6\xff\xa4\xd8\x9a\x85j\x15v\xd9k\x97Q\xea\x9a.\x99Md\xf5\x9b\x9e4\'\xe5\xa35t\xf9:@&lt;a\xc6\xbb"\r|\x12\x02\x00\xdcO,\x94tU\xff\x84\xb8\x9bR7}`\xb3\x05iU5\xb2\xe2\xdd\x0b(u]\xe7\x92$\x07\x06\\\x91\x01X\x1b\n\x9e\x00\x01\x00n&amp;J\xe1\x9e={\x06\x0e\x1c\xa8\xebzXh\xf0\xb7\xbbWu\x8c\xea\xa0UTz{\xf5\x17\xb8\xaesYf&amp;\xd3\x80[\xff\xb8\'#\x87\x88\x16,X\x90\x9c\x9c\x8c{\xc4\xc0\xed\x10\x00\xe0Nb0\xa4\xb4\xb4\xb4g\xcf\x1e%%\xa5\x01\xfe\xd6m\xa9)\t\xb7\xc4k\x15v\xdf\xa8\xfe\x82\xae\xebd2]\xb4W\x0f\x19\xfaP\xd6\x91cD\xb4e\xcb\x96\x11#F\xe0:\x00\xdc\x0b\x93\xc0\xe0Nb\xab\x9f\x07\x1f|\xb0\xa4\xa4\x94\x88\x16\xbd\xfd\xe7\x84\x81\xfd\xd4\x8b\x97|\xa9\xfa\x13\x91$I\xbc\xce\x11\xd6\xcc\xf6\xf1\x87\xaf\x87\xd9\x82\x89\xe8\xa1\x87\x1e,))\x91$I\x9c\x01\x00\xb7@\x00\x80\xdb\x881\x90\xbf\xfd\xedo[\xb7n%\xa2\xe4\xffw\xef\xa4G\x1et\x96\x9dWL&gt;80"+\xb2z\xf1RlB\xdc\xd2w^ \xa2\xe2\xe2\x92\x07\x1f|\x901\\\x82\x83;\xa1\xfd\x81{\x88\xfd\xfd\xf7\xee\xdd;h\xd0 \xa7\xd3\xd9\xafw\xf7\x9d\xdb?\xe6NU&amp;\xee\xc3\xcbcTUUl\xe1\xb3f\xfce\xe1{\xab\xe9\xf2d\x00\x06\x82\xc0]\x10\x00M\x8a\xd7s\xc5?\xb1z\xdcrlMIl\xac\xafiZlll^^^PP\xc0\xa1=\xab;Ev\xd0\xabj&lt;\xff^\xdf\x1b\xc19\xd7\x19#E\xe9\xd3\x7fb\xe6wy\x8a"\xe5\xe4\x1c\x8e\x8c\x8c\xe4\x9c{\xc2\xc6v\x8d\r\xed\xdf\xd3\xf8~\x9b\xf3\x04b\xc3HM\xd3\x18c\x92$\xc9\xb2\xac\xfc\x84,\xcb\xe2\x1eQM\xd3TU\xf5\xed\xa1a\xf1\xf8\xdc\xf9\xf3\xe7\xe7\xe5\xe5\x11\xd1\xeb/&gt;\xd6)&amp;Z\xb5W\xf9v\xf5\'"\xc6\x18i\xbal2}\xb0\xe8\xaf\x16\x8bI\xd3\xf4\'\x9ex\xc2\xe7\x07\x82\xd0\xfe=\x96\x8f\xb7&lt;\xb7\xab\xff\x04s"\xd24\xed\xec\xd9\xb3\xc7\x8e\x1d+((8u\xaa\x801\xc69\x11\xf1\xd0P[lll\xcb\x96-;t\xe8`\xb5Z\xeb\x7f\xad\xef\xed\x1c V\xfe\x1c?~\xfc\xe6\x9bo\xae\xa8\xa8\x184 \xee\x9b\xaf?\xd6\xaa\xaad\x03t\x81\x05UU\x15[\xc4\x0b\xb3_}\xf5\xad\xe5D\xf4\xd9g\x9f\xdds\xcf=&gt;9\x10\x84\xf6\xef\xe1\x10\x00\x8d\xa5\xfe\xdd\x9e%%%\xbbv\xed\xda\xb8qcF\xc6\xfe\x82\x82S\x97.]\xfa\xd9/\xb1X\xccm\xda\xb4\x89\x8f\x8f\x1f=zL\xbf~\xfd\xa2\xa3\xa3\xc5\xeb&gt;V\x1a\xc4\xaf3i\xd2\xa4\x15+V\xf8\xf9Yvm\xfdW|\xbf^ze\xb5\xcfw\xff]8\xe7\xba,WU\xd7\xf6\xee\x7f\xef\xb1\x13\xa7\xbbt\xe9\x9a\x9d\x9d\xad(\x8a/\r\x80\xa0\xfd{\x05\x04@\xc3\x13\x03\xdc\xa2\xc9fee-Z\xf4\xee\x86\r\x1b\xc5\xb6\xc6\xf55k\x16N\\\xe7D\x8cI\x15\x15v\x87\xc3Q\xff_\x03\x02\xfcG\x8c\x181c\xc6cC\x87\x0e\x15\x1b\xc8\x10\x91\x0f\x0c\x13\x8b\x0f\xf3\xf6\xed\xdb\x87\x0e\x1d\xaai\xda\xa4\xfbF\x7f\xf8\xe9?\xb4\xf2\xf3\xde\xbb\xdf\xc3\xf5QUM\xb1\x85\xadx\xff\x93I\x8f\xbeDD\xaf\xbe\xfa\xeas\xcf=\xe7\x1b\x95\x0e\xed\xdf\x8b \x00\x1a\x98X\xdcBD999\x7f\xfe\xf3\x9f\xd3\xd2\xd2\\-\xbb}\xbb\xd6\xbd{\xc7\xc4\xf7\x8c\xea\xdd3\xdaf\x0b\xee\xd2\xb9\x1d\x89\x81NY).,):W\x96}\xe4xVv^\xc6\x81\xc3\xd99y\xaeo\xd8\xb3g\xcf\xd7^{-11\x91|\xa2+$&gt;\xc9\xc3\x87\x0f\xdf\xb6m[xX\xc8\xdeoVv\xea\xda\x81j\xeb$\xc9Gz\xbeW\x89\x13q"\'\xb1AC\x1e\xca\xc8&lt;\x12\x16\x16v\xe4\xc8\x91f\xcd\x9a\x91\x98\'\xf0Zh\xff\xde\x05\x01\xd0\x90\xc4\xc2v\xbb\xdd\xfe\xfc\xf3\xcf\x7f\xf0AJMM-\x11\xf9[\xfd\xee\xb9{\xe4\x1f\xee\x1a&gt;x`|p\x8b\x08"\x99H%]\xa7:\x07\x91\xf8\xa8s2)\xa4(D2\x11\xd7\xec\xf6}\x07\x0e\xafY\xbf\xed\x93U\x1b\x0b\x8b\xce\x89\xef\x9c\x98\x98\xb8p\xe1\xc2\xc8\xc8H\xaf\xde?@|\x80\xbf\xfd\xf6\xdb&gt;}\xfap\xceg\xcf|`\xde;\x7fS\xcbJ}r\xe1\xffo\xd2TM\xb6\x85n\xfebs\xe2\xf8\'\x89\xe8\xad\xb7\xdez\xea\xa9\xa7\xbc\xfa\xef\x8b\xf6\xefu\x10\x00\rF4\xcd\xcc\xcc\xcci\xd3\xa6eff\x12\x91\xd5\xcfr\xdf\xc4\xc4Y3\x1f\xec~sw"N\xd5\xd5\x9a\xc3\xc991\xc6\x88\x91T\xaf\xa3\'\xd6\xc5q\xce\x19#Y\x96)\xc0J\x92\xa5\xe4\xf4\xe9%)\x9f\xbd\x9f\xf2yQ\xf1y"\x8a\x88\x88X\xb4h\xd1\x84\t\x13\xbcw/I\x11\x00S\xa6LY\xbe|\xb9\x9f\x9f9s\xc7\'\xd1=\xa2x\x8d\xe1\xba\xff\x02\'\xe2\x8cjU\xfd\xe6~\x13\x8e\xe6\x15t\xeb\xd6-##\xc3\xcf\xcf\x8f\xbc\xf3"\x00\xed\xdf\x1b!\x00\x1a\x86h\xfd\xcb\x96-\x9b5k\x96\x98\xe3\xba}\xf8-\xf3\xdf\x9c\x1d\x13\x17CN\x87VYM\x8c\xaer=\x03\'\xe2\xba\xae\xeb\xba\xe2\xe7GV\xff\xd23E\xaf\xfc}\xc9\xa2%\xabu\xce\x89(99y\xc1\x82\x05\xde\xf8\x19\xe0\x9c3\xc6\x8a\x8a\x8a\xa2\xa2"\xed\xf6\xca\xa4\x07\xee\\\xb6r\xbev\xb1\xdc\xc8\x17\xf5\x9a\xaa\xc96\xdb\x8a\xf7?\x153\x01\xeb\xd7\xaf\x1f3f\x8c7\x0et\xa0\xfd{)L\xaa4\x00\xd7^\xf6\x0f?\xfc\xf0\xa5K\x97,f\xd3\x827fo\xda\x94\x12\x13\x1b\xa9\x95_\xd4\xabkdE\x96\xe5\xab}\xa0\x15#\x92$IQ\x14\xeet\xaa\xe5e\xcd\xc3C\xdeY&lt;\xf7?k\x17\xb5i\x19AD\x0b\x17.\x9c&gt;}\xba\xd8C\xc6\xbb\xc2[\xd34"Z\xb5j\x95\xdd^)\xcb\xf2\x8c\xa9\xe3\xb9\xee\xbc&lt;\x08`P\x92,\xf1\xea\xca\xbb\xff0\xb2m\x9b\x16\x8c\xb1\x94\x94\xa5\xe4\x85\xdd\x7f\xb4\x7f\xef\x85+\x80\x1bu\xc5\x93L\xc2B\x83\xd6}\xf9\xee\x80!\xb7\xe8\x15\x17\x89\xf3\x1b_\xda\xc89\xd74]\xb1\x85\x14\x9d*\x1cw\xd7\xe3\x19\x07\xff\xef\xf9\x82\xaa\xaa^\xfd\xe7\xca\xed8\xe7N\xa73\xa1w\xef\xec\x9c\x9c~\t\xb1;\xb7\xaf\xa4:\x87\xe4%\x07\xdfxTUSl\xb6g\x9e|y\xde;+\x03\x02\xfc\x0f\x1e&lt;\xd4\xb5kW\xd7T\xaa\xe7C\xfb\xf7j\xde\xd1\xc8&lt;\x96\xa6i\x8a\xa2|\xf4\xd1G\xa2\xf5w\x8b\xea\x98\xb6e\xf9\x80!\xfd\xd4\xb2\x0b\x92\xc4\x1ada;cLQd\xb5\xecb\xabV\xcdS7\xa7\xdc5\xfa6"JIIy\xf4\xd1G\x15E\x11\xddj\xcf\'\xee\x02=x03;\'\x87s~\xf7\x9dC$\x8b\xbf\xae\xe1nOb\x8c\x91\xee\xbc{\xdc0I\x92\xaa\xaa\xaa\xd7\xacYC\x97\xd7Jy&gt;\xb4\x7fo\x87\x00\xb8~b\xb1svv\xf6c\x8f\xcd \xa2p[\xf0\xea\x8f\xe7\xc5%\xf4P\xcb\xca\x1a|Y\x8bbR\xb4\xca*[h\xd0\xaaO\xdfJ\x88\xbb\x89\x88\xde\x7f\xff\xfd\xe5\xcb\x97{\xcbg@\\h~\xf9\xe5\x97\x9c\xf30[\xc8\x1f\'\xdeAuU\xb2a\xee\xfc\xfa\x15\xb2,\xe9\x95\xd5\t\x03\xe2o\xe9\xdb\x831\xb6v\xcd\x1ao\xe9\xfe\xa3\xfd\xfb\x00/hg\x9eIlhe\xb7\xdb\x1fx\xe0\xfe\xaa\xaajE\x917\xfc\xef;\xb1\xbdc\xd5\xb2\x0b\x8a\xd9\xd4\x18?QVd\xbd\xba\xc6\xcf\xac\xa4nJ\xe9\xd4\xa1\rcl\xe6\xcc\x99YYY\xae\xdbd&lt;\x99,\xcbN\xa7c\xc3\x86\x8dD\xd4\xabGd\xabN\xbf\xd3k\x1d\xb8x\x17tM\x97,\xd6\xe1C\xfap\xce\x0fdf\xe6\xe7\xe7{\xfes\x02\xd0\xfe}\x03\x02\xe0:\x89\xee\xcf\x9c9s\xb2\xb2\xb2\x89h\xde\xcbO\xf6\x1b:\xd0YV\xae\x98L\xd4h\xb3*\x92,k5u\xb6\xe6\xe1\x9f.{\xd5\xa4\xc8UUU\x93\'O\x167\xdax\xf2\\\x8eX\xb3q\xec\xd8\xf1\xe3\xc7\x8f\x11\xd1\xed\xc3o!I\xd1u\xcf=\xe0&amp;\xc6\x18#\xdd1rH?E\x96kkkw\xed\xdaE\x1e?\n\x84\xf6\xef\x1b\x10\x00\xd7C\xb4\xfe\xa3G\x8f.]\xba\x9416|H\x9f\xe4?MU+\xcaL\x8d\x7fC\x93\xac\xc8jyE\xdf!\xb7&gt;\xf7t\x12\x11\x1d&lt;xp\xd5\xaaU\x1e\xdea\x14\xc7\xb6y\xf3\xa6\xda\xda:E\x96\x87\xdd\x96@\xba\x13\xdd\x7f\x17IbTS\xdb3\xee\xa66m\x9a\x13\xd1\xfa\xf5\xeb\xc8\xb3\xd7\x02\xa1\xfd\xfb\x0c\x04\xc0u\xe2\x9c?\xf9\xe4\x93N\xa7\xd3b1-z\xebY\xe2\xba\xd4T]\x10Y\x915{\xf9s\xcf\xff\xbf\xe8\xc8\x0e\x92$\xcd\x993\xe7\xfc\xf9\xf3\x92$yl\'H\xd4\xb2\x9d\xbbv\x11Q\x9b\xd6\xcd\xa3\xa2;RM\xad1o\xfe\xfaY\x8c1\xcd\xa9\xf9\x87\x85\xde\xdc+\x9a\x88\x0ef\x1e\xac\xae\xae\x96e\xd9c\xff\xa0\x84\xf6\xef+\x10\x00\xd7L\x0ch\xe4\xe6\xe6\xa6\xa7\xa7\x13\xd1\xc4?\x8c\x8c\x8c\xeb\xae5\xe1^\xf6\x8c1\xaej\xa6\xc0\xc09\xb3&amp;\xeb\xba^TT\xb4f\xcd\x1a\xb1\x91z\xd3\x1c\xc0\xb5\x92$\xc9\xe1p|\x9f\x9bKD\t7\xc7\x04D\x84iN\xcd\x93{\xb8M\x8fsNL\x1e&lt;\xf0f"*)-9}\xfa4y\xea\xb0\x06\xda\xbf/A\x00\\3qG\xeb\xc2\x85\x0bUU\xb5Z\xfd\xe6\xccN\xe2\xce:\xd6\xb4\xfdYY\x91\xf5\xcaK\x13\xff8\xa6[tG\xc6\xd8?\xfe\xb1P\xac\x89n\xcac\xb8J\xa2^\x14\x15\x15\x9d:u\x8a\x88n\xee\x15ML\xf1\xcc\xd2\xe6F\x8c1\xe2j\\\xcfhI\x92jjj\xb3\xb2\xb2\xc8S\x03\x00\xed\xdf\x97 \x00\xae\x8dx\xbaEII\xc9\xda\xb5k\x19\xa3\xf1\xe3\x86F\xc5\xc5\xea\x95\xd5M\xbcn\x8f\x11\xe9N\xcd\x12\x1c\xfc\xf4\xe3\x0fp\xce\x8f\x1c\xc9\xfd\xe6\x9bo&lt;\xb3\x13$\xaa\xd8\x89\x13\'\xec\xf6J"\xea\xd5#\x8a\x08\xdd\xff+I\x12\xa3:GT\x97\xf6\xa1!AD\xf4\xfd\xf7\xb9\xe4\x91\x01\x80\xf6\xefc\x10\x00\xd7F\xb4\xb0={\xf6\x94\x96\x96rN\xf7\xde=\x8as\x9d\xdcQ\xcedY\xe2\xb5\xd5\xa3o\xbf54$H\xd7u1s\xe8\x99%\x83\x88\xb2\xb3\xb3\x88($8(\xe6\xa6NTW\x87\x00\xb8\x02c\x8c;\x9c\xb6\xd6\xcd\xbaviGD\xd9\xd99\xe4\x91\xf3\xc0h\xff&gt;\x06\x01pm\xc4gr\xc3\x86\r\x8c\xb1\xb6mZ\x0c\xbc5\x9e\xd5T\xbbe&gt;\x931\xc6k\x1d-:\xb6\x1d4 \x9e\x88\xd2\xd3\xbfr8\x1c\x1e{\x15\\\\\\LD\xfe\xfe~!!A\xa4i\x9eW\xd9\xdc\x8fs\xaeX\xcc\xe1a!DTRR"FZ\xdc}PWB\xfb\xf71\x08\x80k#\xe63w\xef\xde\xcd9\xef\xdf\'6\xb8E3\xcd\xe1\xb6\x15\x8d:\xe7$)#\x86\xf4!\xa2\xfc\xfc\x1fN\x9c8\xc1\x18\xf3\xb4\xf5pbp 3\xf3 \x11EGu\x08lf\xd3\x9d\xaa\x07\x966\xb7\xd3uNL\xb9\xb9g4\x11\xe5\xe5\x1d\xbdx\xf1\xa2\x07\xaelA\xfb\xf71\x08\x80k \xe63\x0b\x0b\x0b\xcf\x9c9MD\xf1=\xa3\x89d7~B\xc5\xcca\xaf\x1eQ\x92$\xd5\xd6\xd6y\xf8\xcc!]\xde\xe8\xd1\xdd\xc7\xe2\xc9\x98\xe8M\xbb\x1e\xa9\xe8Q\xd0\xfe}\x0f&gt;\x8d\xd7@\xb4\xadS\xa7N\xfd8\x9f\x19\x1b\xe9\xde\xf9L1s\x18\xd9\xa5}Hp\x10\x11\xe5\xe5\x1d%\xcf\xfb\x000\xc6jkk\x0b\xcf\x9e%"[h0\x11\xf3\xac\xe3\xf3,\xdc\x16\x1aLDUUUg\xcf\x9e%\x0f\xfbk\xa2\xfd\xfb\x1e\x04\xc05;q\xe28\x11\x99L\xa6\x88\x08\x1b\xe9n\x1e\xce\xe6\x9a\xee\x1f\xe4\x1f\x1a\x1aHD\'N\x9c \x0f\x9b9\x14\x03\xd9\xd5\xd5\xd5g\xce\x9e!\xa2\xb8\x1e\x91$\x9986\x81\xf89\x8c1"-\xaeg\x14\x11UUU\x9f9s\x86&lt;\xb2\x9c\xa1\xfd\xfb\x12\x04\xc05\x10\x9f\xc6\xfc\xfc|"\xb2\x85\x06w\xed\xdc\x8e\xea\xdc\xb9\xa3\x19c\x8c\xabj`\x84\xadk\xe7vD\x94\x9f\x7f\x8c&lt;\xf2\x03\xc0\x183\x99LD\xa4\xaa\x18\x9f\xfd\r\xaeS$\xce\x98GA\xfb\xf7=\x08\x80kf6\x9b\x89\x88s\xee)\xd3M\x97\x8fD\x1c\x98g\xfaq\x0e\x00\x9f\xcd\xdf\xe2:E\x1e\xd8\xf7\x17\xd0\xfe}\t\x02\xe0\xfay\xceG\xd4s\x8e\x04\x8c\xc3sZ\x9d\xe7\x1c\x89\xd7A\x00\\3UU\x89H\x92\x98IQ\xc8\x13Z\x9e$\x99\x14\x85.\x1f\x98g\x12\x17\xe6\xf8\xa0\xfe&amp;\xd7)\xf2\xd8\xa1\x0c\xb4\x7f_\x82\x00\xb8f\xe1\xe1\x11DTYY}\xfal\t\x99Mn,j\x9cs&amp;\xcb5\x17\xedg\nK\x89(&lt;&lt;\xdc]G\xf2\xeb8\xe7\xaa\xa6\x12\x91\xd9\xf3\xc6\xb5=\x8d\xeb\x14yl9C\xfb\xf7%\x08\x80k :e\xdd\xbbw\'\xa2\xaa\xea\x9a\xa2\xe2s\xa4(\xee\xed\x031Y\xaa\xbdTYXt\x9e\x88\xbaw\x8f!\xcf{\x90\x08\xe7\xdcd2\x85\x04\x87\x10Q\xfe\x89\xd3\xc4\xb1\x11\xd0\xaf\x90\xf2O\x9c&amp;"\x93\xc9\x14\x12\x12B\x1ev\x1d\x80\xf6\xef{\x10\x00\xd7@|\x00Z\xb6la\xb5\xfa\x11\xd1\xd1\x1f\n\x88\xdc\xb9i;\xe7\x9c,\xa6\x93\xa7\x8b*\xab\xaa\x88\xa8m\xdb\xdf\xb9\xebH~\tc\x8cs\x1e\x14\x14\x14\x19\x19ED\xc7N\x9c%\xaezRM\xf3 \x9cs"\xe9\xd8\xf13Dd\xb3\x85FFF\x92G\x06\x00\xda\xbf/A\x00\\\x03\xf1\x01\xe8\xd8\xb1S\x8b\x16-\x88\xe8\xc0\xa1\xef\x89\xb8\x1b?\xa1\xba\xceI2g\xe7\xfc\xe0p8\x15E\x89\x8f\x8f\'O\xbd\xd5V&lt;\xb7\xcf\xcf\xcfL\xcc\x13\x0f\xcfsX\xfd,D\xa4i\x9a\x07nl\x89\xf6\xef{p\xb2\xae\x81\xd8o\xd6j\xb5\xc6\xc5\xc53\xc6\xf6\xec\xcfv\xd8\xed\x92\xe2\xb6[\xf6\xc5\xc4\xea\xb6\x9d\x07\x88\xa8u\xeb\xd6]\xbbv%\x0f\xeb3\xd2\xe5K\xf2\x9e={\x12Q^\xfe\xe9\xca\xf3\xe5L\xc1\xf3\x00~\x86\xd8\xd8\xe0`v\x1e\x11u\xe9\xd2588\xd8\xd3\xf6\x83C\xfb\xf7=\x08\x80k#*\xd7\xd8\xb1c8\xe7y\xf9\x05\x07\xf7g\x93\xd5\xaain\x18v\xe4\x9cKf\xd3\xa5\x92\xd2\xb4m\xfb\x89h\xc8\x90\xc1\x81\x81\x81\x9a\xe6\xa1#\xec\xadZ\xb5$\xa2\x8b\x17\xed\xd5\xf6j\xd6T\x8f\x8e\xf2.L"]SK\xce\x95\x11Q\xb3f\xcd\x14\x8f\x8cI\xb4\x7f\x1f\x83\x8f\xe2\xb5\x11\x17\x98\xb7\xde:(  @\xd3\xb4/\xd6oc\xb2\xc5-\x1fT]\xe3\xcc\xdf\x7f\xe7\x8e\xcc3gK\x88h\xe4\xc8Q\xe4\x91\xeb,\xc5\x0726\xb6\x07\x11U\\\xb2\xe7\xe5\x17\x90\xc5\xacc7\x88\xff\xc69\x97\x14\xc5^Zv\xec\xd8\x19\xf2\xe0\xf9L\xb4\x7f\x1f\x83\x00\xb86\x92$i\x9a\xd6\xa5K\x97!C\x86\x10\xd1\xca\xd5\x1b/\x9c&gt;-\xfb\x99\x9b\xbe\xe51\x89H\xd5\x16,\xfe\x841\xd6\xaaU\xab;\xef\xbc\x93\x88&lt;p\x0bI\x11\x00\x1d:t\xf0\xf3\xf3\xd3u\xfdPV\x1e\x1e\t\xf9S\x9cs\xf2\xb3\x1c?~\xfa\xdc\xf92"\x12s\xe6\x1e\x08\xed\xdf\xc7 \x00\xaeSrr\xb2\xc4Xq\xc9\x85w\xdf[\xc5\xac\x81M|\x15\xaci:\x0b\n\xfc:uG\xda\xb6\xfd\x9c\xf3i\xd3\xa6{\xec\xf5\xaf+\x00Z\xb7jED\x07\xb3\x8e\xbaw\xe6\xd03\xe9:\'I\xc9&gt;\x9c\xefTU\x93\xc9\xd4\xabW/\xf2\xec\xf9L\xb4\x7f\xdf\xe0\xb9-\xccc\xc9\xb2\xcc9\xbf\xed\xb6\xdb\xa2o\x8af\x8c-J\xf9\xbc\xbc\xb0Pj\xeaN\x10g\x8c\xfd\xed\xcd\x0f\x18c\x16\x8be\xd2\xa4\x87\xc8S\xa7\xbf\xc43:\xacVkdT\x14\x11\xed\xcd\xc8v\xd8\xed\x12zj\xffM\xfc\xe9\xbe\xdey\x80\x88\xc2\xc3\xc3:u\xeaD\x9e\xfa\x07E\xfb\xf7%\x08\x80\xeb\xa1\xeb\xba\xa2(\x0b\x16,\xe4\x9c\x9f;_\xfe\x97\x97\xde\x95\x9a\xb0\x13\xa4\xa9\x9a\x1cj\xfb|\xc5\x9a\xafw\x1c\xe0\x9c\xcf\x9e=\xbbS\xa7N\x9a\xa6yl\x87Q\x8ce\'$$\x10\xd1\xf1\x13gO\xfeP\xc0\xac\x16L\x03\xd4\'\xc9\xb2\xd3n\xdf\xf7\xeda"\xba\xe9\xa6nAAA\xe2\xe9+\xee&gt;\xae\x9f\x87</t>
        </is>
      </c>
    </row>
    <row r="38">
      <c r="A38" s="1" t="n">
        <v>36</v>
      </c>
      <c r="B38" t="inlineStr">
        <is>
          <t>rectangle_height_color</t>
        </is>
      </c>
      <c r="C38" t="inlineStr">
        <is>
          <t>What is the missing color of the part denoted with a question mark?</t>
        </is>
      </c>
      <c r="D38" t="inlineStr">
        <is>
          <t>['blue', 'purple', 'yellow', 'red']</t>
        </is>
      </c>
      <c r="E38" t="inlineStr">
        <is>
          <t>purple</t>
        </is>
      </c>
      <c r="F38" t="inlineStr">
        <is>
          <t>There are 7 rectangles in the image with varying colors and lengths. The lengths from left to right are ['medium', 'long', 'long', 'short', 'medium', 'short', 'long']. The colors from left to right are ['blue', 'purple', 'purple', 'orange', 'blue', 'orange', '?'].</t>
        </is>
      </c>
      <c r="G38" t="inlineStr">
        <is>
          <t>We observe that the orange rectangles are of short length and the blue rectangles are of medium length. Hence, the pattern is that the color of each rectangle corresponds to its length.</t>
        </is>
      </c>
      <c r="H38" t="inlineStr">
        <is>
          <t>Based on the pattern that the color of each rectangle corresponds to its length, the missing color of the part denoted with a question mark should be purple.</t>
        </is>
      </c>
      <c r="I38" t="inlineStr">
        <is>
          <t>b'\x89PNG\r\n\x1a\n\x00\x00\x00\rIHDR\x00\x00\x02\x00\x00\x00\x02\x00\x08\x02\x00\x00\x00{\x1aC\xad\x00\x00=\x87IDATx\x9c\xed\xdd{xT\xd5\xbd?\xfe\xcfZ{\xcf%3\x99d&amp;!\tW\xe5~Ql0\xdc\xc4P\xc0"\x02\xadw\x11A\xc1s\x8a\x82\xb5\xa5\x1a\x8f\xb5\xa7\xf6\xf8;\x80&gt;\xad\x05\xb4V[\xbf\xb5 \xa2\xa8\x88U\xeb\xa5\xad\x12\x82\x1e\x81\xaa\x10@\x01!\x01A\xae\x12\x12\x92\x90\xcc$\x99\xc9\xcc\xec\xbd\xd6\xef\x8f]S\x8a\x17B.3{\xcf~\xbf\x9e\xc7\xe7\xd1\x04\'\x1fv&gt;{\xbd\xd7^{\xcd\x1e&amp;\xa5$\x00\x00\xb0\x1f\x9e\xec\x02\x00\x00 9\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a9\xc9.\xc0\x16\xa4\x94m\xf8\xbf\x18c\x1d^I\xdbX\xbd~\x80\xf6H\xe1\xfeG\x00t\n)\xa5\x10BJ\xc9\x18c\x8cq\xde\x96+\xad\x0ey\x91\xb6\xb1z\xfd\x00\xeda\x9f\xfegm\x0b7\xf8Z\xc6\xaf\x9c\x88\x14E9\xfd\xeb\xc1`P\x08\xc1Xk\x8f\xb61w\xf0\xfb\xfd\xa7\x7f\xd1h&amp;\xcey\xe7\xcd,\xac^?@{\xd8\xb0\xff\x11\x00\x1dCJ\xa9\xeb\xba\xaa\xfe\xf3\x8a\xaa\xa1\xa1\xa1\xb4\xb4t\xf3\xe6\xcd\x9f|\xfcI\xed\xa9S\xe5e\xe5\x9a\xae\x9d\xebk\xf6\xef\xd7\xcf\x1f\x08\x8c\x1c9\xa2\xa0\xa0`\xd4\xa8Q=z\xf40\xbe\xaei\x1a\xe7\xbcc\'\x14V\xaf\x1f\xa0=\xbe\xb6\xff\xb7l\xd9\xf2\xf1\xc7\x1f\x9f:u\xaa\xbc\xbc\\\xd7\xf5s}\xcd~\xfd\xfa\xf9\xfd\xfe\x11#L\xdd\xff\x08\x80\x0e\xa0\xeb\xba1e\x88\xc5bk\xd7\xae]\xf5\xdc\xaa\xad\xdb\xb6\x1d=z\xa4\x03\x7f\x84\xdf\x1f\x181b\xf8\xf4\xe97]s\xcd\xd5\xb9\xb9\xb9D\xa4i\x9a\xa2(\x1d2\x9b\xb0z\xfd\x00\xedqf\xff\xafZ\xb5m\xdb\xb6#G:\xb2\xff\x03\x81\xc0\x88\x11#\xa6O\x9f~\xf5\xd5\xe6\xea\x7f\x04@\xbb\x18G\x8f1\x16\x0c\x06\x97/_\xbej\xd5\xf3\x9f~\xba\xab\xe5\xbb\x9e\xb4\xf4@f\xd7\x8c\xf4.\xb9\xd9\xe7y=\x99B\xe8D\xad\xf9}K\xc6\x98\xaek\xc7\xab\xf6\x87#\xa1\x9a\xba/\x1a\x1a\xeb[\xbe\xd7\xadk\xb7[f\xddr\xfb\xed\xb7\x0f\x1a4\x88\x88\x84\x10\xed\x99JX\xbd~\x80\xf68\xa3\xff\x9f\x7f\xfe\xf9]\xbb\xfe\xd5\xff&gt;\x9f\xef\xbc\xf3\xce\xeb\xda\xb5\xeb\xc0\x81\x03\xb3\xb2\xb24Mk\xe5x\xcd\x18\x8b\xc7\xe3\xbbv\xed\xaa\xab\xab\xfb\xfc\xf3\xcfO\x9d:\xd5\xf2\xad\xee\xdd\xbb\xdf|\xf3\xcd\xe6\xe9\x7f\x04@\xdb\xb5L\x1cV\xae\\\xb9x\xf1\x92}\xfb\xf6\x1a_\xcf\x0et\x1b\xd8g\xe4\x85\x03\n{t\x1d\x98\xe9\xeb\xe2rz8W8\xe7t.GZ\x92\xd4uM\xd3b\xa1\xa6\xda\xca\x93\x87\xf6\x1e\xdc\xb2\xf7\xf3\xcd\xc7+\x0f\x18\xdf\r\x04\xb2\xee\xba\xeb\xa7\xf7\xdcsOff\xa6\xa6i-\x97\xae\xb6\xaa\x1f\xa0=N\xef\xff%K\x96\xec\xdd\xfb\xcf\xfe?\xef\xbc\xf3&amp;L\x980e\xca\x94\xfc\xfc\xfc\xae]\xbb\xfa|&gt;UU\xdb0U\x8f\xc7\xe3\xd1h\xb4\xaa\xaa\xaa\xbc\xbc\xfc\xddw\xdf-))\xd9\xb3g\x8f\xf1\xad\xac\xac\xac\x9f\xfe\xd4\x14\xfd\x8f\x00h#\xa3{***\xe6\xcc\x99S\\\\l|\xb1G^\xff\xf1\x97\xcc\x186\xe42_z\x96\x94\xa4iQM\x8f\x0b)\xa8m\x07\x991\xce\x98\xc2\x1d\x0e\x87\x93s5\xd2\xdcx\xe0\xf0\xc7\xef}\xf4\xe2\xde\xcf7\x1b\xaf7h\xd0\xa0\x15+V\x14\x16\x16\x1aw\xa8\xce\xa9G\xad^?@{|m\xff_x\xe1\x85\xf3\xe7\xcf\xbf\xf6\xdaksss\xa5\x94\xcd\xcd\xcd\xb1X\xccX\xfdo\xc38i\xec\xfcq8\x1ciii\x8a\xa2\x84B\xa1M\x9b6=\xfe\xf8\xe3\xeb\xd7\xaf7\xfe\x80\x19\xfa\x1f\x01\xd0\x16Fh\x17\x17\x17\xcf\x993\xa7\xa2\xa2\x82\x88\xf2\xba\x9c\x7fy\xe1\xad\xc3/\xba"\xcd\xedk\x8e6\xe9z\x9c\xfe9\x00\xb6\xf7\x97*\xa5\x94$IJ\xce\x15\x97\xcb#\x85(?\xb0y\xfd\x07\xab\xf6\x1d\xdcJDN\xa7s\xf1\xe2\xc5EEE\xe7\xd4CV\xaf\x1f\xa0=Z\xfa\xff\xb6\xdbn;~\xfc8\x11\r\x180\xe0\xde{\xef\xbd\xf1\xc6\x1b\x03\x81@(\x14\x8a\xc5b\xc6\xf0\xdd!\xfdo\xec\xffQU\xd5\xe7\xf3\xe9\xba^RR\xf2\xe8\xa3\x8f\xbe\xff\xfe\xfbD\xe4r\xb9~\xf3\x9b\xdf$\xb1\xff\x11\x00\xe7\xcc\xe8\x9e\xe5\xcb\x97\xcf\x9b7\x8f\x88\x88\xd1\xb8\x917^9\xf1\xce\x8c\xf4\xecp$$\x84\xce9o\xddZ\xf99\x13B0Fin\x9f\x10\xfa\xfb\x9b\xd7\xfc\xfd\xff\x9e\x8a47\x11\xd1\xdc\xb9s\x97-[\xa6\xebzkZ\xd6\xea\xf5\x03\xb4\xc7\x99\xfdO\xf4\xa3\x1f\xfdh\xe1\xc2\x85yyyuuu\x9dzoV\xd7u\xc6\x98\xb1\xec\xf3\xe4\x93O.Z\xb4\xa8\xa1\xa1\x81\x92\xda\xff\x08\x80sc\\9\xb6t\x8f\xd7\x93q\xe3\xf7\xff{\xcc\xc5W\x85\x9b\x1b4=\xa6\xf0D\xac\xe5\t\xa13\xc6|\xde\xac\xcf\x8f\xee|\xe1\x8dE\xc7+\xf7\xd3\x97=t\xd6y\x84\xd5\xeb\x07h\x8f3\xfa?\x10\x08&lt;\xfe\xf8\xe3\xb3g\xcf\x0e\x06\x83\xb1X,1k\xf1F\x0cdggo\xde\xbc\xf9\x8e;\xee0n;\'\xab\xff\x11\x00\xe7\xe0\xf4\xeea\x8c|\xde\xec\xb93\x96\x0c\xea7:\x18\xaa\xe6&lt;\xd1;\xbat]\xf3z2\x1a\x1aO\xfd\xf1\xc5{\x8e\x1c\xdf-\xe5\xbf\xe6\x11g\xbc\x8d%e\xea\x07h\x8f3F\xff\xbc\xbc\xbc\x97_~y\xfc\xf8\xf1\'O\x9el\xdbm\xde\xf6\x88\xc7\xe3\x81@\xa0\xba\xba\xfa\xba\xeb\xae+--%JN\xff#\x00Z\xcb\xf8\xc5\xac_\xbf~\xd2\xa4ID\x94\xee\xf1\xffl\xde\xb39Y\xbd\xc2\x91\x90\xa2$\xe7&amp;\xbe\x10\xba\xaa:9W~\xff\xec\x8f\xf7\x1f\xdeND\x0b\x17.\\\xb0`\xc1\xd7\xee+\xb0z\xfd\x00\xedqF\xffw\xe9\xd2e\xd3\xa6M\xfd\xfa\xf5\xab\xab\xabs8\x1cI)I\xd34\xb7\xdb\xad(\xca\xd4\xa9S7n\xdcH\xc9\xe8\x7f\x04@\xab\x18\xdbu\xab\xaa\xaa\xf2\xf3\xf3O\x9e&lt;\x99\xe6\xf6\xddy\xcb\xef\xfa\x9e\x97\x1fn\x0e%f\xd9\xe4[\ns8\x9c\x91\xe6\xc6\'W\xcd?V\xb9\x8f\x11+..\x9e4i\xd2\x19\xf3\x08\xab\xd7\x0f\xd0\x1e-\xfd?l\xd8\xb0\xaa\xaa*\xbf\xdf\xff\xfa\xeb\xaf_z\xe9\xa5I\x1c\xfd\r\xba\xae\xbb\xdd\xee`0x\xe5\x95W\xee\xd8\xb1\x83\xb1D\xf7?\xde\x83\xd3*\xc6;\xc5g\xcf\x9e]UUED\xd3\x7f\xf0\xf3A\xfdF\x85#I\x1e=\x89\x88s\x1e\x8fG}\xde\xac\x1f\xde\xf8k\x8f;CJ9{\xf6\xec\xca\xcaJ\xc6\x98\xf1T\x13\x83\xd5\xeb\x07h\x8f\x96\xfe\xaf\xac\xac$\xa2\xdf\xfd\xeew\xe3\xc7\x8fO\xfa\xe8OD\x8a\xa2D"\x91\x9c\x9c\x9c\xe7\x9f\x7f&gt;\x10\x08\x10\xd1\xad\xb7\xde\x9a\xc8\xfeG\x00\x9c\x9d\x91\xc6\xabW\xaf.))!\xa2K\x0b\xae\x1dSpM\xb0\xa1:Y+\'g\xe0\\\tGB\xdd\xf3\xfaO\x9bz/\x11UUU\xdd\x7f\xff\xfd\x9c\xf3\x96k;\xab\xd7\x0f\xd0\x1eg\xf4\xff\x9c9sn\xbd\xf5\xd6\x93\'O&amp;}\xf47\xa8\xaaZ__?t\xe8\xd0G\x1f}TJYYY\x99\xc8\xfe\xc7\x12\xd0YH)\xa5\x94\xf5\xf5\xf5\xa3G\x8f&gt;x\xf0`\xb6\xbf\xfb\xcf\xefX\xa5\xaa.c+K\xb2\xab\xfb\x17!t\xaf\'\xf3O\xab\xef\xddQ\xf6\x9e\xcb\xe5\xda\xb4i\xd3\x88\x11#\x8cG\xd1Z\xba~&lt;(\x02\xda\xe3\x8c\xf3\xb7w\xef\xde\x1f~\xf8\xa1\xdb\xed6\xb6\xe2$\xbb\xba\x7f\xd1u=++\xeb\x86\x1bnx\xe3\x8d7\x12\xd9\xff8\xbb\xce\xc2\xd8\x9c\xbbr\xe5\xca\x03\x07\x0e\x08!.\x1f{kFz\x17M\x8f\x9b\xaa{\x88\x88\x18\xd3\xf4\xf8\xf7\'\xccu8\\\xd1ht\xc1\x82\x05\xc6\xd0o\xf5\xfa\x93]\x16X\xdb\x19\xfd\x7f\xef\xbd\xf7\xe6\xe5\xe5\x19\xef\xf3Jvi\xff\x861\x16\x8b\xc5\x1ex\xe0\x01\x97+\xa1\xfd\x8f\x00\xf86RJc\x91\xee\x99gV2\xc6\xf2rz\x8f\xfc\xce\xd4\xa6HP\xe1\xa6\xbb?\xc9\x19\x8fF\xc3\xe7u\x1fr\xf1\x05\xdf#\xa2\r\x1b6\x96\x97\x97+\x8a\xc29\xb7t\xfd\xb8\x13\x00m\xd6r\xfe\xae\\\xb9\x9216p\xe0\xc0\x993g\xd6\xd5\xd5\x99p\x8f\x19\xe7\xbc\xa1\xa1\xa1\xa0\xa0\xe0\xfa\xeb\xaf\'\xa2\x8d\x1b\x13\xd4\xff\x08\x80oc\xbc/c\xfd\xfa\xf5ee{\xa4\x94\x13\xc7\xdc\xe2qg\x08q\xceO\x06O\x0c\xc6X\\\x8bM\xbct\x96\xcb\x99\x16\x0e7=\xfd\xf4\xd3D\xc49\xb7t\xfd\x08\x00h\xb3\x96\xf3w\xcf\x9e=R\xca\xa2\xa2"\xbf\xdf\xafi\xe7\xfc\xc9\x16\x89\xc19onn\xbe\xe7\x9e{&lt;\x1eOSS\x82\xfa\x1f\x01pv+W&gt;\xcb\x18\xf3g\xe6\xe6_pY$\xda\xc8\x98I\x0f\x1ac&lt;\x1a\x0b\xf7\xeaq\xc1\x80&gt;\xc3\x19c\xaf\xbc\xf2jcc#\x11\x19\xd3\x7f+\xd6\x1f\x0e\x87UU\xc5B\x10\xb4\xc7\xb3\xcf&gt;\xcb\x18\xeb\xd6\xad\xdbu\xd7]\x17\n\x85L\xbb\xbd\x98s\xde\xd4\xd4TPP0n\xdc8\xc6\xd8\xab\xaf&amp;\xa2\xffM:\x16\x98\x81q\xfd\x18\x0c\x06KKK\xa5\x94\x83\xfa\x8e\xcaH\xef\xa2\x9bp\xf5\xfct\x8c8\xb1\x8b\x06\x8d\x97RVT\x1c/++\xd34m\xcb\x96-\x16\xad\x7f\xe7\xce\x9d\x84\x8b\x00h\x93\x96\xf3w\xeb\xd6\xadR\xca\x89\x13\'\xe6\xe6\xe6\xc6\xe3\xa6\xee\x7fc\xd7\xc6UW]%\xa5\xac\xa8\xa8H@\xff#\x00\xbe\x91q\xdc\xb7m\xdbv\xfc\xf8\x17Dta\xffB"I&amp;\xee\x1e"b\xc4\xa3\xf1\xe6A}Fx\xdc\xe9\xba\xaeo\xdc\xb8\xf1\xd3O?=q\xa2\x82\xacY\xff;\xef\xbcCmz\x12/@\xcb\xf9{\xec\xd81"\x9a2e\x8a\xf9\x1b\xc9\xb8cq\xd9e\x97eddh\x9a\xb6v\xedZ\xea\xe4\xfeG\x00|#\xe3\xb8\x1b\x8f\xe9p\xbb&lt;=\xbb\r\x8c\xc7\xa3\xacs\x1e\x93\xd9Q\x18c\xba\x1e\x0b\xf8\xbbv\xc9\xeeED;v\xec\xfc\xe0\x83\x0f\xc8\xb2\xf5o\xdd\xba\x8d\x88\xb0\x13\x14\xda\xc08\x7f\xb7n\xddJD\xe9\xe9\xe9\xf9\xf9\xf9\xcd\xcd\xcd&amp;\xef%\xc6X4\x1a\xed\xd5\xabW\xbf~\xfd\xe8\xcb\xe2;\xb5fS\x1f\x8e\xe42.\x15\xb7m\xdbND\xd9\x81\xee\xfe\x8c\x1cM\x8f\x9b|\x00%"!\x84\xd3\x91\xd6#\xaf?\x11\xed\xdc\xb9\xf3\xed\xb7\xdf&amp;\xa2,\x7f7\xab\xd5?\x80\x88\xca\xcb\xcb\x1b\x1b\x1b\xf1\xa60h\x83/\xcf\xdfmDt\xfe\xf9\xe7\xf7\xe8\xd1\xc3\xe4\xeb?\x06!\x84\xc7\xe3\xb9\xe8\xa2\x8b(!\xfd\x8f\x00\xf8F\xc6&gt;\xdc\xea\xeaj"J\xf7\x06\\.\xaf\x94\xc2\xf4\xe3\'\x11\x11g\xdc\xef\xcb%\xa2\xda\xda\xda\xa3G\x8e\x92e\xeb\xaf\xaf\xaf\x8fD"\xc9.\x07,\xe9\xf4\xf37\'\'\'==\xdd\xf8l/\x933\xde\xfc\xd5\xa3G\x0f"\n\x06\x83\x9d\xdd\xff\x08\x80\xafg\xfc\x1a\x82\xc1\xe0g\x9f}FD]\xbb\xf4\xe1L\xb1\xc6&lt;\x941!\xf4\xae9}\x88\xa8\xba\xbaz\xff\x81\x03d\xc9\xfa{\x13QCC\xa8\xbc\xbc\x9cp\x1f\x18\xce\xd1\x19\xe7\xef\xe0\xc1\x83\x15\xc5\x1a\xfd\xcf\x18\xd3u}\xf0\xe0\xc1D\x14\x0c\x06;\xbb\xffM\xf7\x86\x08S\x91R\xc6\xe3q"\xf2z\xfc\xdc\xac\xbb\'\xbfJ\x92\xf4z\xfcD\xa4i\x9aq\xcdk\xd1\xfa\x85\x10\xa6\xdd\xb5\r\xe6\'\xa54\xfa\';;\xdbB\x0b\x89R\xca\xec\xeclJH\xff[fPH\x16c\x00\x15\xc2b\xc3\x90Qp\xcb\xa7\x0bY\xb4~\xfa\xf2\xf8\x03\xb4\x8d\xd1?\x96\x9bF\xb4\x14\xdc\xd9\xfd\x8f\x00h%\xcb\rC\xec[\xff\xd3\xfc,W0\x98\x97\xe5\xa6\x11\t+\x18\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R\x93]@\xabH)\xdb\xf0\x7f1\xc6:\xbc\x12\x80\xc4C\xffC\'1i\x00H)\x85\x10RJ\xc6\x18c\x8c\xf3\xb6\\\xa9t\xc8\x8b\x00$\x1e\xfa\x1f\x12\xc3\\\x01`\xb4,\x11)\x8a\xa2(J\xcb\xd7\x83\xc1\xa0\x10\x821\xd6\xca\xa9\x901\xf7\xf1\xfb\xfd\xa7\xbf\x88q2p\xce13\x02sB\xffC\x82\x99%\x00\xa4\x94\xba\xae\xab\xaaj\xb4lCCCii\xe9\xe6\xcd[&gt;\xfe\xe4\xe3S\xb5\xa7\xca\xca\xcb5Mc\x8cZy)\xcc\x18#\x92\xfd\xfa\xf5\x0f\x04\xfc#G\x8c(((\x185jT\x8f\x1e=\x8c\xefj\x9a\xc69\xc7\x84\x08\xcc\x03\xfd\x0fIa\x8a\x00\xd0u]Q\x14UUc\xb1\xd8\xda\xb5k\x9f[\xb5j\xeb\xd6m\xc7\x8e\x1ei\xe7\xcb\xd6\xd6\xd4\x10Q\xf1\xda\xb5D\x94\xe9\x0f\x8c\x1c1b\xfa\xf4\xe9\xd7\\sunn.\x11i\x9a\xa6(\nfC\x90t\xe8\x7fH\x96$\x07\x80qI\xab(J0\x18\\\xbe|\xf9\xaa\xe7\x9f\xfft\xd7\xae\x96\xef\xba\xbd\xbe\x8c\x9c\x1e^\x7fn\xa0{?\xb7/ \x84\xc6\xa8u\xfd\xca\x98\xd0\xe2\xd5\x87\xcb\x9a\x1b\xeb\x83\x95\x87\x9bBu\xc1\xfa\xba\xf5\xebK\xd6\xaf/\xf9\xdf\x05\xff;\xeb\x96[n\xbf\xfd\xf6A\x83\x06\x11\x91\x10\x02S!H\x16\xf4?$W2\x03\xc0\x98\xf8\x10\xd1\xca\x95+\x17/Y\xb2o\xef^\xe3\xeb\xfe\xdc\x9e\xbd.*\xec3|bN\xef\x0b\xd3\xb3r\x9di\xe9\x8c+\x9c+\x92$\xb5\xf2\x04 ")\x85\x1e\xd7b\xd1p}u\xcd\xb1\xcf\x8e\xee\xdctd\xc7\xfb\'\x8f\xec\xad&lt;q\xe2\x91G\x1eY\xb1\xe2\x99\xbb\xee\xfa\xe9=\xf7\xdc\x93\x99\x99\xa9i\x9a\xaa\x9a\xe2J\x08l\x05\xfd\x0fI\x97\xb4_\xbc\xd1\xfd\x15\x15\x15s\xe6\xcc)..6\xbe\x98s\xfe\xe0\x82+o\x1fp\xc9T\x8f?\x87\xa4\xd4b\xcd\xba\x16\x8f65H\x92\xad]\xfe&lt;\rc\x9c1\xe6\xf1\xe7\xf4\xcd\xed\xd5\x7f\xd4\x15\xd1\xa6\x86c{&gt;\xda\xfe\xd6\xb2#;6\xd4\xd5\x9dZ\xb4h\xd1\x9a5kV\xacXQXXh\xdca\xc3\xe50$\x0c\xfa\x1f\xcc 9\x01`L:\x8a\x8b\x8b\xe7\xcc\x99SQQAD\xd9=\xfa\x8d\xb8\xf6\xc7\x83\xbf{\x8d\xcb\x9b\x19\x0b7DBu\x8c\x111n\xec_kOc\xeaZ\\\x8fG\xa5\x94\\Q\xfb\x0e\xff^\x9f\x8b\'\x1c\xde\xb1\xa1\xf4\xf5\'\x8f\xee\xfa`\xdf\xbe}\xdf\xfb\xde\xc4\xc5\x8b\x7fSTTd\xec\xbe\xc09\x00\t\x80\xfe\x07\x93HB\x00\x18\xdd\xbf|\xf9\xf2y\xf3\xe6\x11\x11#\xca\x9f\xfa\x9fco\xf9\xb9\xd7\x9f\xdb\xdcX\x1f\t\xd5rE\xe1\xa7m_k\'\xc6\x181\xc5\xe8\xebhS\x88\x88\xf5)\xf8\xde\xf9\xc3\xc6\x7f\xf2\xb7\x15\x1f\xbc\xb4$\x1an\xbc\xe7\x9e{\xca\xca\xca\x96-[\xa6\xeb:6\xc9AgC\xff\x83y$\xfa\xfe\x8f\xb1\xd7\xad\xa5\xfb\xd3|\xfe\xef\xff\xd7\xff\x9b&lt;\xffQ\xd5\xe1\x0e\x07k\x88\x88+\xea9,t\x9e#\xc6\x15\xc6ysS0\x1ei\x1au\xfd\xfc\xe9\x0f\xbd\x9a\xdb\xfb\x02"2\xeaQ\x14EJ\xd9\xb6w]\x02\xb4\x06\xfa\x1fL%\xa1\x01`\xac{\x1a\xdd\xc6\x88\xbc\x81\xdc\xeb\xfeg\xd5E\x97\xcf\x0c\xd7\x9d\x94B\xe7J\x82.G8W\x18\xe7MuU]\xfb\x0f\xbb\xf1\xc1?w\x1bX\xc0\xbe&lt;\x078\xe7\xc6\xb50@\x87C\xff\x83\xd9$.\x00\x8c\xee_\xbf~\xbd1\xf7qgd\xcd|\xf8\xcd\x1eCF6\x9d\xaa\xe4\xaa\x83\x12~\xe1\xc9UGsc\xbd3-}\xe6\xc3o\xf4\x1c:\x86\x88\x96/_\xbeh\xd1"EQ4MKp1\x90\xf2\xd0\xff`B\t\n\x00!\x84\xa2(UUU\xb3f\xcdb\x8c\xb9\xd33\xaf\xfb\xe5\xb3\x81n}\x9a\x1b\x83\\u$\xa6\x86\xaf\xe2\x8a\xaa\xc7\xa3R\xc8\xab\xef[\x96\xd7w(#Z\xb4hQII\x89\xaa\xaa\xba\xae\'\xab*H=\xe8\x7f0\xa7\x04\x05\x80\xf1N\xf7\xd9\xb3gWUU\x11\xd1\xc4\xb9\xbf:/\xff\xbb\xcd\ru\t\xbb\xec\xfd&amp;\x8c+z,\x92\x96\xd9\xe5\xca{\xff\xe8J\xf7K)g\xcf\x9e]YY\x89[a\xd0\x81\xac\xd8\xffX\x0b\xb2\x83D\x04\x80q\xf1\xbbz\xf5\xea\x92\x92\x12"\xba\xe8\xf2\x9b/\x9atsSme\x12\xe7&gt;\xa7c\x8a\x1am\xac\xefr\xfe\x90\xef\xdd\xf6 \x11UUU\xdd\x7f\xff\xfdJ\xc7m\xc3\x00\x9b\xb3b\xffs\xceq7\xd8\x0e:=\x00\x8c\xa7\xd1\x9e:u\xea\xc1\x07\x1fd\x9c\x07\xba\xf5\x1e\xff\x1f\x0f47\xd4\'}\xees:\xae:\xc2\xc1\xda\xa1\x97\xcf\x188\xe6\xfb\x8c\xe8\xa5\x97^*--my4#@\x9bY\xb4\xff\xb7n\xdd\x8a\x1b\xc2v\xd0\xe9\x01`l.^\xb9r\xe5\x81\x03\x07\xa4\x10#\xaf\xfd\xb1\'\x90\xabk\xb1\xc4\xdf\xf5\xfav\x8c1=\x1e\x1bs\xd3\x7f)NW4\x1a]\xb0`A\xeb\x9f\xbe\x0b\xf0M\xd0\xff`f\x9d\x1b\x00RJEQ"\x91\xc83+W2\xc6\xb2{\xf4\x1b2\xfez3,}~\x15\xe3&lt;\x16i\xcc\xeb\x9f?p\xcc\x95D\xb4q\xe3\xc6\xfd\xfb\xf7\xa7\xa7\xa7c\x12\x04mf\xdd\xfe\xdf\xb0qcyy\xb9\xa2(\xe8\xff\xd4\xd6\xb9\x01`&lt;cd\xfd\xfa\xf5e{\xf6H)\x87_\xf3#Wz\xa6\xd0M\xba\xc9\x8c1\xae\xc7\xa2#\xae\xfd\x91\xd3\xed\t\x87\xc3O\xafX\xe1v\xbb\x05\xb6C@[Y\xb8\xff\x9b\x9a\x9e~\xfai"B\x00\xa4\xb6D\xdc\x04^\xb9\xf2Y\xc6XFv\xd7\x81c\xbe\x1f\x0b7pn\xd2\xfb\xab\x8c\xf3X\xa4\xa9k\xff\xfc^\x17\x8ea\x8c\xbd\xf2\xca+UUUN\x97+\xd9u\x81\xb5Y\xb4\xff\xff\xfc\xca\xab\xe1pXUU,\x04\xa5\xb0N\x0c\x00\xe3\xfa7\x18\x0c\x96n-\x95R\x9e\xf7\x9d\xefz\xfc9z&lt;n\xb6\xd5\xcf\x7f\'\x89X\xbf\xd1\x93\xa5\x94\xc7\x8e\x1e\xdb\xbe}\xbb\xc7\xe3IvI`IV\xef\xff\x13\x15\xc7w\xee\xdcI\xb8\x08Hi\x9d\x18\x00F\xdfl\xdb\xb6\xed\xf8\x17_\x10Q\x9f\xe1\x13I\x9a\xbb\xf9\x898W\xb4h\xe4\xbc\x8b\xc6\xba&lt;\xe9\x9a\x16\x7fg\xedZ\xa7\xd3\x99\xec\xa2\xc0\x92,\xdd\xffn\x8fO\xd7\xf5w\xdey\x87\xbe\xfc\xd4\x1aHI\x9d{\x05@D\xa5\xa5\xa5D\xe4J\xf3\xe6\xf6\xb9P\x8b73f\xee\x8f\x1fbL\x8fG}9=\xfc\xddz\x13\xd1\xd6\xad[\xe3\xf18\x11\x11\xe1\x1c\x80sc\xe9\xfe\x0ft\xefMD[\xb7n#"|dX\n\xeb\xc4_\xad\xf1f\xdam\xdb\xb6\x13Qfn\xaf\xf4\xecn\xa6\xbf\xfe%"\x12B8\\i9\xe7_@Dee\xe5\xc6[71\x07\x82se\xe9\xfe\xefb\xf4\x7fyycc#\xde\x14\x96\xc2:7\x00\xa4\x94\xd5\xd5\xd5D\xe4\xc9\xccv\xa6y\xa5\xb0\xc4\x8e\x1a\xc9\xb8\xe2\xcb\xeeFD\r\r\r\xcd\xcd\xcd\xc9\xae\x07,\xc9\xd2\xfd\x9f\x9e\xdd\x8d\x88\xea\xeb\xeb#\x91H\xb2\xeb\x81N\xd4Y\x01 \xa5\xe4\x9c\x07\x83\xc1}\x9f}FDY=\x072n\x8d\xed\x04\x8c1\xa1k\xd9\xbd\x06\x12\x11\xe7\xf8\x9c&lt;h\x0b\xcb\xf7\x7f\xcf\x01D\xd4\xd8\x10*//\'\xdc\x07N]\x9d\xfeF0c\r\xdd\xed\x0b0\xce-\xb3\x92.\xa5\xdb\x97E\xb8\xfd\x05\xedc\xf5\xfe\x17B\xe0\xd1\xd0\xa9\xad\xd3o\xef\x183h),\xd6F\x96+\x18\xcc\xc9\xea\xfd\x8f+\xe0\xd4\x96\xb0\xfb\xfb\x96k#\xcb\x15\x0cff\xb9v\xb2\\\xc1\xd0\x16\xd8\xe0\x05\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R\x93]\x00@\xa7\x93R\xb6\xe1\xffb\x8cux%\xf6\x84\xe3oZ\x08\x00HARJ!\x84\x94\x921\xc6\x18\xe3\xbc-W\xba\x1d\xf2"\xf6\x84\xe3o\x15\x08\x00H\x1d\xc6\x90AD\x8a\xa2(\x8a\xd2\xf2\xf5`0(\x84`\x8c\xb5r*j\xcc=\xfd~\xff\xe9/b\x0cF\x9cs\xccL\xbf\t\x8e\xbf\xe5 \x00 \x15H)u]WU\xd5\x182\x1a\x1a\x1aJKK\xb7l\xde\xfc\xf1\'\x1f\x9f:u\xaa\xbc\xacL\xd75"F\xd4\xca\xb5\x08FD\xfd\xfa\xf5\xf3\x07\x02#F\x8c,((\x185jT\x8f\x1e=\x8c\xefi\x9a\xc69\xc7\x84\xf4t8\xfe\x16\x85\x00\x00\xcb\xd3u]Q\x14UUc\xb1\xd8\xda\xb5kW\xadzn\xdb\xd6\xadG\x8e\x1ek\xe7\xcbV\xd7\xd4\x12\xd1\xda\xb5\xc5D\x14\xf0g\x8e\x181r\xfa\xf4\xe9W_sMnn.\x11i\x9a\xa6(\nf\xa3\x84\xe3oe\x08\x00\xb00cIAQ\x94`0\xb8|\xf9\xf2\xe7\x9f_\xb5k\xd7\xa7-\xdf\xf5y\xdd\xe7\xe7f\xe4ey\x86\xf4\xf0ge\xbau]0j\xd5x\xc1\x18\xc55\xf1\xc9\xc1\x9a\xfa\x86\xe8\x81\x13\xf5\xb5\xc1p]}\xb0d\xfd\xfa\x92\xf5\xeb\x17,\xf8\xdf\x9bo\x99u\xfb\xed\xb7\x0f\x1a4\x88\x88\x84\x10v\x9e\x8a\xe2\xf8[\x1d\x02\x00\xac\xca\x98x\x12\xd1\xca\x95+\x97,Y\xbcw\xef&gt;\xe3\xeb\xe7\xe5eN\x1c\xd6s\xea\xc8\xde\x17\xf7\xcb\xe9\x9e\xed\xf5\xa49Ia\xc4Yk\x97\x1fZhB\x8bi\x95u\xe1=Gk\xd7}|l\xdd\xf6\xa3\xbb\x0f\xd5T\x9c\xa8|\xe4\x91G\x9eY\xb1\xe2\xa7w\xddu\xcf=\xf7dffj\x9a\xa6\xaav&lt;\x8fp\xfcS\x00\x0e\x1cX\x921\xfaTTT\xcc\x993\xa7\xb8\xb8\xd8\xf8\xe2\xd0&gt;9w]\x9b\x7f}a\xff\xec\x80\x87\xa4\xd4cz\\\xd3\x9b\x9a\xa2\xa2\xad\xdb\x109c]\x03\x9e\x9ey\x19\x93/\xe9\x17i\x8an\xf8\xf4\x8b\xdf\xbe\xf6I\xc9\xf6\xa3\xa7\xea\xea\x16-Z\xb4f\xcd\x9a\x15+V\x14\x16\x16\x1aw8m\xb5\x1c\x81\xe3\x9f\x1a\x10\x00`=\xc6\xa4\xaf\xb8\xb8\xf8\xb69s\x8eWT\x10\xd1\xa0^Y?\xbb\xb1`\xc6\xf8A\xe9&gt;W4\x1ck\x08E\x18c\x9c\x111\xc69\xe3\xad[y\xf8Z1Mo\x8e\xebRJU\xe1SF\xf6\x992\xbcw\xf1\xf6#K\xfe\xbc\xed\xbd\x1d\xc7\xf6\xed\xdb7\xf1{\xdf\xfb\xcd\xe2\xc5EEE\xc6\xee\x17\x9b\x8cA8\xfe)\x03\xcbg`1\xc6\xe8\xb3|\xf9\xf2)S\xa6\x1c\xaf\xa8 b?\xb9*\xff\xc3\xdfM\xbf\xfd\xaa|\x85QC0\xa2\xebRU\xb8\xc2;fN\xc8\x18S8S\x15ND\x8dM\xd1\xa6Hl\xf2\xa8\xde\xeb\x16_\xff\xbb;\xc7gx]\xd1X\xec\x9e{\xee\x997o\x1e\xe7\xdc\xd8\xa7\xd8\xfe\xbf\xa0\xc9\xe1\xf8\xa7\x12\x04\x00X\x89\xb1\xd7p\xf9\xf2\xe5\xf3\xe6\xcd#\xa2,_\xda\xea\xfb\xa7\xfc\xe1\xbf.\xf7:\xd5\x86\xfa0\x11\xa9\n\xef\xbcY\xa0\xc2\x19\xe7\xac\xb11\xda\x1c\x89\xdf}\xd3\xc8w\x97\xdc\x90\xdf7\x87\x88\x19\xf5(\x8a"\xa5L\xed1\x08\xc7?\xc5 \x00\xc02\x8cu\xe7/G\x1f\xd6-\xcb\xfb\xb7\x07\xaf\x9a9\xe5\xc2P]X\x17\xd2\x98$&amp;\x801\x0c\x85N5\x8d\x18\x98W\xb2\xf8\xfaK\x06\xe7\x11q\xa3*c\x1e\x9a\x982\x12\x0f\xc7?\xf5 \x00\xc0\x1a\x8c\xd1g\xfd\xfa\xf5\xc6\xdc\xb3K\xa6\xfb\x1f\x8fM\x1f3\xb4G\xa8\xb6\xc9\xa1v\xe2\xac\xf3\x9b8T\xde\xd0\xd8\x9c\xe9qn|l\xfae\xf9\xdd\x89h\xf9\xf2\xe5\x8b\x16-R\x14E\xd3\xb4DW\xd3\xf9p\xfcS\x12\x02\x00,@\x08\xa1(JUU\xd5\xecY\xb3\x18c\x01\x9f\xfb\xcdEW\xf7\xed\xeeohlv\xa8I\xebaU\xe1\xb1\xb8.\xa5\\\xf3??(\xe8\x9fK\xc4\x16-ZTRR\xa2\xaa\xaa\xae\xeb\xc9\xaa\xaa3\xe0\xf8\xa7*\x04\x00X\x83\xae\xeb\xb3g\xcf\xae\xac\xaa"\xa2\'\x7fr\xd9\xa5\x17\xf7\n54\'l\xd9\xe1\x9b(\x9c\xc5\xa2zn m\xf5\xfdS\x03&gt;\x17Iy\xeb\xec\xd9\x95\x95\x95\xa9\xb7\x1d\x05\xc7?%!\x00\xc0\x02\x1c\x0e\xc7\xea\xd5\xabKJJ\x88h\xee\xd4\xa13\xa7\\h\xac&lt;$\xbb.""Ea\xa1\x86\xe8\xa0\xbe]\x9e\xb8s\xbc$\xaa\xac\xaa\xba\xff\xfe\xfbO\x7f\x8aY\n\xc0\xf1OU\xa6\xf8\x15\x02|\x13cSGmm\xed\x83\x0f&gt;\xc89\xeb\xd7\xdd\xff\x9b\xdb\xc66\x9b`\xeey:\x87\xca\x1b\xeb\xc3\xb3&amp;_x\xfd\xd8\x01D\xec\xa5\x97^*--my4\xa6\xa5\xe1\xf8\xa76\x13\xfd\x16\x01\xbe\xca\xb8\xa1\xb7b\xc5\xd3\x07\x0e\x1c\x10B\xfe\xe2\xc6\x11\x81,O\\\xd3\xcdv\x89\xcf\x18\xd35}\xd1\xac\xd1n\xa7\x12\x8dF\x17,X\xd0\xfa\xa7\x1f\x9b\x99\xd5\x8f\x7f\n\xfc\n:\x15\x02\x00L\xcd\xe1p\x08!V\xae\\\xc9\x18\x1b\xd4+k\xe6\xc4A\x11\x93M?\r\x9c\xb3H86t`\xee\xb4\xef\x0e \xa2\x8d\x1b7\xee\xdf\xbf?==\xdd\xea\x93P\x1c\xff\xd4f\xba_$\xc0\xe92226m\xda\xb4w\xef&gt;)\xe5\xcfn(\xf0\xa6\xbb4\xdd\xa4\xa74cL\x8f\xe9\xf7M+\xf0\xba\x9d\xe1px\xc5\x8a\xa7\xddn\xb7\xd5\x07 \x1c\xff\xd4\x86\x00\x00Sc\x8c\x19\xd3\xcf\xee]|7\x8c\xed\x1f\r\xc7\x14\xb3&gt;\xfe\x97s\x16\x89\xc4\xbe30o|~O\xc6\xd8\xab\xaf\xbcRUU\xe5r\xb9\x92]W\xbb\xe0\xf8\xa76\x93\xfe.\x01\x0c\xc7\x8f\x1f\xdfZ\xbaEJ9\xe9\xe2^\x81\x80\'\x1e7\xdd\xea\xf3\xe9$\x111\xbavL_)\xe5\xd1\xa3\xc7\xb6o\xdf\xee\xf1\xa4%\xbb\xa8v\xb1\xfe\xf1\xf7$\xbb(SC\x00\x80y\xa9\x8a\xfa\xd1G\x1f\xed\xdf\xbf\x9f\x88~0\xaa7\x11\x91\x99\x87\x1f"\x85s-\xaaM\xcc\xef\xe9\xf3\xb8\xe2\x9a\xb6v\xed;N\xa73\xd9E\xb5\x9d\xa2\xe2\xf8\xa78\x04\x00\x98\x97\xc3\xe9\xdc\xb6m[\\\xd3\xd3\\\x8ea}s\xf4\x98\x96\x84g\x0e\x9c\x0b\xc6(\x16\xd3{\xe5\xf9\x06\xf4\xf0\x13\xd1\xb6\xad[\xe3q\x8dZ\xfdI\xb8f\xe3t\xa4\xc0\xf1\x8f\'\xbb(SC\x00\x80y\xc5b\xb1m\xdb\xb6\x12Q\xef&lt;_\xf7.\xe9&amp;_\x7f0\x08!\x1c.\xc7w\xfad\x13QYYYUU\x15\x11\x9157#\xc6\xe2)r\xfc\xb1\x19\xf4\x9b \x00\xc0\xbc\x84\x10uu\xf5D\x94\xe7O\xf3z\x9c\xba\xb0\xc0i,\x89\x88\xb3\x9e]|D\xd4\xd0\xd0\xd0\xdc\xdc\x9c\xec\x8a\xda\x0e\xc7?\xe5!\x00\xc0\xd4\x8c-\xe7\x17\x9e\xdf\x85\xb85\xdeW\xc5\x18#!.&lt;/\x8b\x88\x18\xe7V\x7f(\r\x8e\x7fjC\x00\x80\x05dg\xb8\x893\x0b\x0c?\x06I\xd9\x19nJ\xa1\x95\x07\x1c\xffT\x85\x00\x00\x0b\xd0t\x8b\x9d\xc9\x96+\xf8\xdbY\xee\xafc\xb9\x82\x93\x05\x01\x00\x16`\xb9\xebx\xcb\x15\xfc\xed,\xf7\xd7\xb1\\\xc1\xc9\x82\x00\x00\x00\xb0)\x04\x00\x00\x80M!\x00\x00\x00l\n\x01\x00\x00`S\x08\x00\x00\x00\x9bB\x00\x00\x00\xd8\x14\x02\x00\x00\xc0\xa6\x10\x00\x00\x006\x85\x00\x00\x00\xb0)\x04\x00\x00\x80M!\x00\x00\x00l\n\x01\x00\x00`S\x08\x00\x00\x00\x9bR\x93]\x00\x00\x805\xc8\xd3\xb4|\x91\x9d&amp;\x89\xb5\xb5\r\x02\x00\x00\xe0\xdb\x08!\x84\x10\x8a\xa28\x9dN\xa7\xd3\xa9(\n\xe7\x9c\xb1\x7f~D\x9a\x10"\x16\x8bE\xa3QM\xd3\x18c\x9c[iY\x05\x01\x00\x00\xf05\xa4\x94\xba\xae\xab\xaa\xea\xf3\xf9\x9cNgcccEE\xc5\xd1\xa3G+++kjj\x8cO\x1b\xf6z\xbdyyy\xbd{\xf7\xee\xd3\xa7Ovvv&lt;\x1eohh\xe0\xd6\xf9(J\x04\x00\x00\xc0\x99\xa4\x94.\x97\xcb\xe3\xf1\x04\x83\xc1\x8d\x1b7\x16\x17\x17o\xd8\xb0a\xff\xfe\xfd\xf5\xf5\xf5_\xfd\xc3\x0e\x87\xe3\xfc\xf3\xcf\xbf\xec\xb2\xcbn\xbe\xf9\xe6\xc2\xc2\xc2h4\xda\xdc\xdc\xac(J\xc2\xab&gt;g\x08\x00\x00\x80\x7f#\xa5T\x14\xe5\xd8\xb1c\x7f\xf9\xcb_^~\xf9\xe5]\xbbv}\xfb\x9f\x8f\xc7\xe3\x07\x0e\x1c8p\xe0\xc0\xf2\xe5\xcbg\xcc\x98\xf1\xab_\xfd\xaag\xcf\x9e\xa1P\xc8\xfc\x19\x80\x00\x00\x00\xf87\xba\xae\x07\x02\x81\x87\x1f~x\xf1\xe2\xc5-_d\x8c\xf5\xed\xdbw\xd0\xa0A\xfd\xfa\xf5\xcb\xc9\xc9IKK\x93R\xd6\xd7\xd7\x1f:th\xc7\x8e\x1d\xe5\xe5\xe5D\xa4(\xca\x9a5k&gt;\xfc\xf0\xc35k\xd6\x0c\x1f&gt;\xdc\xfc\x19\x80\x00\x00\x00\xf87\x9c\xf3H$2c\xc6\x8c\xa5K\x97\n!.\xb8\xe0\x82k\xaf\xbdv\xf2\xe4\xc9C\x86\x0c\xf1\xfb\xfd\x0e\x87\x83\x88\x8c;\xc0\x8c1]\xd7C\xa1\xd0\xb6m\xdb\x9ex\xe2\x89\xbf\xfd\xedo\x0e\x87\xe3\xe8\xd1\xa3\xd7\\s\xcd\xfb\xef\xbf\xdf\xbbw\xefH$b\xe6\xdb\xc2\x08\x00\x00\x80\x7f\xc39onn\x1e8p\xe0/~\xf1\x8b\x01\x03\x06\\w\xddu\x99\x99\x99\xd1h4\x12\x89\x04\x83\xc1\xd3\xf7\x80\x12\x11cLQ\x94\xf1\xe3\xc7O\x9c8\xf1\xa9\xa7\x9e\xba\xfb\xee\xbb\x9dNguu\xf5O~\xf2\x93w\xdey\'Y\x7f\x85VB\x00\x00\x00\x9c\x891\xd6\xdc\xdc\xbcp\xe1B\xc6Xcccuu\xb5\xb1\xb7\xe7\x9b\x96tB\xa1\x90\x94\xf2\xc7?\xfe\xb1\x94r\xfe\xfc\xf9\xaa\xaa\xbe\xff\xfe\xfb\x7f\xff\xfb\xdf\xaf\xb9\xe6\x9a\xfa\xfaz\xd3.\x04\x99\xf7\xda\x04\x00 \x89\x18c\xc1`\xb0\xbe\xbe^\x08\xa1\xaa\xea\xb7o\xeeT\x14EQ\x94\xea\xea\xea;\xef\xbcs\xe2\xc4\x89\xc6{\x02V\xaf^m\xf2\xfd\xa0\x08\x00\x00\x80\xafg\x0c\xeb\xad\x1c\xc4\x8d?&amp;\xa5\xbc\xed\xb6\xdb\x8c\x7f)--\xad\xae\xaev8\x1cg\xac\x1a\x99\x07\x02\x00\x00\xa0c(\x8a\x12\x89D\n\n\n\xbc^/\x11UVV~\xf1\xc5\x17N\xa7\x13\x01\x00\x00\x90\xfa4M\x0b\x04\x02yyy\xc6\xbf\xd7\xd6\xd6*\x8a\x82\x00\x00\x00Hq\xc6\x03\x82\x1c\x0e\x87\xc7\xe31\xbe\x12\x8dF\xcd\xbc\r\xd4\xbc\x95\x01\x00X\x8b\x94\x921&amp;\x84\x88\xc7\xe3\xc6WTU5\xed\xf4\x9f\x10\x00\x00\x00\x1d\x88s\x1e\x0e\x87\xeb\xea\xea\x8c\x7f\xf7\xfb\xfd\xba\xae\x9bv/\x10\x02\x00\x00\xa0cH)\x9dN\xe7\xd1\xa3Gkkk\x89(\x10\x08t\xef\xde=\x1e\x8f#\x00\x00\x00R\x9c\x10\xc2\xedv\xbf\xf7\xde{\xc6\xac\x7f\xe8\xd0\xa1\xdd\xbau\x8b\xc5b\x08\x00\x00\x80Tf\xdc\xfe\xad\xa9\xa9Y\xb9r\xa5\xf1\x9f\xd7]w\x9d\xd3\xe9\x14B$\xbb\xb4o\x84GA\x00\x00t\x00M\xd3rss\xef\xbd\xf7\xdeC\x87\x0e1\xc6z\xf5\xeau\xd3M7\x99\xfc\x81\xa0\xb8\x02\x00\x00h\xafx&lt;\x9e\x9b\x9b\xfb\xdcs\xcf=\xf6\xd8c\xc6[\x7f\x1f|\xf0\xc1\x9c\x9c\x1c3\xaf\xff\x10\x02\x00\x00\xa0=\xa4\x94\xc6\xdc\xff\x85\x17^\x98;w\xae\xc3\xe1\x88\xc7\xe3\xff\xf9\x9f\xff9k\xd6\xac\xba\xba:U5\xf5*\x0b\x02\x00\x00\xa0\x8d\x84\x10\x8c\xb1\x9c\x9c\x9c\xdf\xfe\xf6\xb7\xb7\xdez+\x11\xc5b\xb1+\xaf\xbc\xf2\xf7\xbf\xff\xbd\xf1\xe1\xc0\xc9.\xf0,L\x9dN\x00\x00\xa6\xa5i\x9a\xd7\xeb\x15B\xdcy\xe7\x9dO=\xf5\x941\xf7\xbf\xf1\xc6\x1b\x9fy\xe6\x19]\xd7u]7\x7f\x00\x98\xbd&gt;\x00\x00\x132\x9e\xf9s\xec\xd8\xb1\xa9S\xa7&gt;\xf5\xd4S\x8a\xa2\xc4\xe3\xf1\xa2\xa2\xa2\xe7\x9f\x7f^\xd34M\xd3\xcc?\xfa\x13\xae\x00\x00\x00\xce\x95\xa6iYYY\x9b6m\xba\xe5\x96[***\x88\xc8\xe1p\xfc\xe1\x0f\x7f\xb8\xe3\x8e;\xea\xea\xea\xa4\x94\x96\x18\xfd\t\x01\x00\x00pN\x8c\x8f\x8c\x7f\xf7\xddwo\xb8\xe1\x86\xc6\xc6F"\xea\xdf\xbf\xff\xb3\xcf&gt;[XXX]]\xad(\x8aUF\x7fB\x00\x00\x00\xb4\x9e\x10\xc2\xeb\xf5\xee\xde\xbd\xfb\xa6\x9bnjjj"\xa2\xc2\xc2\xc25k\xd6\xe4\xe6\xe6\x9e&lt;y\xd2\xf8\xbcx\x0bA\x00\x00\x00\xb4\x16\xe7\\\xd7\xf5;\xee\xb8\xa3\xbe\xbe\x9e\x88.\xb9\xe4\x92\xb7\xdez\xcb\xe5r\x05\x83A\xcb\x8d\xfe\x84\x9b\xc0\x00\x00\xad\xa4\xebzFF\xc6k\xaf\xbdVZZ\xca9\xef\xda\xb5\xeb\x0b/\xbc\x90\x96\x96\x16\x0e\x87M\xbe\xdf\xff\x9b \x00\x00\x00Z\xc5x\xd6\xbf\xf1Q\xefB\x88_\xfe\xf2\x97\xfd\xfa\xf5khh\xb0\xe8\xe8O\x08\x00\x00\x80\xd60\x9e\xf5v\xe2\xc4\x89\x1d;vH)\xbbv\xedz\xfd\xf5\xd7\x07\x83A\xeb\x8e\xfe\x84\x00\x00\x00h\x8d3\x9e\xf5\x7f\xc9%\x97\xe4\xe5\xe5\x99\xf9Y\xff\xad\x81\x00\x00\x008;)\xa5\xaa\xaa\'O\x9e\xd4u\x9d\x88\x86\x0c\x19b\xf2\x8f{l\r\x04\x00\x00@\xabp\xce\x8d\xcd?D\xd4\xad[7\xe3\x13\x80\x93ZQ{Yx\xf5\n\x00 \xc1\xa2\xd1\xa8\xf1&gt;\xaf\x8c\x8c\x0c3\x7f\xd2K+!\x00\x00\x00Z\x851\x16\x8b\xc5\x8cq?\x05\xa6\xff\x84\x00\x00\x00h\r\xceycc\xe3\xe4\xc9\x93\xdf|\xf3M"\x1a2dHSS\x93\x85\x9e\xfa\xf0\xb5\x10\x00\x00\x00g\xc7\x18\x8b\xc7\xe3={\xf6\xec\xdf\xbf?\x11E"\x11\xabo\x01"\x04\x00\x00@+\x19K@\xcd\xcd\xcdD\xc49\xb7\xfa\xe8O\x08\x00\x00\x80\xd6c\x8c\x99\xf9C\xde\xcf\x95\xb5\x17\xb0\x00\x00\x12LJ\x99\x02\xfb\x7f\x0c\x08\x00\x00\x80\xd6\x12B8\x9dN\xb7\xdb-\xa5\xb4\xfa\xbb\xc0\x08\x01\x00\x00\xd0J\x8c\xb1\xf4\xf4\xf4\x8a\x8a\x8a\x83\x07\x0f:\x1c\x0e\xa7\xd3i\xf5\x0c@\x00\x00\x00\x9c\x9d\xf1,\xa0\xff\xfe\xef\xff\x1e9r\xe4\xe8\xd1\xa3\xaf\xba\xea\xaa\xea\xeaj\x87\xc3a\xe9\x0c@\x00\x00\x00\x9c\x85\x10"==\xfd\xa3\x8f&gt;z\xfc\xf1\xc7C\xa1P4\x1a\xdd\xb0a\xc3\x1f\xff\xf8\xc7\xf4\xf4t\xe3\xd1@\x16\x85]@\x00\x00ga&lt;\tn\xef\xde\xbd\x8a\xa2\x18\xbb?\x19c\xe5\xe5\xe5\xba\xae[z3(\xae\x00\x00\x00Z\xc5\x98\xefs\xce\x15E\x11Bx&lt;\x1e\xab\xbf\x13\xd8\xda\xd5\x03\x00$\x00\xe7\xbc\xa9\xa9i\xdc\xb8qyyy\xb1X,\x1a\x8dJ)o\xb8\xe1\x06K\xaf\xff\x10\x96\x80\x00\x00\xce\xcax\x0fp\xd7\xae]\xdfz\xeb\xad\xe7\x9e{.\x1c\x0e_q\xc5\x15W]uUCC\x83\xa5\xdf\x17\x86\x00\x00\x008;\xcey8\x1c\x1e:t\xe8\x1f\xfe\xf0\x07\xe3\xbd`\xa1P\xc8\xd27\x00\x08\x01\x00\x00\xd0J\x9c\xf3H$\xd2\xd4\xd4d\x8c\xfb\x96\x9e\xfb\x1b\x10\x00\x00\x00\xad\xc59\xb7\xfa\x8d\xdf\xd3\xa5\xce\xdf\x04\x00\x00\xce\t\x02\x00\x00\xc0\xa6\x10\x00\x00\x006\x85\x00\x00\x00\xb0)\x04\x00\x00\x80M!\x00\x00\x00l\n\x01\x00\x00`S\x08\x00\x00\x00\x9bB\x00\x00\x00\xd8\x14\x02\x00\x00\xc0\xa6\x10\x00`\x01\x96{\xe2\x96\xe5\n\xfev\x96\xfb\xebX\xae\xe0dA\x00\x80\x05\xc45A\x96\xfa\xe0\xd5\x98&amp;\x92]BG\xc2\xf1OU\x08\x0005!\x04\x11}\xfc\xf9I\xd2\x05\xb7\xc2\xbcNJI\n\xdf\xf1y5\x11Y\xa0\xdc\xb3\xc1\xf1Om\x08\x0005\x87\xc3ID\xb5\xa1\xe6XL\xb3\xcc\xb3\xd7\xa5\xac\xaa\x0f\x13\x91\xc3\xe1\xb0\xfa\x93#q\xfcS\x1b\x8e\x0e\x98\x97\xdb\xed.\x18&gt;\x9c\x88\x0eT\x04\xabN59\x1d\\\x9a~!\x823&amp;\xe2\xfa\xce\x835D4h\xd0\xa0\xae]\xbb\x12YuM\xda\xedJ\x91\xe3o\x99\xe8J8\x04\x00\x98\x97\xaei\x05\x05\x05\x9cQc8V~\xb4Nq\xaa\xc2\xdc#\x90\x94\xe4t(\'O5\xed\xfb\xa2\x9e\x88\xf2\xf3\x87\xa5\xa5\xb9\xc9\xb2k\x11\x9a\x9e\x02\xc7?-\xd9E\x99\x1a\x02\x00\xcc+\x1e\x8f_z\xe9\xa5={\xf6\x14R\xae\xfb\xf8(\xe3\\\x9a{\x00\x12R\xaa.\xf5\xa3\xf2\xca\x9a\xfa&amp;\xce\xf9\xa4+\xae\xd04\x0b\x7fhxJ\x1c\x7f-\xd9E\x99\x1a\x02\x00\xccK\x92\x1c0`\xc0\xc5\x05\x05\x8c\xb1\xbfo=\xdc\xdc\x14u(\xa6\xeeX)%S\xf8\x1b\x1f\x1e\x94D9]\xb2\xc7\x8e\x1d\x1b\x0e\x87\x93]T;H\x1c\xff\x14g\xea_\'\x80\xaa\xaa7\xdd4CJ\xf9\xd9\x17u\xef\xef\xfc\xc2\xe5q\xea\xc2\xa4\x93P)\xc9\xe5TO\x9c\x08\x16o?BD\x93\xa7L\xe9\xd9\xb3gsss\xb2\xebj\x17\x1c\xff\xd4\x86\x00\x00Skll\xbc\xf6\xdaksrr\xa4\x94\x8b_\xd9.\x854\xedz\xba.\x84\xd3\xe3|\xf2\xaf\xbb\xaa\xea\x9a\x14E\x99;w^\xb2+\xea\x008\xfe\xa9\r\x01\x00\xa6\x16\x89D\xd2\xd2\xd2n\xbe\xf9f)\xe5\x86]_\x94\x94\x1e\xf6\xa6\xbbL8\t5\xa6\x9f\x95\x95\xa1e\xef\xecf\x8c\xe5\xe7\xe7\x8f\x1d;6\x14\n)\x8a\x92\xec\xd2\xda\x05\xc7?\xb5!\x00\xc0\xd4\x14E\x91R\xfe\xe8G?\xf2\xfb\xfdD\xf4\xab\x97\xb7\t\xddt\xa3\x0f\x11\xe9\xbapz]\x8f\xfd\xe5\x93\xea\xfa0\x11\xddw\xdf}RJ\xe3]T\x96f\xf5\xe3\x8f\r\xa0\xdf\x0e\x01\x00\xa6\xc69g\x8c\r\x1e&lt;\xb8\xa8\xa8HJ\xb9\xe9\xd3/\x9e\xf8\xcb\xc7\xe9\x01O\xdcL\xef\xf5\xd7t\x91\xeesm\xd9q\xec\xf17w0\xa2\xf1\xe3\xc6\xcd\x981\x831\x96\x02\xd3O\x1c\xff\xd4\x86\x00\x00\x0b\xd04\xad\xa8\xa8\xa8o\xdf\xbe\x8c\xe8\x7f\x9f\xdf\xfc\xf1\xa7\x15\x19&gt;\xb7\xae\x9bb\x0c\x12R:\x9dJC8v\xfb\xef\xde\x8d\xc5uEQ\x1ey\xf4Q\x93o\x97&lt;W8\xfe\xa9\n\x01\x00\x16 \xa5\xcc\xcc\xcc\\\xbdz\xb5\xa2\xaa\r\x91\xf8\x7f&lt;R\\]\x1fv8\xd5\xa4/FKIR\x92\xd3\xe9\xf8\xf1\xe3\xef\xed&gt;\\#\xa5\\\xfa\xc8#\xc3\x87\x0f\xd7u\x0bo\xff\xff*\x1c\xffT\x85\x00\x00\x0b\xe0\x9ck\x9a6z\xf4\xe8\xa5K\x97\x92\x94\xbb\x0f\xd7\xfe\xe0\x7f\xde\xe0\x9c\xb9\x9d\x8a\x9e\xbc%i!\xa5\x902=\xdb{\xd7\xef\xdf{\xf1\xbd\xbdD4m\xda\xb4\xa2\xa2"M\xd3Rl\xf1\x01\xc7?U!\x00\xc0\x1aTU5\x16"\xe6\xce\x9dKD[?;9\xf5\xfe\xd7\xeb\x1ac\xe9\xe9\xce\xa4\xacGk\xbap\xa8J\xba\xc7y\xd7#\xeb\x9e\xfc\xdb\xa7D4r\xe4\xc8e\xcb\x96\t!Rr\xf4\xc1\xf1OI\x08\x00\xb0\x0cEQ\x84\x10\xcb\x96-\x9b;w.\x91|w\xc7\xb1\xa9\xff\xf3\xfa\xdecu\x19~\x8f\xaeK\x91\xa8\xe5\x08)e\\\x13\xbetW$\xae\xff\xc7\x92\xe2\xdf\xbf\xb9S\n1r\xe4\xc8\xe2\xe2\xe2@ @\xa9\xfb\xe81\x1c\xff\xd4\x83\x00\x00\xcb`\x8c1\xc6t]\xffr\x0c\xa2\xed\xfbO\x8e-\xfa\xf3\x8b\xeb\xf6\xa4\xfb\\\x1e\xb7C\xd3E\xa7\x0eCRJc\xe2\x99\x11\xf0|Tvb\xc2\xbd\xaf\xacZ_ND\xa3\xbe\x1c}\x84\x10)\xfc\xfca\x1c\xff\xd4\x83\x83\x05V\xc2\x18\xe3\x9c\x1b\xf3\xd0\x05\x0b\x17\x12Qm(2\xeb7\xc53\x1ez{\xd7\xe1Z_F\x9a\xc7\xed\xd0\x85\xd4t\xd1\x81\xfb@\xa4$\xe35\x1d\xaa\xe2\xf3{\xaaC\xcd\xff\xb3l\xd3e?{\xcd\xf8\xd4\x91\xe9\xd3\xa7\xaf\xb5\xcd\xe8\x83\xe3\x9fb\xd4d\x17\x00pn\x8c\x0b|!\xc4\xc2\x05\x0b\xc6\\r\xc9ms\xe6\x1c\xaf\xa8xy\xc3\xbe\xb76\x1f\xbai\xfc\x80\xbb\xaf\x1b6l@.1\xa6G\xb5h\xfc\x9f3\xd2\xb6\xad\t\x18C\x18\xe7\xcc\xa9*\x0e\x97J\n\xaf8\x11\xfc\xd3K\xa5\xcb\xde\xdeSy\xaa\x91\x88\\N\xc7o\x16/)**2\xea\xb1\xc9\xe8\x83\xe3\x9fJ\x10\x00`=\xc6Z\x84\xa6i\x93\'O.\xdd\xba\xf5\xff{\xe0\x81\xd5\xab_\x8cDc\xcf\xae\xdb\xf3\xe7\x8d\xfb//\xe8u\xf5\xe8\xbe\x13\xf2{\x9e\x9f\xebS].R\x18\x19\x1fi{\xae\xa3\x90\xc2IJ\x8a\xeb\'N\x85?,?\xf1\xf7-\x87\xd6n?z\xa2\xa6\xc1\xf8\xe6\xa4I\x93\x1ez\xe8\xa1\xd1\xa3G\x1bo7\xb5\xd5\xe8\x83\xe3\x9f2\x10\x00`U\xaa\xaa\xea\xba\xde\xbd{\xf7\x15\xcf&lt;3\xef\x8e;\x1e~\xf8\xd7%\xeb\xd6\x85#\xcdo}\xf8\xf9[\x1f~\x9e\x91\x9e6\xa4W\xe0\x82\xf3\x02\xbdr}Cz\x06\xb22\xdc\xba.X\xeb\x06!\xc6(\xa6\x89\x1d\x07kj\x82\x91\x9d\x87j\xca\x8f\xd6\x9d\xackl\xf9n\xe1\xa5\x97\xfed\xfe\xfc\x993g\x12\x91\xae\xeb\xb6\xdds\x82\xe3\x9f\x02\x10\x00`a\xc6\x93j\x84\x10\xa3G\x8f~\xe3\x8d7w\xef\xde\xfd\xdcs\xcf\xbd\xf6\xea+\x87\x0e\x1f\t5F\xb6\x94G\xb6\x94Wt\xd4\xcf\xca\xcb\xcd\x992e\xea-\xb3fM\x9a4\x89\xbe\xfc\xb4t\x9b\x8f&gt;8\xfeV\x87\x00\x00k3\x1e\xf9"\x84\x90R\x0e\x1d:t\xe9\xd2\xa5\x8b\x16-\xda\xb9s\xe7\xbau\xeb6o\xfeh\xdf\xde\xbd\xa1P\xa8\xf6T]\x1b^\xd9\x97\xee\xf5z\xbdC.\xb8`\xd8\xb0a\x13&amp;\\VXX\x98\x9d\x9dMD\xc6\x90\x87\xa1\xc7\x80\xe3oi\x08\x00H\x05\xc6\x12\xb0\x10B\x08\xe1\xf1x\xc6\x8c\x193f\xcc\x18"\x8aD"MMMeeemx6@\xff\xfe\xfd322233[\xbeb\xbc\x88\xa2(\x18}\xce\x80\xe3oQ\x08\x00H\x1d\x9cs\xce\xb91C\x94Rr\xce\xd3\xd2\xd2\xd2\xd2\xd2\xc6\x8d\x1b\xd7\xe6\xd74\x065\xe36#\xc6\x9do\x87\xe3o9\x08\x00H5\xa7?\x07\xd8\xd8J\xd8\xb6\xe7\xf2\x1b{]\x8cA\xad#\xebKu8\xfe\x16\x82\x00\x80Tf\xec@\xc7\xcc1Yp\xfcM\x0e\xd1\n\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T\xa2\x02\x80\xb1\x04\xfd\xa0\x8eb\xb9\x82\xc1\xcc,\xd7N\x96+\x18\xda\xa4s\x03@J)\x84 "\xa1\xc5I\xcaN\xfdY\x1dKh\xf1d\x97\x00\x96\x97\x02\xfdo\xd4\x0f\xa9\xaa\xb3\x02\x801&amp;\xa5\xcc</t>
        </is>
      </c>
    </row>
    <row r="39">
      <c r="A39" s="1" t="n">
        <v>37</v>
      </c>
      <c r="B39" t="inlineStr">
        <is>
          <t>color_hexagon</t>
        </is>
      </c>
      <c r="C39" t="inlineStr">
        <is>
          <t>What is the missing color of the part denoted with a question mark?</t>
        </is>
      </c>
      <c r="D39" t="inlineStr">
        <is>
          <t>['green', 'blue', 'yellow', 'red']</t>
        </is>
      </c>
      <c r="E39" t="inlineStr">
        <is>
          <t>blue</t>
        </is>
      </c>
      <c r="F39" t="inlineStr">
        <is>
          <t>There is a hexagon split into six parts with the colors ['yellow', 'blue', 'green', 'yellow', '?', 'green'] in an anti-clockwise order.</t>
        </is>
      </c>
      <c r="G39" t="inlineStr">
        <is>
          <t>We observe that a green part is opposite another green part, and a yellow part is opposite another yellow part. Thus, the pattern is that the colors in opposite parts are the same.</t>
        </is>
      </c>
      <c r="H39" t="inlineStr">
        <is>
          <t>Based on the pattern that spatially opposite parts have the same color, the missing color of the part which is opposite a blue part should be blue.</t>
        </is>
      </c>
      <c r="I39" t="inlineStr">
        <is>
          <t>b'\x89PNG\r\n\x1a\n\x00\x00\x00\rIHDR\x00\x00\x02\x00\x00\x00\x02\x00\x08\x02\x00\x00\x00{\x1aC\xad\x00\x00}\xccIDATx\x9c\xed\xddy|\x94\xd5\xd9?\xfes\xaes\xcf\x92\xc92I\x80\x10\x81\x82\x10(\x08\xc8\xbe\x08\x91\xb0(\x88\x0b\x8a_\x89,\x16\xc5\xd6\x16\x7f-\xa5\x91\xa0\x041Z\x88\n\x94\xc5\x94\xa7R\xb1\xb6\x85*\x88\xc5\xfa\xa8\xa8\x8f\xc4\xd6\xb0\x14\xb0BP\x10\x17\x1a\x16A\x94\x80\x90\xc9$\x93\xcc\x92\xfb\\\xe7\xf7\xc7IFJEY\xb2\xcc\xcc}\xbd_\xcf\xeb\xfb\xea\xb7\xcf\xabOc2s_\xe7&gt;\xe7:\xd7\x87+\xa5\x18!\x84\x10\xeb\x81\xe6\xfe\x01\x08!\x844\x0f*\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cah\xee\x1f\x804\'\xa5\x94R\xaa\xb9\x7f\n\xd2l8\xe7\x9c\xf3\xe6\xfe)H\xb3\xe1\xf4\xfd\xb7,\xd34\r\x83V\x00Vg\x9a\xa6\x10\x82\xca\x805Q\x01\xb0(D\x04\x80\xcf&gt;\xfb\xec\xe7?\xff9\x00 bs\xffD\xa4I\x19\x86a\x9a\xe6}\xf7\xdd7e\xca\x94\xe6\xfeYH\xb3\xa1\x05\xa0\xe5\xe8\x92\xef\xf7\xfb\x97-[\x96\x9c\x9c\\\\\\\xdc\xdc?\x11i6\xdd\xbbw\xff\xf2\xcb/\xc7\x8e\x1d\xdb\xb3gO\xa5\x14\x00\x1d\nZ\x0b\xbd\x01X\x8e\x94R\x08\xb1f\xcd\x9ai\xd3\xa6q\xce\x85\x10\xe1\xcf\x00\x00\xed\x03\xc4\xbe\xb3\xcf}\x84\x10\xa1Ph\xea\xd4\xa9\x7f\xf9\xcb_hK\xd0\x82\xa8\x00X\x8b&gt;\xf5\xf5z\xbd\xdd\xbbw?}\xfa4"\xd2\xe6\x8f\x05q\xc6\xc2_{\xbb\xdd.\xa5,..\x1e6l\x98^\x1c4\xe7OF\x9a\x16\x15|kAD!D~~~YYY\xdd\xda\x9fs\xe0\x0cQ\xdd{G\xd7\xbb\xa7t7\xbdAa\x00\xa3UA,\x92\xa8\xc0e\xdb\xfb\xe1\xc9\x87~\xf3/T\n\x95\xe2\x9c\x9b\xa6\x89\x88999;v\xec\xb0\xd9lJ):\x10\xb6\x0ez\x03\xb0\x10D\xe4\x9c\xff\xfb\xdf\xff\xee\xd9\xb3\'"\x86{@\x01\x18"k\x97\x1e\xff\xf9\xd6\xbb\x84\xdb\xc9B\x92\x01c\x8c\x9e\x02\xb1D1\xc6\x99D\xe6v\x8c\x1b\xff\xb77\x8a\x8f\t\xc1\xa5T\x8c1\xc6\x99\x00!\xa5\\\xbdz\xf5=\xf7\xdcC/\x01\x96B\x05\xc0B\xf4w\xfb\x86\x1bn(**2\x0c\x9bi\xd6\xb6\xce\xe8USq\xba\xea\xcc\t\xc3\x00\xd3\x94\xf7O\xbaj\xe5\xb2\xebj\xcb\xfd\xf4\x12\x10k8\x93&amp;\x1a)\xce\xbf\xfe\xf5\xd3\xc9\xb3\xde\xd5O\x7f\xc3&amp;:\xf7\xe9\xf0\xd9\xae\xc3\xfa\xec7--\xed\xe3\x8f?NNN\xa6\xcb\x01\xd6A\x05\xc0*\xf4\xd3\xbf\xa8\xa8\xe8\x86\x1bn\x10B(\xc6\x14\xaa)\x8b7\x1e\xff\xf8\xbd-k\n@\x08\xa6\x10\x80\xef\x7f#\xfb\x87W\xb5P5\xb5t \x1cK\x94b\x8a3\x93\xf3\x9ec\xd6\x97~\xee5\x0ca\x9a\xb2\xc7\xd0.?}"\xfb\x91\xff\xf7\xdb\xea\x8a\x1a\xc3\x10\xb5\xb5\xe6\xbcy\xf3\x1e\x7f\xfcqz\t\xb0\x0e\xea\xfa\xb2\x04U\xbf\xdb;s\xe6L\xc68\x07\x81Rv\xcd\x1c\xf7\x83\x1e\xd7\xf4\x1e;59\xfdJ\x94\x12\x00L\x13g\x16l\xe7\x82\xd3\xa2 \xc6\xa0DHq.]YR\xfa\xb9\xd70@"\n\x01\xe3\xff\xbf\xebZ\xb6M\xb9u\xfaH\xa5\x94\xbe\x17\xb2d\xc9\x92\xd2\xd2R\xba\x17b\x1dT\x00,A\x7f\xbdW\xadZu\xe0\xc0\x01a\x08)M\x87+q\xc8\xc4\x07\x025\x95\x0eW\xd2\xd0\x89\xb3\x18c\xa8\x98\x00^\xb4\xfdx\xd1\xa6#"\xc9Q\xb7AL\xa2\x1f*\x06qF\xd9\xe1\x8ae\xab\xf7\xeb\xbd\x1d\x85*\xf3\xb6~\x1d{\xfd\xe0\xcc\x89\x8a\xa1\xb7\xf6k\xdf\xf5\n\x89\xa8[B\xe7\xcd\x9b\xc79m\x0cX\x05\x15\x80\xd8\xa7\xcf~\xcb\xca\xca\xf2\xf3\xf39\xe7\x8cq\x85\xd8\xe7\xc6i\xad3z\xcbP X]\xd9\xe3\xba\x89m\xaf\x1a\x84Rr\x10\x9c\xb3\x99\x8f\xef\x08U\x87\xb8\xe0\xf4\x10\x88\rJ"\x8f\xb7\xe7-~\xaf\xbc"`\x08.\xa5r%:\xc7M\x1f\x15\xf2\x87\x94RN\x97}\xfc\x8c\xd1L1\x89R\x08\xb1a\xc3\x86\xa2\xa2"!\x84\x94\xb2\xb9\x7fp\xd2\xe8\xa8\x00\xc4&gt;}\xc3s\xee\xdc\xb9\x1e\x8fG\x186)Mw\xda\x0f\x06\x8e\xbf?P\xe5\x010\x18S(\xcd\xac\xbb\xe7\x81\x10zg\xe0\xc0\x91\x8a\xa5+\xf7@\x8a\x13%\xed\x03D=)\x95Hvn}\xe7\xc8\xf3\xaf\x95\n\xc1\xa5bJ\xa9\x9b~2"5\xdd\x1d\n\x9a\xc2\x10\xd5\x95\x81\x9e\x99]\xfa\x8e\xb8\n%\x02p\xce\xf9\xcc\x993M\xd3\xa4\xf7\x00+\xa0\x02\x10\xe3\xf4\xe6OII\xc9\x8b/\xbe(\x84@D\xa6T\xe6\x94\x87\\)i\xd2\x0c1\xce9\x88PMU\xfb^\x99=\xaf\x9b\xac\x10\x15\xe3\xc0\xf9\xb2\xd5\xfb\xcb\x0eUp\xa7\x81\xf4\x04\x88v\x9c\xc9Z\xcc\xff\xednD\x05\x1c\x10\xb1}\xd7+FN\x1c\\S\x15\x10\xa2\xee\xeb\x8f\x12\xc7\xcf\x18\x1d\x97\xe0\xd4\xc7\xbf\x07\x0e\x1cX\xb5j\x15\x9d\x04X\x01\x15\x80\x18\xa7\x8f\x7fsss\x83\xc1 \x07\x81\xd2l{\xd5\xa0\x1e\xa3\xee\x0cT\x96\x83\xa8\xbb\x06\x08 B5\xbe\xcc\xc9\xb3\x1d\xf1IR"\x08(\xaf\x08\xcc\xfd\xcd{\x90hW\xf4\x12\x10\xcd\xa4\x89"5n\xddK\x9fl\xddu\xc2\x10 \x11\x99b\xe3g\x8cv8m\xb2\xfe/\x0b\xc0\x03\xd5\xa1\xf6W]1"{\x10\xa2bLq\xce\xf3\xf3\xf3=\x1e\x0f\x00\xd0K@l\xa3\x02\x10\xcb\xf4\x82n\xc3\x86\r[\xb6l1\x0cCJS\x18\xb6\xac\xbb\xe7\xa14\xff\xe3\x9e\x17\xe7f(\x90\xd8\xb2\xcd\x90\xec\x1c\xa6\x14*\x06\xc0_|\xf3P\xc9?\x8fC\xa2\x1d\xe9- :)\xc5\xb8]xOV\xcf_\xb9\x87s\xce8GT}Gv\xef\x99\xd9\xa5\xfa\xac\xe5?c\x0c\x04TW\xf8G\xff(\xb3U\xdb\x14)\xa5a\x08\x8f\xc7\xa3O\x8c\xe8% \xb6Q\x01\x88Yz\xed\xa6\xfb:\x18c\x8c\x83B\xfc\xe1\xd0q\xed{]\x1b\xaa\xa9\xe2\xff9\xf7\x11\x84\x08VW\xf6\xb9\xe9\xde\x946\x1dQ"\x00\x04C2w\xd1N.\x80\x96\x80QJ\x9a\x08\xc9\xce\xc2g?&lt;t\xb4R\x08.\x11\r\x9b\x187}\xa4\xfa\xaf\x8a\xce93M\x99\x9c\x968vZ\x96R\xff\xd13F\x1bA\xb1\x8d\n@\xcc\xd2c\x7f\x96.]ZZZj\xd8l\xd2\xacu&amp;$\x0f\xfbQ^\xa8\xa6\n\xe0\xbf\xaf\xf9p\x85\xd2\xe6\x88\x1bq\xcf\xa3\x8c)\x89J\x08\xd8\xf2\xfe\x89\x97_\xfeL\xa4:\xa5I\x8f\x80(\x83\xa8D\x82\xfd\xf0\xfe\xaf\x9fZ\xf3\x91\xbe\xd3\xa7P\x8d\x9a&lt;\xa4C\xf7\xb6\xfe\xea\xe0\x7f\xdf\xf2\x13\x02|\x9e\x9a\xcc\xf1\xfd:\xf7i/%\n!\xf4\xad\x11:\n\x8emT\x00b\x93^\xc4\x1d:th\xf1\xe2\xc5\x00\xa0\x14SJ\xf5\xbd\xe9\xde\x94\xb6\x19f(\xc0\xbe\xed\xa2?\x07\x11\xac\xae\xcc\x18&lt;\xb6}\xafk\x15"\xe3\xc09\x9b\xb3\xf4}\xef\xa9\x1af\x17\xf4\x10\x88.J1n\xf09\x8bvz\xabB\x00\\J\x95\x94\x9a0\xfa\xae\xa1\xc1o{\xfa\xd7\xfdG\x18\x13\x86\xb8\xf9\xbe\x91\x00\\\xb7\x84\x16\x15\x15m\xd8\xb0\x81ZBc\x18\x15\x80\xd8\xa4\xcf~\x17,XPYY)\x84!\xcd\xda\x946\x1d\x07\xdf1#P\xe5\x81\xef\xbc\xe5\xafP\x8e\xbc\xf71a\xd8\x10Q\x088\xfcEe\xe1\xb3\x1f\x88dz\t\x88&amp;\xba\xf5sK\xf1\xd1\x977\x1d\x11\x82\xeb\xf2\x7f\xeb\xfd\xa3Z\\\x91\x1c\n\x99\xe7\x9b\xf3\x03\xc0\xab+\xfd\xbd\xb3\xba\x0e\x1csu\xb8%t\xde\xbcy\xa1P\x88\xde\x03b\x15\x15\x80\x18\xa4\xcf~\xb7n\xdd\xbav\xedZ!\x0cSJ\xc6\xd8\x88{\x1e\xb5\xc5%(\x94\xdf1\xe6\x93\x03\x84\xfc\xbe\xf4.}\xfb\xddr\x9fBT\x0c\x00\xf8Sk\xf6\x1f\xdawJ$\xd8\xe848*(\xc6\xb8\xe0\xc1\xeaP\xee\xa2\xf78g\x9c\x83\x94\xd8\xb9O\xfbko\xef\xef\xf3\xd6\x9c}\xf6\xfb\xdf\x00x\xa0&amp;4~\xc6\xe8\xf8\xa48\xd3\x94\x86a\x94\x96\x96.]\xba\x94N\x02b\x15\x15\x80\xd8$\xa5\xcc\xcf\xcf\x97Rr\x00\x85\xb2}\xafk3\x06\x8f\r\xfa\xbc\xfc[v\xff\xff\x03\x80\x08\xf9}\x03n\x9b\xeeJn\xa9O\x83\xbdU\xa1\x05+v\xf38\xdb\x7f\x1f\x1e\x92\x08\x84&amp;B\xb2s\xfd\xcb\x9f\x95||\x1a\x00\x10\x15\x00\xbf\xf9\xbe\x91\xc2\xf8\xfe}&lt;\xcey(X\xdb\xbaC\x8b\x91\x13\xafQJ)\x85\x9c\xc3\xb2e\xcb\xca\xca\xca\xa8#(&amp;Q\x01\x885\xa6i\n!\xd6\xad[\xb7u\xebV\xc3\xb0Ii\x82\x10#\xef}L\xe1\x85m\xe3rn\x86\x02I\xad\xdaeNzP)D\xc5\x84\xe0k7\x1e\xdc\xfa\xce\x11\x91\xec\xa4\x01A\x11N)\xc6\x9dF\xf9\xf1\xca\xbc\xe5\xbb\x80s\xfd\xd4\x1e0\xfa\xea\xdeY]\xab+\xfd\x172\xe1\x15\x04\xd4x\xfdc\xa7\rKk\x97j\x9a\xd20Dyy\xf9\xdc\xb9s\xe9N@L\xa2\x02\x10S\xf4\xd4\x87\xca\xca\xca\xf9\xf3\xe7s\x0e\x8a1\x85\xd8\xf3\xba\xc9\xad;\xf7\x0e\xf9}\xfc\xc2"\xbfA\x18\x01_E\x8fQ\xd9i\x1d{""\xe7 Q\xe5\xffv7\x9aH!1\x11\x0e%B\x82}\xf9\x1f\xf6\x96}]\x03\x82K\xc4\xb8\x04\xe7M\xf7\r\x0f\x05.t\xbe7g\xcc\x94\xe8\x8cw\xdc\xf2\xb3\x91\x8c1D\xa9\xd7\x13{\xf6\xec\xa9\xbbINb\x08\x15\x80\x98\xa2\x9b\x7f\x16/^|\xe8\xd0!!\x04J\xd3\x11\xef\xce\x9c&lt;\xbb6P\xf3m\xad\x9f\xe7\xa5\xa4\xb49\xe3\xb3\xa6\xceeJId\x86\x80\xad\xbbN&lt;\xbf\xee\x13\x91\x1aG\xa7\xc1\x11\x0bQA\x82\xfd\xc0\x07\'\x97\xfcq\x1f\x00\xd7\x91\x0f#\xb2\x07]\xd9\xbdm\xa0&amp;t\xe1\x19/B@M\xa5\x7f\xc8\xb8\xbe]\xfat\x90\x12\x01 \x14\n\xe5\xe4\xe4H)\xe9% \xc6P\x01\x88\x1d\xba\xf1_\x9f\xda\t\x10:\xf2qH\xf6\xaf\x12[\xb6=_\xeb\xe7\xf9p!\x82\xbe\x8a\x8e\xfdGu\x1e&lt;V\xa1T\x9cs\xce\xf2\x96\xbd_~\xbc\x92;\rz\x08D&amp;}\xfc;\xb3`{\xa8V\x02p)\xb1e\x9b\x94\xd1S3}\x155\xf0\x9dg\xbf\xdf\xfa\x7f\n%\xde\xfe\xcb1B\x80\x94\xa6a\x18\xdb\xb6m[\xb7n\x1d\xb5\x84\xc6\x18*\x00\xb1C\xaf\xce\xea\xfa\xf6\x84@\x94i\x1d{\xf6\xbd\xf9\xc7\xc1j\xefw\xb7~\x9e\x07G)\xb3\xa6&gt;\xecp%"*!D\xd9\xe9\x9a\xe5\x7f\xd8\x0b\xf1v\x9a\x12\x1a\x81\xa4T"\xc9Q\xb4\xe9H\xd1\xf6\xe3BpT\x8c)v\xeb\xfd\xa3\xdc-\x12LS^l\xc2#\x00\x0fT\x07\xbb\r\xea\x98y[?\xdd\xfd\xc59\x9f?\x7f\xbe\xd7\xeb\xa5\x96\xd0XB\x05 F\xe8\xd6\xcf-[\xb6|ssG\xa9\xac\xa9s\rG\x9c\x92\xdf\xd5\xfay&gt;\x1c TS\x95\xd6\xe9\xea&gt;7NS\x88\xa88\x00_\xf2\xc7}\xa5\xfbN\n\x1a\x10\x14a\xf4\xb5/\xb3\xa6v\xe6\xe3;\x18c\x9c\x03J\xec\xd2\xa7\xc3\x90q}}\x15\xfe\xefn\xfd&lt;\x1f\x0e&lt;\xe0\x0b\x8e\x9b&gt;\xca\x95\xe8\xd4/\x01\x87\x0e\x1d*,,\x04\x00z\t\x88\x19T\x00b\x81\xbe\xf6\x15\x0c\x06sss9\xe7\xba\xf5\xb3\xcb57^\xd9\x7fT\xd0W\xc1/5\xdf\x15\x84\x11\xa8\xf2\x0c\x18\x7f\xbf\xbbu{\x85\x12\x00B\xb5r\xde\xf2]\x0c(+&amp;\xb2\xa0DHt\xac\xfa\xcb\xfe\x03G*\x84\x00D4l\xe2\xf6_\x8eAy\xe9\xe7\xf6\x9c\xf3P\xc8LMw\xdft\xdf\x88\xf0\x80\xa0\xa7\x9ez\xaa\xeex\x89N\x83c\x02\x15\x80X\xa0\xbf\x9c\xeb\xd7\xaf/))\xd1\xcb\x7fa\xd82\'\xcdV\x88\x97\xb0\xf6\xff\x06\xe7\xd2\x0c%\xa4\xa6\x0f\xbe\xe3\x97J)\x9d\x19\xb9\xe1\xed\xc3[\x8a\x8f\x8ad\xca\x8c\x8c\x14\xba\xf5\xd3\xf3UU\xfe\x8a\xdd\x9c3\xce9\xa2\xea\x7f}\xcfn\x83:}\xeb\xd8\x9f\x0b\'\x04\xf8\xab\x02#\xb2\x07\xb7n\xdfB\xbfbz\xbd\xde\x05\x0b\x16\xd0\x9d\x80\x98A\x05 \xea\xe9\xe5\xbf\xc7\xe3\xc9\xcb\xcb\x03\x00\xc5\xb8B\xecw\xcb}\xad;\xf7\xfe\xef\xa9\x9f\x17\x0b\x84\xe1\xf7\x9e\xb9\xfa\xfa\xc9m\xaf\x1a\x18\xce\x8c\xcc]\xf4\x9e\xe97)32B\xe8\xd6\xcf\xfc\xe5\xbb&lt;\xde\xa0\x10 %\xc6\'\xc5\x8d\xff\xc5\xf5\x81\xea\xc0\xe5&lt;\xfd5)\xd1\x11g\xbb#g,\xab\xdff\\\xbbv\xed\xb6m\xdb\x0c\xc3\xa0\x8d\xa0\x18@\x05 \xea\xe9\xe5\x7f~~~YY\x19\x80\x90\xd2t%\xb7\x1cp\xdb\xf4\x90\xdfwQ\xad\x9f\xe7\xa7@\x18C\xee\x9c\xc5\x01$*\x00(\xf9\xf8\xf4\xaa\xd5\xfb \xc9A\xa7\xc1\xcd\x0eQA\xa2\xbdd\xfb\xf1U/}\nP7\xf6g\xe4\xc4kZwh\x11\n\x9ew\xec\xcf\x85\x03\x01\xfe\xaa@\x9f\x11\xdd\xba\r\xec\x84\x88\x00\\J\x99\x93\x93\x13\x0c\x06\xe948\x06P\x01\x88n\xfa\xe9_\x9f\xe1\'P)\xa6\xd4\xb5\x93\x1fLj\xd5\xeeb[?\xcf\x87\x83\x08\xf8*2\x06\x8e\xeev\xedm\n%\xe3\x00\xc0\xf3W\x94x\xbe\xaa\x02j\tmn\x8a1. w\xd1N\xd3D\x01 %\xb6n\xdf\xe2\x86i\xc3j\xbc\xfe\x8bm\xfd\xfc\x8e\xff\n%U\xf6\xac\xb1\x86MH)\r\xc3\xd8\xb3g\xcf\xfa\xf5\xebi@P\x0c\xa0\x02\x10\xdd\xf4\xfe\x8fN\xf1\x06\xa1\x13\x1f\x07^=\xfa.\x7f\xd57\x89\x8f\x97\x0f@\x84\xfc\xd5\xc3\xa6&gt;\xecLHF)\x01\xc0\xe3\r\xe6/\xdf\xc5]6z\thF\xd2T\xc2\xed\xdc\xb0\xe1\xd3-\xef\x9f\xd0\x91/\x8c\xb1;r\xc6\xc6\xb9\xecRbC\xdd\xda\x06\xe0\xfe\x9a`\xc7\x1e\xedFM\x1e\xa23#\x01 //\xaf\xbc\xbc\x9c^\x02\xa2\x1d\x15\x80(\xa6\xf7d\x8b\x8a\x8a\x8a\x8a\x8a\x84\x10\x88\x92\x03\x0c\xb9s\x16\x08\x835\xec\xd7\x92s3\xe4Oi\xd3\xa9\xefM\xf7\xaa\xfa\xcc\xc8U/}z`\xef)H\xa0\x96\xd0\xe6\xa1[?C\xbe\xd0\xbc\xc2\xddL\xb7~\xa2\xea6\xb0S\x9f\x11\xddj\xaa\x02\r\xb5\xfc\xd7\xf4\xb5\x80\xeb\xef\x1a\x9a\xd4"AJ\x14\x02\xca\xca\xca\x96/_N/\x01\xd1\x8e\n@\xb4\xd2k\x7f\x1d\xdb\xc4\x18\xe7 P\xca\xae\x99\xb7f\x0c\x1a\x1d\xf0U|\xef\xd4\xcf\x8b\x05B\x04\xaa&lt;\x83\xef\x98\x91\x9c~\xa5~\t0M\x9cY\xb0\x9d\x0bN\x8f\xfff\x81\x12!\xc5\xb9teI\xe9\xe7^\xc3\x00\x89(\x04d?0V\xc9\x86_\x93\xeb\x96\xd0\x96W$\x8f\x9b&gt;J)\xa57\x1e\x97,YRZZJ5 \xaaQ\x01\x88Vg\x07\xb7\nCHi:\\\x89C\xee\xcc\xa9\r\xf8/\xb3\xf3\xe7&lt;\xb8\x92\xa6\xdd\x958t\xe2,\xc6\x98n\t-\xda~\xbch\xd3\x11\x91D-\xa1M\r\x15\x838\xa3\xecp\xc5\xb2\xd5\xfb\xf5I\xafB\x95y[\xbf+{\xb4\r\xd4\\V\xeb\xe7\xf9\x08\x01\xd5\x95\xfe!\xb7\xf4i\xdf\xf5\n\x89(\x84\xd0q\xd3\xb4\x0b\x14\xd5\xa8\x00D%D\xe4\x9c\x97\x95\x95\xe5\xe7\xe7s\xce\x19\xe3\n\xb1\xcf\x8d\xd3Zg\xf4\xae\xf5\xfb8o\x94?+\x17F\xa0\xaa\xa2\xc7u\x13\xdb^5(\xdc\x12:\xf3\xf1\x1d\xa1\xea\x10\xb5\x8461%\x91\xc7\xdb\xf3\x16\xbfW^\x110\x04\x97R\xb9\x12\x9d\xe3\xa6\x8f\n\xfaC\xbc\x11\x9e\xfe\x1aJt\xba\xec\xe3g\x8cf\x8a\xe9\xcc\xc8\r\x1b6\xe8\xedGj\t\x8dRT\x00\xa2\x92\x1e\xfb&lt;w\xee\\\x8f\xc7#\x0c\x9b\x94\xa6;\xed\x07\x03\xc7\xdf\x1f\xa8\xf24\xe0\xd9\xef\xb7Bif\xdd=\x0f\x84\xd0{\x0e\x07\x8eT,]\xb9\x07R\x9ct\x1a\xdcdt\xe2\xe3\xd6w\x8e&lt;\xffZ\xa9\x10\\*\xa6\x94\xba\xe9\'#R\xd3\xdd\r\xd2\xfay&gt; \xa0\xba2\xd03\xb3K\xdf\x11W\x853#u\x03\x02\xbd\x07D)*\x00\xd1Go\xfe\x94\x94\x94\xbc\xf8\xe2\x8bu\x97\xf2\x95\xca\x9c\xf2\x90+%M\x9a\xa1\x06i\xfd&lt;\x1f= \xa8}\xaf\xcc\x9e\xd7MV\x88\x8aq\xe0|\xd9\xea\xfde\x87*\xb8\xd3\xa0\xc3\xe0&amp;\xc2\x99\xac\xc5\xfc\xdf\xeeFT\xc0\x01\x11\xdbw\xbdb\xe4\xc4\xc15U\x81K\x1b\xfbsQP\xe2\xf8\x19\xa3\xe3\x12\x9c\xba\x07\xa1\xbe\x05\x99N\x02\xa2\x12\x15\x80\xe8\xa3\x8f\x7fsss\x83\xc1 \x07\xdd\xfa9\xa8\xc7\xa8;\x03\x95\r\xd9\xfay&gt;\x00"T\xe3\xcb\x9c&lt;\xdb\x11\x9f$%\x82\x80\xf2\x8a\xc0\xdc\xdf\xbc\x07\x89vE/\x01\x8dO\x9a(R\xe3\xd6\xbd\xf4\xc9\xd6]\'\x0c\x01\x12\x91)6~\xc6h\x87\xd3&amp;\x1b\xff\xf7\x0f\xc0\x03\xd5\xa1\xf6W]1"{\x90n\t\xe5\x9c\xe7\xe7\xe7{&lt;\x1e\x8a\x0c\x8bFT\x00\xa2\x8c^vm\xd8\xb0a\xcb\x96-\x86aHi\n\xc3\x96u\xf7&lt;\x94\xe6e\x8d\xfd\xb9p\x9c\x9b\xa1@b\xcb6C\xb2sX}K\xe8\x8bo\x1e*\xf9\xe7q\xa0)\xa1\x8dL)\xc6\xed\xc2{\xb2z\xfe\xca=\x9cs\xc69\xa2\xea;\xb2{\xcf\xcc.\xd5M\xb2\xfcgz#\xa8\xc2?\xfaG\x99\xad\xda\xa6H)\rCx&lt;\x1e}\x16E/\x01Q\x87\n@4\xd1+,\xdd}\xc1\x18c\x1c\x14\xe2\x0f\x87\x8ek\xdf\xeb\xda\xcb\x1f\xfbs\xe1@\x88`ue\x9f\x9b\xeeMi\xd3Q\x07\xc7\x07C2w\xd1N.\x80\x96\x80\x8dJ\x9a\x08\xc9\xce\xc2g?&lt;t\xb4R\xdf\xfc2lb\xdc\xf4\x91\xaa\t\xeb.\xe7\xcc4erZ\xe2\xd8iY\xe1)\xa1\xba\x1b\x8d6\x82\xa2\x0e\x15\x80h\xa23\xbf\x96.]ZZZj\xd8l\xd2\xacu&amp;$\x0f\xfbQ^\xa8\xa6\xaa\x81\xc6\xfe\\ \xaeP\xda\x1cq#\xeey\x941%Q\t\x01[\xde?\xf1\xf2\xcb\x9f\x89T\'eF6\x12D%\x12\xec\x87\xf7\x7f\xfd\xd4\x9a\x8ft\xa3\xa7B5j\xf2\x90\x0e\xdd\xdb^\xe6\xd4\xcf\x8b%\x04\xf8&lt;5\x99\xe3\xfbu\xee\xd3^J\x14B\xe8\xfb(t\x14\x1cu\xa8\x00D\r\xbd\xd4:t\xe8\xd0\xe2\xc5\x8b\x01@\x8f\xfd\xea{\xd3\xbd)m3\x1aj\xec\xcf\x85\xe3 \x82\xd5\x95\x19\x83\xc7\xb6\xefu\xadBd\x1c8gs\x96\xbe\xef=U\xc3\xec\x82\x1e\x02\x8dA_\xfd\x9d\xb3h\xa7\xb7*\x04\xc0\xa5TI\xa9\t\xa3\xef\x1a\x1al\xda\xa7\x7f\xdd\x0f\xc3\x980\xc4\xcd\xf7\x8d\x04\xe0\xba%\xb4\xa8\xa8\xe8\x9b0"\x12%\xa8\x00D\r}\xf6\xbb`\xc1\x82\xca\xcaJ!\x0ci\xd6\xa6\xb4\xe98\xf8\x8e\x19\x81*\xcf%%&gt;6\xc4\x8f\x84r\xe4\xbd\x8f\t\xc3\x86\x88B\xc0\xe1/*\x0b\x9f\xfd@$\xd3K@\xc3\xd3\xad\x9f[\x8a\x8f\xbe\xbc\xe9\x88\x10uS?o\xbd\x7fT\x8b+\x92C\xa1Fl\xfd&lt;\x1f\x00^]\xe9\xef\x9d\xd5u\xe0\x98\xab\xc3-\xa1uq\xa4\xf4\x1e\x10=\xa8\x00D\x07}\xf6\xbbu\xeb\xd6\xb5k\xd7\na\x98R2\xc6F\xdc\xf3\xa8-.A\xe1\xa5$&gt;^&gt;\x0e\x10\xf2\xfb\xd2\xbb\xf4\xedw\xcb}\nQ1\x00\xe0O\xad\xd9\x7fh\xdf)\x91`\xa3\xd3\xe0\x06\xa4\xd3\xde\x83\xd5\xa1\xdcE\xefq\xce8\x07)\xb1s\x9f\xf6\xd7\xde\xde\xdf\xe7\xadi\x9a\xb3\xdf\xff\x06\xc0\x035\xa1\xf13F\xc7\'\xc5\x99\xa64\x0c\xa3\xb4\xb4t\xe9\xd2\xa5t\x12\x10E\xa8\x00D\r)e~~\xbe\x94R\'&gt;\xb6\xefum\xc6\xe0\xb1A\x9f\xb7\xc1\xc7\xfe\\8\x00\x11\xf2\xfb\x06\xdc6\xdd\x95\xdcR\x9f\x06{\xabB\x0bV\xec\xe6q\xb6\xa6&lt;\x96\x8cyh"$;\xd7\xbf\xfcY\xc9\xc7\xa7\x01\x00Q\x01\xf0\x9b\xef\x1b)\x8c\xe6\xdcm\xe3\x9c\x87\x82\xb5\xad;\xb4\x189\xf1\x1a\xa5\x94R\xc89,[\xb6\xac\xac\xac\x8c:\x82\xa2\x05\x15\x80(`\x9a\xa6\x10b\xdd\xbau[\xb7n5\x0c\x9b\x94&amp;\x081\xf2\xde\xc7\x146\xf7f+\xe7f(\x90\xd4\xaa]\xe6\xa4\x07\x95BTL\x08\xbev\xe3\xc1\xad\xef\x1c\x11\xc9N\x1a\x10\xd4 t\xe2c\xf9\xf1\xca\xbc\xe5\xbb\x80s\xfdl\x1d0\xfa\xea\xdeY]\xab+\xfdM\xbf\xfb\x7f6\x10P\xe3\xf5\x8f\x9d6,\xad]\xaaiJ\xc3\x10\xe5\xe5\xe5s\xe7\xce\xa5;\x01\xd1\x82\n@\xa4\xd3S\x1f*++\xe7\xcf\x9f\xcf9(\xc6\x14b\xcf\xeb&amp;\xb7\xee\xdc;\xe4\xf75Y\xeb\xe7\xf9\x800\x02\xbe\x8a\x1e\xa3\xb2\xd3:\xf6DD\xceA\xa2\xca\xff\xedn4/=\x8e\x9c\x9cM\'&gt;.\xff\xc3\xde\xb2\xafk@p\x89\x18\x97\xe0\xbc\xe9\xbe\xe1\xa1@m\xf3&gt;\xfd\x19c\x9c1S\xa23\xdeq\xcb\xcfF2\xc6\x10\xa5^\xa9\xec\xd9\xb3\x87\x82\xe3\xa3\x02\x15\x80H\xa7\x9b\x7f\x16/^|\xe8\xd0!!\x04J\xd3\x11\xef\xce\x9c&lt;\xbb6P\xd3\xb4\xad\x9f\xe7\xa5\xa4\xb49\xe3\xb3\xa6\xceeJId\x86\x80\xad\xbbN&lt;\xbf\xee\x13\x91\x1aG\xa7\xc1\x97\tQA\x82\xfd\xc0\x07\'\x97\xfcq\x1f\x00W\x8c)T#\xb2\x07]\xd9\xbdm\xa0&amp;\xd4\xf4g\xbf\xffM\x08\xa8\xa9\xf4\x0f\x19\xd7\xb7K\x9f\x0eR"\x00\x84B\xa1\x9c\x9c\x1c)%\xbd\x04D&gt;*\x00\x11M7\xfe\xeb\xb35\x01\x02\x95RJ\r\xc9\xfeUb\xcb\xb6M\xdf\xfay&gt;\\\x88\xa0\xaf\xa2c\xffQ\x9d\x07\x8fU(\x15\xe7\x9c\xb3\xbce\xef\x97\x1f\xaf\xe4\x94\x19yy\xf4\xf1\xef\xcc\x82\xed\xa1Z\t\xc0\xa5\xc4\x96mRFO\xcd\xf4U\xd44l\xe4\xcb\xe5P\x8c\xa1\xc4\xdb\x7f9F\x08\x90\xd24\x0cc\xdb\xb6m\xeb\xd6\xad\xa3\x96\xd0\xc8\x17)\x9f!\xf2\xad\xf4\x1a\xaa\xae\xbbN\x08D\x99\xd6\xb1g\xdf\x9b\x7f\x1c\xac\xf66W\xeb\xe7yp\x942k\xea\xc3\x0eW"\xa2\x12B\x94\x9d\xaeY\xfe\x87\xbd\x10o\xa7)\xa1\x97LJ%\x92\x1cE\x9b\x8e\x14m?.\x04G\xc5\x98b\xb7\xde?\xca\xdd"\xc14edT\x7f\xc6\xea\xf3\xc2\xba\r\xea\x98y[?\xdd\xfd\xc59\x9f?\x7f\xbe\xd7\xeb\xa5\x96\xd0\x08G\x05 r\xe9\xd6\xcf-[\xb6|s\xbfF\xa9\xac\xa9s\rG\x9c\x92\xcd\xd3\xfay&gt;zJhZ\xa7\xab\xfb\xdc8M!\xa2\xe2\x00|\xc9\x1f\xf7\x95\xee;)h@\xd0%\xd1\xd7\xbe\xcc\x9a\xda\x99\x8f\xef`:\xf1Qb\x97&gt;\x1d\x86\x8c\xeb\xeb\xab\xf07W\xeb\xe7\xf9p\xe0\x01_p\xdc\xf4Q\xaeD\xa7~\t8t\xe8Paa!\x00\xd0K@$\x8b\xac\x8f\x11\t\xd3\xd7\xbe\x82\xc1`nn.\xe7\\\xb7~v\xb9\xe6\xc6+\xfb\x8f\n\xfa*xd-\xff\x19\xd3\xa7\xc1U\x9e\x01\xe3\xefw\xb7n\xafP\x02@\xa8V\xce[\xbe\x8b\x01e\xc5\\\n\x94\x08\x89\x8eU\x7f\xd9\x7f\xe0H\x85\x10\x80\x88\x86M\xdc\xfe\xcb1(#\xf1t]gF\xa6\xa6\xbbo\xbaoDx@\xd0SO=UwpE\xa7\xc1\x91\x8a\n@\x84\xd2_\xa1\xf5\xeb\xd7\x97\x94\x94\xe8\xe5\xbf0l\x99\x93f+\xc4\x88Z\xfb\x7f\x83si\x86\x12R\xd3\x07\xdf\xf1K\x1d\x1c/\x80ox\xfb\xf0\x96\xe2\xa3"\x992#/\x8en\xfd\xf4|U\x95\xbfb7\xe7\x8cs\x8e\xa8\xfa_\xdf\xb3\xdb\xa0NM&lt;\xf6\xe7\xc2\t\x01\xfe\xaa\xc0\x88\xec\xc1\xad\xdb\xb7\xd0/\xaf^\xafw\xc1\x82\x05t\' \x92Q\x01\x88Dz\xf9\xef\xf1x\xf2\xf2\xf2\x00@1\xae\x10\xfb\xddr_\xeb\xce\xbd\x9br\xea\xe7\xc5\x02a\xf8\xbdg\xae\xbe~r\xdb\xab\x06\x863#s\x17\xbdg\xfaM\xca\x8c\xbc(\xba\xf53\x7f\xf9.\x8f7(\x04H\x89\xf1Iq\xe3\x7fq}\xa0:\x10\x99O\x7fMJt\xc4\xd9\xee\xc8\x19\xcb\xea70\xd7\xae]\xbbm\xdb6\xc30h#(2E\xe8\xa3\xc4\xe2\xf4\xf2???\xbf\xac\xac\x0c@Hi\xba\x92[\x0e\xb8mz\xc8\xef\x8b\x90\xd6\xcf\xf3S \x8c!w\xce\xe2\x00\x12\x15\x00\x94||z\xd5\xea}\x90\xe4\xa0\xd3\xe0\x0b\x84\xa8 \xd1^\xb2\xfd\xf8\xaa\x97&gt;\x05\xa8\x1b\xfb3r\xe25\xad;\xb4h\xd4\xc4\xc7\xcb\x07\x02\xfcU\x81&gt;#\xbau\x1b\xd8\t\x11\x01\xb8\x942\'\'\'\x18\x0c\xd2ipd\xa2\x02\x10q\xf4\xd3\xbf&gt;iO\xa0RL\xa9k\'?\x98\xd4\xaa]\xe4\xb4~\x9e\x0f\x07\x11\xf0Ud\x0c\x1c\xdd\xed\xda\xdb\x14J\xc6\x01\x80\xe7\xaf(\xf1|U\x05\xd4\x12za\x14c\\@\xee\xa2\x9d\xa6\x89\x02@Jl\xdd\xbe\xc5\r\xd3\x86\xd5x\xfd\x91\xd3\xfay&gt;\x8a1%U\xf6\xac\xb1\x86MH)\r\xc3\xd8\xb3g\xcf\xfa\xf5\xebi@Pd\x8a\xf4\xcf\x93\x05\xe9\xfd\x1f\x9d\xb5\rB\'&gt;\x0e\xbcz\xf4]\xfe\xaa\xa6H|\xbc|\x00"\xe4\xaf\x1e6\xf5agB2J\t\x00\x1eo0\x7f\xf9.\xee\xb2\xd1K\xc0\xf7\x92\xa6\x12n\xe7\x86\r\x9fny\xff\x84\x8e|a\x8c\xdd\x9136\xcee\x97\x12#\xba\xf83\xc6\x18\x03\xe0\xfe\x9a`\xc7\x1e\xedFM\x1e\xa23#\x01 //\xaf\xbc\xbc\x9c^\x02"\x10\x15\x80\xc8\xa2wN\x8b\x8a\x8a\x8a\x8a\x8a\x84\x10\x88\x92\x03\x0c\xb9s\x16\x08\x83E\xcb\x97\x87s3\xe4Oi\xd3\xa9\xefM\xf7\xaa\xfa\xcc\xc8U/}z`\xef)H\xa0\x96\xd0\xef\xa2[?C\xbe\xd0\xbc\xc2\xddL\xb7~\xa2\xea6\xb0S\x9f\x11\xddj\xaa\x02\x91\xbf\xfc\xd7\xf4\xb5\x80\xeb\xef\x1a\x9a\xd4"AJ\x14\x02\xca\xca\xca\x96/_N/\x01\x11(:&gt;R\x16\xa1\xd7\xfe:\\\x891\xceA\xa0\x94]3o\xcd\x184:\xe0\xabh\xc6\xa9\x9f\x17\x0b\x84\x08Ty\x06\xdf1#9\xfdJ\xfd\x12`\x9a8\xb3`;\x17\x9c\x1e\xff\xdf\x01%B\x8as\xe9\xca\x92\xd2\xcf\xbd\x86\x01\x12Q\x08\xc8~`\xac\x92\xd1R\xfc\x19\xabo\tmyE\xf2\xb8\xe9\xa3\x94RzKs\xc9\x92%\xa5\xa5\xa5T\x03"\r\x15\x80\x08rv\xbc\xaa0\x84\x94\xa6\xc3\x958\xe4\xce\x9c\xda\x80?b;\x7f\xce\x83+i\xda]\x89C\'\xceb\x8c\xe9\x96\xd0\xa2\xed\xc7\x8b6\x1d\x11I\xd4\x12\xfa\xedP1\x883\xca\x0eW,[\xbd_\x9f\xf4*T\x99\xb7\xf5\xbb\xb2G\xdb@M\x84\xb6~\x9e\x8f\x10P]\xe9\x1frK\x9f\xf6]\xaf\x90\x88B\x08\x1ddM\xbb@\x91&amp;\xba\x1e+\xb1\x0c\x119\xe7eee\xf9\xf9\xf9\x9cs\xc6\xb8B\xecs\xe3\xb4\xd6\x19\xbdk\xfd&gt;\xce\xa3\xec/\xc5\x85\x11\xa8\xaa\xe8q\xdd\xc4\xb6W\r\n\xb7\x84\xce||G\xa8:D-\xa1\xdfJI\xe4\xf1\xf6\xbc\xc5\xef\x95W\x04\x0c\xc1\xa5T\xaeD\xe7\xb8\xe9\xa3\x82\xfe\x10\x8f\xaa\xa7\xbf\x86\x12\x9d.\xfb\xf8\x19\xa3\x99b:3r\xc3\x86\rzc\x93ZB#G\x94=Vb\x98\x1e\xfb&lt;w\xee\\\x8f\xc7#\x0c\x9b\x94\xa6;\xed\x07\x03\xc7\xdf\x1f\xa8\xf2D\xc5\xd9\xef\xb7Bif\xdd=\x0f\x84\xd0\xbb\x19\x07\x8eT,]\xb9\x07R\x9ct\x1a|\x0e\x9d\xf8\xb8\xf5\x9d#\xcf\xbfV*\x04\x97\x8a)\xa5n\xfa\xc9\x88\xd4tw\x84\xb7~\x9e\x0f\x08\xa8\xae\x0c\xf4\xcc\xec\xd2w\xc4U\xe1\xccH\xdd\xda@\xef\x01\x91\x83\n@D\xd0\x9b?%%%/\xbe\xf8b\xdd\xd5y\xa52\xa7&lt;\xe4JI\x93f(\xc2[?\xcfG\x0f\x08j\xdf+\xb3\xe7u\x93\x15\xa2b\x1c8_\xb6z\x7f\xd9\xa1\n\xee4\xe80\xf8?p&amp;k1\xff\xb7\xbb\x11\x15p@\xc4\xf6]\xaf\x189qpMU \xd2\xc6\xfe\\\x14\x948~\xc6\xe8\xb8\x04\xa7\xeen\xa8on\xa6\x93\x80H\x11\xc5\x9f\xadX\xa2\x8f\x7fsss\x83\xc1 \x07\xdd\xfa9\xa8\xc7\xa8;\x03\x95\xd1\xd1\xfay&gt;\x00"T\xe3\xcb\x9c&lt;\xdb\x11\x9f$%\x82\x80\xf2\x8a\xc0\xdc\xdf\xbc\x07\x89vE/\x01\xf5\xa4\x89"5n\xddK\x9fl\xddu\xc2\x10 \x11\x99b\xe3g\x8cv8m2\x9a\x7fK\x00&lt;P\x1dj\x7f\xd5\x15#\xb2\x07\xe9\x96P\xcey~~\xbe\xc7\xe3\xa1\xc8\xb0\x08A\x05\xa0\xf9\xe9\xc5\xd1\x86\r\x1b\xb6l\xd9b\x18\x86\x94\xa60lYw\xcfCiF\xe8\xd8\x9f\x0b\xc7\xb9\x19\n$\xb6l3$;\x87\xd5\xb7\x84\xbe\xf8\xe6\xa1\x92\x7f\x1e\x07\x9a\x12\xca\x18\xd3\xad\x9fv\xe1=Y=\x7f\xe5\x1e\xce9\xe3\x1cQ\xf5\x1d\xd9\xbdgf\x97\xea(_\xfe3\xbd\x11T\xe1\x1f\xfd\xa3\xccVmS\xa4\x94\x86!&lt;\x1e\x8f&gt;\xe5\xa2\x97\x80H\x10\xdd\x1f\xaf\x18\xa0\xd7A\xbaG\x821\xc68(\xc4\x1f\x0e\x1d\xd7\xbe\xd7\xb5\x91&lt;\xf6\xe7\xc2\x81\x10\xc1\xea\xca&gt;7\xdd\x9b\xd2\xa6\xa3\x0e\x8e\x0f\x86d\xee\xa2\x9d\\\x00-\x01\x19c\xd2DHv\x16&gt;\xfb\xe1\xa1\xa3\x95\xfa\xe6\x97a\x13\xe3\xa6\x8fT1Q\x1d9g\xa6)\x93\xd3\x12\xc7N\xcb\nO\t\xd5}n\xb4\x11\x14\t\xa2\xfe\xf9\x12\xedt\xe6\xd7\xd2\xa5KKKK\r\x9bM\x9a\xb5\xce\x84\xe4a?\xca\x0b\xd5TE\xfc\xd8\x9f\x0b\xc4\x15J\x9b#n\xc4=\x8f2\xa6$*!`\xcb\xfb\'^~\xf93\x91\xea\xb4xf$\xa2\x12\t\xf6\xc3\xfb\xbf~j\xcdG\xba\xd1S\xa1\x1a5yH\x87\xeem#v\xea\xe7\xc5\x12\x02|\x9e\x9a\xcc\xf1\xfd:\xf7i/%\n!\xf4M\x17:\n\x8e\x04T\x00\x9a\x93^\x10\x1d:th\xf1\xe2\xc5\x00\xa0\xc7~\xf5\xbd\xe9\xde\x94\xb6\x19\x91?\xf6\xe7\xc2q\x10\xc1\xea\xca\x8c\xc1c\xdb\xf7\xbaV!2\x0e\x9c\xb39K\xdf\xf7\x9e\xaaava\xe5\x87\x80\xbe\xfa;g\xd1NoU\x08\x80K\xa9\x92R\x13F\xdf54\x18+O\x7fM1&amp;\x0cq\xf3}#\x01\xb8n\t-**\xfa&amp;\xe6\x884\x1f*\x00\xcdI\x9f\xfd.X\xb0\xa0\xb2\xb2R\x08C\x9a\xb5)m:\x0e\xbecF\xa0\xca\x13a\x89\x8f\r@\xa1\x1cy\xefc\xc2\xb0!\xa2\x10p\xf8\x8b\xca\xc2g?\x10\xc9\xd6}\t\xd0\xad\x9f[\x8a\x8f\xbe\xbc\xe9\x88\x10uS?o\xbd\x7fT\x8b+\x92C\xa1\xa8l\xfd&lt;\x1f\x00^]\xe9\xef\x9d\xd5u\xe0\x98\xab\xc3-\xa1uA\xa7\xf4\x1e\xd0\xac\xa8\x004\x1b}\xf6\xbbu\xeb\xd6\xb5k\xd7\na\x98R2\xc6F\xdc\xf3\xa8-.Aad%&gt;^&gt;\x0e\x10\xf2\xfb\xd2\xbb\xf4\xedw\xcb}\nQ1\x00\xe0O\xad\xd9\x7fh\xdf)\x91`\xb3\xe0i\xb0N{\x0fV\x87r\x17\xbd\xc79\xe3\x1c\xa4\xc4\xce}\xda_{{\x7f\x9f\xb7&amp;\xda\xcf~\xff\x1b\x00\x0f\xd4\x84\xc6\xcf\x18\x1d\x9f\x14g\x9a\xd20\x8c\xd2\xd2\xd2\xa5K\x97\xd2I@\xf3\x8a\xb5\xcfYt\x91R\xe6\xe7\xe7K)u\xe2c\xfb^\xd7f\x0c\x1e\x1b\xf4y\xa3h\xec\xcf\x85\x03\x10!\xbfo\xc0m\xd3]\xc9-\xf5i\xb0\xb7*\xb4`\xc5n\x1eg\x8b\x8d\x03\xcf\x8b\x82&amp;B\xb2s\xfd\xcb\x9f\x95||\x1a\x00\x10\x15\x00\xbf\xf9\xbe\x91\xc2\x88\xcd=1\xcey(X\xdb\xbaC\x8b\x91\x13\xafQJ)\x85\x9c\xc3\xb2e\xcb\xca\xca\xca\xa8#\xa8\x19Q\x01h\x1e\xa6i\n!\xd6\xad[\xb7u\xebV\xc3\xb0Ii\x82\x10#\xef}La\xecn\x89rn\x86\x02I\xad\xdaeNzP)D\xc5\x84\xe0k7\x1e\xdc\xfa\xce\x11\x91\xec\xb4\xd4\x80 \x9d\xf8X~\xbc2o\xf9.\xe0\\?\x01\x07\x8c\xbe\xbawV\xd7\xeaJ\x7f,\xed\xfe\x9f\r\x04\xd4x\xfdc\xa7\rKk\x97j\x9a\xd20Dyy\xf9\xdc\xb9s\xe9N@3\xa2\x02\xd0\x0c\xf4\xd4\x87\xca\xca\xca\xf9\xf3\xe7s\x0e\x8a1\x85\xd8\xf3\xba\xc9\xad;\xf7\x0e\xf9}1\xd0\xfay&gt; \x8c\x80\xaf\xa2\xc7\xa8\xec\xb4\x8e=\x11\x91s\x90\xa8\xf2\x7f\xbb\x1b\xcdH\x0c:o&lt;:\xf1q\xf9\x1f\xf6\x96}]\x03\x82K\xc4\xb8\x04\xe7M\xf7\r\x0f\x05jc\xf5\xe9\xcf\x18\xe3\x8c\x99\x12\x9d\xf1\x8e[~6\x921\x86(\xf5\x1ah\xcf\x9e=\x14\x1c\xdf\\b\xf6Y\x13\xc9t\xf3\xcf\xe2\xc5\x8b\x0f\x1d:$\x84@i:\xe2\xdd\x99\x93g\xd7\x06jb\xa5\xf5\xf3\xbc\x94\x946g|\xd6\xd4\xb9L)\x89\xcc\x10\xb0u\xd7\x89\xe7\xd7}"R\xe3,r\x1a\x8c\xa8 \xc1~\xe0\x83\x93K\xfe\xb8\x0f\x80+\xc6\x14\xaa\x11\xd9\x83\xae\xec\xde6P\x13\x8a\xa5\xb3\xdf\xff&amp;\x04\xd4T\xfa\x87\x8c\xeb\xdb\xa5O\x07)\x11\x00B\xa1PNN\x8e\x94\x92^\x02\x9a\x05\x15\x80\xa6\xa6\x1b\xff\xf5\t\x98\x00\x81J)\xa5\x86d\xff*\xb1e\xdbXj\xfd&lt;\x1f.D\xd0W\xd1\xb1\xff\xa8\xce\x83\xc7*\x94\x8as\xceY\xde\xb2\xf7\xcb\x8fWrkdF\xea\xe3\xdf\x99\x05\xdbC\xb5\x12\x80K\x89-\xdb\xa4\x8c\x9e\x9a\xe9\xab\xa8\x89\x96\xc8\x97\xcb\xa1\x18C\x89\xb7\xffr\x8c\x10 \xa5i\x18\xc6\xb6m\xdb\xd6\xad[G-\xa1\xcd"\xf6?p\x91F\xaft\xeaz\xe0\x84@\x94i\x1d{\xf6\xbd\xf9\xc7\xc1jo\xec\xb5~\x9e\x07G)\xb3\xa6&gt;\xecp%"*!D\xd9\xe9\x9a\xe5\x7f\xd8\x0b\xf1\xf6\x98\x9f\x12*\xa5\x12I\x8e\xa2MG\x8a\xb6\x1f\x17\x82\xa3bL\xb1[\xef\x1f\xe5n\x91`\x9a2\xd6\xab?c\xf5ya\xdd\x06u\xcc\xbc\xad\x9f\xee\xfe\xe2\x9c\xcf\x9f?\xdf\xeb\xf5RKh\xd3\xa3\x02\xd0\xa4t\xeb\xe7\x96-[\xbe\xb9\x05\xa3T\xd6\xd4\xb9\x86#N\xc9Xk\xfd&lt;\x1f=%4\xad\xd3\xd5}n\x9c\xa6\x10Qq\x00\xbe\xe4\x8f\xfbJ\xf7\x9d\x141= H_\xfb2kjg&gt;\xbe\x83\xe9\xc4G\x89]\xfat\x182\xae\xaf\xaf\xc2\x1f{\xad\x9f\xe7\xc3\x81\x07|\xc1q\xd3G\xb9\x12\x9d\xfa%\xe0\xd0\xa1C\x85\x85\x85\x00@/\x01M\xcc*\x9f\xb9H\xa0\xaf}\x05\x83\xc1\xdc\xdc\\\xce\xb9n\xfd\xecr\xcd\x8dW\xf6\x1f\x15\xf4Up\xab,\xff\x19\xd3\xa7\xc1U\x9e\x01\xe3\xefw\xb7n\xafP\x02@\xa8V\xce[\xbe\x8bA,g\xc5\xa0DHt\xac\xfa\xcb\xfe\x03G*\x84\x00D4l\xe2\xf6_\x8eAi\xad3p\x9d\x19\x99\x9a\xee\xbe\xe9\xbe\x11\xe1\x01AO=\xf5T\xdd\x91\x18\x9d\x067!*\x00MG\x7f\xd0\xd7\xaf__RR\xa2\x97\xff\xc2\xb0eN\x9a\xad\x10-\xb2\xf6\xff\x06\xe7\xd2\x0c%\xa4\xa6\x0f\xbe\xe3\x97:8^\x00\xdf\xf0\xf6\xe1-\xc5GErlfF\xea\xd6O\xcfWU\xf9+vs\xce8\xe7\x88\xaa\xff\xf5=\xbb\r\xea\x143c\x7f.\x9c\x10\xe0\xaf\n\x8c\xc8\x1e\xdc\xba}\x0b\xfdZ\xec\xf5z\x17,X@w\x02\x9a\x18\x15\x80&amp;\xa2\x97\xff\x1e\x8f\'//\x0f\x00\x14\xe3\n\xb1\xdf-\xf7\xb5\xee\xdc;6\xa6~^,\x10\x86\xdf{\xe6\xea\xeb\'\xb7\xbdj`832w\xd1{\xa6\xdf\x8c\xc9\xccH\xdd\xfa\x99\xbf|\x97\xc7\x1b\x14\x02\xa4\xc4\xf8\xa4\xb8\xf1\xbf\xb8&gt;P\x1d\xb0\xda\xd3_\x93\x12\x1dq\xb6;r\xc6\xb2\xfa\xad\xd1\xb5k\xd7n\xdb\xb6\xcd0\x0c\xda\x08j2\x96{\xee4\x17\xbd\xfc\xcf\xcf\xcf/++\x03\x10R\x9a\xae\xe4\x96\x03n\x9b\x1e\xf2\xfbb\xbe\xf5\xf3\xfc\x14\x08c\xc8\x9d\xb38\x80D\x05\x00%\x1f\x9f^\xb5z\x1f$9b\xec4\x18QA\xa2\xbdd\xfb\xf1U/}\nP7\xf6g\xe4\xc4kZwh\x11\xa5\x89\x8f\x97\x0f\x04\xf8\xab\x02}Ft\xeb6\xb0\x13"\x02p)eNNN0\x18\xa4\xd3\xe0&amp;C\x05\xa0)\xe8\xa7\x7f}\x1e\x9e@\xa5\x98R\xd7N~0\xa9U;+\xb4~\x9e\x0f\x07\x11\xf0Ud\x0c\x1c\xdd\xed\xda\xdb\x14J\xc6\x01\x80\xe7\xaf(\xf1|U\x05\xb1\xd5\x12\xaa\x18\xe3\x02r\x17\xed4M\x14\x00Rb\xeb\xf6-n\x986\xac\xc6\xeb\xb7B\xeb\xe7\xf9(\xc6\x94T\xd9\xb3\xc6\x1a6!\xa54\x0cc\xcf\x9e=\xeb\xd7\xaf\xa7\x01AM\xc6\xba\x1f\xbe\xa6\xa4\xf7\x7ft"6\x08\x9d\xf88\xf0\xea\xd1w\xf9\xab\xa2;\xf1\xf1\xf2\x01\x88\x90\xbfz\xd8\xd4\x87\x9d\t\xc9(%\x00x\xbc\xc1\xfc\xe5\xbb\xb8\xcb\x163/\x01\xd2T\xc2\xed\xdc\xb0\xe1\xd3-\xef\x9f\xd0\x91/\x8c\xb1;r\xc6\xc6\xb9\xecR\xa2E\x8b?c\x8c1\x00\xee\xaf\tv\xec\xd1n\xd4\xe4!:3\x12\x00\xf2\xf2\xf2\xca\xcb\xcb\xe9%\xa0iP\x01htz\x7f\xb3\xa8\xa8\xa8\xa8\xa8H\x08\x81(9\xc0\x90;g\x810\x18}\xc497C\xfe\x946\x9d\xfa\xdet\xaf\xaa\xcf\x8c\\\xf5\xd2\xa7\x07\xf6\x9e\x82\x84Xh\t\xd5\xad\x9f!_h^\xe1n\xa6[?Qu\x1b\xd8\xa9\xcf\x88n5U\x01+/\xff5}-\xe0\xfa\xbb\x86&amp;\xb5H\x90\x12\x85\x80\xb2\xb2\xb2\xe5\xcb\x97\xd3K@\xd3\xb0\xfa\xe7\xaf\xb1\xe9\xb5\xbf\x8e@b\x8cs\x10(e\xd7\xcc[3\x06\x8d\x0e\xf8*br\xea\xe7\xc5\x02!\x02U\x9e\xc1w\xccHN\xbfR\xbf\x04\x98&amp;\xce,\xd8\xce\x05\x8f\xfa\xc7\xbf&gt;\xfbMq.]YR\xfa\xb9\xd70@"\n\x01\xd9\x0f\x8cU\x92\x8a?c\xf5-\xa1-\xafH\x1e7}\x94RJo\x96.Y\xb2\xa4\xb4\xb4\x94j@\x13\xa0\x02\xd0\xb8\xce\x0eA\x15\x86\x90\xd2t\xb8\x12\x87\xdc\x99S\x1b\xf0[\xb0\xf3\xe7&lt;\xb8\x92\xa6\xdd\x958t\xe2,\xc6\x98n\t-\xda~\xbch\xd3\x11\x91\x14\xdd-\xa1\xa8\x18\xc4\x19e\x87+\x96\xad\xde\xafOz\x15\xaa\xcc\xdb\xfa]\xd9\xa3m\xa0\xc6r\xad\x9f\xe7#\x04TW\xfa\x87\xdc\xd2\xa7}\xd7+$\xa2\x10BGd\xd3.P\x13\xa0gP#BD\xceyYYY~~&gt;\xe7\x9c1\xae\x10\xfb\xdc8\xaduF\xefZ\xbf\x8fs\xfa\xe5\xd7\xe1\xc2\x08TU\xf4\xb8nb\xdb\xab\x06\x85[Bg&gt;\xbe#T\x1d\x8a\xea\x96P%\x91\xc7\xdb\xf3\x16\xbfW^\x110\x04\x97R\xb9\x12\x9d\xe3\xa6\x8f\n\xfaC\x9c\x9e\xfegA\x89N\x97}\xfc\x8c\xd1L1\x9d\x19\xb9a\xc3\x06\xbdeJ-\xa1\x8d\x8a\x9eA\x8dH\x8f}\x9e;w\xae\xc7\xe3\x11\x86MJ\xd3\x9d\xf6\x83\x81\xe3\xef\x0fTy,~\xf6\xfb\xadP\x9aYw\xcf\x03!\xf4&gt;\xc9\x81#\x15KW\xee\x81\x14g\x94\x9e\x06\xeb\xc4\xc7\xad\xef\x1cy\xfe\xb5R!\xb8TL)u\xd3OF\xa4\xa6\xbb-\xdb\xfay&gt; \xa0\xba2\xd03\xb3K\xdf\x11W\x853#u\xd3\x04\xbd\x074**\x00\x8dEo\xfe\x94\x94\x94\xbc\xf8\xe2\x8bu\x17\xdc\x95\xca\x9c\xf2\x90+%M\x9a!\xcb\xb6~\x9e\x8f\x1e\x10\xd4\xbeWf\xcf\xeb&amp;+D\xc58p\xbel\xf5\xfe\xb2C\x15\xdciD\xe5a0g\xb2\x16\xf3\x7f\xbb\x1bQ\x01\x07Dl\xdf\xf5\x8a\x91\x13\x07\xd7T\x05\xac3\xf6\xe7\xa2\xa0\xc4\xf13F\xc7%8u\xdfD}\xdb4\x9d\x044"\xfa 6\x16}\xfc\x9b\x9b\x9b\x1b\x0c\x069\xe8\xd6\xcfA=F\xdd\x19\xa8\xb4z\xeb\xe7\xf9\x00\x88P\x8d/s\xf2lG|\x92\x94\x08\x02\xca+\x02s\x7f\xf3\x1e$\xdaU\xb4\xbd\x04H\x13Ej\xdc\xba\x97&gt;\xd9\xba\xeb\x84!@"2\xc5\xc6\xcf\x18\xedp\xdad\xb4\xfd\xb34\r\x00\x1e\xa8\x0e\xb5\xbf\xea\x8a\x11\xd9\x83tK(\xe7&lt;??\xdf\xe3\xf1PdX\xe3\xa1\x02\xd0(\xf4\x12f\xc3\x86\r[\xb6l1\x0cCJS\x18\xb6\xac\xbb\xe7\xa14-7\xf6\xe7\xc2qn\x86\x02\x89-\xdb\x0c\xc9\xcea\xf5-\xa1/\xbey\xa8\xe4\x9f\xc7!\xaa\xa6\x84*\xc5\xb8]xOV\xcf_\xb9\x87s\xce8GT}Gv\xef\x99\xd9\xa5\x9a\x96\xff\xe7\x07\x02\xaa+\xfc\xa3\x7f\x94\xd9\xaam\x8a\x94\xd20\x84\xc7\xe3\xd1\xe7g\xf4\x12\xd0H\xe8\xb3\xd8\xf0\xf4jEw20\xc6\x18\x07\x85\xf8\xc3\xa1\xe3\xda\xf7\xba\xd6\x9ac\x7f.\x1c\x08\x11\xac\xae\xecs\xd3\xbd)m:\xea\xe0\xf8`H\xe6.\xda\xc9\x05D\xd1\x12P\x9a\x08\xc9\xce\xc2g?&lt;t\xb4R\xdf\xfc2lb\xdc\xf4\x91*zjX\xb3\xe0\x9c\x99\xa6LNK\x1c;-+&lt;%Tw\xd0\xd1FP#\xa1\x87Q\xc3\xd3\x99_K\x97.---5l6i\xd6:\x13\x92\x87\xfd(/TSe\xe1\xb1?\x17\x88+\x946G\xdc\x88{\x1eeLITB\xc0\x96\xf7O\xbc\xfc\xf2g"\xd5\x19\x15\x99\x91\x88J$\xd8\x0f\xef\xff\xfa\xa95\x1f\xe9FO\x85j\xd4\xe4!\x1d\xba\xb7\xb5\xe0\xd4\xcf\x8b%\x04\xf8&lt;5\x99\xe3\xfbu\xee\xd3^J\x14B\xe8;4t\x14\xdcH\xa8\x0040\xbdl9t\xe8\xd0\xe2\xc5\x8b\x01@\x8f\xfd\xea{\xd3\xbd)m3\xac&lt;\xf6\xe7\xc2q\x10\xc1\xea\xca\x8c\xc1c\xdb\xf7\xbaV!2\x0e\x9c\xb39K\xdf\xf7\x9e\xaaav\x11\xf9\x0f\x01}\xf5w\xce\xa2\x9d\xde\xaa\x10\x00\x97R%\xa5&amp;\x8c\xbekh\x90\x9e\xfe\x17F1&amp;\x0cq\xf3}#\x01\xb8n\t-**\xfa&amp;@\x894(*\x00\rL\x9f\xfd.X\xb0\xa0\xb2\xb2R\x08C\x9a\xb5)m:\x0e\xbecF\xa0\xcac\x99\xc4\xc7\x06\xa0P\x8e\xbc\xf71a\xd8\x10Q\x088\xfcEe\xe1\xb3\x1f\x88\xe4H\x7f\t\xd0\xad\x9f[\x8a\x8f\xbe\xbc\xe9\x88\x10uS?o\xbd\x7fT\x8b+\x92C!j\xfd\xbc \x00\xbc\xba\xd2\xdf;\xab\xeb\xc01W\x87[B\xeb"T\xe9=\xa0\xa1Q\x01hH\xfa\xecw\xeb\xd6\xadk\xd7\xae\x15\xc20\xa5d\x8c\x8d\xb8\xe7Q[\\\x82B\xab$&gt;^&gt;\x0e\x10\xf2\xfb\xd2\xbb\xf4\xedw\xcb}\nQ1\x00\xe0O\xad\xd9\x7fh\xdf)\x91`\x8b\xd8\xd3`\x9d\xf6\x1e\xac\x0e\xe5.z\x8fs\xc69H\x89\x9d\xfb\xb4\xbf\xf6\xf6\xfe&gt;o\r\x9d\xfd^8\x00\x1e\xa8\t\x8d\x9f1:&gt;)\xce4\xa5a\x18\xa5\xa5\xa5K\x97.\xa5\x93\x80\x06G\x1f\xca\x06&amp;\xa5\xcc\xcf\xcf\x97R\xea\xc4\xc7\xf6\xbd\xae\xcd\x18&lt;6\xe8\xf3\xd2\xd8\x9f\x8b\x02 B~\xdf\x80\xdb\xa6\xbb\x92[\xea\xd3`oUh\xc1\x8a\xdd&lt;\xce\x16\xb1G\xa9h"$;\xd7\xbf\xfcY\xc9\xc7\xa7\x01\x00Q\x01\xf0\x9b\xef\x1b)\x8c(\xd8\xb9\x8a(\x9c\xf3P\xb0\xb6u\x87\x16#\'^\xa3\x94R\n9\x87e\xcb\x96\x95\x95\x95QGP\xc3\xa2\x02\xd0`L\xd3\x14B\xac[\xb7n\xeb\xd6\xad\x86a\x93\xd2\x04!F\xde\xfb\x98B\xda\xb8\xbcx\x9c\x9b\xa1@R\xabv\x99\x93\x1eT\nQ1!\xf8\xda\x8d\x07\xb7\xbesD$;#p@\x90N|,?^\x99\xb7|\x17p\xae\x9fS\x03F_\xdd;\xabku\xa5\x9fv\xff/\x16\x08\xa8\xf1\xfa\xc7N\x1b\x96\xd6.\xd54\xa5a\x88\xf2\xf2\xf2\xb9s\xe7\xd2\x9d\x80\x86E\x05\xa0a\xe8\xa9\x0f\x95\x95\x95\xf3\xe7\xcf\xe7\x1c\x14c\n\xb1\xe7u\x93[w\xee\x1d\xf2\xfb\xa8\xf5\xf3\x12\x800\x02\xbe\x8a\x1e\xa3\xb2\xd3:\xf6DD\xceA\xa2\xca\xff\xedn4#1B]\'&gt;.\xff\xc3\xde\xb2\xafk@p\x89\x18\x97\xe0\xbc\xe9\xbe\xe1\xa1@-=\xfd/\x01g\xcc\x94\xe8\x8cw\xdc\xf2\xb3\x91\x8c1D\xa9WW{\xf6\xec\xa1\xe0\xf8\x06D\x0f\xa6\x86\xa1\x9b\x7f\x16/^|\xe8\xd0!!\x04J\xd3\x11\xef\xce\x9c&lt;\xbb6PC\xad\x9f\x97LIis\xc6gM\x9d\xcb\x94\x92\xc8\x0c\x01[w\x9dx~\xdd\'"5.\xa2N\x83\x11\x15$\xd8\x0f|pr\xc9\x1f\xf7\x01p\xc5\x98B5"{\xd0\x95\xdd\xdb\x06jBt\xf6{i\x84\x80\x9aJ\xff\x90q}</t>
        </is>
      </c>
    </row>
    <row r="40">
      <c r="A40" s="1" t="n">
        <v>38</v>
      </c>
      <c r="B40" t="inlineStr">
        <is>
          <t>grid_number</t>
        </is>
      </c>
      <c r="C40" t="inlineStr">
        <is>
          <t>What is the missing number of the part denoted with a question mark?</t>
        </is>
      </c>
      <c r="D40" t="inlineStr">
        <is>
          <t>['8', '9', '5', '7']</t>
        </is>
      </c>
      <c r="E40" t="inlineStr">
        <is>
          <t>7</t>
        </is>
      </c>
      <c r="F40" t="inlineStr">
        <is>
          <t>There is a 3x3 grid of numbers. The first row is [5, 7, 5]. The second row is [5, 5, 7]. The third and last row is [9, 1, '?'].</t>
        </is>
      </c>
      <c r="G40" t="inlineStr">
        <is>
          <t>We observe that [5, 7, 5] sums to 17, and [5, 5, 7] also sums to 17. Thus, the pattern is that the numbers in each row add up to the same value.</t>
        </is>
      </c>
      <c r="H40" t="inlineStr">
        <is>
          <t>Based on the pattern that the numbers in each row add up to the same value, the missing number of the row [9, 1, '?'] should be 7.</t>
        </is>
      </c>
      <c r="I40" t="inlineStr">
        <is>
          <t>b'\x89PNG\r\n\x1a\n\x00\x00\x00\rIHDR\x00\x00\x02\x00\x00\x00\x02\x00\x08\x02\x00\x00\x00{\x1aC\xad\x00\x00c|IDATx\x9c\xed\xddw\x9cT\xd5\xf9?\xf0\xe7\x9cs\xa7\xec\xcc\xce\xcel\x01\xa4\x88tDQ\x90*E\xc1\x02V\x8c\x05Q\x04\x8d\x82\x10\xc5\xf2\xc3\xc4\x98\x98\x98\xa81\xdf\xaf\xb1\xa4\x9a\xa8\x01\rF#\x96\xa8_K,+F\t\n\x02b\xa1\xc8"\x08"\xd2\x16\xb6\xcc\xec\xf4\xb9\xf7\x9c\xe7\xf7\xc7\xd9\xdd \x8a\xb4\x99\xb9{g\x9e\xf7\xcb\x97/\x9c-^&gt;s\xe6&gt;\xf7\x9e{\nCD \x84\x10R|\xb8\xdd\x07@\x08!\xc4\x1e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14\x15\x00B\x08)RT\x00\x08!\xa4HQ\x01 \x84\x90"E\x05\x80\x10B\x8a\x94a\xf7\x01\xb4\t\x88h\xf7!\xd8\x801f\xf7!4\xa3\xfc\xedE\xf9\x17\xad"-\x00\x88\xa8\x94BD\xc6\x18c\x8c\xf3b\xbc\x13\xb21\x04\xca\x1f(\x7f\xbbQ\x08\x00\xc0\x8a\xaa\xf8\xeb\xb7\x1c\x00\x84\x10{\xbe\x1e\x89D\x94R\x8c\x15K\x1a\xfa\xda\'\x14\n\xed\xf9\xa2\xfe0p\xcesweD\xf9k\x94\xbf\xbd\xec\xca\xbf\r*\x96\xb7\x1c\x11\xa5\x94\x86\xd1|\xc7\x13\x8dF\x97/_\xbet\xd9\xb2\x8f?\xfa\xa8\xa1\xa1\xa1\xa6\xa6\xc6\xb2$0\x80\xa2\x08\x03\x80\x01\x00\xf4\xea\xd93\x14\n\r\x192d\xd0\xa0A\xc3\x86\r\xeb\xdc\xb9\xb3\xfe\xa2eY\x9c\xf3\xec^\x10Q\xfe_C\xf9\xdb+\xef\xf9\xb7]X\x04,\xcb\xd2\x7fH\xa7\xd3/\xbd\xf4\xd2E\x17]t\xd4QG\xd9\x1d|\xdbR^^&gt;n\xdc\xb8\xb9s\xe7\xd6\xd6\xd6\xea\xacL\xd3\xd4\xd7D\x94\x7f\x1eP\xfe\xf6\xcai\xfemY\x81\xdf\x01\xe8\xbf\x1dc,\x12\x89\xcc\x9d;\xf7\x89\'\x9eX\xb5jU\xebWK\x03\x81N]\x8ej\xd7\xa1C\xb7\x9eG\x87**\xa5e\x15\xc3\xdd\x1f\x02r\xc6M3\xb3n\xcd\xcaH\xb8\xf1\xab\xcd\x1b\x1b\x1b\xea[\xbf\xda\xb1c\xa7)S.\xbb\xfa\xea\xab\xfb\xf6\xed\x0b\x00J\xa9\xc3\xb9\x14\xa2\xfc\xbf\x89\xf2\xb7W&gt;\xf3o\xfb\n\xb9\x00H)u_\xe7\xbcy\xf3\xee\xbd\xf7\xdeu\xeb\xd6\xe9\xd7;u\xe9z\xe2\xc9\xa7\x8e9\xfd\xac\xa3\xfb\x0fl\xdf\xa1\xa3\xbf4 \x0c(\xe8w\xf9[ \x82eA:\x95\xae\xdf\xbds\xc3gk\x97,\\\xb0\xf8\x9d\x05\xebk\xd6\xe8\xafVTT\xdcp\xc3\r7\xddtS0\x18\xb4,\xab\xb5\xeb\xe0\xa0P\xfe\xdf\x81\xf2\xb7W\x1e\xf2w\x84\x82-\x00\xba\xf5o\xdf\xbe}\xda\xb4i\xd5\xd5\xd5\xfa\xc5&gt;\xfd\xfa_\xf1\x83\x1b\xc6\x9dsAe\xbbv\x88\x90Ng\xcc\x8c\xa9\x94DT\x05\x1a\xc3&gt;1\x00=\xf4\xc1\xe5r{\xbc\x1e\xc3\x80hSb\xf9\x92\xff&lt;\xf6\xe0\xef\x17/\\\xa0\xbf\xa7o\xdf\xbe\x8f&gt;\xfa\xe8\xa8Q\xa3\xf4\x13\xc2\x83\xba&lt;\xa4\xfc\xbf\x1b\xe5o\xaf\\\xe7\xef\x14\x85Y\x00t\xd1\xae\xae\xae\x9e6}\xfa\xf6m\xdb\x00\xa0{\xaf&gt;\xd3\xaf\xbf\xf9\x9c\x0b.)\x0b\x95\xc5\xa2\t\xd3\xcc\x000\xce9c\xd0\xfcH\xa8X!"*\x85\x88\xc20\xfc\xa5\xa5R\xaa\xc5\xef\xbc\xf9\xc8\x03\xf7.}\xf7\x1d\x00p{&lt;\xf7\xfc\xe67\xb3g\xcf&gt;\xa8\xcf\x00\xe5\x7f\xe0(\x7f{\xe5"\x7f\x07)\xc0\x02\xa0[\xff\xdc\xb9sg\xce\x9c\xa9_\xb9l\xda\xac\xd9?\xbb\xb3\xaa}U$\x1c\x93\x96\xc5\x85(\xbc72+\xa4\x94\x8c\xb1@Y\x99\x94\xd6\x13s\xfe\xfc\xa7\xdf\xdc\x1e\x8b6\x01\xc0\x8c\x193\xe6\xcc\x99#\xa5&lt;\x90Ar\x94\xff!\xa3\xfc\xed\x95\x95\xfc\x9d\xa5\xd0\n\x80\xbe\xf3mm\xfd\xc1P\xc5/\xef}\xe0\xc2\xc9\x975E\x12\x99L\xa6\x80\xfb\xf2\xb2H\x7f\x0c*\xab\xca&gt;\\\xf6\xc1\xcfo\x9c\xb1\xee\xd3\x95\xd0\xf2\x19\xd8\xefu\x10\xe5\x7f\xf8(\x7f{\x1dN\xfe\x8eSP\x05`\xaf\xd6_\xd5\xfe\x88\x07\x1e{n\xe4\x98Q\xbbv6\n\xc3(\xa4\xb7-\x0fL\xd3\x0c\x95\x97\xd7\xef\xae\xbd\xe6\xb2\xef\xad\xfcp\x19\xecq\x1d\xb4\xd74\xa2V\x94\x7f\x16Q\xfe\xf6:\x84\xfc\x9d\xa8p\n\x80~c\xdez\xeb\xadq\xe3\xc6\x01@ye\xd5\xb3\xd5\xef\x1f\xd5\xa3W\xa4\xb1\xd1p\xb9\xec&gt;:G\x92\x96\xe5\xf6z\x04\x17W]t\xc6\xf2\xc5\x0b\x01\xe0\x8e;\xee\xb8\xfd\xf6\xdb\xbfu\\\x04\xe5\x9fu\x94\xbf\xbd\x0e*\x7f\x87*\x90\x02\xa0\x87\xeb\xd6\xd6\xd6\x0e\x180p\xd7\xae\xda\xb2`\xe8\xe1\xf9/\x0f&gt;qT$\x1c6\x0cj\xfd\x87NJ\xe9\xf1zb\x91\xc8\xf4Ig\xad]\xf51c\xac\xba\xbaz\xdc\xb8q{]\x07Q\xfe9B\xf9\xdb\xeb\x00\xf3w\xae\x02\x19\xfd\x8b\x88R\xca\xcb/\xbf\xbc\xb6v\'\x00\xfc\xe27\x0f\x8c\x1c3:\xdcH\xad\xffp\t!\xd2\xc9TE\xbb\xf6\xbf\x9b3?\x18*G\x84\xcb/\xbfb\xe7\xce\x9d\x8c1\xbd\xaa\x8cF\xf9\xe7\x08\xe5o\xaf\x03\xcc\xdf\xb9\n\xa1\x00\xe8j&lt;\x7f\xfe\xfc\x05\x0b\x16\x00\xc0\xc5\x97_}\xd1\xd4)\xb5;\x1b]t\xe7\x9b\r\xc20"\xe1p\x9fc\x8e\xfe\xd9\xff\xfc\x01\x00kkw\xdez\xeb\xad\x9c\xf3\xd6{G\xca?\xa7(\x7f{\xed7\x7fGs|\x17\x90^\xd1"\x1c\x0e\x0f\x1f&gt;|\xd3\xa6M]\x8e\xea\xfe\xdc[\xcb=\x1e\xaf~\x94o\xf7\xd1\x15\x0e)e\xa8&lt;8k\xeaEo\xfe\xeb\x05\x8f\xc7\xf3\xee\xbb\xef\x0e\x192\x04\x11\xf5\x12\x92\x94\x7f\xaeQ\xfe\xf6\xdaW\xfeN_(\xc2\xd9G\x0f\x00zp\xee\xbcy\xf3&gt;\xff\xfcs\xa5\xd4\xd57\xdcR\xd5\xbe"\x93\xc9P\xeb\xcf.\xc6\x98\x99\xb1\xae\xfb\xf1/=^o:\x9d\xbe\xfd\xf6\xdb\xf5\xa9\x87\xf2\xcf\x0f\xca\xdf^\xfb\xca\xdf\xee\xe3:\\\xce.\x00\x88(\x84H&amp;\x93\xf3\xe6\xcdc\x8cu\xef\xd5w\xc2\xc4\xc9\x91\xc6X\xc1&lt;\xa3o;8\xe7\xb1X\xac\xff\xc0\x01gL\xb8\x08\x00\x16-ZTSS#\x84\xe0\x9cS\xfey@\xf9\xdbk_\xf9;\xfdI\x80\xb3\x0b\x80\x9e\x97\xf1\xd6[o}\xfa\xe9\xa7\x88x\xd5\xac\x1f\x96\x05\x03\xd2\xb2\xec&gt;\xae\xc2\xc49\xcf\xa4\xcdi\xd7\xdd\\\xe2\xf3\xc7\xe3\xf1G\x1eyD\xbfH\xf9\xe7\x07\xe5o\xafo\xcd\x9f\n\x80\xfd\x1e{\xec1\xc6X\xfb\x8e\x9d\xc6\x9f{a,\x9a\xe0\x051&lt;\xab\r\xe2\x9c\xc7\xe3\x89\xfe\x03\x07\x0e\x1bu2c\xec\xb9\xe7\x9e\x8b\xc5b\x00\xa0/?)\xff\\\xa3\xfc\xed\xf5\xcd\xfc\x13\x89\x84a\x18\x8e\xee\x08rp\x01\xd0\xfd?\x91Hd\xf9\xf2\x0f\x10q\xe4\xc9\xa7W\xb5\xaf2M\x93z?s\x08\x9118\xed\xac\xf3\x11q\xdb\xb6\xedk\xd7\xae\xb5,k\xd9\xb2e\x94\x7f\x9eP\xfe\xf6\xfaz\xfe+W\xae\x04\x87\xdf\x048\xb8\x00\xe8\xdcW\xacX\xb1u\xebW\x000f\xdc\xd9v\x1fQ\xe1\xe3B$\x93\x99\x13G\x9fR\x1a(\x93\xd2Z\xb4h\xd1\xea\xd5\xab\xb7o\xdf\x0e\x94\x7f^P\xfe\xf6\xda+\xff\xd7_\x7f\x03Zv\xddq(\x07\x17\x00\x9d\xfb\xf2\xe5\x1f\x00\x80\xcf\xef\xef\xd7\x7f@:\x95q\xfa\xa8\xac6\x8e1\x96I\xa7;v\xe9zT\x8f^\x00\xb0r\xe5\xca\xc5\x8b\x17\x03\x80\xdf_J\xf9\xe7\x01\xe5o\xaf\xbd\xf2_\xb1\xe2\x03\x00pt\xe6\x0e&gt;t}\xab\xfb\xe1\x87+\x00\xa0K\xd7\xee\x1d:v\xa6\xfb\xdf&lt;PJ\x95\xf8&lt;}\x8f=\x1e\x00V\xaeZ\xf5\xda\xeb\xaf\x03@\xa7\xaeGQ\xfe\xf9A\xf9\xdbk\xcf\xfckjjb\xb1\x98\xa3\'\x859x\xb8\x98\x1e\x87\xbb{\xf7n\x00\xa8\xa8j\xe7+\r\xc4\xa2M\x8e\xae\xc6\x8e\x80\x88B@\x87\x8e\x9d\x01\xa0\xb1\xa1Aw\xc4UTR\xfeyB\xf9\xdbK\xe7\x7fD\xc7.\x00\x10\x0eG\x92\xc9dii\xa9\xdd\x07u\xe8\x9cZ\x00\xf4\x1c\xbcp8\xbc~\xfdz\x00\xe8\xd9\xe7\x18\xc3@\xe7\xd6a\x07\xe1\x8cY\x16\xf4\xecs\x0c\x00\xd4\xd6\xd6\xd6\xd5\xd5\x01\xe5\x9fG\x94\xbf\xbdt\xfe=\xfa\xf4\x03\x80\xa6\xa6HMMM\xbbv\xed\x94R\x0e]\x1b\xce\xa9\x05@CD\xd3\xb4\x00\xa0\xbc\xa2\x92\xf3B\x98\x98\xe7\x08\x88P^Q\t\x00\x96e\xe9+P\xca?\x9f(\x7f{\xb5\xe6\xaf\x94\xb2\x1c&gt;\xeb\xc2\xf17\x8c\xba\xd3\xd3\xe9o\x83\xe3\xe8\xc0[wG\xa2\xfc\xf3\x8c\xf2\xb7Wk\xe0N\x7f\xe8\xe2\xf8\x02\xa09\xfdmp\x9c\xbd\x02\xa7\xfc\xf3\x8c\xf2\xb7W\xc1\x04^ \x05\x80\x10B\xc8\xc1\xa2\x02@\x08!E\x8a\n\x00!\x84\x14)*\x00\x84\x10R\xa4\xa8\x00\x10BH\x91\xa2\x02@\x08!E\x8a\n\x00!\x84\x14)*\x00\x84\x10R\xa4\xa8\x00\x10BH\x91\xa2\x02@\x08!E\x8a\n\x00!\x84\x14)*\x00\x84\x10R\xa4\xa8\x00\x10BH\x91\xa2\x02@\x08!E\xca\xd9\x1b\xc2\xb4q\x88Y\xd8\xa4\x891`\x8c\xea\xf4\x81\xcaJ\xe6\xfb\xd2\xba\xfe&gt;9\x10\xd4\xfe\xdb&gt;*\x00\xb9\x82\x88\x1e\x8fW\x18\x87\x9b\xb0\x94V&amp;\x95\x02:\xef\x1c\x80le\xbe/f&amp;M\x1b\xaf\x1f j\xff\x8e@\x05 \'\x94R\xa5\x01\xff#\x7f\xba\x7f\xe1\x82\xd78\x17J\xc9C\xf8%\xfa\x07\x07\x0e\x1d\xf9\xc3\xdb~\x9d\x8c\xc7\x19\xed\xf7\xfd\x9d\x94R\xfeR\xffC\xbf\xbd{\xc9\x7f\x16\x1cr\xe6\xfb\xa2\x7f\xe1\x94\xe9\xd7\x9du\xfeE\xb1h\x8csGn\x00\x9b7\xd4\xfe\x9d\x82\n@N "\xe7b\xc5\xfb\xef}\xb0d\xd1a\xfe*\xc3\xed6\x0c\x81\x88t\t\xf4\xdd\x10\xd1p\x89ukV\x1e~\xe6\xfb2v\xfc\x04\x97K\xd0\xd6\xbb\xfbE\xed\xdf)\xa8\x00\xe4\x04cLJL&amp;\x13\\\x08!\x84\x94\x87r\x05\xa4\x7f\xd0\xe7\xf3\xd3\t\xe7\x00!B\x89\xcf\xc7\x85\x10\xc2\x902\x9b\xdb\xe4\xea\xf7\xc2\xedv\xd3{q \xa8\xfd;\x05\x15\x80\x9c\xe0\x8ce\xd2\xa9\xa6p\xa3\x92\x12\x10\x95R\xcd\xaf\x1f\xd4m,"\xe4\xf0\x89faBDh\xfd\xe7\xf0~\xcf\x9e\xd13\x00\xa5\x14\xbd\x19\x07\x88\xda\xbfSP\x01\xc8&gt;D\xe4\x82\xa7R\xa9h4\xb2\xd7\x97Z?\t\x07B\x7fs:\x9d\xcc\xe6\xc1\x156\x06\x99tZ)\xa5T&amp;\xfb\xbf\x1c\x91\xba\xa1\x0f\x04\xb5\x7f\x07\xa1\x02\x90\x13\x9c\x89t*\x19m\x8a\x80\xbe&amp;\x05\x00\x00\xb7\xdb\xd3\xadg\xef\x03\x1f\xcf 8\xb7\xa4\xec\xd6\xa3\x8fR\x8aFA\xec\x17cLY\xea\xc8n=z\xf7\xebo\x08C\x1e\xf2C`D!DSSd\xdb\x96\xcd\x8c1D\x04\xc6\x94R\xde\x12\xdf\x89\xa3OI\xa5LN\xa3\x12\xf7\x87\xda\xbfSP\x01\xc8\x05\xe4\x82\xc7c\xd1T2\xa1\xff\x9bs\xae\x94\xea\xd9\xf7\x98g\xab\x97X\x96u\xe0\xe3\x08\x11\x911\x96L$\x0e\xee\xde\xb9(q\xce\x13\xf1\xc4\xb57\xdfv\xed\x8f~~8#5\xa5\x94\xa1\xf2\xb2[fM\x7f\xfe\xc9\xbfq\xce\xa5\x94\x82\x0b)\xad\xd3\xcf\xfe\xde1\xc7\xf7ol\x88\x08AC\x80\xbe\x1b\xb5\x7f\xc7\xa0\x02\x90}\x88 \x84\x886E\xd2\xa9\x14\x00 \x00g\x0c\x00\x82\xa1r\xb7\xc7\x93\xc9d\x0e\xaa5S\'\xe8\xc1A\x84\xc3\x08\r\x15z\xbd\xde\xf55\xeb^}\xe1)\xc6\x98\xee\x85PJ2\xce/\xbd\xf2\x1a\xd3\x944\t`\xbf\xa8\xfd;\x08\xd5\xd5\\@\xceE\xac)\xa2\xaf_Z\x9fF\x96WT6w)\x90\xb6J*\xcb\xebs?\xfb\xf8\xdcT2\xc9\xb9@D.\x04"\x0e\x1dq\xd2\x90\x13G\xc6cq\xba\x14=\x00\xd4\xfe\x1d\x83Zs\xf6!\x02\xe7\x10\x894\x02@\xf3cC\xc6\x00\xa0\xbc\xb2\x9d\x10\x00@\x1f\x806\n\x11=\x9e\x92m[\xb6\xbd\xf8\xf4\xe3\x8c\xb1\xe6\xe9K\x88\x00p\xd9\xb4Y\xc20\xe8\xe4u \xa8\xfd;\x08\x15\x80\\@\xc6!\xdcP\x0f\x00{\xf6\x17\x84*+\x19\xa7\xf6\xdfv))K\x03\xde\x97\x9e}\xa2\xb1\xa1\x8es\xaeg3)\x85=z\x1f=f\xfc\xd9\xb1h\x8cz\xff\x0f\x0c\xb5\x7f\xc7\xa0\x02\x90\x03\x08\x9c5\x7f\x00\x9aG/ \x02@EE\x15\xaa\xaf\x7f&amp;H\x1b\x82\x86\xcb]_\x17~\xe6\xb19\xad=\x15\x8c\x01\x00^\xf2\xfd\x99ee\xa5\xd2\xca\xe6\xcc\xb2BF\xed\xdf9\xa8\x00\xe4J\xb8\xb1\xbe\xf5\xcf\xfa\xa2\xa7\xbc\xa2J)\xa0O@\xdb$\xa5,\r\xf8\xaa_yn\xeb\x96/\x18\xe3J)\xfd\xef\x8a\xaa\xf6\xe7\\xi&lt;\x96\xe4t\xf9\x7f0\xa8\xfd;\x02\x15\x80\x1c`L\xaa\x96+ \x04\x00@\x85\x00\x10\xaa\xa8D\xa4\xe6\xdfFqn$\x13\xc9\'\x1f\xf9\x0b\x00\xd3o\x92\xee\x05\xfa\xde\xa4\xa9\x9d\xbat\xcc\xa4\xd34\xfe\xe7@Q\xfbw\x0e*\x00\xd9\xc7\x00PA\xa3\xfe\x00\x00\x020D\xc5\x18\x0b\x94\x85\xa4\xa4)-m\x91\x942P\xe6_\xf4\xef\xea\x9a\xd5\x9fp\xce\x94\x94\xc0\x98R\xd2\xe3-\x998eZ2yp#\x17\x8b\x1c\xb5\x7f\x07\xa1y\x00\xd9\xc78\xb7L+\x12n\x04\x00D\xd0\x03\xe1\xdc\x1eO \x14\xd4+\x945O\x88o\x1dR\xa2\xaf-i\xb3\x11\xfb0\xc6\xa4TO\xccy\x00Z\xde\r\xc1\xb9\x94\xf2\xb4\xb3\xce\xeb{\xec\xb1\xe1F\x9a\xfcu\x10\xa8\xfd;\x08\x15\x80lC\xe4\x8c\xa7R\xc9X\xf3B(\xcd\xad\xbc\xa4\xc4WR\xe2WR\x1a\x86\xcbp\xb9\x84\x10\x9c77w\xa5PJ\xcb2-\xcb2Q)\xc69]o\xe6\x93\xdeH`\xc5\xfb\x8b\x97\xbd\xb7\x90q\xae\x97\xaeTJ1\xc6.\xbd\xf2\x1ai\xd1\xe4\xaf\x83A\xed\xdfQ\xa8\x00d\x19\x02p\xc1\xd2\xf1T4\xa2\x17B\x01=\xa4\xa4\xbc\xb2\xdd\x11\x9d:[\xa6\xd5\xd8P\xd7\xd8P\xd7\x14\x0e\xa7SI)%\xe7\xdc[R\x12\xaa\xa8\xac\xacj\x1f\xaa\xa8t{D&amp;-\x13\xf18 \xd2S\xc7\xfc@Da\x88\'\x1f\xfd3\xa2\x12\\H\x00.\x84\x92r\xf0\x89\'\r\x1d1*F\x93\xbf\x0e\x06\xb5\x7fg\xa1\x02\x90}\x9c\x89T"\x11\x8fE\x01\xa0u*{\xb4)r\xcb\xb5Wl\\_\xb3c\xdbW\xd1H\xd84\xcd=\x7f\xc4\xed\xf6\x94WV\xf5\xe8\xddw\xc8\x88\x93O:\xed\xcc\xe3N\x18"\x84\x88F"\x8cs\xba\xfc\xcc)\xa5\x94\xcf\xe7\xabY\xb5\xea\xdf\xaf\xbf\xac;\x82\x00\x9a{\'\xa6L\xbf\xd6p\xb9\x10\x136\x1f\xa2\xd3P\xfbw\x10*\x00Y\x86\x88B\x88h4\x92J%[_\x01\x80\xba];_\xfe\xe7\x93\xff\xfd&gt;\xc6xK\xcbF\xc4L&amp;]\xbbc[\xed\x8em\xef/z\xfb\xcf\xf7\xde9b\xcc\xe9W^{\xd3\xd8qg\xa5\x92I\xd34\xe9\n4wP)o\x89\xeb\x99\xbf\xff5\x93N\xebmd8\xe7Ja\xb7^}\xc6\x8e?7\x16\x8dS\xef\xffA\xa1\xf6\xef,\x94l\xf6q\xce\xe3\xd1\xa8\x92j\xcf\x95O\x18cB\x18\\\x08\xce9\xe3\x9c\xb5l9\xa2\xb7\x19a\x8c1\xc6\xf4VV\x88\xb8d\xe1\x82\x99\x97\x9c}\xcb\xac\xef\'\x93\toI\xc9\xa1m\xa8D\xf6\x0b\x11=\xde\x92\xcd\x1b7\xbf\xfc\xdc\xfc\xd6\xb5\x1f\x18c\x00x\xc9\x153\x83\xe5\x01i\x99\xfb\xfd%d/\xd4\xfe\x1d\x84\n@\x96!\xa20x\xfd\xeeZ\xa5\xa4n\xee\x9cs\xdd\xf4\x11QI\xa9\x94B\xa5\xb0\x05cL\x08\xa17\x19WR\xeaa\x12\\\x08\xce\xc5\x8bO?\xfe\xfd\x0bN\xdf\xb5c[\x89\xcf\x97\xdd-\xce\x89\xa6\xa4\xf4\x97z^x\xea\xb1h$\xac\x97~c\x8cI)\xcb+\xaa\xce\xb9\xf0\xd2x4E\xdd\xd0\x07\x8b\xda\xbf\xb3P\x01\xc82\xcey2\x99\xecw\xdc\tc\xc7\x9f+-K)\xa5\x94\x92\xd2\x92\x96\xa5\x1b\xb1\xc7\xe3-\r\x94\x05\xcaB\xfe\xd2\x80\xcb\xedFD)\xa5\x94\x96\xbew\xd6=\x9eJJ\xa5\xa4\xe1r\xad[\xfd\xc9\x0f&amp;O\x88E#.\x97\x9bV"\xcb.Dt\xb9\xdd\xbbv\xd6\xfd\xf3\x89G\x18c\x88\n\x00\xf4\x99\xe8\xbcIS:w\xed\x9cI\xa7\xa8\x03\xfa`Q\xfbw\x16z\x06\x90e\x8c1\xcb\xb4:t\xec\xf4\xd7\xf9/\xbf\xf2\xfc\xfc\xbf\xfe\xfen\x97\xcb}t\xff\x01\xddz\xf6\xe9\xda\xa3g\x87#:\x97\x85\xca}&gt;?\x17BZV&lt;\x1ek\xa8\xdb\xb5y\xe3\xfa\x8f\x96-^\xbcpA\xdd\xaeZ\x00`\x8c\xeb\x93\x91e\x9a\x86\xcb\xb5\xbef\xcd\x1d?\xba\xee\x8f\xf3\x9e\x8e6E\xe9|\x94EJ\xca`(\xf0\xfc\x93\xf3jwl\xd3\xc3~\x00\x98R\xd2\xed\xf1L\x9c2=\x954i\x03\xc8C@\xed\xdfY\xa8\x00d\x1fc,\x93\xc9\xa4\xd3\xe9\xefM\x9ar\xca\x19\xe7\x1a\x86\xab4\xe0c\x0c\xa4\x04)\x95\xb4\xa4R\n\x00\x81\xb1\x0e\x9c\xf7\xe9w\xec\xa8SN\x9d2\xfd\x9a\x9d\xdbw&lt;?\xffo\x0f\xfd\xf6\x7fS\xc9Dk\xe7\xa9e\x9a\xc20^\x7f\xe9\xd9s_\xbdl\xdc9\xe75E\x9a\xe8\x99d\xb6\x08\xc3\x886\xc5\x9e\xfc\xdb\x83\xc0\x98\x1e\xad.\x04\x97R\x9ez\xc6\x84\xa3\xfb\x1f\x17\t\xd3\xe4\xafCD\xed\xdfA\xe8\x1a\'\'\x18c\x9c\xf3H8"\x84\xa1\x94jl\x087\xd4\x85#\xe1H&lt;\x16K\xa7\x92\xa6\x991M\xd3\xccd\xd2\xc9d,\xda\x14n\x08\x87\x1b\xc3\x81`\xe8\xff\xdd\xfa\xf3\xc7_\xfcw\xbb\x0eG "k\xddx\x16\x9116\xef\xc1\xdfJKr\xba\x02\xca\x12)ei\xa0\xf4\xed7^\xdd\xf8\xd9Z\xde\xf2\xf8W)\x05\xc0.\xbd\xea\x1a\xa5\x14%}8\xa8\xfd;\x05\x15\x80\x1c\x12B\xe8Y\xefB\x18\xc20D\xeb\x10\x88V\xfa\t\x990\x840\xa4e\xed\xda\xd10d\xe4\x89\xbf\x9b\xfb\x94\xdb\xe3a\xacy\x86\xbc\x1e\x02\xf1\xf1\xf2%kW\xaf,\xf1\xf9\x9a\xa7\xd1\x93\xc3\xc397M\xf3\x1f\x8f&lt;\x00\xd0\xbcd\xb1~J9h\xd8\x88a\xa3N\x8eG\xe3\xfaa\x009\x1c\xd4\xfe\xdb&gt;*\x00\xb9u\xe0\xbd\x96\x8c1\x97\xdb]W\xdbp\xd2\xa9c/\xbe\xfcj\xa5T\xeb9\x88s!\xa5\\\xf1\xfe"\xb7\xd7@\xfa\x00\x1c6\xa5\xa4\xbf\xd4\xbf\xf4\xdd\x85\x1f-[\xcc\x18W\xf2\xbf;\x7fM\x9ev\xad\xcb\xedRHcN\xb2\x83\xda\x7f\x1bG\x05\xa0m\x11\x86\x91\x88\x9b\x17O\x9dn\xb8\\J\xc9=\x17O\xafY\xfd1\xaa\x96\x1d6\xc8a@\x04\xce\xd8?\xe6\xfe\x19\x00\xf4\x8a4\x9cs\xa5\xd4Q=z\x9dz\xe6y\xf1h\\\x08z6f\x0fj\xffyF\x05\xa0m\xe1\x9c\xa7\xd3\xe9\xee\xbd\xfa\xf6\xe8\xd5\x17\x11\xf5\xe9\t\x01\x01`\xdbW[LS\xd1@\x88\xc3\xa4\x94\xf2\xfb\xfd\xab&gt;\xfap\xd1\xbf_\xd7\xa3\xfe\xa1\xe5B\xf5\xe2\xcbg\x84*\xca,\x93&amp;\x7f\xd9\x86\xda\x7f\x9eQ\x01hs\xa4\x94&gt;\xbf\xafk\x8f^\xd0z\x07\x8d\x08\x00\xb1hS&amp;\x93\xa6i\xf1\x87\t\x95r{\x8c\xa7\xe6=d\x99\xa6\xeed\xd0e TQ9a\xe2e\xf1\x18M\xfe\xb2\x19\xb5\xff|\xa24\xdb"\xc6 \x18*\xd7\x7fl}QI\x8b:@\x0f\x13*\xe5\xf5\xf9&gt;\xffl\xc3k/&gt;\xdb\xba\xf6\x83.\x03\x13.\xba\xec\xc8\xa3\xbadR4\xf9\xcb~\xd4\xfe\xf3\x86\n@\x1b\xf5\xf5y\x8f\x0c\x00\x0c\x97[\xaf\x94b\xd7!\x15\x00\xa5\x94\xcf\xe7~\xee\x1f\x8f&amp;\xe21\xbd\xf6\x03\x00(%\xddn\xcf\xc4\xa94\xf9\xab\r\xa1\xf6\x9f\x1f\xd4\xdc\xdb\x1c\x06\xa0\x14\x84\x1b\x1a\x00@\xef\xa7\xa1/I\xcb\x82!=u\xde\xce\x83s2Dt{&lt;\xdb\xb7\xeex\xe1\xa9y\x8c\xb1\x96\x11\x8a\x02\x11\xc7\x8c?\xfb\x98\xe3\x07$\x12\t\xeaa\xb0\x1d\xb5\xff|\xa2\xe6\xde\xe6p!\x12\x89\xf8\x96/&gt;\x87\xd6\xeb \xc6\x00\xa0s\xd7n.W\xf3\x925\xe4\x10()\xfd\xa5%\xaf&lt;\xf7d\xfd\xee]\x9c7\xaf7\xa0\xcb\xc0\xe4\xab\xae\xa5\xc9_m\x04\xb5\xff|\xa2\x02\xd0\xb6(\xa5&lt;\x1e\xcf\xe6\xcf7l\xde\xb4\x811\xa6\x14\x024o\xabw\xf4\xb1\xc7\x03k\xddb\x8f\x1c4\xc3\xe5\n76=5\xef\xaf\xd0\xb2\xd2\x80\x9e\xfc5p\xc8\x89\'\x8e\x1e\x13\x8f\xd1\xe4/\xfbQ\xfb\xcf3*\x00\xd9\x87\xa8\x0ey\xbe\xa2\x94\xd2\xe7w\xbd\xf8\xcc\xe3-cT\x9a;\xa9\x85\x10\'\x0c\x1b\x99II\xea\xa4&gt;4RZ\xa5\x01\xff\x82W\xffo\xcb\x17\x9f\xf3\x96\xfe\x9f\xd6\xc9_n\x8f\x9b\x16\x1c\xce\x16j\xff\x0eBif\x19"z&lt;%&gt;\x7f\xa9\x94RJyP]\x96\xa6\x99)\xaf(_\xb1\xf4\x83g\xfe\xfeW\xc6x\xf3\x18\x15!\x00\xe0\x98\xe3\x07\xf5=\xf6\xb8d\x92:\xa9\x0f\x11\xe7"\x95J\xeb\xc9_\xcdk?p\xae\x94:\xb2[\x8f\xd3\xce\xfa^\x8c&amp;\x7fe\t\xb5\x7fg\xa14\xb3\tQy\xbd\x9eU\x1f-\xffp\xe9\xbb\x15\x95\xc1\xb2`\x90s.\xa5%\xf5&gt;\x18\xfb\xf80 \xa2\xfe\x9e\xcav\x15_n\xda\xf8\xa3\x99S\x92\x89\x04c\xcd\x1d\xa0\x0c\x18"N\xbab\x86\xb7\xc4C\x0b\xa1\x1c\x1a%ei\xa0\xf4\xbd\xb7\x17\xac\xf9d\x05\xe7\xcdk?4O\xfe\x9azuEe\x90&amp;\x7fe\x05\xb5\x7f\xc7\xa1\x02\x90MJ)\x8f\xcf\xbd\xfa\x93\x0f\xa6N\x18{\xc3\x95\x97\xbeS\xfd/3\x93\tU\x84B\xe5\xc1\x12\x9fO\x0fbS\xf2\xbf\xf4\x99\xc8\xed\xf6\x84\xcaC\x81\xb2\xb2\xea\x97^\x9c:\xe1\x94/7m\xd0\x17\xa7\x00\xc0\x85\x90\xd2\xeas\xccq\xe7]|Y4\x12\xa3\xb5p\x0f\x19"\xfec\xee\x03\xd0r\xde\xd7\xfb\xbf\x07C\xe5\xe7]&lt;\x85&amp;\x7fe\x0b\xb5\x7f\xc7\xa1\xdb\xde,C\x05%%&gt;\x00x\xf5\x85g^}\xe1\x99#\xbb\xf5\x18:\xf2\xe4\xa1#N&gt;\xba\xff\x80#:\x1dY\x16\x0c\xba\xdcn}\x17\x8b\x00\xa8 \x99Hn\xdf\xfa\xe5G\xcb\x97\xbc\xf2\xcf\'\x17/\\\x00-]\x13\x00\xa0\xbb;\xb9\x10\xbf\xb8\xe7\x01oII\xb4)J\x1f\x80C\xa0\x94\xf2\x97\x96~\xb4\xec\xfd%\x8b\xfe\xcd8\xd7k?p.\xa4\xb4\xce\xb9hr\xd7\xee]\x1b\xea\xc2\xc2\xa0\x0fBvP\xfbw\x16j\xf7\xd9\xa7\x94\x02\xc6\xdc.\x97iZ_m\xde\xf4\xd5\xe6M/\xcc\x7f\x8cs\xde\xaeC\xc7#:u\xa9l\xd7\xbe,Xn\xb8\\\xa6\x99\x8946\xec\xdc\xbe\xf5\xcbM\x9f\'\x13qh\xb98m\xbe\xf6\xe1\x1c\x00\x94\x94\xb7\xdd\xfd\xa7\x11\'\x8f\t\xd7\xd3I\xea\x10!\xa2\xe1\x12\xf3\x1f}PI)\x84!A\x8f\xfe\x94.\xb7\xfb\xe2\xcb\xafN\xa5h\xf2W\x96Q\xfbw\x10\xca4\xfb\x18c\x82s\xa5\x14\xa2\xe2\x9c3\xc6\x01PJY\xbbc[\xed\x8em\xdf\xfa#B\x08\x04h\xed\x9b\xd6\x1b\xe6\x01\xc0O~u\xff\x95\xd7\xde\x10n\x88P\xeb?4\xa8T\x89\xaf\xe4\xb3O?}\xf3\xd5\x17\x18cRI\x00\x10BH)O&gt;\xed\xac\xfe\x03\x06F\xc2\xb4\xc9T\x96Q\xfbw\x10\x8a5\xcb\x18\x033\x93\x91R2\xc6\x9a\x9b\xb5\x92\x88\xc8\x18\x03\xd0\xbb`\xc0\x1e+\x9c\xa0\xa6\xbf\x9fs\xc1\x18H)\xa5eu\xea\xd2\xf5\xe7w\xff\xf1\xcc\xf3\xce\x0f7\xd2\xde\x84\x87N)U\xe2s?\xfb\xc4#\xe9T\xca0\\RZ\xc0\x98~\x189y\xda\xb5\xa8hu\xe1,\xa3\xf6\xef,t\xf3\x9bM\x9c\x8bD,u\xd2igL\x98x\x99\xd7[\xa2\x1fs5\x0ff\xe0\x9c\x0b\xce\xb8n\xfa\xd8\xf2O\xf3\xa6H\x9csDTJJ)C\xe5\x15\xd3\xae\xfb\xd1\xb3\xd5\xef\x8f?\xf7\xfc\xc6\x860\xcdN:d\x88\xe8))\xd9\xbcq\xf3\xf3O\xfe\r\x00,\xcb\xd4\xa7\x1b\xa5\xe4q\'\x0c\x19q\xd2)\xb1X\x8c\xe2\xcd"j\xff\x8eCw\x00\xd9\xc4\x183M\xb3S\x97n\xbf\x9b\xfb\xe4\xfa\xb5k\x17.\xf8\xd7\xe2\x85\x0b\xd6\xadY\xd5P\xb7\xaby\xdb\xa9}+\r\x94\x1ds\xfc\xa0S\xcf\x9c0\xee\x9c\x0b\xba\xf5\xec\x1e\x8f\xa5\xf4\x96\xaa\xf99\xf2\x82\xa4\x94*)\xf1T\xbf\xfc&lt;\x00\x84\xca+\x9b\xfb\x7f\xb8\x90J^&gt;\xf3F\xb7\xd7\x9dL&amp;\xe9\xea2\x8b\xa8\xfd;\x0e\xe5\x9be\x8c\xb1L&amp;\x9dJ%\xbb\xf5\xea}M\xff[\xa6]w\xf3\xee\xda\x1d[\xbf\xfc\xe2\xab\xcd\x1b\xb7m\xd9\\_\xb7;\x12iL\'\x93RZB\x18%~\x7fEe\xbb\x8e\x9d\x8f\xec\xde\xabO\x8f\xde\xfd:\x1d\xd9\xd5\xe31\x12\x89\xb4\xbe\xf0\xa1s\xd3a\x12B\xc4\xa2\xf1s/\x9a|\xce\x85\x97\x024\xcf\xfbE\x00\x06P\x16*\x8f5\xd1\xb0\xc2\xec\xa3\xf6\xef,T\x00\xb2O\xf7~\xa6\x93\xc9d"\xce\x18\x0f\x95W\xb6?\xa2\xe3\xb0Q\xa39\x07DP\nZ\'\xc40\x0e\x82\x03"H\t\x99t:\x95H$\xe2Jo\x93m\xeb\xdf\xa0p b0T\xc1X\xf3y\xbf\x95eY\xb6\x1dS\xa1\xa3\xf6\xef \x14t\xae0\xce\x05p\x00\xb0,\xd343\x88\x08\x88\xa0\'!\xb5|\x0f\x02\xe8\x17\x190\xc6y\xeb\x8f\x90,\xb2\xaco\x99\xe5K\xbb\xbe\xe4\x1a\xb5\x7fG\xa0\x02\x90s\xadC\x1f\x88-(|{Q\xfbo\xcb\xa8\xde\x12BH\x91\xa2\x02@\x08!E\x8a\n\x00!\x84\x14)*\x00\x84\x10R\xa4\xa8\x00\x10BH\x91\xa2\x02@\x08!E\x8a\n\x00!\x84\x14)*\x00\x84\x10R\xa4\xa8\x00\x10BH\x91\xa2\x02@\x08!E\xaa@\n\x00\xcd5\xcf\xb3\xbd\x02\xa7\xfc\xf3\x8c\xf2\xb7W\xc1\x04\xee\xec\x02\x80\x88z\x07Q\xd3\xcc\xb4.1H\xf2\xc043@\xf9\xdb\x87\xf2\xb7\x97\xce\x1fZv0v.\xa7\x16\x00\xc6\x18"\x96\x95\x95\xf5\xee\xdd\x0b\x00\xd6\xadYiZ\xcd\x1bI\x93\x9cR\x88.\x17\xac[\xb3\x12\x00:t\xe8\xd0\xb3\x17\xe5\x9fW\x94\xbf\xbdt\xfe\x9f\xadY\x05\x00ee\xc1\xde\xbd{\x83\x93o\x08\x1c\xdcb\x10\xd10\x8c\xaa\xaa*\x00\x08\x87\x1b2\xa9\xb4s\xdf\x06gQ\x08\xf5u\xbb\x00 \x10\x08t\xe8\xd0\x01(\xff\xfc\xa2\xfc\xed\xd5\x9a\xbf\xdf\xef+//\x07*\x00\xb6\xd07_\xc7\x1f?\x00\x00\xb6l\xfa\xbc\xaev\x87\xdb\xedF\xba\x13\xce1\xcey:%\xf5\x15h\xff\xfe\xfd\xcf\x18?\x1e\x00\xbe\xfab#\xe5\x9f\x1f\x94\xbf\xbdt\xfe5k&gt;\x01\x80\xde\xbd{\xfb\xfd~\xa5\x14\x15\x00\x1b\xe8\xd0\x87\x0c\x19\x0c\x00\xd1\xa6\xc8\xc6\r\xeb\xdc\x1e7:\xbcK\xae\x8dCD\xb7\xdb]\xbfk\xe7\xe6\x8d\xeb\x01\xa0\xffq\xc7\x8d\x1e=\x1a(\xff|\xa1\xfc\xed\xb5W\xfe\x03\x07\x0e\xe4\x9c;\xfa1\x80\x83\x0b\x80\xee\xf1\x1c1bDEE\x85Rj\xf1\xc2\x05\x86\xc1\x14]\x01\xe5\x12*\xe5-\xf1|\xb2biC\xddn\xce\xf9I\xa3G\x0f\x1b6,\x14\nQ\xfe\xf9A\xf9\xdbk\xaf\xfc\xc7\x8f\x1f\x0fN\xee\xff\x01G\x17\x00\xc6\x98R\xaac\xc7\x8e\x03\x06\x0c`\x8c\xfdg\xc1\xabM\x91\x84a\xd0\x1eg9\xa4\x10\x85`o\xbd\xf6\x12"\x86B\xa1\xc1\x83\x07\xfb|\xbe\x81\x03\x07R\xfe\xf9A\xf9\xdbk\xaf\xfcG\x8d\x1a\x05\xe0\xecg\xef\x0e&gt;thy\x0cp\xc9%\x97"\xe2\xe6\x8d\x1b\x96/~\xc7_\xea\x97R\xda}\\\x85\t\x11\xbd^\xefW_n}\xef\x9dj\x008\xe3\x8c3\xf5\x13\xb0K/\xa5\xfc\xf3\x81\xf2\xb7\xd77\xf3\x0f\x06\x83RJ\xba\x03\xb0\x8d\x10\x02\x00&amp;N\xbc\xa8C\x87\x0e\x88\xf8\xc8\x03\xf79\xfa\x81L\x1b\'\xa5\xf4\x07\xbcO\xfd\xed\xc1\xfa\xdd\xbb\x84\x103g\xce\xd0\x83q\'N\x9cH\xf9\xe7\x01\xe5o\xafo\xcd\xdf\xee\x83:\\\xce.\x00\x8c1\xcb\xb2*++\xa7N\x9d\x8a\x88\x1f,Y\xb4\xe8\xad7\xcb\xca\x02t\x11\x94u\x88\xe8\xf1z\xb7}\xb9\xed\x99\xc7\xe72\xc6N8\xe1\x84\xb1c\xc7*\xa5\xa4\x94\x94\x7f\x1eP\xfe\xf6\xdaW\xfe\xfa\x1a\xd4\xb9\x9c]\x00\x00\x80s\x8e\x883g\xce\x0c\x85B\x000\xe7\x0fwK\xba\x08\xca\x01iYee\xde\xbf?\xfc\xc7\xc6\xfa:\x00\xf8\xf1\x8f\x7f\x0c\x00\x88H\xf9\xe7\x07\xe5o\xaf}\xe5o\xf7q\x1d\xaeB(\x00J\xa9&gt;}\xfa\xcc\x9e=\x1b\x11W,}\xf7\xb1\x87\xfeXYUf\x9a\xa6\xdd\x87V8\xa4e\x05C\xc1\xa5\xef.y|\xee\x9f\x00\xe0\xe4\x93\xc7L\x9a4I_\xfeP\xfey@\xf9\xdb\xeb;\xf2\xb7\xfb\xd0\x0e\x17+\x80"\xa6WD\x89\xc5b\x83\x06\r\xda\xf4\xc5\x17~\xbf\xff\xf1\x17\xdf9n\xd0\xe0\xa6pD\xd0\xa0\x88\xc3\x86J\x19.\x97ef.=k\xf4\x86u\x9fr.\x96-[:h\xd0 }\xf9\t\x94\x7f\x8eQ\xfe\xf6\xdao\xfe\x8e\xe6\xf8\xbf\x00\x000\xc6\x18c\xc1`p\xfe\xfc\xf9\x86\x10\x89X\xec\xa7\xd7_\xd9P\xb7\xdb\xed\xf5Pg\xe8aBDD\xf4z=\xbf\xfc\xd1\xac\xf55k\x10\xf1\xfe\xfb\xef\x1b&lt;x\xb0R\xaa\xb5\xf5S\xfe\xb9C\xf9\xdb\xeb@\xf2w\xb4B\xf8;\x00\x00\xe7\xdc\xb2\xac\xe1\xc3\x87\xdfw\xdf}\x08\xb0a\xdd\xa73.9Wp\xee\xf1z\xa5e\xd9}tN\xa5\x94BT\xed;\x06\xef\xb8\xe5\x86\x7f=?\x1f\x00&amp;N\x9c8{\xf6l\xcb\xb2\xf6\xba\xf9\xa5\xfcs\x81\xf2\xb7\xd7\x81\xe7\xef\\\x05R\x00\x00\xc00\x0c\xcb\xb2f\xcf\x9e=c\xc6\x0c\x00X\xfd\xf1\x07\xd3/&gt;;\x1a\t\x07\x82A\xea\x0f=\x04\xd2\xb2\\.Wii\xe0\xa7\xd7_\xff\xf4\xbc\x87\x00`\xe8\xd0\xa1s\xe6\xcc\xd9W\xd7\'\xe5\x9f]\x94\xbf\xbd\x0e6\x7f\x87*\x9c\x02\x00\x00B\x08\xa5\xd4\x9c9s\xf4g`\xe9\xbbo\xcf\xb8\xe4\xec/6\xac\xabjW.\xa5t\xf4\x92\x1d\xf9\x84\x88\x96i\x06\x82A\xd3L\xdf2\xeb\xca\'\x1f\xf9\x8bR8t\xe8\xd0\xea\xea\xea\xef^\xfb\x90\xf2\xcf\n\xca\xdf^\x87\x9c\xbf\x13\x15\xc2C\xe0=\xe9\x07bB\x88\x993g\xce\x9d;\x17\x00B\xe5\x95?\xbf\xfb\x0f\xe7_2\xd54e"\x16e\x9c\x17F\xe7]. \xa2\x94\xd2\xe3\xf5\x06\x02\xde\xe5\x8b\x97\xdc~\xf3,\xbd\xea\xe4\xb0a\xc3\xdex\xe3\x8d\xf2\xf2\xf2\xfdv}R\xfe\x87\x83\xf2\xb7\xd7\xe1\xe7\xef8\x85V\x00\xa0\xe5\xb9\r\xe7\xfc\xce;\xef\xb8\xe3\x8e;\xf5\x8bg\x9f?\xe9\x9a\x1f\xdez\xcc\xf1\x033\x19+\x11\x8f\x03 \xe7\xa2\x90*\xf9\xe1h\xdeX\n\xd1\xe3\xf5\xfaK\xbd[\xb7l{\xf2\xd1\xbf\xcc\xfb\xcbo3\x99\x0c\x00L\x9a4\xe9\xe1\x87\x1f&gt;\xf0\xd6O\xf9\x1f,\xca\xdf^\xd9\xcd\xdfY\n\xb0\x00\xc0\x1e\x9f\x81\xea\xea\xeai\xd3\xa6o\xdf\xbe\r\x00\xbc^\xef\xd9\x17\\r\xc5\x0fn&lt;v\xc0 \xc6 \x95\xccd2i\xa5\x14"\xb2\xe2\xfb( \x00"2\x06\x8cq\x97\xdb]R\xe2\x15\x02\xbe\xfar\xeb\xb3\x8f\xcfy\xf6\xf1\xb9\xbbkw\x02\x80\xdb\xed\xbe\xe7\x9e{f\xcf\x9e\r\x00\x07\xd5\xfa)\xff\xfd\xa2\xfc\xed\x95\xd3\xfc\x1d\xa40\x0b\x80fY\x96a\x18\xdb\xb7o\xbf\xed\xb6\xdb\xe6\xcf\x7f*\x9dN\x01@I\x89o\xe4\xd8\xd3O9c\xc2\xf0\xd1c:v\xee\xea-\xf1\x08\x01\x96\x05\x85\x1b\xc3&gt;\xb9\\\xa0\x14d2rw\xed\xce\x95+\xde_\xf8\xe6k\xef\xbe\xfd\xc6\xae\x9d;\xf4W\xc7\x8d\x1bw\xd7]w\r\x1f&gt;\\//s\x08\xa7\x08\xca\xff\xbbQ\xfe\xf6\xcau\xfe\x8eP\xc8\x05\x00\x00\xa4\x94\xfa\x91\xfd\xb2e\xcb\xee\xbe\xfb\xee\x05\x0b\x16$\x12\t\xfd\xa5@YY\x8f\xde\xfdz\xf6\xe9\xd7\xe9\xc8#\xbb\xf5&lt;\xba\xbc\xa2\xd2\xb2\xacB}\x9b\xbf\x0e\x19\xe3\xa6\x99Y\xb7feC\xfd\xee\xf5kWo\\_S\xbf{W\xeb\x97G\x8e\x1au\xfdu\xd7M\x9e&lt;\x19\xf6\x08\xf0\xd0P\xfe\xdf\x86\xf2\xb7W\xfe\xf2w\x00,tJ)\xcb\xb2\xf4\x9fW\xaf^}\xf3\xcd7w\xeb\xde\xdd\xee\xd4\xdb\xa2\xf6\xed\xdb_\xf1\xfd\xef\xbf\xf9\xe6\x9b:+)\xa5\x94\x92\xf2\xcf\x1b\xca\xdf^9\xca\xbf\x8d+\xf0;\x80V\xba\xafS\x17\xf3h4ZSS\xb3x\xf1\xe2\x0f?\xfcp\xf5\xea\xd5\xe1pd\xc7\x8e\xed\xc57g\x92\xb5\xef\xd0\xde\xef\xf7\x0f\x1c8\xf0\xb8\xfe\xfd\x87\x0f\x1f&gt;x\xf0\xe0v\xed\xda\xc1\x1e#I\xb2\xf8?\xa3\xfc\xbf\x81\xf2\xb7W^\xf3o\xb3\x8ae\xa9\x10\xbd}\x18"2\xc6\x02\x81\xc0\xd0\xa1C].\x17\xe7\xbc\xb1\xb1\x91\x0b\xb1kWm\x91\x14\xc2\x16\x0c\x00\x82ee\x95\x95\x95\x83\x07\r\x1a1b\xc4\xe0\xc1\x83\x03\x81\x80\xfe\x9a\x942\xeb\xcf\xbb(\xff\xaf\xa3\xfc\xed\x95\xef\xfc\xdb.[\xee;\xf2\xac\xf5\x168\x9dN\xbf\xf4\xd2K\x17^xa\x97.G\xda\x1d|\xdbRVVv\xda\xe9\xa7\xcf\x993\xa7\xb6\xb6Vge\x9a\xa6&gt;eP\xfey@\xf9\xdb+\xa7\xf9\xb7e\x05\xde\x05\xa4\xffv\x8c\xb1H$2w\xee\xdc\'\x9exb\xd5\xaaU\xad_-\r\x04:v\xee\xda\xaeC\x87n=\x8f\x0eUTH\xcb\xd9\xbb\xbb\x1d \x04d\x8cY\xa6\xb9n\xcd\xcaH\xb8\xf1\xab\xcd\x1b\xc3\x8d\r\xad_\xed\xd8\xb1\xd3\x94)\x97]}\xf5\xd5}\xfb\xf6\x85\xc3\x1e\xfdF\xf9\x7f\x13\xe5o\xaf|\xe6\xdf\xf6\x15r\x01h}\x82?o\xde\xbc{\xef\xbdw\xdd\xbau\xfa\xf5N]\xba\x9ex\xf2\xa9cN?\xeb\xe8\xfe\x03\xdbw\xe8\xe8/\r\x08\x03\n\xfa]\xfe\x16\x88`Y\x90N\xa5\xebw\xef\xdc\xf0\xd9\xda%\x0b\x17,~g\xc1\xfa\x9a5\xfa\xab\x15\x15\x157\xdcp\xc3M7\xdd\x14\x0c\x06\xf5h\xc2C\xf8_P\xfe\xdf\x81\xf2\xb7W\x1e\xf2w\x84\x82-\x00\xba\xf5o\xdf\xbe}\xda\xb4i\xd5\xd5\xd5\xfa\xc5&gt;\xfd\xfa_\xf1\x83\x1b\xc6\x9dsAe\xbbv\x88\x90Ng\xcc\x8c\xa9\x94DT\x05\x1a\xc3&gt;1\xbd\x8c0\xe7.\x97\xdb\xe3\xf5\x18\x06D\x9b\x12\xcb\x97\xfc\xe7\xb1\x07\x7f\xbfx\xe1\x02\xfd=}\xfb\xf6}\xf4\xd1GG\x8d\x1au\x08C\xa1)\xff\xefF\xf9\xdb+\xd7\xf9;Ea\x16\x00]\xb4\xab\xab\xab\xa7M\x9f\xbe}\xdb6\x00\xe8\xde\xab\xcf\xf4\xebo&gt;\xe7\x82K\xcaBe\xb1h\xc243\x00\x8cs\xce\x18\xe8\'BE\x0b\x11Q\x0f\x111\x0c\x7fi\xa9\x94j\xf1;o&gt;\xf2\xc0\xbdK\xdf}\x07\x00\xdc\x1e\xcf=\xbf\xf9\xcd\xec\xd9\xb3\x0f\xea3@\xf9\x1f8\xca\xdf^\xb9\xc8\xdfA\n\xb0\x00\xe8\xd6?w\xee\xdc\x993g\xeaW.\x9b6k\xf6\xcf\xee\xacj_\x15\t\xc7\xa4eqA\xab\xa0|;)%c,PV&amp;\xa5\xf5\xc4\x9c?\xff\xe97\xb7\xc7\xa2M\x000c\xc6\x8c9s\xe6\xe8\xd1\x11\xfb\x8d\x8e\xf2?d\x94\xbf\xbd\xb2\x92\xbf\xb3\x14Z\x01\xd0w\xbe\xad\xad?\x18\xaa\xf8\xe5\xbd\x0f\\8\xf9\xb2\xa6H"\x93\xc9\x14p_^\x16\xe9\x8fAeU\xd9\x87\xcb&gt;\xf8\xf9\x8d3\xd6}\xba\x12Z&gt;\x03\xfb\xbd\x0e\xa2\xfc\x0f\x1f\xe5o\xaf\xc3\xc9\xdfq\n\xaa\x00\xec\xd5\xfa\xab\xda\x1f\xf1\xc0c\xcf\x8d\x1c3j\xd7\xceFa\x18\x85\xf4\xb6\xe5\x81i\x9a\xa1\xf2\xf2\xfa\xdd\xb5\xd7\\\xf6\xbd\x95\x1f.\x83=\xae\x83\xf65G\x86\xf2\xcf"\xca\xdf^\x87\x90\xbf\x13\x15N\x01\xd0o\xcc[o\xbd5n\xdc8\x00(\xaf\xacz\xb6\xfa\xfd\xa3z\xf4\x8a46\x1a.\x97\xddG\xe7H\xd2\xb2\xdc^\x8f\xe0\xe2\xaa\x8b\xceX\xbex!\x00\xdcq\xc7\x1d\xb7\xdf~\xfb\xb7\x8e\x8b\xa0\xfc\xb3\x8e\xf2\xb7\xd7A\xe5\xefP\x05R\x00\xf4p\xdd\xda\xda\xda\x01\x03\x06\xee\xdaU[\x16\x0c=&lt;\xff\xe5\xc1\'\x8e\x8a\x84\xc3\x86A\xad\xff\xd0I)=^O,\x12\x99&gt;\xe9\xac\xb5\xab&gt;f\x8cUWW\x8f\x1b7n\xaf\xeb \xca?G(\x7f{\x1d`\xfe\xceU \xa3\x7f\x11QJy\xf9\xe5\x97\xd7\xd6\xee\x04\x80_\xfc\xe6\x81\x91cF\x87\x1b\xa9\xf5\x1f.!D:\x99\xaah\xd7\xfews\xe6\x07C\xe5\x88p\xf9\xe5W\xec\xdc\xb9S/-\xd0\xfam\x94\x7f\x8eP\xfe\xf6:\xc0\xfc\x9d\xab\x10\n\x80\xae\xc6\xf3\xe7\xcf_\xb0`\x01\x00\\|\xf9\xd5\x17M\x9dR\xbb\xb3\xd1Ew\xbe\xd9 \x0c#\x12\x0e\xf79\xe6\xe8\x9f\xfd\xcf\x1f\x00\xb0\xb6v\xe7\xad\xb7\xde\xca9o\xbdw\xa4\xfcs\x8a\xf2\xb7\xd7~\xf3w4\xc7w\x01\xe9\x15-\xc2\xe1\xf0\xf0\xe1\xc37m\xda\xd4\xe5\xa8\xee\xcf\xbd\xb5\xdc\xe3\xf1\xeaG\xf9v\x1f]\xe1\x90R\x86\xca\x83\xb3\xa6^\xf4\xe6\xbf^\xf0x&lt;\xef\xbe\xfb\xee\x90!C\x10\x911F\xf9\xe7\x01\xe5o\xaf}\xe5\xef\xf4\x85"\x9c}\xf4\xd0\xb2t\xdf\xbcy\xf3&gt;\xff\xfcs\xa5\xd4\xd57\xdcR\xd5\xbe"\x93\xc9P\xeb\xcf.\xc6\x98\x99\xb1\xae\xfb\xf1/=^o:\x9d\xbe\xfd\xf6\xdb\xf5\xa9\x87\xf2\xcf\x0f\xca\xdf^\xfb\xca\xdf\xee\xe3:\\\xce.\x00\x88(\x84H&amp;\x93\xf3\xe6\xcdc\x8cu\xef\xd5w\xc2\xc4\xc9\x91\xc6X\xc1&lt;\xa3o;8\xe7\xb1X\xac\xff\xc0\x01gL\xb8\x08\x00\x16-ZTSS#\x84\xe0\x9cS\xfey@\xf9\xdbk_\xf9;\xfdI\x80\xb3\x0b\x80\x9e\x97\xf1\xd6[o}\xfa\xe9\xa7\x88x\xd5\xac\x1f\x96\x05\x03\xd2\xb2\xec&gt;\xae\xc2\xc49\xcf\xa4\xcdi\xd7\xdd\\\xe2\xf3\xc7\xe3\xf1G\x1eyD\xbfH\xf9\xe7\x07\xe5o\xafo\xcd\x9f\n\x80\xfd\x1e{\xec1\xc6X\xfb\x8e\x9d\xc6\x9f{a,\x9a\xe0\x051&lt;\xab\r\xe2\x9c\xc7\xe3\x89\xfe\x03\x07\x0e\x1bu2c\xec\xb9\xe7\x9e\x8b\xc5b\x00\xa0/?)\xff\\\xa3\xfc\xed\xf5\xcd\xfc\x13\x89\x84a\x18\x8e\xee\x08rp\x01\xd0\xfd?\x91Hd\xf9\xf2\x0f\x10q\xe4\xc9\xa7W\xb5\xaf2M\x93z?s\x08\x9118\xed\xac\xf3\x11q\xdb\xb6\xedk\xd7\xae\xb5,k\xd9\xb2e\x94\x7f\x9eP\xfe\xf6\xfaz\xfe+W\xae\x04\x87\xdf\x048\xb8\x00\xe8\xdcW\xacX\xb1u\xebW\x000f\xdc\xd9v\x1fQ\xe1\xe3B$\x93\x99\x13G\x9fR\x1a(\x93\xd2Z\xb4h\xd1\xea\xd5\xab\xb7o\xdf\x0e\x94\x7f^P\xfe\xf6\xda+\xff\xd7_\x7f\x03Zv\xddq(\x07\x17\x00\x9d\xfb\xf2\xe5\x1f\x00\x80\xcf\xef\xef\xd7\x7f@:\x95q\xfa\xa8\xac6\x8e1\x96I\xa7;v\xe9zT\x8f^\x00\xb0r\xe5\xca\xc5\x8b\x17\x03\x80\xdf_J\xf9\xe7\x01\xe5o\xaf\xbd\xf2_\xb1\xe2\x03\x00pt\xe6\x0e&gt;t}\xab\xfb\xe1\x87+\x00\xa0K\xd7\xee\x1d:v\xa6\xfb\xdf&lt;PJ\x95\xf8&lt;}\x8f=\x1e\x00V\xaeZ\xf5\xda\xeb\xaf\x03@\xa7\xaeGQ\xfe\xf9A\xf9\xdbk\xcf\xfckjjb\xb1\x98\xa3\'\x859x\xb8\x98\x1e\x87\xbb{\xf7n\x00\xa8\xa8j\xe7+\r\xc4\xa2M\x8e\xae\xc6\x8e\x80\x88B@\x87\x8e\x9d\x01\xa0\xb1\xa1Aw\xc4UTR\xfeyB\xf9\xdbK\xe7\x7fD\xc7.\x00\x10\x0eG\x92\xc9dii\xa9\xdd\x07u\xe8\x9cZ\x00\xf4\x1c\xbcp8\xbc~\xfdz\x00\xe8\xd9\xe7\x18\xc3@\xe7\xd6a\x07\xe1\x8cY\x16\xf4\xecs\x0c\x00\xd4\xd6\xd6\xd6\xd5\xd5\x01\xe5\x9fG\x94\xbf\xbdt\xfe=\xfa\xf4\x03\x80\xa6\xa6HMMM\xbbv\xed\x94R\x0e]\x1b\xce\xa9\x05@CD\xd3\xb4\x00\xa0\xbc\xa2\x92\xf3B\x98\x98\xe7\x08\x88P^Q\t\x00\x96e\xe9+P\xca?\x9f(\x7f{\xb5\xe6\xaf\x94\xb2\x1c&gt;\xeb\xc2\xf17\x8c\xba\xd3\xd3\xe9o\x83\xe3\xe8\xc0[wG\xa2\xfc\xf3\x8c\xf2\xb7Wk\xe0N\x7f\xe8\xe2\xf8\x02\xa09\xfdmp\x9c\xbd\x02\xa7\xfc\xf3\x8c\xf2\xb7W\xc1\x04^ \x05\x80\x10B\xc8\xc1\xa2\x02@\x08!E\x8a\n\x00!\x84\x14)*\x00\x84\x10R\xa4\xa8\x00\x10BH\x91\xa2\x02@\x08!E\x8a\n\x00!\x84\x14)*\x00\x84\x10R\xa4\xa8\x00\x10BH\x91\xa2\x02@\x08!E\x8a\n\x00!\x84\x14)*\x00\x84\x10R\xa4\xa8\x00\x10BH\x91\xa2\x02@\x08!E\xca\xd9\x1b\xc2\xb4q\x88Y\xd8\xa4\x891`\x8c\xea\xf4\xa1\xa0\xfc\xf3/+\x99\xefK\xeb\xfe\x07$[\xa8\x00\xe4\n"z&lt;^a\x1cn\xc2RZ\x99T\n\xa8\xdd\x1f$\xca?\xff\xb2\x95\xf9\xbe\x98\x994m|\x9f]T\x00rB)U\x1a\xf0?\xf2\xa7\xfb\x17.x\x8ds\xa1\x94&lt;\x84_\xa2\x7fp\xe0\xd0\x91?\xbc\xed\xd7\xc9x\x9c\xd1~\xdf\x07\x8c\xf2\xcf?\xa5\x94\xbf\xd4\xff\xd0o\xef^\xf2\x9f\x05\x87\x9c\xf9\xbe\xe8_8e\xfaug\x9d\x7fQ,\x1a\xe3\xdc\x91\x1b\xf0\xb6AT\x00r\x02\x119\x17+\xde\x7f\xef\x83%\x8b\x0e\xf3W\x19n\xb7a\x08D\xa4\xcb\x9e\x03G\xf9\xe7\x1f"\x1a.\xb1n\xcd\xca\xc3\xcf|_\xc6\x8e\x9f\xe0r\t\xda\xfa8\x8b\xa8\x00\xe4\x04cLJL&amp;\x13\\\x08!\x84\x94\x87r5\xa4\x7f\xd0\xe7\xf3S\x83?X\x94\xbf-\x10\xa1\xc4\xe7\xe3B\x08aH\x99\xcdm\x8a\xf5{\xe1v\xbb\xe9\xbd\xc8.*\x009\xc1\x19\xcb\xa4SM\xe1F%% *\xa5\x9a_?\xa8n\x04D\xc8\xe1\x13\xb5BF\xf9\xdb\x05\x11\xa1\xf5\x9f\xc3\xfb={F\xcf\x00\x94R\xf4fd\x1d\x15\x80\xecCD.x*\x95\x8aF#{}\xa9\xf5Lt \xf47\xa7\xd3\xc9l\x1e\\\x11\xa0\xfcm\xc3 \x93N+\xa5\x94\xcad\xff\x97#\xd2c\x98\xac\xa3\x02\x90\x13\x9c\x89t*\x19m\x8a\x80\xbe&amp;\x02\x00\x00\xb7\xdb\xd3\xadg\xef\x03\x1fO"8\xb7\xa4\xec\xd6\xa3\x8fR\x8aF\xa1\x1c\x14\xca?\xff\x18c\xcaRGv\xeb\xd1\xbb_\x7fC\x18\xf2\x90\x1f\x02#\n!\x9a\x9a"\xdb\xb6lf\x8c!"0\xa6\x94\xf2\x96\xf8N\x1c}J*er\x1a\x95\x9b=T\x00r\x01\xb9\xe0\xf1X4\x95L\xe8\xff\xe6\x9c+\xa5z\xf6=\xe6\xd9\xea%\x96e\x1d\xf886Dd\x8c%\x13\x89\x83\xeb\xbb(v\x94\xbf\r8\xe7\x89x\xe2\xda\x9bo\xbb\xf6G??\x9c\x91\x9aR\xcaPy\xd9-\xb3\xa6?\xff\xe4\xdf8\xe7RJ\xc1\x85\x94\xd6\xe9g\x7f\xef\x98\xe3\xfb76D\x84\xa0!@YC\x05 \xfb\x10A\x08\x11m\x8a\xa4S)\x00@\x00\xce\x18\x00\x04C\xe5n\x8f\'\x93\xc9\x1c\xd4\xd9\x84\xfa=\x0f\x16\xe5o\'D8\x8c\xd0P\xa1\xd7\xeb]_\xb3\xee\xd5\x17\x9eb\x8c\xe9^8\xa5$\xe3\xfc\xd2+\xaf1MI\x93\x00\xb2\x8b\xaekr\x019\x17\xb1\xa6\x88\xbe~l}\x1aV^Q\xd9|KKr\x8b\xf2w*\xa9,\xaf\xcf\xfd\xec\xe3sS\xc9$\xe7\x02\x11\xb9\x10\x888t\xc4ICN\x1c\x19\x8f\xc5\xe9V,\xbb(\xcd\xecC\x04\xce!\x12i\x04\x80\xe6\xc7V\x8c\x01@ye;!\x00\x80N@\xb9E\xf9;\x14"z&lt;%\xdb\xb6l{\xf1\xe9\xc7\x19c\xcdS\xc9\x10\x01\xe0\xb2i\xb3\x84aP\xf1\xce:*\x00\xb9\x80\x8cC\xb8\xa1\x1e\x00\xf6\xbc_\rUV2N\xe7\x9f&lt;\xa0\xfc\x1dIIY\x1a\xf0\xbe\xf4\xec\x13\x8d\ru\x9cs=\x9bO)\xec\xd1\xfb\xe81\xe3\xcf\x8eEc\xd4\xfb\x9fuT\x00r\x00\x81\xb3\xe6\x13P\xf3\xe8\x11D\x00\xa8\xa8\xa8B\xf5\xf5s\x12\xc9\x05\xca\xdf\x91\xd0p\xb9\xeb\xeb\xc2\xcf&lt;6\xa7\xb5\xa7\x8e1\x00\xc0K\xbe?\xb3\xac\xacTZ\xd9\x9cYF4*\x00\xb9\x12n\xaco\xfd\xb3\xbe\xe8,\xaf\xa8R\n\xe8\x0c\x94\x1f\x94\xbf\xb3H)K\x03\xbe\xeaW\x9e\xdb\xba\xe5\x0b\xc6\xb8RJ\xff\xbb\xa2\xaa\xfd9\x17^\x1a\x8f%9]\xfe\xe7\x00\x15\x80\x1c`L\xaa\x96+P\x04\x00@\x85\x00\x10\xaa\xa8D\xa4\xd3O\xeeQ\xfe\x0e\xc4\xb9\x91L$\x9f|\xe4/\x00L\xbfI\xba\x17\xe8{\x93\xa6v\xea\xd21\x93N\xd3\xf8\x9f\\\xa0\x02\x90}\x0c\x00\x154\xea\x13\x10 \x00CT\x8c\xb1@YHJ\x9aR\x94s\x94\xbf\xe3H)\x03e\xfeE\xff\xae\xaeY\xfd\t\xe7LI\t\x8c)%=\xde\x92\x89S\xa6%\x93\x077r\x97\x1c8\x9a\x07\x90}\x8cs\xcb\xb4"\xe1F\x00@\x04=\x10\xd1\xed\xf1\x04B</t>
        </is>
      </c>
    </row>
    <row r="41">
      <c r="A41" s="1" t="n">
        <v>39</v>
      </c>
      <c r="B41" t="inlineStr">
        <is>
          <t>polygon_sides_color</t>
        </is>
      </c>
      <c r="C41" t="inlineStr">
        <is>
          <t>What is the missing color of the part denoted with a question mark?</t>
        </is>
      </c>
      <c r="D41" t="inlineStr">
        <is>
          <t>['purple', 'red', 'blue', 'green']</t>
        </is>
      </c>
      <c r="E41" t="inlineStr">
        <is>
          <t>green</t>
        </is>
      </c>
      <c r="F41" t="inlineStr">
        <is>
          <t>There are 6 colored polygons arranged in a triangle with color ['purple'] in the top row, ['green', 'blue'] in the middle row, and ['purple', 'blue', '?'] in the bottom row.</t>
        </is>
      </c>
      <c r="G41" t="inlineStr">
        <is>
          <t>We observe that the polygon with 8 sides is purple in color and the polygon with 4 sides is blue in color. Thus, the pattern is that the polygons with the same number of sides have the same color.</t>
        </is>
      </c>
      <c r="H41" t="inlineStr">
        <is>
          <t>Based on the pattern that the polygons with the same number of sides have the same color, the missing color of the part with 6 sides should be green.</t>
        </is>
      </c>
      <c r="I41" t="inlineStr">
        <is>
          <t>b'\x89PNG\r\n\x1a\n\x00\x00\x00\rIHDR\x00\x00\x02\x00\x00\x00\x02\x00\x08\x02\x00\x00\x00{\x1aC\xad\x00\x00[\x9aIDATx\x9c\xed\xddg|\x14U\xdb\x06\xf093\xbb\xc9\xeef7\rBh\nH\t\xbdFB\x11)\x1a:\xa2\x82\x80\x14E)*\x88\x80 (\x16P\x1fDQD)\xd2\x9b\x02J\x91\xdeC\t %\t\x01\x02\x02\xd2\x8b\xf4\x90\x9e\xcdn\xb23s\xde\x0f\x07\xf2Fz\xd92\xe5\xfa\x7f{\x9e_\x84!\xbb{_\xa7\xdc{\x0e\xa1\x94r\x00\x00\xa0?\xbc\xaf\x1f\x00\x00\x00|\x03\x01\x00\x00\xa0S\x08\x00\x00\x00\x9dB\x00\x00\x00\xe8\x14\x02\x00\x00@\xa7\x10\x00\x00\x00:\x85\x00\x00\x00\xd0)\x04\x00\x00\x80N!\x00\x00\x00t\n\x01\x00\x00\xa0S\x08\x00\x00\x00\x9dB\x00\x00\x00\xe8\x14\x02\x00\x00@\xa7\x10\x00\x00\x00:\x85\x00\x00\x00\xd0)\x04\x00\x00\x80N!\x00\x00\x00t\n\x01\x00\x00\xa0S\x08\x00\xd0#J\xa9$I\xb2,SJEQ\xc4\xc5\xa8\xa0O\x04o}\xd0\x15V\xfa\r\x06\xc3m\xff\xbf$I\x84\x10\x9e\xc7\x90\x08t\x04ow\xd0\x0bY\x96Y\x957\x18\x0c\xa2\xe8Z\xbdfE\x87\x8e\xaf4m\xdad\xfa\x8c_\xd2\xd3\xd3\x04A\xe0y\x9e\xfd\x0cFE\xa0\x13\x98\x01\x80\xc6QJeY\xe6y\x81\x10\x8e\xe3\xb8\xcb\x97/\xcd\x9e3c\xf9\x9fk\xec\xe9\xc6\x9a\x95\xa2m\xd6\x90\xb8\x83kE\x92\xdc\xee\xe5\xe8\xee\xdd{T\xabZ\x83\xfdW\xa2(\n\x82@\xd8\x7f\x03\xa0Q\x08\x00\xd0,Y\x96eY\xce_\xed\xd9\x16\xbbe\xee\x9c9q{\x0e\x85\x06D4\xa8\xd3\xae\\\x99\xeal\xc8o0\x18\xff\xbdtrg\xdc\xf2sW\x13+W/\xd5\xa3G\xb7\x97\xdbw\xf0\xf7\xf7\xe78N\x92$\x8e#\x82\x80\x892h\x13\x02\x00\xb4\xe6\xd6\x90\x9fg\xe3\xf7\xf4\x8c\xb4\x85\x0b\x7f[\xb8`\xc9\xf5\x8b\x8eJe\x1b\xd5\xad\xd5"&lt;\xec\xa9\xbc&lt;\x87#7\x87\xe38\xc2q\x94R??\x93\xc5d\xcd\xccN;px\xc7\xfe#\x9b\x8c\x01\x99\x1d^k\xdf\xad[\x8f2\xa5\x9f\xb9\xf3\x0f\x04\xd0\x0c\x04\x00h\x07\xeb\xea\x11\x04\x81\xfd\xcf}\x89\xf1\xf3\xe6\xcd\xdd\xb2i\x97\x91+\xf2|\xdd\x8e\x95\xcaG\xfa\xf9\xf9\xe78\xb2\\\xae&lt;B\xfeS\xcd)\xa5\x94\xca\x82`0\x9b\xac\x84\xf0\'N\x1f\xd8\x93\xb8\xe6z\xc6?u\x1bT\xe9\xd3\xa7w\x93\xc6/\xb0\x1f\x13E\x91\xe7yl\x14\x83f \x00@\xf5\xd8\x08\x9d\xe38V\xfa\x1dN\xc7\xaaU\xcb\xa6O\x9bu\xe1LZ\xd9\x92\xf5\xea\xd5nY\xb2XY\x97\x98\xe7p\xda)\x95y\x9e\xe7\xb8{\x0e\xe4e*s\x94\x9aM\x01\xfe~\xe6\xd4\xf4\xeb\x7f%\xac&gt;zjGxIs\xa7\xce\xaf\xbc\xd6\xb1K\xb1b\xc59L\x08@C\x10\x00\xa0b\xb7\xf5t\x1e\xfe;i\xfe\xfc\xdf6m\x88\xcd\xb3\x07&lt;[\xade\x9d\x1a/\x98M\x16\x87\xd3\x9e\x97\xe7$\x84\x10\xf2\xb0#\xf7[\x13\x02\xa3\xd5\x12\x98\xe7\xca=z"!\xfe\xe0\xba\xb4\x9cS-\xda4\xee\xf9\xe6[\x91u\xea\xb2\x1f\x93$\t1\x00\xaa\x86\x00\x00U*\xb8\xda#\x8a\xae\xf5\x1b\xd6.\\\xb0p\xef\xae\xbf\xcb\x14\xaf\x1bU\xabU\x99\xa7+QJs\x1c\x99\xb2,\xdf\xb6\xda\xf3\x88\x7f\x8bD\x08o6Y\xfc\xfc\xcc\x17/\x9f\xde\x93\xb8\xee\xf4\xc5\xbdO?\x13\xd2\xf7\x9d^\xed_z\xd5d2s77\x8a9$\x01\xa8\x11\x02\x00\xd4\xe4^=\x9d9\x19\xc6j\x11/\xd4\xad\x19\x1d\x12\x1c\xe6pd\xe7\xe698B\xf8\x87\x1e\xf2?\xe8/\x95)\xa5~F\x93\xd9\x1c\xe0p\xe6$&amp;mI8\xbc\xc1\xcf\x92\xdd\xbcU\xd3w\xdf}\xafL\xe9\xb2\xec\xc70!\x00\xd5A\x00\x80:&lt;\xb8\xa7S\x10rr2%I|\x92!\xff}\xb0u!\x9e\xe7-\xe6@B\xc8\xd9\x0b\xc7\xe2\x0e\xac\xbf|#\xa9\xd6\xb3\xe5\xbbv\xeb\xda\xaae[\xf6l\xf8F1\xa8\x08\x02\x00\x14\xed!{:\x9d\xb99\x94r\xde)\xbbl\xa3\xd8\xdf\xdfl6YS\xd3\xae%$m9||\xab9(\xb7\xe7[\xdd:v\xe8\\\xbcx\x89;\x1f\x1b@\x99\x10\x00\xa0P\x8f\xdd\xd3\xe9\x1d\xf9\x1b\xc5\x16\xb3\x95Rz\xec\xe4\xbe]\xfbVf\xe5\x9e\x8bjP}\xc0\x80\x0f\nn\x14cB\x00\x8a\x85\x00\x00eqcO\xa7w\xc8\xb2\xcc\x11\xce\xec\x1f\xe0\xe7g\xba~\xe3\xd2\xee\x84\xd5\xc7\xcf\xffU\xaal\xe8k\x9d:t\xee\xf4zpp\x08w+\xcc0!\x00\xa5A\x00\x80Rx\xa8\xa7\xd3;\xd8F\xb1\xd1\xe8g6\xd9\x1cN\xfb\xe1c\xbb\xe3\x93\xd6\xb9\xb8\xeb8b\x08\x94\x0c\x01\x00\xbe\xe7\x9d\x9eN\xaf\xb8\xb9\xf4o6\xd9\n\x1e1T\xa5z\xa9\xbe\xef\xf4i\xd5\xaa\xadA\xb8\xb9Q\x8c#\x86@\t\x10\x00\xe0K\xb2,\x13BXM\xf7NO\xa7w\xdc\xec\x1c\xbdy\xc4P\xfa\xfe\xc3\xdb\xf6\x1d^k\tr\xbd\xdc\xa1m\xf7no\xe4\x1f1\xc4\xd6\x85|\xfd\xb0\xa0_\x08\x00\xf0\x19J)+\xfd\xde\xef\xe9\xf4\x8e\x82G\x0cQJO\x9eM\xda\x9b\xb8\xf6z\xc6\xb1\xba\r\xaa\xf6\xe9\xdd\xbbI\x93\x17\xb8\x02\xbf\x04\x00\xefC\x00\x80o\xb0\xb1\xff\xe6\xcd\x9bG\x8d\xfa2\xf9rn\xa5g\x1a\xd5\xad\xd5\xdc\xfb=\x9d\xde!S\x99p\x9c\xc9\xdf\x92\x7f\xc4\xd0\xb1\xd3;\xc3\x8a\xf9\x8f\xfardtt4[5\xf2\xf53\x82\x1e!\x00\xc07X\xb7O\xf9\ne\xab\x96\xea\xd0\xbe\xc5\xdb2\x95\x1d\xcel_\xf5tzG~\xe7h\x80\xc5\xc6\x13~\xd5\xa69Ig\x16\x1f;z\xdcd2q\x1c\xa7\xd5\x7f5(\x19\xc6\x1d\xe0\x03\xac;&gt;f\xf3\xc6\xd4\xeb\xceV\xcd\xbaff\xa7ed\xa5H\x92\xc8\xf3Z\xee\x90!\x84\xf0\xbc@\xa9\x9c\x99\x95\x9a\x91\x95\xd2\xae\xf9\x9b\x197\xe4u\xeb\xd7p\xac\x97\x14\xc0\xeb\x10\x00\xe03c\xc7~\x1bU\xa3\xbd\xd1h\x92dI\xe0\r&gt;\xef\xe8\xf7\x1a\x9e\x17(\xa5\x1cG\xea\xd6h3e\xca\xe4\xfcmp\x00/C\x00\x80\xb7\xb1%\xef\x93\'O$&amp;\xfc\xdd(\xaa}\x8e#K]\x1d&gt;nA\x08\x9f\xe3\xc8nT\xaf}B\xdc\xa1\xbf\x8f\x1cf\x97S\xfa\xfa\xa1@wt\xf7\xc1\x03\x9fc\xdb\xbf3gM/\x1aZ\xb9Xxi\x97+W\x87\xe3_B\x88\xcb\x95["\xfc\x99R\xe1\x91\x93\'O\xe0\xb0\n\x04\xbe\x80\x00\x00\xafb_\xf8r:\x9d\x7f\xfc\xb1\xa8i\x83N.W.\xa7\xbf\xea\xcf\x10\xc2;\x9c\xf6f\x8d:\xafX\xbe\xdan\xb7\x0b\x82\x80\x8e\x0c\xf02\x04\x00x\x15\xdb\xfe\xfd\xfd\x8f\xf99\x19\xc6\x9aU\x1a\xe9s\xfd\x87!\x848s\xed\x15\xcb\xd5\xa6y\x81\xf3\x17\xcc#\x84`\x12\x00^\xa6\xd3\xcf\x1e\xf8\nkx\x9f1cF\x83:/\x1b\x0c~:\x1f\xf3R\x8e\x13xC\x93\xfa]&amp;O\x9e\xccV\xc6|\xfdD\xa0/\x08\x00\xf0\x1eV\xe3\x0e\x1d:x8\xe9d\xc3g\xdb\xd8\xed\x19J;\xd3\xcd\xcb\x08\xe1\xed9\x99Q\xb5\xa2\xcf\x9e\xba\x16\x17\xbf\x87\xe7yv\xc1$\x80w\xe8\xfa\xe3\x07^\xc6\x02`\xea\xb4_\xca\x14\xafS8\xb4\xb8(\xb9t&gt;\xe6%\x1c\'Ib\xa0\xadP\x95r\x8d\x7f\xfey\xbc\xaf\x1f\x07t\x07\x01\x00^\xc2\xb6\x7f\x93o$/]\xb22\xfa\xf9nN\xa7]\xe7\xc3\x7f\x86\x10\xde\xe1\xc8j\xd1\xa4\xc7\xfa\xb5\x9b/]\xbe$\x08\xbc\xce\x97\xc5\xc0\x9b\xf0\t\x04/a\xdb\xbf\x7f\xfc1\xdf \x17\xaaT&gt;\xd2\xe1\xb4\xeb|\xf8\xcf\x10Br\xf3\x9cO\x15/\x17j+;g\xceL\x8e#X\x05\x02\xafA\x00\x80\x97\xb0\xef:\xcd\x9a5\xfb\xf9\xa8\x0e\xb2,\xeb\xb6\xfb\xf3.\x08\x91$\xa9i\xfdN\xf3\xe6\xfd\xeap8\xd0\x0f\n^\x83\x00\x00o\x90$\x89\xe7\xf9\xb8\xf8=\xa7O\\\x89\xaa\xdd&lt;\xc7\x91\x85\xf5\x9f|&lt;\xe1\xed9\x19ukE\'_v\xe2h \xf0&amp;|\x08\xc1{~\xfey|\x95r\x8d\x03m\x85$I\xc4\xf8\xbf J\xa9\xc1\xe0\x1fU\xb3-\x8e\x06\x02oB\x00\x80\xc7\xb1\xed\xdf\xcb\x97/\xad[\xbb\xb9E\x93\x1e\x0e\x0c\xff\xef@\x08\x9f\xe3\xc8\xc2\xd1@\xe0e\xf8\x1c\x82\xc7\xb1]\xcd\xd9sf\x14\xb2\x95}\xaax\xb9\xdc&lt;\'F\xb8\xb7\xc1\xd1@\xe0\x13\x08\x00\xf08A\x10$I\xfa\xed\xb7\x05\x8d\xeb\xbd&amp;I\x12\xb6\x7f\xef\nG\x03\x81\xf7!\x00\xc0\xb3$I\xe2\x08\x17\xb3y\xe3\xd5\x8b\x99\xb5\xab5\xd1\xf3\xe1?\xf7\x87\xa3\x81\xc0\xfb\xf0Q\x04\x8f#\x1c\x19;\xf6\xdbz5_\x0e0\xdbd\x19M\xee\xf7t\xf3h\xa0z]&amp;M\x9a\x84\xa3\x81\xc0\x0b\x10\x00\xe0A\xb7\xdd\xfdb\xc7\xf6\xef}\x11\xc2\xdb\xed\x19Q\xb5\xa3/\x9eO\x8b\x8b\xc3\xd1@\xe0q\xf84\x82\x07\xe1\xee\x97GB8N\x92\xa5\xa0\xc0\xc2\xd5+\xbc\xf0\xd3\xcf?\xfa\xfaq@\xfb\x10\x00\xe0)\xb8\xfb\xe51\x10\xc2\xdb\xed\x99\x8d\xeb\xbf\xba~\xed\xe6\xabW\xaf\xe0h \xf0(\x04\x00x\n\xee~y\x0c\x84\x90&lt;\x97\xf3\xe9\x12\x15\x8a\x86V\xfey\xc2x\x8e\xc3V0x\x10&gt;\x90\xe0)\xb8\xfb\xe51\x11"\x8a\xe2\x0b\r\xbb.\\\xf8\x87\xc3\xe1\xe0yL\x02\xc0S\x10\x00\xe0\x11\xb8\xfb\xe5\xb1\xf1\x84\xcfqdV\xab\xdc 3E\xda\xb0q-\xfaA\xc1s\xf0\x99\x04\x8f\xc0\xdd/O\x82Rj4\xf87\x8c|u\xdc\xb8q\x1c\xc7\xe1W\x07\x1e\x82\x00\x00\xf7\xc3\xdd/O\x88\x10&gt;\xc7\x91\xd9\xb8\xde+I\xfb\xff9t\xe8 &amp;\x01\xe0!\xf8X\x82\xfb\xe1\xee\x97\'D\x08\x11EW\xa1\x90beJDN\x9d\xf6\x0b\x02\x00&lt;\x04\x01\x00\xee\x87\xbb_\x9e\x1c!\xbc3\xd7\x1e\xfd|\xb7\xa5KV&amp;\xdfH\xc6\xd1@\xe0\t\x08\x00p3\xdc\xfd\xe2\x16\x84\x10\x87\xd3^\xa9|\xa4\x81\x16\xfa\xe3\x8f\x05\x84\xe0\xaaHp?|2\xc1#p\xf7\x8b\x1b\x10"\xcb\xf2\xf3u;\xcc\x9c9\x93\xbb\xd5V\x0b\xe0FxK\x81;\xe1\xee\x177b\xb7\xc4\xd4\xab\xd3\xe2\xdc\xe9\xe4\x98\x98\x8d8\x1a\x08\xdc\x0e\x1fNp\'\xdc\xfd\xe2F\x84\xe3$I\x0c\xb4\x15\xaa\x11\xf1\xe2\xe4_&amp;\xf9\xfaq@\x83\x10\x00\xe0N\xb8\xfb\xc5\xbd\xd8\xd1@M\x1av\xdc\xb6u\xe7\xd5\xabW\xb0\x15\x0c\xee\x85\x00\x00\xb7\xc1\xdd/nw\xf3h\xa0\xe2\xe5\x8b\x04W\xfay\xc2x\x0eWE\x82[\xe1\xf3\t\xee\x84\xbb_\xdc\x8f\x10Q\x14_\xc4\xd1@\xe0\x01\x08\x00p\x0f\xdc\xfd\xe2!8\x1a\x08&lt;\x07\x1fQp\x0f\xdc\xfd\xe298\x1a\x08&lt;\x04\x01\x00n\x80\xbb_&lt;\nG\x03\x81\x87 \x00\xc0\rn\x1e\xfe\xb3h\x81=\xdd\x80\xbb_\xdc\xee\xe6\xd1@\xa1\xc5J\x17\xaf3u\xdad\x04\x00\xb8\x0b&gt;\xa5\xe0\x06&lt;\xcf\xbb\\y\xbf\xfc\xf2K\x93z\x9d\x05\xc1\x80]J\xb7#\x84w8\xb2[5\xeb\xf9\xe7\xd25\x17.\x9c7\x18\xf0K\x067@\x00\xc0\x93\xa2\x94\x12BDQJ\xb9\x91\x1a\x14X\x18\xed\xff\x1e"Ibp`\xa1\x1c\xbb3=#\x9d\xe38\x04\x00&lt;9\x04\x00&lt;)vN\x99\xd9l~\xabW\xcf\xcd;\x17\x18\x8dF\x0e\xb5\xc9\xdd(\x95\xad\x01\xc1\xeb\xb7\xfe\xfaB\xf3\x86\xd5\xab\xd5`\'\xee\xf9\xfa\xa1@\xf5\xf0\x1e\x027`\xdfP\xed\xd3\xfb]\xbb\xeb\xdf\x13g\x0e\x9a\xfc\x030&gt;u/\x81\x17\xec\x8e\x8c\xc3\'\xb6\xf5{\xef}_?\x0bh\x07\x02\x00\xdc\x80mK\x86\x17\to\xd9::v\xf7R\x93\xc9B)v)\xddF\xa6\xb2\xd9l\xdd\x97\xb4\xadHqk\xb3\xa6/\xb2\x9e+_?\x14h\x01\x02\x00\xdc\x86R\xda\xef\xbd\xfeGNn\xcf\xccN\x15x\x01S\x00\xb7\xa1T\x10\x8c\x9b\xb6\xcf\x1b0\xe0}\x83\xc1\x803A\xc1]\x10\x00\xe0\x1el\x15\xa8^T\xc3j\xb5\xca\xc5\xee\xfa\xd3\x1a\x10Lq\x14\x84;PJ\xcd\xa6\x80c\'\x13dCZ\x97\xce\xdd0\xfc\x077B\x00\x80\xdb\xc8\xb2\xcc\xf3\xe4\x9d\xbe\xef\xec9\xb0Z\x92E|a\xd5-(\x95M\xfe\x011;\x16t\xe8\xd8&gt;,,\x8c}\xe5\xc2\xd7\x0f\x05\x1a\x81\x00\x00\xb7a\x93\x80\x8e\x1d;\t\xfe\xd9\xc7N%b+\xf8\xc9QJ\r\x06cJ\xda\x95\xb3\x97\xf6\xbd\xfbN?J)\x9a\x7f\xc0\x8d\xf0f\x02\xb7a\xfd\xa0V\xab\xed\xe5W\xdam\xdd\xb9\xc8l\n\xc0V\xf0\x13\xa2T\xb6\x98\x03\xb7\xef]^\xa3v\xc5\xea\xd5k"\x00\xc0\xbd\xf0f\x02wb\xe5\xa9\x7f\xff\x0f\xce_\xdbw\xe9\xda\x19\xa3\xd1\x1f\x93\x80\'A\x08q\x89\xb9\xbb\xf6-\x1b2d\x08\x87/\x7f\x81\xbb!\x00\xc0\x9dx\x9e\x97e\xb9j\x95j\xcfFU\xdf\xb9w\xa5\xc5l\xc3$\xe0\xb1\xc9T\xb6\x98\x03\x0f\x1f\xdd\x1dXHh\xd9\xa2\r\x86\xff\xe0vx?\x81\x9bQJ)\xa5\xef\xbd\xd7?\xee\xe0\x1aQ\xc4\xa1\xd0O\x80R\x83`\xd8\xb2ka\xd7\xae]\xccf3;p\xdb\xd7\xcf\x04\x9a\x82\x00\x007c\xa3\xd4\xd6\xad\xda\x86\x157\xc5\x1f\x88\t\xb0\x04\xc9\x98\x04&lt;:J\xa9\xbf\x9f\xe9\xdf+\xa7\xae\xa4\x1e\x19\xf8\xc1`\x8e\xc3\xf0\x1f\xdc\x0fo)p\xb3\xfc\xa3\x81\xde|\xf3\x8dm{\x16\x0b\x82\x80\xa3\x81\x1e\x03\xa5\xb2\xd9l\xdb\x18\xfb[\x9b\xb6\xcd\x8b\x16-&amp;I\x18\xfe\x83\xfb!\x00\xc0\xfd\x04A\xe08\xfa\xd6[\xbdS\xb3N\xff{\xf9\x94\xbf\x9f\t\xbb\x97\x8f\x84r\x9c \x182\xb3R\x8e\x9c\xda&gt;p\xe0`_?\x0eh\x16\x02\x00\xdc\x8f\x10"Ir\x89\xe2%Z\xb5yqc\xecofl\x05?"J\xe5\x00K`\xdc\x81\x982\xe5\xc2\xa3\xea\xd6\x97e\x19\xdf\xfe\x05O@\x00\x80\x07\r\x1c8\xf8\xc8\xa9\xed\x99Y)\x82`\xc0\x14\xe0\xe1\x11\x8e\x93d1v\xef\x1f\xfd\xfb\xf7\xe7y\x1e\xf3\'\xf0\x10\x04\x00x\x84 \x08\xb2,G\xd5\xad_\xb6B\xb1\xb8\xfd\x9b\xd0\x0f\xfa\xf0\xd8\xd9\x0f\xc7O\xed\x97\x85\xb4\xee\xdd\xdeD\xf7\'x\x0e\xdeX\xe0)\xb2,\xf3&lt;\xdf\xab\xd7\xdb;\xe2\xfe\xe4y\x1e[\xc1\x0f\x89Rj\xf27\xaf\xdb:\xe7\xcd7{\x04\x04\x04\xa0\xfb\x13&lt;\x07\x01\x00\x9e\xc2\x8e\x06\xea\xd2\xa5\xbb\xc8\xa7\x1c;\xb9\xcfl\xc2\xd1@\x0fF)5\x1a\xfd/_;w5\xf5h\xdf\xbe\xefr\x1c\x87\xea\x0f\x9e\x83\x00\x00Oa\xfd\xa0a\x85\xc3:\xbe\xd6&gt;f\xc7\x02\x93?\x8e\x06z0J\xe5\x00\xb3mg\xdc\xca:\xcfV-_\xae\x02\xae~\x04\x8f\xc2{\x0b&lt;\x88m`\xbe\xfbN\xbf\xb3\x97\xf6\xa5\xa4]1\x18\x8c\x98\x04\xdc\x1f\xcf\x0bvG\xd6\xde\x83+\x86\r\xfb\x98r\xf8]\x81g!\x00\xc0\x83X\x00T\xaf^\xb3F\xed\x8a\xdb\xf7.\xb7\x98\x031\t\xb8\x0f\x99\xca\x16\xb3\xed\xc0\xe1\xd8\xa2%\x03\xa3_l\xc1Q\x0e\xdd\x9f\xe0Q\x08\x00\xf0,6\xe4\x1f2d\xc8_\xfb\x96\x89b.\x8f\x15\xed\xfb\xa0\xd4`0l\xdb\xbd\xb8{\xf7n\x82 \xe0\xeaG\xf04\x04\x00x\x16\x9b\x04\xb4l\xd1&amp;\xb8\xb0\x90tt\x97\xd9l\xc3\xd1@wE)5\xf9\x07\x9c8s0\xdbu\xa1o\xdf\xf7p\xf5#x\x01\x02\x00&lt;+\xffh\xa0\xce\x9d_\xdb\xb6{\xb1\x9f\xd1\x1f\xfd\xa0wE\xa9l2Y\xb6\xedZ\xd2\xb2\xd5\x8b\xe1E\xc2\xd1\xfd\t^\x80\x00\x00\x8fc},\xbd{\xbds%\xe5\x08n\x89\xb9+J\xa9A0\xa6\xa4]9z&amp;v\xf8\xb0\x11\x94RT\x7f\xf0\x02\x04\x00x\x1c\xcf\xf3\x92$\x95/_\xa1\xd9\x8b\r7\xc5.\xb4Z\x82\xb0\x15|\x1bJ\xe5\x80\x80\xa0]\tk\xab\xd7\x8c\xa8V\xad:\xbe\xfd\x0b\xde\x817\x19x\t\xe5h\xbf~\xef\x1f&gt;\xb1\xd5\xee\xc8\x10x\xacn\xff\x07!D\x14\xf3v\'\xae\xe8\xd3\xa7\x0f\xc7q\xb2\x8c\x80\x04o@\x00\x807\x08\x82\xc0Q\xaeY\xd3\x17\x8b\x14\xb7\xeeK\xdaf6[\xb1\x15\x9c\x8f]\xfd\x98t\xe4/s`\xde\xeb]\xbac\xfb\x17\xbc\x06\x01\x00^"I\x92\xc1`\x180\xe0\xfdM;~\xe5y\xdc\x12S\x00\xa5\x06\x83a\xf3\xae\x85\xdd\xbau5\x99L\xd8\xfe\x05\xafA\x00\x80\x97\xdc&lt;\x1a\xa8s7\x91\xa4\x9c:w\xc8\xe4\x8f\xa3\x818\x8e\xe3(\xa5~F\xd3\x85\xcb\'\xaf\xa7\x1f\x1b\xf8\xc1`\xee\xd6\x9e9\x80\x17\xe0\xad\x06^B\x08\x91e9,,\xacy\x8bf\xdbv-1\x99,\xd8\n\xe6nn\xff\x06\xc6\xeeZ\xda\xb4Y\xa3\xa2E\x8bI\x92\x84\xe1?x\r\x02\x00\xbc\x87\x10B)\xfdx\xf8\x88\xa3gbS\xd2\xae\x18\x04\xbd\x1f\r\x94\x7f\xf5c\xd2\xf1\xcd\xfd\xfb\xbd\xef\xeb\xc7\x01\xddA\x00\x80\xf7\xb0o\x05W\xabV\xbdz\xcd\x88]\xf1k\x03,z?\x1a\x88R\xd9b\xb6\xedM\xdcX\xbalXtt\x0b\\\xfd\x08^\x86\x00\x00\xafb\r\x8e}\xfa\xf4\xd9{`\x95(\x8bz_\xee\xa0\x94\xe7\xf9\x1d\xf1\x7f\xf6\xee\xdd\x9bC\xf7\'x\x1d\x02\x00\xbc\x8am\x05\xbf\xd6\xb13g\xcc&lt;~*Q\xcf\x97\x04\xb0\xc3\x7f\xfe9\xb5O$)]\xbatC\xf7\'x\x1f\x02\x00\xbc\x8am\x05[\xad\xb67\xde\xec\xben\xeb\x1c\x93\xbfY\xb7\xdb\x00\x94\xca\x16\x8buc\xec\x82\x0e\x1d_\n+\x1c\x86\xed_\xf0&gt;\x04\x00x\x1b+s}\xfb\xbe{5\xf5\xe8\xe5k\xe7\xf4y4\x10\xbb\xfa\xf1\xd2\xd53\x17\xae\xed\xef\xdf\xff\x03\x9c\xfd\x00&gt;\x81\xf7\x1cx\xdb\xcd\xa3\x81\xcaU\xa8\xf3l\xd5\x9dq+-\xba&lt; \x9aR\xd9b\xb6\xee\xdc\xbb\xf2\xd9\xa8jU\xabTC\x00\x80O\xe0=\x07&gt;3l\xd8\xc7qI+].\xa7\xc0\x0b\x92,\xfa\xfaq\xbcG\x96\xd9j\x0f\x8dOZ\xfb\xde{\xfd)\xa5:\x9c\x03\x81\x12\x10\xbc\xf3\xc0\'(\xa5\xb2,\x97\xafP\xb6j\xa9\x0e\xed[\xbc-S\xd9\x9e\x93%I.Bx\xad.\x85SJ)\x95\x05\xc1\x18`\xb1\xf1\x84_\xb5iN\xd2\x99\xc5\xc7\x8e\x1e7\x99L\xdc\xad\x951\x00o\xc2\x0c\x00|\x83-zL\x9b:#%7\xee\xbb\xa9=\xd7l\x9e\xe3r\xe5\x06\x07\x166\xf9\x9beY\xd2\xd8\xa2\x90LeY\x96\xfc\xfc\xfc\x83\x02\x0b\xbb\\\xb9k6\xcf\xf9nj\xcf\x1b\x8e\xbd3\xa6\xcf2\x9b\xcd8\xfd\x1f|\x053\x00\xf0\x99\xfc\xc2\x17\x1b\xbbe\xc6\xcc\x99\xf1\xbb\x8f\x14\t\xaaX\xbfN\xdb\nekQ*;\x9c\xd9\x92$\xaa|B@eY\xe6y\xdeb\x0e$\x84\x9c\xff\xf7\xf8\xf6\xbdK\xaf\xa5\x1f\x8djP\xb5w\xef\xdeM\x9a\xbc\xc0\x15\xf8%\x00x\x1f\x02\x00|\x89\x9d|\xc9*\xe0\xd9sg\x16,\xf8\xed\xcf%+]\xf6\xc0\xdaU\x9a\xd7\xaa\xd6\xd8f\rv8\xb2\xf3\\NB\x08!j\x9a\xadR*SJ\x8dF?\xb3\xc9\xea\xccu$&amp;mI8\xbc\xc1h\xc9n\xd9\xba\xd9;\xef\xbc[\xa6tY\xee\xe6\x8a\x10\xf6~\xc1\x97\x10\x00\xe0{\x92$s\xdc\xcd\xafA\xe5\xe6\xe6\xaeX\xf9\xe7\xfc\xdf\x16\x1cI:\x1fQ\xaaQ\xbd:\xadK\x16/\x9b\x97\xe7p8s(\x95y\xc5\xdf$#\xcb2G8\xb3\x7f\x80\x9f\x9f\xe9\xfa\x8dK\xbb\x13V\x1f?\xff\xd7\xd3\xcf\x84\xf4}\xa7W\xfb\x97^5\x99\xcc\x1c\xc7I\x92\xc4qD\x10P\xfa\xc1\xc7\x10\x00\xa0\x14\x94Rvg\x00\xfb\x9f\x07\x0e&amp;\xce\x9a5s\xe3\xba\xed!\x96ruk\xb6\xa9\\!\xd2h\xf4S\xecF\xf1\xad\r^\x83\xc5l\xa3\x94\x1e;\xb9o\xd7\xbe\x95Y\xb9\xe7\xa2\x1aT\x1f0\xe0\x83\xc8:u\xd9\x8fI\x92\xc4\xf3\x8a{x\xd0-\x04\x00(\x0b\xeb\x0e"\x84\xb0\xb5\x91+W./Y\xfa\xc7\xe2E\xcb\xae^p\xd4\xa9\xda\xbaN\x8d\xa6\xa1\xc1\xe1\xce\\{n\xae\x83#\x84W\xc0\xba\x10[\xed\xf13\x9a,\x16[Zzr\xfc\xc1\x98\xc3\xc7\xb7\x9a\x83r{\xbe\xd5\xadc\x87\xce\xc5\x8b\x97\xe0n\xfd\xa3P\xfaAi\x10\x00\xa0P\xb2,\xcb\xb2\x9c?!X\xb3v\xe5\xfc\xf9\x0b\x12\xe3\x8e\x85\x07Wn\\\xafc\xa9\xa7"(\xa59\x8eLY\x96}5!\x90e\x89\x10\xdeb\xb6\x19\x0c\xc6\x7f/\x9d\xdc\x19\xbf\xe2\xec\xe5\xf8z\r\xabv\xed\xd6\xb5U\xcb\xb6\xec\xc9\xd9\x01\x0fX\xe8\x07eB\x00\x80\xa2\xdd6v&gt;{\xee\xf4\xb4iS7\xac\xdb\xea\xca\xb1&gt;[\xade\x9d\x1a/\x98M\x16\x87\xc3\xee\xcd\x8d\xe2\xfcv~k@`n\xae\xe3\xe0\x91\xbf\xe2\x93\xd6\xb9\xc8\xf5v\xed\xa3{t\x7f\xa3j\xd5\xea\xec\xc7\xb0\xda\x03\xca\x87\x00\x00u\x90$\x89c\x97\xcbs\x9c\xd3\xe9X\xb9j\xd9\xf4i\xb3.\x9cI+[\xb2^}om\x14\xcbT\xe6(5\x9b\x02\xfc\xfd\xcc\xa9\xe9\xd7w%\xac9rj{\xa9rA\x9d:w\xec\xf4Z\x97\xe0\xe0\x90\xfc\xe7D\xe9\x07U@\x00\x80\x9a\xb0\tA\xfe\xb1\xc9\xfb\x12\xe3\xe7\xce\x9b\xb3q\xadg7\x8a\xd9\x90\xffV;?\x7f\xe2\xf4\x81=\x89k\xaeg\xfcS\xb7A\x95&gt;}z7i\xfc\x02\xfb1\xac\xf6\x80\xea \x00@}n[\x17\xf2\xdcFq\xfe\x06\xaf\xd9\x1c\xe0p\xe6$&amp;m\xd9wx\x831 \xab\xc3k\xed\xbbu\xebQ\xa6\xf43w&gt;\x0c\x80\x8a \x00@\xc5\x1e~\xa3\x98\xe7y\x8e{\x84\x02\xcd6x\xcd&amp;\x8b\x9f\x9f\xf9\xe2\xe5\xd3{\x12\xd7\x9d\xbe\xb8\xf7\xe9\xb2!}\xfb\xf6z\xb9}G\x7f\x7f\x7f\x0e\xed\xfc\xa0~\x08\x00P\xbd\x07n\x14\x9b\xfc\xcd\x0eg\xb6\xcb\x95\xf7\xc0\x8d\xe2\xfcv\xfe\x00K\xa0\xcb\x95w\xf4\xc4\xbe\xf8\x83k\xd3rN\xb5h\xd3\xb8\xe7\x9bo\xe5\xb7\xf3\x8b\xa2(\x08\x02\x86\xfc\xa0v\x08\x00\xd0\x8e{m\x14G\x94z\xae\xc1\xb3\xed\x8a\x14.\x91\x97\xe7t\xe4\xda9\xca\xdd\xb9RO\xa9L)\xe7\xefg2\x9b\xadi\xe9\xc9\t\x077\'\x1eYW\xf4)s\xa7\xce\xaf\xbe\xd6\xb1K\xb1b\xc59\xac\xf6\x80\xe6 \x00@k\xee\xdc(\x9e8qB\xdc\xeeC6\xff\xd2\r#\xdbW*\x1fI\x08\xc9qd\xdd:i\x8e\x9dG\xc4[,6\x9e\xf0g/\x1c\x8b;\xb0\xfe\xec\xe5\xf8\xa8\x86U\xbbw\xef\xd6\xb6M{\xf6\x87\x88\xa2\xc8\xf3&lt;6xAc\x10\x00\xa0M\xb7\x8d\xd6/_\xbe\xb4\xf4\xcfEs\xe7,pd\xf8W\x8bhV\xb7ftHp\x98\xc3\x91-\xc9R\x80\xc5\x96\x9b\xebH:\xbakw\xe2Jc@V\xf3\x96M\xbaw\xefQ\xadj\x8d;\xff\x10\x00\x8dA\x00\x80\xc6\xc9\xb2L\xe9\xcd\x93\xe6DQ\\\xbfa\xcd\xc2\x05\x0b\xf7\xee\xfa\xbbL\xf1\xba\xf5k\xb7\xb1X\x02\xe3\x0fl8zzG\xa9r\xc1\x9d:w\xec\xd1\xa3\xa7\xf9\xff\xcfk\xe3\xf2\xa7\x11\x00\x9a\x84\x00\x00]\xb8m]\xe8\xf0\xdfI\xf3\xe7\xff\xba~\xed\xd6\x1c{n\x83F\xb5\xdez\xeb\xed\xa6M\xd0\xce\x0f\xba\x83\x00\x00\x1da1\xc0\xdd\x1a\xdag\xdb\xb3\xb3\xb32\x8b\x16\xc5\x06/\xe8\x14\x02\x00\xf4\xa8\xe0\x17\x08\xb0\xda\x03\xba\x85\x00\x00\xfdbo~\x0c\xf9A\xb7\x10\x00\x00\x00:\x85\x9d.\x00\x00\x9dB\x00\x00\x00\xe8\x14\x02\x00\x00@\xa7\x10\x00\x00\x00:\x85\x00\x00\x00\xd0)\x04\x00\x80\x96I\x92\xc4\xbe\xfb\x06p\'\x04\x00\x80f\xc9\xb2$\x08\x02\xcf\xf3\xc8\x00\xb8+\x04\x00\x806\x89\xa2\xc8\xf3\xc2\x94\xc9\x13\xb7m\xdd\xc2\xf3\xbc(\x8a\xbe~"P\x1c\x04\x00\x80\x06\xb9\\.\x83\xc1\xf0\xcb\x84\xf1\x83&gt;\xff\xaeS\xf7\xb7\xf7\xee\xdai0\x18\x90\x01p\x1b\x04\x00\x80\xd6\xb8\\.\xa3\xd18\xf9\xe7q\x1f\x8e\xfc\xbe\xff\xb4\x9dM\xdf\xff\xb9y\xebvq{v!\x03\xe06\x08\x00\x00M\xc9\xaf\xfeC\xbf\x1c\xdfg\xe2\x16\xc2\x0b\xe5j&gt;\xd7|\xe8\xac\xe6\xad\xda"\x03\xe06\x08\x00\x00\xed(X\xfd{M\xd8d\n\x08\x14\xf3\x9c\xd9i7""\x9bE\x0f\x99\x89\x0c\x80\xdb \x00\x004\xe2\xb6\xeao\xb6\x06\xe5:\xb2\t/\xf0\x06cf\xea5d\x00\xdc\t\xa7\x81\xaa\x1b\xa5T\xa62\xe1\xd4w\xa01\xae\xdcr\xaf\xbbT\xff\x9cl^0\xe4\xff\x80$\xba\x02C\xc3\x8f\xef\xdb\x1a3\xae\xf7\xa6\xf5k\xa2\xea7\x14E\x91\xdd\x88\x00\xba\x85\x00\x00\xdf\xa0\x94\xe2 ~wy`\xf5g\x90\x01p\x1b\x04\x80Z\xc9\xb2L\x089{\xf6L\xef^}]\xb9.\xca\xa9\xe3u\xe4y^\x92\xa4\xe8\x16\xd1\xa3F\x8ddW0\xfa\xfa\x89T\xef!\xab?\x83\x0c\x80\x82\x10\x00j%I\x92 \x08\x9d:t9p\xf9\xaf\x16]\x1bg\xa6g\x0b\xbc\xd2\x07\xd4\x94\xe3\x04\x9ew\xb9\xc4\x85\xa3\xd7\x1e\xda\xffw\xa5\xca\x15)\xa5\xc8\x80\'\xf1H\xd5\x9fA\x06@&gt;\x04\x80*\xb1\xea\xbfu\xf3\xd6v\xaf\xb5\x19\xbbf\x98-$@\x14%U\xac\xa8\xc8\x92\x1c\x18b\x9d\xfd\xf5\xe2\xec\xa3\xc2\xce\xdd\xdb\xd9?\xc4\xd7\x0f\xa5V\x8fQ\xfd\x19d\x000\x08\x00U\x92$\x89\x10\x12U\xa7^\x89\xe7\xad\xaf\xbe\xdb*\xe5j\x9a`PI\x19\xa5\x94\x10\xe2g\xf2\xfb\xe4\xe5\xef\x7f\x9b\xfaG\x9bv\xad\x91\x01\x8f\xe7\xb1\xab?\x83\x0c\x00\x0e\x01\xa0F\xacb\xce\x986\xeb\xe3\xd1\x83\xc7\xae\xfa$\'+\x87(~\xf1\xa7 I\x92\x03C\xac{\xd6\'n\x9c\xb0\xef\xe4\x99\xe3\x06\x83\x81\x10\xa2\x8a\xe9\x8br&lt;a\xf5g\x90\x01\x80\xe5W\x95a\x81\x9d\x91\x9e\xf1\xd5W_v\x1a\xd4\x9a\xf0*\xd9\xfc-@\x10\xf8\xac\xb4\xec\x06\xad"\xf9\xc2\xce\xaf\xbf\x1c\x8d\xb3*\x1f\x95[\xaa?\xc7q\x02\xbe\x1f\xa0{\x08\x00\x95a\xc3\xffo\xbe\x1ec,&amp;6l\x1d\x99\x95f\xe7U5\xfc\xbf\x89\x10\x97\xcb\xd5\xf5\xa3\xf6\x13&amp;\xfd|\xe5\xcaUB\x082\xe0!\xb9\xab\xfa3\xc8\x00\x9dC\x00\xa8\t\xeb\x9b&lt;y\xe2\xe4\xd4\xd9Sz\x0c{\xd5\x9e\xed\xe0\x05\x15V\x7f\x8e\xe3y\x92\x93\xe5\xacX\xbbl\xc4\xf3%\x06\xbd?\x98\xe7y,E&gt;\x0c\xf7V\x7f\x06\x19\xa0g\x08\x005aM\x93\x1f\x7f4\xa2R\xe3\xa7*\xd4,\xe3\xb4\xe7\xaaw\xe9\x9c\x17HvfN\xa7\x01m\xd7l^\x19\x1f\x97\x80\x85\xa0\x07\xf2D\xf5g\x90\x01\xba\x85M`\xd5\xc8o\xfd|\xa9S\x9b\xd1\xcb\x86\x18\xfc\x05Y\xa2\xaa\xad\xff\x1c\xc7q\x92$\x87\x84\x05-\x9d\xbc\xf6\xea\x1eg|\xe2^\xb4\x03\xdd\x87\xe7\xaa\x7f&gt;\xec\t\xeb\x10f\x00j"\xcb\xf2\xf0\x8f&gt;~\xb1G\xfd\x90\xf0 \xd1%\xa9\xba\xfas\x1c\'\x08|\xc6\x8d\xcc\x97z5\xbf\x90qr\xc1\xaf\x0b\x05A\x90$\xc9\xd7\x0f\xa5D^\xa8\xfe\x1c\xe6\x01\xba\x84\x00P\x076:\x9e5c\xce\x99\x94\x7f\xda\xbd\x15\x9dq#S\x10\xb4\xf0\xdaQ\x8e\xe3\x05\xf2\xf2{/\x0e\xfbxXFz\x06w\xab\xcd\t\xf2y\xa7\xfa3\xc8\x00\xbd\xd1B\x11\xd1&lt;\r\xb4~\xde\x0b\xcf\x93\xac4\xfbsm\x9f\xf5/.\x7f\xf3\xf5\x18L\x02n\xe3\xcd\xea\xcf \x03t\x05\x01\xa0\x02\x1ai\xfd\xbc\x07^ \xf6,G\x8fa\xafN\x9d=\xe5\xe4\x89\x93\xd8\r\xce\xe7\xfd\xea\xcf \x03\xf4\x03\x01\xa0t\x9ai\xfd\xbc\x17B\x88\xd3\x9e[\xa1f\x99\x8a\x8d\x9f\xfad\xd8\xa7h\te|U\xfd\x19d\x80N \x00\x94NK\xad\x9f\xf7\xc2\x0b|zJf\xd7A/\xaf\x8f]\xbd%f+\x16\x82|[\xfd\x19d\x80\x1e\xa0\rT\xd1\xb4\xd7\xfay/\x92$\x07\x17\x0e\\;w\xcb\x85m\x99\xbb\xe3vQJu\xdb\x12\xaa\x84\xea\x9f\x0f\xbd\xa1\xda\x86\x19\x80\xd2i\xac\xf5\xf3^XKh\xeb7\x9a\x9dJ&gt;:c\xeaL\xddN\x02\x14U\xfd9\xcc\x03\xb4\x0e\x01\xa0\\Zm\xfd\xbc\'B\xc4&lt;\xd7\x1b\x9f\xbc\xf2\xd9\x17\x9f\xa6\xa4\xa4\x10\xa2\xbb\xe9\xa9\xd2\xaa?\x83\x0c\xd00M\x17\x145\xd3p\xeb\xe7\xbd\xf0&lt;\xb1g9k7\xa9\x1a\\\xd64\xfa\xab1zk\x07Rf\xf5g\x90\x01Z\x85\x00P(m\xb7~\xde\x0b/\x90\xect{\xaf\xcf;M\x999\xe9\x9fc\xc7\xf5\x93\x01J\xae\xfe\x0c2@\x93t7\xcbV\x05V\xf5N\x9f:\x1d\x19\x159hZ\x8f\xe2\xcf\x84\xe79\xf3\xb4\xd7\xfcsW\x92(\x87\x86\x07\xcd\x18\xf9{`f\xc95\xebW\xe9\xe1\x80 \xe5W\xff|\xd8\x13\xd6\x18\xcc\x00\x94H\x0f\xad\x9f\xf7"\x18\xf8\xcc\x94\xac\xd7\x07\xb7\xdf\xb2g\xc3\xe6M[4\xbf\x1b\xac\xa2\xea\xcfa\x1e\xa09\x98\x01(\x8e~Z?\xefE\x96d[\x88u\xc7\xaa\xb8\x84\x05\xa7\x0f\x1e\xdaO\x08\xcf\xf3\xda\xbc3R]\xd5?\x1f\xe6\x01\x9a\x81\x19\x80\x12\xc9\xb2&lt;\xfc\xa3O4\xdf\xfay/\xbc\xc0g\xa7\xdb\x9f\x7f)*9\xef\xe2\x84\xf1\x13\x05A\x9b;\x01*\xad\xfe\x1c\xe6\x01\x1a\x82\x00P\x16Q\x14\x05A\x985}\xf6\xe9\x1bGu\xd1\xfay\x0f\x94\xe3D\x97\xd8k\xe4k\xa3\xbe\x1a\x99\x9a\x9a\xca\x13\xad\x9d\x0f\xa1\xde\xea\xcf \x03\xb4A\x8f\xc5E\xb1\xd8\xd2\x7fFz\xc67\xdf\x8e~c\xc4+\x1c\xa7\xad\x9a\xf7(x\x9e8\xb2\x9d\x15\xeb\x94-S\xb7\xe8\xb0!\x1f\x13^S\x97\x06\xab\xbd\xfa3\xc8\x00\r@\x00(\x08;\xf7\xed\xcb\x91_\x0bE\\\x91\xcd\xaagg\xe4\xe8\xa1\xf5\xf3^\x08Or\xb2\x1c\xdd\x87\xbf\xf2\xdb\x1fs\x8f\x1d=\xa6\x99\x96PmT\x7f\x06\x19\xa0v\xd8\x04V\nY\x96\t!\xc7\xff9Q+\xb2\xc6\xc8\xc5\xef\x07\x17\xb6\xb9\\\xa2&amp;w&gt;\x1f\x9e$\xc9\xc1\x85\x02\x7f\x1f\xbf\xca~D\xd8\xb9g\xbb\x06ZB\xb5T\xfd\xf3aOX\xbd0\x03P\nJ)!\xe4\xa3\x0f?z\xb6m\xe5\x12e\xc3s\x9d.\x9dW\x7f\x8e\xe3\x04\x81\xcfJ\xcf~\xe5\x9d\x16G.\x1cX\xbbz\x9d\xda[B5Y\xfd9\xcc\x03\xd4\x0c3\x00E`c\xdb\xcd\x9b\xb6\xb4}\xad\xe5\xf8M\x9fI\xa2\x8a\xcb\x9c{I\x92\x1c\x18b\xdd\xb3&gt;q\xe3\x84}\'\xcf\x1c7\x18\x0c\x84\xa8\xb2%T\xab\xd5?\x1f\xe6\x01j\x84\x19\x80\xefQJ9\x8e\xe4\xe5\xe5\r\x1a4\xf8\xe5~\xd1\xe6\x00\x7fI\xd2\xc2b\xb7[\x08\x02\x9f\x95\x96\xdd\xa0U$_\xd8\xf9\xf5\x97\xa3U\xba\x13\xa0\xf9\xea\xcfa\x1e\xa0N\x08\x00\xdf\x93eY\x10\xf893\xe7^\xce&gt;\xdb\xaa[\xe3\xcc\xb4l}\xb6~\xde\x13!.\x97\xab\xebG\xed\'L\xfa\xf9\xca\x95\xab\x84\xa8\xac#H\x0f\xd5\x9fA\x06\xa8\x0e\x96\x80|\x8cRJ)MKK\xab\x18Q\xa9\xc7\xe8\xd6\x95\x9f-\x97c\xcf\xd5s\xf3\xcf]I\xa2\x1cZ$h\xe2\xb0\xb9e\xfc\xaa/\xfa\xf3w\x15\xed\x06\xeb\xa7\xfa\xe7\xc3Z\x90\x8a`\xa4\xe9c\xac\xf5s\xf4Wc\x82\xcb\xfa\xd7nR\xd5\x9e\xe5D\xf5\xbf\x13/\x90\xec\xcc\x9cN\x03\xda\xae\xd9\xbc2&gt;.A-\x0bA:\xac\xfe\x1c\xe6\x01\xaa\x82\x19\x80/\xfd\xa7\xf5sQ\xff\xe0\xb0@\xb4~\xde\x8b$\xc9!aAK\'\xaf\xbd\xba\xc7\x19\x9f\xb8W\xf9\x93\x00}V\xff|\x98\x07\xa8\x02f\x00\xbe\xf4\x9f\xd6\xcfrE\xd1\xfay\x1f\xec\xce\xc8\x97z5\xbf\x90qr\xc1\xaf\x0b\x15\xde\x12\xaa\xf3\xea\xcfa\x1e\xa0\x12\x98\x01\xf8\x0cZ?\x1f\x95,Sk\x90%&gt;\xe6\xe0\xeaq\xbb\x8e\x1e=b\xb5Y\xd91\xa1\xbe~\xae\xdb\xa1\xfa\xe7\xc3&lt;@\xe10\x03\xf0\r\xb4~&gt;\x06\x9e\'Yi\xf6\xe7\xda&gt;\xeb_\\\xfe\xe6\xeb1\xca\x9c\x04\xa0\xfa\x17\x84y\x80\xc2!\x00|\x03\xad\x9f\x8f\x87\x17\x88=\xcb\xd1c\xd8\xabSgO9y\xe2\xa4\xd2v\x83Q\xfd\xef\x84\x0cP2,\x01\xf9\x00Z?\x9f\x84$\xca\x85\x8b\x85L\x186\xe7)\xae\xf2\xd2\x15\x8b\x95\xb3\x1b\x8c\xea\x7f\x1fX\x0bR&amp;\x8c:}\x00\xad\x9fO\x82\x17\xf8\xf4\x94\xcc\xae\x83^^\x1f\xbbzK\xccV\x85,\x04\xa1\xfa\xdf\x1f\xe6\x01\xca\x84\x19\x80\xb7\xa1\xf5\xf3\xc9I\x92\x1c\\8p\xed\xdc-\x17\xb6e\xee\x8e\xdbE)\xf5\xed$\x00\xd5\xff!a\x1e\xa04\x98\x01x\x1bZ?\x9f\x1ck\tm\xfdF\xb3S\xc9GgL\x9d\xe9\xdbI\x00\xaa\xff\xc3\xc3&lt;@i0\x03\xf0*\xb4~\xba\x8b,SK\x80\xff\xd1\x84S\xbf}\xba\xf6\x9f\xe3\xff\x84\x84\x84\xf8\xe4\x94PT\xff\xc7\x80y\x80r`\x06\xe0=h\xfdt#\x9e\'\xf6,g\xed&amp;U\x83\xcb\x9aF\x7f5\xc6\'\xed@\xa8\xfe\x8f\x07\xf3\x00\xe5@\x00x\x0fZ?\xdd\x8b\x17Hv\xba\xbd\xd7\xe7\x9d\xa6\xcc\x9c\xf4\xcf\xb1\xe3^\xce\x00T\xff\'\x81\x0cP\x08,\x01y\tZ?=A\x12\xe5\xd0\xf0\xa0\x19#\x7f\x0f\xcc,\xb9f\xfd*\xaf\xb5\x84\xa2\xfa\xbb\x05\xd6\x82|\x0e#P/A\xeb\xa7\'\x08\x06&gt;3%\xeb\xf5\xc1\xed\xb7\xec\xd9\xb0y\xd3\x16\xef\xec\x06\xa3\xfa\xbb\x0b\xe6\x01&gt;\x87\x19\x807\xa0\xf5\xd3sdI\xb6\x85Xw\xac\x8aKXp\xfa\xe0\xa1\xfd\x84\xb0\xf3\x81&lt;\xf5\xbbE\xf5w;\xcc\x03|\x083\x00o`\xad\x9fC\x06\rE\xeb\xa7\xdb\xf1\x02\x9f\x95n\x7f\xfe\xa5\xa8\xe4\xbc\x7f\x7f\x1a7A\x10&lt;\xb8\x13@)5\x1a\x8d\x13\xc7\x7f?\xf4+T\x7f\xb7\xb9m\x1e\xb0\xe7\xaf\x1d\x06\x83AQ\'|h\x18\x02\xc0\xe3\xd8\xc2\xf4\xea\x95kv\x1f\x8e\xed2\xe8\xa5\xcc\x94,\xde\x80_\xbb\x9b\x89yb\xefQ\x9d\xbf\x1d\xf7\xcd\xbf\x17\xfe\xe5y\xde\x13\xf3ZY\x96%I\x9a&lt;\xf1\xe7\xcf\x7f\x98\xf9\xd6\x8f\xeb\xcd\xd6`T\x7fw\xc9\xcf\x80\x17\x06M}\xe5\xf57\xb7o\xdb\xa6\xba\x8b?U\n\x95\xc8\xe3X1Z\xbelE\xd8\xd3!A\x85l\xa2(a\xf0\xef^&lt;Or\x1d\xb9\xa5+\x96\xccrf\xec\xd9\xbd\xd7\x13\xb5\x83\xcd\xe1RRR&gt;\x1a:\xb4\xfe\xebC\x8a&lt;]\xc1\x91\x99\xca\x1b\x8c\xee\xfd[\xf4L0\x18\xd3\x93/=\xdb\xb2\xb3\xdfS\xb5?\x1b1\\\x96e\xacN{\x01\x02\xc0\xe3x\x9e\xe78n\xe8\xf0!\'\xe3.&amp;\xed&lt;f\xb1\x99e\x19\xeflw\x92$\xd9\x16j]5ss\xd1\xc0\x12\xed\xda\xb7\xa5\x94\xb2\xdf\xb9\x1b\x11B(\xa5\xe1\xe1\xe1\xb1;v\xc6\xcd\xf9\xec\xd0\x8e\x95AEJH\xae&lt;\xf7\xfe-z&amp;\x8b\xaeB\xc5K/\x1d7\xb4\xb0\xfd\xe4\xf2Uky\x9ew\xfb\x8b\x08w\xc2\xaf\xd8\xe3x\x9e\x97$\xa9r\xe5JC\x06\r\x999j\x91 \x08\x98\x01\xb8\x11\xa5\xd4\xcf\xdfp\xfdB\xca\x9ai\xdb\xa7\xcd\x98f6\x9b\xd9\x96\xbb\xdb\xff"\xf6=\x83\xbaQ\xf5\xd6\xad^\xb6e\xfc;\xc7\x13\xb6\x06\x86\x86K\xa2\xcb\xed\x7f\x91\x0e\xc9\xa2+8\xbc\xe4\xfa\x99_\xe7\x1e^\xb5y\xdb\xb6\xc2aa\x1c\xc7a\x9f\xcc\x0b\xd0\x05\xe4\r\xecK\x00v\xbb\xbdb\xf9J\r\xbbWm\xf3v\xd3\xf4\x1bY\xf8\x16\x98[H\x92\x1cZ$\xf8\x9b^\x93\xcb\x06V\xf3\xc2W\x01X\x83J\xdc\x9e]\xcd[\xb5\x8d\x1e23"\xb2Yf\xea5\x01kAO \xbf\xfa;\x0e.\xdf\xb9\'.$$D9G|k\x1ej\x907\xb0\x05\x04\x9b\xcd\xf6\xf5\xe8\xafWL\x8d\xc9L\xb1\x1b\x0c\x02\x92\xf7\xc9\xc92\xb5\x04\x98\x0e\xef&gt;\xfe\xcf\xees\xe3\'\x8cc+\xf5\x1e\xfd\x1bY\xa3zT\xfd\x86\x9b\xd6\xaf\x89\x19\xd7\xfb\xf8&gt;\xcc\x03\x9e\x08\xaa\xbfo!\x00\xbc\x84}G\xa9\xe7\xdbo\xd6(\x1f\xb9x\xc2\x9a\xa0B6\x19\x07\x01=9J\xfdL~\xb3\xbe\\4d\xd0\xd0\xf2\xe5\xcb\xb3o\xdby\xfa\xefD\x06\xb8\x0b\xaa\xbf\xcf!\x00\xbc\x8a\'\xfc\xf7?\x8e\xdd\xb5\xfc\xc0\xb9\xa3\x17M\x01~2f\x01O@\x92\xe4\xc0P\xeb\xe6E\xbb\xc4\x14\xfe\xd3/Fx\xa7\xfa3\xc8\x80\'\x87\xea\xaf\x04\x08\x00\xefa\x93\x80&amp;M\x1bwz\xa5\xcb\xec\xaf\x96\xf8\x9b\xfc9\xb4\x03=.J9\x83A\xc8N\xcb\xf9\xe3\x87\xd5?\x8e\xff1$$\xc4\x0b\xeb?\x05!\x03\x9e\x04\xaa\xbfB`\x13\xd8\xabX\x7fzrrr\xa9\x92ez\x8d}\xb9\xce\x0bU\xb3\xd2s\xb0\x1b\xfc\x18$Q.T4x\xdag\x0b\x9d\xa7\x8c\xf1\xfb\xf7\xca\xb2\xec\x93\xf2\x81=\xe1\xc7\x80\xea\xaf\x1c(=^\xc5\xbe\xa4\x1a\x1e\x1e\xfe\xf1\x88\xe1\xf3\xbf])\xb9dT\xff\xc7 Sj\n\xf0;w\xf4\xe2\xae\xe5\x07\xbe\x1f?\xd6\x87\xfd\x82\x98\x07&lt;*T\x7fE\xc1\x0c\xc0\xdbXK\xa8$I\xcf&lt;]\xaeF\xfb2\x1d\xdfo\x95\x91\x8a\x96\xd0G#Kr`\xa8\xed\xab\x1e\x13\xea\x96{\xfe\x8f%\xbf\xfb\xbc\x82`\x1e\xf0\x90P\xfd\x95\x06u\xc7\xdbXK\xa8\xd1h\x9c1{\xfa\xdai\xdbS\xafe\xf8\xf9\x19\x10\xc3\x0fO\x96dkp@BL\xd2\xe5\xbf\xd3~\x9e\xf4\x93\x87\xbe\xf6\xf5H0\x0fx\x18\xa8\xfe\n\x84\x00\xf0\x01\xb6\x1b\xdc\xb2U\x8bF\r\x1a\xcf\xffn\xb9\xc5f\xa1\xd8\r~h\xbc\xc0\x8b\xb9\xe2\xfcoW~&lt;bxxx\xb8\'\x0e~x\x0c\xc8\x80\xfbC\xf5W&amp;,\x01\xf9\x06\x1b\xb7\x9e8~\xa2b\xa5\x8a\x9f/\xecW\xb2|Q\xa7#\x0fW\xc4&lt;\x90$\xc9\xc1\x85m\xabfl\xd9\xb3\xf0\xe8\xf9\x8bg\x05A\xf0\xc9]\xf0\xf7\x82\xb5\xa0\xbbB\xf5W,\xdf\x0f\x9d\xf4\x89\x1d,\x13Q1\xa2\xf7\xdb}\xa7\x7f\xf1\x87\x9f\xc9\xcf\xd7O\xa4\x02\x94R??C\xea\xd5\x8c\xe5\x13c\xc6\xff&lt;\xceh4z\xb9\xf5\xf3\x810\x0f\xb8\x13\xaa\xbf\x92a\x06\xe03l7833\xf3\xe9\x12\xa5_\x1e\xd2\xb8i\xc7z\x99\xe9v\xec\x06\xdf\x87,\xc9A\x85\x02\x7f\x1e&lt;\' \xbb\xc8\xce\xdd\xdb\x15[G0\x0f\xc8\x87\xea\xafp(7&gt;\xc3v\x83\x83\x83\x83\x7f\x1c?n\xc1\xf7\xab\xf2\x9c\xa2 \xf0H\xe3{\x91ej\n\xf0?u\xe8\xfc\x81\x98\x7ff\xce\x9e\xae\xb4\xb1\x7fA\x98\x070\xa8\xfe\xca\x87\x00\xf0%\xb6\x10\xf4\xe6[oTx\xaa\xf2\xe2\tk\x03C\xad8 \xe8^\x08\xc7\x19\xfd\x8c\xb3F.\xea\xf3v\xdf\x88\x8a\x11\xde&lt;\xf8\xe11 \x03P\xfdUA\xb9\x1f!=\xc8o\t\xfde\xea\xe4\xad\x0b\xe2\xae\x9dO\xf1\xf37bQ\xeeN\xb2$\x07\x04\x9a\xf7\xae?\x90z6g\xec\xb8\xef\xa8\xac\x88\xce\x9f\xfb\xd3s\x06\xa0\xfa\xab\x85\xd2?E\x9a\xc7ZB\x9b6k\xd2\xa6e\xbbY_\xfea\r\xb4\xe0\xbe\xb0\xdbP\x8e\xe3\x05\xde\x95+\xce\xfer\xc9\xb7\xdf\x8d\t\x0e\x0e\x96\xa9\xef{\xff\x1f\x86&gt;3\x00\xd5_E\xb0\t\xec{\xac%\xf4\xdc\xd9s\x95+W\xe9\xf3}\x87\x1a\xcfW\xb2g:\xd0\x12\x9aO\x92\xe4\x90\xb0\xc0y\xa3\x97]\x8e\xcb\xfa\xfb\xf8!\xc2\x11E\xb5~&gt;\x90\xae\xf6\x84Q\xfd\xd5\x053\x00\xdfcwF\x96y\xa6\xcc\xe0\x81\x83\xe7\x8f]A8\xf5\xd46\xcfc7&gt;^;\x7fc\xeb\x82\xb8_\xa6M\x16xA\xc9\xdb\xbfw\xa5\x9fy\x00\xaa\xbf\xea`\x06\xa0\x08\x94RY\x96\xedv{\xa5\n\x95qgdA\x92(\x87\x86{\xef\xc6G\xcf\xd1\xfc&lt;\x00\xd5_\x8dPb\x14\x81\ri\x03\x03\x03\xd9\x9d\x91Y)v\xa3\x11wFr\xb2L-6\xd3\xdf^\xbc\xf1\xd1s\xb4=\x0f@\xf5W)\x04\x80R\xe4\xdf\x19Y\xbd|\x9d\x85?\xae\xb2\x06\x07\xb0\xcb\x03\xf4\x8cp\x9c \x083F\xfe1d\xb0\xf7n|\xf4\x1c\xadf\x00\xaa\xbfz\xa9\xf8\xe3\xa4=\x84\x10\x9e\xf0\xd3fN\xd9\xb3"\xe9\xf4\xa1\x0b\xe6\x00\x7f=w\x04I\x92\x1cX\xc8\xba\xe1\xb7\xedfW\xd0\xc8/\xbfP{\xf5g\xb4\x97\x01\xa8\xfe\xaa\xa6\xfaO\x94\x96\xb0\xdd\xe0:u\xeaty\xed\xf5\xf9\xdf\xad\xf07\xf9q\x9cN\x03\x80R\xceh\x14\xb2R\xec+\xa6\xc6|=\xfak\x9b\xcd\xa6\xea\xf5\x9f\x82\xb4\x94\x01\xa8\xfej\x87M`e\xc9\xbf3\xf2\xe9\x12\xa5{~\xf3R\xdd\x165\xec\x999\x1a\x18\xf9&gt;*\xd6\xfa9u\xc4\xc2\xbcs~\xf1\xfb\xf7R\x99j\xac\xach`O\x18\xd5_\x03tWY\x14.\xff\xce\xc8\xef\xc6~;\xef\x7f\xcb\xa4&lt;I\x87\xd5_\x96\xa99\xc0\xff\xf4\xa1\x0b{V$M\x9b9\x85\'\xbc6\xc6\xfe\x05\xa9}\x1e\x80\xea\xaf\r\x98\x01(\x0e\xbd\xa5\xcc\xd3ek\xb4+\xdd\xe1\xfd\x96\x19\xa9\xd9\xbaj\t\x95%90\xc4\xf6\xd5\x9b\x13\xa2\xca5\xfe}\xf1B\rW\x16\x95\xce\x03P\xfd5CGeE-\xd8\x01A\x82 L\x9f9m\xcd\xb4\xed\xa9\xd72uug\xa4$\xc9\xd6`K\xc2\xe6\xa4\xcb\x87\xd3~\x9a8^\t7&gt;z\x8e\x1a\xe7\x01\xa8\xfeZ\x82\x00P\xa2\xff\xdc\x19\xf9\xed\xb2\x80\xa0\x00\xfd\xdc\x19)\x08\xbc\xe4\x92\x95v\xe3\xa3\xe7\xa8+\x03P\xfd5\x06K@\nu\xf3\xce\xc8\x13\'*V\xac8lV\xefr5J9rr5\x7f@\x90$\xc9A\xa1\xb6\xa5\x93\xd6\'\xad&lt;{\xe6\xc2)\xa5\xdd\xf8\xe89\xaaX\x0bB\xf5\xd7\x1e-\x8f\xadT\xed\xe6\x9d\x91\x11\x11C\x06\x7f4s\xd4"=\xdc\x19y\xf3\xc6\xc7k\x19k\xa7m\x9f1{\xba\x02o|\xf4\x1c\xe5\xcf\x03P\xfd5\t3\x00\xe5b[\xc1\x19\x19\x19\xa5\x9f*\xd3\xfeC\xed\xdf\x19\x99\x7f\xe3\xa3\xd5\x1e\xbecW\xac\x0e\xeb\x8bb\xe7\x01\xa8\xfeZ\xa5\xd9j\xa2\x01l78$$d\xdc\x8f\xff\x7fg\xa4\xaf\x1f\xcaSd\x99\x9a,\xfe\xa7\x0f\x9d?\x10\xf3\xcf\x8cY\xd3\xf43\xf6/H\x99\xf3\x00T\x7f\r\xd3lA\xd1\x06\x9e\xe7eI~\xf3\xad7*\x94\xac\xbc\xe8\xe7\xd5A\x85l\x92\xa8\xd9\x03\x82\xfcL~\xd3\xbf\xf8\xa3\xb7\x1an|\xf4\x1c\xa5e\x00\xaa\xbf\xb6\xe9\xf13\xa6"\x84\x10\xcaQ\xa3\xd18u\xe6\x94m\x7f$\x9c;z\xc9d\xf1\xd3\xde\xaa\x9d$\xc9\xb6 \xcb\xd6\xc5\xbbs.K\xdf\x8f\xfbN\xb7\xd5\x9fQN\x06\xa0\xfak\x9e~?fj\xc1ZB\x1b7~\xbec\xfbN\xbf~\xfb\xa7\xc5f\xd6\xd8\tq\x94\xe3\x04\x81\xcfs\x8a\x0b\xbe_\xf5\xe3\xf8q\xc1\xc1\xc1\xfa\\\xff)H\t\x19\x80\xea\xaf\x07\xd8\x04V\x01v@\xd0\xd9\xb3g\xabV\xa9\xa6\xbd;#\xff\xff\xc6\xc7\xf8\xacCG\x0e\xea\xa7\xf5\xf3\x81|\xb8\'\x8c\xea\xaf\x13\x98\x01\xa8\x00k\t-[\xb6\xec \xcd\xdd\x19I)\xf5\xf37^;\x9f\xb2uA\xdc/S\'\xeb\xaa\xf5\xf3\x81|5\x0f@\xf5\xd7\x0f\xcc\x00\xd4!\xff\xce\xc8\x88r\x95\x9e\xebQ\xb5\xed\xdb\xcd\xd2S\xb4pg\xa4$\xc9\xa1aA\xa3\xdf\x9eT.\xb8\x86\xaao|\xf4\x1c/\xcf\x03P\xfduE\xf5\x15D\'\xf2\xef\x8c\xfci\xc2\x8f\xcb&amp;\xc6\xa4^\xcd\xd0\xc0\x01A\xb2L\xadA\x96\x84\xcd\x87\xce\x1fH\x9e8\xf9g\x8c\xfd\xef\xca\x9b\xf3\x00T\x7f\xbdA\x00\xa8\x06\xdb\r\xee\xdc\xa5s\x9d\xaa\xcf.\x99\xb4. (@\xed\xbb\xc1\x84\xe3\x08G\xe6\x8f]1x\xe0\xe02\xcf\x94\x91$=\x9e}\xfd0\xbc\x93\x01\xa8\xfe:\x84\xcf\x9b\x9a\xb0\xaf\x86M\x99\xfe\xcb\x9e\x15I\xa7\x0e\x9eS\xf5\x9d\x91\x92$\x07\x86Z\xd7\xff\x1a\xeb\x9f\x1b\xf8\xf1\xa7\xc3Qk\xee\xcf\xd3\x19\x80\xea\xafO\x08\x005a\xbb\xc1u"\xeb\xf4~\xbb\xef\xcc\x91\x8b\x8c~F\x95\xae\x98\xdc&lt;\xf6\xe7j\xc6\xb2\x891?M\xf8100\x90\xbb\xb5\xcc\x05\xf7\xe2\xb9\x0c@\xf5\xd7-l\x02\xab\x0c; (33\xb3hX\xf17G\xb7S\xe9\x9d\x91\xf97&gt;\x8a\xe7\xfd\xe3\xf7\xc7\xa1\xdc&lt;&lt;\xb7\xef\t\xa3\xfa\xeb\x99\xca\n\x07\xb0U\xa0\xe0\xe0\xe0o\xbf\x1b\xa3\xd2;#\x0b\xde\xf88e\xfa/\xd8\xfb}$\xee\x9d\x07\xa0\xfa\xeb\x1cf\x00\xea\xf3\x9f;#_*\xdd\xf1\xfdV\xeaj\t\x95%9\xa8\x90\xed\xab\x1e\x13\xeb\x96{^\xdb7&gt;z\x8e[\xe6\x01\xa8\xfe\x80\x00P%\xf6A\xdd\xb0~c\xab\xd6-\xc7\xae\xff\xc8\x1al\xc9\xcb\x13y5\x8c\xa3%Y\x0e\x0c\x0e\x88\xdb\x984w\xc4\xaa\x0b\x97\xce\x85\x85\x85q\x1c\xa7\xbaI\x8c\x12&lt;a\x06\xa0\xfa\x03\x87\x00P/\xf6qm\xd7\xea\xa5S\x99\x87G\xfe60+\xdd\xae\xfc\xc3!(Gy\xc2K\xa2\xfc~\x93\x91\xdf}9n\xd0\x87\x03Qt\x9e\xc4cg\x00\xaa?0\x08\x00\xb5bwF\x9e:y*\xa2bD\xb1\xf2\x85x\x9e\x97\xa9\xccq\xca\xce\x00J\r~\x86\xcc\xd4\xecB\xa6\xa2\xc7O\xfcCn\xf1\xf5c\xa9\xd8cd\x00\xaa?\xe4C\x00\xa8\x18\xdb&gt;\xdd\xbf\x7f\xff\xb5\xcb\xd79B8U\xbc\x94\x84\xf0&lt;\x89\xa8T\xa1t\xe9\xd2\xd8\xfeu\x8bG\xca\x00T\x7f(\x08\x01\xa0n*\xae\xa1T\xe9\xd3\x15\x15y\xc8\x0c@\xf5\x87\xdb \x00TO\x96e\xd5\xbd\x88\x84\x10l\xfc\xba\xd7\x033\x00\xd5\x1f\xee\x84\x00\x00\xd0\x88{d\x80\x1f\xc7QT\x7f\xb8+\x04\x00\x80v\xdc5\x03\x08!\xc1EJ\xa0\xfa\xc3\x9d\x10\x00</t>
        </is>
      </c>
    </row>
    <row r="42">
      <c r="A42" s="1" t="n">
        <v>40</v>
      </c>
      <c r="B42" t="inlineStr">
        <is>
          <t>rectangle_height_color</t>
        </is>
      </c>
      <c r="C42" t="inlineStr">
        <is>
          <t>What is the missing color of the part denoted with a question mark?</t>
        </is>
      </c>
      <c r="D42" t="inlineStr">
        <is>
          <t>['purple', 'green', 'yellow', 'orange']</t>
        </is>
      </c>
      <c r="E42" t="inlineStr">
        <is>
          <t>purple</t>
        </is>
      </c>
      <c r="F42" t="inlineStr">
        <is>
          <t>There are 7 rectangles in the image with varying colors and lengths. The lengths from left to right are ['long', 'short', 'long', 'medium', 'medium', 'short', 'medium']. The colors from left to right are ['green', 'orange', 'green', 'purple', 'purple', 'orange', '?'].</t>
        </is>
      </c>
      <c r="G42" t="inlineStr">
        <is>
          <t>We observe that the orange rectangles are of short length and the green rectangles are of long length. Hence, the pattern is that the color of each rectangle corresponds to its length.</t>
        </is>
      </c>
      <c r="H42" t="inlineStr">
        <is>
          <t>Based on the pattern that the color of each rectangle corresponds to its length, the missing color of the part denoted with a question mark should be purple.</t>
        </is>
      </c>
      <c r="I42" t="inlineStr">
        <is>
          <t>b'\x89PNG\r\n\x1a\n\x00\x00\x00\rIHDR\x00\x00\x02\x00\x00\x00\x02\x00\x08\x02\x00\x00\x00{\x1aC\xad\x00\x00=hIDATx\x9c\xed\xdd{xT\xd5\xb9?\xf0w\xad\xbdg\x92\xccd\x92\x0c!\x17n"\x97pQ\x14\x0c7!\x16TD\xe2\xf1\xa8\xa8\x88\xa0`\xfd\xa1\xa0Uj\xe3\xf1\xb4\xa7\x9e\xe39\x88&gt;\xd6"\xd8V\xdb\x1e-\x14\x11T\xa4Uk\xbd\xb4\x12\x12\xad\x80\n\x84\xa0\x82@\xb8\nr\t\xb9\'3\xb9Lff\xef\xb5~\x7fl\xe5P\xd4\x10B\x92\xd9;\xeb\xfby\x1e\x9f\x07\'0Yy\xb3\xf6\xfa\xae\xbd\xf6\xda{\x98\x94\x92\x00\x00@=&lt;\xd6\r\x00\x00\x80\xd8@\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f4X7\xa0U\xa4\x94m\xf8W\x8c\xb1vo\x89\x9aP\x7f\x80.\xc9\xa6\x01 \xa5\x14BH)\x19c\x8c1\xce\xdbr\xa6\xd2.o\xa2&amp;\xd4\x1f@\x05\xacm\x93\xbb\x0eb\r\x19D\xa4i\xda\xa9\xaf\x07\x02\x01!\x04c\xadm\xad5\xf7LII9\xf5Ek0\xe2\x9ccf\xfa}P\x7f\x00\xa5\xd8%\x00\xa4\x94\xa6i\xea\xfa\xd7g$\xf5\xf5\xf5EEE\x9b7o\xfe\xec\xb3O\xabkjJJv\x1b\x86y\xb6\xef9p\xc0\xc0\x14\x7f\xca\xe8Q\xa3\xb3\xb3\xb3\xc7\x8c\x19\xd3\xabW/\xebu\xc308\xe7\x98\x90\x9e\n\xf5\x07P\x90-\x02\xc04Mk\xca\x19\x89D\xd6\xae]\xbbj\xd5\xca\xad\xc5\xc5G\xbe:\xd2\x8e\xdf"\xc5\x9f2j\xe4\xa8\xe9\xb7N\xbf\xe1\xfa\x1b\xd2\xd3\xd3\x89\xc80\x0cM\xd30\x1b%\xd4\x1f@U1\x0e\x00\xeb\xbb3\xc6\x02\x81\xc0\xb2e\xcbV\xbd\xb4\xea\x8b\x1d_\x9c\xfc\xaa\'1\xa1[fJR\xf7\xc4\x8c\xbe\xa9\x89\xc9\t\xa6)\x18\x9dy\xbc\x90$\x19c\xa6a\x1e\xdbW\xde\x14\x0cU\x1e\xab\xad\xafk8\xf9\xd5\x1e=2o\xbf}\xd6\xddw\xdf=x\xf0`"\x12B\xa8&lt;\x15E\xfd\x01T\x16\xcb\x0089\xf1\\\xb1b\xc5\xa2\xa7\x16\xed\xdd\xb3\xd7z\xbd{\x0f\xff\xe0\xd1\xfd\x86\xe5d\xf5\x1e\xdc#\xa5\xbb/\xce\xe3\xd64\xce8\':\x9b\xa6J2\r3\x1a1\x82\xd5\x8d\xa5_V\xec):\xb8{\xd3\xc1c\x07\xca\xac/\xfa\xbb\xf9\x1f\xf8\xf1\x03\x0f&gt;\xf8`rr\xb2a\x18\'\x97&gt;\x94\x82\xfa\x03(.f\x01`\x8d&gt;\xa5\xa5\xa5s\xe6\xcc\xc9\xcf\xcf\xb7^\xec=0\xf3\xca\x99\x97\x8e\xb8bhR\xb7D"\x19\r\x1bF\xd4\x14BZ3Uv6#\x10#"\xc68c\x9a\x8b\xbb\xdc.\xae\xf3PC\xf3\xbem\x87\x0b_\xf9d\xf7\xe6\x83\xd6;\r\x1e&lt;x\xf9\xf2\xe5999\xd6\x15N\xa5\x96#P\x7f\x00\x88M\x00X\x93\xbe\xfc\xfc\xfc9s\xe6\x94\x96\x96\x12Qf\xdf\xb4\xab\xef\xc8\x19=\xe5"\x8f/&gt;\xd4\x186\xa3&amp;\x111\xde\x0e\x83\x82\x94RJ")\xb9\xc6\xe3=qB\x88\xdd\x9b\x0f\xe4\xaf\xfch\xcf\xd6/\x89\xc8\xedv/Z\xb4(//O\xa91\x08\xf5\x07\x00\x8aI\x00X\xa3\xcf\xb2e\xcb\xe6\xcd\x9bGD\x8c\xd8\xc4[F\xdfp\xdfUI\xa9\x89M\xc1\x900\x05\xe7\xbc\x15K\xcdm!\x84 b\x1e_\xbc0\xc5\x07k6\xbf\xfd\xdc\x07\xa1\xc6f"\x9a;w\xee\xd2\xa5KM\xd3Ta\x93"\xea\x0f\x00\x96\xce\x0e\x00k\xe5\xe1\xe4\xe8\xe3M\xf2\xcc\xfc\x8fk\xc7_\x7fIS}\xb3\x1115\xbd3\xae\x07\nS0\xc6|\xdd\xbc\x07&gt;?\xb2\xf2\xb17\x8f\xed+\xa3o\xc6\xa0.?\x0fE\xfd\x01\xe0\xa4N\r\x80\x7f\x1e}Xr\xaa\xf7\xde\xc53\x87\x8e\x1dPW\x19\xe4ZgO\xfd\x0c\xc3LL\xf2\x04k\x1a~\x97\xf7\xf2\xe1\x9d\xc7%\xc9\x93\xf3\xd0\xd3n\x83\xea2P\x7f\x008U\xe7\x05\x80u`\x17\x16\x16N\x9e&lt;\x99\x88|)\x9e\x9f\xaf\xbc\'\xbdOjc\xb0I\xd3cs\xc0\x0bS\xb8\xdc:\xd3\xf8o~\xf4\xe2\xdem\x87\x88\xe8\xd1G\x1f]\xb0`A\x97\xdc\x97\x82\xfa\x03\xc0i:)\x00\xac\xed\xde\xe5\xe5\xe5\xc3\x87\x0f\xaf\xa8\xa8\xf0\xf8\xe2\xe7\xfff\xd6\xc0\x11\xe75\x06\x9b;g\xd9\xa1\x85\x86\xb9\xdc\xaePC\xf33\xf7\xaf&lt;\xb2\xb7\x8c1\xca\xcf\xcf\x9f&lt;yr\x17\x9b\x87\xa2\xfe\x00\xf0m\x9dt\xf0[O\x1a\x98={vyy9\x11\xcd\xf8\xd9\xbf\x0e\x1d;\xa0!\x18\x8a\xed\xe8CD\x9c\xf3H8\xea\xeb\xe6\xbd\xfb\xc9\xe9\xde\xa4x)\xe5\xec\xd9\xb3\xcb\xca\xca\x18c\xd6Sq\xba\x06\xd4\x1f\x00\xbe\xad3\x8e\x7fk6\xb7z\xf5\xea\x82\x82\x02"\xbal\xea\xc8\xcb\xa6f\xd7U\xd6\xeb1Zy8\x8d\xa6\xf1\xc6`\xa8\xf7\xc0\x8c\xe9\xff\xfe/DT^^\xfe\xf0\xc3\x0fs\xce\xed\xf0\x90\x8cv\x81\xfa\x03\xc0w\xea\xf0% )\xa5\x94\xb2\xae\xaen\xec\xd8\xb1_~\xf9e\xf7\x9e\xfe\x87_\xbe\xc7\xed\xd6MS\xd8j\xb3\x870\x857\xd9\xf3\xbf\xff\xf6\xca\xa7\x1f\xec\x8e\x8b\x8b\xdb\xb8q\xe3\xa8Q\xa3\xac\xa7W\xc6\xbai\xe7\x04\xf5\x07\x80\xef\xd3\xe1G\x97\xb5\xb9{\xc5\x8a\x15\x07\x0e\x1c\x10B\\\xfd\xc3\xcb\x92S\x13\xa3Q\xd3V\xa3\x0f\x11\x11cf\xd4\xbcv\xde\x15\xee8W8\x1c^\xb0`A\xeb\x9f~lg\xa8?\x00|\x9f\x8e\r\x00)\xa5\xa6i\xa1P\xe8\x85\x15/0\xc6z\x9c\x9f6\xf6\x9a\x8b\x1b\x03!M\xb3\xdd\xb4\x8es\xd6\xdc\x14&gt;\x7fh\xcf\xec+/ \xa2\xf5\x1b\xd6\x97\x94\x94h\x9a\xe6\xe8\x95h\xd4\x1f\x00Z\xd0\xb1\x03\x81u_Oaa\xe1\xee]\xbb\xa5\x94\x93n\x1f\xefI\x8a7M\xbb\x1e\xd2\x8c\x19\x11\xe3\xaa\xd99q\t\xee\xa6\xc6\xa6?\xfe\xf1\x8f\xf4\xf5\xcd\xabN\x85\xfa\x03@\x0b:c&amp;\xb8\xe2\xc5\x15\x8c1\x7fzr\xf6\x95\x1747\x849\xb7\xd9\xe2\xc378g\xcdM\x91\xf3/\xe858\xbb\x1fc\xec\xb5\xd7_kjj\xd2u\xdd\xe9\x0b\x11\xa8?\x00|\xa7\x0e\x0c\x00k\xfd!\x10\x08\x14\x15\x15I)\x87\x8e\xe9\x9f\xdc=\xd1\xb0\xe1\xea\xf3)$1\xc6\xe8\xe2\xcb\x87H)K\x8f\x97n\xdf\xbe\x9d\x1c;\tE\xfd\x01\xa0e\x1d\x18\x00\xd6q[\\\\|\xfc\xd8q"\xba\xf0\xb2,)\x89l&lt;\xfa\x10\x11\xe7\x14i\x8e\x0e\x1e\xdd\xcf\x93\x18o\x9a\xe6{\xef\xbdG\xdf|j\x8a\xe3\xa0\xfe\x00\xd0\xb2\x8e=\x03 \xa2\xa2\xa2""\x8a\xf7\xc4\xf5\x19\xd4#\x1a\x8e\xda{\xfc!\xc6\x98\x111S3S\xd2\xfb\xa4\x12\xd1\xd6\xe2\xadD\xe4\xd0\x9d\x88\xa8?\x00\xb4\xac\x03\x0f-k\xa9\xa1x[1\x11u\xef\xe9\xf7\xa7%\x99Q\xd3\xe6\x03\x10\x11\t!\xe2\x12\\\xbd\xb22\x88\xa8\xa4\xa4\xa4\xa1\xa1\xc1\xa17%\xa1\xfe\x00\xd0\xb2\x8e\r\x00)eee%\x11\xf9\xfc\xdexo\x9c\x10\xd6\xe7J\xd9\x9a$b\x9c\xf9\xd3\x93\x89\xa8\xae\xae.\x14\n\xc5\xbaEm\x84\xfa\x03@\xcb:*\x00\xac{8\x03\x81\xc0\xbe}\xfb\x88(\xb3_\x1a\xd7\x9cq_\x0fcL\x98"\xb3_w"\xaa\x0f\xd6\x97\x94\x94\x90\x03\xafC\xa2\xfe\x00pF\x1d~#X4\x1a%\xa2\xc4\x14\x0f\xe3\xcc\x01\xc3\x0f\x11\x11II\xde\x14\x0f\x11\t!\x0c\xc3\x88us\xda\x0e\xf5\x07\x80\x16t\xf8\xe55k%Z\x18\x0e\x9b\xc1\x9dl\xb0\x9d7M\xb6\x06\xea\x0f\x00\xdf\xa7\xb3\xf6W8\xee(v\\\x83[\xe6\xb8\x1f\xc7q\r\x06p l\xb0\x03\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z\xac\x1b\x00\xd0\xe1\xa4\x94m\xf8W\x8c\xb1voI\xdb8\xbd\xfdN\xd7\x85\xeb\x8f\x00\x80.HJ)\x84\x90R2\xc6\x18c\x9c\xb7\xe5L\xb7]\xde\xa4m\x9c\xde~\xa7S\xa7\xfe\x08\x00\xe8:\xacC\x8e\x884M\xd34\xed\xe4\xeb\x81@@\x08\xc1\x18k\xe5T\xce\x9a\xbb\xa5\xa4\xa4\x9c\xfa&amp;\xd6\xc1\xcc9\xef\xb8\x99\x9d\xd3\xdb\xeft\n\xd6\x1f\x01\x00]\x81\x94\xd24M]\xd7\xadC\xae\xbe\xbe\xbe\xa8\xa8h\xf3\xe6\xcd\x9f}\xfaYuMM\xc9\xee\x12\xc34\xce\xf6=\x07\x0e\x18\x90\xe2\xf7\x8f\x1e=*;;{\xcc\x981\xbdz\xf5\xb2^7\x0c\x83s\xde\xbe\x13:\xa7\xb7\xdf\xe9\xbe\xb3\xfe[\xb6l\xf9\xf4\xd3OkjjJJJL\xd3&lt;\xdb\xf7\x1c0`@JJ\xca\xa8Q\xb6\xae?\x02\x00\x1c\xcf4MM\xd3t]\x8fD"k\xd7\xae]\xb5r\xd5\xd6\xe2\xe2#G\xbe:\xc7\xb7\xad\xae\xae"\xa2\xfc\xfc\xb5D\x94\x92\xe2\x1f5j\xe4\xf4\xe9\xb7\xdep\xc3\xf5\xe9\xe9\xe9Dd\x18\x86\xa6i\xed2\x9bsz\xfb\x9d\xee\xf4\xfa\xafZU\\\\\xfc\xd5W\xe7Z\xff\xca\xcaJ"Z\xbbv-\x11\xf9\xfd\xfeQ\xa3FM\x9f&gt;\xfd\xfa\xeb\xedU\x7f\x04\x008\x98uJ\xaeiZ \x10X\xb6l\xd9\xaaU/}\xf1\xc5\x8e\x93_\xf5$$\xfa\x933\x93\x12\xbb\xa7\xa7\x9e\xe7\xf5$\x0ba\x12\xb5\xe6x\x93\x8c1\xd34\x8e\x97\xefo\n\x05\xabj\x8f\xd57\xd4\xd5\xd5\xd5\x16\x16\x16\x16\x16\x16.\xf8\x9f\xff\xb9}\xd6\xedw\xdf}\xf7\xe0\xc1\x83\x89H\x08q.S9\xa7\xb7\xdf\xe9N\xab\xffK/\xbd\xb4c\xc7\xff\xd5\xdf\xe7\xf3\x9dw\xdey\x99\x99\x99\x83\x06\r\xea\xd6\xad\x9ba\x18\xad\x1c\xaf\x19c\xd1ht\xc7\x8e\x1d\xb5\xb5\xb5\x07\x0f\x1e\xac\xa9\xa9\xa9\xad\xad-(((((X\xb0`\xc1m\xb7\xddf\x9f\xfa#\x00\xc0\xa9\xac\x89\x1b\x11\xadX\xb1b\xd1\xa2\xa7\xf6\xee\xddc\xbd\x9e\xea\xef1\xa8\xdf\xe8\x0b\xb3rze\x0eJ\xf6u\x8fs{8\xd78\xe7t6[9$I\xd34\x0c#\x12l\xac.\xab8\xb4\xe7\xcb-{\x0en&gt;^v\xe0D\xd9\x89%K\x96,_\xfe\xc2\x03\x0f\xfc\xf8\xc1\x07\x1fLNN6\x0cC\xd7\xdbr\x1c9\xbd\xfdNwj\xfd\x9fz\xea\xa9={\xbe\xae\xffy\xe7\x9dw\xf9\xe5\x97\xe7\xe6\xe6\x0e\x1f&gt;&lt;33\xd3\xe7\xf3\xe9\xba\xde\x86\xa9z4\x1a\r\x87\xc3\xe5\xe5\xe5%%%\xef\xbf\xff~AA\xc1\xae]\xbbJKK\x97,Y\xf2\xc2\x0b/\xfc\xf8\xc7\xb6\xa8\xbf\x8a\xbfx\xe8\x02\xac\xa3\xb7\xb4\xb4t\xce\x9c9\xf9\xf9\xf9\xd6\x8b\xbd2\x06N\xbct\xc6\x88\xa1W\xf8\x12\xbbII\x86\x116\xcch(\xdc@m\xda\xc6G\x8cq\xc6\x92\xbc\xa9\xa9\x83z\\4dB\xa8\xb9\xe1\xc0\xe1O?\xd8\xf4\xca\x9e\x83\x9bkkk\x16.\\\xb8f\xcd\x9a\xe5\xcb\x97\xe7\xe4\xe4XW\x08\xcfj\x8cpz\xfb\x9d\xee;\xeb\x7f\xe1\x85\x17\xce\x9f?\x7f\xea\xd4\xa9\xe9\xe9\xe9R\xca\xe6\xe6\xe6H$\x12\x08\x04\xa8M;A\xad\x9d?\xe9\xe9\xe9}\xfb\xf6\xbd\xf6\xdak\x83\xc1\xe0\xc6\x8d\x1b\x9fy\xe6\x99\xc2\xc2\xc2\x9a\x1a\xbb\xd4\x1f\x01\x00\xcecM\x9a\xf2\xf3\xf3\xe7\xcc\x99SZZJD\x19\xdd\xfb^\x95s\xc7\xc8\x8b\xaeN\x88\xf75\x87\x1b\x1b\x9b\x02\xf4\xf5\x00\xc88\xe3\xadZ8\xf9\xbe\xefeF\xa3f\x84\xa4\xe4\\\xbb`\xd0\xf8\xa1\x03/-9\xb0\xb9\xf0\xe3U{\xbf\xdc\xbaw\xef\xde+\xaf\xbcr\xd1\xa2Eyyy\xd6\xee\x91V\x1e\xc3No\xbf\xd3\x9d\xac\xff]w\xddu\xfc\xf8q"\xca\xca\xcaz\xe8\xa1\x87n\xb9\xe5\x16\xbf\xdf\x1f\x0c\x06\xab\xab\xab\xad\xe1\x9b1v\xeaN\x9e6\xb0\xce\x03\xa4\x94\xba\xae\xe7\xe6\xe6N\x9e&lt;\xb9\xa0\xa0\xe0\xe9\xa7\x9f\xfe\xf0\xc3\x0f\xf7\xee\xdd;i\xd2\xa4_\xfe\xf2\x971\xac\xbf\xba\xcb\x7f\xe0P\xd6\xd1\xbbl\xd9\xb2\xdc\xdc\xdc\xd2\xd2Rb4a\xcc-\x0f\xcd]\xf1\x831\xd3\x88\xa8\xb1\xa9NJ\x93s\x8d\xf3\xf6\xb9\xc2f\r\xc1\x9ckD\x14\n5\x84#M\x17\x0e\xca\xf9\xf1\x0f\xffw\xda5\x0f%\xc4{#\x91\xc8\x83\x0f&gt;8o\xde&lt;\xce\xb9\xb5\xcf\xaf\xcb\xb7\xdf\xe9N\xad\xbf5\xfa\xdf{\xef\xbd\x1b7n\xbc\xe7\x9e{\x18cUUU\'\xb7\x03\xb5W\xfd\xad+\xccDTWW\xd7\xd0\xd0\x90\x9b\x9b\xfb\xde{\xef-Y\xb2\xc4\xe7\xf3\x85\xc3\xe1\xd8\xd6\x1f\x01\x00Nb\x1d\x9c\xcb\x96-\x9b7o\x1e\x11y=Iw\xde\xfc\xc4\xed7\xfc\xb7K\x8f\xabo\xac!"\xce\xb5\xd6])m\x0b\xce9c\xbc)\x14\x0cG\x9a\xae\xfe\xc1\x9d\x0f\xdc\xf9\x87^\x99YDd\xb5G\xd34)e\xcb\xc7\xb0\xd3\xdb\xeft\xa7\xd5\xdf\xef\xf7\xafZ\xb5\xea\xb9\xe7\x9e\x8b\x8f\x8f\xb76\xed\xb4m\xb9\xbf\x954M\xe3\x9c\xd7\xd5\xd5566&gt;\xf4\xd0C\xeb\xd6\xad\xbb\xf8\xe2\x8b)\xa6\xf5G\x00\x80cX\xeb\xb6\xd6\xd1\xc2\x18%%\xa6\xde{\xdb\xaf\xc7\x8f\xbc!\xd8P-\x84\xa9\xf1NZ\xcf\xe4\\c\x8c\x07\xea\xab\xfa\xf6\x1a\xfa\xc0\x0f\xff\xf7\xfc\xde\xc3\x18\xfb\xfa\x18\xb6\xe6q]\xb5\xfdNwj\xfd\x89(##\xe3\xcd7\xdf\x9c={vEE\x85\x15\x0c\x9d\xd3\x0c+\x06***F\x8e\x1c\xf9\xde{\xef\x8d\x193\x86(f\xf5G\x00\x803XGoaa\xe1\xd7s\xe7\x84\x94\x7f\xbb{y\xff\xf3F\x04\x82\x95\x9a\xd6\x81\xb3\xb6\xef\xa3izS\xa8&gt;.\xce\xfbow/\x1f\xd8w$\x11-[\xb6l\xe1\xc2\x85\x9a\xa6\x19\xc6w\xdc\xb4\xe5\xf4\xf6;\xddi\xf5\xef\xde\xbd\xfb\x87\x1f~8~\xfc\xf8\x8a\x8a\n\x97\xcb\xd5\xf9\xf5w\xb9\\uuu&gt;\x9f\xef\x1f\xff\xf8\xc7\x84\t\x13(F\xf5G\x00\x80\x03\x08!4M+//\x9f5k\x16c\xcc\x93\x90t\xcfm\xbfJ\xeb\xd6\xa7\xa99\xa8i1\xdb\xc8\xc0\xb9f\x18Q)\xc5]\xb7\xfe\xb2O\x8f\xc1\xc4h\xe1\xc2\x85\x05\x05\x05\xba\xae\x9fv\xe3\xa8\xd3\xdb\xeft\'\xeb?{\xf6l\xc6\x98\xdf\xef\x7f\xfd\xf5\xd7\x07\x0c\x18P[[\xebr\xb9b\xd5*]\xd7\xc3\xe1\xb0\x10b\xf5\xea\xd5#F\x8c \x8aA\xfd\x11\x00\xe0\x0c\xa6i\xce\x9e=\xbb\xbc\xbc\x9c\x88\xa6_\xfb\xb3\xc1\x03\xc64\x85\x82\x9d\xb6l\xf2}8\xe7\xd1h\xd8\xe7\xed\xf6\xffn\xf9\x85\'&gt;IJ9{\xf6\xec\xb2\xb22\xc6\xd8\xa9\xe7\xf2\xd6\x93\x06\x9c\xdb~\xa7;Y\xff\xb2\xb22"\xfa\xcdo~3q\xe2\xc4\xd8\x8e\xfe\x16M\xd3B\xa1PZZ\xdaK/\xbd\xe4\xf7\xfb\x89\xe8\x8e;\xee\xe8\xcc\xfa#\x00\xc0\x01\\.\xd7\xea\xd5\xab\x0b\n\n\x88h|\xf6\xd4q\xd97\x04\xea+c8w&gt;\x15\xe7ZS(\xd83c\xe0\xb4k\x1e"\xa2\xf2\xf2\xf2\x87\x1f~\x98s~\xf2j\x9e\xb5\xf8\xe0\xdc\xf6;\xddi\xf5\x9f3g\xce\x1dw\xdca\xad\xfc\xc4\xbaiDD\xba\xae\xd7\xd5\xd5\r\x1b6\xec\xe9\xa7\x9f\x96R\x96\x95\x95uf\xfd\x11\x00`k\xd6aP]]\xfd\xd8c\x8fq\xce\xd3\xba\xf5\x9ez\xf5\x8f\x9bBA\xce\xceiwv\xfb\xd24\xbd\xa1\xb1v\\\xf6\xf5#.\xb8\x92\x88^}\xf5\xd5\xad[\xb7\x9e\xdc\xd8\xc7\x18\xab\xa9\xa9qh\xfbc\xdd\xb4suZ\xfd\xfb\xf7\xef\xff\xc4\x13O\x04\x02\x01[\xdd\xfc\xecr\xb9\xaa\xaa\xaa~\xf8\xc3\x1fN\x9d:\x95:\xb7\xfe\x08\x00\xb05\xeb\x82\xd8\xf2\xe5\xcb\x0f\x1c8 \x84\xb8\xea\xb2;\x92\x12\xbb\x1bf\xd4v\xb7,1f\x98\xd1\x7f\xb9|\xae\xcb\x15\x17\x0e\x87\x17,X`==\xd84M\xce\xf9\x8a\x15+\x1c\xda\xfeX7\xeb\\\x9dV\xff\x87\x1ez(###\x12\x89\xd8\xad\xfe\x8c\xb1H$\xf2\xc8#\x8f\xc4\xc5uj\xfd\x11\x00`k.\x97K\x08\xb1b\xc5\n\xc6XF\xda\xf9\xa3/\xbe\xa61\x14\xd0\xb8\x8d\xa6\xcf\x16\xcex8\xdct^\xcf\xa1\x97\\p%\x11\xad_\xbf\xa1\xa4\xa4\xc4\xda\xf0\x17\n\x85^x\xc1\xa9\xedw\xf4I\x80\x94\xd2Zd\xb7\xfa\xcf\xa0A\x83f\xce\x9cY[[k\xab\xe9\xbf\x85s^__\x9f\x9d\x9d}\xd3M7\x11\xd1\x86\r\x9dT\x7f\x04\x00\xd8ZRR\xd2\xc6\x8d\x1b\xf7\xec\xd9#\xa5\x9c4\xeevO|\x92\x106\xdd\xa0\xc2\x18\x8b\x1a\x91I\xe3g\xc5\xb9\x13\x9a\x9a\x1a\xff\xf8\xc7?\x12\x11\xe7\xbc\xb0\xb0p\xf7\xee]\x0em\xbf\xa3\x03\xc0z\xc6Naa\xe1\xae]\xbb\xa4\x94yyy)))\xb6\xdd\xe4\xca9onn~\xf0\xc1\x07=\x1eOcc\'\xd5\x1f\x01\x00\xb6\xc6\x18\xb3\xa6o)\xc9\xe9\xc3/\xb8"\x14n`\xcc\xa6\x9d\x961\x1e\x8e4\xf5\xe9uAV\xbf\x91\x8c\xb1\xd7^{\xbd\xa1\xa1\x81\x88\xac\xe9\xbf\x13\xdb\xdf\xd4\xd4\xa4\xeb\xba\xd3\x17\x82^|\xf1E\xc6X\x8f\x1e=n\xbc\xf1\xc6`0x\x8e\xcf\xf6\xe98\x9c\xf3\xc6\xc6\xc6\xec\xec\xec\t\x13&amp;0\xc6^\x7f\xbd3\xeao\xd3\xbe\x08`9~\xfcx\xd1\x96\xadR\xca\xc1\xfd\xc7$%v7m\xb8z~*F\x9c\xd8E\x83\'J)KK\x8f\xef\xde\xbd\xdb0\x8c-[\xb68\xb4\xfd\xdb\xb7o\'\xc7\x9e\x04X\xeb?\x81@`\xeb\xd6\xadR\xcaI\x93&amp;\xa5\xa7\xa7G\xa3\xb6\xae\xbfu\xc9\xfa\xba\xeb\xae\x93R\x96\x96\x96vB\xfd\x11\x00`_\xba\xaem\xda\xb4i\xff\xfe}Dt\xe1\xc0\x1c"I6&gt;z\x89\x88\x11\x0fG\x9b\x07\xf7\x1b\xe5\x89O4Ms\xc3\x86\r_|\xf1\xc5\x89\x13\xa5\xe4\xcc\xf6\xbf\xf7\xde{\xd4\xa6\'!\xdb\x815n\x16\x17\x17\x1f=z\x94\x88rss\xed\xff\x83XW,\xae\xb8\xe2\x8a\xa4\xa4$\xc30\xacO\x13\xc3\x19\x00(\xca\xe5v\x17\x17\x17\x1b\xa6\xe1r\xc5\xf7\xee1(\x1a\r\xb3\x0e{PZ\xbb`\x8c\x99f\xc4\x9f\x92\xd9=\xb5\x0f\x11}\xfe\xf9\xf6\x8f?\xfe\x98\x88\xe2\xe3&lt;Nl\xff\xd6\xad\xc5D\xe4\xd0\x8f\x0c\xb3\xc6\xcd\xad[\xb7\x12Qbb\xe2\xf0\xe1\xc3\x9b\x9b\x9bm\xfe\xb30\xc6\xc2\xe1p\x9f&gt;}\x06\x0c\x18@\xdf4\xbeC\xdbl\xebr\x80\xe2"\x91Hqq1\x11\xa5\xa6\xf4HIJ3\xcc\xa8\xcd\x07P"\x12B\xb8]\t\xbd2\x06\x12\xd1\xf6\xed\xdb\xff\xfe\xf7\xbf\x13Q7\xe7\xb5?\x8b\x88JJJ\x1a\x1a\x1a\x1czS\x98\xb5\xd4c\xf5\x9f\xbe}\xfb\xf6\xea\xd5\xcb\xe6\xeb?\x16!\x84\xc7\xe3\xb9\xe8\xa2\x8b\xa8S\xea\x8f\x00\x00\xfb\x12B\xd4\xd6\xd6\x12Q\xa2\xd7\x1f\x17\xe7\x95R\xd8~\xfc$"\xe2\x8c\xa7\xf8\xd2\x89\xa8\xba\xba\xfa\xc8WG\xc8\xb1\xed\xaf\xab\xab\x0b\x85B\xb1nN\x1bY\xfb\xe8\xad\x87&lt;\xa7\xa5\xa5%&amp;&amp;:\xe2\x01GRJ\xcey\xaf^\xbd\x88(\x10\x08tt\xfd\x11\x00`k\xd6\x9e\x8d\x9e\xe9\x038\xd3\x9c1\x0feL\x0833\xad\x1f\x11UVV\xee?p\x80\x882\xbb\xf7sZ\xfb\xcf\'\xa2\xfa\xfa`II\t9\xf0:\xb05\x8c\x06\x02\x81}\xfb\xf6\x11\xd1\x90!C\xac\xa7\xed\xc7\xba]g\xc6\x183Ms\xc8\x90!D\x14\x08\x04:\xba\xfe\xb6\xbb!\x02\xe0T\xd61\xeb\xf5\xa4p\xbb\xee\x9e\xfc6I\xd2\xebI!"\xc30\xac5\x07\x87\xb6_\x08a\xdb]\xf3\xad!\xa5\xb4\xda\x9f\x9a\x9a\xea\xa0\x85,)ejj*uJ\xfd\x1d\xd3)AeB8l\x18\xb2\x1a|\xf2\x93\xbe\x1d\xda~r\xfe\xa7\x04[\xedw\\\x8c\x9dlpG\xd7\x1f\x01\x00\x8e\xe0\xb8a\x88\xb5\xf8\xbf\xf6\xe7\xb8\x06\xb7\xc4q1\xd6i\rF\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d6\rP\x82\x94\xb2\r\xff\x8a1\xd6\xee-\x01\xe8|\xe8\xff\xb6\x85\x00\xe8\x10RJ!\x84\x94\x921\xc6\x18\xe3\xbc-gZ\xed\xf2&amp;\x00\x9d\x0f\xfd\xdf)\x10\x00\xed\xc9\xea\xb2D\xa4i\x9a\xa6i\'_\x0f\x04\x02B\x08\xc6X+\xa7B\xd6\xdc\'%%\xe5\xd47\xb1\x0e\x06\xce9fF`O\xe8\xff\x8e\x83\x00h\x1fRJ\xd34u]\xb7\xbal}}}QQ\xd1\x96\xcd\x9b?\xfd\xec\xd3\x9a\x9a\x9a\x92\xdd\xbbM\xd3 bD\xad&lt;\x17fD4`\xc0\x80\x14\xbf\x7f\xd4\xa8\xd1\xd9\xd9\xd9c\xc6\x8c\xe9\xd5\xab\x97\xf55\xc308\xe7\x98\x10\x81}\xa0\xff;\x14\x02\xa0\x1d\x98\xa6\xa9i\x9a\xae\xeb\x91Hd\xed\xda\xb5\xabV\xad,\xde\xba\xf5\xab#G\xcf\xf1m+\xab\xaa\x89h\xed\xda|"\xf2\xa7$\x8f\x1a5z\xfa\xf4\xe9\xd7\xdfpCzz:\x11\x19\x86\xa1i\x1afC\x10s\xe8\xff\xce\x85\x008\'\xd6)\xad\xa6i\x81@`\xd9\xb2e/\xbd\xb4j\xc7\x8e/N~\xd5\xe7\x8d\xef\x9b\x9e\x94\xd1\xcd3\xb4WJ\xb7\xe4x\xd3\x14\x8cZ\xd5_\x19\xa3\xa8!&gt;\xfb\xb2\xaa\xae&gt;|\xe0D]u\xa0\xa9\xb6.PPXXPX\xb8`\xc1\xff\xdcv\xfb\xac\xbb\xef\xbe{\xf0\xe0\xc1D$\x84\xc0T\x08b\x05\xfd\xdf\xe9\x10\x00mgM|\x88h\xc5\x8a\x15O=\xb5h\xcf\x9e\xbd\xd6\xeb\xe7e$O\x1a\xd1\xfb\x9a\xd1\xe7_2 \xadg\xaa\xd7\x93\xe0&amp;\x8d\x11g\xad=\xfd=\xc9\x10F\xc4(\xabm\xdau\xa4z\xdd\xa7G\xd7m;\xb2\xf3PU\xe9\x89\xb2%K\x96\xbc\xb0|\xf9\x8f\x1fx\xe0\xc1\x07\x1fLNN6\x0cC\xd7\xf1{\x84\xce\x86\xfe\xdf\x05\xa0pmd\xf5\xfe\xd2\xd2\xd29s\xe6\xe4\xe7\xe7[/\x0e\xeb\x97\xf6\xc0\xd4\xe17\xe5\x0cL\xf5{HJ3bF\r\xb3\xb11,\xda\xba\r\x8e3\x96\xe9\xf7\xf4\xceH\x9ar\xe9\x80Pcx\xfd\x17\xc7~\xf5\xc6g\x05\xdb\x8e\xd4\xd4\xd6.\\\xb8p\xcd\x9a5\xcb\x97/\xcf\xc9\xc9\xb1\xae\xb0\xe1t\x18:\r\xfa\x7f\xd7\x80\x00h\x0bk\xd2\x91\x9f\x9f\x7f\xd7\x9c9\xc7KK\x89hp\x9fn\xff~K\xf6\x8c\x89\x83\x13}q\xe1\xa6H}0\xc4\x18\xe3\x8c\x881\xce\x19o\xdd\x99\xefw\x8a\x18fs\xd4\x94R\xea\x1a\xcf\x1d\xdd/w\xe4\xf9\xf9\xdb\xbez\xea\xcf\xc5\x1f|~t\xef\xde\xbd\x93\xae\xbc\xf2\x97\x8b\x16\xe5\xe5\xe5Y\xbb/p\x0c@\'@\xff\xef2\xb0|v\xd6\xac\xde\xbfl\xd9\xb2\xdc\xdc\xdc\xe3\xa5\xa5D\xec\xfe\xeb\x86\x7f\xf2\x9b\xe9w_7\\cT\x1f\x08\x99\xa6\xd45\xae\xf1\xf6\x99\x930\xc64\xcet\x8d\x13QCc\xb81\x14\x992\xe6\xfcu\x8bn\xfa\xcd\x8f&amp;&amp;y\xe3\xc2\x91\xc8\x83\x0f&gt;8o\xde&lt;\xce\xb9\xb5O\xee\xdc\x7f@\x80\x16\xa0\xffw%\x08\x80\xb3c\xedu[\xb6l\xd9\xbcy\xf3\x88\xa8\x9b/a\xf5\xc3\xb9\xbf\xfb\xb7\xab\xbcn\xbd\xbe\xae\x89\x88t\x8dw\xdc,D\xe3\x8cs\xd6\xd0\x10n\x0eE\x7fr\xeb\xe8\xf7\x9f\xbayx\xff4"f\xb5G\xd34)%\x8e\x01\xe88\xe8\xff]\x0c\x02\xe0,X\xeb\x9e\xdf\xf4~\xd6\xa3\x9b\xf7\xdd\xc7\xae\x9b\x99{a\xb0\xb6\xc9\x14\xd2\x9a\xa4t\x02\xeb0\x08\xd64\x8e\x1a\x94Q\xb0\xe8\xa6K\x87d\x10q\xabU\xd6&lt;\xa8s\x9a\x01\xaaA\xff\xefz\x10\x00\xade\xf5\xfe\xc2\xc2Bk\xee\xd3=9\xfe\xa3_O\x1f7\xacW\xb0\xba\xd1\xa5w\xe0\xac\xe7\xfb\xb8t^\xdf\xd0\x9c\xecqo\xf8\xf5\xf4+\x86\xf7$\xa2e\xcb\x96-\\\xb8P\xd34\xc30:\xbb5\xd0\xd5\xa1\xffwI\x08\x80V\x11Bh\x9aV^^&gt;{\xd6,\xc6\x98\xdf\x17\xff\xd6\xc2\xeb\xfb\xf7L\xa9ohv\xe91\xab\xa1\xae\xf1H\xd4\x94R\xae\xf9\xafk\xb3\x07\xa6\x13\xb1\x85\x0b\x17\x16\x14\x14\xe8\xban\x9af\xacZ\x05]\x0f\xfa\x7fW\x85\x00h-\xd34g\xcf\x9e]V^ND\xbf\xbf\xff\x8a\xf1\x97\xf4\t\xd67w\xdai\xef\xf7\xd18\x8b\x84\xcdt\x7f\xc2\xea\x87\xaf\xf1\xfb\xe2H\xca;f\xcf.++\xc3v\x08h_\xe8\xff]\x12\x02\xa0U\\.\xd7\xea\xd5\xab\x0b\n\n\x88h\xee5\xc3f\xe6^h\x9d\xf9\xc6\xba]DD\x9a\xc6\x82\xf5\xe1\xc1\xfd\xbb?\xfb\xa3\x89\x92\xa8\xac\xbc\xfc\xe1\x87\x1f&gt;\xf5)Z\x00\xe7\x08\xfd\xbf\xab\xb2\xc5\xaf\xd0\xce\xacM\x05\xd5\xd5\xd5\x8f=\xf6\x18\xe7l@\xcf\x94_\xdeuY\xb3\r\xe6&gt;\xa7r\xe9\xbc\xa1\xaei\xd6\x94\x0bo\xba,\x8b\x88\xbd\xfa\xea\xabEEE\'\x1f\xcd\x08\xd0f\xe8\xff]\x9b\x8d~\x8b\xf6d]PZ\xbe\xfc\x8f\x07\x0e\x1c\x10B\xfe\xfc\x96Q\xfen\x9e\xa8a\xda\xed\x14\x931f\x1a\xe6\xc2Yc\xe3\xddZ8\x1c^\xb0`A\xeb\x9f\xbe\x0b\xf0}\x9c\xde\xffq\x08\xb4\x0c\x01p\x06.\x97K\x08\xb1b\xc5\n\xc6\xd8\xe0&gt;\xddfN\x1a\x1c\xb2\xd9\xf4\xc7\xc29\x0b5E\x86\rJ\x9f\xf6\x83,"\xda\xb0a\xc3\xfe\xfd\xfb\x13\x13\x131\t\x82s\x81\xfe\xdf\xb5\xd9\xee\x17i7III\x1b7n\xdc\xb3g\xaf\x94\xf2\xdfo\xce\xf6&amp;\xc6\x19\xa6M\xbb\x14c\xcc\x8c\x98?\x9d\x96\xed\x8dw755-_\xfe\xc7\xf8\xf8x\x81\xed\x10p\x0e\x1c\xdf\xff\x11\x00-B\x00\x9c\x01c\xcc\x9a\xfe\xf4\xec\xee\xbb\xf9\xb2\x81\xe1\xa6\x88f\xd7\xc7\xcfr\xceB\xa1\xc8\xc5\x832&amp;\x0e\xef\xcd\x18{\xfd\xb5\xd7\xca\xcb\xcb\xddqq\xb1n\x178\x98\xd3\xfb\x7f\x1c\xfa\x7f\x8bl\xfa\xbb\xb4\x8f\xe3\xc7\x8fo-\xda"\xa5\x9c|I\x1f\xbf\xdf\x13\x8d\xdan\xf5\xf3T\x92\x88\x18M\x1d\xd7_Jy\xe4\xc8\xd1m\xdb\xb6y&lt;\x9eX7\n\x1c\x0c\xfd\xbfkC\x00\xb4D\xd7\xb5M\x9b6\xed\xdf\xbf\x9f\x88\xae\x1ds&gt;\x11\x91\x9d\xbb?\x91\xc6\xb9\x116&amp;\r\xef\xed\xf3\xc4E\rc\xed\xda\xf7\xdcnw\xac\x1b\x05N\xa5k:\xfa\x7f\xd7\x86\x00h\x89\xcb\xed...\x8e\x1afB\x9ckD\xff43b\xc4\xe0\x9e\xf7\xb3\xc1\x18E"f\x9f\x0c_V\xaf\x14"*\xde\xba5\x1a\x8d\x12\x91&lt;\xeb\x0f\xe3\x00\xe8:\xfd\x1f\xbe\x0f\x02\xa0%\x91H\xa4\xb8x+\x11\x9d\x9f\xe1\xeb\xd9=\xd1\xe6\xe7\xbf\x16!\x84+\xceuq\xbfT"\xda\xbd{wEy9Q\xab?\x8b\x1b\xe0\x14]\xa0\xff\x97\x97\x97\xd37w3\xc0\xb7!\x00Z"\x84\xa8\xad\xad#\xa2\x8c\x94\x04\xaf\xc7m\n\x07t#ID\x9c\xf5\xee\xee#\xa2\xfa\xfa\xfa\xe6\xe6\xe6X\xb7\x08\x9c\n\xfd\xbf\xcbC\x00\x9c\x81\xb5\xe5\xf9\xc2\xbe\xdd\x89;\xe3\xbe*\xc6\x18\tq\xe1y\xdd\x88\x88q\x8e\x87\xa2\xc0\xb9@\xff\xef\xda\x10\x00\xad\x92\x9a\x14O\x9c9\xa0\xfb[$\xa5&amp;\xc5\x13\xce|\xa1\x9d\xa0\xffwU\x08\x80V1L\x87\xf5$\xc75\x18\xec\xccq\xdd\xc9q\r\x8e\x15\x04@\xab8\xee&lt;\xd2q\r\x06;s\\wr\\\x83c\x05\x01\x00\x00\xa0(\x04\x00\x00\x80\xa2\x10\x00\x00\x00\x8aB\x00\x00\x00(\n\x01\x00\x00\xa0(\x04\x00\x00\x80\xa2\x10\x00\x00\x00\x8aB\x00\x00\x00(\n\x01\x00\x00\xa0(\x04\x00\x00\x80\xa2\x10\x00\x00\x00\x8aB\x00\x00\x00(\n\x01\x00\x00\xa0(=\xd6\r\x00\x00p\x06y\x8a\x93/\xb2S\xc4\xb0mm\x83\x00\x00\x00h\x89\x10B\x08\xa1i\x9a\xdb\xedv\xbb\xdd\x9a\xa6q\xce\x19\xfb\xfa#\xd2\x84\x10\x91H$\x1c\x0e\x1b\x86\xc1\x18\xe3\xdcI\xcb*\x08\x00\x00\x80\xef \xa54MS\xd7u\x9f\xcf\xe7v\xbb\x1b\x1a\x1aJKK\x8f\x1c9RVVVUUe}\xda\xb0\xd7\xeb\xcd\xc8\xc88\xff\xfc\xf3\xfb\xf5\xeb\x97\x9a\x9a\x1a\x8dF\xeb\xeb\xeb\xb9s&gt;\x8a\x12\x01\x00\x00p:)e\\\\\x9c\xc7\xe3\t\x04\x02\x1b6l\xc8\xcf\xcf_\xbf~\xfd\xfe\xfd\xfb\xeb\xea\xea\xbe\xfd\x97].W\xdf\xbe}\xaf\xb8\xe2\x8a\xdbn\xbb-\'\'\'\x1c\x0e777k\x9a\xd6\xe9\xad&gt;k\x08\x00\x00\x80\x7f"\xa5\xd44\xed\xe8\xd1\xa3\x7f\xf9\xcb_\xfe\xf4\xa7?\xed\xd8\xb1\xa3\xe5\xbf\x1f\x8dF\x0f\x1c8p\xe0\xc0\x81e\xcb\x96\xcd\x981\xe3\x89\'\x9e\xe8\xdd\xbbw0\x18\xb4\x7f\x06 \x00\x00\x00\xfe\x89i\x9a~\xbf\xff\xc9\'\x9f\\\xb4h\xd1\xc9\x17\x19c\xfd\xfb\xf7\x1f&lt;x\xf0\x80\x01\x03\xd2\xd2\xd2\x12\x12\x12\xa4\x94uuu\x87\x0e\x1d\xfa\xfc\xf3\xcfKJJ\x88H\xd3\xb45k\xd6|\xf2\xc9\'k\xd6\xac\x199r\xa4\xfd3\x00\x01\x00\x00\xf0O8\xe7\xa1Ph\xc6\x8c\x19\x8b\x17/\x16B\\p\xc1\x05S\xa7N\x9d2e\xca\xd0\xa1CSRR\\.\x17\x11YW\x80\x19c\xa6i\x06\x83\xc1\xe2\xe2\xe2g\x9f}\xf6\xddw\xdfu\xb9\\G\x8e\x1c\xb9\xe1\x86\x1b&gt;\xfc\xf0\xc3\xf3\xcf??\x14\n\xd9\xf9\xb20\x02\x00\x00\xe0\x9fp\xce\x9b\x9b\x9b\x07\r\x1a\xf4\xf3\x9f\xff&lt;++\xeb\xc6\x1boLNN\x0e\x87\xc3\xa1P(\x10\x08\x9c\xba\x07\x94\x88\x18c\x9a\xa6M\x9c8q\xd2\xa4I\xcf?\xff\xfcO~\xf2\x13\xb7\xdb]YYy\xff\xfd\xf7\xbf\xf7\xde{\xb1\xfa\x11Z\t\x01\x00\x00p:\xc6Xss\xf3\xa3\x8f&gt;\xca\x18khh\xa8\xac\xac\xb4\xf6\xf6|\xdf\x92N0\x18\x94R\xdew\xdf}R\xca\xf9\xf3\xe7\xeb\xba\xfe\xe1\x87\x1f\xfe\xedo\x7f\xbb\xe1\x86\x1b\xea\xea\xeal\xbb\x10d\xdfs\x13\x00\x80\x18b\x8c\x05\x02\x81\xba\xba:!\x84\xae\xeb-o\xee\xd44M\xd3\xb4\xca\xca\xca\x1f\xfd\xe8G\x93&amp;M\xb2\xee\tX\xbdz\xb5\xcd\xf7\x83"\x00\x00\x00\xbe\x9b5\xac\xb7r\x10\xb7\xfe\x9a\x94\xf2\xae\xbb\xee\xb2\xfePTTTYY\xe9r\xb9N[5\xb2\x0f\x04\x00\x00@\xfb\xd04-\x14\negg{\xbd^"*++;v\xec\x98\xdb\xedF\x00\x00\x00t}\x86a\xf8\xfd\xfe\x8c\x8c\x0c\xeb\xcf\xd5\xd5\xd5\x9a\xa6!\x00\x00\x00\xba8\xeb\x01A.\x97\xcb\xe3\xf1X\xaf\x84\xc3a;o\x03\xb5o\xcb\x00\x00\x9cEJ\xc9\x18\x13BD\xa3Q\xeb\x15]\xd7m;\xfd\'\x04\x00\x00@;\xe2\x9c755\xd5\xd6\xd6Z\x7fNII1M\xd3\xb6{\x81\x10\x00\x00\x00\xedCJ\xe9v\xbb\x8f\x1c9R]]MD~\xbf\xbfg\xcf\x9e\xd1h\x14\x01\x00\x00\xd0\xc5\t!\xe2\xe3\xe3?\xf8\xe0\x03k\xd6?l\xd8\xb0\x1e=zD"\x11\x04\x00\x00@Wf]\xfe\xad\xaa\xaaZ\xb1b\x85\xf5\xbf7\xdex\xa3\xdb\xed\x16B\xc4\xbai\xdf\x0b\x8f\x82\x00\x00h\x07\x86a\xa4\xa7\xa7?\xf4\xd0C\x87\x0e\x1db\x8c\xf5\xe9\xd3\xe7\xd6[o\xb5\xf9\x03Aq\x06\x00\x00p\xae\xa2\xd1hzz\xfa\xca\x95+\x7f\xfd\xeb_[\xb7\xfe&gt;\xf6\xd8ciiiv^\xff!\x04\x00\x00\xc0\xb9\x90RZs\xff\x97_~y\xee\xdc\xb9.\x97+\x1a\x8d\xdey\xe7\x9d\xb3f\xcd\xaa\xad\xad\xd5u[\xaf\xb2 \x00\x00\x00\xdaH\x08\xc1\x18KKK\xfb\xd5\xaf~u\xc7\x1dw\x10Q$\x12\xf9\xd7\x7f\xfd\xd7\xdf\xfe\xf6\xb7\xd6\x87\x03\xc7\xba\x81g`\xebt\x02\x00\xb0-\xc30\xbc^\xaf\x10\xe2G?\xfa\xd1\xf3\xcf?o\xcd\xfdo\xb9\xe5\x96\x17^x\xc14M\xd34\xed\x1f\x00vo\x1f\x00\x80\rY\xcf\xfc9z\xf4\xe85\xd7\\\xf3\xfc\xf3\xcfk\x9a\x16\x8dF\xf3\xf2\xf2^z\xe9%\xc30\x0c\xc3\xb0\xff\xe8O8\x03\x00\x008[\x86at\xeb\xd6m\xe3\xc6\x8d\xb7\xdf~{ii)\x11\xb9\\\xae\xdf\xfd\xeew\xf7\xdcsOmm\xad\x94\xd2\x11\xa3?!\x00\x00\x00\xce\x8a\xf5\x91\xf1\xef\xbf\xff\xfe\xcd7\xdf\xdc\xd0\xd0@D\x03\x07\x0e|\xf1\xc5\x17srr*++5Ms\xca\xe8O\x08\x00\x00\x80\xd6\x13Bx\xbd\xde\x9d;w\xdez\xeb\xad\x8d\x8d\x8dD\x94\x93\x93\xb3f\xcd\x9a\xf4\xf4\xf4\x8a\x8a\n\xeb\xf3\xe2\x1d\x04\x01\x00\x00\xd0Z\x9cs\xd34\xef\xb9\xe7\x9e\xba\xba:"\xba\xf4\xd2K\xdf~\xfb\xed\xb8\xb8\xb8@ \xe0\xb8\xd1\x9fp\x11\x18\x00\xa0\x95L\xd3LJJz\xe3\x8d7\x8a\x8a\x8a8\xe7\x99\x99\x99/\xbf\xfcrBBBSS\x93\xcd\xf7\xfb\x7f\x1f\x04\x00\x00@\xabX\xcf\xfa\xb7&gt;\xea]\x08\xf1\x9f\xff\xf9\x9f\x03\x06\x0c\xa8\xaf\xafw\xe8\xe8O\x08\x00\x00\x80\xd6\xb0\x9e\xf5v\xe2\xc4\x89\xcf?\xff\\J\x99\x99\x99y\xd3M7\x05\x02\x01\xe7\x8e\xfe\x84\x00\x00\x00h\x8d\xd3\x9e\xf5\x7f\xe9\xa5\x97fdd\xd8\xf9Y\xff\xad\x81\x00\x00\x0083)\xa5\xae\xeb\x15\x15\x15\xa6i\x12\xd1\xd0\xa1Cm\xfeq\x8f\xad\x81\x00\x00\x00h\x15\xce\xb9\xb5\xf9\x87\x88z\xf4\xe8a}\x02pL[t\xae\x1c\xbcz\x05\x00\xd0\xc9\xc2\xe1\xb0u\x9fWRR\x92\x9d?\xe9\xa5\x95\x10\x00\x00\x00\xad\xc2\x18\x8bD"\xd6\xb8\xdf\x05\xa6\xff\x84\x00\x00\x00h\r\xceyCC\xc3\x94)S\xdez\xeb-"\x1a:thcc\xa3\x83\x9e\xfa\xf0\x9d\x10\x00\x00\x00g\xc6\x18\x8bF\xa3\xbd{\xf7\x1e8p \x11\x85B!\xa7o\x01"\x04\x00\x00@+YK@\xcd\xcd\xcdD\xc49w\xfa\xe8O\x08\x00\x00\x80\xd6c\x8c\xd9\xf9C\xde\xcf\x96\xb3\x17\xb0\x00\x00:\x99\x94\xb2\x0b\xec\xff\xb1 \x00\x00\x00ZK\x08\xe1v\xbb\xe3\xe3\xe3\xa5\x94N\xbf\x0b\x8c\x10\x00\x00\x00\xad\xc4\x18KLL,--\xfd\xf2\xcb/].\x97\xdb\xedvz\x06 \x00\x00\x00\xce\xccz\x16\xd0\x7f\xfc\xc7\x7f\x8c\x1e=z\xec\xd8\xb1\xd7]w]ee\xa5\xcb\xe5rt\x06 \x00\x00\x00\xce@\x08\x91\x98\x98\xb8i\xd3\xa6g\x9ey&amp;\x18\x0c\x86\xc3\xe1\xf5\xeb\xd7?\xf7\xdcs\x89\x89\x89\xd6\xa3\x81\x1c\n\xbb\x80\x00\x00\xce\xc0z\x12\xdc\x9e={4M\xb3v\x7f2\xc6JJJL\xd3t\xf4fP\x9c\x01\x00\x00\xb4\x8a5\xdf\xe7\x9ck\x9a&amp;\x84\xf0x&lt;N\xbf\x13\xd8\xd9\xad\x07\x00\xe8\x04\x9c\xf3\xc6\xc6\xc6\t\x13&amp;dddD"\x91p8,\xa5\xbc\xf9\xe6\x9b\x1d\xbd\xfeCX\x02\x02\x008#\xeb\x1e\xe0\xcc\xcc\xcc\xb7\xdf~{\xe5\xca\x95MMMW_}\xf5u\xd7]W__\xef\xe8\xfb\xc2\x10\x00\x00\x00g\xc69ojj\x1a6l\xd8\xef~\xf7;\xeb^\xb0`0\xe8\xe8\x0b\x00\x84\x00\x00\x00h%\xcey(\x14jll\xb4\xc6}G\xcf\xfd-\x08\x00\x00\x80\xd6\xe2\x9c;\xfd\xc2\xef\xa9\xba\xceO\x02\x00\x00g\x05\x01\x00\x00\xa0(\x04\x00\x00\x80\xa2\x10\x00\x00\x00\x8aB\x00\x00\x00(\n\x01\x00\x00\xa0(\x04\x00\x00\x80\xa2\x10\x00\x00\x00\x8aB\x00\x00\x00(\n\x01\x00\x00\xa0(\x04@\xab8\xee\x89O\x8ek0\xd8\x99\xe3\xba\x93\xe3\x1a\x1c+\x08\x80V\x89\x1a\x82\x1c\xf5\xc1\x9f\x11C\xc4\xba\t\xd0u\xa0\xffwU\x08\x803\x10B\x10\xd1\xa7\x07+\xc8\x14\xdc\t\xf3\n)%i\xfc\xf3\x83\x95D\xe4\x80\xe6\x82\xbd\xa1\xffwm\x08\x803p\xb9\xdcDT\x1dl\x8eD\x0c\xc7&lt;\xfb[\xca\xf2\xba&amp;"r\xb9\\]\xe9\xc9\x85\xd0\xf9\xd0\xff\xbb6T\xa7%\xf1\xf1\xf1\xd9#G\x12\xd1\x81\xd2@yM\xa3\xdb\xc5\xa5\xedO\x849c"jn\xff\xb2\x8a\x88\x06\x0f\x1e\x9c\x91\x99I\x84\xb9\x10\xb4E\x17\xe8\xff\x99\x99\x99D\xe4\x98\xe8\xeat\x08\x80\x96\x98\x86\x91\x9d\x9d\xcd\x1954EJ\x8e\xd4jn]\xd8\xfb\x08\x90\x92\xdc.\xad\xa2\xa6q\xef\xb1:"\x1a&gt;|DBB\x02\x111$\x00\x9c\xbd.\xd3\xff\xe1\xfb \x00Z\x12\x8dF\xc7\x8f\x1f\xdf\xbbwo!\xe5\xbaO\x8f0\xce\xa5\xbd\x0f\x00!\xa5\x1e\xa7o*)\xab\xaak\xe4\x9cO\xbe\xfaj\xd34b\xdd(p\xaa.\xd0\xff\r\x03\xfd\xbf%\x08\x80\x96HIYYY\x97dg3\xc6\xfe\xb6\xf5psc\xd8\xa5\xd9\xbabRJ\xa6\xf1\xbf~\xf2\xa5$J\xeb\x9ez\xd9e\x97566\xc5\xbaQ\xe0T\x92\xa4\xd3\xfb\x7fS\x13\xfa\x7fKl\xfd\xeb\xb4\x03]\xd7o\xbdu\x86\x94r\xdf\xb1\xda\x0f\xb7\x1f\x8b\xf3\xb8Ma\xd3I\x90\x94\x14\xe7\xd6O\x9c\x08\xe4o\xfb\x8a\x88\xa6\xe4\xe6\xf6\xee\xdd;\xdc\xdc\x1c\xebv\x81\x839\xbd\xff7\xa3\xff\xb7\x08\x01p\x06\r\r\rS\xa7NMKK\x93R.zm\x9b\x14\xd2\xb6\xab\xe9\xa6\x10n\x8f\xfb\xf7\xef\xec(\xafm\xd44m\xee\xdcyD\xb8%\x06\xce\x89\xe3\xfb?\xb4\x08\x01p\x06\xa1P(!!\xe1\xb6\xdbn\x93R\xae\xdfq\xac\xa0\xe8\xb071\xce\x86\x93 k\xfaSV\x16\\\xfa\xdeN\xc6\xd8\xf0\xe1\xc3/\xbb\xec\xb2`0\xa8iZ\xac\x9b\x06\x0e\x86\xfe\xdf\xb5!\x00\xce@\xd34)\xe5\xbd\xf7\xde\x9b\x92\x92BDO\xfc\xa9X\x98\xb6\xeb\xfdDd\x9a\xc2\xed\x8d\xfb\xf5_&gt;\xab\xack"\xa2\x9f\xfe\xf4\xa7RJ\xeb.\x1e\x806sz\xff\xc7\x06\xd0\x96!\x00\xce\x80s\xce\x18\x1b2dH^^\x9e\x94r\xe3\x17\xc7\x9e\xfd\xcb\xa7\x89~O\xd4N\xf7\x9a\x1b\xa6H\xf4\xc5m\xf9\xfc\xe83o}\xce\x88&amp;N\x980c\xc6\x0c\xc6\x18\xa6?p\x8e\xd0\xff\xbb6\x04@\xab\x18\x86\x91\x97\x97\xd7\xbf\x7f\x7fF\xf4?/m\xfe\xf4\x8b\xd2$_\xbci\xda\xe2\x18\x10R\xba\xddZ}S\xe4\xee\xdf\xbc\x1f\x89\x9a\x9a\xa6-y\xfai\x9bo\xd7\x03gA\xff\xef\xaa\x10\x00\xad"\xa5LNN^\xbdz\xb5\xa6\xeb\xf5\xa1\xe8\x0f\x97\xe4W\xd65\xb9\xdcz\xcc\x17C\xa5$)\xc9\xedv\xdd\xf7\xcc\x07;\x0fWI)\x17/Y2r\xe4H\xd34c\xdb0\xe8J\xd0\xff\xbb*\x04@\xabp\xce\r\xc3\x18;v\xec\xe2\xc5\x8bI\xca\x9d\x87\xab\xaf\xfd\xaf\xbfr\xce\xe2\xdd\x9a\x19\xbb%Q!\xa5\x9021\xd5\xfb\xc0o?x\xe5\x83=D4m\xda\xb4\xbc\xbc&lt;\xc30p\xf2\x0b\xed\x08\xfd\xbf\xabB\x00\xb4\x96\xae\xeb\xd6\x89\xf0\xdc\xb9s\x89h\xeb\xbe\x8ak\x1e~\xb3\xb6!\x92\x98\xe8\x8e\xc9z\xa8a\n\x97\xae%z\xdc\x0f,Y\xf7\xfbw\xbf \xa2\xd1\xa3G/]\xbaT\x08\x81\xde\x0f\xed\x0e\xfd\xbfKB\x00\x9c\x05M\xd3\x84\x10K\x97.\x9d;w.\x91|\xff\xf3\xa3\xd7\xfc\xd7\x9b{\x8e\xd6&amp;\xa5xLS\x8a\xce:\x1d\x96RF\r\xe1K\x8c\x0bE\xcd\x1f&gt;\x95\xff\xdb\xb7\xb6K!F\x8f\x1e\x9d\x9f\x9f\xef\xf7\xfb\t\x8f\xbe\x82\x8e\x81\xfe\xdf\xf5 \x00\xce\x02c\x8c1f\x9a\xe67\xc7\x00m\xdb_qY\xde\x9f_Y\xb7+\xd1\x17\xe7\x89w\x19\xa6\xe8\xd0\xc3@JiM|\x92\xfc\x9eM\xbbO\\\xfe\xd0k\xab\nK\x88h\xcc7\xbd_\x08\x81\xe7\xdfB\x07A\xff\xefzP\xac\xb3\xc3\x18\xe3\x9c[\xf3\xa0\x05\x8f&gt;JD\xd5\xc1\xd0\xac_\xe6\xcfx\xfc\xef;\x0eW\xfb\x92\x12&lt;\xf1.SH\xc3\x14\xed\xb8\x0fAJ\xb2\xde\xd3\xa5k\xbe\x14Oe\xb0\xf9\xbf\x96n\xbc\xe2\xdf\xdf\xb0&gt;\xf5b\xfa\xf4\xe9k\xd1\xfb\xa1S\xa0\xffw1z\xac\x1b\xe0&lt;\xd6\t\xa6\x10\xe2\xd1\x05\x0b\xc6]z\xe9]s\xe6\x1c/-\xfd\xd3\xfa\xbdoo&gt;t\xeb\xc4\xac\x9f\xdc8bDV:1f\x86\x8dp\xf4\xeb\x19Q\xdb\xceI\xadC\x88s\xe6\xd65W\x9cN\x1a/=\x11\xf8\xc3\xabEK\xff\xbe\xab\xac\xa6\x81\x88\xe2\xdc\xae_.z*//\xcfj\x0fz?t\x02\xf4\xff\xae\x04\x01\xd0\x16\xd6\xb9\xb0a\x18S\xa6L)\xda\xba\xf5\xbf\x1fyd\xf5\xeaWB\xe1\xc8\x8b\xebv\xfdy\xc3\xfe\xab\xb2\xfb\\?\xb6\xff\xe5\xc3{\xf7M\xf7\xe9qq\xa41\xb2&gt;R\xf5l\x8f\x02\x8d\x93\x94\x145O\xd44}Rr\xe2o[\x0e\xad\xddv\xe4DU\xbd\xf5\xc5\xc9\x93\'?\xfe\xf8\xe3c\xc7\x8e\xb5nwD\xef\x87N\x83\xfe\xdfe \x00\xdaN\xd7u\xd34{\xf6\xec\xb9\xfc\x85\x17\xe6\xdds\xcf\x93O\xfe\xa2`\xdd\xba\xa6P\xf3\xdb\x9f\x1c|\xfb\x93\x83I\x89\tC\xfb\xf8/8\xcf\xdf\'\xdd7\xb4\xb7\xbf[R\xbci\x8aV~0\x0bc\x141\xc4\xe7_VU\x05B\xdb\x0fU\x95\x1c\xa9\xad\xa8m8\xf9\xd5\x9c\xf1\xe3\xef\x9f?\x7f\xe6\xcc\x99Dd\x9a&amp;\xf6&lt;@L\xa0\xffw\x01\x08\x80sb=)E\x081v\xec\xd8\xbf\xfe\xf5\xad\x9d;w\xae\\\xb9\xf2\x8d\xd7_;t\xf8\xab`ChKIhKIi{}\xaf\x8c\xf4\xb4\xdc\xdckn\x9f5k\xf2\xe4\xc9\xf4\xcd\xa7u\xa3\xf7C\x0c\xa1\xff;\x1d\x02\xe0\\Y\x8f\x1c\x11BH)\x87\r\x1b\xb6x\xf1\xe2\x85\x0b\x17n\xdf\xbe}\xdd\xbau\x9b7o\xda\xbbgO0\x18\xac\xae\xa9m\xc3;\xfb\x12\xbd^\xafw\xe8\x05\x17\x8c\x181\xe2\xf2\xcb\xaf\xc8\xc9\xc9IMM%"\xeb\x90C\xd7\x07;@\xffw4\x04@\xfb\xb0\x96 \x85\x10B\x08\x8f\xc73n\xdc\xb8q\xe3\xc6\x11Q(\x14jll\xdc\xbd{w\x1b\xeeM\x1f8p`RRRrr\xf2\xc9W\xac7\xd14\r\xbd\x1fl\x05\xfd\xdf\xa1\x10\x00\xed\x89s\xce9\xb7f(RJ\xceyBBBBB\xc2\x84\t\x13\xda\xfc\x9e\xd6Ae]\xe6B\xbf\x07;C\xffw\x1c\x04@\xfb;\xf59\xb4\xd6V\xb6\xb6=\x97\xdf\xdaka\x1dT\xed\xd9&gt;\x80\x8e\x84\xfe\xef \x08\x80\x8ee\xed\x80\xc6\xcc\x05\xd4\x84\xfeos\x88V\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1c\x801\x16\xeb&amp;\x9c\x9d\xd3\x1a\xec\xf4\xf6;\x9d\xe3~\x9cNk\xb0\xde9\xdf\x06\xe0\\\x18fT\x92\x8cu+\xce\x82aF\x89HJ)\xa5$\xc7\xb6\x9f\x88\x84\x10\xb1m\xc9\xb9\x90RZ\xed\x8fF\xa3\xd6/\xc2)\xa2\xd1N\xaa?\xce\x00\xc0\xd6\xa4\</t>
        </is>
      </c>
    </row>
    <row r="43">
      <c r="A43" s="1" t="n">
        <v>41</v>
      </c>
      <c r="B43" t="inlineStr">
        <is>
          <t>grid_number_color</t>
        </is>
      </c>
      <c r="C43" t="inlineStr">
        <is>
          <t>What is the missing color if the part denoted with the question mark has the number 4?</t>
        </is>
      </c>
      <c r="D43" t="inlineStr">
        <is>
          <t>['yellow', 'blue', 'green', 'orange']</t>
        </is>
      </c>
      <c r="E43" t="inlineStr">
        <is>
          <t>yellow</t>
        </is>
      </c>
      <c r="F43" t="inlineStr">
        <is>
          <t>There is a 3x3 colored grid of numbers. The first row has number-color pair [(6, 'blue'), (3, 'orange'), (4, 'yellow')], the second row is [(4, 'yellow'), (8, 'green'), (8, 'green')], and the third and final row is [(4, '?'), (6, 'blue'), (3, 'orange')].</t>
        </is>
      </c>
      <c r="G43" t="inlineStr">
        <is>
          <t>We observe that the grid cells with number 6 is blue in color, the grid cells with number 3 is orange in color, the grid cells with number 8 is green in color, and the grid cells with number 4 is yellow in color. Thus, the pattern is that the grid cell with the same number will have the same color.</t>
        </is>
      </c>
      <c r="H43" t="inlineStr">
        <is>
          <t>Based on the pattern that the grid cell with the same number will have the same color, the missing color of the part with 4 should be yellow.</t>
        </is>
      </c>
      <c r="I43" t="inlineStr">
        <is>
          <t>b'\x89PNG\r\n\x1a\n\x00\x00\x00\rIHDR\x00\x00\x02\x00\x00\x00\x02\x00\x08\x02\x00\x00\x00{\x1aC\xad\x00\x00\x896IDATx\x9c\xec\xddu\x9c\x15U\xff\x07\xf0\xef93s\xfb\xde\xed\x86\xa5\xbbA:%%E\xec\x00\x1b\xdb\xc7N\xec\xc6\xfaY`+(\xa8\xa8XtI+\xdd\x9dK-\xdb\xbb\xb7\'\xce9\xbf?\x06VTT\x90\xbb\xec\xbd\xde\xef\xdb}=\x0f[wg\xf7\xcc\x9c\xcf\xa99C\x84\x10\x80\x10B(\xfe\xd0\xea&gt;\x00\x84\x10B\xd5\x03\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92\xab\xfb\x00~#\x84\x10BT\xf7Q\xfc\xa7\x10B\x08!g\xff\xe7bQF\\\xb5\x14\xa5Y\x88X\x94\x11d\x16b\xb5\\\x95\'E\xaa\xb7t\x85\x10\x9cs!\x04\xa5\x94R\xec\x8eT\t\xc6\xd8Y\xf8\x0bs\xce9\xe7\x84\x10I\x92\xaa\xee\xa7\xc43!\x04c\x8c\x10B)\xad\xba\x1a\xc4\x0co,\xca*UyIVW\x13\xadR\xb5\x05\x80Y\xef\x9fx\x86\x85C\xc1\xc2\x82\xa3%EE\x84\x10\x01\xd8\xe88S\x84\xd0z\xf5\x1b\xb8&lt;\x1eB~\xab\xf7\x19c\x91\xad&gt;\xcc\xca\x82Rr\xe2O\xf1\x07B;w\xefQ5\x9d\x10\xc0\x92&lt;#\x84\x08!\x12=\xee\xdc\x9a5\x9c\x0e[\xe5\x87\x19c\x00\x10\xd9\n\xda\x0c\x18Y\xfemT@U\xf5\xd2\xb2\xf2\xfdy\x87\t\xc1~\xc0\x99"\x84\x08\x01\xb5k\xe5$%%\xda\xacJ\xe5\xc7\r\xc3\x90$\xa9\xbab\xa0\x1a\x02\x80s\x0e\x00fk\xb4\xbc\xac\xf4\x97\xa5\x8b\xe7\xce\x9d\xbby\xfb\xae\x03\xf9E\xfe\xb0\x0eV\x8f\xe0\xec,\x1f\xd2\x7f\x0f!\x94\xe9\xaaKf\x89ng\xdd\xdc\xac\xce\x1d\xdb\xf7\xeb\x7f^\xb3\x96\xad\xcd\xcfF*\x06\x18c\x95u\xd0\xb6\x9d{f\xcd\x99\xb7\xe2\x97e\xf9\x07\xf6\x04\xbc%$\\\xe1\xb4R\xce\x05DKg76\t\xa0\x12\xf5\x86\xb8dO\xf0\xa4f\xd5\xae\xd7\xb8{\x8f\x9e\xfd\xfa\xf4\xca\xc9\xca\x80\xe3\xad\xf53\xef\xd8\x99)n\x16e8\xac\xae\\\xbda\xe6\xcc\xd9\x1b6\xac.)\xd8\xab\x86|\x89\x0e\x95\x10\xcc\xf13e\xb6\x85\xca\x03\x16\xab\xcd\x93\x92Q\xa7e\xab\xf6\x03\x07\xf6\xef\xd0\xbe\xb5\xddf\x85*h\x99\x9d\xeaQ\x9d\xcd\x008\xf1&lt;[\xbbj\xc5\xfb\xef\xbf7o\xe9*\xee\xa9\x99Z\xbfmV\xdd\xe6\xa95\xea\xd9\x1cNgB\xb2\xc0Z#\x02\x08g\xba\xb7\xb4(\xe8+/\xcc\xdbqd\xc7\x1a\xff\xc1M\xb9I\xd6\x8b/\x18z\xf5u7$$&amp;\xc1\xef\xab\xef\xd3\xc597\xeb\x9d\xb0\xaaN\x9c4\xe5\xeb/\'U\x1c\xde\xda\xae\xa6\xb5S\xd3\xac\x16u\xd23\x92\xddi\x89.\x8bU\x01l6\x9e9B\xfc\xfep\xb9?\xb8\xffh\xd9\xc6=\x05\xcb\xb6\x15n+\x14\xf5[v\xb9\xe6\xda\xeb\x06\r\xe8\x03\x00\xe6p\xcd\xbf\xae;*O\x83\xdd{\xf3\xde\x1d\xff\xe1\xa2\x9f\x7fLv\x94ui\xed\xee\xd82\xa3E\xa3t\xb7\xd3\xeaIsA\xd4\x8cY\xc76!\xbcE~_@\xdd\xbc\xa3\xf0\xd7M\x85\xbf\xac\xf7\x96\x04\x12{\x9c;\xec\x96\x9bo\xac_\xaf\x16\x9c\xd9%\xf9\xef\x9c\xbd\x00\xa8\xac2\xd6\xadY\xf5\xe0\x83\x0f\xed)e\xe9\xcd{5\xef&gt;$%\xbb\xb6$\xc9\x86\xae\x1a\x9a*8c\xcc8;\xc7\xf3\x9fG\x80H\xb2B%I\xb6\xd8$Y\t\xfa+\xf2\xb6\xac\xde\xba\xf8;Q\xb0\xe5\x8a\x0b\x06\xdd\xff\xd0#v\x87\xc30\x8c\x13\xbb\xfc\xa7\xa8\xf2\xbb\xde\x1c\xf7\xfe\xc4\xf7\xdfl\x94\x18\xba\xacg\xfd&gt;\xe7\xd4w$\xba\x80\x0bPu\x83q\xdd`\xd8\xfc\x8f\x0c\x01\x92De\x89\xca\x8a\x04\x16\x19\x04\x14\x17\x96\xff\xb8l\xfb\xf7+\x0e\x15\x93\xccG\x1e{r\xc8\xc0\xfe\xf0\xaf\xea\x8e\xca\x0e\xc4\xc1CG\x1ez\xe8\xb1\xbd\xdb\xe6\xf7\xee\xe8\xb8zD\xb3\x86\x8d3\xc0n\x01\x8d\x81j\x00\xe3\\\xe78\x90\x17!\x84*\x14$\nV\x19,\x12\x84\xb4\x9d;\n&amp;N\xdd\xba`E\xa0v\xa3&gt;/\xbd\xf8L\xcd\x9a\xd9g\x18\xe7\xa7}@g\'\x00\xcc*#\x18\x0c\xdeu\xfb\xad?.\\\xd5\xea\xfc\xdb[\xf4\x18j\xb59\xc3A\xaf\xa1\xa9B\x00\xa1\x84\x00\x01\x02\x80uF\x04U.\xe3\x10\x9cJ\x92\xd5\xe6Tl\x8e\xa3y;\x97\x7f\xf3\x0e;\xb0\xe2\xa5\xe7\x9e\x1e~\xe1\xc5\xe6\x97\x9c\xfa\tgV4\xcb~Yy\xc7m\xb7\xd5w\x14\x8d\xb9\xaas\xcb\xa65\xc1\xe0\xe1\xa0\xaa\x1b\xcc&lt;uI\x14-s\xf8/\x10\x00 @\x98\xc5)\xc0\xa2H\x16\x97\r\x18\x9b\xb7b\xe7\xd3\x93V\xbb\xeat|\xff\xddq5r\xb2O+\xce+\x1bdO=3\xf6\xab\x89o\xdcpQ\xe6\xcd#\xdb82=\xe0SyH\xe7\\\x10J\xe8\xb1%+U\xf7\x9b\xc5\x1d\xb3\xba\xe5f\xf4\x12B\xed\n\xb8\xad\xa1\x02\xef\xf8\xcf\xd6}\xf8\xcd\xd1K\xae\xba\xf3\xc9\xc7\x1f\x84\x13J\xa7\xaa\x9d\x8d\x000\xcf\xcb\r\xeb\xd6\x8e\x1c9\x92\xe5v\xed\x7f\xed\xc36\xa7;\xe4-?\xf6K\xe2\xf9u\xb6\x08\xc1\x05\xe7\x8a\xd5nwzvoX&gt;w\xfc\x03\xd7\x0e\xef\xf5\xca\xff\xbd\r\xa7v\xc2U6\x18_|\xf5\xcd\to&lt;\xfd\xc2\xb5\xe7\x0c\xef\xd3R\x84u\x7fP\xa5\x84P\x8a\xe5x\x96\x08\x00\xce\x05\x00\xb8\\6!\xc4\xff}\xb5\xec\x9d\xf9G_yc\xfc\xf0\xa1\x83N1\x03\xcc\x14/)-\xbb\xec\xb2\xab\x9d\xc6\x8aq/\xf6\xcf\xae\x9b\n\xe5!Cc\x92T\xcd\xebR\xe2\x8a\x10\x821!+\x12$\xd9\xf3\xf7\x95\xdc\xfa\xd0l\x1f\xed\xf0\xe5\x97\x13RS\x92\xcf\xcepP\x95\x07\x80\xae\xeb\x8a\xa2|\xf7\xcdW\xd7\xddzo\xd7\xeb\x9em\xd3\xe7B\x7fY\x11c\x06\xa5\xb8\xc2\xacz\x08!\x04gvW\x02c\xc6\xd4W\xef\xaaI\xf2g\xcd\x9ekw8\xfe&gt;\x03*k\xff\x8b.\x1bY\xb1u\xf6\xa4\xc7G\xa4\xa7z|\xe5~z\xbc\x9d\x88\xce&gt;\xc6\x05!\xe0Lv\xaf\xd9\xb0\xef\xaa\xe7g^y\xc7\x13c\x1e\xba\xf7\x1f3\xc0\xfc\x82-\xdbv\x9e?d\xc0\xe8\x8b\x12\x1e\xb8\xbf7\xf8\xc2FH\x97d\xcc\xf0\xea!\x00\x98\xc1e\xbb\x02\x1e\xdb\xcb/\xff\xfc\xde\x94\xf2\xef\x7f\x9a\xd5\xbcY\xa3\x7f7B{Z\xaa6\x00\xcc_\xe0\xdb\xaf&amp;\xddx\xdf\xd3\x17?\xf9EJV-_Y\x91$+\xff\xfc\x9d\xa8\x8a\t\xce\x08\x95&lt;)\x99\xb3&gt;y\xd1\xb2w\xee\xecy\xf3\x9cN\xd7_e@e\xed\x7f\xc1\xc5WdyW\x8c\x1bs\x91\xe6\x0f\xab\xaa.Kx\xebF\xf5\xd3\r\xeeq\xdb\x83\xba&gt;\xf8\xdeI=\xaf|\xe8\xc9G\xef\xff\x9b\x8a\xc3lWn\xdc\xb4\xfd\xa2\xe1\xfd\xde\x7f\xb6y\xaf\x81\xcd\x8c\xfc\n\x89\x10\x82\x95\x7fu\x13\\0.\xe4\xec\x84\xc5\xb3\xb6\xdc\xf0\xe8\xe6\xaf\xbf\x9b\xd3\xaae\x93\xaa\xee\x07Ta\x00\x98\x87\xfe\xdd\xb7S\xae\xbf\xeb\xb1\xcb\x9e\xfd\xd6\x95\x98\x12\xf6WP\xac\xfd\xa3\x87\x10\x9c\x1bI\xe95gO\x18\xab\xec\x9b;k\xf6\x1c\x9b\xcd\xfe\xe7\xb5h\x95\xcb\xc3/\xba\xec\xaa\x8c\xf2_\xdfy\xec\xe2@\xb1\x17\x08`\xc3?z0\xc6-\x16\x85\xc8\xb4\xff]\x9f\xf5\x19\xf5\xf0_\xf5\x03\xcc\x80\xdf\xb2u\xe7\x88a}?~\xa1E\xd7\xde\x8d\xf4|\xafb\xc1\xbex\x14\xd15\xa6dz\x96/\xdcq\xedC\x1b\xbf\xfda^\xf3f\x8d\xaat&gt;\xa0\xaa\x02\xc0&lt;\xe8\xcd\x1b\xd7w\xe9=\xf0\xf2\x97f$\xa6f\x86\x02^*E\xd1\xce\x13\xc8\xc4\x0c=5\xbb\xf6\x94W\xefm"\x1f\xf8\xe6\xfb\x9f\x0cC\x97\x7f\x1f\xd2fUr\xf7\x03c\x0e\xfc\xfc\xc1\xb7o\xdd\xe0;Z&amp;Q\xac\xfc\xa3\x0e\xe7BV$*K\xad\xaey\xef\xc9\xb7\xbf\xbad\xc4\xd0?4\x1e\xcdE\xd8\xa1p\xb8M\xebv\xef&lt;\x9c\xd3\x7fx\x1b\xfdH9\xd6\xfeQH\xd7\x99\x92\x950\xef\x87\r7?\x7fp\xfd\xba\xb5\x0e\x87\xbd\xea\xd6\x05UI\xb0\x98#\x06\xc1@\xe0\xb2\xcb/\xefq\xc3\x0b)Y\xb9!?\xd6\xfeQJ\x92\x95\x92\xfc\xbc\x0bn\x7fn\xd1\x8e\xd27_\x1b+\xcb\x8ay\x97\xa9\xc9l\xfb\xff0m\xd6\xec\xc9oL~\xe6\xf2`\x91W\xaa\x86\xbbU\xd0?\xa3\x94\xe8\xba!\x11\xf2\xcd\xd3#\xee\xbd\xfd\x86\xfdy\x07)\xa5\xe6M\x97&amp;3\x0fF^=\xfa\x8a&gt;\xd0\x7fD[\xac\xfd\xa3\x96\xa2H\xfa\x91\x8a\xbe#\xda\\\xd5\x8f^9\xea\x86?\x94cdUI\x0f\xc0&lt;\xd5F_7j\xd1!\xf9\xd2\x07\xde,+8\x84\xe3\xfe\xd1L\x08!\xcb\x8a\x1a\nL\xbc\xb7\xff\xf2y\xd3\x9a\xb5he\xde\xafg\x06yqIi\xfb\xb6\xad~x\xa8[\xcbF9\xc1\x80*\xe1`q\x143\x0c\xeeN\xf3|\xf0\xc5\xe2O6Z\x97-\xf9\x99\x1f\xef\x04\x98\x97\xe4\xbb\x1fL\x9c&lt;\xfe\xf6\xc5\xb3\xae7J\x02\xb2\x84\xe5\x18\xd5\x0c&amp;\xe4Tg\xcf\xf3&gt;\xbel\xf4\x1b\xb7\xdctM\x15M\x06D\xbe\x07`\x0e\xfel\\\xbf\xf6\xebY\xcb\x06\x8f~\xdc[R\x80\xb5\x7f\x94#\x84\xe8Z81=\xbb\xd5\xb0\xdb\x1fz\xf0\x81\xca\x16\xbey{\xfa\x93\xcf\xbepAKG\xeb\xb6\xf5\xfc\xbe\x10\xd6\xfeQN\x96\xa9\xbf\xd8{\xe3\xa5\xdd\xe5\xe2\r_L\x99*I\x92\xb9\xef\x18!\xc4\xe7\x0f\xbc6\xf6\xa9\xf7\x9f\xef\'T\x1d\x8b1\xfaQ\x02"\xac\xbf\xff|\xbf\xd7_~\xca\xeb\xf3\x13R%\x8d\xf5*\x19\x02"\x84\xdcs\xcf\xdd\xed.\xbc\xdb\xe6ps\x86\x1b\xfb\xc4\x00*\xc9\xde\xd2\xc2n#n\xf8uw\xe9\xf4\x1f\xbf\x93$I\xd34I\x926o\xdd\xbe\xe0\xbb\t\xcf\xde&lt; T\xe2Sd\x1c1\x88\x01\x84\x12\xa6\xea\xffwk\x9fg\x1e\x7f$\xac\xaa\x94R\xc30(\xa5O&lt;\xf9\xe2\xa0\x8e\xbcq\xa7:\xcc\xab\xe2M\x1b\xd1\x8fR\xc2\xbcj\xa3\x8e\xb5\x87t\xa6\x8f?\xf9\x02\xa5\x94UA]\x1a\xe1\x000\x9b\xff\x1b\xd6\xae\xdaz$\xd8\xba\xcf\x88\x80\xb7\x94\xe2\x8e\xb21\x82\x00\x80\x10m\x87\x8e~\xef\xfd\x0f\x8e}\x84\x90w\xde\xfd`T\x8f\x1a\xae$\x97a`\x90\xc7\x06JH0\x10n\xdb\xban\xd3\xa4\xc0\x94\xa9?\x9a\xbb:Wx\xfd\x0b\xe7}\xfd\xc0\xcd\x9dxYH\x92q\xf1nl\x90d\xca\xcb\x82\xf7\xdf\xd2a\xf1\xbco\xca+|\xe6\xa8ld\x7fD\xe4\x03\x00\x00\xdez\xf3\xcd\x9c\xb6\xfdmv\x87\xa8\xb2\xb9\x0b\x14q\x84J!\x7fE\xf3\xae\xe7\xad\xd8zp\xf3\xc6u\x16\x8b\xa5\xa8\xa4t\xf1\xccoF\x9d\xd7F\xf7\x85$|ZC\xec \x84\x08\x9d]\xd7\xbf\xe9\x07\xef\x8e3\xdbd\x93&amp;\x7f\xd30\xcb\x9b\xdd$K\x844\x9c\xc3\x8f\x15\x84\x80\x08\xe9Y\x8d\xb3\x1a\xe7\xf8&gt;\x9f\xf45!$\xe2\x9d\x80H^\xd5B\x08Y\x96\xbd\x15\xe5\xf3\x97\xadn\xdd\xeb\x82\x90\xbf\x02\x9b\xff\xb1\x853\xe6p\'\xa47\xeb\xfe\xc9G\x1f\x02\xc0\x97S\xbek\x92\xcaj\xd4J\x0f\xab:\xd6\x1a1D\xa2$\x1c\x08\xf7\xeb\xd4(px\xcb\xfaM[\x01`\xf2\xe4\x89\xd7\x8dh"4\x86;\xaf\xc4\x18J\x84\xca\xae\xbb\xa8\xc9W_}\x0e\xc7w\xd1\x8f\xe4\xcbG\xf0\xb5\xcc\xe6\xff/K\x171O\x8d\xd4\x9c\xda\xba\xa6\xe2\xcen\xb1\x85P\xaa\x85\x82\x8d:\x9f\xb7|\xe5:\x10b\xd1\xc2\xf9\xe7w\xae\x0bL\xe0\xc2\xcf\x98c0nq\xd9\xbb6LX\xb8hI \x10\x0e\x95\xef\xec\xd1\xb9\x16\xf8U\t\x17\xff\xc4\x14\x89\x12\xf0\xab\xdd;\xd5\xd6}{\xf3\x0e\xe6SJ#;\n\x14\xe1\x1e\x00\x00\xcc\x9a5;\xbda{I\x92q/\xf8\x98C\x08\xd5\xc2\xc1\x1a\xf5[\x1c\xf1\xea\x9b7o:\xba\x7f[\x8fV\xb5XH\xc3)\xc3\x98C\t\x01\x83\xf7n]s\xdd\xaa_\xe6-XR?\x8b\xd92\x13\x98\x8eC\xb2\xb1\x87\xe9\xdc\x9a\x91P?\xdb\x98\xff\xf3b8\xde\xce\x8e\x94H\x06\x80y\xc3\xc2\xa6m;\xb2\xeb\xb724\xf5\xc4g\x04\xa2X!8\xb39&lt;\xee\x8c:\x93&amp;ON\xb6\xb1\xec\xb4\x04U\xd7\xb1\x07\x10s\x08\x01\xae\xea\xcd\xebd\x94\x15\xe4\xfd4mF\xc7\xd6\x19\x00\x80\xdb\xfa\xc7&amp;\x01\x00m\x9b&amp;\xafY\xb5\n \xc2\xcf\xe6\x8cX\x1dmn\x16\xc6\x0c\xfdHaijNm]\xd7\xb0\xd6\x88EB\x08BIJ\x8d\x06S\xbe\xfe6\'\xd1\xa2\xd8\xad\x8cc\xad\x11{\x08!\xaan\xd4\xccH\xd4\xfd%\xf3\x7f\x9e\xd7\xa6Y&amp;\xe8\x0cw|\x8bE\x84\x12\xd0X\x93\xfa\xc9{\xf7\xec\x82\xd3yt\xc7\xa9\x88d\x00\x00@\xfe\x91\xc3\xde\x90nw\xba9\xc7\x07{\xc5(\xc29s%\xa5\x16\x17\x15\xa6\xb8-\xd5}0\xe8\xdf\xe3B\xc8V\x8b\x02zI\xd1\x91\x8cT\x17\x18\x1c\xab\xffXD\x00\x80\xf1\xf4\x14WI\xf1\x11\xdd0";\r\x10\xe1Q\x9a\xc2\x82\xa3\\q:\x13R83p\xbdA,"\x84pf\xa4d\xd7\xf3z\xbd\r\xb2\xdc\xd5}8\xe8\xdf\xe3\\\xc8vK\xba[\xf6yK\xeb\xe5&amp;\x81j`\xa7&lt;\x16\x11B@gus\x93\x0c\xb5LU#&lt;\x1e\x1b\xe1\x00\x90e\x99\x00\x08\x81sM\xb1\x8d3\x83\x10b\xe0\xe0O\xac\x13B\x08\xa0\x121\x0c\x8e+\xf2b\x9aapJ\xe5\x88Gx\x84\x03\xe0\xac=b\x1eU-B\x84\x10Xc\xfcG\x08\x81M\xffXG\x08T\xc5\x1c&gt;.\xd4A\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92\xab\xfb\x00b\x8f\x10\\p\x01\x04\x08\x10B\t\x00\x01\x00!\x04\x08.\x04\x10B\x08\xc5X\x8dF\\\x08\xce\x05\x00\x10B(!\x84\x00\x00\x08!\xb8\x00!\x04!\x84R\xf3c(\xe6q.\x84\x00\x00\xa0\x94`\xa1\xfe\r\x0c\x80\xd3\xc09\xa3\x84*V\x87\xacX\x05\x08n\x18\xccP9c\x84\x10I\xb1H\xb2\x85J\x127\x0c-\xec7S\x01E\x03!\x80q.Q\xe2\xb0\xca\xc4"\x03\x000n\xe8\xcc08\x10\xb0*2U$\xa0\x04\x98P\xc3\xbaf0I\xa2Xx1MpA\x1d\n(\x14\x00 d\x80\xce\xf1r\xfc+\x18\x00\xa7DpF\xa8dw\'\xe9j\xa8p\xef\xe6#;\xd7\x14\xe7m\xaf(8\x10\x0ex\x99\xa1\x11B\x15\x9b\xdd\xe1NN\xc8\xa8U\xb3y\xe7\xdamz1C\xc7\x86G40\x18\xb7\xc8\x92\xc3e\xe7\xba\xb1%\xaft\xc5\xf6\xa3\x1b\xf6\x16\xed\xcd\xaf(\xf5\xa9!\xcd \x00N\x9b\x92\x91\xe4h\x92\x9b\xdc\xb5iv\x97fY\x9e\x04{\xc8\xafr.(\xa6@l\xe2\\P\x87\xb2a}\xc1\xc1\xfc\x00\x10\xe8\xd82=-\xdd!t\x8e\x97\xe3Ia\x00\xfc3\xce\x98\xcd\xe9\xd1\xc2\x81\xf53\'lY0%\x7f\xd7z\xce\xf4\xbf\xfa\xe2}k\x17\xd4;\xa7/3\xfe\xf2\x0b\xd0\xd9aV\xe2\xee\x04{Ey\xf0\xf3i\xdb?_\xb0}\xc5\xf6\xa3!\xd5\xf8\x9boiT3i\xf4\xc0\x16\xb7\x0emi\xb3J!\xd5\xc0\x9e@\xcc\xe1LP\xa7\xb2sgi\xf7+~\xf4\x05t\x00\x98\xfe\xc1y\x83\x06\xd7\xe7\xaa*IX\x9a\'\x81\x01\xf0\xf7\x84\xe0\xc2\xeeI\xde\xb7v\xc1\xe2\t\xcf\x16\xec\xddd~\xd4\x99\x98\x96Z\xabIrN=Gb\xaal\xb1\x03\xe7j\xc8\x17(+,\xca\xdbf\xb199\xe7\xd5{\xd0H\x08\xe1tX4\x9d\xbd\xfb\xfd\xfa\xff\x9b\xban\xc7\xa12\xf3\xe3N\x9b\xd2\xb8fR\x83\x9c\xc4\x9c\x14\x97\xcb\xae\x00@\xb9_\xddu\xa4b\xfd\x9e\xc2#%\x81\x1d\x07\xcb\xee}\x7f\xf1\xd4e\xbb?\x7fp@n\xba\'\x14\xd6\xb1\x1f\x10C\x84\x00!\x11Cg\xa3\xee]\xe0\x0b\xe8V\x8bd0\xae\xc8\x14Du\x1fY\x14\xc3\x00\xf8;\x82\x0b\x9b;q\xe5\xb7o-\x9a\xf8\xac\xe0\x1c\x00r[vo\xd9\xef\xf2\x1aM;9\x933d\xd9\x02\x84\x00\x88\xe3\xf3\xc0\\\x0b\x05B\x15\xc5\xcc\xd0p\xfc\xa7\x1a\t!dY\xfaek\xfe\xc3\x1f/]\xb4\xf1\xb0\xf9\xc1.M\xb3\xae8\xb7Q\x9f65\xebf&amp;Xl\nP\x02\xc7g\x81\xc1\xe0\x85e\xc1\xe9+\xf7\xbd\xf0\xe5\xaa]\x87\xcb\x97m9\xd2\xef\xa1\xef\x16\xbezQZ\x82]\xd7\x19N\x0c\xc7\n\xc6\xb9\x9c\xe2x\xe0\x91\x85+6\x16\xa6%\xdb\xbc~\x9d\xb1cS\xc1\xe8\xaf`\x00\xfc%\xce\x99\xdd\x9d\xb4\xec\x8b\x97\x97M~\x19\x00\x9cI\xe9\xbd\xae}\xa2I\xf7\xe1T\x92u5\xa8\x87\x03\x1a\xf7\x1f\xaf\xfd\x05\x00\x00!\x94J\x8e\xc44\xce\xfen\x9c\x01U5.\xc0bS&amp;/\xd8n\xd6\xfe\x9d\x9bd=t\xd99\x83\xda\xd7\x91m2W\rUg~\xbfzb\xc5@\x08ItZ\xae\x1d\xdc\xe2\xfc\xae\xf5G\xbd8s\xfa\xca\xfd\xbb\x8f\x94\x8f~}\xdeO\xcf\x0e74\x86\xf3\x871\x811.\'\xdaf\xfd\xb4\xeb\x95\x8f7\xba]\xca\x13\xb7\xb7\xbb\xef\xa5_\x01\x17c\xfc\x13\x0c\x80\x93\xe3\x8c\xd9=I\x9b\xe6~a\xd6\xfe)5\x1a\x0c\x7f\xe4\x93\xd4\xdc\xc6!o\xa9\x00A\t%\x84\x12\xe9d\xdfh\xe8\x80m\xc6jE\tQC\xda\xf3\xd7v\xd9\x92W2\xa0]\xad{/n\'+R0\xa0\x86T\x9dRB\t\x91\x8e/\xde\xadd0\x11.\x0fyl\xca\x94\xc7\x06w\xbe\xf3\xab\xcd\xfbKf\xac\xdc?{\xe5\xbe\xf3:\xd6\r\x04T\x9c\x0c\x88r\x9c\x0bj\x93\x0b\x0e\xfanxt\xb1\x10p\xe7\x95\xcd\xcf\xed\x98\x1dV\x19\x00\x0e\xff\xfc\x03\\\xb1~\x12Bp\xc5f/&gt;\xb0c\xfe\x07\x8f\x02\x80\'-\xe7\xc2\xc7\'%e\xd7\r\x94\x17\x11J)\x95\xfe\xae\x8a\xc7\xda\xbf\xba\x11\x02\x8c\t\xab"\xcd|n\xf8\x83\x97\xb77t\xe6\xf7\x85\t!\xb2\xf4\x97\x0b\xfd\t\x01E\xa6\xc1\xb0\xeepX\x9f\xb8\xaa#\x17\x82\x10\x98\xb4`;\xa1D`\x1d\x12\xf58\x00Q\xe8\r\x0f\xfe|\xb8 \x90\x93\xe1|\xe4\xde\x0eE\xa5\xe1\xea&gt;\xa8\xd8\x80\x01p2\x02$\xd9\xb2x\xe2sZ\xc8O%y\xc0\xed\xaf%f\xd5\x0e\xfb+$Y\xa9\xee#C\xa7\x84\x100\x98\xe0\\\xf8\x03\x1a\x07\x90\xa4S:\xcfe\x99jA\xadW\xcb\x1a\xd9)N!`\xf5\xae\xc2\xa0?\xacH\x14\x13 \x9a\x19\x06\x97\x93\xed\xaf\xbd\xbdv\xda\xc2\x03\x84\xc0\xb8\'\xba92\x9d\x15~\xad\xba\x8f+6`\x00\xfc\x91\xe0\xdc\xe2p\x1d\xd8\xb8t\xcf\xca\xd9\x00\xd0\xa2\xef\x15u\xcf\xe9\x1b\xf4\x96`\xed\x1f[\xcc\xb6\xbet:s\xb8\x04@\xe7&lt;\xc9m\xab\x9f\x9d\x08\x00E\xe5\xa1\x12oX\xa6\x14p&amp;1Z1&amp;\xe4\x04\xeb\xaa\xa5\x07\x1fy}\x15\x00\xdcsu\x8ba\xe77\x10\xe5a,\xb1S\x84\x01\xf0G\x02\x04\xa1\xd2\xfaY\x13\x84\x106gB\x87\x0bn\xd1C~JO6\xde\x8f\xfes\x84\x00"\x91\x04\xa7\x15\x00T\x9di\x06\'8\x01\x10\xad\x84\x10`\xa1\xfer\xf5\xea\x07~V5\xd6\xa1e\xda\x0b\x8fv\xd1\xbd*\x91\xa8\xc1p)\xf6)\xc1\x00\xf8\x1d!\x84b\xb1\x95\x1d\xde\xb3o\xed\xcf\x00\xd0\xa0\xf3\xa0\xe4\x9c\xfa\xba\x1a"\x04\xffPq\x81\x00\x80\x00Mg\x00`\x91\xa9,Q\\H\x18\xb5\x18\x17\x92\xd3\xf2\xbf\xc7\x97l\xdbS\xeeqY&amp;\xbe\xd2G\xb1H\xc2\xe0@\xc0\xdc\xf4\t\xfd#\xac\xd7~Gp\xaeX\x1d\xfb\xd7/\xd4B~BH\xe3n\xe73f`\xed\x1f?(%aU?T\xec\x07\x80\x14\x8f=\xd9m5\x98\xc0\x89\xfd(d\x0e\xfdO\xfal\xf3\xc7Sw\x00\xc0\x9bc\xba4j\x99f\xf85*Q\x00\x1c\xb4;UX\xb5\xfd\x0e!\xc09\xdb\xbf~1\x00$d\xe4f6he\xa8A\xdc\xdd3Np.,\x16i\xd7\xe1\xf2\xddG\xca\t\x81\xd6\xf5R\xddn\x9b\xc18V\xff\xd1\x86s!\xbb,{\xb6\x14\xdf\xfe\xec2\x00\xb8zx\x83\xabG57J\xc3\xb2\x8c\x97\xea\xe9\xc1\xbf\xd7\x89\x04\x95\x95`Eq\xe1\xde\xcd\x00\x90\xd5\xb0\xad\xdd\x9d\xc2*\xef\xea\x12Bp\xc6\x99!8\x13\x9c\x9bo\x9c3\xce\x98\x108\xe0\xf8_`0.\xd9-\x1f\xcc\xdc\xac\xeaL\x08\xb8\xbcg#\x00lLF\x1d!@P\xc2\x0c&gt;\xea\xbe\x05\xe5^\xadq\x9d\xc4\xb7\x9f\xe9\xc1\x03\xfa\xa9-\xf5B\xbf\x837\x82\xfdF\x08!+\xd6\xa2\xfd[\xfd%\xf9\x00\x90Y\xbf5\xa1\x04\x04\x80\x10\x9csIQ,V7\x95$\xce\xb9\xe0\x0c\x00\x08\x10"I\x04\x88\xa1\xab\xba\x1a\x02\xc1\t\xce\x15\xc7&amp;!\x84n\xf0\x84\x14\xd7\xdc\xe5{\xde\x9f\xb1\x19\x00\xba7\xcf\x1e\xda\xb5^(\xa0\x9e\xe2\x12Rt\xd60\xc6\xe5T\xfb#c\x96,_W`\xb5H\x13_&gt;\xd7\x95dc^\x8d\xe2vo\xa7\x0f\x03\xe0\x04BH\xb2Rzx\x0f\xe7\x0c\x00Rj6\xe4\x06\x13\x82\x13\xc9bw\xb9\x02e\x05y\x1b\x96\x14\xec\xdeP~4/\xe4+\xe5\x86![m\xae\xe4\xcc\x94\x9a\r\xb3\x1b\xb7\xcf\xa8\xdb\x8cJ\xb2\x1a\xf0\x12J\xf1\xfe\xf3\xe8\xf4\xa7\xa6\xbc\x10`&gt;\xc5\x07l\x16\xd9\x91\xe8\x98\xff\xeb\xde+_\x9c\xa5\xea,\xd9m{\xef\xae\xbe\x84\x10.\x00\x17\x01E\x15fp9\xc96g\xda\x9e\x97&gt;\xda\x00\x00\xcf\xdf\xdd\xbe}\xf7\x9aFq\x10\x07\x7f\xfe\x1d\x0c\x80\xdf\x08!\x08\xa1\xe5\xf9\xfb\x00@\xb1\xda=i\xd9\xba\x16\xb2\xb9\x12\x82\x15%+\xa7\xbe\xbd\xf5\xe7o\xca\x0b\xf2N\xfa\x8d\x92l\xa9\xd1\xac\xe39\xc3n\xaa\xdb\xbe\x9f\x16\xf4\x99\x8f\x97:\xbb\xc7\x8e\xfe\x01!\xf0\x87\x1d\x1d(\xa1\xb2DA\x91\x00 \xbf\xd07~\xf2\xca\x17\xbe\\e0\x9e\x9d\xe2\xfc\xfa\xb1\xc1Mj%\xfb\xfd\xd8\xfc\x8f.\x9c\x0bj\x97\x0b\x0f\xfb\xae\x7ft\x11\xe7bH\xaf\xdc{nog\x94\x86$\xac\xfd\xff-\x0c\x80\x13\x10"\x04\xf7\x16\x1d\x06\x00\x9b+\xd1\xea\xf0X\x9d\x9e\xdd+f\xcd\xff`\x8c\x99\n\xee\x94\xac\xf4\xba\xcd\x133kY\x1d\t\x00"\x1c\xa8(\xcf\xdf_\xb0wS\xa0\xac0o\xc3\x92\xbc\rK\xda\x0c\xbe\xee\xdck\x9f\xe0\xcc\xe0\x9cc\x06D\x0f\x02`0\xa1\xeaFe\x91p!\xc2\x1a+,\x0fn\xce+\x99\xb7\xee\xe0\xb7Kv\x05U\x03\x00.\xeb\xd5\xf0\x85\xeb\xba\xd6\xceJ\xf0\xfb5\xac\xfd\xa3\r\x07\x90\x15i\xf4C\x0b\x0f\x1d\r\xe4d8?\x1a{\xae\xd0\x19\xf6\xb8\xcf\x04\x06\xc0o\x08\x10\xceX\xb0\xa2\x18\x00,v\x97+5{\xcb\x82)\xd3_\xbbU\x08\x91\xd3\xa4C\xdb!7\xe46\xef\xecHH\xa5\x92\\\xb9\x930cz\xa0\xacp\xf7\xca\xd9+\xbey\xd3[tx\xdd\xf4\x8f\x83\x15\xc5C\xee\x19\'\xd4P5\xff2\xe88\x83q\x97\xdb\xf6\xd3\xcf;\xee\xff`\x89,Q\xc6\x05\x00p!\x02a\xbd"\xa0\x99w\x0c\xb5\xaa\x9bvq\xf7\xfa\x17uo\xd0\xa8^\x9a\x1aP\xbd&gt;U\xc1Fe\x941\x0c.\xa7:\xdexc\xd5\x0f\xf3\xf3(%\x1f?\xdf3\xbd\x86\x9b\x95\x85\xb1\xf9\x7f&amp;0\x00N@\x08345\xe0\x03\x00wjv\xfe\x8e53\xfe\xef\x0e \xb4\xe7\xd5\x8f\xb4\x1bz\xa3\xacX\xb5p@\r\xfa\x84\x10\xc77\x19$\x84\x10\xab3\xa1\xed\xe0\xeb\xeb\x9d\xd3\xef\x87\x97n\xc8\xdf\xb9v\xc7\xd2\x1fSj4\xe8v\xe5C!o)\x95pN8*\x10\x89\x96xCy\x85\xbe\xbf\xfa\x02\x8bL\xcb\x03\xea\xba=E\x92D\xeb\xd7L\x92%\x1a\n\xeb\xd8\x03\x88\x1e\x8cq\xd9c]\xbb\xfc\xd0\xc3\xaf\xad\x02\x80\x07oh\xd5\x7fH}\x1c\xfa?s\x18\x00\xbf!\x84pf\xe8j\x00\x00\xb4p`\xce\xb8\xfb\x01`\xd8\x03\xef7\xed1"PQ\xac\x87C\x94R\xf2\xa7gD\tf\x04\xcb\x8b\x9c\xc9\x19\xc3\x1f\xfax\xd2\x83\x83}%\xf9+\xa7\xbe\xdd\xb0\xcb\x90\x94\x9c\xfa\xba\x86\xb7\x10W?J\x89\x1e\xd6\xbb7\xcf\x19w\xfb\xb9\x84\x1c\x9b\nf\\\x04U\xbd\xa8"\x94W\xe8\xdbq\xa8l\xd5\xce\x82U;\x0b\x00 \xd9m\xbb\xb0[\xfd\x87.m_\xb7F\xa2\xdf\x1f\x96\xf0\x16\x90( \x84\x00E\nx\xd5Q\x0f\xfc\x1c\n\x1b]\xdbf&lt;\xf3P\'V\x1e\xc6\x84&gt;s\x18\x00\' Dpn\xa8a\x00\xc8\xdf\xb1F\x08\xd1\xfb\xfa\xa7\x9b\xf6\xbc\xd0W\x92/\xc9\n\xf9\xab\xe6&lt;!TV\xd4\x80\xd7\x93^\xa3\xdb\x95\x0f\xcd\xf8\xbf;\x0cM]?\xf3\xd3\x01\xb7\xbd\xa2\x85\x83\'}f\x00:\x9b(!\xba\xc6\x1a\xd7Ln\xd60\x03\xc4\t\xb7\xf5\x9aQ \x84\x16\xd2\xf3\x8a|\x0b7\x1c\xfed\xf6\x96_\xb6\xe5\x7f0s\xf3w\xcb\xf7\xbc\xf7\xbf\xde#z6\xf4\xfb0\x03\xaa\x1f\xe3BN\xb0\xdc}\xe7\xdc-\xbb\xca\x92\x12\xac\x13^\xe9-Q\xca9\xc3m\x9a\xce\x1c\x9e\xdc\x95\xcc\xea\x80\x9bwuU\x8e\xfb\xfb\xcb\nOe\x1fPIV\xc2\xfers\xef \x00\xb2w\xf5\xfc@Y\x91$+x\x1bQ4 \x04T\xdd\xf0\x95\x07}\x15!_y\xf0\xd8[E\xc8W\x11\xf2\xfbT\xc6E\xbd\xcc\x84\x1b\x87\xb5\\\xf4\xda\xc5o\xde\xda\xcbiS\x8a+B\x17=3\xfd\x87%\xbb].\x1b\xc3]e\xaa\x95\xb9\xe5\xc3\x97\x93\xb7|\xf0\xf5v\x00\x18\xf7x\xd7zMSY@\xc3\xc75G\x04\x06\xc0\x1f\x90\xcaA\x9b\xd6\x03\xaf\xa6\x92\x04\xa7|\x97/g\xcc\xe6\xf4\xd4n\xd3\x0b@\xf8\x8a\x0f\x17\x1f\xd8![l\xb8\x95X\x940\x1f\x08\xf3\xe77smhH3|\x15!M3\xee\xb8\xac\xfd\xe4\x87\xce\xb3Yd!\xe0\x86\xd7\xe6\x1d*\xf0Z\x14\t\xcb\xb0\xbap.d\xa7\xb2o[\xc9mO/\x03\x80\x1b/n|\xd9\x15\xcd\x8cR\x9c\xf8\x8d\x18\xfc;V" \x04\x95d\xd9j\x03\x00\xc5\xea\xc8\xac\xdf\xca\xd0\xc2\xa7qs/\x01\xc1EF\xbd\x16\x00 \x84(;\xb2\x9b\xca2&gt;O*&amp;PBd\x89\x12B*\x8a|\xc3z7\xbe\xef\xa2\xb6\x00P\xec\r\x8d\xfbq\xa3\xc5aa\x1c\xb7\xfa\xa8\x06\xc7\xb6|\xe0\xe2\xea\xfb\x16\x94V\xa8M\xeb\'\xbd\xfeD7\xc3\xab\x12\x02\\T\xee\xc6\xf2\xa77!8\xff\xad\xdd%\xc4o\x1f&lt;\xfe)\xbc$\x7f\x83\x01\xf0\x1b!\xb8\xa4X\xac\xce\x04\x00\x90mv\xc5\xe6\x10B\x9c\xce\xe3D\x08\xe7\x86;%\xcb|\xd7_ZH\x08&gt;K$\x96\x10\x00E\xa6\x9a/t\xcb\xe0\x96\xc9n\x1b!\xf0\xc3/{B\xbe\xb0\x8c\x93\x8d\xd5\x81s!%\xd9\x9e\x1c\xbbb\xc9\x9a\xa3\x89\x1e\xeb7o\xf5s\xa6;d\x99Jv\x99\xdadj?\xf9\x9b\xc5*S\xbblQ\x8e\x15\x99\xd5"Q\xbb\xacXej\x97\xa9U\xa6v\x99Xq\xe2\xf37\xf8\xb7\xf8\x8d\x10B\x92\x15WR\x06\x00p]3\xd40x\x888\xad\xdbL\x84\x90\xadvB\x88\x10BW\x83Uv\xa4\xa8\xaa\x10B4\x9dg\xa7\xb9\xcei\x98&gt;g\xcd\x81}\x05\xde\xbcB_\xc3\x9c\xc4\x90f\x9c\xce\xb3\xc5\xd0\x99b\\Hn\xcb\xec\x9fv?\xff\xfezJ\xc9\xe8K\x1b{\xd2\x1d\xbb\xd7\x17\xc82\xfd\xfb6\x15\xe3B.\xb1\x1c.\x0c\x98\xef\x1e\xc8\x0f\xec\xdf]\xc6|\x1a\xa5\x84\x10\xe0\x1c\xac\x16\x9a\x93\xe1&lt;\x1b\xbfC,\xc0\x008\x81\x00B\xa5\xa4\xec\xba\x00\xa0\x85\x03\xc1\x8a\x92\x84\xccZLSOo;\xf8\xe3\x8f\xa2\xc0\x05\xa01J\x08\x012\xad\x9b\x99\x00\x00!\xd5((\x0b6\xceM\x16\xa7\xd7\x10@g\x8a\x00\x01.\x9e\x1f\xbf\x8e\x10\x90)}\xef\xcbmoL\xdcL\t9\xa5!U\x02\xec\xf8\x13\xc1n|t\xb1$\x1d\xfb.J\t\xe3\xbcQ\x9d\xc4\xb5\xdf\x8f\xa0\x94\x08\x81E\x8a\x01p"\x02\x82\x1bi\xb5\x9b\x02\x80\xe0\xbc\xec\xc8\x9e\x1a\xcd:jp:\xa3@\x94j\xe1\x809\xeccu\xb8\xab\xec@Q\x95s\x1c\x1f(\x08k\x06\xd6\x13g\x1f!\x00L\x94yU\xc6\x04cL\xd5\xd9\xbf{\x1dMg\xa0\xff\xee#\x85%x\x97\xfeo0\x00~C\x08545\xbdn3\xab\xc3\xad\x06}Gv\xaci\xd1\xff\xcaS\x9f\xc45\x1f&amp;\xec+&gt;b\xbe\xebN\xcd\x16\x9c\xe1\xc3\xa4b\x94?t\xac\xda\xb0[d\x9c\xc8?\xfb\x08\x01`\xfc\xd5\x87;\x17\x97\x86\xcc1\xd5S\xbc\x948\x17\xd4!\xff\xfa\xeb\x917\'n\x06\x80\x87oj\xdd\xa2e:\x0f\x19\x94\x12\x02 \x00&lt;N\x85\x10\x02\xd8\xfc\x07\x00\x0c\x80\x13\x11B\x0cMM\xcc\xa8\x95Q\xbf\xd5\x81M\xcb\xf26,\t{K\xa9$\xc3)V\x00\x02\x08!\x85\xfb\xb6\x02\x00\x95\xe4\xa4\xecz\xcc\xd0qK\xb8\x98C\t\x11:\xdfs\xb4\x02\x00\x1cV9#\xc9\xc1\x19\xc7b\xac\x06\\\xf4\xebW\x1bNw\x06\x9e\tH\xb2zdj\x06\xc0\x90sku\x19R\x1f\xcaU\xa8|Z\x00\x17\xe0\xd7"}\xac\xb1\n\x03\xe0w\x84\x10T\xb64\xea2\xe4\xc0\xc6\xa5\xe5G\xf7\xef]\xbb\xa0i\x8f\x11!_\x19\x95\xfe\xf9\x0fE%I\r\xf8\x0en^\x06@\x122r\x93s\xea\x1a\xba\x8a\x01\x10[\x84\x10\x8a"\xe5\x17\xfb\xd6\xed."\x00\xb53&lt;\xb9\xe9nUgX\x8e\xd5\x82\xf94ql\xfa\xe5T{a\x06\x03Yp\xaf\xffX\x07\xae\xc2\xaf\x19\xa5!V\xa1I\x12\x98\xafC\x80H\xf8\xe8\x98\xe3p\xa2\xf2w\xa8D\xb5\x90\xafA\xe7\xc1\xae\x94LB\xc8\xaa\xef\xc6\x1b\x9az*\xb7\x02pfX\xec\xae\x03\x9b\x96\x16\x1f\xdc\t \xea\xb4=\xd7\xeeI\xe1\x86\x8eS\x87\xd5B\xfc\xdb\'9\xea\x06\xb78-_,\xdcY\xea\x0b\x0b\x80\x01\xe7\xd4\xb2\xe3c\x81\xab\x8fD\xcd\xdb\xf7N~\x13\xdf_\xbc\x91\xca\xfb\xfb\xfe\xf4\nD\x96(\xd6\xfe\'\xc2\x00\xf8\x03\xc2t\xcd\x9d\x9c\xd9n\xe8\x8dB\x88\x82=\x1bW}?\xde\x99\x98\xca\x0c\xfdo\xbeGpN%\x99\x19\xda\xf2/_#\x00\x92bi\xd1\xf7rC\x0b\xe3\xd3\xe4\xab\x8bL\x89,\x11\x83q~:\x1b9\xe8\x06Kp\xdb\xf6\xec/y\xf1\xab\xd5\x94\x12\xab"\xddp^s\xa6\xea\xb8\xeb\x00\xfa\xaf\xc2\x1a\xea\x8f\xa8$\x87\x03\x15m\x06]\x97Q\xaf%\x00,\xff\xf2\x95-?\x7f\xe3N\xc9\xe4\x9cq\xce~\xdf\xb0\x14Bp\xce\x0c*\xc96W\xe2\x82\x0f\x1f;\xba{\xbd\x10\xa2U\xff\xab2\xea\xb5\xd2\xc2\x01\\\tZ-(%\x15\x01\xad"\xa0\xb9\x93\x1cN\x9b"\x00\x0c\xc6\x19\x17\'\xbd\tT\x08\xe0\\\x98Q\xe1It\x1c)\xf1_\xf8\xf4\xf4\x12o\x88sq\xcf\x886M\xeb\xa7\x85B:\xde\x01\x80\xfe\xab\xb0\x86:\t\xc1\xb9$+\x03\xff\xf7\x86\xd5\x99\xc0\x0c}\xc6\xeb\xb7\xaf\xfan\xbc\xcd\xe9\xb1\xb9\x12\xa8\xac\x00\x80\x10\xc2|~\xa4b\xb1;\x12R\x99\xa1\xcd\xf8\xbf;\xd6\xcf\x9c\x00\x00\xe9u\x9au\xbb\xf2!-\xe8\xa3X\xfbW\x07\xc6\x85\xd5*o\xc9+\xe9\xf4\xbf\xaf\x1e\xff`\xe9\x9a=\x85\x8aD\xdd\tv\x97\xdb\xe6\xb0*\xe6c^\xc4q\x00\xa0\xc8\xd4iW\xdc\tv\xbbM\xf9q\xc9\xae\x1e\xf7|\xbdao\x91\x00\x18xN\xed\'\xaf\xee\x1c\xf4\xab\x14o\x03F\xff]8\t|\x12\x84R-\x14H\xab\xd5\xe4\x82\x87?\xfe\xfe\xa5\xeb\xc3\xbe\xf2y\xef?\xb2g\xd5\xdcV\xe7\x8d\xcc\xa8\xd7\xca\xeeI\x96%\xd9\xbc\xd7\xb7,\x7f\x7f\xde\x86\xc5\x1bfM,\xcb\xdf\x07\x00)5\x1b\x0e\x7f\xf8\x13\xd9j7\xd4\x10\x8e\xffT\x1b\x01\x02`\xef\xd1\x8ag&amp;\xadx\xf1\xabU\xad\xea\xa6um\x96\xd5\xb1qV\xd3\xdc\xe4\xcc$\x87\xc7a\xb1Yd\xf3\xc1\x00\xaa\xceJ\xbc\xe1\x83E\xbe\xe5\xdb\xf2\xbf[\xb6g\xd1\xc6C\xe6\x0b\\\xda\xb3\xe1G\xf7\xf6\x13\\\x00&gt;\xde9fa\xc1\x9d\n\x0c\x80\x93\xa3\x92\x14\xf6W\xd4l\xd1\xf5\xb2g\xbf\x9d3\xfe\xa1#\xdbW\xed[\xf7\xf3\xbeu?\xdb=)\xee\xd4,\x8b\xcd\xc9\x98\x11\xf6\x95U\x14\x1c\xe4\xec\xd8\xf4@\xa3\xae\xc3\xfa\x8c~\xd6\xeeN\xd2\xc3\xc1\xd3\xd8B\x0eE\x14%D\xd3Y\xfd\x9c\xc4+\xcem4sU^\x99?\xbczg\xc1\xea\x9d\x05\x00\xebe\x89\xa6%\xd8S\x13\xec.\x9b\xa2\xc8T7\xb8?\xac\x17\x95\x07\x8f\x96\xfd\xb6iG\xdd\xac\x84\x87.=\xe7\xc6A-T\xcd0\x18\xc7\xc1\x9f\x18U\xb9\xe9\x1bn\xfd\xf6\xf70\x00\xfe\x12\x95\xa4p\xa0"\xa5f\xa3K\x9f\x9e\xb2\xf9\xe7)\x9b\xe7\x7fU\xb8gS\xc8[\x12\xf2\x96\x9c\xf8e6gBN\xd3\x0e-\xfb_U\xaf}?\xa6kz8\x84\xb5\x7f5"\x04\x0c\x83g&amp;:&amp;=:h\xcf\xa1\xb2\xf9k\x0f.\xd8pp\xdd\x9e\xc2\xbc\x02\x9f\xaa\xb3\xfc\xd2@~i\xe0\xcf\xdf\x95\x9e\xe8h\xd7 \xfd\x82.\xf5Ft\xab\x9f\x92\xe2\x0c\xf8\xc2\x04\x00k\xffX%\xc0n\x93\xd3\x92m\x00`\xb5Hx\x1f\xdf\xdf\xc0\x00\xf8;\x94Jz8H(m3\xe8\xda\xe6\xbd/)&gt;\xb0\xb3\xf8\xc0v_\xd1a-\xe4\'T\xb2\xbb\x93\x12\xb3j\xa7\xe66N\xcc\xaaM\x08U\x03^ \x04G~\xaa\x1d!\xa0\x1b\\\xd5\xd5\xda\xe9\x9e\xd1\xc3[\x8d\x1e\xd6\xb2\xc2\x1b&gt;P\xe8\xcb+\xf0\x1e*\xf6\x97\xfa\xc3\x81\x90n0.\xcb4\xc1aIOt\xd4\xce\xf04\xc8I\xccIu\x81,i!\xcd_\x11\xc2g\r\xc6.Y"\x10\xd0\x06\xf7\xac\xb9w\xde\xe5\x00`\xb7\xc9\x10\xd4p\xe9\xe7_\xc1\x00\xf8\x07f\x85\x1e\xf2\x95Q*\xa5\xd7i\x96\xd5\xb0\xcd\tc\x8b\x843\x83\xe9\xaa\x16\xf4\x03\x08l\xf8G\x0fB@"D\xd5\r\xa6\xea\x84\x10\x9b"5\xaf\x9d\xd2\xa2~\x1aP\x02\x95\xcf\x056\xbfN\x080\xb8\xa1\xb3@H\xe7B\x93(\xc5\xda?\xe6\t\x90\x15\xea\xb2J\x00\x00\x1c\x1f\xc9\xf1w0\x00N\t\xa5\x12\x00\xe8jP\x0b\x07N8\x9f\x04!\x04\x08\xc5V\x7ft"\x84\xc8\x12\x01\x00&amp;DP\xd5E\xf8\xe4#\xc2\x84\x10J\x80RB\xf1\xae\xbd\xff\x0c\x01\xc2\x10\x00\xb8\x17\xd7?\xc0\x008\r\x84\xe0\xb0pL"\xe6\x9a\x10\x02xcv\xfc\xc0K\xf5T`\xd3\x15!\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E&gt;\x00\x08!@H\xc4_\x16\x9dM\x84P\x00\xa0X\x8e\xb1\x8f\x10R\xf9\xbf(v\x11R%e\x18\xe1\x00 \x842]\xe3\x86\x8e\'\\\x0c#DW\x83\x94\xd2\xa0jT\xf7\xa1\xa0\x7f\x8f\x00\x08.T\x9d\x11B\xc3\xaa\x81\xcd\xb2\x18FHX5\x0c\x16\xf92\x8cX\x00\x985~\xdd\xfa\r\xecD\xf3\x96\x15I\x92\x02BD\xea\xc5\xd1Y#\x04\x97eK\xd1\xc1\x9d)\xa9i\xdb\x0f{\xb1\xd6\x88]T\xa2FP-\x0c\xf0\xa4\xd4\x1a;\xf6\x96\x80U\xe6xI\xc6 .\x04X\xa4\x9d\xfbJ\xdc\x895\xec6+c,\x82\xcd\xebH\xf6\x00\x84\x10\x0e\x873)\xc1\x15\xf4\x96SI\x8e\xe0+\xa3\xb3,XQ\xda\xacY3_\x98\t\x83a\x04\xc4(\x99\x12_ \xac\xd8\\\xf5\xeb5\xcc/\xf4\x81L\x01\xeb\xffX$\x00$ZT\x12\xc8\xc8\xcc\x8a\xf8\xc8J${\x00\x9csYQ\xea\xe5f\x1d\xdd\xbbM\xb1\xd8\x0467b\x10!\x94\x19z\xe1\xbe\xcd\xa3o\xb8.\xafD\xf3{\x83\x8a$U\xf7A\xa1\xd3&amp;\x84\xb0X\x94]\x07\x8b\xac\t\x99\xe7\x0f;\x7f\xe9\xea\x83B\x91\xf0\x92\x8cEB\x08\xa1H\xab6\x156k\xde\xda|7\x82/\x1e\xe1\x1e\x00\x00t\xee\xd8\xe1\xc8\xae5T\x96\x85\xe0\x11|qtV\x08IQ\xca\x8b\xf3i\xb8l\xe0\xc0A\xc2\x9e\xb2-\xaf\xd0bUp\xe8 \xe6p\x01\xc2\xaa\xac\xdaq$\xb7^\x93!\x83\x07l\xd8\xe1\'a\x9dP\xec\xcd\xc5\x1eB\tQ\xb5\xcd\xbbC\xdd\xbbu\x01\x00J#YiG\xf4\xb5(\x05\x80\x81\x83\x86T\xec]\x17\xf2{)\xb6\x1cc\r\xe7\xdc\xe6p\xef^\xbb\xa4i\xed\xcc\xc4\xa4\xa4\xa6\xad;\xfe\xf4\xcb.b\xb7p\x8e\x01\x10c\x84\x10\x04\xc4\xac\xb5\x87\xbb\xf5\xe8\xd5\xbci\x83\xa2`\xd2\xc1\xed\x05\x92M\xc1N@l\x11BH6\xe5\xd0\x8e\x82\x02_B\xd7\xce\xe7@\x94\x07\x00\xe7\xbc~\xa3&amp;5\x93,{7\xfdj\xb5\xbb\xb0\x13\x10c\x84 \x94\xee^1c\xd8\xb0!\x000b\xf8\xb0\xf9\x1b\x0b\x8d\x90*a\xcb1\xa6\x08\x016\xabr0\xafp\xbf\xcf\xda\xa3[\'\x00h\xd9\xa6\xe7\xd7\xb3v\x80\xcb\xcaXu\x1f\x1c:\x1d\x8c\x03\xb8\xac\xdf\xcc\xda\xd1\xb4U7\x9b\xcd\xc2"]~\x11^\x06\xca9\x97ey\xd4\x15\x97lZ\xf0\xb5bs\x08\x8e\x01\x10;\x84P\xac\xb6\x82\xbc]V\xff\xc1K.\xbb\x92s\xde\xbbgW\x91\xd2p\xd9\xda=6\xa7\r;\x011\x84q\xae\xb8\xed\x93\xe7m\xea\xd0kpFZ*\x00\xdcr\xcbM\xdf\xce;\na-\xa2\xcdGT\xe5(\x01P\xb5o\xe6\x1e\xbd\xf9\xa6\xd1U\xf2\xfa\x91}9I\x92\x84\x10W_w\xa3~x\xe3\xd1\xfd;\x14\xab\x1d\x17\x83\xc6\n\xce\x983!y\xd9\x0f\x1f]&lt;t\x80\xdb\x93\xa0i\x1a!\xe4\xfa\x1boy\xfd\x9bU\xd4\x86\xa3@\xb1D\x96\xa8\xea\x0bN^\x92w\xcf]w\x02\x80a\xe8]:\xb5U\x12Z\xcc\x9c\xbe\x99&amp;9\x18\xc3\xa2\x8c\r\x8c\t\x9a\xe4\x98=}\x0bu7\xef\xd6\xe5\x1c\xc6\x98\x14\xe9q\xf5\x88\xdf\x08F8\xe7.\xb7\xe7\x86+/\\&lt;\xf9u\xbb;\x81c\x9f3\x16\x08!\x14\x9b-\x7f\xdf\x0e\xff\xf6\x857\xdfv\x07\x17\xc2b\xb1p\xce/\xbbxx\x9e\x9e\xb1\xec\x97mN\xb7\x1d3 &amp;\x18\x8c\xdb\x13\x9d\xef|\xfdK\xfd\xf6\xe75o\xd2\x90sN\x08\x05\x10\xf7\xdc\xfb\xe0s\xefm\x16:\x13\x04\x97\x83\xc6\x06A@\x18\xec\xd9\xf76\xdf{\xef\x03U\xf4#"\xdf!4g\x02\x1ex\xe41=\xef\x97]k\x97\xd8=\x89\x9cc\x06D;\xce\x0cWb\xea\xf4\xf1cn\xbf\xee\xf2\xdcZ\xb59c\x94R!\x84\xcb\xe9|\xf8\xf1\xa7\xefx{&gt;U$\xac5\xa2\x1f\x17\xc2jU\n\xf3\xcb^\x9b\xb6\xeb\x95\xb1/\x98S\xbe\x92$1\xc6\x87\r\xe9gO\xeb:~\xfc\x129\xd3\xc3t\x1c\x9b\x8dv\x86\xce\xe5L\xcf\xbb\xef.\xb5\xa6t:\x7f\xe8\x80\xaah\xfeC\x15\xed\x05$\x84\xb0\xdalo\xbe\xfe\xea\xac\xb7\xef\xe3\x86N\xa9\x84\x03A\xd1\x8c\x19\xba\'%c\xf9\x8f\x9f\xe6\xd0\xc2{\x1e|\xb4\xf2T\x93$\x891v\xc9\x88a5\xdb\rzb\xdcLW\x9aG\xd71\xcb\xa3\x1a\xe7\xc2\xe2\xb2]\xf3\xfc\xf7\xb7\xdc\xfbX\x9dZ59\xe7\xe6\xa2\x11\xb3k\xfe\xee\xb87^\x9axd\xef\x86\xc3\xb2\xdb\xcaq (\x8aq&amp;d\xb7u\xdf\xc6\xc3/~z\xe8\xddqor\xce\xabhs\x9d*\x99\x122+\x8e\xa1\xc3G\x8c\xbe\xb8\xdfWcoOH\xcd\xe2\x0cw\x95\x89R\x9c\x1bv\x97\xe7h\xde\xce\xb5_&gt;?y\xd2$EQ\xc8\t\xfbN\x99\xfd\xb9\x89\x9f|\xf8\xf9\x9a\xf0\xfcE\x9b=)\x1e\xc3\xc0\x0c\x88R\xba\xce\xdc\x99I\xcf\xbd;K\xcf\xee\xfc\xe8\x83\xf7\x9e\xd8f4\xfbs\xf5\xea\xd5~~\xec\xbb\x17\x8e\xfe\t$"d*pL/*\t!\x84DA\xa6\x17\x8e\xfe\xe9\xd9\x17\xc7\xd7\xaf_G\x08\x11\xd9\xd5\x9f\x95\xaajM\x00\xa5\xd40\x8c\xb1\xaf\xbdYO)\x9e\xf1\xf1\xf3I\x995\x99\xa1W\xd1\xcfB\xff\x1agL\xb1\xd8\rM\xfb\xfa\x99k\xc6\xbd\xfeb\x83FM\x0c\xc38\xf1T3\xfbs\t\x1e\xf7\xc4\xcf\'\xdf\xf0\xe6\x92\xbd\x07\n\xdc\x1e\x87\x8e\x19\x10}4\x9dy\xd2\x13~\x9a\xb9z\xc2\xaa\xe0\x97\x9fO\xa8l\xfbW\x92$\xc90\x8c+/\x1f\xd1\xb9\xdf-#o\x9c"\xa58\x19\x00f@\xb4\x11B0\x01R\xaas\xd4\x8dS:\xf4\xb9i\xe4\x95\x17\x19\x86Q\x15\x83?\xa6\xaa\n\x00B\x88\xb9"h\xfa\xccY\xd6}\xf3f\x7f:6%\xbb\x16g\x06\xde\x19\x10=8\xd3mN\xb7\xe0\xfc\xd3\x07\xce\x7f\xe5\x91[/\xbdb\xa4a\x18\xb2\xfc\xc7M\x9c\xcc\xfe\\\xd7N\xed\xdf\xfa\xe4\x9b\x81\x0f\xff\xb8\xf7H\x89\'\xd9\x8d\x19\x10=\x04\x80n\xb0\x84\xac\xe4\x9f\xe6\xad\xbfo\xf2\x9eYs\xe6\xa7$\'\xc2\xc9\xb6\x80\x96e\xd90\x8cqo\xbfL2.\xbc\xf6\xda/\xe5\x0c7\x91)\x8e\x05E\x0f\xce\x04\xa1T\xcep_w\xddW"m\xf8\xbb\xef\xbcz\xd2K2\x82\xaapU\xb0y\xfe9\x9c\xae9s\xe7){\xe7|\xfb\xfa\xfd\xee\xe4tI\xb6\xe0pP\xb5\x13BpCw\'\xa5\x97\x1e=\xf0\xd1=\x83^\xbc\xff\x86\xd1\xb7\xde\xf17\xa7\x9a\xd9x\x1cr^\xdfW?\x9c2\xe0\xa1\x1f\x96\xac\xde\xedIO0\x18\xc7uA\xd5\x8e1N\x00&lt;\x19\x89\xefOZ\xf8\xc0\x17{f\xce]P\xb7v.c\xec\xafF\x0c\xcc8\x9f\xf8\xc98\x91r\xfeE\x17OT)\xa5\x1e\xab\x8es\xc2Q@\xd79u[5\x99^|\xc9gF\xd2\xd0\xcf&gt;}\xb7\x8a&amp;~OT\xb5\xb7\x85\x98#\xc8\x0e\xa7k\xce\xbc\x05\x8d\xe8\xfe\x8f\xef=_\x0b\x05\xdc\xc9\x19\x823\x81K\x83\xaa\x85\x10\x9c\x19\xb2\xa2$\xa6\xe7\xac\x9a\xfd\xe5\xb4g.\x1d\xff\xfc\x03\x7f_\xfb\x9b\xcc\xc6\xe3\x90\xf3\xfa\x8e\xfb\xec\x87\xeb\xc7o\x18\xfb\xe1|w\x8a\xdb\xe9\xb0\x18\x06\xc7\xdd\x05\xaa\x05\xe7\xc2`\xdc\x95\xe0\x94-\xf2\xb5c\xbe\xfa`\x15\xcc\x9a\xfb\xb3Y\xfb\xffM\xadA\x08\xa1\x942\xc6&gt;\xfdx\\n\x9b\x9b\xcf\x190y\xc3\x86#JN\x02\x000\x86y^\r\x04\x00c\x1c\x00\x94\x9c\x84\x8d\x9b\x8e\x9c3`r\x8dV\xa3\'~2\xde\\\x89W\xd5\x0fV!g\xe1\xea\xad\x1c\x8e|m\xec\x0b\xcf\xbf\xf9Q\xf3A7u\x1ev\r\x00\x84\x02^\xce\x0cB\xa9\xf9\xfc)T\x95\x84\xe0\\\x00(\x16\x9b\xc3\x9dX\x90\xb7s\xee\'\xcf\xa6\xe9\x87&gt;\xfflb\xc3\xc6MO\xbd\x9bi~eQq\xc9\xc8\xab\xafe\x07\x7f\x1d{K\xef6-\xebp\x7f(\x18\xd6\x01\x80V\xcdC\x8b\xd0\x89\x84\x10\x8c\x0bJ\x89\xd3a\x05\xab\xf2\xc3\xfc\x8dO}\xbe\xaa\xe3\xa0\xab\xc7\xbd\xf12!\x94q.\x9d\xc2l\xa1\x10\x82s.I\xd2\xf7?\xcez\xe0\xee\xd1\x97\x0cp&gt;ywO9\xc9\x0e\xe5!Cc\x94\x12\x82O\x83\xabb\x02@p\xc1\xb9\x90-\x12$\xdaYy\xe8\xc9\xd7\x17\x7f9\xcb?\xf6\xb5\xf7.8\x7f ;+\xb5?\x9c\x9d\x00\x80\x13N\xb8\xf5k\xd7&lt;\xf9\xc4\xe3\xab\xf6U\xb4\x1ct]\x93\x0e}\x1c\xeeD-\x1c\xd0\xc2!\xce\x19\x08a&gt;O\xf2,\x1cO\x9c\x10\x82\x9b\xcf\x92\x93\x14\xc5jw\x11J\x0b\x0f\xeeY=\xe33\xdf\x8eE\xd7]~\xfeC\x8f&gt;)I\xf4t\x07\x19+\x1b\x98o\x8f\xff\xf0\xd3\xf7\xde8\'3|\xc7\x88\xf6\xcd\x1ad\x03\xa5FPUu\xc3\x1c\x17\xc2(\x88\xacc+\xfa)\xb5[\x15\xe2\xb0@X[\xb4n\xef\xffM][j\xad{\xffC\x8f\x0e\x19\xd8_\x08q\xbakE\xcc\xa2?z\xb4\xe0\x911Oo]\xf3\xfd\xd5\x17d\x8f\x1c\xd1\xd2\x95\xe5\x01\x95A@c\x06\x17\x80E\x19af9\x12 \x92L\xc1i\x01\xab\x1c\xc8\xaf\xf8\xec\xbb\x8d\x9fN=\xd2\xb4\xed\xf9\xcf=\xf7DVfFU\x8f\xfb\x9f\xe8,\x05\x80\xa9\xb2\xee\xf8\xee\xdb)\x93&amp;\x7f\xb9r\xdb\xa1\xe4\x86\x9d\x1at\xec\x97S\xaf\xb9\xcd\xe9&amp;\x84r\xcep\x86 R\x08!\x92l\x11 \xb8a\x94\x17\xe7\xef\xdd\xb0l\xff\x9ay\x16\xdf\x81\x11\x03{\xdft\xeb\xed5sk\xc1\t\x9d\xb3\xd3RY\xd7\x94Wx\xdf|\xe7\xdd\x19\xdf}\x99N\x8b\x87v\xc8\x1d\xd0\xbennf2Xd \x00\x06\x07\x1cQ\x88\x14\x89\x82D@\x00\x0b\xa9\xdb\xf2\x8a\xa6\xff\xbak\xce\x</t>
        </is>
      </c>
    </row>
    <row r="44">
      <c r="A44" s="1" t="n">
        <v>42</v>
      </c>
      <c r="B44" t="inlineStr">
        <is>
          <t>grid_number</t>
        </is>
      </c>
      <c r="C44" t="inlineStr">
        <is>
          <t>What is the missing number of the part denoted with a question mark?</t>
        </is>
      </c>
      <c r="D44" t="inlineStr">
        <is>
          <t>['7', '3', '5', '1']</t>
        </is>
      </c>
      <c r="E44" t="inlineStr">
        <is>
          <t>1</t>
        </is>
      </c>
      <c r="F44" t="inlineStr">
        <is>
          <t>There is a 3x3 grid of numbers. The first row is [3, 9, 5]. The second row is ['?', 7, 9]. The third and last row is [7, 9, 1].</t>
        </is>
      </c>
      <c r="G44" t="inlineStr">
        <is>
          <t>We observe that [3, 9, 5] sums to 17, and [7, 9, 1] also sums to 17. Thus, the pattern is that the numbers in each row add up to the same value.</t>
        </is>
      </c>
      <c r="H44" t="inlineStr">
        <is>
          <t>Based on the pattern that the numbers in each row add up to the same value, the missing number of the row ['?', 7, 9] should be 1.</t>
        </is>
      </c>
      <c r="I44" t="inlineStr">
        <is>
          <t>b'\x89PNG\r\n\x1a\n\x00\x00\x00\rIHDR\x00\x00\x02\x00\x00\x00\x02\x00\x08\x02\x00\x00\x00{\x1aC\xad\x00\x00x\xc8IDATx\x9c\xed\xddw\x9cT\xd5\xd9\x07\xf0\xe7\x9cs\xa7\xef\xec\xcc6z\xaf\xa2(\x84\xaa\x80\x82\x05\xecF\x05Q\x04\x8d\x82\x10\xc5\x12\xf4\xb5DcbKb7\xc5\x1aP1\xa2XB\x8c]\x11cG\x05Qi\xb2H\x13)\x0b\xbbl\x99\xd9\xe9s\xef9\xcf\xfb\xc7\xd9\xdd *,\xb03\xb33\xf3|?y}qgw\xbd\xfc\xe6\xcey\xee=\xe7\xdcs\x18"\x02!\x84\x90\xfc\xc33}\x00\x84\x10B2\x83\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xa2\x02@\x08!y\x8a\n\x00!\x84\xe4)*\x00\x84\x10\x92\xa7\xa8\x00\x10BH\x9e22}\x00\xad\x02"f\xfa\x102\x801\x96\xe9Ch@\xf9g\x16\xe5\x9f\xb7\xf2\xb4\x00 \xa2R\n\x11\x19c\x8c1\xce\xf3\xf1N(\x83!P\xfe@\xf9g\x1a\x85\x00\x00,\xaf\x8a\xbf~\xcb\x01@\x08\xb1\xfb\xd7\x83\xc1\xa0R\x8a\xb1|IC_\xfb\xf8\xfd\xfe\xdd\xbf\xa8?\x0c\x9c\xf3\xd4]\x19Q\xfe\x1a\xe5\x9fY\x99\xca\xbf\x15\xca\x97\xb7\x1c\x11\xa5\x94\x86\xd1p\xc7\x13\n\x85\x96.]\xfa\xf9\x92%_\x7f\xf5Ummmyy\xb9eI`\x00y\x11\x06\x00\x03\x00\xe8\xd5\xb3\xa7\xdf\xef\x1f2d\xc8\xa0A\x83\x86\r\x1b\xd6\xb1cG\xfd\xa2eY\x9c\xf3\x96\xbd \xa2\xfc\x7f\x80\xf2\xcf\xac\xb4\xe7\xdfza\x1e\xb0,K\xff!\x91H\xbc\xf2\xca+\xe3\xc7\x8f\xef\xda\xb5k\xa6\x83o]\x8a\x8a\x8a\xc6\x8e\x1d;g\xce\x9c\xca\xcaJ\x9d\x95i\x9a\xfa\x9a\x88\xf2O\x03\xca?\xb3R\x9a\x7fk\x96\xe3w\x00\xfao\xc7\x18\x0b\x06\x83s\xe6\xcc\x997o\xde\xca\x95+\x9b^-\xf0z;t\xeaZ\xd6\xb6m\xb7\x9e\x87\xf8\x8bK\xa4e\xe5\xc3\xdd\x1f\x02r\xc6M3\xb9v\xf5\x8a`\xa0n\xeb\xe6\x8du\xb55M\xaf\xb6o\xdfa\xf2\xe4\xf3/\xb9\xe4\x92\xbe}\xfb\x02\x80R\xea`.\x85(\xff\x1f\xa3\xfc3+\x9d\xf9\xb7~\xb9\\\x00\xa4\x94\xba\xafs\xee\xdc\xb9\xf7\xdcs\xcf\xda\xb5k\xf5\xd7;t\xear\xe41\xc7\x8d&gt;\xe1\xe4C\xfa\x0fl\xd3\xb6\xbd\xa7\xc0+\x0c\xc8\xe9w\xf9\' \x82eA"\x9e\xa8\xd9\xb5s\xfd\xb7k&gt;\xfd`\xd1\xe2\xf7\x17\xad+_\xad_-..\xbe\xf2\xca+\xaf\xbe\xfaj\x9f\xcfgYVS\xd7\xc1~\xa1\xfc\xf7\x82\xf2\xcf\xac4\xe4\x9f\x15r\xb6\x00\xe8\xb3\xbf\xa2\xa2b\xea\xd4\xa9\x0b\x17.\xd4_\xec\xd3\xaf\xff\x85\xbf\xber\xec\xa9g\x95\x94\x95!B"\x914\x93\xa6R\x12Q\xe5h\x0c?\x8b\x01\xe8\xa9\x0f6\x9b\xdd\xe1t\x18\x06\x84\xea\xa3K?\xfd\xf0\xa9G\xfe\xb2\xf8\x83E\xfa{\xfa\xf6\xed\xfb\xc4\x13O\x8c\x1c9R\x8f\x10\xee\xd7\xe5!\xe5\xbfw\x94\x7ff\xa5:\xffl\x91\x9b\x05@\x17\xed\x85\x0b\x17N\x9d6\xadb\xfbv\x00\xe8\xde\xab\xcf\xb4+\xae=\xf5\xacs\x0b\xfd\x85\xe1P\xd44\x93\x00\x8cs\xce\x184\x0c\t\xe5+DD\xa5\x10Q\x18\x86\xa7\xa0@J\xb5\xf8\xfdw\x1e\x7f\xf0\x9e\xcf?~\x1f\x00\xec\x0e\xc7\xddw\xdd5k\xd6\xac\xfd\xfa\x0cP\xfe\xcdG\xf9gV*\xf2\xcf"9X\x00\xf4\xd9?g\xce\x9c\x193f\xe8\xaf\x9c?u\xe6\xac\x9bn+mS\x1a\x0c\x84\xa5eq!r\xef\x8dl\x11RJ\xc6\x98\xb7\xb0PJk\xde\xec\x87\xfe~\xd7-\xe1P=\x00L\x9f&gt;}\xf6\xec\xd9R\xca\xe6L\x92\xa3\xfc\x0f\x18\xe5\x9fY-\x92\x7fv\xc9\xb5\x02\xa0\xef|\x9b\xce~\x9f\xbf\xf8\x0f\xf7&lt;x\xf6\xa4\xf3\xeb\x83\xd1d2\x99\xc3}y-H\x7f\x0cJJ\x0b\xbf\\\xf2\xc5\xef\xae\x9a\xbe\xf6\x9b\x15\xd0\xf8\x19\xd8\xe7u\x10\xe5\x7f\xf0(\xff\xcc:\x98\xfc\xb3NN\x15\x80=\xce\xfe\xd26\xed\x1e|j\xc1\x88\xd1#\xabv\xd6\t\xc3\xc8\xa5\xb7-\rL\xd3\xf4\x17\x15\xd5\xec\xaa\xbc\xf4\xfc_\xae\xf8r\t\xecv\x1d\xb4\xc7cDM(\xff\x16D\xf9g\xd6\x01\xe4\x9f\x8dr\xa7\x00\xe87\xe6\xddw\xdf\x1d;v,\x00\x14\x95\x94\xbe\xb8\xf0\xb3\xae=z\x05\xeb\xea\x0c\x9b-\xd3G\x97\x95\xa4e\xd9\x9d\x0e\xc1\xc5\xc5\xe3O\\\xba\xf8\x03\x00\xb8\xf5\xd6[o\xb9\xe5\x96\x9f\x9c\x17A\xf9\xb78\xca?\xb3\xf6+\xff,\x95#\x05@O\xd7\xad\xac\xac\x1c0``UUe\xa1\xcf\xff\xd8\xfcW\x07\x1f92\x18\x08\x18\x06\x9d\xfd\x07NJ\xe9p:\xc2\xc1\xe0\xb4\x89\'\xafY\xf95cl\xe1\xc2\x85c\xc7\x8e\xdd\xe3:\x88\xf2O\x11\xca?\xb3\x9a\x99\x7f\xf6\xca\x91\xd9\xbf\x88(\xa5\xbc\xe0\x82\x0b*+w\x02\xc0\xef\xefzp\xc4\xe8Q\x81::\xfb\x0f\x96\x10"\x11\x8b\x17\x97\xb5y`\xf6|\x9f\xbf\x08\x11.\xb8\xe0\xc2\x9d;w2\xc6\xf4\xaa2\x1a\xe5\x9f"\x94\x7ff53\xff\xec\x95\x0b\x05@W\xe3\xf9\xf3\xe7/Z\xb4\x08\x00\xce\xb9\xe0\x92\xf1S&amp;W\xee\xac\xb3\xd1\x9doK\x10\x86\x11\x0c\x04\xfa\x1cz\xc8M\x7f\xfa+\x00VV\xee\xbc\xf1\xc6\x1b9\xe7M\xf7\x8e\x94\x7fJQ\xfe\x99\xb5\xcf\xfc\xb3Z\xd6w\x01\xe9\x15-\x02\x81\xc0\xf0\xe1\xc37m\xda\xd4\xa9k\xf7\x05\xef.u8\x9cz(?\xd3G\x97;\xa4\x94\xfe"\xdf\xcc)\xe3\xdfy\xfd%\x87\xc3\xf1\xf1\xc7\x1f\x0f\x192\x04\x11\xf5\x12\x92\x94\x7f\xaaQ\xfe\x99\xf5s\xf9g\xfbB\x11\xd9}\xf4\x00\xa0\'\xe7\xce\x9d;w\xc3\x86\rJ\xa9K\xae\xbc\xbe\xb4Mq2\x99\xa4\xb3\xbfe1\xc6\xcc\xa4u\xf9u\x7fp8\x9d\x89D\xe2\x96[n\xd1M\x0f\xe5\x9f\x1e\x94\x7ff\xfd\\\xfe\x99&gt;\xae\x83\x95\xdd\x05\x00\x11\x85\x10\xb1Xl\xee\xdc\xb9\x8c\xb1\xee\xbd\xfa\x9e&gt;aR\xb0.\x9c3c\xf4\xad\x07\xe7&lt;\x1c\x0e\xf7\x1f8\xe0\xc4\xd3\xc7\x03\xc0G\x1f}T^^.\x84\xe0\x9cS\xfei@\xf9g\xd6\xcf\xe5\x9f\xed#\x01\xd9]\x00\xf4s\x19\xef\xbe\xfb\xee7\xdf|\x83\x88\x17\xcf\xbc\xa6\xd0\xe7\x95\x96\x95\xe9\xe3\xcaM\x9c\xf3d\xc2\x9cz\xf9\xb5.\xb7\'\x12\x89&lt;\xfe\xf8\xe3\xfa\x8b\x94\x7fzP\xfe\x99\xf5\x93\xf9S\x01\xc8\xbc\xa7\x9ez\x8a1\xd6\xa6}\x87q\xa7\x9d\x1d\x0eEyNL\xcfj\x858\xe7\x91H\xb4\xff\xc0\x81\xc3F\x1e\xc3\x18[\xb0`A8\x1c\x06\x00}\xf9I\xf9\xa7\x1a\xe5\x9fY?\xce?\x1a\x8d\x1a\x86\x91\xd5\x1dAY\\\x00t\xffO0\x18\\\xba\xf4\x0bD\x1cq\xcc\t\xa5mJM\xd3\xa4\xde\xcf\x14Bd\x0c\x8e?\xf9LD\xdc\xbe\xbdb\xcd\x9a5\x96e-Y\xb2\x84\xf2O\x13\xca?\xb3~\x98\xff\x8a\x15+ \xcbo\x02\xb2\xb8\x00\xe8\xdc\x97-[\xb6m\xdbV\x00\x18=\xf6\x94L\x1fQ\xee\xe3B\xc4b\xc9#G\x1d[\xe0-\x94\xd2\xfa\xe8\xa3\x8fV\xadZUQQ\x01\x94\x7fZP\xfe\x99\xb5G\xfeo\xbd\xf564\xee\xba\x93\xa5\xb2\xb8\x00\xe8\xdc\x97.\xfd\x02\x00\xdc\x1eO\xbf\xfe\x03\x12\xf1d\xb6\xcf\xcaj\xe5\x18c\xc9D\xa2}\xa7.]{\xf4\x02\x80\x15+V,^\xbc\x18\x00&lt;\x9e\x02\xca?\r(\xff\xcc\xda#\xffe\xcb\xbe\x00\x80\xac\xce&lt;\x8b\x0f]\xdf\xea~\xf9\xe52\x00\xe8\xd4\xa5{\xdb\xf6\x1d\xe9\xfe7\r\x94R.\xb7\xa3\xefaG\x00\xc0\x8a\x95+\xdf|\xeb-\x00\xe8\xd0\xa5+\xe5\x9f\x1e\x94\x7ff\xed\x9e\x7fyyy8\x1c\xce\xea\x87\xc2\xb2x\xba\x98\x9e\x87\xbbk\xd7.\x00(.-s\x17x\xc3\xa1\xfa\xac\xae\xc6Y\x01\x11\x85\x80\xb6\xed;\x02@]m\xad\xee\x88+.\xa1\xfc\xd3\x84\xf2\xcf,\x9d\x7f\xbb\xf6\x9d\x00 \x10\x08\xc6b\xb1\x82\x82\x82L\x1f\xd4\x81\xcb\xd6\x02\xa0\x9f\xc1\x0b\x04\x02\xeb\xd6\xad\x03\x80\x9e}\x0e5\x0c\xcc\xde:\x9cE8c\x96\x05=\xfb\x1c\n\x00\x95\x95\x95\xd5\xd5\xd5@\xf9\xa7\x11\xe5\x9fY:\xff\x1e}\xfa\x01@}}\xb0\xbc\xbc\xbc\xac\xacL)\x95\xa5k\xc3ek\x01\xd0\x10\xd14-\x00(*.\xe1&lt;\x17\x1e\xcc\xcb\n\x88PT\\\x02\x00\x96e\xe9+P\xca?\x9d(\xff\xccj\xca_)ee\xf9S\x17Y\x7f\xc3\xa8;=\xb3\xfdm\xc8::\xf0\xa6\xdd\x91(\xff4\xa3\xfc3\xab)\xf0l\x1ft\xc9\xfa\x02\xa0e\xfb\xdb\x90u\xf6\x08\x9c\xf2O3\xca?\xb3r&amp;\xf0\x1c)\x00\x84\x10B\xf6\x17\x15\x00B\x08\xc9ST\x00\x08!$OQ\x01 \x84\x90&lt;E\x05\x80\x10B\xf2\x14\x15\x00B\x08\xc9ST\x00\x08!$OQ\x01 \x84\x90&lt;E\x05\x80\x10B\xf2\x14\x15\x00B\x08\xc9ST\x00\x08!$OQ\x01 \x84\x90&lt;E\x05\x80\x10B\xf2Tv\xef\x07\x90u\x10\x11Q!\x02\x00\x82^\xbc\x9d\x01\x00cMK\xfb\xe6\xca*\x83\xad\xd6\x9eo\x81\xce\xbfQ\xa6\x8f\x8e\x90\xb4\xa2\x02\x90r\x88\xa8\x94\x02@!\x0c\xbb\xdda\xb3\xdb8g\x9c\xeb\xa6\x07\x00\x01\x11\x94\x02\xd34\xcddR\xaf3\x9e\xa5\xbb\x0b\xb5f\x88\xa8\x94\xe4\x9c\xdb\xec\x0e\xbb\xdd!\x84\xae\xba\x00\x08J\x81e\xa9d"n\x9a&amp;\x03\xe0\x14~\x0bAl\x81M\xca\x18\x03\xc6\xa8\xa3"U\xa8\x00\xa4\x10"*)\r\xbb\xbd\xc0\xeb\x15\x02B\xa1h\xc5\xb6\xefwl\xdfZ]U\x19\xa8\xabI\xc4b\x88hs8\n}\xfe\xd2\xb2\xb6\xed;ui\xdf\xb1\x93\xbf\xc8\xa7\x14D\xc2a)%\x95\x81\x16\xa1\x9b~\x87\xc3\xe9\xf6x\x13qkG\xc5\xd6\xad\xdfm\xdc\xb9c{\xb0\xb6\xd6\xb4\x92v\x87\xb3\xb4\xacm\xa7.\xdd\xbat\xefY\xd2\xa6\x0c\x15\x84C!T\x8a\xca\xc0ABD\x87\xc3)\x8c\x83ma\xa4\xb4\x92\xf18\xdd\x19\xa7\x08\x15\x80\x94\xd0M\xbf\xd3\xe5ry\x1c5\xbbj\x17\xbf\xf7\xce\x87\x8b\xdeX\xfe\xe5\x92\xad\x9b7\xc5\xa2\x91\x9f\xfc\x11\x87\xc3\xd9\xb1K\xb7\x81C\x8f&lt;\xe1\x94\xb3F\x8c&gt;\xde\xe7\xf7\xd5\x07\x82\x8cs\xea\x978\x18z\xb3V\x9f\xdf\xbb\xf5\xfb-\xcf&gt;\xf1\xaf\xf7\xdez\xad|\xf5\xf2P}\xf0\xc7\xdf\xd9\xa1S\x97\xc1G\x8e:\xf5\xecI\xa3\x8e\x1dk\xb3\xdbC\xf5A!\xe8\xd3q\x80\x94R\x05^\xcf\xe3\x7f\xbf\xef\x83Eor.\x94\x92\x07\xf0K\xf4\x0f\x0e\x1c:\xe2\x9a\x9b\xff\x18\x8bD\x18\xedw\x9f\x02t\x8a\xb7&lt;)\xa5\xddn\xf7\x14y\xbf[\xbf\xe9?\xcf\xff\xf3\xd5\x7f=\xb3u\xf3\xa6\xa6W\x19c\x8cs\x06\xf0\xbf&gt; \x00DL$\xe2\x9b\xd6\xaf\xdd\xb4~\xedK\xf3\x9f:\xf4\x88A\xbf\x9eu\xc3\xc9gN\x8cF"JJ:\xf5\x0f\x8c\x94\xd2\xed\xf1$\x13\x89\xbf\xdfu\xc73s\x1e\xaa\xa9\xae\xd2_\xff\xe1[\x80\x88\xa0\x94\xac\xd8\xb6\xa5b\xc1\xfc\xd7\x16\xcc\x1f&lt;|\xd4\x957\xdc2\xea\xf8\x13\xea\x03!\xc8\xa1\xbd\x9f\xd2\t\x119\x17\xcb&gt;\xfb\xe4\x8bO?:\xc8_e\xd8\xed\x86!\x10\x91\xde\x86T\xa0\x02\xd0\xf2\xfcE\xbe\xaa\x9d\x95\x0f\xdds\xfb\x0b\xff\xfcG0P\x07\x00\x9cs\xc68\xa2\xd2]\xa2\xa8\x140\x06\r\xa3\xc0\r]\xa5M\xe3\x90\x88\xb8f\xe5W\xbf\x99z\xee\xe2\x0f\xde\xbd\xf9\xae\xbf1\xc6\xa4\x94\xd4\x0c\xed/)-o\xa1o\xd3\xfa\xb57\xcc\xbch\xe5WK\x01@\x08\xa3q\x04\x18a\xb7\xb7@\x87\x0f\xc0\xf4\xbe\xea_.\xf9\xe4\xa2\xb3\xc7^z\xcdM\xbf\xb9\xf1\xf6D&lt;\xae\x94\xa2\xf0\xf7\x17cLJ\x8c\xc5\xa2\\\x08!\x84\x94\x07r\x07\xa0\x7f\xd0\xed\xf6\xd0^\xf7\xa9C\x05\xa0\xe5\xbd\xb6\xe0\xf9\xfbo\xbfi\xdb\x96\xef\x00@\x08C\xa1RJ1\x86\x9cs\xdd\x9a\x83\xbe\xec\xdc\xcd\xee/5\xfe+\x7f\xf1\xe99\xd5U\x95\x7f\x9f\xfb\x82\x1eCn\xbcc \xfb&amp;\xa5,\xf0z\xcbW-\x9f~\xee\xa9\xbb*w\x18\x86!\xa5\x94\xb2a\x80]\x0f\xcb\xef\xfe\x16p.\xf4O\x81\x1e\x04F|\xec\x81?o\xdf\xb2\xf9\xae\x87\xe7&amp;\x13\xc9\xc6\nA\x9a\x8b3\x96L\xc4\xeb\x03uJJh\x98\x04\x01\x00\xc0\xf7\xeb^\x16\x11Z`\x14\x99\xec\r\x15\x80\x16\x83\x88\x86\xcdV[]\xf5\xdb\xcb/N$\xe2\x86\xcd&amp;-KJ\x8b1\xa6\xafe\x9a\xda\xf7\xe2\x922\x7fq\xb1\xd3\xe5\x06\x80H8\\]\xb53\x12\x0e\xe9\x97\xf4\x1d\x80R\n@\xd9l\xb6\xf7\xde~\xf5\xee?\\w\xcb\xbd\x0f\x06\xea\x824&amp;\xdcL\xa8\x94\xd3\xe9\xa8\xdcQq\xd9\x943u\xeb\xaf\xe7V\xe9F\\\xbf\x0b\x85&gt;\x7fY\xdb\xf6N\x97+\x1e\x8bU\xee\xd8\x1e\x0e\xd5\x03\x00\xe7\\)\xa5\xa4d\x8c\x196\xdbk\x0b\xe6;\x1c\xce??\xf4D(XO\x05\xa0\xf9\x10\x91\x0b\x1e\x8f\xc7C\xa1=\xc7Z\x9a*As\xe8oN$b-yp\xe4\x87\xa8\x00\xb4\x18\xc6X2\x91\xe8\xd8\xb9\xcb\xcdw\xfd\xfd\xf7W\xcf@\x85\xd0x\x1b+\xa5\xf4\x14x\x8f:\xe6\xf8Q\xc7\x9d\xd8\x7f\xc0\xa0\xb6\x1d:\xb9=\x056\x9b\r\x00\x92\xc9d\xb0\xaef\xed7+^[0\xff\xedW\x16\xe8\x8bM}\xd9cZ\x96\x10b\xde\x9c\x87N8\xf5\xec#G\x1d\x13\x0e\x87\xf5\x85*\xd9;\x040l\xb6?\\}\xe9\x8em[vo\xfdu\xaa\xc7\x9dt\xfa\xf8\xc9S\x0f;bP\xa1\xbf\xc8\xb0\xd9,\xd3\x0c\xd4\xd6,_\xf6\xd9\xfc\'\x1eY\xf6\xf9\'\xba\xa1GD\xcb4\r\xc3\xb6\xe0\xd9\'\xfb\x1d&gt;\xf0\xa2\xcb\xae\xac\xab\t\x1c\xfc\x84\x96\xfc\xc1\x99H\xc4cz\xb0\xbd\xe9\x1a\xdenwt\xeb\xd9\xbb\xf9\xf3y\x04\xe7\x96\x94\xddz\xf4Q\r\xfdu\xa4\xe5\xd19\xdd\x92\x84\x10\xf5\xc1\xfaI\x17O\xff\xf4\xc3w\xdfz\xf9Ea\x18\xd2\xb2J\xca\xda\x9e\x7f\xf1\xa5\xa7\x9f3\xb9[\xcf\xde\\\x80\x99\x90\xa6i*\xd5pC`\x18F\x9b\xf6\x1d;w\xebq\xd2\x19g\xbd\xf7\xf6\x9b\xbf\xbd\xfc\xe2\x9a\xea\xaa\x86\xd6\xaa\xf1\x933\xf7\x91\xfb\x8f:f\x0c\xd0\xbdp3Hi\xf9\x8a\xfc\xaf\xfd\xeb\xf9\x0f\xdf}S\xfc\xb0\xf5/\xf0\x16\xde\xfe\xc0cg\x9c3I!$bq\xcb\x92\xd24\x19\xe3em\xdb\x9fq\xce\xa4\x93\xcf&lt;\xe7\x89\x87\xee\xbf\xff\xf6\x1b\xf5\xad\x02"Jiq\xce\x1f\xb8\xe3\xa6\x91\xc7\x8e\xeb\xdc\xb5{&lt;\x1e\xdf\xbf\x1e\x8c\xfc\x85\\\xf0H8\x14\x8fE\xf5\xbf\xeb[\xab\x9e}\x0f}q\xe1\xa7\x96e5\xffvJ_\x0f\xc5\xa2QJ&gt;E(\xd6\x16\xc6\x18D#\xb1[\xeey\xb0]\xc7\xce\xd2\xb2.\x9a9\xeb\xa5\xf7\xbe\xb8\xfa\xe6[;t\xea\x1a\n\x06\x03\xb5\x81h4bY&amp;6\xde\x0b+\xa5\xccd\xb2&gt;\x18\xac\xad\xae\x1b{\xda)\x7f\x9b\xfb/\xa7\xcb\x05\x8dO\xa5\xea\xbb\xe0%\x9f\xbc\xbfy\xe3F\x87\xcbE\x1d\xa2\xfb\xc4\xb9\x11\x8f\xc6\xe6\xfc\xfd\x9e\xa6K~=\xb4\xeer\xb9\x1f~\xfa?g\x9f?)P\x1b\xa8\x0f\x04M\xd3\x04\xd0\xd7\x95\xca4\x93\x81\xda@4\x12\xbd\xea\x86\x1b\xfe\xf8\xb7\xc7\x11\x95nnt\xeb\x13\x89\x84\x1f\xb9\xef\x8f\x0e\xa7\x1dq?\xba/\xf2\x19"\x08!B\xf5\xc1D&lt;\x0ez\xf0\x8a1\x00\xf0\xf9\x8b\xec\x0e\x87\x1e}i&amp;\xf8\xd1h\x19iYT\x00Z\x18c\xdcL&amp;\x8bJJ\xee~\xf8\x9f\x8f\xbf\xf8\xd6\xad\xf7\xfe\xa5\xb8\xa4\xac\xa6:\x90L&amp;\xb8\x10B\x18z\xbc\xb7\xe9\x96V7OB\x08\xc3f\xab\xdcQ{\xf4q\xc7L\xbcp:*\xa5{{\x10\x91s\x1e\x8bF\xcbW/w8\xec\xfb\xd5\x85\x9a\x87\x94\x94\x9e\x02\xf7\x17\x9f~\\\xbe\xeak\x00\xa6\xa4\x04\x00\xc6\xb9R\xea\x8a\x1bn\x1ds\xe2qU;j\x85a\x08!X\xc3s\xc0\xa0\xdf\x01a\x18\x8c\xb1\x9d;\xea\xa6\\2u\xea\xe5\xff\'\xa5\xd4\xf9\xeb)@o\xbd\xf2\xe2\x9a\x95+]n\x0f\xe5\xdf&lt;\xc8\xb9\x08\xd7\x07\x1b\x06\xcf\x1b[\xf0\xa2\xe2\x92\xa6\xaaLZ\t*\x00-\x8f\x0b\x11\x0eE\x86\x8e8z\xd4q\'VW\x06L\xd34\x0c\xa39\xb7\xbd\x86!\xa2Q\xeb\x94\xb3\xcec\x9c5=;\xa3\x1f\x02\xd8\xbay\x13\x17\x00\xf4\xe1\xd9+D\xb4\xd9\xf8{o\xbf\x06\x00\\p\xd0\xad\xbf\x94\x9d\xbb\xf68\xef\xa2_\xd7V\x87mv\xdb\xcf\xfd,c\xcc0\x8c\xba\x9a\xc8\x15\xd7\xfd\xbek\x8f^\xfa&gt;\x00\x11\xb9\x10f2\xf9\xca\xbf\x9eq\xb9lH\x05\xa0\x19\x10\x81s\x08\x06\xeb\xa0\xf1\xec\xd5\x97;E%eB\x00PWfkB\x05 %\xf4e{$\x1c\x12\xcdk\xfa5\xc6\xb8\x994;v\xee\xe6/*i\x9az\xa8\x7f8\x1c\nrF\x1f\x9d}\xe0\xc2\x88\x84\xe3_-]\x0c\xfaa\x8b\xc6y\x87\xe3N?\xbb\xa8\xb8\xd0\xb2\xac\xbdO\xa5e\x8c\x99\xa6\xe9+\xf2\xfd\xea\xd2Y\x88\xa8\x9b-\xfd{\xde}\xe3\xe5@m\xbda\xfb\xd9\xfaAv\x83\x8cC\xa0\xb6\x06~\x18\xb7\xbf\xa4\x84qj\xff[\x17*\x00\xa9\xc29?\x80\x91+Dt8\x1c\x9e\x02/@\xc3u\x93\xfe\xbc\x08!\xe8A\x80\xbdCD\x9b\xdd\xb6\xabj\xe7\x96\xcd\x9b\xa0\xb1\xefX7\xdfCG\x1ccY\xc8\x9bQ\x89\x85\x10\x91H\xfc\x84S\xce\xf4\x17\x95\xe8\xf9\xa0\xba\x17h\xcb\xa6\r\xe5\xab\x97;].\xea\x05\xda7\x04\xce\x1a\n@CW\'"\x00\x14\x17\x97\xa2\xa2\x93\xb8u\xa1\x02\xd0\xca0fYV"\x1e\x03hl\xfb\x11\x00\xa0\xa8\xa4\x8c&gt;&lt;{\x87\x886\xc3\xb6kG\x85\x9e\xd4\x8f\x08\xba\xf9\xb6\xdb\xed]\xba\xf54\x93\x16\xe3\xfb\x8eO\xcf\xe5m\xd7\xa1\xe3\xa0\xe1#\xa1\xf1\x06\x82\x0b\x81\x80_/\xfd\xccn\xe7\xd4\x0b\xd4L\x81\xba\x9a\xa6?\xeb\x13\xb9\xa8\xb8T)\xa0\x93\xb8U\xa1\x02\xd0\x9a \xda\x0c\xa3\xbarg]M\x8d\xfeW\x00\xd0\x83\x01\xddz\xf6\x96\x16\xd0\x87g/\xf4\xf3G\x81@- r\xfe\xbf\xbe\x06o\xa1\xbf\xd0_,\xe5&gt;\xfa\x7fv\xffE\xc2\x80#\x06\x0f\x03h\xba\x80\x05\x00\xf8f\xe5WR\x01MH\xdf7\xc6\xa4j\xbc\x03@\x00\x00\xfdL\x8c\xbf\xb8\x04\x91\xce\xe0\xd6\x85\n@+"\x95t\xbalK\x16\xbfoY\xa6\x10\x02\x01\xf5J\xe8E%\xa5\x87\x1c6 \x1e\x8f\xd1l\xe8\xbdc\x0c\xa2z\xb1U\xddL3\x06\x00N\xb7\xdbf\xb3\xed\xc7\xe4\x13\xc6\x94\x84\xee=\xfb@c\xcb\xa5\'\x80~\xbfq},\x12\xd7c\xcbd/\x18\x00*\xa8\xd3\x05\x00\x10\x80!*\xc6\x98\xb7\xd0/%=\xd2\xd5\xba\xd0\xd9\xdcZ(\xa5l6{}0\xfc\xdc\xdc\xc7\xa0\xb1\x0b[OD9\xfe\xa43\xdawl\x9fL$hA\x82}\xd2M\xf6\x9e\xf6\'6\xc6@)\xf4\x17\x95@c\xd3\xaf\xdf\x8b\xaa\xca\x1d\xe1PP\xaf(\xd7"\x87\x9a\xab\x18\xe7\x96i\xe9e\x10\x1b\x87\xd2\xc1\xeepx\xfd&gt;\xbd\x1c\x93\xd2\xa4l\xf8\x9fR\xf8\xc3\xa5\x99H\xda\xd0\x93\xc0\x99\x87\x88RJ\x9b\xcd\xe6+\xf2\xdcx\xc5e\x9b\xd6\xaf\xd5+\xa1\xebI\xd3N\xa7\xeb\xe2\x99\xd7\xc4\xe3IZ\x14\xba9\x1cN\'@\xd3\xf0\t\x02@&lt;\x1a5\x93\xa6\xcb\xe5n\xf6\xef`\x88?\xb1lY8T\x1f\xaa\x0f\x16\xfa\x8b\xa4e\xb5\xd4\xd1\xe6 D\xcex&lt;\x1e\x0b7,\x04\xd4\xd0\xac\xbb\\n\x97\xcb\xa3\xa44\x0c\x9ba\xb3\t!x\xe3\x90\x8cR(\xa5e\x99\x96~@\x92\x1d\xd0\xec\tr`\xa8\x00\xa4\x83^\x85x\xb7\x0bQl\xd8\x12\x18\x11\x18\xb3\xd9\xec\x85~o(\x18\xba\xf1\xca\xcb\x9e\x7f\xea1.\x84\x9e\x7f"\x84aY\xe6\xd57\xff\xe9\x90\xfe\x87\xd1Z4\xfb\xc4\x18(\x89\x85&gt;?4^\xb9k\xf5\xc1@]muQI\xa9e\x99\xcd\xb9\x17@D!\xa0\xaaj\x07\x000\xce\xb1q\t\xbfd"\x1e\t\x85\x04\x17\xb48\xe8^ \x00\x17,\x11\x89\x87\x82z!\xa0\x86u8\x8aJ\xca\xdau\xe8h\x99V]mu]mu} \x90\x88\xc7\xa4\x94\x9cs\xa7\xcb\xe5/.))m\xe3/.\xb1;D2!\xa3\x91\x08 \xd2\xa6li@mJ\xca!\xa2\xddn\xb7\xd9\xedM\xf7\xb8\x0c\x80q\xc69p\x0e\x96\x05\xd5U;\xdf\xfc\xcf\xf3O&gt;|\xff\xfa\xb5\xdfp\xceQ)\xbd\x84\x9ce\x99\xbf\xbat\xd6\xc53\xaf\x0e\xd4\xd5S\xeb\xbfO\x0c\xb8i\x99em;8\x9c\xaeD&lt;\xa6\xdb\x1d\xce\xb9i&amp;7~\xbb\xe6\x90\xc3\x0e\x8bE\xb19M\n"r\xc1&gt;}\x7f\x114\xaea\x80\r\xa3\xf1*\x9e\x887g*Q\x9e\xe3L\xc4\xa3\xd1\xc6\x05n\x1b\xbavB\xf5\xc1\xeb/\xbbp\xe3\xba\xf2\x1d\xdb\xb7\x86\x82\x01\xd34w\xff\x11\xbb\xddQTR\xda\xa3w\xdf!G\x1ds\xf4\xf1\'\x1d\xfe\x8b!B\x88P\x90v\xc4K9jVR\x0b\x11\r\x9b\xb1}\xeb\x96\x9d\x15\xdb\xf4\xc6F\x00\xa0\x94J$\x12\x81\x9a][\xbf\xff\xae|\xf5\xf2\x15\xcb\x96T\xed\xac\x00\x00\xc3fC\x85JYRJ\x87\xc3\xf9\x9b\x9bn\xbf\xe4\xca\xeb\xc2\xa1\x10}\x06\x9a\x83qf\x9a\xc9\xb6\xed;t\xec\xdcu\xd3\xfa\xb5\xba\x000\xceA\xa9\x0f\xdey\xe3\xf4\t\x13\x9b\xd3\xcb\xac\x94t\xb9\xdd\x9b\xd6mX\xf8\xdaK\x8c5,&amp;\x01M\xcbt7\x7f*Q\xbeBD!D(\x14\x8c\xc7cM_\x01\x80\xea\xaa\x9d\xaf\xfe\xeb\xd9\xff}\x1fcM\x8fe b2\x99\xa8\xdc\xb1\xbdr\xc7\xf6\xcf&gt;z\xef\xa1{n;j\xf4\t\x17]v\xf5\x98\xb1\'\xc7c1\xd34\xa9G(u\xa8\x00\xa4\x96\x94\xb2\xa8\xd8\xfb\xd0\xb3O\xce\xfe\xdb]{\xf96.\x04*e\x99&amp;\x000\xc6N8\xe5\xcc\xcb\xae\xf9\xdd\x11C\x06\x07\xeb\xeaY\xe3\xc2pd\x9f\xa4e\x15\x15\xfb\x07\x0e9\xf2\xbb\r\xdf\xea\xa6_w\xa6-z\xe3?\x1b\xbe\xbd\xb9S\x97\xae\xb1Xl/\xdb*\xe8g\xbe\x9cN\xfb]\xbf\xbf6\x1c\n\xee\xbe\x99\xad.\x1dzR\x16\xd9;\xcey$\x14RR\xed\xbe\xf2\x0fc\x8cs\x81\x80\x8dO\xe8\xfd`\xad\xb7\x86\x87\xde9g\xc0\xa4\xb4&gt;\xfd`\xd1\xa7\x1f,:\xf3\xbc\x0bo\xfc\xe3\x03\x05\xde\xc2X4J\x9ba\xa4\x08\x9d\xd0\xe9\xa0\x17\x80\xb3\xd9lM\xfb&gt;r\xce\xb9\x10za2\xce\xb9\x92\x92\x0bq\xe4\xd1\xc7\xdd\xf4\xa7\xbf,Z\xb6~\xce\x0b/\xf5=\xec\x88\x9a]5\x9cn\x81\xf7\x0f\x93\x12O8\xf5,D\xd4Ol!"c&lt;\x12\x0e\xdd}\xcb\xb5\x0e\xa7]\x18\xc2\xb2\xac\x1f\xdf\n\xa0R\x96e\xda\xedv\x9f\xbf\xf0\x8f7^\xf3\xdf\xb7^\x11\x86\xf1\x83\xad\xcc\x11\x01@\x18\x06-\xc7\xb4w\x88(\x0c^\xb3\xabR)\xc9\x85\xd0\xcf\xc3\x0bap\xbd\x11\xdbns~\x9avB\x15B4,\xbd\xd7\xb8k\x1b\x17\x82s\xf1\xf2\xf3O\xff\xea\xac\x13\xaavlw\xb9\xdd\x07\xb6\xad&lt;\xd9\'*\x00\xe9\xf0\xe3F\\\xb7P\xd2\xb2\xa4\x94\r\xab\x0b Xfr\xc7\xf6\xad\xcb&gt;\xfbx\xc5W+\x18cE\xc5%J)Z\x85\xb8\xf9\x84\x10\x91pd\xe4\x98\x13\xfa\x1cz86\x8e"*%9\x17\xef\xbd\xf5\xea\xef\xaf\x9ei\xb7\xdb\xfd\xc5~\xc30\xb0i\x1a\xa2\x92\x00\xe0p\xb9J\xca\x8a\x02u5W]4\xe9\xa9G\xff"\x84\xb1\xfbT\x1f\xfd\xf6q!\x1c\x0e\x87\xa2\x02\xb0W\x9c\xf3X,\xd6\xef\xf0_\x8c\x19w\x9a\xb4\xac\xc6\t\x9f\x96\xb4\xac\x86\xa8\x1d\xce\x02o\xa1\xb7\xd0\xef)\xf0\xda\xecv=\x05NJK\xf7\x1d5\xac\x82.\xa5R\xd2\xb0\xd9\xd6\xaeZ\xfe\xebI\xa7\x87CA\x9b\xcdN\xf3DS\x81\xba\x80\xd2AJ\xa97\x99\xda\xe3\x14\xd6\xb7\x02\xc0\x98\xde~d\xd9\xe7\x9f,\xfb\xfc\x13\x00\xb0;\x1c\xc3G\x1d;\xe9\xe2K\x8f;\xe9t3i&amp;\x13q\x9a\x11\xd1LR\xca\x02o\xc1\xe5\xd7\xfd\xe17\x17\x9f#\x18\xd3\xc5S)\xc99\x7fn\xee\xa3\xdf\xac\xfcj\xda\xe5\xd7\x0c&gt;\xf2\xe8\xa2\x922\x9b\xcd\x00\x00D\x88F\xc3\x9b\xd6\xaf}\xef\xadW\xe7\xcdy\xa8\xbaj\xa7\xde\xc6\xa7\xa8\xb84\x1e\x8f\xc6\xa2\xd1\xa6\xdfl\xb7\xd9]n\x0f*I\xf7d{\xc1\x18\xb3L\xabm\xfb\x0e\xff\x98\xff\xeak\xff\x9e\xff\x8f\xbf\xdci\xb3\xd9\x0f\xe9?\xa0[\xcf&gt;]z\xf4l\xdb\xaec\xa1\xbf\xc8\xed\xf6p!\xa4eE"\xe1\xda\xea\xaa\xcd\x1b\xd7}\xb5d\xf1\xe2\x0f\x16UWU\x02\x00c\\_\xf4X\xa6i\xd8l\xeb\xcaW\xdf\xfa\x7f\x97\xffm\xee\xf3\xa1z\x1a\x0ckyT\x00R\x0e\x11].\xb7\xd7\xe77\x84\xb0\xf4\xa0"\xa2\x942\x99LX\xa6\xd9\xb4Q0\x00\xd8lvD\x85\x88\xc9D\xe2\xe3\xff\xbe\xfd\xf1\x7f\xdf\x1e{\xda\xd9\xbf\xbf\xeboem\xdaE"\x11\xea\x06m\x0e!D}\xa0\xfe\xe43\'\xbc\xf7\xd6\x05\xaf\xbc8\xcff\xb3\xe9\t\'J)\xce\xf9\xca/\x97\xfcf\xea\xb9\xc5\xa5m\xba\xf6\xe8U\\Zf\x18\xb6H\xa8~\xe7\x8e\xed\x9b7\xac\xb3,\x13\x00\xf4N\xceN\x97\xfb\xde\xc7\xe6\xddt\xd5\xb4X4\xda\xd4\xe88]nO\x81W\xd2Z@\xfb\xc2\x18K&amp;\x93\x89D\xe2\x97\x13\'\x1f{\xe2i\x86a+\xf0\xba\x19\x03)AJ%-}\xcb\x8b\xc0X[\xce\xfb\xf4;l\xe4\xb1\xc7M\x9ev\xe9\xce\x8a\x1d\xff\x9e\xff\xe4\xa3\xf7\xff9\x1e\x8b6\r\x1eX\xa6)\x0c\xe3\xadW^&lt;\xed\x8d\xf3\xc7\x9ezF}\xb0\x9e&gt;\x05-\x8b\n@j\x19\x86Q\x1f\x8cN\x9av\xd9\xf8\xc9\x17C\xe3\xe6\x18\n\xd14\x93\xb1H8PW\xb7s\xfb\xd6o\xd7\xac\\\xbe\xec\xf3\x95_.5\xcd$\xec\xb6\x00\x19\x03X\xf4\xfaK\xeb\xd6\xac\x9c\xf3\xc2\x1b\x9d\xbav\x8fE\xa3\xb4\'ps0\xceb\x91\xc8\xad\xf7=\xbcc\xfb\x96\xa5\x8b?\x14\x86\xa1\xfb\x9du\r\x00\x80\xda\xea\xaa\xda\xea\xaa=~J\x08\x83q\xa6\xc7\xe1\xefy\xe4\xa9\xbe\x87\x1dQ\xd3\xf8=\xba=\xf2\xf9\x8b\\.\xb7\x92\xd4\x19\xbdoz\xa0+\x18\x08\x1a\x86\xa1\x94\xaa\xab\r4l\x0c\xd60\xda\xdbx!\x8f\x18\x87\x86\xd1`\xaf\xcf\xff\x9b\x1b\x7fw\xd4\xd1\xc7_~\xe1Y\xbb*w6\xdd\x07\x00"cl\xee#\xf7\x1fw\xe2\xa9\xcdY\xcf\x95\xec\x17*\x00)\xa7\xef\x00&lt;\x9e\x82\xdd\xd7s\xd6\x93"\x84\x10\xc2`\x9cC&lt;fmZ_\xfe\x9f\xe7\x9f~\xe6\xf1\x87\x13\xf1\x98\x1e\x16\x06\x00\xc3\xb0}\xbfi\xc3\xcc)g=\xf7\xe6\xc7v\x87SJ\xea\x7f\xd87\xc6\x98eI\xbb\xdd\xfe\xe8\xb3/\xff\xee\xaa\xe9o\xbf\xba\x00\x00D\xc3x\x00\x02 c\xbcq\x12"\x03\xd6\xf0\xa6H\xa9P*\xb7\xc7s\xdb\xfd\x8f\x8d\x9f|\xce\xfb\x0b?TR\xea\xcd\x81\xf53\xd8\xc5\xa5enOA&lt;\x1e\xa3\xb7\xa0\x99\x84\x10zb\x95\x10?\xd3\xce\xec\x16\xa5\xb4\xac\xaa\x1d\xb5CF\x1c\xf9\xc0\x9c\xe7\xa6\x9ds\x92e\x9a\x00\xbakT2\xc6\xbe^\xfa\xe9\x9aU+\x0e=|@\x94\xf6\x07nQ\x14e:(%M\xd3\xb4\xcc\xffI&amp;\x93\xb1X4\x1c\xae\x0f\xd4\x05k\xab\x03\xb1X\xb4{\xefCn\xbe\xf3\xdeg_\xff\xa0s\xb7\x1eJ)=\xe3\xd0\xb2L\xc3f\xdb\xf0\xed\x9a\x07\xef\xb9\xbd\xc0\xeb\xa6\xc5\xe8\x9b\x89s\x9eL&amp;\r\xc3\xfe\x97\'\x9e\xbf\xe3/\xb3;w\xeb!\xa5\x94R\xea\x1e6\xd0\x93\x11\x11\xf5\xe0\xa4\x86\xa8F\x8f=e\xfe\x9b\x9f\x9cq\xce\xe4P\xbd\xac\xd9U\xa5g\x10\x014\xd4\x88\xf6\x1d\xbb\xd8\xec\x06\xbd\x05\xfbe\x7fvCb6\xbb\xbd\xba\xb2\xf6\xe8\xe3\xc6\x9cs\xc1%\xaaqWT\x00\xe0\\H)\x97}\xf6\x91\xddi\xd0r\xdc-\x8b\n@z\xb0\x1fk\x98 \'\x840\x0c\xcey&lt;\x16\xdbUU7p\xc8\xb0\x7f\xcc\x7f\xcd_\\\x02\xd0\xb0\xde\x80\xb4,\xce\xf9\x82g\x9e\xd8\xb4~\x83\xd3I\xfb\xc27\x17\xe7\\J\x19\x8bD&amp;]&lt;}\xc1\xa2%\x7f~\xf0\x89\xb1\xa7\x9e\xd5\xa1S\x17=\x9fD\xcfN\x01\x00\x97\xdb\xd3\xfb\x90\xc3&amp;]t\xe9\xd3\xaf\xbc\xf7\x8f\xf9\xaf\xf5\xe9\xd7?P[c\xb7\x8b\xef7\xad\x87\xff\xedh\x08\x00\xd0\xb5go\xda\x953\xd5\x84aD#\xe69S\xa6\x196\x9bRr\xf7\xc7\xee\xcaW}\x8d\xb4\x1cwK\xa3.\xa0\xd6B\xcf\x98\xae\xa9\xae=t\xc0\xa1\xd3\xaf\xba\xe1\xde[\xaf\xd7\x0bB\xe8\xf5\x0c\xa2\x91\xf0\x87\x8b\xde\xbcx\xe6U\xf1x\xf4go\xa8\xc9\x0f1\xc6\x80\xb1@]\xc0\xe9rO\xbc`\xea\x84\xc9Skk\xaa\xabvV\xd4\xd5T\'\xe2q\xce\xb9\xdbSPR\xd6\xb6M\xbb\xf6\x85\xbe\x02\xd3D\xbdz\x81a\xd8\xa4\x84o\xd7\xac\x02\xf8\xc1r\xf6\xbd\x0f9LQ\x03\x94b\x9c\xf3D"\xd1\xbdW\xdf\x1e\xbd\xfa\xae+_\xcd9W\n\xf5\xbaY\xdb\xb7n1ME\xfdo-\x8b\x9a\x92\xd6\xc5f\xb3\x85\xea\x13\'\x9ev\xf6C\xf7\xde\x16\x8bD\x1a\xa7C0\xc6\xd8\x97K\x16\xff\xea\xb2\xabh)\x82\xfd%\x84!\xa5\x0c\xd4\x05\x19\x80\xcb\xe5\xee\xd9\xe7P\xc30t3\xa2\x94\xb2,\xcbL&amp;\xebj\x03zT\x06\x00\x00X\xa8&gt;\xb4f\xe5\xd7\x00\xa0\x17\xb2WJ\xdal\xf6\xde\xfd\x0e3\x13&amp;5@\xa9\xa6\'\xf2v\xe9\xd1k]\xf9j\xb6\xdb\x8e\x92\xe1P}2\x99\xa0\x01\x80\x96E\x05\xa0ua\x8cY\xa6Y\xd6\xae}\x97n=\xbf\xfdf\xa5.\x00\xba\xe7z\xfb\x96\xcd\x898\xad\x8br \xf4\xe3\xa6\x00 \xa5\xb4\xac(4\xac\xc5\xfa\xbf\x9e\xb9\xa6\x9b*\xa5\x94\xdb\xed^\xb3r\xf9\x96\xef6@\xe3\xe4QD\xec\xd6\xabw\xe7\xae=\x13\tj\x80\xd2\x811\xf0\xf9\x8b\xf4\x1f\x9b\xbe\xa8\xa4E\x03\x00-\x8e\xce\xe6VG)\xe5p8\x0b\x0b\xfd\x00?\xe8p\x88\x84C\xc9D\x8csN\xdd\xd0\x07\xaci\xe8\x85\x0b\xa1\x17*\xd8\xe3\x8a\x1e\x95r8\x8dO?|WJ\xa9W`\xd5\xc3\x00CG\x8c\xf6\x16\xbai\'\x80\xb4\xf9\xe1X\x17\x03\x00\xc3f\xa7\xddxZ\x1c\x15\x80\xd6H\xa1\xb2\xe4O\xb45t\xf2\xa7\x1a\x17"\x12I\xbc\xf5\xca\x8b\x00\xd0\xb0\x9a\x90R\x000f\xec\xa9R\xd26\x00\xe9\xc0\x00\x94\x82@m-\x00\xe8A\x18\x9dz\xa1\xcf\xaf\x97\x8e\xc8\xe4\xc1\xe5\x1c*\x00\xad\x0c\xa2\x10"\x1a\x89\xd4V\xef\xd2\xff\xda\xf4\x8a\xdb\xe3q8\x9cJ\xd1\xae\xaa\xa9"\xa5UPX\xb0\xf8\xfdEkV~\xcd9\xd7\xfd?Ja\x97n=\x07\x1f92\x1a\x89\xd2\x82\x1ci\xc0\x85\x88F#\xba\x0b\xae\xa1\xb9g\x0c\x00:v\xe9f\xb31Z\x1a\xabeQ\x01h]\x10\xd0f\xb7\xef\xd8\xbe\xb5b\xeb\xf7\x00\xa0v[,\xb7]\x87N\x0e\xa7\x9d\xe6\xa1\xa7\x08"r.\xccD\xf2\xa1{n\x03\x00\xdd\xed\xc0\x18\x07\xc0\xd3&amp;\x9c_T\xec\xb3~\xb8\x87\tI\x05\xa5\x94\xc3\xe1\xd8\xbca\xfd\xe6M\xeb\x19cJ\xef\xf0\x8c\x00\x00\x87\x1cv\x04\xb0\xa6-&amp;I\xcb\xa0\x02\xd0\xc2\x9a&amp;\x98\x1f\x18iI\xb7\xdb\xf6\xfe\xc2\xd7L3)D\xd3\xe2\xc3\x0c\x00\xfa\x1d\xf1\x0b\x9a\x87\x9e:\xd22KJ\xbd\x8f\xdc\xf7\xa7\xd5\xcb\x97q\xd1\xb0\'\xb3B\xe5-\xf4\x9d}\xfeE\x91H\x82.\xff\x9bI?eq`?+\xa5t{l/\xbf\xf0\xb4e\x9a\x9c\x0b\xdd\xde+%\x85\x10\xbf\x186"\x19\x97\xb43v\xcb\xa24[\x12"\xba\xdcn\x97\xdb-\xa5TR\xeeo\x7f\xa5\x94\x96\xcb\xed\xae\xd8\xb6\xf3\x999\x0f\xe9\xd6G\x7f]7F\xc3G\x1dk&amp;\x14}\x00Z\x9c\x9e\x0c\xda\xa6]\xf1\x0bO\xcf{\xe4\xfe?r!t\xfb\xc5\xb9@\xa5&amp;O\xbb\xbcG\xaf\x1e\x89\x18\xad\x00\xd1,\x88\xe8p\xb8\xdc\x9e\x82\xc6G\xaf\xf7\xe3#`\x9a\xc9\xa2\xe2\xa2e\x9f\x7f\xf1\xc2?\xff\xc1\x18\xd7\xcbG\xeb\xba{\xe8\x11\x83\xfa\x1evx,F\xeb@\xb40\x9a\x06\xdabP)\x87\xcb\xf1\xf5\xd2\xcf\x9cN\xd7/\x86\x0f\xb1L\x88F"z#\xf2&amp;?\xfd\x83\xd8\xb0;\x80\xdb\xed\xe1\x82\xdf&lt;kz\xd5\xce\n\xdd\x07\r\x8d\x9b\x85\x1d:`\xd0\x80A\xc3\xa2\xd1\x08}\x00\x9a\x0fQ\xede\x0f\xaf\xc6\xd8\x95\xd3\xe9\xf4x\x9dO\xffc\xf6\xad\xd7\xcd\x04`\xa8\x14 r\xce\xa5\xb4\xba\xf6\xe8u\xc9\x95\xd7\xd6\x07\xa9\xf7\xbfY\x10\x95\xd3\xe9\\\xf1\xe5R)\xad\x11\xa3G[V\xb3&gt;\x02\xfa\xe4\x07`%e\xc5\xdf\xad\xdf\xf8\x7f3&amp;\xc7\xa2Q=\xfa\x02\x00\x0c\x98B\x9cx\xe1t\xa7\xcb\x11\x8f\xc5i5\xd0\x96E\xadI\x8bQJ\xb9=\x8e\x0f\x17\xbdy\xde\xc9#\xaf\xb9\xe4\xc2\x0f\xdey#\x99L\xfa\x8b\xfd\xfe"\x9f\xcb\xe5\xd6\x0bc\xe9\xbd/\xf4\xfa3M\xbb\xc1p!\xdc\x9e\x82\x92\xd2\xa2\xaa\x9d\x15\x97\x9e\x7f\xe6\xfb\x0b_\xe7\\4\xddD\xebG\x01.\xbe\xec\x1a\xa7\xcbA\x03\x00\xcd\xc79w8\\\r\xfb\x8d4\xa4m\xe9\xf0\xa5\xb4\xf4~U\x9e\x82\x82\xe2R\x7fmu\xd5\r3\xa7\xff\xfe\x9a_+%u]\xd0\x8f\x10\x0b!\xeex\xe0\x1f^\x9f\xcf\xb2\xe8\xf9\xaffQJ9\xdc\xf6U\xcb\xbf\x98r\xfa\x98+/:\xef\xfd\x85\xaf\x9bM\x1f\x01\xb7[O\xe2\xd4\x9f\x01M\xafxh\xb7;\xfcE~oa\xe1\xc2W^\x9er\xfa\xb1\xdfoZ\xbf\xfb\xd5\x8f\x94V\x9fC\x0f?\xe3\x9c\xf3C\xc10\xb5\xfe-\x8e\xee\x00Z\x12*p{&lt;\xa6\x99|\xf9\x85y/\xbf0\xafs\xd7\x1eCG\x8e\x1e6\xe2\x98~\x87\x0fl\xd7\xb1sa\xa1\xdf\xb0\t\xce\xa1\xe1\xaa\x14A)\xb0,U\x1f\x08\xac]\xb5\xfc\xdd7_^\xf0\xcc\x93\x81\xba\x9a\xdd\xb7\xa25\x0c\xc3\xb2\xacQ\xc7\x9ex\xda\xd9\x13\x83\x01Z\x0c\xbd\xb9\xf4\xe2\x19u\xb55\x9d\xbbvw\xba\x9c:\xb6\xa6\x19%\x88`Y\x10\xac\xab\xfdf\xf9\xb2Eo\xbc\xfc\xca\x8b\xf3\xeaj\xaa\x19\xe7\xd0\xb8I\xa1\xde\xae\xe4\xe6;\xff6\xf2\xb8\xe3\xea\xaa\x03\xfa\x81\x00\xd2\x1c\xa8\xc0\xe5r\x03\xc0\x1b/\xbd\xf0\xc6K/t\xee\xd6c\xe8\x88c\x86\x1eu\xcc!\xfd\x07\xb4\xeb\xd0\xb9\xd0\xe7\xb3\xd9\xed\xfa&amp;\x16\x01PA,\x1a\xab\xd8\xf6\xfdWK?}\xed_\xcf.\xfe`\x11\x004\xb5\xfe\xacq]\xf4\xdf\xdf\xfd\xa0\xd3\xe5\n\xd5\x87\xe8\xfcoqtf\xb70\xbd\xfe\xad\xcdn7\x93\xe6\xd6\xef7m\xfd~\xd3K\xf3\xe7\n\xc3h\xdb\xbec\x87N]\xdau\xe8TT\\\xear{\x18c\x89D&lt;XW\xbb\xb3b\xeb\x96\xcd\x9b\xb6o\xd9\xac\x7f\xfc\xc7\xad\x7f\xa7.\xdd\xff\xf4\xf79\xa6%\xe9\x1a\xb4\x99P)\x9b\xd3Y\xb5q\xc7\xe4\xd3\x8e\xe9\xdc\xadG\x8f\xde\x87\xb4\xeb\xd0\xd9_\\\xe2p8\xa4\x94\xd1H\xb8\xa6\xbaj\xebw\x1b7m\xf8\xb6)v\xbd\xec\x124\xae`,-\xeb\xaa\xdf\xdev\xd1\xcc\xab\xeaj\x82\xd4\xfa\xef/=S\xd9n\xb3\x99\xa6\xb5u\xf3\xa6\xad\x9b7\xbd4\xff)\xceyY\xdb\xf6\xed:t*)kS\xe8+2l6\xd3L\x06\xebjwVl\xfb~\xd3\x86X4\x02\x8d\xb3\xdd\x1a\x07`8\x00()o\xbe\xf3\xefG\x1d3:PCe8%(\xd3\x16\xa6\x9f5\xd5{\xf9r\xce\xf5&lt;BiY\x15[\xbf\xd73;\x7f\x8e\x10\x86R\r[\xd4\xea\'T-\xcb\xea\xd6\xb3\xf7#\xcf\xbc\xdc\xa6]\x87H\x98\xee\x7f\xf7\x83^A/\x16\x8d\x96\xafZ^\xbej\xf9^\xbeS\xc7.\xa5\xd4\x99K)m6\xfbM\x7f~\xe0\x82\x19\x97\x07\xeb\x82\x94\xf9\x01`\x8c\x89\x1f\x7f\x04\xa4\xac\xdc\xb1\xbdr\xc7\xf6\x9f\xfc\x11!\x04\x02\xe8\x1e\xa1\xa6;0\x00\xb8\xe1\xf6\xfb.\xba\xec\xca@-\x95\xe1T\xa1X[\x12c\x90L$\xa4\x94 \xa5\xde\xd2K/\xe3\xa3\xfb\x94\x9b\xb6C\xd2\x97\xf2\xd8\xf8\x7f\xaaq\x10X\xafG\xd64\x91\xf4\xa4_N\xb8\xf9\xce\xbf\x95\x94\xb5\xa5\xd6\xff\xc0\x08!t\x1b\xd4\x1454\xed\xff\x82\r\x146\xac\xf6\xa33\x1f0x\xf8\x8d\x7f|`\xe8\x88\x11u\xb5\xd4\xfa\x1f\x08\xc6\xc0L&amp;\xf5..\r\xcd\xba\x92\r\x1f\x81\xdd&gt;\x03\x8d\xdf\xde\xf0.\xe8\xef\xe7\\0\x06z\xcc\xa6C\xa7.\xbf\xbb\xf3o\'\x9dqf\x80\xcap*Q\x01h1\\\xf0p8~\xea\xd9\xe7VUV\xbc\xbf\xf0\xf5\x86Gy\xf5Kz\xcd\x19\xc6\x00\xf7X\xe5\x84\x01c\x1c\x18\x02\xea\xcf\t\x80\x02\x80\x81C\x8e\x9cz\xc5\xff\x8d;}\xbc\x99HD\xa9\xf5?\x08\r\xb1+l|\x82H/\x03\xc7\xf4\xc3\xa5z\xc2\x8f\xeeq\xeb\xd3\xaf\xff\x94\xe9W\xfc\xf2\xdc\x0b\x1c\x0eg\x1du8\x1c\x10\xceE4\x1c?\xfa\xf8\x13O\x9fp\xfe\xbbo\xbc\x1c\x8bE\x9b^bM\xcb.a\xd3{\x01\x00\x8cq\xc6\xb0\xe1\xd1\x01\xfdV\xf8\x8b\x8a\xcf&gt;\xff\xe2\xa93\xafi\xdb\xa1C]m\x80\x16?O)\n\xb7\xc50\xc6\xcd\xa4\xd9\xbd\xd7!w?\xfc\xe4\xb6-[&gt;\xff\xe8\xfd\xc5\x1f.Z\xfd\xf5\x17\xdb\xb6l6\x93\xc9}\xfe\xb8a\xb3u\xe9\xd6s\xc8QG\x9fx\xfa\xf8a#G;]\xce\xfa`=c@\x13\x10\x0f\x0cc\xdcL&amp;\x11\x10\xf6\xba\x8bo\xa7.\xdd\x06\r\x1f9\xee\xf4\xf1#F\x9fP\xe8\xf3\x86\xea\xc3\x91P\x88Z\xff\x03\xc3\x183M\xb3C\xa7n\x0f\xccyv\xdd\x9a5\x1f,z}\xf1\x07\x8b\xd6\xae^Y[]\xb5\xcf\xbd\x94\x0b\xbc\x85\x87\x1e1\xe8\xb8\x93N\x1f{\xeaY\xddzv\x8f\x84\xe3\xc1@\x90Z\xffT\xa3|[\x12c,\x91\x88\xc5b\xd1\x92\xd26\x13\xa6\xfcj\xc2\x94_\x05\xeb\x82\x15\xdb\xb7l\xf9n\xe3\xf6-\xdfW\xed\xdc\x1e\xa8\xab\x89\x84C\xc9D\x12Q\x19\x86\xcd\xe5v\xfb\x8aJ\xca\xda\xb6\xeb\xdc\xadg\xf7\x9e}:w\xeb\xee\xf3\x17Z\x16D\xc2\xa1D"A\x17\xfe\x07\x86qn&amp;\x12\xed:v\xfa\xe7\xab\xefmZW\xbec\xdb\x96\xda\xda\x9ap}0\x11\x8f3\x06\x0e\x87\xd3\xeb\xf3\x97\xb6i\xd7\xa5{\xcf\xee\xbd\xfav\xed\xd1\xab\xb8\xb4\x04\x11\xa2\xe1H\xa0. \x84A\x15\xf7`0\xc6\x92\xc9D&lt;\x1e\xeb\xd6\xab\xf7\xa5\xfd\xaf\x9fz\xf9\xb5\xbb*wl\xfb\xfe\xbb\xad\x9b7n\xdf\xb2\xb9\xa6zW0X\x97\x88\xc5\xa4\xb4\x840\\\x1eOqIY\xfb\x8e\x9d\xbb\xf7\xea\xd3\xa3w\xbf\x0e\x9d\xbb8\x1cF4\x9a\xa8\xab\r\xe8\xcd\xf22\xfd\xb7\xc9}T\x00Z\x18c\\\x080M3Q\x97\x00\x00\xc30z\xf4&gt;\xa4\xef\xa1\x87\x0b\x01\x8c\x81R\x80\xf8\xbf\xd5\x1c\x18\x07\xce\x81\x01H\tf\xd2J&amp;\x13u\xb5\x01\x06L\xef\x14\x99\xc9\xbfF\x96C\x00\xc30\x86\x8d\x18=r\xf4\x18\xdd\x03\x84\xea\x7f\xd3@9ox/LS%\x13\xf1`]\x10\x00\x04\xe7t\xbd\xd9"t\xef\x7f"\x16\x8bE#\x8cq\x7fQI\x9bv\xed\x87\x8d\x1c\xa5\x172W\xea\x07\xe7\xbf\xe0\x80\x08RB2\x91\x88G\xa3\xd1\x88\xe2\\\xd0\x1b\x916\x14tJ4\xed@\x82J%b\xb1X\xb4q\x13\x92=\x86\xc0\xe0\x7f\xb3\xd3\x19c|\xb7\x9dI\xc8AB\xc4H8\x84\xa8\xf6\x88\xbdau1\xdc}7\x18\xaa\xb5-\x8fq.\x80\x03\x80e\x99\xa6\x99D}\xe1\xa3gA4~O\xc3\xf9\xcf\xf4P\x18o\xfa\x11\x926\xd4\xdc\xa4\x98nb2}\x14\xf9\x89sN\xcf\xbag\xdc^\x16A!\x19G\x1f\x0fB\x08\xc9ST\x00\x08!$OQ\x01 \x84\x90&lt;E\x05\x80\x10B\xf2\x14\x15\x00B\x08\xc9ST\x00\x08!$OQ\x01 \x84\x90&lt;E\x05\x80\x10B\xf2\x14\x15\x00B\x08\xc9ST\x00\x08!$O\xe5H\x01\xa0g\xcd\xd3l\x8f\xc0)\xff4\xa3\xfc3+g\x02\xcf\xee\x02\xd0\xb4\x91\x93i&amp;w\xdff\x85\xa4\x9ai&amp;\x81\xf2\xcf\x1c\xca?\xb3t\xfe\xd0\xb8\x83q\xf6\xca\xd6\x02\xc0\x18C\xc4\xc2\xc2\xc2\xde\xbd{\x01\xc0\xda\xd5+L\xaba#i\x92R\n\xd1f\x83\xb5\xabW\x00@\xdb\xb6m{\xf6\xa2\xfc\xd3\x8a\xf2\xcf,\x9d\xff\xb7\xabW\x02@a\xa1\xafw\xef\xde\x90\xcd7\x04Y|\xc6 \xa2a\x18\xa5\xa5\xa5\x00\x10\x08\xd4&amp;\xe3\x89\xec}\x1b\xb2\x8bB\xa8\xa9\xae\x02\x00\xaf\xd7\xdb\xb6m[\xa0\xfc\xd3\x8b\xf2\xcf\xac\xa6\xfc=\x1ewQQ\x11P\x01\xc8\x08}\xf3u\xc4\x11\x03\x00`\xcb\xa6\r\xd5\x95;\xecv;\xd2\x9dp\x8aq\xce\x13q\xa9\xaf@\xfb\xf7\xef\x7f\xe2\xb8q\x00\xb0\xf5\xbb\x8d\x94\x7fzP\xfe\x99\xa5\xf3/_\xbd\x1c\x00z\xf7\xee\xed\xf1x\x94RT\x002@\x87&gt;d\xc8`\x00\x08\xd5\x077\xae_kw\xd81\xcb\xbb\xe4Z9D\xb4\xdb\xed5U;7o\\\x07\x00\xfd\x0f?|\xd4\xa8Q@\xf9\xa7\x0b\xe5\x9fY{\xe4?p\xe0@\xceyV\x0f\x03dq\x01\xd0=\x9eG\x1duTqq\xb1Rj\xf1\x07\x8b\x0c\x83)\xba\x02J%T\xca\xe9r,_\xf6ym\xf5.\xce\xf9\xd1\xa3F\r\x1b6\xcc\xef\xf7S\xfe\xe9A\xf9g\xd6\x1e\xf9\x8f\x1b7\x0e\xb2\xb9\xff\x07\xb2\xba\x000\xc6\x94R\xed\xdb\xb7\x1f0`\x00c\xec\xc3Eo\xd4\x07\xa3\x86A{\x9c\xa5\x90B\x14\x82\xbd\xfb\xe6+\x88\xe8\xf7\xfb\x07\x0f\x1e\xecv\xbb\x07\x0e\x1cH\xf9\xa7\x07\xe5\x9fY{\xe4?r\xe4H\x80\xec\x1e{\xcf\xe2C\x87\xc6a\x80s\xcf=\x0f\x117o\\\xbft\xf1\xfb\x9e\x02\x8f\x942\xd3\xc7\x95\x9b\x10\xd1\xe9tn\xfd~\xdb\'\xef/\x04\x80\x13O&lt;I\x8f\x80\x9dw\x1e\xe5\x9f\x0e\x94\x7ff\xfd8\x7f\x9f\xcf\'\xa5\xa4;\x80\x8c\xd1\xdbyO\x980\xbem\xdb\xb6\x88\xf8\xf8\x83\xf7f\xf5\x80L+\'\xa5\xf4x\x9d\xcf=\xf9H\xcd\xae*!\xc4\x8c\x19\xd3\xf5d\xdc\t\x13&amp;P\xfei@\xf9g\xd6O\xe6\x9f\xe9\x83:X\xd9]\x00\x18c\x96e\x95\x94\x94L\x992\x05\x11\xbf\xf8\xf4\xa3\x8f\xde}\xa7\xb0\xd0K\x17A-\x0e\x11\x1dN\xe7\xf6\xef\xb7\xbf\xf0\xf4\x1c\xc6\xd8/~\xf1\x8b1c\xc6(\xa5\xa4\x94\x94\x7f\x1aP\xfe\x99\xf5s\xf9\xebk\xd0\xec\x95\xdd\x05\x00\x008\xe7\x888c\xc6\x0c\xbf\xdf\x0f\x00\xb3\xffz\xa7\xa4\x8b\xa0\x14\x90\x96UX\xe8\xfc\xe7c\x7f\xab\xab\xa9\x06\x80\xeb\xae\xbb\x0e\x00\x10\x91\xf2O\x0f\xca?\xb3~.\xffL\x1f\xd7\xc1\xca\x85\x02\xa0\x94\xea\xd3\xa7\xcf\xacY\xb3\x10q\xd9\xe7\x1f?\xf5\xe8\xdfJJ\x0bM\xd3\xcc\xf4\xa1\xe5\x0eiY&gt;\xbf\xef\xf3\x8f?}z\xce\xdf\x01\xe0\x98cFO\x9c8Q_\xfeP\xfei@\xf9g\xd6^\xf2\xcf\xf4\xa1\x1d,\x96\x03EL\xaf\x88\x12\x0e\x87\x07\r\x1a\xb4\xe9\xbb\xef&lt;\x1e\xcf\xd3/\xbf\x7f\xf8\xa0\xc1\xf5\x81\xa0\xa0I\x11\x07\r\x952l6\xcbL\x9ew\xf2\xa8\xf5k\xbf\xe1\\,Y\xf2\xf9\xa0A\x83\xf4\xe5\'P\xfe)F\xf9g\xd6&gt;\xf3\xcfjY\xff\x17\x00\x00\xc6\x18c\xcc\xe7\xf3\xcd\x9f?\xdf\x10"\x1a\x0e\xff\xf6\x8a\x8bj\xabw\xd9\x9d\x0e\xea\x0c=H\x88\x88\x88N\xa7\xe3\x0f\xff7s]\xf9jD\xbc\xef\xbe{\x07\x0f\x1e\xac\x94j:\xfb)\xff\xd4\xa1\xfc3\xab9\xf9g\xb5\\\xf8;\x00\x00\xe7\xdc\xb2\xac\xe1\xc3\x87\xdf{\xef\xbd\x08\xb0~\xed7\xd3\xcf=Mp\xeep:\xa5ee\xfa\xe8\xb2\x95R\nQ\xb5i\xef\xbb\xf5\xfa+_\xff\xf7|\x00\x980a\xc2\xacY\xb3,\xcb\xda\xe3\xe6\x97\xf2O\x05\x</t>
        </is>
      </c>
    </row>
    <row r="45">
      <c r="A45" s="1" t="n">
        <v>43</v>
      </c>
      <c r="B45" t="inlineStr">
        <is>
          <t>size_grid</t>
        </is>
      </c>
      <c r="C45" t="inlineStr">
        <is>
          <t>What is the size of the missing part denoted with a question mark?</t>
        </is>
      </c>
      <c r="D45" t="inlineStr">
        <is>
          <t>['small', 'large', 'medium']</t>
        </is>
      </c>
      <c r="E45" t="inlineStr">
        <is>
          <t>small</t>
        </is>
      </c>
      <c r="F45" t="inlineStr">
        <is>
          <t>There are circles arranged in a grid formation with varying sizes in the image. The sizes in the first row are ['small', 'large', 'small'], the sizes in the second row are ['large', 'medium', 'large'], and the sizes in the third row are ['?', 'large', 'small'].</t>
        </is>
      </c>
      <c r="G45" t="inlineStr">
        <is>
          <t>We observe that the circles at the corners are small size, while the circles directly adjacent to the center are large size. Only the center circle is medium size. Hence, the pattern is that the circles alternate in size depending on if they are at the corner or adjacent to the center.</t>
        </is>
      </c>
      <c r="H45" t="inlineStr">
        <is>
          <t>Based on the pattern that the circles alternate in size depending on if they are at the corner or adjacent to the center, the size of the missing part that is at the corner should be small.</t>
        </is>
      </c>
      <c r="I45" t="inlineStr">
        <is>
          <t>b'\x89PNG\r\n\x1a\n\x00\x00\x00\rIHDR\x00\x00\x02\x00\x00\x00\x02\x00\x08\x02\x00\x00\x00{\x1aC\xad\x00\x00j\xf2IDATx\x9c\xed\xddy|\x14E\xda\x07\xf0\xa7\xba{f2\xb9\'\x07\xa7\xca!$A\x08!\x81\x10\x8e\x88D\x10\x8c\xca\xaa\x8br\xc8\x99\x08\xc8\x8bW\xf0Z\xd8uWAwW\x01\x05]AM\x94\xa0\x80\xb0\x9ex-\x04\x02(\x82\x88\x91\x809\x08\x84p\x04B. \xd7$\x93d\xa6\xab\xea\xfd\xa3`6\x0b\x1e(Ifz\xfa\xf9~\xf6\xe3\xe7}\x93I\xe8\x99&lt;]\xbf\xaa\xea\xeaj\xc29\x07\x84\x10B\xfa#\xb9\xfa\x00\x10B\x08\xb9\x06\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14\x06\x00B\x08\xe9\x94\xe2\xea\x03@\xa8\xbdq\xce\x7f\xf2\xeb\x84\x90v&gt;\x12\x84\\\x0b\x03\x00y2\xde\x02\x00H\x92\xe4\xfc\xef\xe5\x18c\xce\xff\x92\x16\xda\xf1x\x11jW\xe4\xe7zC\x08i\x94h\xee\x19c\x84\x10Y\x96/\x7f\x01c\xac\xb6\xb6\x96\x90\x0b\xc5/\xfe\x0f///\xb3\xd9\xfc\x93/\x16\xbfJ\x92$\x0c\x03\xe4a0\x00\x90\x87\x10\x8d&gt;\xe7\\Q\xfe;\xae\xa5\x94\x96\x96\x96\x16\x15\x15\xe5\xe6\xe6\x9c;w.+\xeb\x07UU+\xca\xcb\xcb+\xca\t\x10\x0e\xa2\xf8\t\x00\xf7\xf5\xf1\xed\xd5\xbb\x17\xe7\x10\x19\x19\x19\x12\x122h\xd0\xa0k\xaf\xbd\xb6[\xb7n\xde\xde\xde-\x7f\x1b\x00`\x12 \x8f\x81\x01\x804\x8fsN)u\xb6\xfb\x94\xd2\xc2\xc2\xc2\x8c\x8c\x8c\xdd\xbbw\x17\x16\x16\x16\x17\x9f\xac\xab\xb3\xfe\x8e_k2\x19\xbbt\xe9\x12\x1e\x1e&gt;d\xc8\xd01c\xc6DEE9\xc3@UUI\x92~n*\t!\xad\xc0\x00@\x1a&amp;\xba\xe4b\x9e\x87R\xbao\xdf\xbeM\x9b6m\xde\xbc\xf9\xe8\xd1\xc2\xe6f{\xcbW\xfa\xf9\xf9\xf8\xf8x\xdf\x10\xd6]R\xe4\x00?\x9f\xfe\xfd\xc38e\xa2\x1b\xcf9\'\x8a\xa1\xf8d\xc9\xa9\x92r"\xcbEE\xa7\xea\xea\xea\xcfW\xd5\\\xf2o\xf5\xe8\xd1=!\xe1\xe6;\xef\xbcs\xe4\xc8\x91\xfe\xfe\xfepq\xcc\x81\x03\x02\xa4]\x18\x00H\x93(\xa5\xce\x96\xb7\xa4\xa4d\xe3\xc6\x8d\xeb\xd7\xaf?x\xf0\xe0\x7f_AH\xf7n]\x07F\xf7\x89\x89\n\x1f4 \xa2OxO\xff\x00\xdf\x80P\x0bH2H\x04\xc0\x00\xd0\xb2\xf2\t\x80\n\x8c\x02!\x8d\xe7\xaa\x1b\x1a\x1a\xf3\x0bO\x1e\xc8)\xcc\xcd;\x9a\xb5?\xffhQqSS\xb3\xf3\xa5\xdd\xbau\x9b0a\xc2\xd4\xa9S\xfb\xf7\xef\xef&lt;\x98\x9f\xbc\xd8\x80\x90\x9b\xc3\x00@\x1a#&amp;\xfaE\x83\xfb\xed\xb7\xdf\xbe\xfd\xf6\xdb\x9f|\xf2quu\x8d\xf8\xae\xc5\xe2?(\xa6\xef\xd8QCF\xdc8\xa8oDw\xef\x90 \x00\x05@\x85f;P\xc6\x1c\x0e\x00\xe0\x1c8g\x00-\xbb\xed\xfc\xc2\x82\x1f\x0e\x92A\x01Y\x02\x93\x11\x88\x02\xc0i\x9d\xb5\xf0\xd8\xe9}Y9_d\xec\xde\xbf\xff\xd0\xc9\xe23\xe2\x07\x8cF\xe3\xc8\x91#\xe7\xcd\x9b\x97\x98\x98h4\x1a\xc5h\x00c\x00i\x0b\x06\x00\xd2\x8c\x96s\xfd\xdb\xb7o_\xb2d\xc9\xd6\xad[\x9d\xdf\x8d\x1f\x16}\xe7\xb8\x84I\xf7\x8c\xbd\xa6\xe75 \x19\x809\xa0\xb1\x99:T\xce\xb9s=\xe7\x95\xcc\xd5\x883\x821\xce9\'\x04dE\x06\x93\t\x0cF\x00f\xad\xa8\xda\xf4\xe5\xce\x8f7\xed\xd8\xb6coCC\xa3x}\xff\xc8\xc8\x94\xf9\xf3\x93\x92\x92\xe0\x7f\xc7%\x08\xb9?\x0c\x00\xa4\rb\xb6\x1d\x00\n\x0b\x0b_|\xf1\xc55\xe9\xe9\x8cs\x000\x9b\xbd\xee\x9b\x90\x98&lt;\xf3\xeeaC\xa3\xc0d\x86\xe6F\xd6\xd4\xcc\x18\'\x12\x91Zc\x15\xbf\x18.0\xce\t\x80l4\x80\xb7\x0fpv8\xaf\xf0\xdf\x1fd\xa4\xbe\xf5Ai\xd9Y\xf1\xb2\xd1\xa3G/X\xb0`\xd4\xa8Q\x803BH;0\x00\x90\x06\xa8\xaa\xaa(\x8a\xddn_\xb2d\xc9\xf2\xe5/WUU\x03@\x90% 9\xe9\xee\x19\x93o\xef7(\n\x98\x83\xd7\xdb(e\xb2\xdc\x86\x1d\xf0\x0b\xb7\x17\x00H&gt;f0\x98+\x8aO\xad\xdd\xb8yu\xfaG\x05GN\x00\x00!$))\xe9\xb9\xe7\x9e\xeb\xd2\xa5\x0b\x0e\x05\x90&amp;`\x00 \xb7&amp;\xee\xcb\x95$i\xcf\x9e=s\xe7\xce\xcd\xcb\xcb\x03\x00\xb3\xc94yR\xe2S\x8f%\x87\xf7\xef\x0b\x8e\x06\xda\xd0H\x80Hr\xfb-\xcad\x8c1\xc6\x15/#\x98\xfdk+\xcbW\xbc\xb6\xee\xcd\xb4\x0f\xca\xca\xcf\x01@\xa7N\x1d\x9f{\xee\xf9Y\xb3f\x01\x0e\x05\x90\xdb\xc3\x00@\xee\xcb\xd9\x80&gt;\xfb\xec\xb3/\xbc\xf0O\xb1\xb2stB\xdc\xf3\x8b\x1f\x8e\x8b\x8f\x03{\xa3Zo\x93d\x97\xad\xc7\xe7\x9cS\x95*&amp;#\xf8\xf8\x97\x1e?\xf1\xd7E+\xd7\xac\xfdTLLM\x9a4\xe9\xb5\xd7^\x0b\x0e\x0e\x16c\x17\x97\x1c\x1eB\xbf\n\x03\x00\xb9)\xd1\xfa\x97\x95\x95%%%edd\x00\x80%\xd0o\xd1\xdf\x1e|\xf8\xa1\xa9 \x11Zg%\xeeq+\xd6\x85K\xd3f/\xf0\xf2\xc9\xf8&lt;\xf3\xd1\xc7_8r\xb4\x18\x00\xc2\xc2\xc2V\xaf^=|\xf8p\x1c\x07 \xb7\x85\x01\x80\xdc\x91\xe88\xef\xd9\xb3g\xc2\x84\t\xa5\xa5\xa5\x00\x10?t\xc0\xdbi\xcf\x85\xf5\x8d`\xb55\xc0y{N\xf8\\\t\xce9\xa5L\xb1\x04\xd4\x9e\xafy\xe2\x89\x17\xdfZ\xf3\t\x00\x98L\xc6W^y\xf5\x81\x07\x1e\xc0K\x02\xc8=\xb9\xd7Y\x84\x10\\l\xfd\xd3\xd2\xd2\x12\x12\x12D\xeb\x9f\xf2\xd0\x94\x9d\xdb\xd2\xc3\xc2\xba\xab\xd5\xe7%\xa9]\xa7\xfb\xaf\x10!DQdZ]\x1b`6\xa6\xa5\xbf\x90\xf6\xfa\xb3\x81\xfe\xbe\xcd\xcd\xf6\xb9s\xe7\xce\x9d;W\x96eq\xfb\x82\xab\x0f\x13\xa1\xff\x81#\x00\xe4^\x9c\xad\xff\x9c9s\x00 \xc0\xcf\xe7\xe5eO%\xcf\x99\xca\xad\xd5\x9c27l\xfa/\xc19g\x94\xc9\x96\xe0\xefw\xef\x9b6sA\xe1\xb1\xd3\x000{\xf6\xec\xd4\xd4T\x1c\x07 w\x83\x01\x80\xdc\xc8%\xad\x7f\xb0\xc5\x7f\xf3g\xaf\xc7\xc6\xc7\xa9U\xe7dE\xd6P\xd3\xa9:T%\xd0\xbf\xaa\xb2*\xf1\xf69\xdfg\x1f\x02\xcc\x00\xe4\x96\xdc\xbd?\x85\xf4\xe3\x92\xd6\x7fp\xcc\r{\xf7l\x88\x1d\x16\xadV\x9dS\x0c\x8a\xb6\x1aM\xc5\xa0\xd0Zk\x90\xc5/3sM\xf2\xd4?\x00\x80x_8\x17\x84\xdc\n\x8e\x00\x90[\xb8\xbc\xf5\xdf\xf2\x9f4Kh \xad\xb5\xca\x9a]F\xc9(\x93\x8c\x060{\xcdIZ\x98\xf6\xce&amp;\xb88\x0e\x10O\x98\xd1V\xa4!\x8f\x84\x01\x80\\O,\x94t\xb6\xfe\xb1\xd1}26\xbfe\xb1\xf8\xd1\x86FY\xd1\xf6\x02J\xc6\x18\x97$\xd9\xd7\xe7\x92\x0c\xc0\xb5\xa1\xc8\x1d`\x00 \x17\x13M\xe1\xde\xbd{\xe3\xe3\xe3\x19cA\x81\xfe?|\xbb\xa1GxwZ[\xaf\xf5\xd6_\xe0\x8cqY&amp;\x06\xc3\xf0\x1b\xef\xdb\x9b\x95\x07\x00\xcb\x97/OII\xc1{\xc4\x90\xcba\x00 W\x12\x93!\x95\x95\x95QQ\xfd+**}\xbc\xcd;3\xd2b\x87\xc5\xd0Z\xabg\xb4\xfe\x02c\x0c\x0c\x86\x1a\xab-\xe1\xe6\xe99\x87\x8e\x01\xc0\xd6\xad[o\xb9\xe5\x16\x1c\x07 \xd7\xc2\x8b\xc0\xc8\x95\xc4V?\xd3\xa6M\xab\xa8\xa8\x04\x80\x95/\xff)6~\x88ZS\xe7I\xad?\x00H\x92\xc4\x9b\xedA\xa1\x96uk^\x08\xb2\xf8\x03\xc0\xf4\xe9\xd3***$I\x12\x9f\x00B.\x81\x01\x80\\F\xcc\x81,^\xbcx\xdb\xb6m\x00\x90\xf2\x7f\x93f&lt;0\xcdQuN1x\xe0\xc4\x88\xac\xc8jM]dlt\xea\xabO\x03@yy\xc5\xb4i\xd3\x08\xc1!8r%\xac?\xe4\x1ab\x7f\xff\xef\xbe\xfbn\xc4\x88\x11\x0e\x87c\xc8\xa0~\xbbw\xad\xe3\x0eU\x06\xee\xc1\xcbcTUU,\xc1\xf3\xe7\xfdu\xc5\xeb\x1b\xe1\xe2\xc5\x00\x9c\x08B\xae\x82\x01\x80\\@l\xacO)\x8d\x8c\x8c,,,\xf4\xf3\xf39\xb8wc\xcf\xb0\xee\xac\xa1\xd1\xfd\xef\xf5\xbd\x1a\x9csF\x08(\xca\xe0\xa1\x13\xb3\x7f,T\x14)//?,,\x8cs\xee\x0e\x1b\xdb!\xbd\xc1\x9aC. \x1e\x9f\xbbl\xd9\xb2\xc2\xc2B\x00x\xe1\x99\x07{\xf6\x8dP\xad\r\x9e\xdd\xfa\x03\x00!\x04(\x93\r\x86\xb7V\xfe\xcdd2P\xca\x1ey\xe4\x11\x9c\x08B\xae\xe2\xe1\xe7\x1brCb\xf2\xe7\xd8\xb1cK\x96,\x01\x80\x11\xc3\xa3\xe7=:\x83\xd6V{\xe4\xd4\xff\xe5dYR\xad\xd6\xe8\xe1qO&lt;4\x85s\xbeu\xeb\xd6\x0f&gt;\xf8@\x96eJ\xa9\xab\x0f\r\xe9\x0ev=P{\x13S\xde3f\xccx\xf7\xddw\xbd\xbcL{\xb6\xbd\x1d3d\x00\xab\xb7y|\xf7\xdf\x89s\xced\xb9\xc1\xd64h\xe8\xa4c\'N\xf7\xea\xd5;77WQ\x14\xbc=\x18\xb53\xbd\x9cr\xc8M\x88\xd6\x7f\xd7\xae]\xeb\xd7\xaf\x07\x80\x89w\x8f\x8e\x89\x1fB\xad\xf5\xfai\xfd\x01\x80\x10\xc2\xed\x0e\xff\xd0\xd0\xa7\x9fLf\x8c\x17\x16\x16.[\xb6\x0c\x97\x84\xa2\xf6\x87#\x00\xd4\xaeD\x1b7z\xf4\xe8\x9d;w\x06\x07\x05|\xf7\xf5\xda\x9e\xbd\xbbCS\xb3$\xe9\xab\xe7\xcb\x018\x80\x03\xc8\x88\x84\xe9Y\xd9\x87\x82\x82\x82\x0e\x1d:\x14\x1a\x1a\n\xe2:\x01B\xedBG\xdd.\xe4rb3\xe4\xec\xec\xec\xaf\xbe\xfa\n\x00\x92\xa6\x8c\xeb\xd5\xaf\x1fk\xb0\xe9\xad\xf5\x07\x00\x02\xc0Uj\xf2\xf3]\xb4p\x0e\xe7\xfc\xfc\xf9\xf3\xeb\xd6\xad#\x84\xe0\x95\x00\xd4\x9e0\x00P{[\xb5j\x15\xe7\xdc\xcb\xcb\x98&lt;\xfdNn\xaf\x97\xf4\xba\x04^RdVo\x1d1jhDxwB\xc8\xea\xd5\xab\x1b\x1b\x1beY\xc6A9j7\x18\x00.\xc3[p\xf5\xb1\xb4\x07\xce\xb9x\xc8\xfb\x87\x1f~\x00\x00\x93\xef\xb9\xb5\xcf\xa0(fk\xd4a\xf7_ \x00\xdcA\xbd\x03\x03\x17\xce\x9f\xc99\xcf\xcf\xcf\xdf\xbe};!D\'W\x02\xf4V\xff\xee\t\x03\xa0]1\xc6TU\xa5\x94:w\x84\x178\xe7\x94RUU=\xf8\xe4\x17\x93\x1b\x1b6l\xb0Z\xebeY\x9e7\xeb\x1e\xce\x1c\x00:m\xfd\x05I\x96\xb8\xad~\xfc\x1f\xc7\\\xd3\xb5#!$--\x15&lt;\xfa\x1a\x80\x9e\xeb\xdf=a\x00\xb4\x13J\xa9\x98\x01W\x14E\x96eI\x92jkk\xab\xab\xabkjjjjj\x08!\xb2,+\x8a"I\x928\x19\\}\xbc\xadO\x96e\xbb\xdd\xfe\xce\x9a5\x84\x90\xc1\x03\xfb\xc6\x0c\x89\xe2\xf56YO\x8b\x7f.G\x08\xa1\xcd\x0e\x9f\xd0\x90\xc9\xe3\xc7p\xce\xb7o\xdf~\xf4\xe8Q\x8f\\\x0e\x84\xf5\xef\x9etq\xeb\x8dk\x89m\x0f\xc4f/%%%\x99\x99\x99\xbbw\x7fs\xe2\xc4\xc9\x82\x82C\xaa\xaa\x12 \x1c\xa0W\xaf\xeb\xbbv\xbdf\xf8\xf0\xe1c\xc7\x8e\xed\xd3\xa7\x8f\x98\x08\xf6\xa4\xed\x01\xc4\xea\xcf\x03\x07\xb2s\xf3\xf28\xe7\xe3\xff\x90 \x99\xbcU[\x93\xe4Y\xbb~\xfe\x0e\x84\x10`\x8e\xf1w\x8ez\xe9\xb5\xf5\r\r\xb6M\x9b6=\xf9\xe4\x93\xe2^9W\x1fZ\xeb\xc0\xfawg\xb8\x0c\xb4m9\xf7\xf9\xda\xbe}\xfb\xbb\xef\xbe\xfb\xf9\xe7\x9fWWW\xff\xc2\xebM&amp;\xd3M7\xdd4e\xca\x94\xe9\xd3\xa7\xb7\xfcq\xad\x13\x1b\x7f\xfe\xe9OO-Y\xb24\xc8\x12\x90\xf7\xfd\xfb\x9d\xaf\xed\xc8\x9b\x1d\x1e&lt;\xddq\xe5\x18\xe7`2\xdd\x940}\xcfw?\x0e\x1b:t\xd77\xdf\x00\x80g\xb4}X\xffn\x0e\x03\xa0\r\x89\xf2---\xfd\xeb_\xff\x9a\x9e\x9e\xee\xfc\xa8\xbb]\xd7\xa5w\xefn\xfd"zX\x82\x02\x81R\x87C\xfd!\xa7\xb0\xa4\xa4&lt;/\xbf\x08\xe0\xc2kF\x8f\x1e\xfd\xfc\xf3\xcf\xc7\xc5\xc5y\xc6\xf3c9\xe7\xaa\xea\x180 \xfa\xd0\xa1C7\xdf\x14\xbb}\xc7;\xccZ\xef\x19m\xdc\xd5SU\xaaX\x82\x16\xfde\xe9\xb3\xffH\xf5\xf2\xf2\xfa\xf1\xc7\x1f\xc3\xc2\xc2&lt;`\x10\x80\xf5\xef\xfep\n\xa8\xad\x88&gt;oFF\xc6\xfd\xf7\'\x9f9S\n\x00f/\xd3}\x13o\x9b&lt;\xe9\xb6\xd8\xa8p\xff\xce\xa1\x00\x12\x80|\xa1\xe2\xb9\xaaZ\xeb\xb3\xf3\x8en\xc9\xd8\xfdF\xea\x07e\xe5g333w\xed\xda\xf5\xe2\x8b/\xa6\xa4\xa4\x88\x19a\xed\x9e\x03\x177\xff9~\xfc\xf81\x00\xb8u\xf40\x90\x14\xc6\xb8\xc6\xdb\xb7VC\x08\x01f\x1f\x930\xe4\xf9\x17\xdfnjj\xda\xb3g\x8f\x07\x04\x00\xd6\xbf&amp;\xe0\x08\xa0M\\\xf2\x94s\x00H\x9e~\xd7c\x8fN\xeb\x1b\xd3\x0f\x80\x81\xad\x91\xd9U\xc6\xc5\xdd\xa0\x04\x00$B$Y\x02o3\xc8\xc6\x8a\xd3%o\xa4}\xf0\xca\xabk\xabk\xadp\xf1\x19\xe2\x9a\xee\x07\x89\xb6`\xc5\x8a\xe5\xf3\xe7?\xa6\xc8\xf2\xbe\x9d\xef\xc4\x0c\x8f\xa6u\r:\xbf\x02\xec\xc49\'\xb2dk\xb2\xdf\x10\xf3\xc7\xe2Sew\xdf}\xd7\xc7\x1f\x7f\xa2\xe9\xd9\x0f\xac\x7f\xad\xc03\xb0\xf5]R\xfd\xc1\x96\x80\x7f\xaf[\xfa\xf6;\xcb\xfaF\x86\xd1\x9a\x1aZc\xe5*\x95dIQdEQ\x14EV\x14Y\x92%\x0e\xc0\xea\x1b\xd4\xea\xaa\x8e\xc1\x81\xcf,~"s\xdb\xea\x98\xfe\xe1\x00 ~\x8f\xa6W\x86\x88\xf3v\xf7\x9e=\x00\xd0\xb5K\x87\xf0\x88\x1e\xd0\xd8\xa4\xdb\xe5\xff\x97#\x84P\x07\xf5\x0e\n\x1c8 \x02\x00\x0ed\x1f\xb0\xd9l\xda\xbd#\x0c\xeb_C0\x00Z\x99\xa8\xfe\xcc\xccLQ\xfdA\x81~\x9b?[5a\xca\x1f\x1dU\xe7\x98\xadQ\x96eY\x96~\xb2#C\x00$IR\x14\x99\xab\xaa\xe3|E\xcc\xa0\xbe\x99\xdbV\xc7F\xf7\x01\x80\xb4\xb4\xb4E\x8b\x16\xc9\xb2\xac\xaaj{\xbf\x9f\xd6 I\x92\xddn?\\P\x00\x00\xb1\x03\xfb\xfa\x84\x04Q\x07\xc5\xde\\K\x9cs \xf2\xc8\xf8\x81\x00PQYq\xfa\xf4\xe9\x0b_\xd4\x1a\xac\x7fm\xc1\x00hMb\xa0Z^^&gt;m\xdaT\x00\x08\xb2\xf8o\xf9\xfc\x8d\xd8\xf8A\x8e\xf3\x95\x06\x83r\x85S\xba\x84\x10\x83\xd1@k\xea,\x81~\x19[\xde\x1a\x14\xdd\x07\x00\x16-Z\x94\x99\x99\xa9(\x8a\xe6\x96H\x8b\xcf\xa4\xac\xac\xec\xd4\xa9S\x000p@\x04\x10E\x8bM[\x9b"\x84\x00W\xa3\xa3"$Ijll\xca\xc9\xc9\x01\r\x06\x00\xd6\xbf\xe6`\x00\xb4&amp;\xb1ry\xe1\x82\x05\xe5\xe5\x15\x8a"\xa7\xbe\xfa\x97\xd8\xf8!\x8e\xf3U\x06\xa3\xe1\xb7\xfe*YQhC\xa3%$\xf0\xfdu\xcbB\x82\x03\x01\xf8C\x0f=d\xb7\xdb5\xf7\xf4(q\xb4\'N\x9c\xb0Z\xeb\x01`@\xffp\x00\xec\xfe_J\x92\x084\xdb\xc3{u\x0b\x0c\xf0\x03\x80\xc3\x87\x0b@\x83\x01\x80\xf5\xaf9\x18\x00\xad\xc6\xb9\xd3\xfd\xdau\xeb\x00`\xca\x84\xc4\xf1S\xefqT\x9d\xfd\x1d\xd5/\xc8\x8a\xec\xa8\xb6\xf6\xb8!|\xd9\xf3\x8fr\x0eG\x8e\x1c\xd1\xe2\xae\xf1\xe2t\xcd\xcd\xcd\x01\x80\x00\x7f\xbf\xbe}zBs3\x06\xc0%\xc4\x13\x02,]B{\xf7\xba\x0e\x00rs\xf3@k\xeb^\xb0\xfe\xb5\x08\x03\xa0\x95\xbd\xf1\xc6\x1b\x94R\x93\xc9\xb8\xf0\x89$f\xbf\xda\x85.\x8aQ\xa1\xd6\x9aI\xf7\x8d\x8b\x08\xfb\xef\x86\x91\xe2v\xf9\xd6:\xe0\xf6Q^^\x0e\x00\xde\xde^\x01\x01~@\xa9\xa6Z\xb6v\xc29WL\xc6\xe0\xa0\x00\x00\xa8\xa8\xa8\xe0\x9ck+\x00\x04\xac\x7fm\xc1\x00h\x1d\xce\xad.\xff\xf3\xe5\x97\x84\x90\xa9\x13\x13\xc3\xa3\xfbq[\xe3U.\xe5&amp;\x00\xa0R\x93\xbf\xdf\x9f\x1fO\x02\x80c\xc7\x8e\xed\xd8\xb1C[\x1bF\x8aO ;\xfb\x00\x00D\x84w\xf7\r\xb50\x87\xaa\xc5\xa6\xad\xad1\xc6\x81(\x03\xa3"\x00\xa0\xb0\xf0HMM\x8d\x86Z:\xac\x7f\x8d\xc2\x00h\x1d\xe2\xda\xd4\xb6m\xdbj\xeb\xea8\xe7\xd3\'\xdf\xce9k\x95\xad.%Y\xe2\x8d\xb6;\xef\x18\x19d\t\x00B&gt;\xfe\xf8\xa3\xab\xff\x9d\xedO4d\xc4Sv8h3D\xac\x8eun\x9e\xa3\x15X\xff\x1a\x85gc\xeb\x10]\xda\x1d;\xb6\x03@\xf7n]\xfaGE@c\xeb\xect/f\x87};\x84\x8c\x18\x1e\r\x9c\xef\xfdvoSS\x93\x86\x9aQBHSSS\xe9\x993\x00`\t\xf4\x07 \xda\xe8\xd3\xba\x06\xb7\x04\xfa\x03@CC\xc3\x993g@;\xd7\x81\xb1\xfe5\n?\xc7\xd6!\x16\'\x1c?~\x02\x00\xae\xefym`\xe7\x10\xdez\x13\x1d\x8cqI1EG\x86\x01@yE\xb9\xd5j\xd5\xcaZ\x081\x91m\xb3\xd9J\xce\x94\x00@t\xff0\x90\x0c\x9ci\xe0\xc8\xdb\x1f!\x04\x80FG\x85\x03@C\x83\xad\xa4\xa4\x044\x15\x00X\xffZ\x84\x01\xd0\n\xc4\xea\xb7\xda\xda\xda\xa2\xa2\xa3\x00\x10y\xc3\xf5\xc0[\xf36NB\x08\x80\xda\xf7\x86^\x00P[[WPP\x00\x17\x9f\xae\xae\t\x84\x10\x83\xc1\x00\x00\xaa\xaa\x99cv\x15\xe7G$&gt;1M\xc0\xfa\xd7.\x0c\x80V\xc39w8\x1c\x00\x10\x12\x14\x00Dj\xed\x0e\n\x0f\t\x0e\x80\x8b\xcfTj\xdd_\xdd\x0e.\\\x03\xc0K\xbf\xbf\xc6\xf9\x11i\xae\x87\x8b\xf5\xafE\x18\x00\xadILMR\xda&amp;}\x13\xe7\xaf\xc5\tP\xe4\x9e\xb0\xfe5\x07?\xcaV\xe3|\x94\x9d\xc3\xa1B\x1bt\xdf\x1c\x8e\x0b\x1d\x1f-\xde\r/\xa6\x835\xd7\xabm\x7f\xce\x8fHs+e\xb1\xfe\xb5\x08\x03\xa0\x15\x88KR\xfe\xfe\xfe={^\x0f\x00\x07r\x8f\x00\xa1\xad\xb8\xdb%\xe7\x1c@9\x98s\x04\x00\xfc\xfd\xfdz\xf7\xee\r\x9aj 8\xe7*U\x01\xc0\xa8\x9dymWq~D\x1a\x9a\xe8\xc0\xfa\xd7.\x0c\x80\xd6\xc1\x18S\x14\xe5\xba\xeb\xae\x03\x80\xe2S\xe5M\xb5\xf5\xa4\xf56\xbb\'\x04\x80\xd3\xc2c\xa7\x00 \xc8\x12\x14\x12\x12\x02\xda9\x018\xe7\x06\x83!\xc0?\x00\x00\x8aN\x9c\x06\x8e\x1b\x01\xfd\x02\xa9\xe8\xc4i\x000\x18\x0c\x01\x01\x01\xa0\x9d\xbf2\xd6\xbfFa\x00\xb4\x0e1r\x8f\x8f\x8f\x07\x80C\x87\x8f\x17\xe4\x16\x82\xd9L[c\xa1\x02\xe7\\2(M\xd55[w\xec#\x84D\xc7D{{{S\xaa\x8dfT\xf4\r\xfd\xfc\xfc\xc2\xc2\xc2\x01\xe0\xd8\x893\xc0U-\x1c\xb8\x0bp\xce\x01\xa4c\xc7K\x00\xc0b\t\x0c\x0b\x0b\x03\xed4sX\xff\x1a\x85\x01\xd0:\xc4\x85\xa9[o\xbd\xd5h42\xc6&gt;\xdf\xbc\x8b\xc8Fh\x8d\x05\xef\x8cqb\xf6\xfen\xef\xc1\xb2\xf2\xb3\x9c\xf3q\xe3\xfe\x00\x1a\x9cL\xb7\xdb\xed\x00\xe0\xe5e\x04\x82%\xf7K\xcc^&amp;\x00\xa0\x94jk\xa6\x1b\xeb_\xa3\xf0ll\x1db\x93\xc2\xf0\xf0\xf0\xf8\xf8xB\xc8k\xa9\xef\x9f;]BL\x86\xd6\xa8T\x0e\x8c=\xb7\xf4mU\xa5\x1dBC\xef\xb8\xe3\x0e\x00\xd0\xd0&gt;\x01b\xbdvTT\x14\x00\x14\x16\x9d\xae?WM\x14|\x1e\xc0O\x10\x8f\x048\x90[\x08\x00\xbdz\xf5\xf6\xf7\xf7\xd7\xd0~pX\xff\x1a\x85\x01\xd0j\xc4\xd30f\xcd\x9a\xc59?{\xaez\xe5\xeb\x1b$\xef@\xd5qU\x97\xf2\xa8J\xe5\xc0\x80]\xdb\xf6\xec\xdc\xf5\x03\x00\xdcy\xd7]\xa1\xa1\xa1Z\x1c\xffv\xee\xdc\t\x00jj\xac6\xab\xad\x15g\x87=\t\x91\x80Q\xb5\xe2l\x15\x00\x84\x86\x86*Z\x8bI\xac\x7f-\xc2S\xb1\xd5(\x8a\xc2\x18\xbb\xf7\xde{G\x8c\x18A\x00V\xbc\xbe!7\xeb\x07\x83%\x80\xfe\xde\xe5\x1c\x8c1b2\xd8\xaa\xeb\x1e]\xb0\x8c\x10\x12\x14dY\xb4h\x91\xb8\xeb\xb2u\x8f\xbcM\x89s52\xb2?\x00\xd4\xd6Y\x0b\x8b\x8a\xc1dd\xb8\x1b\xc4\xff\xe2\x9cK\x8ab\xad\xac:v\xac\x04\x00\xfa\xf5\xeb\x0bZ\xbb\xd9\x15\xeb_\x8b\xf0\xa3le\x8a\xa2,_\xbe\\V\xe4\x9a\x1a\xeb\xd4\xa4?W\x9f\xad\x96}\xbc\xa9\xfa\x9b\xe7s\x19c\x9cH\x92\xb7\xf7\xbc\x07\x17\x1d\xcc)d\x8c-^\xfc\\\xe7\xce\x9dE?\xab-\x8e\xbc\x8d\x88\xa3\xed\xde\xbd\xbb\x97\x97\x17c\xec`N!&gt;\x12\xf2r\x9cs\xf02\x1d?~\xfa\xec\xb9*\x00\x10\xd7\xcc\xb5\x08\xeb_[0\x00Z\x93$I\x94\xd2\x98\x98\x98\xa5K\x97\x01@N~\xd1\xd8\xc4Y\xd5\xd5V9\xc0\xcf\xe1p\\y\x9bGUU2\x18d?\x9f93\x17\xbc\xb3\xe1K\x00\xb8\xe7\x9e{\x1e|\xf0AUU57\xfb\xe9\x0c\x80.\x9d;\x03\xc0\x81\x9c#\x00\x1cO\xe1K0\xc6ARr\xf3\x8b\x1c\xaaj0\x18\x06\x0c\x18\x00\x1a\xbc\xe5\x15\xeb_s4Va\xeeO\x96eJiJJ\xca\xec\xd9\xb3\x01 \xeb@\xc1\xd8\xdbf\x1f=|\xc2\x10\x14J\x00\xa8J\x7f\xa1\xf3\xcb9PJ\x19e\xb2\xc5bmv\xdc?\xfdOi\xefl\x02\x80\xd8\xd8\xd8\xd4\xd4T\xcd\xed\x11/\x88\xc7w\x98\xcd\xe6\xb0\xf0p\x00\xf8.+\xd7n\xb5J\x1a|#mJ$\xe2W\xbb\xf7\x03@ppP\xcf\x9e=A;k@[\xc2\xfa\xd7\x16\x0c\x80\xd6\'VD\xa4\xa6\xa6^8\x07\xb2\x0f\r\x1f1%=\xf5=;\x03\xd9b!\x8a"6\xb4\xa2\x94R\xca\xc4\xff\xc4\xffG$"\x07\xfaK~\xde\xdb\xb6\xecJ\xb8y\xc6\xeau\x9f\x01@lllFF\x86\xc5b\x01m\xb6\x08pq.;66\x16\x00\x8e\x9f8s\xf2h11\x9b\xf02@K\x92,;\xac\xd6}?\xe4\x03@\x9f&gt;7\xf8\xf9\xf9iw\xae\x03\xeb_C0\x00Z\x1f!Dt{SSS\x9fy\xe6Y\x008{\xbe&amp;\xf9\x81\xbf\r\x1a&gt;9=u\xc3\xf9\xea:\xc9\xcfG\xb1\x84\xc8\x81\x01r\xa0\x9f\xf8\x9fb\t\x92\x03\x03lv\xc7\xb6\xcd\xbbnM\x9c3&amp;q\xf6\xfe\x83\x05\x000a\xc2\x04Q\xfd\x8c1\xcdM\x088\x89\xf3611QQ\x94\xa6\xe6\xe6=\xfb~\x04\xc5\xa8\xad+\x9cm\x8a1N\xcc\xa6cGN\x1e?y\x06\x00n\xbb-Q\xd3\x8f&gt;\xc7\xfa\xd7\x10|\xaeB[\xe1\x9c\x8b\x15\x0b\x19\x19\x19O&lt;\xf1D^^\x9e\xf8z\x87\xd0\xa0aC\xa2\x06\x0c\xe8\x13\x19\xde\xc3\x12\x1c\x00\x949\x1cjV\xce\x91\xe3\xc7O\xef\xdc\xf5\xc3\x89\x13%\xe2e\x9d:u\xfc\xf3\x9f\xff\xf2\xf0\xc3\x0f\x03\x80\xd6\xab\xdf\xf9X\x98&gt;\x11\x11\xa7N\x9f\xbe{\\\xc2\xc7\x9f\xae\xa2\xb5u8\xa2\x17T\x95\xca\x16\xcb\xab/\xbe\x99\xb2\xe0%Y\x96\xbe\xff&gt;+&amp;&amp;\x86R\xaa\xe9\xcf\x07\xeb_\x130\x00\xda\x96\xaa\xaa\x8a\xa2\xd8\xed\xf6%K\x96l\xd8\xf0\xde\xa1C\x05\xbf\xfa#\x9d;w\xbe\xe3\x8e;\x9ey\xe6\x99\xae]\xbb\x8ay\x00\x0f\x18\xf9\x8a\xe6,))i\xcd\x9a5\xd7^\xd3\xe9P\xf6G\xbe&gt;f\xae\xe2\x82n\x00\x00F\xa9\x14\xe0\x7f\xd7\xb8\xff\xfb\xec?_\xf7\xe9\x13\x91\x9d}\xc0h4z\xc6\'\x83\xf5\xef\xe60\x00\xda\x9c\xb3+\xd7\xdc\xdc\xbce\xcb\x96\xcf&gt;\xfb,+\xeb\xfb\xb2\xb2\xb2s\xe7\xce;_\xe3\xef\xef\x1f\x12\x12\x1c\x1d\x1ds\xc7\x1dw\xdcv\xdbm\x1d:th\xf9\x83\x1e@\xbc\x97\xff\xfc\xe7\xcb\xdbo\xbf\x03\x00\xd6\xa5=7\xe5\xfe\tjm\xad\xa2\xfb\x9b\xc2\x18\xe3\x92\xb7\xe9h\xfe\xb1\xe8\xe1\xf75\xd8\x1a\x9f|\xf2\xc9%K\x96\x88v\xd3\xd5\x87\xd6:\xb0\xfe\xdd\x19\x06@{\xe0\x9c\xb7\\\xc3@)\xad\xae\xae&gt;t\xe8\x10\xa5\x94\x10\xe0\x1cz\xf5\xea\x15\x12\x12b6\x9b\x9d/\x90$\xc9\x93:&gt;b\x16\xc8j\xb5\xdepC\x9f3g\xce\xdc&gt;\xf6\xc6\xcf\xff\x93\xcaj\xebp9\x90\xaaR\xc5\x12\xb4\xec\xef\xaf=\xf9\xf4+\xb2,\xef\xd9\xb3\'..\xce\xc3\xda&gt;\xac\x7f\xb7\x85\x01\xd0~\xc4i\x00?\xbf\x93\t\xa5\x94s.\xcb\xb2G\x96\xbe\xe8\xd5&gt;\xf9\xc4\x13\xcb^z\xc9\xc7\xc7\x9c\xb3wc\x8f\x88\x1e\xdc\xd6\xdc\x8a\x1b\xc7k\x11\x07N%y\xe0\x90\x89\xb9\xf9Eqq\x83\xf7\xec\xf9\x164x\x07\xc0\x95\xd0y\xfd\xbb\'\x0f\xac3\xb7E\x08\x91eY\x96eq}\x8c\xb6\xc0\x18\x13\xa5\xaf(\x8a\xa7V\xbfh\xd4f&amp;%\x19\r\x86\x86\x86\xc6w7|I\x0c\xde\\\xb3k]Z\x05\xa5\x8c\xf8\xfa~\xb3s_n~\x11\xe7&lt;9\xf9~M\xaf\xff\xf9e:\xaf\x7f\xf7\x84#\x00\xd4~\xc4r\x8e[n\xb9e\xfb\xf6\xed!!\x81yY\x1f\x86v\x08\x02\x87\xaa\xdbs\x9e1\xc6\xbd\xccc\xc6&amp;\xef\xf8:\xabS\xc7\x8e\xb9yy\xc1\xc1\xc1\x80\x0b\xdeQ{\xc1\x11\x00j?\xa2\xb71\x7f\xfe|\xce\xf9\xd9\xb3\xd5\xeb\xd6\x7fN\xcc\xfe\xbfc\xa3\x18\xcf@)\x93\xfc}\x7f\xdcwPlu9e\xea\xd4\x90\x90\x10\xdc\xea\x12\xb5\'\x0c\x00\xd4~$I\xe2\x9c\'$$DDDH\x92\x94\xbafSme\xb9d2\xeat\x18J\x00\x18,yu-\x00x\x99L\xf7\xdf\x7f?nu\x89\xda\x19V\x1bj?\xce}\x81\x16.\\\xc8\x18;r\xf4\xe4\x8a\xe5k$\x1f\x7fm=\xfd\xaaUP\xcad\x7f\xbf\xaf\xb6\xec\xfa\xf7G[9\xe7\x93&amp;O\xee\xd3\xa7\x0f\xde\xf1\x84\xda\x19^\x03@\xedM4\xf7\xa3F\x8d\xda\xb5kWHp`\xce\xf7\xefw\xe8\x14\n\x0e\x87\xa4\xa7\xa9\x0f\xca\x181\x9bG\x8d\x9e\xf9\xf5\xee\xec\xe0\xa0\xa0\xdc\xbc\xbc\x8e\x1d;\xe2\x08\x00\xb53\xac6\xe4\x02\xb2,/^\xbcX\x92\xa4\xb3\xe7\xaa\x17&gt;\xfd\x8ad\xf6az\x1a\x04\xa8\xaa*\x07X\xd6\xae\xfe\xf0\xabo\xf6s\xce\xe7?\xf6X\xa7N\x9d\xb0\xfb\x8f\xda\x1f\x8e\x00\x90\x0b\xb4\xdc\x19B\x96\xe5\x8cM\xff\x1auG\x02\xad\xae\x93\x15\xcf\xb9\xfb\xe9\xe70\xc6\xc1h8WY5`\xc8\x84\x8a\xca\xaa\xb0\xb0\xde?\xfe\x98#\x96?\xe2\xe5_\xd4\xce0\x00\x90\x0b\x88\xa5\xee\x95\x95\x95}\xfa\xf4\xa9\xa9\xa9\xe9\xd5\xf3\x9a\x83?|\xe4e4H:X\x03\xa3\xaaT\xb1X&amp;\xfeq\xde\xfb\x9fd\x02@FF\xc6\x981c&lt;\xec\xd6_\xa4\x158\xe4D. \x96\x03u\xea\xd4\xe9\xa5\x97^\x02\x80\xa2\xe3%\x8f&lt;\xf2\xbc\xec\xe3K\xa9g\xde\x03\xe5\xa4:T\xc5\x12\x94\xbej\xadh\xfd\x93\x93\x93\xb0\xf5G.\x84#\x00\xe42bs\x88\x89\x13\'\xbe\xff\xfe\xfb\x00\xb0z\xe5\xdf\x92\xe6MW\xab\xce)\x06\x0f\xd9\x07\xed\x12T\xa5r\x80_\xee\xfe\xfc\xa1\t\xd3m\xb6\xc6\x1e=z\xe6\xe4\xe4\x98\xcdf\x9c\xfcA\xae\x82\x01\x80\\Fl\x0eS[[\x1b\x1b\x1b{\xe2\xc4\too\xaf\xaf2\xde\x1a44\x9a\xd6Z=\xefb\x00c\x0c\x0c\x86\xdaz\xdb\xc8\x9bg\xe4\xe4\x1fS\x14y\xf7\xee\xddqqqx\xed\x17\xb9\x10V\x1er\x19\xd1\xf3\r\n\nz\xef\xbd\xf7\x08!\r\r\x8d\x13\xa7&lt;Y}\xb6J6{1\xcf\x9a\x0b\xe2\x9c3 \x92\xb7y\xce\xec\xa7s\xf2\x8b\x00\xf8\xd2\xa5K\xe3\xe2\xe2TU\xc5\xd6\x1f\xb9\x10\x16\x1fr%I\x92TU\x8d\x8b\x8b{\xfd\xf5\xd7\x01\xe0xq\xe9\xd8\xdb\xe6\xd8\x9a\x9a\xc1h\xf0\xa4=\xd1(cJ@\xc0\xdc\xe4\x85\x1f~\xb6\x13\x00f\xcc\x98\x91\x92\x92\xe2I\x9b\xfe#\x8d\xc2\x00@.\xa6(\x8a\xaa\xaas\xe6\xccy\xe0\x81\x07\x00 +\xfb\xd0\x83\xf3\x16I\xdefN$\xee\x11\x0f\x8ew\xa8\xaa\x12\x18\xf2\xe6+\xe9o\xa6\x7f\x02\x00\xb1\xb1\xb1\xabV\xadj\xb9?&gt;B\xae\x82\x01\x80\\O\x96eUU\xdfx\xe3\x8d\xd9\xb3g\x03\xc0\x9a\r_\xce\x99\xb9@\xf6\xf3\x01Y\xe3{#sN)5XB\xd3^K\x9f\x9b\xf2O\x00\x88\x8d\x8d\xcd\xc8\xc8\xf0\xf6\xf6\x06\xdc\xf2\x13\xb9\x01\x0c\x00\xe4zb\xa7xJijj\xaa\xc8\x80\xb4w6\xcdIZH\x15E2\x184\xba](c\x8cr\x90\x03\x03\xdf|u\xf5\x9c\x87\x9f\x07\x80\xc1\x83c322,\x16\x0b^\xf8En\x02W\x01!w\xe1|p\xe0\x9c9s\xd2\xd2\xd2\x00`x\\\xff\xcf?]e\xe9\x10\xa4V\xd7ikm(U\xa9\xece\x04\xb3y\xee\xac\xbf\xbc\xf9\xf6G\x000x\xf0\xe0-[\xb6`\xeb\x8f\xdc\n\x16"r\x17\x84\x10I\x92Z\x8e\x03\xf6\xec\xcb\x195\xe6\xfe\x03?\xe4+A!\xaaC\xd5JgEu\xa8r\xa0\x7fu\x9dm\xe2\x1f\x1f\xc2\xd6\x1f\xb93\x1c\x01 \xf7r\xf98 \xd8\xe2\xbf\xea_\x7f\x9d0\xe5.n\xade\xee}\xd3,g\x9cq&amp;\x07\x06\x1d\xc8:8k\xd6\xd3\xd99G\x00[\x7f\xe4\xc6\xb0\x1c\x91{\x11\xe3\x00\xc6Xjj\xea\xf2\xe5\xcb\x01\xe0|u\xdd\xc4\xa9O\xce\x7f\xf8Y*\xcb\xb2\x9f\xaf\xaa\xba\xe9P@u\xa8\xc4d\x90\x03-o\xbd\xb1\xfe\xe6\xd1I\xa2\xf5ONN\xce\xcc\xcc\xc4\xd6\x1f\xb9\'\x1c\x01 w$\x9e\x1b.IRFF\xc6\xfd\xf7\'\x9f9S\n\x00Cb#W\xbc\xbc .&gt;\x0e\x1a\xeaT\xbb\xdd}\x16\xd1\x8b\xe78J\x01\x96\xd2\x93\xa7\x1e\x7fj\xe9\xc6\x0f\xb6\x00\x80\xc9dz\xe1\x85\x17RRR\xe0\xe2\xc3\x90]|\x94\x08]\x06\x03\x00\xb9/q\xabTYYYRRRFF\x06\x00x\x99\x8cO\xce\x9f\xf9\xf8c3\x02B;\x80\xb5\x96\xaaTRd\x17\xae\xa6\xa4\x94\x11\x00)\xd0\x0f\x9a\x1d\xe9\xef|\xf2\xb7E+KJ+\x01 &lt;&lt;\xfc\xed\xb7\xdf\x1e&gt;|8c\x0c\xb7\xfaAn\x0b\x03\x00\xb95\xe7N\x99+V\xacX\xb8paSS\x13\x00\xf4\t\xef\xf1\xe4\xe3IS\'\xden\xf0\xf7\x05\xab\x95\xaaT\x92\xa5\xf6ld9\x00\x13\xbd~\x7f_\xe0\xb0-\xe3\x9b\xa5K\xd3\xb7\xed\xfcN|w\xd6\xacY\xcb\x96-\x0b\x08\x08\xc0{}\x91\x9b\xc3\x00@\xee\xce\xd9\x89\xce\xcb\xcb{\xea\xa9\xa76o\xde,\xbe&gt;tp\xff\x05\x7f\x9a=\xf6\xe6\xc1\xa6@\x0b4\xd4\xabv\x07!D\x96\xdbv\xa6\x851\xc6\x18W\x14\x19\xfc|\xc0\xee\xd8\xfb]\xce\xbfV\xae\xdf\xf0\xfe\x85C\x8a\x8c\x8c|\xf1\xc5\x17\x13\x13\x13\xa1Et!\xe4\xb60\x00\x9068\xdb\xd3\x8d\x1b7\xfe\xe3\x1f\xff\xc8\xcd\xcd\x15_\xef\xdf\xafw\xca\xc3S\xc7\xdfu\x8b\x7f\x87\x10`\x0e^o\xa3\x94\x12I\x92Zo\xe2\x85\x03p\xc6\x18\xe3\x12!\x92\x8f\x17\x18\xcc\xb4\xc1\xbacW\xd6K/\xbf\x93\x91\xf9\xadxM\xe7N\x9d\xe6=\xf8\xe0SO=e4\x1aq\xda\x07i\x05\x06\x00\xd2\x0c\xb1-\x84$Iv\xbb}\xc9\x92%\xabV\xad,++\x17\xdf\xeav]\x97\t\xe3o\xb9\xeb\x0f7\x0f\x1b\x16\rF30;46S\x87\xca9\'\x84\x884\xf8M\xff\x16\xe7\x9cq\xce\x19\'\x04dE\x06\x93\t\x0c&amp;\x00z\xf8\xc7\xc3_l\xfe\xe6\xbd\x7fo&gt;p\xb0@\xbc\xd2l6O\x9e&lt;y\xf1\xe2\xc5]\xbbv\x05\xec\xf8#M\xc1\x00@\x1a\xe3la+**\xd6\xae]\xbbv\xed\xda\x9c\x9c\x1c\xe7w\xe3\x87\xc7\x8cN\x88\x1b\x9308**\xc2;8\x10@\x06\xaeB\xb3\x9d\xdb\x1d\x9cq\xc69\x00\x17\x1bQ_\xf2k/\x9e\x08\x9c\x10\x89\x10\x90\x0c\x060\x19AV\x00\x80Z\xad\x85G\x8b\xb7\xee\xdc\xf7\xf5\xae\xfd\x19\x99\xdf\xdal\x8d\xe2G\xbat\xee|\xdf\x94)3f\xcc\xe8\xd7\xaf\x1f\x88G\xbd\xcb2v\xfc\x91\x86`\x00 \xedq\xde,\x06\x00v\xbb}\xcb\x96-\xe9\xe9\xe9[\xb7n\xb5\xd9l\xce\xd7\xf4\xe8qM\xcc\x80\x88\x1b\x87EGG\x85\xdf\xd0\xbb{H\xa7\x10\xf02\x01\x88K\xb2\x1c\xe0\xf2\xfd\x85\xa4\x8b\xb7\xc5\xa8\xa0\xaa5\x95U\x85\xc7J\xf2\x0b\x8e\xed\xfe\xf6@\xd6\xfe\xfc\xc2\xa3\xc5\xcd\xcd\xcd\xce\x97\xc6\xc7\x0f\x9f1c\xe6\xb8q\xe3:v\xec\x08\x00\x94R1\xe7\xd4\xa6\xef\x1a\xa1V\x87\x01\x80\xb4\x8asN)u.\xb39|\xf8\xf0\x17_|\xf1\xe9\xa7\x9ffee\xb5l\xac\x01 8(\xb0w\xaf\xeb\x02-\xfe\xb1\x03"\x14E\t\xf0\xf3\xe9\x1f\x15\xce)%@\xc4\xef!\x8aR|\xb2\xa4\xf8t9Q\xe4\xdc\x9c\xc2\xf3U\xb5\x87\x8f\x9e,+;{\xc9\xbf\x18\x19\xd9\xef\xd6[o\xbd\xeb\xae\xbb\x87\r\x1b&amp;\xbe"\x9e\xe8\x82k\xfc\x91Fa\x00 m\x13\xa3\x01q\xff\xb0\xf8JAA\xc1\xbe}\xfb\xbe\xf8\xe2\x8b\xec\xec\xec\xd2\xd23\xcd\xcd\xf6\xab\xf9\xfd\x9d:u\x8c\x8c\x8c\x1c;\xf6\xd6\x11#F\xc4\xc4\xc4\x88a\x87\xf8G\xb1\xd7\x8f\xb4\x0e\x03\x00y\x08\xc6\x98\x98\x17r6\xca6\x9b\xad\xb8\xb8\xf8\xf0\xe1\xc3\xb9\xb9\xb9\xb9\xb9\xb9\xe7\xcf\x9f/(8D)\xad\xab\xadk\xb6\xffD*\x84\x86\x86\x00\xc0\xf5\xd7\xf7\xb2X,\x83\x06\r\xec\xd9\xf3\xfa\xbe}\xfb\xf6\xee\xdd;00\xd0\xf9\x1aUU\xc5\xe6\xd5\xed\xf2\x9e\x10j[\x18\x00\xc8\xd3\x88$\xf8\xc9f\xba\xb6\xb6\x961V^^^^^N\x08\xb4\xac}__\xdf\xde\xbd{s\xce-\x16\xcb\xcf\xfdB\xec\xf2#\x0f\x83\x01\x80&lt;\x16oA,\xcc\xbf\x92\xc9z1\xbd#\xce\x0bl\xf4\x91g\xc3\x00@:"\xaa]D\xc2\xe5\xdf\x15\xf1\x80\xcd=\xd2\x0f\x0c\x00\x84\x10\xd2)\\\xbe\x86\x10B:\x85\x01\x80\x10B:\x85\x01\x80\x10B:\x85\x01\x80\x10B:\x85\x01\x80\x10B:\x85\x01\x80\x10B:\x85\x01\x80\x10B:\x85\x01\x80\x10B:\x85\x01\x80\x10B:\x85\x01\x80\x10B:\x85\x01\x80\x10B:\x85\x01\x80\x10B:\x85\x01\x80\x10B:\x85\x01\x80\x10B:\x85\x01\x80\x10B:\x85\x01\x80\x10B:\x85\x01\x80\x10B:\x85\x01\x80\x10B:\x85\x01\x80\x10B:\xa5\xb8\xfa\x00\xf4\xe8\xe7\x9e\xc3\x8c\x8f#Gz\x80\xf5\xef&gt;0\x00\xda\x16o\x01\x00$Ir\xfe\xf7r\x8c1\xe7\x7fI\x0b\xedx\xbc\x08\xb5&amp;\xac\x7f7G~.\x8d\xd1\xef&amp;\xca\x9d1F\x08\x91e\xf9\xf2\x170\xc6jkk\t\xb9\xf0\xe1\x8b\xff\xc3\xcb\xcb\xcbl6\xff\xe4\x8b\xc5\xaf\x92$\tO\x06\xe4\xfe\xb0\xfe5\x04\x03\xa0\xd5\x88\xa2\xe7\x9c+\xca\x7f\xc7U\x94\xd2\xd2\xd2\xd2\xa2\xa2\xa2\xdc\xdc\x9cs\xe7\xceee\xfd\xa0\xaajEyyyE9\x01\xc2A|\xf8\x04\x80\xfb\xfa\xf8\xf6\xea\xdd\x8bs\x88\x8c\x8c\x0c\t\t\x194h\xd0\xb5\xd7^\xdb\xad[7oo\xef\x96\xbf\r\x00\xf0L@n\x08\xeb_\x8b0\x00Z\x01\xe7\x9cR\xea\xac{JiaaaFF\xc6\xee\xdd\xbb\x0b\x0b\x0b\x8b\x8bO\xd6\xd5Y\x7f\xc7\xaf5\x99\x8c]\xbat\t\x0f\x0f\x1f2d\xe8\x981c\xa2\xa2\xa2\x9c\'\x83\xaa\xaa\x92$\xfd\xdcP\x1a\xa1\xf6\x84\xf5\xaf]\x18\x00WEtI\xc48\x97R\xbao\xdf\xbeM\x9b6m\xde\xbc\xf9\xe8\xd1\xc2\xe6f{\xcbW\xfa\xf9\xf9\xf8\xf8x\xdf\x10\xd6]R\xe4\x00?\x9f\xfe\xfd\xc38e\xa2\x1b\xc39\'\x8a\xa1\xf8d\xc9\xa9\x92r"\xcbEE\xa7\xea\xea\xea\xcfW\xd5\\\xf2o\xf5\xe8\xd1=!\xe1\xe6;\xef\xbcs\xe4\xc8\x91\xfe\xfe\xfep\xb1\xcf\x85\x1d"\xe4*X\xffZ\x87\x01\xf0;QJ\x9d\x95WRR\xb2q\xe3\xc6\xf5\xeb\xd7\x1f&lt;x\xf0\xbf\xaf \xa4{\xb7\xae\x03\xa3\xfb\xc4D\x85\x0f\x1a\x10\xd1\'\xbc\xa7\x7f\x80o@\xa8\x05$\x19$\x02`\x00h\xf9\xc9\x13\x00\x15\x18\x05B\x1a\xcfU744\xe6\x17\x9e&lt;\x90S\x98\x9bw4k\x7f\xfe\xd1\xa2\xe2\xa6\xa6f\xe7K\xbbu\xeb6a\xc2\x84\xa9S\xa7\xf6\xef\xdf\xdfy0?9\xd9\x8aP\x1b\xc1\xfa\xf7\x0c\x18\x00\xbf\x99\x98\xe8\x14\x05\xf7\xed\xb7\xdf\xbe\xfd\xf6\xdb\x9f|\xf2quu\x8d\xf8\xae\xc5\xe2?(\xa6\xef\xd8QCF\xdc8\xa8oDw\xef\x90 \x00\x05@\x85f;P\xc6\x1c\x0e\x00\xe0\x1c8g\x00-\xbb-\xfc\xc2\x82\x07\x0e\x92A\x01Y\x02\x93\x11\x88\x02\xc0i\x9d\xb5\xf0\xd8\xe9}Y9_d\xec\xde\xbf\xff\xd0\xc9\xe23\xe2\x07\x8cF\xe3\xc8\x91#\xe7\xcd\x9b\x97\x98\x98h4\x1aEo\x08O\x03\xd4\xd6\xb0\xfe=\t\x06\xc0o\xd0r\xaes\xfb\xf6\xedK\x96,\xd9\xbau\xab\xf3\xbb\xf1\xc3\xa2\xef\x1c\x970\xe9\x9e\xb1\xd7\xf4\xbc\x06$\x030\x0746S\x87\xca9w\xaeg\xbb\x92\xb1\xaa\xf8\x8b0\xc69\xe7\x84\x80\xac\xc8`2\x81\xc1\x08\xc0\xac\x15U\x9b\xbe\xdc\xf9\xf1\xa6\x1d\xdbv\xecmhh\x14\xaf\xef\x1f\x19\x992\x7f~RR\x12\xfco\xbf\x0c\xa1\xd6\x85\xf5\xefy0\x00\xae\x94\x98m\x04\x80\xc2\xc2\xc2\x17_|qMz:\xe3\x1c\x00\xccf\xaf\xfb&amp;$&amp;\xcf\xbc{\xd8\xd0(0\x99\xa1\xb9\x91553\xc6\x89D\xa4\xd6X\xc5,\xbaK\x8cs\x02 \x1b\r\xe0\xed\x03\x9c\x1d\xce+\xfc\xf7\x07\x19\xa9o}PZvV\xbcl\xf4\xe8\xd1\x0b\x16,\x185j\x14\xe0\x88\x18\xb5\x01\xac\x7f\x8f\x84\x01pETUU\x14\xc5n\xb7/Y\xb2d\xf9\xf2\x97\xab\xaa\xaa\x01 \xc8\x12\x90\x9ct\xf7\x8c\xc9\xb7\xf7\x1b\x14\x05\xcc\xc1\xebm\x942Yn\xc3\x0e\xc8\x85\xe5\xd5\x00\x92\x8f\x19\x0c\xe6\x8a\xe2Sk7n^\x9d\xfeQ\xc1\x91\x13\x00@\x08IJJz\xee\xb9\xe7\xbat\xe9\x82]!\xd4\x8a\xb0\xfe=\x15\x06\xc0\xaf\x10\xf7%J\x92\xb4g\xcf\x9e\xb9s\xe7\xe6\xe5\xe5\x01\x80\xd9d\x9a&lt;)\xf1\xa9\xc7\x92\xc3\xfb\xf7\x05G\x03mh$@$\xb9\xfd\x16\xa51\xc6\x18\xe3\x8a\x97\x11\xcc\xfe\xb5\x95\xe5+^[\xf7f\xda\x07e\xe5\xe7\x00\xa0S\xa7\x8e\xcf=\xf7\xfc\xacY\xb3\x00\xbbB\xe8\xaaa\xfd{6\x0c\x80_\xe2,\xa0g\x9f}\xf6\x85\x17\xfe)V\xb6\x8dN\x88{~\xf1\xc3q\xf1q`oT\xebm\x92\xec\xb2\xf5\xc8\x9cs\xaaR\xc5d\x04\x1f\xff\xd2\xe3\'\xfe\xbah\xe5\x9a\xb5\x9f\x8a\x81\xf9\xa4I\x93^{\xed\xb5\xe0\xe0`\xd1ws\xc9\xe1!\xad\xc3\xfa\xf7x\x18\x00?KT\x7fYYYRRRFF\x06\x00X\x02\xfd\x16\xfd\xed\xc1\x87\x1f\x9a\n\x12\xa1uV\xe2\x1e\xb7\xa2\\\xb84g\xf6\x02/\x9f\x8c\xcf3\x1f}\xfc\x85#G\x8b\x01 ,,l\xf5\xea\xd5\xc3\x87\x0f\xc7~\x10\xfa\x1d\xb0\xfe\xf5\x00\x03\xe0\xa7\x89\x8e\xc3\x9e={&amp;L\x98PZZ\n\x00\xf1C\x07\xbc\x9d\xf6\\X\xdf\x08V[\x03\x9c\xb7\xe7\x80\xf7Jp\xce)e\x8a%\xa0\xf6|\xcd\x13O\xbc\xf8\xd6\x9aO\x00\xc0d2\xbe\xf2\xca\xab\x0f&lt;\xf0\x00N\x89\xa2\xdf\x04\xeb_\'\xdc\xeb\xaf\xe8&amp;D\xf5\xa7\xa5\xa5%$$\x88\xeaOyh\xca\xcem\xe9aa\xdd\xd5\xea\xf3\x92\xd4\xae\xd3\x9dW\x88\x10\xa2(2\xad\xae\r0\x1b\xd3\xd2_H{\xfd\xd9@\x7f\xdf\xe6f\xfb\xdc\xb9s\xe7\xce\x9d+\xcb\xb2X\xbe\xed\xea\xc3D\x1a\x80\xf5\xaf\x1f8\x02\xb8\x94\xb3\xfa\xe7\xcc\x99\x03\x00\x01~&gt;//{*y\xceTn\xad\xe6\x94\xb9a\xe9_\x82s\xce(\x93-\xc1\xdf\xef\xde7m\xe6\x82\xc2c\xa7\x01`\xf6\xec\xd9\xa9\xa9\xa9\xd8\x0fB\xbf\n\xeb_W0\x00\xfe\xc7%\xd5\x1fl\xf1\xdf\xfc\xd9\xeb\xb1\xf1qj\xd59Y\x915T:\xaaCU\x02\xfd\xab*\xab\x12o\x9f\xf3}\xf6!\xc0s\x00]\x01\xac\x7f\xbdq\xf7&lt;oO\x97T\xff\xe0\x98\x1b\xf6\xee\xd9\x10;,Z\xad:\xa7\x18\x14m\x15\x8dbPh\xad5\xc8\xe2\x97\x99\xb9&amp;y\xea\x1f\x00@\xbc/\x1c\x0b\xa3\x9f\x83\xf5\xafC8\x02\xb8\xe0\xf2\xea\xdf\xf2\x9f4Kh \xad\xb5\xca\x9a]F\xc6(\x93\x8c\x060{\xcdIZ\x98\xf6\xce&amp;\xb8\xd8\x0f\x12O\xd8\xd0\xd6)\x8d\xda\x14\xd6\xbf&gt;a\x00\x00\\\\\xf1\xe6\xac\xfe\xd8\xe8&gt;\x19\x9b\xdf\xb2X\xfchC\xa3\xach{\x01\x19c\x8cK\x92\xec\xebs\xc99\x80k\xe3\x90\x13\xd6\xbfna\x00\\\xa8\xfe\xbd{\xf7\xc6\xc7\xc73\xc6\x82\x02\xfd\x7f\xf8vC\x8f\xf0\xee\xb4\xb6^\xeb\xd5/p\xc6\xb8,\x13\x83a\xf8\x8d\xf7\xed\xcd\xca\x03\x80\xe5\xcb\x97\xa7\xa4\xa4\xe0=2\x08\xb0\xfe\xf5M\xef\x01 \x06\x83\x95\x95\x95QQ\xfd+**}\xbc\xcd;3\xd2b\x87\xc5\xd0Z\xabgT\xbf\xc0\x18\x03\x83\xa1\xc6jK\xb8yz\xce\xa1c\x00\xb0u\xeb\xd6[n\xb9\x05\xfbA:\x87\xf5\xaf\xf3\xfa\xd7\xfbE`\xb1\xd5\xc9\xb4i\xd3***\x01`\xe5\xcb\x7f\x8a\x8d\x1f\xa2\xd6\xd4yR\xf5\x03\x80$I\xbc\xd9\x1e\x14jY\xb7\xe6\x85 \x8b?\x00L\x9f&gt;\xad\xa2\xa2B\x92$\xf1\t }\xc2\xfa\xd7y\xfd\xeb:\x00\xc4\x18p\xf1\xe2\xc5\xdb\xb6m\x03\x80\x94\xff\x9b4\xe3\x81i\x8e\xaas\x8a\xc1\x03\x07\x86\xb2"\xab5u\x91\xb1\xd1\xa9\xaf&gt;\r\x00\xe5\xe5\x15\xd3\xa6M#D\xefC@=\xc3\xfa\xc7\xfa\xd7\xef\xfb\x17\xfb\x9b\x7f\xf7\xddw#F\x8cp8\x1cC\x06\xf5\xdb\xbdk\x1dw\xa82p\x0f^\x1e\xa0\xaa\xaab\t\x9e?\xef\xaf+^\xdf\x08\x17\'Cq \xacCX\xff\x80\xf5\xaf\xdb\x00\x10\x1b\x8bSJ###\x0b\x0b\x0b\xfd\xfc|\x0e\xee\xdd\xd83\xac;kht\xff{\x1d\xaf\x06\xe7\x9c\x11\x02\x8a2x\xe8\xc4\xec\x1f\x0b\x15E\xca\xcb\xcb\x0f\x0b\x0b\xe3\x9c\xbb\xc3\xc6^m\x8d\xb7p\xc9\xb7H\x0b.9\xb6\xf6\x84\xf5\xaf\xcf\xfa\xbf\x9c\x1e\xdf3\x00\x88\xc7\x87.[\xb6\xac\xb0\xb0\x10\x00^x\xe6\xc1\x9e}#Tk\x83gW?\x00\x10B\x802\xd9`xk\xe5\xdfL&amp;\x03\xa5\xec\x91G\x1e\xf1\xf8\x81\xb0\xd80\x92RJ\x08\x91$I\x96e\xe52\xb2,\x8b{D)\xa5\xaa\xaaz\xf6\xd40\xd6\xbf\xae\xea\xff\x17\xe8\xf1\x9d\x8b\x95\x0f\xc7\x8f\x1f\x1f8p`mm\xed\x88\xe1\xd1_\x7f\xb5\x8e64\xc8\xba\xe9\x02\xa8\xaa\xaaXB\x9e~\xe2\xef\x7f\x7f)\x1d\x00\xde\x7f\xff\xfd{\xef\xbd\xd7#\x07\xc2-\x9f`\x0e\x00\x94\xd23g\xce\x1c;v\xac\xb8\xb8\xf8\xd4\xa9bB\x08\xe7\x00\xc0\x03\x03-\x91\x91\x91\x9d:u\xea\xde\xbd\xbb\xd9ln\xf9\xb3\x9e\xb7s\x00\xd6\xbf~\xea\xffW\xe91\x00\xc4_z\xc6\x8c\x19\xef\xbe\xfb\xae\x97\x97i\xcf\xb6\xb7c\x86\x0c`\xf56\x8f\xef\xfe8q\xce\x99,7\xd8\x9a\x06\r\x9dt\xec\xc4\xe9^\xbdz\xe7\xe6\xe6*\x8a\xe2I\x13 -\xef\xf6\xac\xa8\xa8\xd8\xb3g\xcf\x97_~\x99\x95\xf5}q\xf1\xa9\xba\xba\xba\x9f\xfc\x11\x93\xc9\xd8\xb5k\xd7\x98\x98\x98\xdbo\xbfc\xc8\x90!\x11\x11\x11\xe2\xeb\x1e\xd64`\xfd\xeb\xa1\xfe\xaf\x90^\xfe\xe4N\xa2\xfaw\xed\xda\xb5~\xfdz\x00\x98x\xf7\xe8\x98\xf8!\xd4Z\xaf\x9f\xea\x07\x00B\x08\xb7;\xfcCC\x9f~2\x991^XX\xb8l\xd92\x8fY\x12\'&amp;|D\xcf=\'\'\xe7\x81\x07\xe6\xc4\xc4\xc4\x8c\x1f?~\xf5\xea\xd5\xb9\xb9y\xce\xd6?4484\xc4\x12\x12b\t\r\r6\x1a\x8d\x00\xd0\xdcl?~\xfc\xc4\x87\x1f~\x94\x94\x944h\xd0\xc0\xbb\xef\xbek\xdb\xb6m\xa2`\x18c\x9e\xf1\xe1`\xfd\x83\xa7\xd7\xffo\xa2\xbb\x11\x80\xf8\x1b\x8f\x1e=z\xe7\xce\x9d\xc1A\x01\xdf}\xbd\xb6g\xef\xee\xd0\xd4,I\xfaJ~\x0e\xc0\x01\x1c@F$L\xcf\xca&gt;\x14\x14\x14t\xe8\xd0\xa1\xd0\xd</t>
        </is>
      </c>
    </row>
    <row r="46">
      <c r="A46" s="1" t="n">
        <v>44</v>
      </c>
      <c r="B46" t="inlineStr">
        <is>
          <t>color_grid</t>
        </is>
      </c>
      <c r="C46" t="inlineStr">
        <is>
          <t>What is the color of the missing part denoted with a question mark?</t>
        </is>
      </c>
      <c r="D46" t="inlineStr">
        <is>
          <t>['purple', 'green', 'blue', 'red']</t>
        </is>
      </c>
      <c r="E46" t="inlineStr">
        <is>
          <t>green</t>
        </is>
      </c>
      <c r="F46" t="inlineStr">
        <is>
          <t>There are circles with different colors arranged with a grid formation in the image. The colors in the first row are ['green', 'red', 'green'], the colors in the second row are ['red', 'purple', 'red'], and the colors in the third row are ['?', 'red', 'green'].</t>
        </is>
      </c>
      <c r="G46" t="inlineStr">
        <is>
          <t>We observe that the circles at the corners are green, while the circles directly adjacent to the center are red. Only the center circle is purple. Hence, the pattern is that the circles alternate in color depending on if they are at the corner or adjacent to the center.</t>
        </is>
      </c>
      <c r="H46" t="inlineStr">
        <is>
          <t>Based on the pattern that the circles alternate in color depending on if they are at the corner or adjacent to the center, the missing color of the part that is at the corner should be green.</t>
        </is>
      </c>
      <c r="I46" t="inlineStr">
        <is>
          <t>b'\x89PNG\r\n\x1a\n\x00\x00\x00\rIHDR\x00\x00\x02\x00\x00\x00\x02\x00\x08\x02\x00\x00\x00{\x1aC\xad\x00\x00~iIDATx\x9c\xed\xddy|T\xe5\xbd?\xf0\xef\xf3\x9ce\x96\xec\xfb\x84\x84-\x90\x04\xcc\xc2"\x81\n\x08\xb2\x88\xa2E\xeb\xadu\x85R\xdc[\xbd*\xde\xfe\xbc\xda\xda\xdb\x96\xd6*\x14-\xf5\x8aZ\xbdb\xab\xb8\x14E\xa8`!\x08\xb8\x81\xa8H\x80\x04HH\xd8\x02\xd9\xf7\xc923g\xe6\x9c\xe7\xf9\xfdq`\x88\t\xabf&amp;g\xe6|\xdf\xf7\xf5\xf2\xc5M\xa6I\xe63\xdf\xf3|\x9fs\xces\xce!\x9cs@\x08!d&gt;\xb4\xbf\xff\x00\x84\x10B\xfd\x03\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J\xec\xef?\xc0\x8c8\xe7g\xfc:!$\xc8\x7f\x899a\xfe\xfd\x0b\xf37\x0el\x00\x81\xc5\xbb\x01\x00J\xa9\xff\xbf\xbd1\xc6\xfc\xff%\xdd\x04\xf1\xef\r7\x98\x7f\xff\xc2\xfc\r\x8e\x9c\xad\x1b\xa3\xefL/w\xc6\x18!D\x10\x84\xde/`\x8c9\x9dNBN\x86\xaf\xff\xc3j\xb5\xdal\xb63\xbeX\xffQ\x94R\xdc\x18.\x04\xe6\xdf\xbf0\xff\x10\x82\r\xa0\xcf\xe8E\xcf9\x17\xc5\xd3\xfbU\x9a\xa6\xd5\xd4\xd4\x1c:t\xa8\xb8\xb8\xb8\xa9\xa9i\xe77;UU\xad\xab\xab\xab\xab\xab#\x04\xf4\xec\t\x00\x07\x88\x8c\x8c\xcc\x1c&gt;\x9c\x03\xe4\xe7\xe5%&amp;&amp;\x8d\x1b7n\xe0\xc0\x81\x83\x07\x0f\xb6\xdb\xed\xdd\x7f\x1a\x00\xe0\x96pF\x17\x92\xff7;O\xe5_[\xdbc\x00\x8a\x8c\x8c\xcc\xcc\xcc\xe4\x9c\xe7\xe5\xe7\'&amp;a\xfe\x17\r\xeb?\x14a\x03\xe8\x03\x9csM\xd3\xfcu\xafiZyyyaa\xe1\xb6m\x9f\x1f&lt;x\xf0XeegG\xe7w\xf8\xb1\x92,\r\x180`D\xf6\x88\xcb.\xbbl\xd6\xacY\xa3F\x8d\xf2o\x0c\xaa\xaaRJ\xcf\xb6+m6g\xcd\xff\xf3\xcf\xcb\x0f\x1e\xac\xac\xacl\xef\xfc.\xf9\xcb\xa2\x98\x96\x96\x96=b\xc4\x0f0\xffs\xc2\xfa\x0f]\xd8\x00\xbe\x17}J\xa2\xef\xe7j\x9a\xf6\xd5W_\xadY\xbbf\xc3\x86\r\xe5\xe5\xe5&gt;\xaf\xaf\xfb+m\x11V\xab\xdd\x92&lt;(\x81\n\xc4j\xb7\xa4e\xa60\xc6\x08\x10\x00\xe0\x9c\x0b\x92\xd0T\xdd\xdaV\xdfN\x05\xdap\xa2\xd9\xd3\xa9t8\xbbz\xfc\xae!C\x06O\x9f&gt;\xfd\xfa\xeb\x7ft\xc5\x15WDGG\xc3\xa99\x97\x99\'D\xbd\xf3_\xbbf\xcd\x86\r\x1b*\xca\xcb\x15\xdf\xb7\xf2\x8f\xb4Z#$iXL\x8c@i\xa4$\xe5\xc4\xc7k\xa7*\x9f\x03H\x94V\xb6\xb7\xd7tu\t\x94\x1eu:;\xbc\xdeV\x97\xab\xc7\xef\x1a:x\xf0\xb4\xe9\xd3\xaf\xff\x11\xe6\x7f\x1a\xd6\x7f\xa8\xc3\x06\xf0\x1di\x9a\xe6\xaf\xbc\xaa\xaa\xaaw\xdeyg\xe5\x9b+\xf7\xee\xd9\xeb\x7f\x01%4a@\xec\xc0\xec\xd4\x81Y\x8e\xf4,\x87cH\xa2-\xca\x1a\x19\x1b\xa1\xff\x8f\x04I\x04\xe8\x9e&lt;a\x1ac\x1a\x03\x02\x9d\xad.\xc5\xedm8\xde\\u\xa8\xbe\xe6PCeiu\xe3\xf1\x16E\xf1\xfa_:h\xd0\xa0\x9bn\xbei\xde\xdcy\xf9\xf9\xf9\xfe?\xe6\x8c\x07[\xc3X\xef\xfc\xdf\\\xb9r\xcf\xde\xd3\xf9\x13J\x07FE\xe5%&amp;\xe6&amp;&amp;\xe6&amp;$d\xc6\xc5E\xc9r\x82\xcd&amp;\x10B\x00\xa4^q\xa9\x8ci\x8c\x11BZ&lt;\x9e.\x9f\xefp[[iKKis\xf3\x9e\xc6\xc6\xa3\xed\xed\x1e\xef\xe9\xfc\x07\x0f\x1cx\xd3\xcd7\xcf\x9d\x87\xf9c\xfd\x87&lt;l\x00\x17M?\xd0\xa9\x17\xdc\x17_|\xf1\xea\xab\xaf\xae~\x7f\xb5\xb3\xcd\xa9\x7f72\xda&gt;pD\xea\xc8\xf1\x19\x99c\x878\x86$F\xc6E\x08\x02\xd54\xa6zU\xc6\xb8\xa6j\xc0\x81\x7f{%\x9c~\x0c\x94\xe8\x07\xa3\x01\x04\x91RJDY\x14D\x81s\xee\xee\xf04V\xb5\x1c\xdbW\xbd\x7fGEeimSM\x8b\xfe\xbf\x92di\xda\x15\xd3~\xf1\x8b_\xcc\x9e=[\x96e}6d\x86\xcd\xa0w\xfe\xef\xaf^\xdd\xe6&lt;\x99\x7f\xac\xcd\x96\x9f\x988%=\xfd\xb2\x01\x03\x86\xc7\xc6&amp;\xdal"\xa5&gt;\xc6\xbc\x9a\xa61\xe6c\x0c\xa0g\xfe:\xffr\x13\x91RJ\x88E\x10$J9\x80SQ\x8e9\x9dE\r\r[O\x9c\xd8\xdb\xd8x\xe2\xd4/\x92E\xf1\x8a\xe9\xd31\x7f\xac\xff\x90\x86\r\xe0"t?\xd6\xb9e\xcb\x96\xc5K\x16\x7f\xb4\xe9#\xfd[\x04\xc8\xb0\xd1\x83\xf2/\xcf\xbe\xf4\xca\x9c\xa4\xb4xA\xa4\xaaO\xf3yU\xbd\xe2\x81\xe8k\x9c/lW\x95\x03\xd77\x10}\xe5\x9c@%\x8b(J"\xe7\xbc\xa3\xa5\xab\xf8\xb3\xb2=\x9f\x94\x95}}\xc4\xe3V\xf4\x97\xe7\xe5\xe5-\\\xb8p\xc1\x82\x05\xf0\xedyY\xf8\xe9\x91\xff\x92\xc5\x8b7}t2\x7f\xa0t\xbc\xc3q\xd5\xe0\xc1\xd7\r\x1f&gt;8:Z\xa2\xd4\xa7i\x1eM\xf31\xc69\'\x84P\xb8\xf0\xf8O\x8eO\x8csB\x88@\x88E\x10,\xa2\xc89ot\xbb\x0b\x8f\x1e\xddp\xec\xd8g\xd5\xd5.\xe5T\xfe\xb9\xb9\x0b\x1fy\xc4\x84\xf9c\xfd\x87\x01l\x00\x17J?\xda\x08\x00\xe5\xe5\xe5\x8b\x17/^\xf1\xda\n}\x17\xd6b\x95\xc7\xcd\xca\x9dx\xdd\x98\x8c\xbc\x81\xb2MV\xdc^UQ\xf5A\x87\x10\xfd \xe7\xf7\xc5\x19\xe7\x9c\x03\x01Q\x14,v\x0b\xe7\xbc\xba\xa2\xfe\x9b\xcd\xfb\xb6\xad\xd9\xd5\xd6\xd8\xae\xbff\xe6\xcc\x99\x8f=\xf6\xd8\x8c\x193 L\xf7\x88{\xe4\xff\xda\x8a\x15z\xe1Ze\xf9\x86a\xc3n\x1d1b\x9c\xc3a\x17\xc5.\x9fO\xd14\x7f\xfe}2\x12\xb0S\x1b\x89Di\xa4$1\x80\x03\xcd\xcd\x1f\x1c:\xf4Fii\xfd\xa9\xd3\xcbf\xcb\x1f\xeb?&lt;`\x03\xb8 \xaa\xaa\x8a\xa2\xe8\xf5z\x97,Y\xf2\xec\xb3\xcf\xb4\xb6\xb6\x01@d\xb4}\xe2\xf5c\xc6_\x9d?47]S\x99\xc7\xa5p\xc6\t\r\xe4\xa5+\x1c\x18c@\xc0b\x95e\x9b\xd4p\xbce\xe7\xa6\x92\xed\xff*\xaa;\xd6\xa8\x7f\xff\x8e;\xee\xf8\xc3\x1f\xfe0`\xc0\x800\x9b\n}+\xffg\x9eimk\x03\x80X\x9b\xed\xb6\x11#\xfe#3\xf3\xd2\x94\x14\x1fc]^\xaf\xc6\xb9\x10\xc8K\x87\xf4\xdd\x02\x00\xb0\x8b\xa2]\x92\x8e\xb4\xb5\xad=t\xe8\xcd\xb2\xb2C--\x00@\x00\x16\x98!\x7f\xac\xff0\x82\r\xe0&lt;\xf4\xeb\x12)\xa5\xdb\xb7o\xbf\xef\xbe\xfb\xf6\xed\xdb\x07\x00\xb2E\x1e7+g\xd6O\'\x0f\xbed\x80\xa7\xcb\xebu{\x81\x10J\x83Wm\x9cs\xc6\xb8$\x8b\xf6(kk}\xfb\xd6w\xbe\xfc|\xcd7\xce\xa6\x0e\x00HII\xf9\xe3\x1f\xffx\xd7]wAXL\x85\xce\x98\xbfE\x92n\x186\xec\xfe1cF\'\'wz\xbd.U%\x004\x88[;\xe3\x9cqn\x11\xc5\x18Y\xae\xe9\xeaz\xa5\xb8\xf8\x8d\xd2\xd2\x86\xceN\x00HIN\xfe\xe3\x93O\x86w\xfeX\xffa\x03\x1b\xc0\xb9\xf8\x0b\xe8w\xbf\xfb\xddSO=\xe5\xf5z\x01`DA\xc6\xf5?\x9f\x91]0Tq\xfb\x14\x97B)%A,\xfd\xee8\xe7L\xe3\xa2,\xd8\xa3l\xf5\x95M\xeb\xfe\xb6\xf5\xcb\x0f\xf7\xea[\xec-\xb7\xdc\xf2\xfc\xf3\xcf\'$$\xe8s\xb7~\xf9\xf3\xbe\xbf\xee\xf9?\xfd\xd4S\x8a\xd7\x0b\x00\x93\xd3\xd3\x1f\x1f?~rzz\x97\xcf\xd7\xe5\xf3\t\x84\x04s\xe8\xef\x8e\x03h\x8c\xc9\x82\x10c\xb1\x1cnk[\xfc\xf5\xd7\xab**\xb8\xa6A8\xe6\x8f\xf5\x1f\x96\xb0\x01\x9c\x95^\xfd\xb5\xb5\xb5\x0b\x16,(,,\x04\x00{\x94m\xce\xbd\xd3\xa6\xdf\xf2\x03 \xc4\xdd\xe9\xa1\x84\xf4W\xe9w\xc790\x8d\xc9V\xd1j\xb7\xec\xfe\xb8t\xd53\x1b\xea\x8f7\x01@VV\xd6\x8a\x15+&amp;M\x9a\x14\xa2\xf3\xa0\xde\xf9G[\xad\x8f\x8e\x1bww~&gt;\x00tx\xbd\xb4\xff\x86\xfe\xee\xf46`\x15\xc5HY\xfe\xf7\x91#Ol\xdbv\xa4\xad\r\xc21\x7f\xac\xff\xf0\x83\r\xe0\xcc\xf4\x89\xc3\xf6\xed\xdbo\xba\xe9\xa6\x9a\x9a\x1a\x00\x18\x96?\xe8\xa7\xff\xf3\xa3\x81Y\x8eN\xa7\x8bs\x08\xe6\x0e\xef\x85\xd0w\x8a#\xa2m]\xed\xeew\x9f\xd9\xb0\xfd\x83"\x00\x90e\xf9\xb9\xe7\x9e\xbb\xf7\xde{C\xee\x90h\xef\xfc\xc79\x1c\x7f\x9d&gt;=\'1\xb1\xc5\xed\xe6\x00\x82\xc1\xde\x0b\xe7\\\xe3&lt;\xcejm\xf5x~\xb3}\xfb\xdbee\xc0\xb9E\x92\xfe\xfa\xbf\xff\x1b\x1e\xf9c\xfd\x87%l\x00g\xa0W\xff+\xaf\xbcr\xff\xfd\xf7\xfb|&gt;\x02d\xda\xcd\x13~\xfc\xf0U\x82H=]^A4\xee\x05\xe8Lc\xa2$Z"\xe4OV}\xf5\xfe_?ru\xba\x01\xe0\xde{\xef}\xe9\xa5\x97Bh\x1b\xe8\x91?PzWN\xceo\'M\x92(\xed\xf4zE\x03\xdf\x00@eL\x16\x84HY^QR\xf2\xfb\x1d;:\x14\x05B?\x7f\xac\xff0\x86\r\xa0\'\x7f\xf5\xdfs\xcf=\x00`\x8b\xb0\xde\xb8\xf0\xaa\xe9\xb7\xfc\xa0\xb3\xcd\xc5\x187\xda\xc4\xa77\xce9g&lt;:!\xb2l\xe7\x91\x15\xbfY\xddX\xd5\x02\x00w\xdf}\xf7\xcb/\xbf\x1c\x12\xdb@\x8f\xfc#-\x96E\x13\'\xde\x95\x9f\xdf\xe2v\xeb\x8b|\xfa\xfb\x0f&lt;\x0f\xce\xb9\x06\x90l\xb3m\xab\xae\xfe\xc5\xe6\xcd\xc7\x9cN\x08\xe5\xfc\xb1\xfe\xc3\x1b6\x80o\xe9Q\xfd\x11\xd1\xb6\x07\x96\xcd\x1d1&gt;\xc3\xd9\xd4)\x08\xb4O\x165\x07\x87\xa6j\xf6h[GK\xd7s\xff\xf9zei\r\x84\xc86\xd0#\xffX\xab\xf5\xcdk\xae\xb9&lt;=\xbd\xc1\xe5\x12\x8c?\xf6t\xe3c,\xd6bir\xbboY\xb7noc#\x84f\xfeX\xffa\x0f\x1b\xc0i=\xaa\x7f\xf0\x88\x01w\xfe\xe9\'\x8e!\x89\xaev\xb7 \x86\xdeI$Mc\x16\xab\xe4S\xd4\xb7\x16\xaf\xff\xf2\xc3=`\xf8m\xa0G\xfe\xf9II/\xcd\x9a\x95\x19\x1b\xdb\xa6(\x92\x81\x0f\xfb\x9c\x8d\xca\x98M\x92\x14U\xfd\xef\xcf&gt;{\xf7\xe0A\x08\xb5\xfc\xb1\xfe\xcd\x00\x1b\xc0I\xbd\xab\xff\xa1\xe5\xf3#c\xed\xaeN\x8f \x84\xde\xe8\xa3c\x8c\x8b\x92 [\xa5\xd7\xfeg\xf5\x17\xebv\xc3\xa9m@\x7f\xc2\x86\xa1\xb6\x81\xde\xa3\xff\xaa\xeb\xae\x8b\xb7Z\xdb\x15\xc5\xc8\x07\xfd\xcfM\xe3\\\xa6\xd4.I\xf7o\xde\xfcNY\x19\x84N\xfeX\xff&amp;\x81\r\x00\xe0\xd4\x8a7\x7f\xf5\x0f\x1a1\xe0\xe1\xe5\xf3\xedQV\x8f\xdb\x1b\xba\xd5\xaf\xd3/\xce\xb4FXV\xfcf\xf5\x8e\xf5\xa7\xb7\x01C\xad\x8d\xeb\x91\x7f^R\xd2\xbb\xd7]\x17#\xcb]&gt;_\xe8\x8e\xfe:\xc69%$R\x96\xef\xdf\xbc\xf9\x9f\xddz\x80\x91\xf3\xc7\xfa7\x0fl\x00\'\xab\x7f\xc7\x8e\x1d\x93&amp;O\xe2\x8c\xdb\xa3l\x8f\xfd\xe3\x1e\xc7\xe0\xc4\x90\x9e\xfbt\xc7\x19\xa7\x02\x15$a\xf1\xcf^&gt;v\xa0\x1a\x00\xfe\xf2\x97\xbf&lt;\xfc\xf0\xc3\x06\xb9F\xc6\x9f\xff\xe4I\x93\x18\xe71\x16\xcb\xc6\x1bo\x1c\x16\x1b\x1b\xd2s\xff\xee\x18\xe7\x02\xa5\x12\xa5\xd7\xac^\xbd\xa7\xa1\x01\x8c\x9a?\xd6\xbf\t\x99\xbd\x01\xe8;\x83\r\r\r\xf9\xf9\xf9\r\r\r\x16\x9b\xfc\xd0\xf2\xf9\xc3G\x0fru\x84I\xf5\xeb\xf4}a\xc5\xe5]z\xf7\xab5G\x1a\x01\xf8\xa6M\x9b\xae\xbc\xf2\xca~\x9f\x07\xf5\xc8\xdf.I\xab\xe6\xcc\x99\x90\x9a\xea\x0c\x97\xd1_\xc78\x97\x04\xa1\xcb\xe7\xbb~\xcd\x9a\x83\xad\xad\xc0\r\x9a?\xd6\xbf\xd9\x84\xcfg\xfc\xdd\xe8\x17\x8e\xcf\x9b7\xaf\xa1\xa1\x01\x00~\xf2\xc8\xec\x91\xe33\\\xedaU\xfd\x00@)\xf1y\xd5\xa88\xfb\x82?\xfc\xd8\x1ee\x05\x80y\xf3\xe6\xd5\xd7\xd7SJ\xf5\x04\xfaK\x8f\xfc\xff0i\xd2\x94\xf4\xf4\xb6\xf0\x1a\xfd\x01\x80\x12\xa2\xa8j\xa2\xd5\xba|\xe6\xccXY\x06\xa3\xe6\x8f\xf5o6a\xf51_,}\x1fp\xd1\xa2E\x1f}\xf4\x11\x00\\\xf1\x93\xf13o\xbb\xcc\xd9\xd4i\xe4K]\xbe3A\xa0\x9d\xed\xee\xe1\xf9\x83n\xfd\xef\x1f\x02@}}\xfd\xbcy\xf3\xfc\x0fF\xef\x17=\xf2_\x90\x9b{\xcf\xa8Q\xf5.W(\xae\xf99/\x91\xd2VE\x19\xefp&lt;5e\n\x182\x7f\xac\x7f\x13\n\xc3O\xfa\x021\xc6DQ\xfc\xf2\xcb/\x9f|\xf2I\x00\x18rI\xdaM\xffuMGk\x17\x15\xc2vm\x80(\n\xce\xe6\xceI\xd7\x8f\xbd\xe2\'\xe3\x01\xe0\xa3\x8f&gt;Z\xb6l\x99 \x08\xfa\x93]\x83\xacG\xfec\x92\x93\xff0yr\xb3\xdb\x1dfs\xff\xee$J\xeb]\xae\xdbF\x8e\\\x90\x9b\x0b\x06\xcb\x1f\xeb\xdf\x9cL\xda\x00\xf5\x07\xc8i\x9a\x96\x9b\x97[Q^a\xb5[\x1e\x7f\xfd^\xc7\xe0D\x8f\xdb\x1bR\xd7\x1b]4\xfdI\x1d\x82(&lt;\xf5\xd3\x97\xaa*\xea)\xa5\xfb\xf7\xef\xcf\xca\xca\xe2\x9c\xd3 \x8e\xbc\xfe\xfc\xf3rs\xcb+*"e\xb9\xf0\xc6\x1b\x87\xc5\xc6\xeaw\xf7\x0c\xda\x9f\x11|\xfa\xb3\x0f%J\xafz\xef\xbd}\xcd\xcdB\x7f\xe7\x8f\xf5\xdf/\xf9\x1b\x87\x19\xdf3\x00\xe8\x8f\x0f]\xbatiEy\x05\x00\xcc\xb9w\xfa\xc0l\x87\xbbK\t\xef\xea\x07\x00B\x08cL\x94\x84\xdb\x1e\x9f#J\x82\xc6\xb4\x07\x1f|0\xf8;\xc2\xfe\xfc\xcb+*\x00\xe0\xd1\x82\x82\xdc\xc4\xc4\x0e\xaf7\xbcG\x7f\x00 \x00\x1a\xe7\x92 ,\x9e2\xc5"\x08L\xeb\xe7\xfc\xb1\xfe\xfb%\x7f\xe30c\x03\xd0\x1fnw\xf8\xf0\xe1%K\x96\x00\xc0\xf0\xd1\x83\xaf\x9c;\xb1\xb3\xd5\x15\x96\x87&gt;{\xa3\x94\xba:&lt;#\n2\xa6\xdd\xfc\x03\xe0\xb0i\xd3\xa6w\xdf}7\x98;\xc2=\xf2\x9f\x90\x9az\xdf\xe8\xd1\xcdnwX\x1e\xfa\xefM \xc4\xa9(\x97\x0f\x1cxW^\x1e\x87\xfe\xcf\x1f\xeb?\xc8\xf9\x1b\x8a)&gt;\xf2\x1e\xf4\xdd\xc0E\x8b\x169\x9dN\xd9"\xfd\xc7\x7f\xce\x02\x93M\x00\xa8@]\xed\xee\xd9\x0b.O\x1e\x98@\x08y\xe2\x89\'\xbc^o\xd0\xe6A\xdd\xf3\xb7\x8a\xe2o.\xbb\x0c\xf4G\xb1\x9b\x86Hi\x9b\xc7\xf3\xe0\xd8\xb1Ccci\xbf\xe6\x8f\xf5\x1f\xfc\xfa7\x14\xd35\x00}\xe5\xefg\x9f}\xf6\xe6\x9bo\x02\xc0\x98i\x97\x8c\x9c\x90\xe1\xea\x0c\xff\x9d\xdf\xee\x08\x01\x9fO\x8bI\x8a\x9a\xf5\xd3\xc9\x9c\xf3\xf2\xf2\xf2\xa5K\x97\x06gI\\\x8f\xfc\xaf\xcd\xc8\x98\x92\x9e\xde\xae(a\x7f\xf0\xa7;\x02\xe0\xd54GD\xc4\x03\xa3G\xb3~\xcd\x1f\xeb?\xc8\xf5o4\xa6k\x00\xfaA\xc0\xdf\xfe\xee\xb7\x9a\xa6E\xc6\xd8g\xdf9\xc5\xe3\xf2\x86\xf1\xca\x87\xb3\x11\x04\xda\xe5tO\xb8f\xd4\x90K\xd2\x08!\xcf&gt;\xfblCC\x03\xa54\xd0\x93 =\xff\xdf\xfd\xf6\xb7\x9a\xa6\xc5Y\xad\x0f_zi\xa7\xcfg\x84\x07{\x05\x99Hi\xab\xc7scv\xf6\xe8\xe4\xe4\xe0\xe7\x8f\xf5\xdf_\xf5o4\xe6j\x00\xfa\x8d\x00\x8b\x8a\x8a&gt;\xf9\xe4\x13\x00\x98p\xcd\xa8!9i\x8a\xcbk\xce\xdbBi\x1a\xb3GZ\xae^0\x85s\xde\xdc\xdc\xbcr\xe5JBH@\x8f\x84\xf6\xc8\xff\'YYc\x92\x93\xbbL\xd9\x00\x00@e,Z\x96\x1f\x1a;\xb6\xbf\xf2\xc7\xfa\x0fr\xfd\x1b\x90\xb9\x1a\x80n\xf9\x0b\xcb\x81\x83$\x8b?\xb8v\xb4\xa7S1\xe1\xf4G\'\x08\xd4\xdd\xe1\x199aX\xea\x90$B\xc8\xab+^u\xbb\xdd\x82 \x04z\x12\xf4\xc2\xf2\xe5\x1c\xc0"\x8a7egw\x84\xfb\xba\xcfs\x10)u*\xca\x94\x81\x03\x87\xc7\xc5\x11BV\xbc\x1a\xa4\xfc\xb1\xfeu\xfdU\xff\x86b\xa2\x06\xc09\xd7\x1fr\xfd\xde\xbb\xef\x01\xc0\xb8+s3\xf2\x07*n\x93N\x7ft\xaa\xc6"c\xed3n\x9f\xc89?\xb0\xff\xc0\x96-[\xf4C\x04\x81\xf8]\xfe\xfc\xdf}\xf7]\x00\xb8~\xf8\xf0K\x1d\x0e\x97\xd7k\xce\xe9\xbfNe,\xc1f\xfb\xf9\xa8Q\x9c\xf3\xfd\x07\x82\x94?\xd6\xbf_0\xeb\xdf\x98L\xd4\x00\xf4\x9d\xbb\xb7\xdf~\xbb\xb3\xb3\x93\nt\xd2\x8f.\xd5|\x1a\x98\xb8\xfa\x01\x80R\xe2\xe9\xf4\x8c\x9dqI|r\x0c!\xe4\xe5\x97_\x06\x80\x00\x8d\x08\xa7\xf3\xef\xea\x12(\xbd}\xe4H\x951\x93\xe7/P\xda\xae(?\x1c6,5**x\xf9c\xfd\x9f\x12\xcc\xfa7&amp;\x135\x00A\x10\xbc^\xefk\x7f\x7f\x8d\x102dd\xda\xb0\xfcA\x1e\x97\xb9\x16?\xf4F\x08\xf1\xf9\xb4\x98\xc4\xa8\xb13s8\xe7[\xb6l\xa9\xa8\xa8\x08\xd0r\x08=\xff\xbf\xbf\xf6\x1a!dtrr\x81\xc3\xd1i\x82+\xbf\xceM_\x0e\x94\x12\x111\'##8\xf9c\xfdw\x17\xcc\xfa7&amp;\xb34\x00M\xd3\x08!\xbb\x8bv\xef\xdf\xb7\x9fs&gt;j\xea\x08\x8b]b\xccD\x07\xfb\xce\x86\x10\xa2\xf9\xb4QSGPJ].\xd7\xda\xb5k\xe1\xd4M"\xfb\x90\x9e\x7f\xd1\xee\xdd\xfb\xf6\xef\xe7\x9c_=d\x88]\x9243\x1dl=\x1bB\x88O\xd3f\x0f\x1d\x1a\x84\xfc\xb1\xfe{\x0bN\xfd\x1b\x96Y\x1a\x80~bg\xf5\xfb\xab9\xe7\x911\xf6q\xb3r\x95\xae0\xbf\xed\xc9\x05\xa2\x94(.e\xf8\x98\xc1\x19y\x03\t!k\xd6\xae\xd1\xaf\x14\xed\xdb\xdf\xa2\xe7\xff\xfe\xea\xd5\x9c\xf3X\x9b\xedG\xc3\x87w\xf9|\x829.\xfd=7\x81\x90N\xafwBj\xea\xa5\x0e\x07!d\xed\x9a\x00\xe6\x8f\xf5\xdf[p\xea\xdf\xb0\xcc\xf2&gt;\xf5\xfd\xdf\xf5\x1f\xae\x07\x80\xf4LGRz\xbc\xcf\xab\x9a\xea`\xdf9h\x8c[lR\xd6\xa5C8\xe7EEE\x87\x0e\x1d\xea\xf3\xbd`=\xff\x0f\xd7\xaf\x07\x80\x9c\x84\x84!11\x8a\xaab\xfa:\x8d\xf3\x08I\x9a\x9c\x9a\x1a\xe8\xfc\xb1\xfe\xcf(\x08\xf5oX\xa6h\x00\xfac\x8f\x8e\x1c9r\xe4\xf0\x11\x00\x181&gt;C\x90(\xc3\xe3\x0f\xa7\x10BT\xaf\x96=&gt;C\x10\xa8\xe2Q\xb6o\xdf\x0e}\xba\x17\xec\xcf\xff\xf0\xe1\xc3\x0005-M\xa2\x98\xffi\x84\x10E\xd3&amp;\xa7\xa7\x0b\x94z\x94\x00\xe6\x8f\xf5\x7fF\x81\xae\x7f#3K\x03\x00\x80\r\x1b6(\x8a"\x084\xf3\xd2!\x9a\x8f\xe1\xf4\xc7\x8f\x10\xf0y|\x83\xb2S\xe3\x92c\x00\xe0\x83\x0f&gt;\x80&gt;]\x0bq:\x7f\xafW\xa0tbZ\x9a\x97a\xfe\xa7QB&lt;\xaa\x9a\x97\x98\x98\x1a\x15\x05\x01\xcd\x1f\xeb\xffL\x02]\xffFf\x8a\x06\xa0\x7f\x96zc\x8fM\x8aI\x1d\x92\xe4\xf3\xf8\xcc\xf1\xf9^\x10B\x88\xaa\xb1\xa8X{z\x96\x03\x00\x8av\x17\xb9\\\xae&gt;\xbc"\xa6{\xfe\x8e\xa8\xa8\xe1\xb1\xb1\x1eU5\xf3\xf2\xff\x1e\x08\x80\x8f\xb1\x04\x9b-7&gt;\x1e\x00v\x17\x050\x7f\xac\xff\xde\x02]\xffFf\x8a\x06@)\xf5z\xbd\x07J\x0f\x00\xc0\xe0\x91\xa9\xd1\xf1\x11\xaa\x863\xa0o\xe1\x9c\x13\x81\x0e\x1f3\x18\x00\x1a\xea\x1bN\x9c8\x01\xd0g\xf7\x88\xd4\xf3/=p\x00\x00F%&amp;&amp;\xd9\xed&gt;\xc60\xfd\xee8\xe7\x02\xa5?HM\x05\x80\xfa\xfa\xfa@\xe4\x8f\xf5\x7f\x0e\x01\xad\x7f#\x0b\xff\x06\xa0\x1f\x00\xad\xad\xad=~\xfc8\x00\xa4g\xa7R\xd1t\xb7|:/B\x88\xa6\xb2\xf4,\x07!\xc4\xe3\xf1\x14\x17\x17C\x1fm\x00\xa7\xf3\xaf\xac\x04\x80\xbc\x84\x04\xd1|\xb7\xdc:/B\x88\x8f\xb1\xdc\xc4DJ\x88GQ\x02\x92?\xd6\xff\xd9\x05\xae\xfe\r.\xfc\x1b\x80\xfe)\x1e=z\xb4\xab\xb3\x0b\x00\xd22S4\x9c\xfe\xf4B\x08h^_\xf2\xc0\x84\x88(\x1b\x00\x94\x96\x96B\x1fm\x00\xfe\xfc;].\x00\xb8$!A\xc5\x13\x00\xbdPB\xbc\xaa:4&amp;&amp;\xda\x16\xa8\xfc\xb1\xfe\xcf!p\xf5opfi\x00zK\xb7G\xdaR\x87&amp;\xa9\x8a\x8a\xf5\xdf\x03!D\xf5\xb1\xd8\xa4\xa8\xe4\x81\t\x00P\xb2\xaf\x04\xfa\xe8&lt;X\xf7\xfc\xa3\xac\xd6\xac\xb88E\xd3p\x00\xea\x81\x00x\x19K\x89\x88\x18\x1a\x1d\r\x00\xfbJ\x02\x92?\xd6\xff\xd9\x04\xae\xfe\r.\xfc\x1b\x80\xae\xae\xae\x0e\x00,V\xc9\x16ieZ\xf87\xf6\xef\x80s.\xc9bD\x8c\r\x00\xea\xeb\xeb\xf5\xe7F\xf5\xd5\x0f\xd7\xf3\xb7KR\xb4\xc5\xa2q\x1e\xfe\x1b\xd6\xc5\xe3\x9c[E1\xceb\x81\x80\xe5\x8f\xf5\x7f\x0e\x01\xad\x7f\xc3\n\xff\x06\xa0_\xd4W\xb4\xbb\x08\x00\x92\x07\'F\xc7Eh*\xce@\xcf\x80q.\x88T_\x08Q~\xb0\xbc\xad\xad\xadO\x9e\x8f\xa1\xe7\xbf\xbb\xa8\x08\x00\x86\xc5\xc4$\xd8l&gt;M\xc3\xf4{c\x9c\x8b\x94\xe6&amp;&amp;\x02\xc0\xc1\x83\x07\xfb6\x7f\xac\xff\xf3\nP\xfd\x1b\\\xf87\x00\x9d\xfeA\x12\x00\x82\x97\xbf\x9f\x039\xb9\xdb\xab1M\x10\x84&gt;\xfc\xc1\xfe\r\tW\x7f\x9e\x03\x01\xd0\xd3aZ@\xf2\xc7\xfa?\x8f\x80\xd5\xbfa\x85\x7f\x03\xd0O\xebWWW\x03\x80-\xca\x8as\x9fs\xe0\x9c\xdb\xa2\xad\x00\xe0\xear\xe9\x89}\xff\x19P\xf7\xfccd\x19\x1b\xc09p\xcec,\x16\x00\xe8r\x05$\x7f\xac\xffs\x0bD\xfd\x1b\\\x987\x00\xfd@\x9e\xcb\xe5\xaa\xaa\xaa\x02\x80\xb4\xcc\x14\xbc\x08\xfel\x08!L\xe3i\x99)\x00\xe0O\xec{n\x00\xa7\xf3?q\x02\x00.IH\xc0\x9b@\x9c\r!D\xe5&lt;\'!\x01\x00\\nw\x1f\xe7\x8f\xf5\x7f&gt;\x81\xa8\x7f\xe3\x0b\xf3\x06\xa0#\x84H\x92\x04\x00\x1c\xef\x7f{&gt;\xfe\x88\xf4\xc4\xfa\x84?\x7f\x1cz\xce\xcb\x7f\x8b\xec@\xe4\x8f\xf5\x7f^\x81\xa8\x7f#3E\x03\x00\x13t\xf2&gt;\xd7\xb7\x89a\xfe\x17\xc8\x7f\x80\x06\xf3\xef_&amp;I\xcc,\r\x00!\x84P\x0ffi\x00\xfa\xb9/\x93t\xf5\xef\xc3\x1fQ\xdf\x9e-&lt;\x99\x7f\x1f\xfe\xc40\xe5\x8f( \xf9c\xfd\x9fO\x80\xea\xdf\xb0L\xd1\x008\xe7\xaa\xaa\x02\x80(\x99bi\xd7\xf7\xe1\x8fHO\xacO\xf8\xf3\x97\xf0\x19T\xe7#\x9dz\x16U \xf2\xc7\xfa?\xaf@\xd4\xbf\x91\x85\x7f\x03\xe0\x9cK\x92\x14\x13\x13\x03\x00MU\xad\x0co\x84rv\x84\x92\xa6\xaaV\x00\xf0\'\xf6\xfd\xb3:\x99\x7fl,\x00T\xb6\xb7\xfb\xf0F@gG\t\xa9lo\x87@\xe4\x8f\xf5\x7f\x01\x02Q\xff\x06\x17\xe6\r\x80\x10\xc29\x8f\x8a\x8a\xca\xce\xce\x06\x80\xa6\x9a6\xa6\xe2}\x08\xce\x8csN)i\xaan\x03\x80\x98\xd8\x98\xac\xac,\xf8\xde\x1b@\x8f\xfc\x8fwt\xa8x\x1f\x88\xb3\xe0\x9c\x0b\x84\x1cko\x07\x80\xd8\xe8\xe8@\xe4\x8f\xf5\x7f\x0e\x81\xa8\x7f\xe3\x0b\xf3\x06\xe0\xe7\xf5z\x01@\x92\x05\xbc\x12\xf2\xdc$\x8b\x08\x00\x9a\xa6i\x9a\xd6\x87?V\xcf\xdf"\x08x!\xd8\xb9Y\x05\x01\x02\x96?\xd6\xffy\x05\xa8\xfe\r+\xfc\x1b\x80\xfe&lt;\xbcQ\xa3F\x01@CUKGk\x97\x80\xf7C?\x13\xfd\x96\xe8\xd5\x15\xf5\x00\x90\x99\x99\x19\x1d\x1d\xdd\'\xf7\xc3\xea\x9e\xff\xd1\xf6\xf6f\x97K\xa4\x14\xd3\xefM\x7f$\xc0\x81\x96\x16\x08X\xfeX\xff\xe7\x10\xa0\xfa7\xb8\xf0o\x00\xbaTG*\x00\xb8;&lt;\x1e\x97B\xa9Y\xde\xf5E!\x00\x9a\xca:Z\xbb\x00 ))I\x14\xc5&gt;\x1c&amp;\x1c\xa9\xa9\x00\xd0\xae(\x9d&gt;\x9f\x10\xee\x1b\xd5wC\x01T\xc6\x9a\xdcn\x00HJN\xee\xdb\xfc\xb1\xfe\xcf+\xa0\xf5oX\xe1_\nz\x0f\xcf\xcf\xcf\x07\x80\xaeNw\xc3\x89fA\x16L\xf0\xc9^\x1c\xce\xb9(\n\x1d-]M\xd5-\x00\x90\x9b\x93\x0b\xa7&amp;\x8f\xdfS\xf7\xfc\xdb=\x9ecN\xa7,\x8axIp\x0f\x1c@\x14\x84&amp;\x97\xab\xb2\xa3\x03\x00rr\x03\x92?\xd6\xff\xd9\x04\xae\xfe\r\xce,\r`\xc8\x90!\x16\xab\x853^]\xd1 \x88\xa6x\xdc\xf3E\xe1\x1c\x04\x8b\xd8X\xdd\xd2\xde\xda\x05\x00\xfa9\xc3&gt;\xe1\xcf\xdfj\xb10\xce\xf777K&amp;\xb8\xcb\xee\xc5\xe2\x9c[\x04\xa1\xb2\xbd\xbd\xd9\xe5\x82\xc0\xe4\x8f\xf5\x7f\x0e\x81\xab\x7f\x833Q\x03HMM\x05\x80\xea\x8a:\xc0\x85(\xbdp\xceE\x91\xd6\x1en\xd0TM\x94\xc4\xd1\xa3G\xc3\xa9[\xc9\x7fO\xa7\xf3w8\x00`\x7fs3\xc7\xfc{a\x9cK\x94\x96\xb5\xb4\xa8\x9a&amp;\x89\x81\xc9\x1f\xeb\xff\xec\x02W\xff\x06\x17\xfe\xef\x90\x10\xc2\x18\xb3\xd9l#\xb2G\x00\xc0\xb1\xfd\xd5\xaev\x8f P\xbc.\xb5;}D8\xb4\xbb\x12\x00\xe2\xe3\xe3322\xa0\x8f\xd6\xc0\xf9\xf3\xcf\x1e9\x12\x00v76\xb6)\x8ah\x82M\xeb\xa2\xe8A\x7fY[\x0b\x01\xcb\x1f\xeb\xff\x1c\x02W\xff\x06g\x8a\xedP?\x96WPP\x00\x00\x8d\xd5\xad\xf5\'\x9aE\x8b\x84;\xc1\xddpA\xa0\xae\x0eOei\r\x00\\r\xc9%QQQ\xac\xef\xae\xd8\xea\x9e\xffq\xa7\xf3h[\x9bE\x14\xc3\xff\xf0\xea\xc5\x10)u*\xca\x9e\xa6&amp;\x08p\xfeX\xffg\x12\xd8\xfa72S4\x00\xfd\x83\x9c={\xb6 \n&gt;\xaf\xefhI\x95$\x0b&amp;8\xc1s\xa18\x07\xc9"\xd5\x1dkj\xaci\x05\x80kf_C)\xed\xc33`\xfe\xfcEAPTuW}\xbdE\x10\xccp\x86\xed\x021\x00\x8b(\x1ejm=\xeet\x02\xc0\xeck\x02\x95?\xd6\xff\x19\x05\xba\xfe\x8d\xcc\x14\r@?\x967j\xd4(\xfd0\xe8\xfe/*8\xe3\x04w\x81Oa\x8cK\x16\xb1l\xe7\x11\x9f\xe2\xa3\x94\xce\x981\x03\xfat\xff\xb7G\xfe[\x8e\x1fg&amp;Xa}\xe1\x18cVQ\xfc\xac\xbaZQ\xd5 \xe4\x8f\xf5\xdfC\xa0\xeb\xdf\xc8L\xd1\x00\x08!\x9a\xa6\xd9\xed\xf6\x993f\x02\xc0\x89\xb2ZgK\x97(\xe1Z\x88\x93\x08\x10\xa6\xb1CE\x95@ +;+\'\'\x87s\xde\x87\xcfD\xf5\xe7?c\xe6L\x00(nnnt\xb9d\xbc\x1c\xec\x14B\x88\xc6\xd8\x97\xb5\xb5\x04 ;+\x80\xf9c\xfd\x9fQ\xa0\xeb\xdf\xc8L\xd1\x00\xfcn\xbc\xf1F\x00h\xaeo\xdb\xfbi\xa9%\xc2\x82\xab\xd1A_\x80h\x93\x8e\x1f\xac-\xfb\xe6\x08p\x98\xf3\xc39\x16\x8b%@\xd7\xc1\xeb\xf9\xd7\xb4\xb7o&lt;z4B\x961\x7f\x00`\x00vI*il\xdcV]\xcd\x01~8\'\xe0\xf9c\xfdw\x17\xcc\xfa7 \xb34\x00}/x\xca\x94)iii\x00\xb0{\xcb\x01`\x9c`\xfd\x030\xc6e\x9bT\xfcy\xb9\xe2\xf6\n\x82\xf0\xe3\x1f\xff\x18\x02\xb0\xff{:\xff\x01\x03\x08\xc0\xba#Gp\xfa\xa9c\x8c\xd9EqSe\xa5\xcb\x1b\x94\xfc\xb1\xfe\xbf-8\xf5oXfi\x00\x84\x10UU\xa3\xa2\xa2n\xb9\xe5\x16\x00(/:v\xa2\xa2\xceb\x93q\x18\x12(uux\xbe),!\x84\x8c\x1b7\xae\xa0\xa0\x801\xd6\xe7\xfb\xbf\xa7\xf3\xbf\xf5V\x0e\xb0\xa3\xb6v\x7fS\x93]\x92Lq\xa2\xed\x9c\xf4\xf5?k\x0e\x1d\nR\xfeX\xff\xdf\x16\x9c\xfa7,\xb34\x0085\tZ\xb0`\x81$I\x8a\xdb\xbbsc\x89l\x93\x99\xb9\x1f\x93\xcd\x18\xb7EZ\x0e\xee&lt;Z}\xb8\x9es~\xe7\x9dw\x06n\xfd\xc3\xe9\xfcE\xd1\xe5\xf5\xbe_Qa\x17E\x93\xac\xb58\x1b\x8d\xf3(Y\xdeVUU\xd6\xdc\x1c\xbc\xfc\xb1\xfeO\tf\xfd\x1b\x93\xb9\x1a\x00c,\'\'g\xea\xd4\xa9\x84\x90\xcf\xd7|\xd3p\xbcY\x96Mq\xcb\xa7\xb3!\x00\xaa\xaamz}\x1b\xe7&lt;%%\xe5\x86\x1bn\x08\xdc\xe9\xaf\xd3\xf9_q\x05!\xe4\x8d\xd2\xd2#mmVQ4o\xfa\x00\x04\xc0\xcb\xd8\xf2={\x82\x9a?\xd6\xff)\xc1\xac\x7fc2Q\x03\x80S\x0f\xfc\\\xb8p!\xe7\xbc\xa3\xb5\xeb\xab\r{m\xd1V\xa6\x99t\x03\xd0\xa7?\x87\xf7\x9e(/:\x06\x00s\xe7\xceMLL\xd44-p\x07@\xbb\xe7\xdf\xecr\xbdW^\x1ec\xb1\xa8f\x9apu\xa7q\x1ee\xb1|S[\xfbEM\r\x04=\x7f\xac\xff\xe0\xd7\xbf\x01\x99\xab\x01PJ9\xe7\xd3\xa6M\xcb\x1e\x91M\x08\xd9\xf1\xc1\xee\xd6\xbav\xc9\xc47G\xe4\x00[\xdf\xde\x01\x00\x16\x8b\xe5\xce;\xef\xe4\x9c\x07\xf4\xfe\'\xfe\xfcGdgSB\xde)+\xab\xee\xec\xb4\x08\x82Y\xe3\x07\xe0\xfc\xe5\xe2b\x08z\xfeX\xff\xba \xd7\xbf\x01\x99\xeb\xdd\xfa\xef\x8b\xf2\xab\xc7\x7f\xc59\xaf;\xde\xf4\xd1\xca\xed\xf6h\x1b\xd3L7\te\x8cEDYK\xb6\x95\xef\xda\xb2\x9fs~\xeb\xad\xb7\x8e\x1c9\x921\x16\xd0\r\xc0\x9f\xff\xe3\xbf\xfa\x15\xe3\xfcp[\xdb\x8b{\xf6\xc4Z\xad\x9a\xf9v\x024\xcec-\x96\xcd\x95\x95\xeb\x0e\x1f\x0e~\xfeX\xff\xfdR\xff\x06d\xaew\x0b\x00\x82 h\x9av\xfb\xed\xb7O\x9d:\x15\x00\xb6\xad\xddUw\xacI\xb6\x9a\xeeH(\x01\xa2\xaaZ\xe1k\x9f\x13B\x12\x12\x12\x9ez\xea\xa9\xe0&lt;\xff\xa8{\xfe\x04`eiiEK\x8b\xcd|g\x02\x08\x80\x8f\xb1\xe7\x8a\x8a\xfa1\x7f\xc0\xfa\x0fz\xfd\x1b\x8d\xe9\x1a\x80N\x10\x84E\x8b\x16\t\x82\xd0\xd1\xda\xb5v\xf9fk\x84\xb9\x8e\x84j*\x8b\x8c\xb3o[\xb3\xab|\xf71\xce\xf9#\x8f&lt;\xe2p8\x829\xfd\xd1\xf3\xa7\x82\xd0\xecr=\xf5\xd5W\x91\xb2l\xaa\x9d\x00\x1fc\t6\xdb\xca\x03\x07v\xd4\xd4\xf4c\xfeX\xff\xfdU\xff\xc6a\xba7\x0c\xa7&amp;AS\xa6L\x99;o.\x00\xec\xdcTR\xb4e\x7fd\x8cM3\xc7\x8e0\xe7\\\xb6\x8a\r\'Z\xd6\xfd\xedcJivv\xf6/\x7f\xf9\xcb \x8f&gt;z\xfe\xf3\xe6\xce\x05\x805\x87\x0e\xad?|8\xcej5\xc9\xd9`\xc6\xb9M\x14\x8f:\x9dKv\xee\xec\xdf\xfc\xb1\xfe\xfb%\x7fC1\xe3{\x86S\x07C\x9f~\xea\xe9\x98\xd8\x18\xae\xf1\x7f\xfe\xf9\xdf]\xedn\xc9\x1cwG\xe1\x8c[\xec\x96U\x7f\xfe\xb7\xb3\xb9\x831\xf6\xdcs\xcf\xc9\xb2\x1c\xe4\xfd_=\xff\xa7\x9e~:6&amp;F\xe3\xfc\xd7\xdb\xb6\xb5)\x8al\x8e\xb3\xc1\x8c\xf3HI\xfa\xf5\xe7\x9f7tu\xf5o\xfeX\xff\xfd\x95\xbfq\x98\xb4\x01\xe8\xcb!\x1c\x0e\xc7\xb3\xcf&lt;\xcb\x817V\xb7\xbc\xbdx\xbd5\xc2\xca\xc3\xfd\xba\x18M\xd5\xa2\xe2#\xb6\xbc\xb5\xa3\xe8\xe3\x03\x00\xb0`\xc1\x82Y\xb3fi\x9a\x16\xe4\xb5\xcf\xfe\xfc\x9fy\xf6Y\xe0\xfc\x98\xd3\xf9\xd8g\x9fE\x99\xe0@\x90\x8f\xb1$\xbb\xfd\xe5\xe2\xe2\x0f\x8f\x1c\x01\x03\xe4\x8f\xf5\xdf/\xf9\x1b\x071C\xcf?\x1bUUEQ\xbc\xf9\xe6\x9bW\xadZ\x05\x00\xb7=6\xe7\xca\xb9\x13\x9dM\x1d\x82\x18\x9e\xd5\xa0i,"\xcaz\xec@\xcd\xd2\xbb_U\xdc\xde\x8c\x8c\x8c\xe2\xe2b\x9b\xcdF\x08\xe9\x97\xe9O\x8f\xfc\x97L\x9dz\xdf\xe8\xd1\xf5]]R\x98\xee\x8c\xab\x8c\xc5Z,\xbb\x1b\x1a\xae_\xbb\xd6\xe5\xf3\x19-\x7f\xac\x7f\x13\n\xcf-\xed\x02\xe9\x07C_|\xf1\xc5\x8c\x8c\x0cB\xc8\xea\xbf\x16\x96\xed&lt;b\x8f\x0e\xcf\x83\xa1\x8cqI\x16;\xda\\\xaf\xfd\xcfj\xaf\xc7\'\x8a\xe2[o\xbd\x15\x11\x11\x01\xfdw\xeb\xab\x1e\xf9\xff\xee\x8b/&gt;\xaf\xaa\x8a\r\xd3K\xc3\x18\xe7\x16Ql\xf6x\xfes\xcb\x16\x97\xaa\x1a0\x7f\xac\x7f\x132u\x03\xd0;\x7f||\xfc[o\xbdE\x08\xf1\xba}\xff\xf7\xabw;Z\xbb,V)\xcc\xee\x91\xc29\x10\x02\x16\x9b\xfc\xfa\xef\xd7\xd4\x1ci\xe0\x9c\xff\xf9\xcf\x7f\x9e0a\x82\xaa\xaa\xfdx\xee\xabG\xfe.U\xbdo\xd3\xa6&amp;\xb7\xdb&amp;IZx\xed\x98\xeao&amp;B\x92\x1e\xda\xba\xb5\xac\xa5\x05\x0c\x99?\xd6\xbf\t\x99\xfa\xcd\x03\x00\xa5TU\xd5\t\x13&amp;\xbc\xf8\xe2\x8b\x1cxsm\xdb_\xef\x7f\xdd\xe7UEI\x08\xa7m\x803\x16\x11m\x7f\xed\x7fV\xef\xf9\xb4\x0c\x00\xe6\xcf\x9f\xff\xf0\xc3\x0f\xebG\x00\xfa\xf7\x0f\xeb\x9e?p~\xa2\xb3\xf3\xe6u\xeb\x14U\x95)\r\xa7\xbb\xd53\xce\xe3\xac\xd6\xfb7o\xdex\xf4(\x185\x7f\xac\x7f\x132{\x03\x00\x00Q\x14UU\xbd\xe7\x9e{\xee\xbd\xf7^\x008^V\xb3\xf2\xc9\x0f,6\x89\xd209A\xa2\xa9,&amp;1j\xd3\x1b\xdb\xb6\x7fP\x04\x00\x05\x05\x05/\xbc\xf0\x82q\xeey\xfb\xad\xfc9/nl\xfc\x7f\x9f~j\x97$BHx\xf4\x00\x95\xb1d\xbb\xfd\x85\xdd\xbb\xdf.-\x05\x83\xe7\x8f\xf5o2\xd8\x00\x00\x00\x04APU\xf5\xa5\x97^\xba\xfb\xee\xbb\x01\xe0\xeb\x8d\xc5+~\xb3\xda\x1aa\xa1\x94\x86\xf4&lt;\x88s`\x1a\x8bI\x8c,|}\xdb\xaa\xa5\x1b\x00\xa0\xa0\xa0\xa0\xb0\xb0\xd0n\xb7\x83\x91\x0e}\xf6\xc8\x7fuy\xf9\xfd\x9b7G\xc9\xb2\x10\xe2\xfb\x01\x1c@\xe3&lt;%"b\xf9\xee\xdd\xbf\xde\xbe\x1dB$\x7f\xac\x7f\xf3\x08\x93&amp;\xff\xfdq\xce\xf5I\xc1=\xf7\xdc\xf3\xca+\xaf\x00\xc0\xc49c\xe6=q=c\\\xf5\xaaT\x08\xbdN\xc9\x19\x07\x02\x11\xd1\xb6\x8f\xde\xfc\xe2\x9fK\xfe\xcd\x81\xeb\xd5\x1f\x17\x17g\xc0\xcb^z\xe7\x7f\xcb\x88\x11\xcfN\x9b\xc68\xf7\xa8\xaah\xb0\xbf\xf6B\xe8\x0f\xbe\x8f\xb5X^\xda\xb3\xe7\xf1m\xdb\x80\xf3\xf1\x05\x05\x1bC\'\x7f\xac\x7f3\xc0\x06pZ\xefm #o\xe0\xfd\x7f\xb9=:&gt;\xa2\xab\xdd\x1dZk\xe3\x98\xc6DY\x94\xad\xd2?~\xbff\xdb\xda]\x000~\xfc\xf8\x8d\x1b7\x1a\xb9\xfa{\xe7\x7fiJ\xca\xcak\xafM\xb2\xd9Z\x15%\xb4\xd6\x86\xaa\x8cYD\xd1.\x8a\x0fn\xdd\xfa\xe6\x81\x03\x00`\xe4\xd1_\x87\xf5oB\xd8\x00\xbe\xa5\xf76\x90\x9e\xe9\xf8\xd9\xefn\xc8\xc8\x1f\xd4\xde\xdc)\x08\x14Ba\xafQS5{\xb4\xad\xb3\xd5\xf5\xc6\x1f\xff\xb5\xfb\xe3\x03\x00P0\xbe\xa0p\xa3\xa1G\x1f]\xcf\xfc\t\xb9$&gt;\xfe\xb9\x193\n\x1c\x8eF\x97K\xa04\x14\xe2\x07\x1fc\xb1\x16K\xb3\xdb\xfd_\x9f|\xa2_\xf0e\xfc\xd1_\x87\xf5o6\xd8\x00z\xea\xbd\rDD\xdbn\xfd\xef\x1fN\x9c3\xa6\xab\xdd\xcd4f\xe4\xdda\xce9g&lt;*&gt;\xe2\xf0\xde\x13\xff\xf8\xfd\x9a\xaa\x8a:\x08\xb5\xb9O\xef\xfcc\xac\xd6\xc5\x97_~\xcb\xc8\x91m\x1e\x8f\xc6\xb9`\xe0C\xb7\x8cs\xcey\x82\xdd\xfeM]\xddC[\xb7\xeeoj\x82\xd0\xcf\x1f\xeb?\x8ca\x038\x03\xce\xb9\xfeh\x88e\xcb\x96-\\\xb8\x10\x00\x00\xc8\xf4[&amp;\xdc\xf8\xd0U\xa2,\xba:&lt;T0\xe2\xa5\x83\x9a\xcad\xabd\xb1\xc9\x1f\xaf\xfar\xf5\xb2M\xee.\x0f\x00\xdcq\xc7\x1d\xcb\x96-\x8b\x8a\x8a\n\xa1\xea?C\xfe\x84\xdc\x95\x97\xf7\xbb\x89\x13eAhW\x14c\xee\n\xa8\x8cYE1B\x92^-)\xf9\xfd\x8e\x1d\x1d\x8a\x02a\x93?\xd6\x7f\x98\xc2\x06pf\xfem\xa0\xb0\xb0\xf0\x8e;\xee\xa8\xa9\xa9\x01\x80!9\xe97\xffrv\xf6\xb8\x0cW\x87[\xf5j\x82h\x94zb\x1a#\x94D\xc6\xda\x1bN\xb4\xbc\xf7\x97\x8d\xdf|\xb4\x0f\x00d\x8b\xbc\xf8\xe9\xc5\x0f?\xfc0\x00\x84\\\xf5\x9f1\xff1))ON\x9e&lt;)-\xcd\xa9(^M3\xce\x99a\x8ds\x02\x10o\xb3\x1ds:\x7f\xbb}\xfb\xbf\x0e\x1f\x06\xce-\xb2\xfc\xf4\xe2\xb0\xca\x1f\xeb?\xfc`\x038\x17\xfdR\x91\xda\xda\xda\x05\x0b\x16\x14\x16\x16\x02\x80$K3\xe7^v\xe5\xdcI\xb1\x89QF\xd8#\xd6W\xe9\xd9\xa3\xac\x9aO\xdb\xfeA\xd1\xfa\xbf}\xdc\xda\xd8\x0e\x00\xd9\xd9\xd9\xaf\xbe\xfa\xea\xa4I\x93\x18c\xa1{\xab\x93\xde\xf9\xcb\xa2\xf8\x8bQ\xa3~&gt;ztJDD\x9b\xc7\xa31&amp;\xf4\xeb\x86\xad_\xb1\x1cc\xb1\xf84\xed\xed\xb2\xb2%;w\xd6uv\x02@vV\xd6\xab+V\x84_\xfeX\xffa\x06\x1b\xc0y\xf8\xef\x14\xb8l\xd9\xb2\xc7\x1e\x7fL\xf1(\x00\xe0\x18\x924k\xde\xa4\x82\xab\xf3l\x91Vw\x87\x87i\x8c\xd2`\x9f\x1fc\x8c\x11 \xd6H\x0bp\xd8\xbf\xa3\xa2\xf0\x1f\xdb\xcav\x1e\xd1\xbfu\xd7]w-]\xba4&amp;&amp;&amp;\x0c\xaeu\xec\x9e\xff\xe3\x8f=\xe6Q\x14\x00\x18\x1e\x17w\xff\xe8\xd1\xff\x91\x99\x19e\xb1\xb4+\x8a\xcaX\xf0\x0f\n\xe9\xb3\xfe(Y\x06\x80\xad\xc7\x8f?\xbf{\xf7\xe7UU\xfa\xb7\xc25\x7f\xac\xff\xf0\x83\r\xe0\xfc\xfc\x93\x88}\xfb\xf6=\xfa\xe8\xa3\x1b6l\xd0\xbf\x9e\x91;\xf0\xea\x05\x97g\x8f\xcb\x88\x8c\xb3\xbb;=\x9aO\x03B\x02=\x10\xe9\xa7\xb9\xa8@\xad\x11\x16\xd5\xa7\x1d\xddw\xe2\xe3w\xbe\xda\xb9\xa9D\xffnn^\xee\x92\xc5Kf\xcf\x9e\r\xdd6\xddPw\xb6\xfc/u8\x1e\x1c;vrZZ\xbc\xd5\xda\xe1\xf5z5\x8d\x12B\x03&lt;\xd7c\x9c3\xceEJ#e\xd9\xa7i\xbb\xea\xeb\xff\xaf\xa4d\xed\xa1C\xc09\x00\xe4\xe5\xe6.^b\x96\xfc\xb1\xfe\xc3\x006\x80\x0b\xe5\xaf\xa7w\xdey\xe7O\x7f\xfaSI\xc9\xc9\x9aK\x1f\xee\x98~\xeb\x84\xd1\xd3.\x89I\x88\xd2T\xcd\xe3R\x18\xe3T\xdf\xeb\xec\xbbm\x813\xce9\x07\x02\x16\xab,Y%w\xa7\xa7|\xd7\xb1\xcdo~Q\xfa\xe5\x11\x0e\x0c\x00R\x1c)\x0f\xdc\xff\xc0\xa3\x8f&gt;*\xcbrX\xee\xf6~+\xff\'\x9f,\xd9\xb7O\xff\xfa\xc8\xc4\xc4\xbb\xf3\xf2\xae\xcd\xc8H\xb6\xdb}\x8cuy\xbd\x1a?\x99\x7f\x1f\xbe\x7f}\xdc\'\x84\xd8E\xd1&amp;\x8a\xed^\xef\x1755/\xee\xdd\xfbiU\x150\x06\x00\x8e\x94\x94\xfb\x1f0M\xfeX\xff\xe1\x02\x1b\xc0E`\x8c\x01\x00\xa5\xd4\xeb\xf5.Y\xb2d\xf9\xf2\xe5uuu\xfa\xb7\x12S\xe3\xc6\xcc\xb8d\xd4\x94\x11\xc3F\x0f\xb2\xd8$\xd5\xaby\x15\x9f\xa6j\xc0\xf5\x9b.^\xf4u\xe7\x9c\x9f&lt;\x13\x07\x00T\xa0\x92E\x94,\x12\xd3\xd8\x89\x83\xb5\xfb\xbf\xa8\xd8Y\xb8\xef\xf8\xc1\x1a\xfd\x95V\xab\xf5\xb6\xdbn[\xb4hQZZ\x1a\x84\xf5\xc4\xa7g\xfe\xcf?_W_\xaf\x7f+=:zNF\xc6UC\x86\x8cOM\x8d\x90$E\xd3&lt;\xaa\xeac\x8c\xeb\xcd\xe0\xe2\xaf\xfb?\x19?\x00\x00\x08\x84X\x05\xc1*\x8a\x1a\xe7%MM[++\xd7\x1c&gt;\\\xd2\xd8\xa8\xcf\xfam\x16\xcb\xad\xb7\xdfn\xc6\xfc\xb1\xfeC\x1f6\x80\x8b\xe6\xaf\xb0\xfa\xfa\xfa7\xdex\xe3\xf57^/)&gt;9\x1b"@\x86\x8f\x1e\x94]04{\\Fz\x96#2\xd6N\x05\xaa\xa9\x9a\xeaU5\x1fc\x9c\x03\xe7\x1c\x80\x00\x00!\x00\'\xffy\xf2\x1f\xa7&gt;\t}\xee"\x88\x82(\t\x82$\x00\x80\xbb\xc3\xd3p\xbc\xb9l\xe7\xd1C\xbb+K\xbf:\xecq+\xfa\xafs\xa4:\xe6\xde&gt;w\xfe\xfc\xf9\xb9\xb9\xb9\x00\xa0\xaa\xaa \x08a?\xf1\xe9\x91\xff\x1b\xaf\xbf^|j6\n\x94Np8&amp;\xa7\xa5MJK\xcbML\x8c\xb7ZEB|\x8c)\x9a\xe6c\x8cq\xff\x90~\xe6\xf1H\xff\xae&gt;u\x94(\x95\x05A\x7fJe\xbb\xa2\x1cq:?\xaf\xaa\xfa\xb2\xb6\xf6\xd3\xeaj\x97r2\xffT\x87\xe3\xf6\xb9f\xcf\x1f\xeb?\xa4a\x03\xf8.\xfc\x17\xcb\x00\x80\xd7\xeb\xdd\xb8q\xe3\x8a\xd7Vl\xda\xb4\xc9\xedr\xeb/ @\x12\xd3\xe2\x06f\xa7\x0e\x1b50=\xd3\x91&lt;(!&amp;1R\x92E*\n\x84\x00\xe7\xc0T\xf6\xad\x1dd\x0eD8y\xfcTS\x99\xa6\xb2\x8e\xd6\xce\xa6\xaa\xd6\xda\xa3\x8d\x87\xf7\x1e?^Z[\x7f\xbc\xd9\xabx\xfd/\x9f4i\xd2\xcf~6\x7f\xce\x9c\xebRRR\x00@\xd34J\xa9yJ\xbfw\xfe\xaf\xadX\xb1\xa9\xb0\xd0\xe5\xf1\x9c|\x05\xa5\x83\xa3\xa3s\x13\x12\xc6;\x1c9\t\t\x19\xb1\xb1)v\xbbE\x10DJ\t!\x9cs\x951\xe8\x1e\x17\xe7\x94R\xfd\x123\x1fc*cMnw\xa5\xd3Y\xde\xda\xfau]\xdd\xde\xa6\xa6\xc3mm\x8a\xcf\xe7\x7f\xf9\xe4I\x93\xe6\xcf\x9f?\xe7:\xcc\x1f\xeb?\xb4a\x03\xf8\xee8\xe7\x9a\xa6\xf9\x97\x19\x94\x95\x95\xad_\xbf~\xed\xbf\xd6\xee\xdc\xf9\xb5W\xf1u\x7feTldRz\xbc=\xda\x9a\x9e\xe5\x10Dj\x8d\xb0\xa4g:\x98\xc6\xfc\x13 A\xa2MU\xad-\xf5NA\xa0\xd5\x87\x1a\xba\x9c\xee\x86\xe3\xcdmM\x1d\x9c\x7f\xeb\xd9L9\xb99\xb3\xaf\x9e}\xc3\r7L\x9c8Q\xff\x8a\xfeD\x0bs\xaeq&gt;c\xfe\xffZ\xbbv\xe7\xd7_w\x1f\xac\x01 \xcen\x1f\x1a\x13\x13k\xb1\xe4&amp;$\x88\x94FJRNB\x82\xbe\x8cG\xff9\x92 T\xb6\xb7Wwv\n\x94\x9667\xb7(\xca\x11\xa7\xb3\xbe\xab\x0b\xbe\xfdl\xb2\xdc\x9c\x9c\xabgc\xfe\'a\xfd\x87\x01l\x00\xdf\x97&gt;\x1b"\x84\xf8\xab\xb0\xb4\xb4\xf4\xab\xaf\xbeZ\xb7~]\xd1\xae\xa2\x9a\x9aj\xaf\xd7w\xee\x9fpn))\xc9yy\xf9W_}\xf5\x94)S\xc6\x8e\x1d\xabO\xbb\xf4_\x8a\xb3\x1e8{\xfe\xeb\xd7\xad+\xda\xb5\xab\xa6\xa6\xa6G3\xb8X\x8e\xe4\xe4\xdc\xbc\xbc\xabg\xcf\xc6\xfc\xcf\x08\xeb?\xa4a\x03\xe83\x8c1}\xbf\xd8_\x94.\x97\xab\xb2\xb2\xb2\xac\xac\xac\xa4\xa4\xa4\xb8\xa4\xb8\xb9\xb9\xf9\xc0\x81\x03\x9a\xa6\xb5\xb7\xb7\xfb\xce\xb4U$$&amp;\x00\xc0\xf0\xe1\xc3\xe3\xe2\xe2\xc6]:n\xd8\xb0a999\x99\x99\x99\xb1\xb1\xb1\xfe\xd7\xa8\xaaJ\x08\xc1\xd3\\\xbd\x9d+\xff\xe2\xe2\x92\x92\x92\xe6\xa6\xa6\xd2\xd2RUU\xdb\xdb\xdb\xbd\xaa\xda\xfb\'$%$p\xce\x87\x0f\x1f\x1e\x17\x1f?n\xdc\xb8\x0c\xcc\xffb`\xfd\x87"l\x00}O\xdf\x12\xceX\xa6N\xa7\x931VWW\xe7_&gt;\xe1\x17\x19\x19\x99\x99\x99\xc99\x8f\x8b\x8b;\xdb\x0f\xc4)\xcf\x85\xc0\xfc\xfb\x17\xe6\x1fB\xb0\x01\x04\x10\xefF_\x98|!\x07+\xf5\xdd[\xff\x8a\x14,\xfa\xef\x0c\xf3\xef_\x98\xbf\xf1a\x03\x08*=m\xdem=bw\xfa\xe6\x81\xe5\x1e8\x98\x7f\xff\xc2\xfc\x8d\x06\x1b\x00B\x08\x99\x14.\x9fB\x08!\x93\xc2\x06\x80\x10B&amp;\x85\r\x00!\x84L\n\x1b\x00B\x08\x99\x146\x00\x84\x102)l\x00\x08!dR\xd8\x00\x10B\xc8\xa4\xb0\x01 \x84\x90Ia\x03@\x08!\x93\xc2\x06\x80\x10B&amp;\x85\r\x00!\x84L\n\x1b\x00B\x08\x99\x146\x00\x84\x102)l\x00\x08!dR\xd8\x00\x10B\xc8\xa4\xb0\x01 \x84\x90Ia\x03@\x08!\x93\xc2\x06\x80\x10B&amp;\x85\r\x00!\x84LJ\xec\xef?\xc0\x8c\xce\xf6\x1cf|\x1cvp`\xfe\xfd\x0b\xf37\x0el\x00\x81\xc5\xbb\x01\x00J\xa9\xff\xbf\xbd1\xc6\xfc\xff%\xdd\x04\xf1\xef\r7\x98\x7f\xff\xc2\xfc\r\x8e\x9c\xad\x1b\xa3\xefL/w\xc6\x18!D\x10\x84\xde/`\x8c9\x9dNBN\x86\xaf\xff\xc3j\xb5\xdal\xb63\xbeX\xffQ\x94R\xdc\x18.\x04\xe6\xdf\xbf0\xff\x10\x82\r\xa0\xcf\xe8E\xcf9\x17\xc5\xd3\xfbU\x9a\xa6\xd5\xd4\xd4\x1c:t\xa8\xb8\xb8\xb8\xa9\xa9\xe9\x9b\x9d;UU\xad\xab\xab\xab\xab\xad\xed\xb1\x01DFFfffr\xce\xf3\xf2\xf3\x13\x93\x92\xc6\x8d\x1b7p\xe0\xc0\xc1\x83\x07\xdb\xed\xf6\xee?\r\x00pK8\xa3\x0b\xc9\x7f\xe7\xceoN\xe6_WG\x80p8]\xfc\x91\x91\x91\x99\xc3\x87s\x80\xfc\xbc\xbc\xc4\xa4D\xcc\xffba\xfd\x87"l\x00}\x80s\xaei\x9a\xbf\xee5M+///,,\xdc\xf6\xf9\xe7\xe5\x07\x0fVVV\xb6wv~\x87\x1f+\x8bbZZZ\xf6\x88\x11?\xb8\xec\xb2Y\xb3f\x8d\x1a5\xca\xbf1\xa8\xaaJ)=\xdb\xae\xb4\xd9\x9c=\xffm\x07\x0f\x1e&lt;VY\xd9\xd9\xd9\xf1\x1d~\xac$\xc9\x03\x06\x0c\x181"\xfb2\xcc\xff\x9c\xb0\xfeC\x176\x80\xef</t>
        </is>
      </c>
    </row>
    <row r="47">
      <c r="A47" s="1" t="n">
        <v>45</v>
      </c>
      <c r="B47" t="inlineStr">
        <is>
          <t>shape_size_hexagon</t>
        </is>
      </c>
      <c r="C47" t="inlineStr">
        <is>
          <t>What is the size of the missing shape denoted with a question mark if it is a pentagon?</t>
        </is>
      </c>
      <c r="D47" t="inlineStr">
        <is>
          <t>['medium', 'large', 'small']</t>
        </is>
      </c>
      <c r="E47" t="inlineStr">
        <is>
          <t>small</t>
        </is>
      </c>
      <c r="F47" t="inlineStr">
        <is>
          <t>There are 7 shapes with different sizes in the image, of which there is a missing pentagon in the center. The other shapes are arranged around the center, which are ['triangle', 'pentagon', 'hexagon', 'triangle', 'pentagon', 'hexagon'] in anti-clockwise order. Their corresponding sizes are ['medium', 'small', 'large', 'medium', 'small', 'large'].</t>
        </is>
      </c>
      <c r="G47" t="inlineStr">
        <is>
          <t>We observe that the triangles are medium size, the pentagons are small size, and the hexagons are large size. Hence, the pattern is that each shape appears with a distinct size.</t>
        </is>
      </c>
      <c r="H47" t="inlineStr">
        <is>
          <t>Based on the pattern that each shape appears with a distinct size, the size of the missing pentagon should be small.</t>
        </is>
      </c>
      <c r="I47" t="inlineStr">
        <is>
          <t>b'\x89PNG\r\n\x1a\n\x00\x00\x00\rIHDR\x00\x00\x02\x00\x00\x00\x02\x00\x08\x02\x00\x00\x00{\x1aC\xad\x00\x00S\x95IDATx\x9c\xed\xddyxTE\xba?\xf0:U\xa7;!d\x05\x04t\\I\x80qc$\x8c\x0e\xa0\x84\xc0(\xc4e\\\x06Pq\x03\x7f*x\x85AV\x81\xc1\xb0\x05\x11\x14\x04\x14\xbc\x83\xc3\xbd.\x0c\xcb\x00n\xe3\n\xca\x16DqI\x1c5\xa8\x80\xa0W\xc7!"\x90\x95\x90t\x9f\xaa\xfa\xfd\xf1&amp;gZ\x16\x85\xa4\xbbO\xf79\xdf\xcf3\xcf&lt;\x12Br\xba\xfbT\xbdUo\xd5\xa9\xd7\xd0Z3\x00\x00\xf0\x1e\xee\xf4\x05\x00\x00\x80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xcat\xfa\x02\x00\x801\xc6\xb4\xd6J)\xa7\xaf"\xe2\x0c\xc3\xe0\x1c\xe3\xceXah\xad\x9d\xbe\x06\x00\xf0\x10\xad\xb5a\x18N_\x050\x86\x19\x00\x80\xe3h\x10VYYY\\\\\xec\xf4\xb5D\x96\xd6:--\xadK\x97.\x88\x011\x023\x00\x00\x87I)\x85\x10w\xdey\xe73\xcf&lt;\xe3\xf4\xb5D\x9c\x10\xe2\x8b/\xbe\xc8\xca\xca\xd2Z#\x17\xe48\x04\x00\x00\')\xa58\xe7\xc5\xc5\xc5\xdd\xbauSJi\xad]\xdc$\x85\x10\xc1`p\xc0\x80\x01\xabV\xad\xa2\xb0\xe7\xf4\x15y\x1d\x02\x00\x80\x93\xa4\x94\x8c\xb1^\xbdzm\xd9\xb2E\x08!\xa5\xe4\xdc0\x0c\xf7\r\x8d\xb5\x94\x8a1F\xafq\xed\xda\xb5}\xfa\xf4A\x0cp\x1c\x02\x00\x80c\xa8\x07\\\xbat\xe9\x1dw\xdca\x9a\xa6eY\x06cnm\x90\x86aP\xdaGk\xdd\xa1C\x87\x92\x92\x12\xce\xb9a\x18X\x0cp\x10\x02\x00\x803(\xdbSUU\xd5\xa5K\x97={\xf6P\xff\xa8\xb5&gt;\xad\xcd)\x1d\xcf\xcdRu\x01w\xa4\xc8\xa9\xd3\x0f\xd4\x05\xde\xf9\xf0\x9f\x14\xdeh\x12\xb0p\xe1\xc2a\xc3\x86a\x12\xe0,\x04\x00\x00gX\x96e\x9a\xe6\xb4i\xd3\xa6N\x9dJ\xc3\x7f\xce\xb9i\x8a\xad\xffx\xe6\xb7\xbd\xba\xb3\xeaC\xcc\x15\x01\x801\xc6\xb4f\x89\t\x03n\xbcw\xcd\xabo\x0b!\xe8q\x87\xf4\xf4\xf4\xdd\xbbw\xa7\xa5\xa5a\x12\xe0 \x04\x00\x00\x07(\xa5\x0c\xc3\xf8\xfa\xeb\xaf\xb3\xb3\xb3\xab\xab\xab\x95RBp\xcb\x92w\x0c\xf8\xc3\xb3\xcf\xce\xaf\xfda\x9f0\xdd\xb3E[J\x95\x90\xd2|\xe7\x17_u\xea=\xc0\xb2\xa4R\x8a&amp;\x01\xc3\x86\r[\xb8p!&amp;\x01\x0eB\x00\x00p\x00\xf5z\x03\x06\x0cX\xb3f\r\r\x8a\r\x83\xa5\xa7\xa5~\xb6\xf9\xf96mNQ\xc1 w\xd7\xa0XZ\x96\xbfU\x8b?Ox\xf8\xe1\'\xfe\xb7a\xad\x9bs\xce\xb7m\xdb\x96\x9d\x9d\x8d-\xa1N\xc1\x9b\x0e\x10m\xd4\xfbo\xde\xbc\x99z\x7f)\xa5\xe0\\)=\xea\x9e[O\xcb:[\xd6\xd6\xba\xac\xf7g\x8cq!T\xf5\xa1\xd1\xc3\x06\xb7i\xdd\x92f?\x86aX\x965f\xcc\x18Z\xfcp\xfa\x02=\n\x01\x00 \xaa\xe8!\xd8\xba\xba:\xbb\xef\xe3\x9cK\xa5:d\x9e5n\xe4\xddVY\x05\x17\xeeI\xfe\xd8\x0c\xc3\x08\xd6\xd6\xb5:\xe3\xd4\x87\'\xfe\xa9\xfe%7D\xc1\xd5\xabWS\x14t\xfa\x1a\xbd\x08\x01\x00 \xaa\xe8\xc9\xaf\x95+W\x16\x15\x15q\xce)\xf9\xa3\xb5^P0.!9II\xe9\xba\xd1\x7f=\xd34\x83\x07\xcb\xef\xb8\xa3\x7f\x8f\xae\xd9RJ!8\r\xfc\'M\x9a\x14\x08\x04X\xc3\x91\x18\x10M\x08\x00\x00\xd1C\xc3\xff\xb2\xb2\xb2\t\x13&amp;P\xef/\x04\x97R]\xd1\xb3k\xdeU\xbf\x0fVT\xb9{9Tk-Ls\xfa\xb8\xff\x12\x823f(\xa5L\xd3\xdc\xb5k\xd7\x9c9s\xec\xddA\x10M\x08\x00\x00\xd1C\xc3\xff\xfc\xfc\xfc\xd2\xd2\xd2\x86\x8d\xff\xcc4\xc5\x82\x82\x07\xb4\x07r B\x88@yEn^\xaf\x817\\)\xa54\xcd\xfa\xd5\xe0\xd9\xb3g\xef\xde\xbd\x9b"\xa2\xd3\xd7\xe8-\x08\x00\x00QB\xbd\xff\x8e\x1d;\x16/^l\'\xc1\x95RCn\xebwn\xf6\x05\xc1\xea\x1a/\xec\x841\xb8P\x87\x0fO\x1e{ojJ\xb2R\x9a1\xc69\xaf\xac\xac\x9c&gt;}:V\x83\xa3\xcf\xfd7\x1c@\x8c\xa0\xfc\xcf\x88\x11#,\xcb\xa2m0Z\xeb6\xad[N\x9f\xf8\'u\xa8\x86\x0bO4F\xce\x8d\xe0\xa1\x9a\xf6\xbf9o\xdc}w4&lt;\xfd`\t!\x96-[VXX\x88\xd5\xe0(\xf3\xc4=\x07\xe08\x1a\xef\xaf[\xb7n\xdd\xbau\xf6Fx\xa5\xd4\xcc\t\xc3[\x9e\xde6X[\xe7\x9d\xa7a\x85iZ\x07\xcb\xc7\xdd\x7fwV\xbb3-K\xd2\xbcGJ\x99\x9f\x9f\x8f\x14P\x94!\x00\x00D\x1c\x8d\xfd\x03\x81\xc0\x88\x11#\xec\xad\x9fJ\xa9\xecN\xe7\xde2\xf0:\xab\xbc\xc2M\xcf\xfd\xfe"\x831e\xc9\x84\x94\xe63\x1e\xb8\x8f1f\x18\x06E\xc7\xc2\xc2\xc2\xa5K\x97b\x12\x10M\x08\x00\x00\x11G\xd9\xff9s\xe6\xec\xd8\xb1\xa3\xe1\xb9_Ck=\'\x7fTb\xf3\xe6J*\xaf\x0c\xfe\x1b\x08S\x04\xcb+n\xba\xe5\xfa\x9cn]\xec\xb5\x10\xc30&amp;L\x98p\xf0\xe0A,\x06D\r\x02\x00@dQ\xd7VZZ:w\xee\\{\xedWJ\xd9\xef\xea\xdf\xe7^\xd1#X^\xe1\xee\xad\x9f\xc7\xa3\x99\xa1-9g\xcah\xd3\x14t\x0c*\xe7\xbc\xb4\xb4\xf4\xb1\xc7\x1e\xc3v\xa0\xa8A\x00\x00\x88,\xea\xda&amp;N\x9cx\xf0\xe0\xc1\xfa}&gt;Z\xa7\xa5\xa6\xcc\x9a&lt;\x8aI\xc9&lt;\x93\xfa?\x82\xe0&lt;Xu\xe8\xe2\x9c\xdf\r\xb9\xad_\xc3\xf1p\x8as\xfe\xe8\xa3\x8f\xee\xda\xb5\x0b1 :\x10\x00\x00"\x88\xba\xb6\xe2\xe2\xe2\xe5\xcb\x97sN;^\xb8T\xea\xfe\xbb\x07f\xfd\xe6\xbc@\xd5!/l\xfd&lt;\x1e.\xb8\xac\xaa\x9e&gt;axFz*=\x11M+%\x93&amp;MB\x16(:\xbc{\xf3\x01D\x81\xd6ZJ9r\xe4\xc8@ `\x18\x06\xe7\x86\x94*\xf3\xec3F\x0e\x1bl\x95\x95\x0b\xd3\x8b\xc9\x1f\x9ba\x18\xb26\xd0\xf2\xf4\xb6\xd3\xc6\xde\x1bz@\xd0\xea\xd5\xab\xed\xbdRN_\xa3\xcb!\x00\x00D\nug\xcb\x97/\xdf\xb2e\x8bi\x9aRJnp\xad\xf5\x83#\xef\xce8\xb5\xb5\x0c\x04\xbd\xb3\xf5\xf3x\xb8\x10VE\xd5\xd0\xbb\x06v\xc8&lt;\x8b\x96\xca\x8fxZ\x02\xf3\x80\x88B\x00\x00\x88\x08\xea\xc8***\xa6M\x9bf\x18F\xfdCOR^\xf6\xbb\xce\xb7\xdf\xde/x\xa0\xcc\xf4\xd2\xd6\xcf\xe31\x0c\xa6\xa4\xf4\'5[0}\x9c\xd6\xda0\x8e|^\x1a+\x01\x11\x85\x00\x00\x10\x11\xf4\xa8\xd7\xfc\xf9\xf3w\xef\xdeM\xdb\x1c\xb5f~\xbfo\xde\xb4\xb1\x82s\x8ckmB\x88`Ee\xde\x1f.\xef\x7f\xcd\xe5R*{Kh~~~YY\x19&amp;\x01\x11\x85\x00\x00\x10~\xb4\xf6\xbbg\xcf\x9ey\xf3\xe6Q.\xdb4\x85R\xea\xe6\xeb\xf2~\x9b\xd35PY%\xbcq\xf0\xc3\x892\x0cmY3&amp;\x0c\xf7\xfb}\xf6\x96\xd0\xb2\xb2\xb2\xfc\xfc|L\x02"\nw!@\xf8Q\xfeg\xfc\xf8\xf1\x15\x15\x15\xf4\x15\xa5T\x8b\x8c\xb4\x87\xf3\xef\x97U\xd5\x86\'7\xfe\xff\x0c\xcey\xb0\xeaP\xc7\xce\xe7\x8f\x19z\xbb]1\x98s\xbex\xf1b\xbbj\x82\xd3\xd7\xe8N\x08\x00\x00a\xe6\xc1\x8a\x8fM\x87\x9a\x91\x8e@\x00\x00\x08\'oV|l:\xd4\x8ct\x04\x02\x00@8y\xb6\xe2c\xd3\xa1fd\xf4!\x00\x00\x84\x8d\xc7+&gt;6\x1djFF\x19\x02\x00@\xd8x\xbc\xe2c\xd3\xa1fd\x94!\x00\x00\x84\x07*&gt;\x86\x05jFF\x13\xeeH\x80\xf0@\xc5\xc7\xb0@\xcd\xc8h\xc2M\t\x10\x06\xa8\xf8\x18F\xa8\x19\x195\x08\x00\x00M\x85\x8a\x8f\xe1\x85\x9a\x91Q\x83\x00\x00\xd0T\xa8\xf8\x18v\xa8\x19\x19\x1d\x08\x00\x00M\x82\x8a\x8f\x11\x82\x9a\x91Q\x80\x00\xe0iRJ\x8c\xa4\x9a\x08\x15\x1f#\x045#\xa3\x00\x01\xc0\xa3hH%\x84\xa0\xa3\xea\x9d\xbe\x9cx\x85\x8a\x8f\x11\x85\x9a\x91\x91\x86\xbb\xd3\x8b\xa4\x94\xb4Oq\xe3\xc6\x8d\xb5\xb5\xb5\x94\xb8p\xfa\xa2\xe2\x12*&gt;F\x14jFF\x1a\x02\x80\xe7\xd0\xae\xea\x8a\x8a\x8a!C\x86\xf4\xee\xdd;77\xb7\xb8\xb8\x98\xda\x12\x86T\'\x05\x15\x1f\xa3\x005##\n\x01\xc0C\x94RRJ\xd34\xb7n\xddz\xc9%\x97\xfc\xf5\xaf\x7f\x15B\xbc\xff\xfe\xfb\xb9\xb9\xb9K\x96,\xa1t\x10\x86T\'\x08\x15\x1f\xa3\x035##\n\x01\xc0+\xe8\xd1$!\xc4\xfc\xf9\xf3{\xf5\xea\xb5s\xe7\xce\xfa\xa3\xea\x85\xa8\xaa\xaa\xba\xe7\x9e{\x06\x0e\x1cx\xe0\xc0\x01!\x84eYN_l\x1c@\xc5\xc7\xa8A\xcd\xc8\xc8A\x00p?\xad5\xa5}\xf6\xee\xdd{\xd3M7\x8d\x1a5*\x18\x0c\x86\x1eVc\x18\x86\x10b\xe5\xca\x95\xdd\xbbw\xdf\xbau\xabi\x9aJ)\x0c\xac~\x06*&gt;F\x1bjFF\x06nS\x97\xa3\xfe\xdd4\xcd\xb5k\xd7v\xe9\xd2e\xd5\xaaU\x94\x9a\xa0\x0c\x06\xe5\xfd\xe9?L\xd3\xdc\xb9sgnn\xee\xb4i\xd38\xe7\xb4\xa7\xc5\xe9\xcb\x8fQ\xa8\xf8\x18e\xa8\x19\x19!\x08\x00nfY\x16\xf5\xe3S\xa7N\xcd\xcb\xcb\xdb\xbbw\xafi\x9a4\x1b\xa0a\xd4uW_\x9e\x91\x9a\xa2\x942\x858\xe2\x9bw\xed\xdaE\xdf\x8c\xf9\xf5\x11P\xf1\xd1\x11\xa8\x19\x19\t\x08\x00\xeeDi\x1f*\xa6q\xc4\xa0\x9e\xf6\xab\xb4HO]\xf1\xd4#/\xbd\xb0\xe4\xbdu\xcb\xbb_|\x91%%\xed\xaf`\xac~\xba\xd0\xad[7\x9a.\xe0A\x81P\xa8\xf8\xe8\x14\xd4\x8c\x8c\x04\x04\x00\x17\xb2\xd3&gt;\xabV\xad\xea\xd6\xad\x9b\x9d\xd6g\x8cQ\x0c\xe8\x93\xdb\xed\xbd\xb5\xcbo\xbe\xf5\x86\xda\x7f\x97vl\x7f\xce\xa6W\x9e\xb9\x7f\xc8mJ)\xad\xb5\xd9p\xfa\xee\x81\x03\x07n\xba\xe9\xa6\x11#FTUU!\x1ddC\xc5G\x07\xa1fd\xd8!\x00\xb8\rer\xaa\xaa\xaaF\x8c\x18q\xd3M7\xd9\x1b{L!hiw\xf2\xd8{\xd7&gt;\xff\xd7\x0eYg\xd7\xed?\xe8K\xf0\x05\x0f\x1d\xe6R\xce\x7fl\xca\x1b\x7f\xff\xefS[\xb7\xb2\xa44\x85\xa0\'\xc5\x84\x10O&lt;\xf1\x04=(@\xf3\x06\x8f70T|t\x1cjF\x86\x17\x02\x80{\xd0S\xa9\xa6i\x16\x17\x17\xe7\xe6\xe6&gt;\xf1\xc4\x13\xf6\xd6~\xd3\x14\x96\x94Y\xe7\x9c\xf1\xc6\xaa\xbfL\x9b&gt;\xd6:\\\x1b\xac9l\x9a&amp;\xd3\x8c\x0b\xae\xb5\xae;P\x96we\xef\x8f6\xae\x1e\xf0\x87+\xac\x86\xe7\x84\x8f\xf7\xd3\x9c~\xa1\x8eA\xc5G\xc7\xa1fdx!\x00\xb8\x84=f_\xb2dI\xe8\x98\xbda\xadL\x0e\xf8\xc3\x15\xef\xad[\x91we\xef\xba\x1f\x0f\x18\x86\x11zF\x8da\x18\xa6)\xea\xca*N;\xa5\xe5\xaa\xa5\x8f\xcf\x9d&gt;Npz\xb2I\x1co&gt;\xe1\xc1\xa9\x00*&gt;\xc6\x08\xd4\x8c\x0c#\xdc\xb2n`g\xed\x07\x0e\x1cx\xcf=\xf7TUUQ7M=\x94\xe0\xc6\xdc\xe9\xe3V-}\xbcUjr\xdd\xc1\xe3&gt;\xa1j\x9a"XW\x17\xac\xaa\x1e=z\xc8\x967\x97u\xbe\xe0\xd7\xd4\xc7Q\xde\x83V\x14\xbaw\xef\xbev\xedZo\xae\x0c\xa3\xe2c\x8c@\xcd\xc80\xc2]\x1b\xdf(\xadO\xa7;t\xef\xde}\xe5\xca\x95\xf6\x01\x9f\xd4\x12:_\xf0\xeb-o.\x1b=zH\xb0\xaa:\x18\x08\xfe\xfc\xf9\x04\xb4S\xa8\xee\xc0\xc1\xae\x17_\xb4\xe9\xf5\xe7\xee\xba\xf5\x8f\x94\xf7\xe7\x86A\xdb\x87v\xee\xdc\x99\x97\x977m\xda4{\xcfh\xd4^\xa9\xb3P\xf11\xa6\xa0fd\xb8 \x00\xc41\xea\x868\xe7\xd3\xa6M\xcb\xcd\xcd\xdd\xb9sg\xc3\x91d\x06\xad\x07\xdcu\xeb\x1f7\xbd\xfe\\\xd7\x8b/\xaa;p\x90\xbe\xf3D~\xaci\x9a\x81\xca\xaa\x14\xbfo\xc9\x933\x97?\xf5H\x8b\xf4T\xa9\x14=\x13@?d\xea\xd4\xa9\xb9\xb9\xb9\xf4\xa0\x80\x17V\x86Q\xf11\xd6\xa0fd\xb8 \x00\xc4\xa5\xd0\xd3\x1d\xf2\xf2\xf2\xa6N\x9dj\x0f\xc9M!\xa4R\xa9\xc9\xcd\x9f\x9a7u\xc9_f%\xfb|\x81\xca\xaa\x93=\x98L\x08!-\x19\xa8\xa8\x1cx\xeb\r\xef\xad[\xd1\xfd\xe2\xdf\xd0\xcfg\x8c\xd9\x13\x8en\xdd\xba\xd9\x13\x0ew\xb77T|\x8cA\xa8\x19\x19\x16\x08\x00q)\xf4t\x07J\xca3V?2\xb5\xa4\xec~\xf1o&gt;X\xff\xf7{\xee\xb9%PV\xae\xa4l\xdc\xdeDZR\xae\xdb\x7f\xb0C\xe6Y\x9b\xfe\xf1\xcc\xe4\xb1\xf7\xd6\xa7\x9b\x1aV\x17\x8eXrpk{C\xc5\xc7\x98\x85\x9a\x91M\x87\x00\x10\x7f\x94R\x87\x0e\x1d\x1a=z4\x9d\xee\xd0\xb0\xde\xcb\xb5\xd6J\xa9\xfb\x87\xdc\xb6\xe9\x95g;f\x9d]w\xa0\x8c\x86\xe7M\xf9]\xa6i\x06\x0f\x1d\xe6JM\x9b&gt;\xf6\x8dU\x7f\xc9:\xe7\x0cKJz\xac,t\xd3\xd1\xfb\xef\xbf\xef\xd6\xf3\xe3P\xf11f\xa1fd\xd3a\xa2\x14gh\x04z\xcf=\xf7,Y\xb2\xc4&gt;\xb6\x93&amp;\xbc\xa7\xb6n\xf5\xbfO\x14\xe4]}\xb9\xac\xa8TR\x85q_\n\xad($\xb4\xc8\xd8_\xba\xef\xbe1\xd3V\xff\xe3-\xfb\xafhm\xc0\xe7\xf3}\xfa\xe9\xa7\xbf\xfe\xf5\xaf)[\x12\xae\xdf\xeb8z9\xc5\xc5\xc5\xdd\xbau\xb3,K)e\x9a\xc2\xb2\xe4\xe4\xd1C\xa6\xcd\x9cPW\xfa\xa3\xe9C\xf6\xdfIZk\xc3g\x96\x97U\xb6\xefzMyE\x15c\x8cfi\x03\x06\x0cX\xb5j\x95l\xec\xf4\xd7;\xdc\xd3V=\x82\x02\xf6%\x97\\bg\xe4iKb^\xafK?\\\xff\xf7\xbc\xabz\xd7\x1d(\xd3Z\x87wW"e\x9c\xea\x0e\x96\xb5JMY\xf5\xdc\x82\xf93\'\xb49\xa5%\xe7\x9c\xb6\x1bq\xce\xcf&gt;\xfb\xec\xb3\xce:\x8b\x16K\xc3\xf8{\x1d\x87\x8a\x8f1\x0e5#\x9b\x08\x01 \xce\xd0\x88\xe6\xdak\xafm\xde\xbc\xb9\xbd!\xdd0\xd8#\xf9\xf7\xff\xaa\xdd\x99\x87\xf7\x97\x99fS\xd3&gt;\xc7c\x9a\xa6\x15\x08\xd6UT\xdd?a\xf8\xa5\x97\\D]?M\xb4o\xb8\xe1\x86f\xcd\x9a\xd1sg\x91\xf8\xd5\x8e@\xc5\xc7\xb8\x80\x9a\x91M\x81\x00\x10gh\xd0\xdd\xa6M\x9b\x9e={\xb2\xfa\x9d\xfb\x86\x94\xea\xf5\r[i\x04\x14\xe1_\xcf|~\xff\xc1\x9d{\xde\xfb\xe8\x13\xc6\x98\xd6\x8ar\xaf\x7f\xfc\xe3\x1f\xe9\xda"\xfb\xdb\xa3\x08\x15\x1f\xe3\x05jF6\x05\x02@\xfc\xa1\x1b\xfa\xf2\xcb/g\x8c\xd9\x03\x9c\x17_\xdf\xa0k\xeb\x84\x88l\x17\xac\x94\xe2\xcd\x93\xb6\xbe_\xbc\xf7\x87\xfd\x9c\x0b\xad\x19E\xa3\x0b/\xbc\x901\xe6\xa6\xec?*&gt;\xc6\x11\xd4\x8cl4\xf7\xb4X\xef\xa0~\xb6o\xdf\xbe~\xbf_J\xa9\x946\x0c\xa3\xf8\xb3/v|\xbe\xd3l\xd6\x8cNG\x89\xe4\xaf7\x9e\x7fm=c\x8c\xf3\xfa|\xd4\x15W\\\x91\x94\x94\xe4\xa6\xfc\x0f*&gt;\xc6\x1f\xd4\x8cl\x14\xdc\xc7\xf1\x87n\xe8\x8e\x1d;fgg\xd3\x8d.\x84\x08\x06\xadW\xde*d\x89\x89JEj\xd5Kk\xed\xf3\xfb*\xf6\xee[\xbb\xe9]\xc6\x98\x94\xf5\xfb&gt;o\xbc\xf1\xc6\x08\xfdF\xa7\x1c]\xf1\xd1\xb2dFZ\xea\xac\xfc\x91\xa8\xf8\x18\x9b~\xa6fdqq1N\x8a&gt;\x1e\x04\x80\xb8D3\xdc~\xfd\xfa\xb1\xfa,\x90b\x8c\xbd\xf0\xda\x06u\xf8p\xe4\x06\xa7J)#)\xa9\xf0\xdd\x8fJ\xf7\x1d\xe0\\\xd0W\xda\xb6m{\xd9e\x971\x17\xe5\x7fh\xedw\xed\xda\xb5v\xc5GZhy`\xf8\xe0S3\xcfD\xc5\xc7\x98E5#G\xdd7\xe8\xec3O\x0b\xad\x199j\xd4(*\x17\x03GsI\xa3\xf5\x1a\xeam\xaf\xbd\xf6\xda#\xb2@_\x96\xec\x88l\x16\xc80\xd6\xfc4\xff\x93\x97\x97\x97\x9a\x9a\xea\xa6\xfc\x0f\xe5\x8b_}\xf5U\xc6\x18u"J\xa9f\x89\x89\xb7\xf5\xbbZ\xd5\x1c68\x86\xff1\xca0\x8c\xe0\xe1\xdaS\xce&gt;\xfd\x9a\xcbs\xb4\xd64\xea\xe7\x9c\xbf\xff\xfe\xfb\xfb\xf6\xedk\xa8x\n?\x81\x00\x10\x97(\x0b\x94\x95\x95\xd5\xb9s\xe7\xd0,\xd0\xda\xcd\xdb"\x94\x05\xd2Z\xfb|f\xf5\x8f\x07\xde\xda\xbc\x8d\x85\xe4\x7f\x06\x0c\x18\x10\xf6\xdf\xe5,\n\xae\xf7\xddw\x9f\xdf\xef\xb7\xebh\x1e\xaa9\xfc\xe0\xac\x85\xbcy\x92\x8eX\x86\r\x9aH)\x95\x90\x9a\xf2e\xd1\xa7\xff\xb3\xfcE\x1a\xfbS3\x198p\xe0\xe9\xa7\x9f\xee\xa61J\x18!\x00\xc4+\x1a\xddP\xffk\xefs\xd8\xf0\xce\x07\xcc\nr\x1e\xfe\x1b])m$&amp;~\xba}\xc7\xbe\x1f\x0f\xd8\x8f\x80\x9dv\xdai.\xcb\xff\xb0\x86GI\xcf=\xf7\xdc\xb1c\xc7\xd2\x9bLY\xa0\x15/\xbe\xf9a\xe1\xfb\xbe\x94d\x89lrl\xd2Zs\x9e?k\xd1\xe1\xda:\xbaE\xb5\xd6\x19\x19\x19\x0f?\xfc0s\xd7\x1e\xe50rO\xbb\xf5\x1a\xba\xa1sss\xa9\x87\xa2\xb1\xea\xe6\xf7&gt;\xfa~\xcfw\xbe\x84\x84\xb0\xcfv\xb5V\xcc\xef\x7f\xe1\xf5\rR)j]\x8c\xb1\x8b/\xbe\xd8e\xf9\x1fB#\xc7\xf1\xe3\xc7gff\xaa\x86\xd7\x1b\x08\x06\xc7N{\xcc\x10\xc2@&amp;!\xf6H)}\xe9\xa9\x9b\xde\xde\xb2\xe6\xd5\xb7C\x0b6\x14\x14\x14\xb4m\xdb\x96\xfe\xe8\xf45\xc6"\xbc)\xf1\x8a\x0e\xe0\xbc\xe0\x82\x0b\xb2\xb2\xb2h\xd7\x8a\x10\xa2\xaa\xbaf\xed\xa6wYR\x92\x94a\x1e\xa5\xfa|f]Y\xc5+\xeb63\xc6\xec\x14\xd3\xf5\xd7_\xcf\x1a\x92\xe6nB\xf3\x9b\xd4\xd4\xd4)S\xa6\xd0{[\x7f\xdc\xfc{E\xabV\xbe\xeck\x91!=S\t\'.h\xcd\xb8\x10\x81\xc3\xb5c\xa7\xcf\x0b-\xd8\xd0\xb1c\xc7\xa1C\x87\xba\xec|\xaa\xf0\xc2\xfb\x12\xc7\xa4\x94\t\t\t\xd7]w\x1d\x0bI\xc2&lt;\xff\xdaz&amp;ex\x93@R*\x9e\x94TT\xfc\xe9\xae=\xdfr\xce\xb5fR\xca\x94\x94\x94\xbc\xbc&lt;\xd6p:\x85\xcb\xd0\xd9\x0f\xb7\xdcrKNNNhi\xcc\t3\x1f/\xfb\xe1G\xee\xf7\xb9/\xec\xc5/%\xa5\x99\x96\xb2\xf8\xa9\xe5\xc5\x9f~A]?\x85\x81\xc7\x1f\x7f\xdc4M\xf7\x1dQ\x15F\x08\x00q\x8cn\xeb~\xfd\xfa\xd1MOY\xa0-\xdb\x8a\xfe\xbd\xe7[_bb\x18{(\xad\x15\xf3\xfb^|c#\x8d\xad(\xd8\xe4\xe4\xe4\xb4m\xdb\x96\x1a[\xb8~Q\xac\x11B\x14\x14\x14\xd8\xe7\xee\t\xc1\xbf\xfe\xbf\xef\xe7/z\xc6\xccH\x97\x16V\x83c\x82\xd6\xdaL\xf4\x1f\xf8W\xe9\x94\xb9\x7f\xa1\x86@)\xa0&gt;}\xfa\xf4\xe9\xd3\x07\x07\x82\xfe&lt;\x04\x808F\xc3\xd2\xce\x9d;gee\xd9\x07\xf4WU\xd7\xbc\xb1q+KJ\x0cc\x16\xc8\xe73k\x0f\x94\xff\xe3\xa7\xf9\x1fZ\x7fv\xf1\xf35\xd4\x8f\xe4\xe4\xe4\xdc~\xfb\xed\ru`\x14\xe7|\xc1\x92\x15\xbb&gt;\xde\xeeKN\x8a\xf8C\xd7p\x02\x94T&lt;)i\xf2\xac\x85e\xe5\x95\x86ah\xcd\xb4\xd6~\xbf\xff\xf1\xc7\x1f\xc7\xd8\xff\x17!\x00\xc47)\xa5\xdf\xef?"\x0b\xf4\xca\xbaB\xa6t\xb8\xee|\xa5\x14o\xd6\xec\xd3\xcf\xbe\xd8\xb5\xe7[j`\x94\xff\xe9\xdb\xb7/si\xfe\xc7F\x99\x84Y\xb3f\xb5h\xd1\x82fT\x86aTTVM\x9f\xfb\x17\xde,\x11[B\x1d\xa7\x94\xf2%\'}\xf1q\xc9S\x7f{\xbe\xe1,h\xae\x94\x1a7n\\\xc7\x8e\x1d\x91\xfd\xffExw\xe2\x9b\x9d\x05j8\xb0L1\xc6&gt;\xf8\xb8\xa4\xe2\x87\x1f}a\xcaS+\xa5\x98\xdf\xb7y[\x11=\\C-\xaag\xcf\x9e\xae\xcf\xff\xb0\x86\xed@m\xdb\xb6\x1d3f\x8c\x9d[\x10B\xacx\xf1\x8d\xcdk7\xfb3\xd2p\xdc\xbc\xe3\x0c\xd3\xbc?\xff\x11\xcb\x92\x86Q\x1f\xb0\xdb\xb6m;z\xf4h\xf4\xfe\'\x02oP|\xa3[\xfc\xc2\x0b/l\xd3\xa6\r\x9dX\xc9\xb9\xd8\xfb\xc3\x8f\x85\xef~d$%\x85%?#\x04W\x87k\x9f\x7fu=cL\xeb\xfa\x1e\x9f\xce"uq\xfe\xc7F1`\xec\xd8\xb1\xed\xdb\xb7\xa7\xdd\x84Zk)\xd5\xa8)sj\x0f\x1d\xe6\x82#\r\xe4\x14iI_z\xea\xdfW\xbc\xf4\xd6\xe6mv\x82N)e\xcf\xd8\xdc=:\t\x0b\x04\x80\xf8F;\x14\x93\x92\x92\xae\xb8\xe2\n\xc6\x98\x10\x82\x06=\xcf\xbf\xb6\x9e\x85c\'\x90R\xdal\xd6l\xc7\xe7;\x8b?\xfb\xc20\x0c\xa54%\x9d(\xff\xe3\x85\x11\x16\r*\xfd~\xffC\x0f=D}\nM\x05&gt;\xfe\xec\xcb\xe5+^2\xd3\xd3\xb1%\xd4\x11Z3n\x8a\xba\xaaC\x0f\xce~\xd2\xde\xfa)\xa5\xcc\xce\xce\xbe\xf9\xe6\x9b1\xfc?Ax\x8f\\\x82\x8e\xe4TJ\xd1\xda\xef\xdaM\xefV\xec\xdd\xd7\xf4,\x90R\x92%&amp;\xbe\xf2Va0hQ\xfeGk\x9d\x9d\x9d\xed\xa9\x04+e~\x06\x0c\x18`\xef*\xa1\xd7\xfe\xe7Y\x0b\xf7\x7f\xf7\xbd/1\xfc\x8f\xdd\xc1/\x92\xd223\xd2\x1e\x9d\xbf\xe4\xab\xaf\xbf\x15\r[?\x85\x10\xf3\xe7\xcfOHH\xc0\xf0\xff\x04y\xa2\x01\xbb\x1b\xf5\xc2\x97]v\x19%\xe5\x19c\x9c\x8b\xd2}\x07\xc2\x92\x05\x12\x82\xab\xc3\x87_xm\x03\x0b\xc9\xff\xf4\xeb\xd7\x8f\x06\xc2\xe1\xb8\xfc\xf8p\xc4\xber\xea_~\xd8w\xe0\xb1E\xcf\xf2\xe4d\x85\x95\x80\xe8RZ\xfb\x9a%\xee\xfd\xea\xff\xe6\xfdu\x197\x0c\xd9\xb0&lt;s\xeb\xad\xb7\xf6\xe8\xd1\xc3\xb2,w\xefM\x08#\x04\x80\xb8GY\xa0\xd4\xd4T\xfb\xb1,\x1a\x97\xafym\xbdf\x9aNmk\x1c\xcb\x92&lt;!\xe1\x8b\x92\x1dG\xe4\x7f\xae\xbd\xf6Z\xe6\x8d\xfc\x8f\xed\x88\'K\xed\xc3\x06\xe6.^\xfaE\xf1\xa7\xbe\xe4\xe6\x9e\n\x87\x8e\xd3R\xf2\xe6I\x13\n\xe6\x1d,\xab08g\x8ci\xad\xd3\xd2\xd2&amp;O\x9e\x1c\x8d\xc2\xa8.\x82w\xca=\xec\x8d\xf9\x94\x05zk\xf36YU\xd3\xace\xba/9\xc9\x97\xdc\xbc\x11\xffKHJ\xe4\xadZ\xbe\xbd\xe5\xfd\xd0\xfc\x8f\xfd\xd8\x81\xd7\x9a\x19\xbd\xfc\x82\x82\x82\x8c\x8c\x0c\x9a\x01\x18\x06\x0b\x04\x82\xf7?\xf8\x08J\xc4D\x93\x94\xd2\x9f\x9e\xb6\xe9\xcdM\x7f{\xfeu{_\x96Rj\xd4\xa8Q\x99\x99\x998\xf6\xe7\xa4\xa0Z\xa6\x1bP\x7fTYYy\xee\xb9\xe7\xfe\xfb\xdf\xff\xae\x7f\x1e\x92\xf3\xae\xbf\xed\x94\xe0\xf77z\xb3\xa6\xd6\xca\xf0\xf9v\x7f\xf5\xcd\xb7\xdf\x97R\x82\xd5\xb2\xac9s\xe6\x8c\x193\xc6\xb2,\x0fVE\xa7\xbef\xd1\xa2E\xc3\x87\x0fo\xe8z\xb8\x94\xea\x8d\xe5\x0b\xf3\xae\xbe&lt;PQ\x89\xccC\x14\xd0\x83)\xbd\xae\xb9c\xcb\xb6b!8=\xf9u\xce9\xe7\x14\x17\x17\'\'\'\xdb\'\x15\xc2\x89@\x00p\t\xea\x9b\xae\xbf\xfe\xfa\x97_~\x99\xfa\xa6\xb0\xff\n\xaa\x8e\xf2\xc1\x07\x1ft\xe9\xd2\xc5\x9bO\xd8S\xf6_)\xd5\xb5k\xd7\xe2\xe2b\xeah\xb4\xd6\xed\xdb\x9d\xf9\xd9;/q\xa5\x18c\xe8{"\xca\xb2\xac\x84SZ&gt;\xf3\xd4\xb2;GN\xb1\x87\xffR\xca\xd5\xabW\xf7\xef\xdf\xdf\x9b\xb7eS`\xae\xe4\x12\x14\xc8\xe9xN\x9b\x10\\4\x19U@\xa4\x04HVV\xd6\x05\x17\\@O\x849\xf22\x9dEK\xc1\xa6i\xce\x9d;\xd7\xde\x12\xca9\xdf\xb9\xfb\xff\x16\xff\xcf\n3=U\xe1\x80\xa0H\xd2Z\x0b\xbf\xbf\xbc\xf4\xc7\x19\xf3\x97P%T\xea\xfd{\xf6\xec\x89\xde\xbfq\x10\x00\\"\xb4@#\xab_\n\xae\x9f\x1d7\x113\x0c\xce\xb9i\x9a\x86a\\w\xddu\t\t\t^~\xfc\xd5\xeeq\x06\x0c\x18\x10\xb2%\xd4\x982\xe7/\xff\xde\xfd\xadH\xf4+L\xa9#FIi\xa6&amp;\xcf\x9e\xf7\xd4\xeeo\xbe\xe3\x9c+\xa5\xb5\xd6\t\t\tv&lt;v\xfa\x02\xe3\x0f\x02\x80K\xd0^\xa0\xb6m\xdb^z\xe9\xa5RJ\xd9\x94\xdd?\xc7\x12\x08\x04\xb4\xd6v\x19z\xa7_\xae\x93\xe8\xe5?\xf4\xd0C~\xbf\x9f\xd1\x13I\x9c\x97\x95WN,\x98/RR\xb4\x87\xa3cD)\xa5\xfc)\xc9;&gt;\xde\xfe\xd8\xe2\xbf\t\xce\xa5\x94\xa6i*\xa5\x06\x0e\x1c\xd8\xa5K\x17\x0f\xeeJ\x08\x0b\xac\x01\xb8\x07\r\x82\xbe\xfb\xee\xbb\xaf\xbe\xfa\xca.\x12\x19\xc6\x1f\xee\xf7\xfb\xbbw\xef\x8ef\xc6\x1aV\\&amp;M\x9a4s\xe6L{K\xa8i\x8aw\xfe\xf1\xcco/\xb9(x\xa8F\xe0]\n7%\xa5\x99\x9ar\xe3m\x7f\xa2\x9a_\xb4\xb5!--\xed\xf3\xcf?o\xdd\xba5\xf3\xd8\xbe\xe4pA\x00\x008i\x94\x1c\xab\xae\xae\xce\xce\xce\xde\xb3g\x0f-\x8fK)s\xbau\xd9\xfc\xe6\xb2`E%G2:\xac\xa4\x94\xfe\xf4\xd4\x8d\xeb\n{\xf7\x1f\x12\xba\xf6\xbbp\xe1\xc2a\xc3\x86!\xfb\xdfh\x08\x00n\xa3\x94\x8a\xdcg\x8aff\xa3\x8d\xb0K\x97.\xbd\xe3\x8e;B\xbb\xa4\xbf/\x9e}\xe3\xad\x7f\x0c\x1c8(\xbc\xb7M6B\xb4f\xcc`\xca\x14\xdd\xae\x18\xf8\xf1g_\xda\x9b\xaf:t\xe8PRRB\xfb&gt;=\x9e\x96l4\x04\x00\x80F\xa2\xc5\xf0\xde\xbd{\x17\x16\x16Rq\x1e\xad\xf5\xd9g\x9eV\xb4auJR"\x93.?+;j\xa4%\xfd-\xd3\x9f\x98\xb7dD\xfe#\xa1\xb1v\xed\xda\xb5\xa8\xf9\xd5D\xc8\x9a\x014\x1ejFF\x1a*&gt;F\x14\x02\x00@#\xa1fd\x14\xa0\xe2cD!\x00\x004\x1ejFF\x94B\xc5\xc7\x08\xc3\xdb\x07\xd0x\xa8\x19\x19i\xa8\xf8\x18Qx\x07\x01\x9a\x045##\x04\x15\x1f\xa3\x00\x01\x00\xa0IP32\x12P\xf11:\xf0&amp;\x024\x15jF\x86\x1d*&gt;F\x07\x02\x00@\x18\xa0fd\x18\xa1\xe2c\xd4 \x00\x00\x84\x01jF\x86\x11*&gt;F\r\xdeJ\x80\xf0@\xcd\xc8\xb0@\xc5\xc7h\xc2[\t\x10\x1e\xb4\xfc\x9b\x91\x91QPP@k\x00R*!\xf8[\x9b\xb7\xbd\xf9\xfaz_j\n\xb6\x84\x9e\x08\xc30d\xd0\x9a\xfc\xe8\x7f+\xa5\x18\xab_\xfbm\xd7\xae\xdd\xc8\x91#\xf1\xdco\xd8!\x00\x00\x84\r%\x82\x86\x0e\x1dj\x9fP\xaf53\x0c\xe3\xfe\xfcG\x035\x87\xb9\x10X\x0b\xfey\x96e\xf9Zf,\xfd\xdb\xf3[\xb6\x15\xd3\xd6OZ\\\x99={vZZ\x1a\xf3|-\x8a\xb0C\x00\x00\x08\x1b\xd4\x8cl\nT|\x8c&gt;\x04\x00\x80pB\xcd\xc8FC\xc5\xc7\xe8C\x00\x00\x083\xd4\x8cl\x04T|t\x04\xdeS\x800\xa3u\xcb\xf6\xed\xdb\x8f\x1d;\x96\xce/\xb3,\xc99_\xf9\xf2\x9b\x1f\x16n\xf3\xa5$Kl\t=\x9a\xd6\x9a\xf3\x07g-\x0c\x04\x82\xcc0\xec\x15\xf5\x87\x1f~\x98\x9e\x02s\xfa\xfa\xdc\t\x01\x00 \xfch5x\xfc\xf8\xf1\x99\x99\x994z5\x0c#\x10\x08\x8e\x9d\xf6\x98!\x84\x81,\xd0OI)}\xe9\xa9\x9b\xde\xdeB\xf5~i\xaf\xa7R\xaa\xa0\xa0\xa0m\xdb\xb6\xd8\xfb\x1f9x[\x01\xc2\x8f\x06\xb0\xa9\xa9\xa9S\xa6L\xa1\xfc5\xad\x07\x14\xbeW\xb4j\xe5\xcb\xbe\x16\x198 \xc8\xa65\xe3B\x04\x0e\xd7\x8e\x9d&gt;\xcf&gt;\xf6\'\xf4\xa9:\xf4\xfe\x91\x83w\x16 "L\xd3\x94R\xder\xcb-999\xd4\xfbS$\x980\xf3\xf1\xb2\x1f~\xe4~\x1f\x0e\x08"JJ3-e\xf1S\xcb\x8b?\xfd\x827\x1c\xfb\x13z\xae\x06\xf2?\x91\x83\x00\x00\x10A\xa8\x19\xf9\xf3P\xf1\xd1Y\x08\x00\x00\x91\x82\x9a\x91\xbf\x08\x15\x1f\x9d\x85\x00\x00\x10A\xa8\x19\xf93P\xf1\xd1qx\x7f\x01"\x085#\x7f\x1e*&gt;:\x0bo1@d\xa1f\xe41\xa1\xe2c,@\x00\x00\x88,\xd4\x8c&lt;\x1a*&gt;\xc6\x08\xbc\xcb\x00\x11\x87\x9a\x91G@\xc5\xc7\x18\x81\x00\x00\x10\r\xa8\x19iC\xc5\xc7\xd8\x81\x00\x00\x10\r\xa8\x19iC\xc5\xc7\xd8\x81\xf7\x1a JP3\x92\xa1\xe2c\x8c\xc1{\r\x10%\xa8\x19\xc9P\xf11\xc6 \x00\x00D\x8f\xc7kF\xa2\xe2c\xacA\x00\x00\x88\x1e/\xd7\x8cD\xc5\xc7\x18\x84\x00\x00\x10U\x9e\xad\x19\x89\x8a\x8f1\x08\x01\x00 \xda&lt;X3\x12\x15\x1fc\x13\xdet\x80h\xfb\xc5\x9a\x91\x96%\xb5\xcb(\x85\x8a\x8f1\xc8\xd0.\x9do\x02\xc42\xea\x15\xab\xab\xab\xb3\xb3\xb3\xf7\xec\xd9c\x18\x06U\r\xcb\xe9\xd6e\xf3\xba\x15\xac\xfa\x10\xe3\xae\xe9\x13\r%%\xcfH\xdb\xf8\xda\xfa\xde\xfd\x87\xd8[?\xa5\x94\x0b\x17.\x1c6l\x18\xb2\xff\x0eB\x00\x00p\x86eY\xa6i.]\xba\xf4\x8e;\xee\x08\xed\x16\x9fY0\xfd\xba\x1b\xf2\x02\x15U\xee\xe8\x165\xd3\x8c\xb1\xa0\xc1\xaf\xb9\xe9\xde\x8f?\xfb\x92\x06\xfbZ\xeb\x0e\x1d:\x94\x94\x94P\xb5d\xcc\x00\x9c\x82\x00\x00\xe0\x18\xda\xf8\xdf\xbbw\xef\xc2\xc2B\xea\xfd\x19c\x86a\xa4\xa5\xa72\xa9\x98[zE\xda\xfb_y\xa8\x86\xfeH\xaft\xed\xda\xb5\xa8\xf9\xe58\x04\x00\x00\xc7\xd4W\x8a/,\xec\xd5\xab\x17\xa5\x80\x9c\xbe\xa2\x08\xa2-\xb0v\xc5\xc7\xb5k\xd7\xa2\xf7w\x1c\x02\x00\x80\x93\xa8\x13\x1c&lt;x\xf0\xb3\xcf&gt;\xeb\xf3\xf9,\xcbrk&gt;D\xd7\x9f~a\x08!&gt;\xfd\xf4\xd3\x0e\x1d:h\x9c\xfc\xe34\x04\x00\x00\'\xd1\x1e\x98\x1f~\xf8\xe1\xfc\xf3\xcf?x\xf0\xa0\xd3\x97\x13\r\x93&amp;M\x9a1c\x06\x86\xff\xb1\x00\x01\x00\xc0a\xd4\x15\xce\x9a5k\xf6\xec\xd9\xa6i\xba5\x11D)\xa0V\xadZm\xdb\xb6-##\x83\xe1\xe0\x87\x18\x80\x00\x00\xe0&lt;J\x8f\x94\x97\x97\xd3\x7f;}9\x11A\x01 11\xb1Y\xb3fN_\x0b\xd4C\x00\x00\x80\xa8\xd28\xf8!f\x98N_\x00\x00\xd4\xf3\xc8h\x0c\xbd\x7f\xec\xc0\x0c\x00\x00\xc0\xa3\xb0\x07\x0b\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bc\x1e\x00\xb4\xd6N_\x02\x008\x03\xcd\xdf\xc0[\x00\x00\xe0M^\x9f\x01\x94\x95\x95!\x04\x02x\x13\x9a\xbfG\x03\x80\xd6Z)\xa5\x94\xea\xdd\xbbwII\tcL)\xe5\xf4E\x01@4\xa0\xf9\xdb&lt;\x1a\x00\x94R\x9c\xf3\xa7\x9ez\xea\x9f\xff\xfc\xe7\xcc\x993\x19\xb2\x81\x00\x9e\x81\xe6o\xf3\xe2\x1a\x00E\xfb}\xfb\xf6\x9dw\xdeyUUU\x96em\xda\xb4\xa9g\xcf\x9eRJ!\x84\xd3W\x07\x00\x11\x84\xe6\x1f\xca\x8b3\x00\xad5\xe7|\xe2\xc4\x89eee\x9cs\xc30\xc6\x8c\x19cY\x96ax1\x1c\x02x\n\x9a\x7f(\xcf\x05\x00\x9a\xfd\x15\x15\x15\xadX\xb1\x82s\x1e\x08\x04\xe8\x8f\x8b\x17/\xe6\x9c{6\x15\x08\xe0\x05h\xfeG\xf0\\\xd0\xa3\x89^nn\xee\xe6\xcd\x9b\x85\x10RJ\xc30\x0c\xc3HKK\xdb\xbd{wzz:c\xcc0\x0c\xa7/\x13\x00\xc2\x0f\xcd\xff\x08\xde\x9a\x01\xd0\xc7\xbff\xcd\x1a\xfb\xe3g\x8ci\xad\r\xc3(++\xcb\xcf\xcf7\x0c\xc3\x83\xa3\x00\x00/@\xf3?\x9a\x87f\x00\xb4\xf7\xab\xba\xba:;;\xfb\xeb\xaf\xbf\xa6\x0f\x9b\xe6}4\n\xe0\x9c\x97\x94\x94t\xe8\xd0\x81\xb2\x84N_/\x00\x84\r\x9a\xff1y\xe5u\xb2\x86\xf8?\x7f\xfe\xfc={\xf6\x08!\xe8\x83\xa7\x80O\xa3\x00\xcb\xb2F\x8c\x18\xe1\xcd\xb5 \x00wC\xf3?&amp;\xaf\xbcZ\xfa\xbc\xbf\xfe\xfa\xeb\xec\xec\xec\xea\xeaj\xfb\x83?\xbfC\xbb\x1d{\xbe\x95\xd2\xd2\x9a\xd1\xacp\xed\xda\xb5}\xfa\xf4\xf1\xe6\x9e0\x00WB\xf3?\x1e\xaf\xcc\x00(\xc8\x8f\x1f?\xbe\xa2\xa2\xc2\xfebZj\xf2\xc6\xd7\x96\xdex\xed\x15\xf4\xf1\xd3\xf7\x8c\x181"\x10\x08xm \x00\xe0bh\xfe\xc7\xe3\x89\x00@\xf1|\xf3\xe6\xcdk\xd6\xac\xa18/8\xd7Z\x8f\x1ar\xdb)YgO\x1cq\x97\xdf\xefcZk\xad\x84\x10;v\xec\x983g\x8e7\xf7\x84\x01\xb8\x0f\x9a\xff\xcfp\x7f\xa0\xd3Zk\xad\x83\xc1\xe0\xa5\x97^Z\\\\L{\xbc\xb4\xd6\xed\xdb\x9d\xf9\xe9\x96\x17Y\xd0Jh\x991q\xe2\xccYO&lt;mg\x06\xd3\xd3\xd3\xb7o\xdf\xde\xbauk\xc6\x98w\x96\x83\x00\xdc\x07\xcd\xff\xe7\xb9\xfc\xe5\xb1\x86G?V\xae\\YTT\xd4\xb0\xe8\xcf\xb4\xd6\x0b\n\xc6%$\'1\xa6eu\xf5\xf8QC2\xcf&gt;\x83\xfe\xca0\x8c\x83\x07\x0fN\x9c8\x91s\xee\xfa\xe8\x08\xe0nh\xfe?\xcf\xe5\x01\xc0\xde\xe4;a\xc2\x04\xfa\xf8\x85\xe0R\xaa+zv\xcd\xbb\xea\xf7\xc1\x8a*\xd34\xad\xba@z\xdbS\x1e\x1cy\xb7\xd6\xda0\xb8\x94\x92s\xbeb\xc5\n\xfb\x8eq\xfaE\x00@c\xa0\xf9\xff"\x97\x07\x00\x8a\xff\xf9\xf9\xf9\xa5\xa5\xa5\xb4\xb0\xa353M\xb1\xa0\xe0\x01-%}\x8fi\x9a\xc1\x03e\xb7\xdf\xd6\xafG\xd7l)\xa5\x10\xdc0\x8c\xba\xba\xba1c\xc6xg-\x08\xc0}\xd0\xfc\x7f\x91\x9b\x03\x00}\xfc;v\xec\xa0\x83&gt;h-H)5\xe4\xb6~\xe7f_\x10\xac\xae\xb1\x13|Zk\xe13\xa7\x8f\xfb/!8c\xc6\xd1\xabF\xce\xbe\x10\x008Yh\xfe\'\xc2\xcd!\x8e&gt;\xc8\xbe}\xfb\xae[\xb7\xce^\xe19\xa5U\xc6\xf6-/e\xa4\xa7\xa8\xa0\x15z\xe8\x87\xb4,\x7f\xab\x96\xb7\x0f\xba\xffok^\xa3=aZ\xebs\xce9\xa7\xb8\xb8899\x99N\rt\xf0\xb5\x00\xc0IA\xf3?\x11\xae\x9d\x01\xd0\xc7\xbfn\xdd:\xfa\xf8)\xb5\xa7\x94\x9a9ax\xcb\xd3\xdb\x06k\xeb\x8e\xf8D\r.\xd4\xe1\xc3\x93\xc7\xde\x9b\x9a\x92L\x1f\xbf\x10b\xcf\x9e=\xf3\xe7\xcfw\xfd(\x00\xc0e\xd0\xfcO\x90;g\x00\xf4\x11Z\x96\xd5\xa9S\xa7\x9d;w\xda{\xbf:_\xf8\xeb\xadk\x97\x99J1v\x8c\x80nYVB\xebV3\xa6\xce\xcd\x9f\xfd\xa4i\n)\x95a\x18)))EEE\xed\xda\xb5\xf3\xd4\t!\x00\xf1\x0b\xcd\xff\xc4\xb9\xf0%\xb1\x86\xf4\xdf\x9c9sv\xec\xd8a\xcf\xfe\xb4\xd6s\xf2G%6o\xae\xa4:\xe6tN\x98\xa6u\xb0|\xdc\xfdwg\xb5;\xd3\xb2\xea\xcf\x89\xad\xa8\xa8\x98&gt;}\xba\x17\x96\x83\xdc\x8d:\x05\xa5\x94\x94\xd2:\x8a\x94R)\x85\x8f\xd8\x1d\xd0\xfcO\x9c\x0b\x03\x00}\xfc\xa5\xa5\xa5s\xe7\xce\xb5\x17\x7f\xa4\x94\xfd\xae\xfe}\xee\x15=\x82\xe5\x15\xc7;\xe5\xc3`LY2!\xa5\xf9\x8c\x07\xeec\x8c\x19F\xfdr\xd0\xb2e\xcb\n\x0b\x0b\xdd=\x13t+\xa5\x14\xf5\xef\xf6\x89\x8fB\x08\xf3(B\x08\xca\xf3\xd2\xf7\xbb~\xf3\x9f\x8b\xa1\xf9\x9f\x14\x17F6\xfa\xd8\x06\x0f\x1e\xfc\xec\xb3\xcfR\xfc\xe7\x86\x91\x9c\xdc\xfc\xa3\xb7Vdf\x9dm\xd5\x1c\xfe\xf9\xa9\x9cR\xd2\x97\x96\xda\xb3\xef\xad\x85\xef\x15\xd9\xbb\x02rrr6n\xdcH\x99\xc1\xa8\xbd\x10h4\xa5\x94R\xca4\xcd\xd0/\xee\xdb\xb7\xef\xfb\xef\xbf\xff\xf1\xc7\x1f\xf7\xef\xdf_YY\x19\x08\x04\xb4\xd6~\xbf?--\xadu\xeb\xd6\xa7\x9f~\xfa\x99g\x9e\x99\x94\x94d\xff\x04\xe6\x81\x07A\xdd\x07\xcd\xff\xa4\xb8-\x00\xd0\xc7_XX\xd8\xabW/\x8a\xe1\xa6),KN\x1e=d\xda\xcc\tu\xa5?\x9a&gt;\xf3\x17~\x82R\xbe\xe6I\x1f}\xf0\xcf\xcb\xae\x1dlYR)E\xc1\xff\x99g\x9e\x194h\x90w\x8e\t\x8cG\x94\xe4\xa1\x91&gt;}\xe5\xf3\xcf?\xdf\xb2e\xcb;\xef\xbc\xf3\xd9g\x9f}\xf3\xcd7\xa1g\x81\x1d\xc14\xcdSO=\xf5\xa2\x8b.\xba\xe2\x8a+\xae\xba\xea\xaa\xcc\xccL\xc6\x18-\x1e\xbau\x07\x88\xfb\xa0\xf9\x9f,\x17\x06\x00\xc6X\xef\xde\xbdi\xd6F\x99\xdf\xb3\xcf&lt;\xadh\xc3\xea\x94\xa4D&amp;\xd5\x894fiY\xfeSZ\r\x1a4\xf2\xb9\xd5\xaf\xd0 \x821\xd6\xa6M\x9b\xed\xdb\xb7\xa7\xa7\xa7S2!\xe2\xaf\x04NRh\xe3\xfc\xe2\x8b/\x9e\x7f\xfe\xf9\x97_~\xf9\xe3\x8f?&gt;b\xe6N\xdf\x13\xfa\t\xda\xcb\x03\xf6W\x92\x92\x92\xae\xbd\xf6\xda\xb1c\xc7v\xe9\xd2\x855d\x15\xa2\xf1\x1a\xa0i\xd0\xfcO\x96\xabnk\xcb\xb2\x84\x10\xcb\x97/\xb7sv\xb4z3\xeb\xcf#2\xda\x9c\xa2\x02\xc1\x13\xfc\xe4\x0c!dU\xd5\xc3\xf9#3\xd2S)@RV\xf1\xb1\xc7\x1e\xf3\xc2\xd3\xe1\xf1\x88\xa6\xe7J\xa9\x97^z\xe9\xaa\xab\xae\xea\xd4\xa9S~~\xfeG\x1f}$\xa5\xa4,\xbf=\x90\x97R\x1e\xb1\x0eL+\xc0\xa1+\x04555+W\xae\xec\xda\xb5\xeb\xb8q\xe3\xea\xea\xea\xf0\xa1\xc7\x054\xffFp\xcf\x0c\x80\xa2=\x95|\xdb\xb3g\x0f\x05j)eN\xb7.\x9b\xdf\\\x16\xac\xa8\xe4\'3w\x93\x96\xf4\xb7\xcaxb\xde_G&lt;\xf8\x88\xbd\x91\xc04\xcd\x92\x92\x92\xf6\xed\xdbcH\x18S\xe8\x1e^\xb1b\xc5\xdc\xb9s\x8b\x8b\x8b\xe9\x8b\xa6i\xd2\xc6\x9eF\xdc\xe1\x14\x0c\xe8\x9f\xf7\xe8\xd1c\xd5\xaaUm\xdb\xb6\xc5\x87\x1e\xcb\xd0\xfc\x1b\xc7%/\x835\xcc\xd3g\xcf\x9e\xbd{\xf7n\xbb\xf5\xfa\xfd\xbe9SFk)\xf5I\xce\xda\xb8)\xac\xf2\xca\xa1w\r\xec\x90y\x96]54\x10\x08L\x9a4\x895\xf48\x10#\xe8\xcc\xaf\xa7\x9f~\xba\xb8\xb8\xd8\xef\xf7\x0b!\xa8\xc2\xdf\xd1;;\xeda~\xa8\xa3\xb3\xfcZkJ&amp;\xf8|\xbe-[\xb6\xf4\xe9\xd3g\xff\xfe\xfd.\xde\x0b\xe8\x02h\xfe\x8d\xe3\x92\x00@k5\xbbv\xed\x9a3g\x8e\x10BJe\x9aB)u\xf3uy\x17\xe7t\rVU\x8b\x93\x8c\xd8\x06cJJ\x7fR\xb3\x05\x05\xe3\xb4\xd6\x86Q\x9fb^\xbdz\xf5\xe6\xcd\x9b\xdd\xba\',NQ\x83,((\x10BPJ\'\xb4\x89\x1a\x86A\x89\x1d\xea\xc1\xe9Q\x80P\xd4YP$8\xe2\xc7\x06\x83A\x9f\xcf\xf7\xd9g\x9f\r\x1c8\x90\xfe\xad\x9b\x1a\xbfk\xa0\xf97\x9aK\x065\xf4\xf1\xdcx\xe3\x8d\xabW\xafn\x98\xb2\xb1\xb4\xd4\x94\x92\xc2\x17\xdb\xb4i\xa9\x82\x16o\xd4\xba\x8dR\xca\x97\x92\xdc\xe7\xba;\xdf\xda\xbcM\x08\xae5\xd3Zgggo\xdd\xba\xd5\xe7\xf3\xb9l9(\xae\xd1\x000\'\'g\xcb\x96-v\xfb\xa4\xf5\xde\xd0\xb6\xda\xa2E\x8b\xd3N;\xade\xcb\x96)))~\xbf?\x18\x0cVTT\xfc\xeb_\xff\xfa\xf6\xdbo-\xcb\xa2\x7frt/\xef\xf3\xf9\x82\xc1\xe0\xdc\xb9sG\x8f\x1e\xed\xbe} .\x80\xe6\xdfhn\x08\x00\xf6\xe9}\xb9\xb9\xb9\xf5%\xdf\x84\x90R&gt;&gt;\xe3\x81?\x8d\xba\'\xb0\xbfL\x98\x8dl\xb1J)3\xa9\xd9\x97\xdbwv\xea=@)\xed\xfa=a\xf1\xcb\xb2,\xd34_~\xf9\xe5\xeb\xaf\xbf\xdeN\x01\xd1_\xa5\xa5\xa5\xf5\xec\xd9\xb3o\xdf\xbe\x97\\rI\xbbv\xed222\x8eh\xb7uuu_\x7f\xfd\xf5\xfa\xf5\xeb\x9f~\xfa\xe9\xa2\xa2"\xc6\xd8\x11\xd9\x1e\x9a\x19\xa4\xa5\xa5}\xf9\xe5\x97\xa7\x9cr\n\xfb\xe9&amp;"p\x16\x9a\x7fS\xc4}\x00\xb0\xf7\xf0u\xed\xda\xf5\x88\x92o\x9f\xbd\xf3\x12W\x8a1\xd6\x94\xc6*-\xe9o\x91&gt;\xecO\x0f&gt;\xf9\xcc*{9\xa8u\xeb\xd6\x9f\x7f\xfeyZZ\x9a;F\x01\xee@\x89\xfb\xce\x9d;\x97\x94\x94\xd0Wz\xf4\xe8q\xeb\xad\xb7^}\xf5\xd5\xa7\x9f~z\xe8w\x86\x8e\xf1C\x1f\x1a\x90R.Z\xb4h\xdc\xb8q\xc1`\x90\xfd4\xd5k\x9a\xa6eY\x8f&lt;\xf2\xc8\xb8q\xe3(\xd8D\xe3%\xc1/A\xf3o\xa2\xb8_\x03\xa0\xb9\xff\xe2\xc5\x8b\x8f.\xf9\xe6Oj\xa6\xa4l\xe2\xe7\xc3\x05W55\xd3\'\x0c\xb7\xf7\x84\x19\x86QZZ\x9a\x9f\x9f\xef\xbe=aq\x8dv|\x8e\x181"11\xf1\xce;\xef\xdc\xbaukaa\xe1\xd0\xa1CO?\xfdt\xfb\x80\x07\xea/B\xd7\x81\xa9\xf2\x1f}\x03\xe7|\xc4\x88\x11\xcf?\xff&lt;-\x18\x1c\xf1\xac\x80a\x18\xabV\xadr\xe5\xe3\xa0\xf1\x0b\xcd\xbf\x89\xe2{\x06@\x17_^^\x9e\x99\x99YQQ\xa1\xb5\xe6\xdc\xa0\x92o\xeb^~:XU\x1d\x96\xddZ\xd2\x92\xfe\x96\xe9O\xcc[2"\xff\x11\xfbhY\xceyIII\x87\x0e\x1d\xdczL`\x9c:t\xe8\xd0\xf7\xdf\x7f\xdf\xa1C\x07\xd60\'\xa0\x8c\xd0\x89\xfc[Z\xf5\xf5\xfb\xfd\x93\'O\xa6%e{\xfd\x80\x92B\t\t\t;v\xec8\xeb\xac\xb3\xdc\xb4\x110~\xa1\xf97]\x1c_:c\x8cfd\xf9\xf9\xf9eeev\xc97\xbf\xdf\xb7`\xc6\x7fJ\xbe5\x1d\x17\xc2\xaa\xa8\x1a:\xe4\x96\xecN\xe7R\xcb\xa7\x14\xf3\x88\x11#\xb050\xd64o\xde\xbcC\x87\x0e\xf6\xb3]4\x96?\xc1\x7fK\xdf\xaf\x94\x1a=zt\xcb\x96-\xe9I"\xfa+j\xe7uuu\xdb\xb7og\xee\xda\x08\x18\xbf\xd0\xfc\x9b.\x8e\x03\xc0\xf1J\xbe\x8d\x19z\xfb\xb9\xd9\x9d\x82\xd5\x87\xc2\x15\x99\r\x83))\xfd\xcd\x12\xe7L\x1eE\xa9\x80\xa3\xcbM\x84\xe5\x17A\xd3Q&gt;\xe7\xe8=\x9d\'\x882B\xe9\xe9\xe9999\xaca\x1f\x91\xfdW\x8c\xb1o\xbe\xf9\x86!\x00\xc4\x004\xff\xb0\x88\xe3\x00@\x1f\xc6\x88\x11#,\xcb\xa2\x8c\xad\xd6\xbaM\xeb\x96\xa3\x87\rR\xd5\xd5\'\xf5\xe0\xdf/\x12B\x04\xcb+s/\xef\xd1\xff\x9a\xcb\xe9\xe3?\xe2\xb7\xa3G\x88\x11\xa1\x8b\xba\x8dC\xeb\x04\x17\\p\xc11\xff\xf6\xe0\xc1\x83M\xf9\xe1\x10.h\xfea\x11\xaf\x01\xc0~.\xe3\xe8\x92o\xad\xce\xf8\xd5\xd1%\xdf\xc2\xc00\x0c\xa5fL\x18\xee\xf7\xfbh\xebA\xe8\x00\xc4\x05\xcbA`3\x0c#--\xed\x98\x7fE\x1b\x84\xc0Yh\xfe\xe1\x12\x97\x01\x80\xe2-=\x99M\xe1\x97\xe6\x80\x9d/\xfc\xf5-\x03\xaf\xb7\xca\xcbE\x04v\xe9q\xce\x03U\xd5\x1d;\x9f?f\xe8\xedJ)\xce\x05MB\xf3\xf3\xf3KKK\xa9\x96H\xd8\x7f)8\xe5x\x1d\xbd\xdf\xef\x8f\xf2\x95\xc0\x11\xd0\xfc\xc3(.\x03\x00%y\xe7\xcc\x99\xb3k\xd7.{s\xae\x10|\xde\xb4\xb1\x89\xcd\x9b\x1d\xaf\xe4[\xd3q!T\xf5\xa1\xd1\xc3\x06\xb7i\xdd\x92&gt;o\xc30\xca\xca\xca&amp;N\x9cH\xb9\xe3\xc8\xfcZ\x886\xad\xf5\xde\xbd{\x8f\xf9W-[\xb6\x8c\xf2\xc5\xc0\x11\xd0\xfc\xc3(\xfe\x02\x00\x05\xde\xdd\xbbw\xcf\x9e=\x9b"\xbfi\n)\xe5\xc0\x1b\xae\xec\xd9\xb7g\xa0\xec\xb8%\xdf\x9a\xce0\x8c`m]\xab3N}x\xe2\x9f\xecq\x07\xe7|\xc5\x8a\x15\xf66\xe4\x08\xfdj\x88\x1a\xda\xe6\xf1\xc9\'\x9f\xb0\x9f.\xf6\xd2\x87{\xf6\xd9g3&lt;\t\xec\x1c4\xff\xf0\x8a\xbf\x00@\xcb/\xd3\xa7O\xaf\xac\xac\xa4\xe5&gt;\xa5tjJ\xf2\xe4\xb1\xf7\xaa\xc3\xb5\x06\x8f\xecC:\xa6i\x06\x0f\x96\xdfqG\xff\x1e]\xb3\xa5\x94Bp\xc30\xea\xea\xea\xc6\x8c\x19\x13\xd7kA@h8\xf9\xddw\xdf}\xf8\xe1\x87\xa1\xf3z\xfa\xef\xc4\xc4\xc4\xf3\xce;\x8f!\x008\x07\xcd?\xbc\xe2,\x00\xd8%\xdf\x96-[FG?\n\xc1\x95R\xe3\xee\xbb\xa3\xfdo\xce\x0b\x1e\xaa\xe1&lt;\xe2-Sk-Ls\xfa\xb8\xff\xb2K\x86\xd2Q$t\x10U\\\xef\t\x03\n\x00\xf3\xe7\xcf\xaf\xa9\xa9\xa1\xcd\x1e\xf4u\x9a\x16t\xea\xd4\xe9\x8c3\xce\x88\xf7g\x7f\xe2\x17\x9a\x7f\xd8\xc5Y\xd4\xa2gsz\xf5\xeae\x97|SJe\xb5;\xb3\xe4\x9d\x97\x04=\xa8\x1d\x9d\xcb\xb0,\x7f\xab\x96\xb7\x0f\xba\xffok^\xb3/\xa3}\xfb\xf6%%%\xc7&lt;_\x1e\xe2\x02\x1d\xf2\xf3\xd1G\x1f]v\xd9e\xc1`0\xb4\x98\x0c\xb5\xedy\xf3\xe6\x8d\x1c9\x12g\x019\x05\xcd?\xec\xe2i C\xc1v\xe9\xd2\xa5\xa1%\xdf\x18c3\x1e\xb8/!\xa5\xb9\xb2\x9az\xee\xc7\x893\xb8P\x87\x0fO\x1esoZj\nu\x13\xa6i\xda\xc7\x91\xc7c*\x10\xe8(\xa1\x1f~\xf8\xe1\xe6\x9bo\xae\xab\xabc!\x0b\x00\xb4\xc4\xd7\xbau\xebA\x83\x06\xe1, \xa7\xa0\xf9GB\xdc\x04\x00\xca\xfd\x1d&lt;xp\xc2\x84\t\x94\x90\xa5\x9b \xa7[\x97\x9bn\xb9&gt;X^\xd1\xe8C_\x1b\x81s#X]\xd3\xbe\xf3\xf9\xf7\xdf=P)%D\xfdrPhA\xa2\xa8]\x0c4\x1du.\xfb\xf6\xed\xbb\xea\xaa\xabv\xef\xde}D3\xa6\x0ft\xfa\xf4\xe9\x19\x19\x19\x94#r\xf0R\xbd\t\xcd?B\xe2&amp;</t>
        </is>
      </c>
    </row>
    <row r="48">
      <c r="A48" s="1" t="n">
        <v>46</v>
      </c>
      <c r="B48" t="inlineStr">
        <is>
          <t>color_hexagon</t>
        </is>
      </c>
      <c r="C48" t="inlineStr">
        <is>
          <t>What is the missing color of the part denoted with a question mark?</t>
        </is>
      </c>
      <c r="D48" t="inlineStr">
        <is>
          <t>['green', 'yellow', 'orange', 'red']</t>
        </is>
      </c>
      <c r="E48" t="inlineStr">
        <is>
          <t>orange</t>
        </is>
      </c>
      <c r="F48" t="inlineStr">
        <is>
          <t>There is a hexagon split into six parts with the colors ['purple', 'blue', '?', 'purple', 'blue', 'orange'] in an anti-clockwise order.</t>
        </is>
      </c>
      <c r="G48" t="inlineStr">
        <is>
          <t>We observe that a blue part is opposite another blue part, and a purple part is opposite another purple part. Thus, the pattern is that the colors in opposite parts are the same.</t>
        </is>
      </c>
      <c r="H48" t="inlineStr">
        <is>
          <t>Based on the pattern that spatially opposite parts have the same color, the missing color of the part which is opposite a orange part should be orange.</t>
        </is>
      </c>
      <c r="I48" t="inlineStr">
        <is>
          <t>b'\x89PNG\r\n\x1a\n\x00\x00\x00\rIHDR\x00\x00\x02\x00\x00\x00\x02\x00\x08\x02\x00\x00\x00{\x1aC\xad\x00\x00}\xadIDATx\x9c\xed\xddy|\x94\xd5\xb9\x07\xf0\xb3\xbc\xb3\xcfd&amp;a\x8bl\x95@@\x16Y\x82\x18 \x10v\xc4\xad\xb1U\x90E\xaa\x88\xd7\xa5j\x1b\x01\x05J\x03\x12TD\x16S\x14\xab^[\xa5\xb2)\xea-TT"\x12B\x04DL\x04\x04\x17B@\xa2H@`\x92\xcc&gt;\xf3\x9es\xee\x1f\'\x19\x91\x1a\x04\xb2\xcc\xf2&gt;\xdf\xcf\xfd\xe3\xd6\xdb\xfbi\x9a\xcc\xbc\xcf{\xcey\xce\xf3\xc3B\x08\x04\x00\x00@{H\xa4\x7f\x00\x00\x00\x00\x91\x01\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x91\xfe\x01@$\t!\x84\x10\x91\xfe)@\xc4`\x8c1\xc6\x91\xfe)@\xc4`\xf8\xfek\x96\xaa\xaa\x8a\x02o\x00Z\xa7\xaa*\xa5\x14\xca\x806A\x01\xd0(\xce9!\xe4\xeb\xaf\xbf\xfe\xe3\x1f\xffH\x08\xe1\x9cG\xfa\'\x02MJQ\x14UU\xef\xb9\xe7\x9e\x89\x13\'F\xfag\x01\x11\x03/\x80\x9a#K\xbe\xcf\xe7[\xbat\xa9\xc3\xe1(((\x88\xf4O\x04"\xa6[\xb7n\xc7\x8f\x1f\x1f3fL\x8f\x1e=\x84\x10\x84\xc0\xa1\xa0\xb6\xc0\n@s\x18c\x94\xd2\x95+W\xdeu\xd7]\x18cJi\xf83\x801|\xff\xe3\x1cF\x88\x0b\x81P\xcd_\x9cR\x1a\x0c\x06\'O\x9e\xfc\xaf\x7f\xfd\x0b\xb6\x045\x08\n\x80\xb6\xc8S\xdf\xaa\xaa\xaan\xdd\xba\x9d&gt;}\x9as\x0e\x9b?\x1a\xa7\xd7\xeb\x19c\x05\x05\x05\x83\x07\x0f\x96/\x07\x91\xfe\x89@\xd3\x81\x82\xaf-\x9csJiNNNEEE\xcd\xbb?\xc6\x18a!\xf8\xb5\xbdn\xc8\xb8\xe6w&gt;\xbf\x8b`x\x04\xc4\'.\xb8Ao\xfa\xf6\xfb\x83\xff\xf9\xe8\x05!8\x12\x02\x13\xac\xaa*\xe7&lt;;;{\xe7\xce\x9d:\x9dN\x08\x01\x07\xc2\xda\x01+\x00\r\xe1\x9cc\x8c\x0f\x1d:\xd4\xa3G\x0f\xcey\xb8\x07\x14c,\x84\xb0\xdbZ&lt;\xfe\xe7wL\xa6\x04\xc6Tx\x04\xc4\x1d\x81\x10\xe2\x9c\x9bM\tK\xfew\xca\x97\xa5;\t&amp;\\p\x84\x10F\x88P\xca\x18{\xed\xb5\xd7\xee\xbc\xf3NX\x04h\n\x14\x00\r\x91\xdf\xed\xeb\xae\xbb.??_Qt\xaa\x1aj\xd5\xb1\xa7\xb7\xf2\xb4\xeb\xcc\tB(\xe7\xea\xc0\xb4\xacI\xbf\x9b\xe7\xf1V\x12\x02\x8f\x80x\xc39\xb3\x98\xec\x9f|\xbe\xf1\xf5\xff\x9bO0\x11\x88\xeb(\xcd\xec\xd1z\xcb\xde\xef\xe4\xd9o\xcb\x96-\x0f\x1e&lt;\xe8p8\xe0r\x80v\xc0\xa1\x9fV\xc8\xa7\x7f~~~~~&gt;\xa5\x94\x0b\x8e1\x19y\xdf\xc2\xb4\x9b\xa6"$\x10F\x18\x93O\xf6\xbe\xfb\xfd\x0f_\x9b\x8cV\x84\x10\xc1\x04\xfe\'n\xfe\x07c\xa2P]0\xe4{\xbf\xf0\x9f\x08!J\xb1\x10hx\xef\xb6k\xe6\xde\xd4\xc2n\x12BPJ***\x96-[\x06=\xc1\x9a\x02\x05@\x13\xe4\xc6\xae\xaa\xaa\x7f\xfa\xd3\x9f\x10\xc2\x98P\xceX\x97\x8c\x9b\xdbu\xef\xdfk\xccdG\xf2\x95\x9c\xa9\x84\x10\xce\xd9\xdb\x9b\x9f%\x98\xc2\xeb_\x9c\x11\x9cYL\xf6\xfc\xa2\x95\xa7\xcf~G\te\x9c+\x94&lt;y\xd7\xc0\x16\xc9\t\xb9\x7f\xe8/\x84\x10\x9cSB\x16/^\\ZZ\n5@;\xa0\x00h\x82\xbc\xf6\xf5\xd2K/}\xf3\xcd7T\xa1\x8c\xa9\x06\xb3m\xc0\xed\x8f\xf8\xbd\xd5\x06s\xc2\xc0\xdb\xa7\xa1\x9a"A\x0e\x1d\xd9\xb3\xff\xebm&amp;\xa3\x8ds\x16\xe9\x9f\x1a4\x0c!\x84Ng8u\xe6X\xe1\xee7\xe4\xee\x0e\xe7b\xea\x98\xeei]\xafp\x9f\xac\xfe\xc3\xe8\xee}:\xb5`\x9cSJ\x82\xc1\xe0\x9c9s\xe4\x99P\xa4\x7fj\xd0\x14\xa0\x00\xc4?y\xf6[QQ\x91\x93\x93\x831F\x08\x0b\xce{_\x7fW\xab\x8e\xbdX\xd0\x1f\xf0Tw\x1fq{\x9b\xae\xd7r\xce\xe4^\xf0;\x9b\xff\x16\x08z\t\xa1\xf0\x0c\x88\x0fBp\x83\xde\xbca\xcb\n\xaf\xaf\x9a\x12\xca9wX\r\xf3\'\xf7\x0f\xfaC\\ \xb3Y\xff\xf4\x94\x0c!\x10\xe3\x9cR\xba~\xfdz\xb9I\xc8\x18\xbc\x01\xc4?(\x00\xf1O\xde\xf0\x9c={\xb6\xd3\xe9\xa4\x8a\x8e1\xd5\xde\xb2]\xbf[\xee\xf7\xbb\x9c\x84(\x08\t\xce\xd4\xcc?\xcc!\x94r\xc1\t\xa1?\x9e)\xcf/Zi1\xd9\x05,\x02b\x1f\x17\xdclJ8\xf0MQ\xf1\x17\xf9\x04\x13\x818\x17b\xee\xc4\xf4V-m\x81\xa0\xaaS\x88\xc7\xe5\x1fy\xed\x95\xbf\x1b\xd8\x911N\x08\xc6\x18\xff\xe9O\x7fRU\x15\xd6\x01Z\x00\x05 \xce\xc9\xcd\x9f\xe2\xe2\xe2\xb5k\xd7RJ9\xe7H\x88\x8c\x89\x8f\x99\x13[25\x880\xc6\x84\x06\xbd\xae\xf6=3z\x8c\x98 8\x97\xf3!\x0bw\xbfq\xea\xcc1\x9db\x80G@\xac\xc3\x081\xa6\xbe\xb7\xed\x15!\xb8\xdc\xdc\xef\xd3\xa9\xc5\x03Y\xbd|\xee\x00\xa55_\x7f\xce\xc4\xc2\xbb3\xec\x16=c\x8cR\xf2\xcd7\xdf\xbc\xf4\xd2Kp\x12\xa0\x05P\x00\xe2\x9c&lt;\xfe\x9d&gt;}z \x10\xc0\x84r\xa6\xb6\xe9zm\xf7\xe1\xe3\xfc\xd5g\t\xad\xb9\x06H\x08\rz\xdd\x19\x13f\x18,\t\x823B\xa8\xd7W\xbdq\xcb\x0bF\xa3E\x08x\x04\xc40\xc6\x99\xd5\x9c\xb8\xb3d\xc3\x91\xf2\xbd\x84P!\x98\x10\xe8\xe9)\x19F\x83\xc2\x98\x90G\xfd\x84`\x9f7\xd8%\xb5\xe5\x837\xf7\xe2\\`\x840\xc6999N\xa7\x93\x10\x02o\x00\xf1\r\n@&lt;\x93\xad\x9f\xeb\xd7\xaf/,,T\x14\x851\x95*\xba\xcc?\xcc\xe1LE\xe8\x9cN\x1f\x8c\xd5\xa0\xdf\xd6\xbc\xf5\x80\xb1\xd9B\x08\x81\x04\xc6\xa4\xe4\xe0\x96o\x8e|j4X8\xd4\x80\xd8$\x90P\xa8\xae\xd2u\xea\xc3\xa2\xd70\xc6\x94 \xc6\xc5\xef3:\x8d\xbc\xf6J\x8f;@\xcfi\xf5\xa2\x94\xf8\xab\xfd\xd3n\xeb\x9br\x85]eLQ\xa8\xd3\xe9\x94\'F\xb0\x08\x88oP\x00\xe2\x96|w\x93}\x1d\x08!\x84\x89\xe0\xbc\xf3\xc0\x9b\xdb\xf7\x1c\x14\xf4\xba\xf0\xcf\xe7&gt;\x12J\x03\x9e\xea\xde7LIl\xdd\x813F\x08a,\xb4\xe1\xc3\xe7\t\xa1\xe1\xc1a \xb6\xc8\x9b_\x1f\xedX}\xday\x9c`\xc28\xd7\xeb\xe8\xfc\xc9\xfd\x05?\xff\x0f\x8a1\n\xa9\xacY3\xcb\xec\xdb\xfb\t\x81\xc49=c\xb0\x11\x14\xdf\xa0\x00\xc4-9\xf6g\xc9\x92%\xa5\xa5\xa5\x8aN\xc7\xd4\x90\xd1\xea\x18|\xc7\xac\xa0\xd7\xf5K\x17}\xb1\xe0Lg0\r\xbds.B\x88\x0bA\x08-;\xb6w\xf7\xdew\xad&amp;\x07\xb4\x84\xc6\x1c!\xb8Qo\xf9\xee\xc4WE{\xd6cLd\xebg\xf6-\xbd{tn\xe5\xf5\x06\t9\xff\xa6\x87B\x89\xa7\xcaw\xe7\x98\xee\x83z\xb4V\x19W(\x91\xb7F\xe0(8\xbeA\x01\x88O\xf2\xec\xb7\xac\xacl\xd1\xa2E\x84\x10!\x90\x10\xa2\xcf\rS\x12\xdbtT\x83~\xf4K\x17\xfd1\xa1\x01Ou\xc7\xf41\xed{\x0e\x12\x9c!\x8c\x11\xc2\xefn}\xb1\xca}\x86RE\xc0: \xa6\x08\x84\x08\xa1\x1b\xb6\xac\xf0\xf9\xdd\x94`\xc6Y\xabD\xf3#\xb7\xa6\x05}AZ\xc7\xd0\x7f\x81\x90\xa2\x90y\x93\xd2\t\xc1\x8c3\x85\xd2\xfc\xfc\xfc\xf5\xeb\xd7CKh\x1c\x83\x02\x10\x9f\xe4\xd9onnnuu5\xa5\nSC\x89\xad;\xa4\xdf\xfa\x90\xdf\xe5$\x17\x1c\xf5%8\x1b6e\x1eUtBpB\xe8\x19\xe7\x0f\x1f\xedXe1\xc3" \x96p\xce,\xc6\x84/Kw\xec\xffj\x1b\xc1T !\x04Z\xf0\x87\x01\xc9\xad\x12\x02A\xb5\xae1?\x94`\x8f\xcb?\xb2\x7f\xca\x84\xa1]\x18\x13\xb2%t\xce\x9c9\xc1`\x10\xd6\x01\xf1\n\n@\x1c\x92g\xbf\xdb\xb7o_\xbdz5\xa5\x8a\xca\x18Bh\xe8\x9dsu&amp;\xab\xe0\xecg\xc7\xbf?\x87\t\t\xfa\xdc\xc9\xa9}\xd2n\xbaGp.\x07\x04\x15\xedY_~\xfcK\x83\xde\x0c\x8f\x80XA\x08\xf5\x07\xbd\x1b\xb6\xac@\x08S\x8a\x18\xe3\x83z\xb4\x9er}\x0fO\xb5O\xa1\x17\xfa\xcacB\x82\xbe\xe0\xc2)\x19I6cHe\x8aBKKK\x97,Y\x02\'\x01\xf1\n\n@|b\x8c\xe5\xe4\xe40\xc60!\x82\xb3\xf6=\x07uL\x1f\x13pW\xe1_\x1b\xf3I\x08\r\xfa\xdc\xd7d\xddgv4\x97\x87\x81&gt;\xbf\xfb\x83\xc2\x7f\xe8uFh\t\x8d\t\x8c3\xb3)a\xf7\xdew\xbf?Qs\x84K\t\x9e71\x9d*\xe4W+8\xc1(\x10P\xdb\xb5u&lt;\x9c\xd5K\x08\x81\x84 \x98,]\xba\xb4\xa2\xa2\x02:\x82\xe2\x12\x14\x80x\xa3\xaa*\xa5t\xcd\x9a5\xdb\xb7oW\x14\x1dc*\xa1t\xd8\x94y\x17{\xad\x17c5\xe8Oh\xd16c\xfc\xa3Bp\x81\x04\xc1\xa4\xf8\xc0\x87\x07\xbe)2\x9b\x12\xa0%4\xca\t!t\x8a\xfel\xe5\x89M\x05/\x87[?o\x1f\xd2y\xe4\x80\x14\x8f\xcbO\xff\xeb\xec\xf7\xbfQJ|.\xffc\xe3\xfaujm\x97\x8b\x80\xb3g\xcf\xce\x9e=\x1b\xee\x04\xc4%(\x00qEN}\xa8\xae\xae\x9e?\x7f&gt;\xc6D $8\xef1bB\xabN\xbd\x82&gt;7\xbe\xb8\xc8oB\x15\xbf\xbb\xb2\xfb\xf0\xb1-;\xf4\xe0\x9ccB\x84\xe0\xefm{\x851\x15\xd7\xbd}\x04\xa2\x81\x10\xdch\xb0l\xdd\xb9\xda\xe5&gt;C\x08a\x9c\xdb-\xfa\xbfNL\x0f\xf9C\xf8"\x9e\xfe\xa8\xe6\xe6\xb00[\xf4\x8f\xdf\xd1\x1f!\xc49\x93\xef\x13%%%57\xc9A\x1c\x81\x02\x10Wd\xf3\xcf\xa2E\x8b\xca\xca\xca(\xa5\x9c\xa9\x06\x8b=c\xc2\x8c\x90\xdf{I\x19/\x821\x9d\xd1\x929y6\x12B\xb6\x84\x1e)\xdf\xbb\xb3\xf8\xdf\x16\xb3\x1dN\x83\xa3\x16\x17\xdc`0\x1f\xfb\xfe`\xc1\'\xeb0&amp;\x18\t\xce\xc5\x837\xf7\xea\xda\xb9\xa5\xdf\x17"\x17\x9d\xf1B)\xf6\xb8\xfc\x93Fw\x93-\xa1\x94\xe0`0\x98\x9d\x9d\xcd\x18\x83E@\x9c\x81\x02\x10?d\xe3\xbf&lt;\xb5\xa3\x84\xca\xc8\xc7\x01c\xfflk\xde\xa6\xae\xd6\xcf\xba`J\x03\xee\xca\x0e}\x87wJ\x1f#[B1\xc6\xef\x16\xbcx\xb6\xf2\x84\xa2\xe8\xe1)\x10\x9d0B\x04\xd3\xb77?\xcbX\x88\x12\xcc8\xef\x90\x9c0\xed\xb6\xbe\xfej?\xbd\xe0\xd9\xef\x7f\x13\x081\xc6\x9f\x99:H\xa1DeLQ\x94\xa2\xa2\xa25k\xd6@Kh\x9c\x81\x02\x10?\xe4s\xb9\xa6o\x8fR\xceY\xcb\x0e=\xfa\xdcxw\xc0Su\xe1\xd6\xcf:`\xceX\xe6\xe4\xbf\x18\xcc6!8\xc6\xd4\xe5&gt;\xbbu\xe7j\xa3\x01\x06\x04E#\xce\x99\xc9h\xdb\xff\xf5\xb6CG\xf6\x10L\xc2\xad\x9f\xcd\x92\xcc!\x95]j\xc2#%\xd8\xe7\r\x0e\xe8\xddn\xea\x98\xee\x9c\x0b\x8c\x04\xc1x\xfe\xfc\xf9UUU\xd0\x12\x1aO\xa0\x00\xc4\t\xd9\xfaYXX\xf8\xd3\xcd\x1d!2\'\xcfV\x0c&amp;\xc1.\xd4\xfaY\x17LH\xd0\xebj\x99ru\xef\xeb\xef\n\xb7\x84\x16|\xb2\xae\xfc\xf8\x970 (\xda\xc8k_\xc1\x90\xef\x9d\xcd\x7fC\x08Q\x8ae\xeb\xe7\xa4\xd1\xdd&lt;\xd5\xfe\x0b\xb7~\xd6\x85\x10\x12\xf4\x06\xe7O\xee\xef\xb0\x1aT\xc6\xa8B\xcb\xca\xca\xf2\xf2\xf2\x08!\xb0\x08\x88\x1bP\x00\xe2\x81\xbc\xf6\x15\x08\x04\xa6O\x9f\x8e1\x96\xad\x9f\xa9\xfd\xaf\xbf\xb2\xef\xf0\x80\xbb\x12_\xce\xeb?B\xf24\xd8\xe5\xbc\xe6\x96\xfb\xed\xad\xda\x0b^3 hS\xc1\xcb\x18\xc3\xc7&amp;\xba\x08\xceLF\xdb\xf6\xdd\xeb\x7f&lt;SN\x08\x95c\x7f\x9e\xb9{\x10c\xff5\xf7\xe7\xa2a\x8c\x02A\xb5UK\xdb\xdc\x89\xe9r@\x10%\xf4\xd9g\x9f\xad9^\x82\xd3\xe0\xb8\x00\xdf\xe4x \xcf~\xd7\xad[W\\\\,_\xff\xa9\xa2\xcb\x18?Cp~\x19\xef\xfe?\xc1\x98\xa9AkRr\xfa\xad\x0f\x87\xa7\x84\xee\xfb\xaa\xe0\xcb\xd2\x1df\xc8\x8c\x8c\x1aB\x08E\xd1;\xab*\xde/\xfc\x87l\xfd\xe4\\\x8c\x1b\x9c: \xad\x9d\xcf\x1b\xbc\x98\xd6\xcf\xbaPJ|\xee\xc0\x03\xbf\xed\x99\xda\xc6\xa12N)\xa9\xaa\xaa\xca\xcd\xcd\x85;\x01q\x03\n@\xcc\x93\xaf\xffN\xa7s\xd6\xacY\x84\x10\x81\xb0\xe0&lt;\xed\xa6{Zu\xea\xf5\xdfS?/\x15\xa1\x8a\xaf\xea\xcc\xd5#\'\xb4\xe9\xdaON\tE\x08o\xd8\xb2"\x14\xf2Cfd\x94\x10\x82\x1b\r\xd6M\x05/\xfb\xfc.B\x88\xcax\x92\xcd\xf8\xe4\x94\x8c\xa0\'H\xea\xf7\xd7\xc7\x081.\x8cF\xdd\xd2\xff\xc9D\x081\xa6*\x94\xae^\xbd\xba\xa8\xa8HQ\x14\xd8\x08\x8a\x03P\x00b\x9e|\xfd\xcf\xc9\xc9\xa9\xa8\xa8 \x842\xa6\x9a\x1d\xcd\xaf\xc9\xba/\xe8s_R\xebg\xdd\x04\xa1\xca\x80q\xd30!\\\x08B\xc8\xf7\'\xbe\xd9\xb6\xfbM\x93\xd1\x06\x99\x91\x11\xc7\x057\x1a,\x87\x8e\xee\xd9U\xb2A\xb6~\n!\x1e\xce\xea\xd5\xbe\xad\xe3\x02c\x7f.\x1e%\xd8\xe3\x0e\xdc\x9c\x912\xa2O;\xc6\x05&amp;\x981\x96\x9d\x9d\x1d\x08\x04\xe048\x0e@\x01\x88m\xf2\xe9_\x9b\xe1G\xb9\x10H\x88A\x13\x1eMh\xd1\xf6R[?\xeb\x82\t\xf5\xbb+;\xf6\x1bu\xd5\xa0,\xc1\x19\xc6\x18c\xfcA\xe1?\x9cU\x15\x90\x19\x19qXN\xfd\xfc\xf09\xce\x19%\x841\x9e\xda\xd6\xf1\xd8\xb8~&gt;\xd7%\xb7~^\x00\xe3b\xd9\xbd\x99z\x1de\x8c)\x8aRRR\xb2n\xdd:\x18\x10\x14\x07\xa0\x00\xc46\xb9\xff#S\xbc\t\x95\x89\x8f\xfd\xae\x1e5\xc9\xe7\xfa)\xf1\xb1\xfe\x08\xa1A\x9fg\xf0\xe4\xbf\x18\xad\x0e\xce\x19\xc6\xd4\xe7wm*xY\xaf7AKh\x04q\xce\xcc\xa6\x84O&gt;\xffO\xd9\xb1\xda\xc4G\x84\x96\xde\x93i6\xeb\xc2\x89\x8f\xf5G\x08\xf6z\x83=\xafJ\xce\xbe\xa5wMK(!\xb3f\xcd:{\xf6,,\x02b\x1d\x14\x80\x18&amp;[?\xf3\xf3\xf3\xf3\xf3\xf3)\xa5\x9c3L\xc8\x80q\xd3\x08UP\xc3~-1V\x83\xbe\xc4\xd6)}n\x98"\x84\x90-\xa1\xbbJ6\x94\x1f\xff\xd2`0CKhD\xc8\xd6O\x7f\xc0\xf3\xde\xb6W\x10Br\xec\xcf\x88&gt;\xedn\xceH9/\xf1\xb1\xfe(!Ao\xf0\x91[\xd3Z%\x9a\x19\xe3\x94\x92\x8a\x8a\x8ae\xcb\x96\xc1" \xd6A\x01\x88U\xf2\xdd_\xc66!\x841\xa1\x9c\xb1.\x19\xbf\xedx\xed(\xbf\xbb\xf2W\xa7~^*B\xa9\xdf\xe5L\xbf\xf5!G\xf2\x95\x9c\xa9\x84\x10\xce\xd9\xdb\x9b\x9f%\xb8A\x9f4\xe0\xa2\t\xce,&amp;{~\xd1\xca\xd3g\xbf\xa3\x842\xce\x15J\x96\xdd\x9bY\x8f\xce\xcf:\xc9\x96\xd0\xe4V\t\xb9\x93\x07p!\x04\xe7\x94\x90\xc5\x8b\x17\x97\x96\x96B\r\x88iP\x00b\x15?\'\xb8\x95*\x941\xd5`\xb6\r\x18\x97\x1d\xf2\xfb\xea\xd9\xf9S\x07,\x98\xaa7\xdb\x06\xde&gt;\r\xd5\x94\x1fr\xe8\xc8\x9e\xfd_o3AKh\x93\x13B\xe8t\x86Sg\x8e\x15\xee~\x03c,\x13\x1f\xa7\x8e\xe9\xde\xb3K+\xdf/%&gt;\xd6\x9fB\x89\xcf\xe5\xbfcT\xd7&gt;\x9dZ0\xce)%2n\x1av\x81b\x1a\x14\x80\x98\xc49\xc7\x18WTT\xe4\xe4\xe4`\x8c\x11\xc2\x82\xf3\xde\xd7\xdf\xd5\xaac\xaf\x90\xcf\xddH\x17\xb50U\xfc\xae\xca\xee#no\xd3\xf5Z\xceeK(zg\xf3\xdf\x02A/\xb4\x8461!\xb8Ao\xde\xb0e\x85\xd7WM\t\xe5\x9c;\xac\x86\xf9\x93\xfb\x07}\xa1z\xb6~^\x00c\xc2l\xd6?=%C\x08\xc48\xa7\x94\xae_\xbf^n?BKh\x8c\x82\x02\x10\x93\xe4\xd8\xe7\xd9\xb3g;\x9dN\xaa\xe8\x18S\xed-\xdb\xf5\xbb\xe5~\xbf\xcb\xd9\x80g\xbf\xbf\x8835\xf3\x0fs\x08\xa5\\pB\xe8\x8fg\xca\xf3\x8bVZLvh\tm2\\p\xb3)\xe1\xc07E\xc5_\xe4\x13L\x04\xe2\\\x88\xb9\x13\xd3[\xb5\xb45H\xebg]\xe4\x94\xd0\x91\xd7^\xf9\xbb\x81\x1d\x19\xe323R6 \xc0: FA\x01\x88=r\xf3\xa7\xb8\xb8x\xed\xda\xb55\x97\xf2\x85\xc8\x98\xf8\x989\xb1%S\x83\r\xd2\xfaY\x179 \xa8}\xcf\x8c\x1e#&amp;\x08\xce\xe5\x94\xd0\xc2\xddo\x9c:s\x0cZB\x9b\x0cF\x881\xf5\xbdm\xaf\x08\xc1\xe5\x16|\x9fN-\x1e\xc8\xea\xe5s\x07\x1a\xb0\xf5\xb3.\x9c\x89\x85wg\xd8-z\xc6\x18\xa5\xe1\x16d8\t\x88IP\x00b\x8f&lt;\xfe\x9d&gt;}z \x10\xc0D\xb6~^\xdb}\xf88\x7fuC\xb6~\xd6\x85\x10\x1a\xf4\xba3&amp;\xcc0X\x12\x04g\x84P\xaf\xafz\xe3\x96\x17\x8cF\x98\x12\xda\x14\x18gVs\xe2\xce\x92\rG\xcak[?\x05zzJ\x86\xd1\xa04`\xebg]\x08\xc1&gt;o\xb0Kj\xcb\x07o\xee\xc5\xb9\xc0\x08a\x8csrr\x9cN\'D\x86\xc5"(\x001F\xb6~\xae_\xbf\xbe\xb0\xb0PQ\x14\xc6T\xaa\xe82\xff0\x873\xb5^c\x7f.\x1e\xc6j\xd0ok\xdez\xc0\xd8\xec\xf0\x80\xa0\x92\x83[\xbe9\xf2)L\tml\x02\t\x85\xea*]\xa7&gt;,z-\x9c\xf8\xf8\xfb\x8cN#\xaf\xbd\xb2\xc1[?\xebB)\xf1W\xfb\xa7\xdd\xd67\xe5\n\xbb\xca\x98\xa2P\xa7\xd3)\xcf\xa2`\x11\x10s\xa0\x00\xc4\x12\xf9\x86%\xbb/\x10B\x08\x13\xc1y\xe7\x817\xb7\xef9\xa8\xfec\x7f.\x1e\xa14\xe0\xa9\xee}\xc3\x94\xc4\xd6\x1d\xe4\x80 \xc6B\x1b&gt;|\x9e\x10\x8a\x10\xbc\x036"\xce\x99\xc5d\xffh\xc7\xea\xd3\xce\xe3\x04\x139\xf5s\xfe\xe4\xfe\xa2\x11Z?\xeb\x821\n\xa9\xacY3\xcb\xec\xdb\xfb\xc9)\xa1\xe1n4\xd8\x08\x8a9P\x00b\x89\xcc\xfcZ\xb2dIii\xa9\xa2\xd315d\xb4:\x06\xdf1+\xe8u5\xd0\xd8\x9f\x8b\x84\x05g:\x83i\xe8\x9ds\x11B23\xb2\xec\xd8\xde\xdd{\xdf\xb5\x9a\x1c\xd0\x12\xdaH\x84\xe0F\xbd\xe5\xbb\x13_\x15\xedY\x8f1\x91\xad\x9f\xd9\xb7\xf4\xee\xd1\xb9\x95\xb7qZ?\xeb\xa2P\xe2\xa9\xf2\xdd9\xa6\xbb\xcc\x8cT(\x91\xf7Q\xe0(8\xe6@\x01\x88\x19\xf2\xec\xb7\xac\xacl\xd1\xa2E\x84\x10!\x90\x10\xa2\xcf\rS\x12\xdbtl\xa8\xb1?\x17\x0f\x13\x1a\xf0TwL\x1f\xd3\xbe\xe7 \x99\x19\x89\x10~w\xeb\x8bU\xee3\x94*\x02\xd6\x01\x8d@^\xfd\xdd\xb0e\x85\xcf\xef\xa6\x043\xceZ%\x9a\x1f\xb95-\xe8\x0b\xd2\xa6Z\xfc\x9d\xfb\xc3(\n\x997)\x9d\x10\xcc8S(\xcd\xcf\xcf\xff)\x8c\x08\xc4\x08(\x001C\x9e\xfd\xe6\xe6\xe6VWWS\xaa05\x94\xd8\xbaC\xfa\xad\x0f\xf9]\xce\xcbJ|l\x88\x1f\x89\xb3aS\xe6QE\'\x04\'\x84\x9eq\xfe\xf0\xd1\x8eU\x163,\x02\x1a\x1e\xe7\xccbL\xf8\xb2t\xc7\xfe\xaf\xb6\x11L\xc3\x89\x8f\xc9\xad\x12\x1a\xb5\xf5\xb3.\x94`\x8f\xcb?\xb2\x7f\xca\x84\xa1]\x18\x13\xb2%\xb4&amp;\x8e\x14\xd6\x01\xb1\x03\n@l\x90g\xbf\xdb\xb7o_\xbdz5\xa5\x8a\xca\x18Bh\xe8\x9dsu&amp;\xab\xe0\x97\x93\xf8X\x7f\x98\x90\xa0\xcf\x9d\x9c\xda\'\xed\xa6{\xc2\x99\x91E{\xd6\x97\x1f\xff\xd2\xa07\xc3#\xa0a\x11B\xfdA\xef\x86-+\x10\xc2\x94"\x99\xf88\xe5\xfa\x1e\x9ej\xdf\xe5%&gt;\xd6\x1f&amp;$\xe8\x0b.\x9c\x92\x91d3\x86T\xa6(\xb4\xb4\xb4t\xc9\x92%p\x12\x10C\xa0\x00\xc4\x0c\xc6XNN\x0ecL&amp;&gt;\xb6\xef9\xa8c\xfa\x98\x80\xbb\xaa\xc1\xc7\xfe\\&lt;Bh\xd0\xe7\xbe&amp;\xeb&gt;\xb3\xa3\xb9&lt;\x0c\xf4\xf9\xdd\x1f\x14\xfeC\xaf3BKh\x03b\x9c\x99M\t\xbb\xf7\xbe\xfb\xfd\x89\x9a\x83VJ\xf0\xbc\x89\xe9T!\x11\xac\xb3\x04\xa3@@m\xd7\xd6\xf1pV/!\x04\x12\x82`\xb2t\xe9\xd2\x8a\x8a\n\xe8\x08\x8a\x15P\x00b\x80\xaa\xaa\x94\xd25k\xd6l\xdf\xbe]Qt\x8c\xa9\x84\xd2aS\xe6E\xfe\xf2-\xc6j\xd0\x9f\xd0\xa2m\xc6\xf8G\x85\xe0\x02\t\x82I\xf1\x81\x0f\x0f|Sd6%@Kh\x83\x10B\xe8\x14\xfd\xd9\xca\x13\x9b\n^\x0e\xb7~\xde&gt;\xa4\xf3\xc8\x01)\x1e\x97\xbf&gt;\x89\x8f\xf5G)\xf1\xb9\xfc\x8f\x8d\xeb\xd7\xa9\xb5].\x02\xce\x9e=;{\xf6l\xb8\x13\x10+\xa0\x00D;9\xf5\xa1\xba\xbaz\xfe\xfc\xf9\x18\x13\x81\x90\xe0\xbc\xc7\x88\t\xad:\xf5\n\xfa\xdcM\xd6\xfaY\x17B\x15\xbf\xbb\xb2\xfb\xf0\xb1-;\xf4\xe0\x9ccB\x84\xe0\xefm{\x851\x15Gbc*\xfe\x08\xc1\x8d\x06\xcb\xd6\x9d\xab]\xee3\x84\x10\xc6\xb9\xdd\xa2\xff\xeb\xc4\xf4\x90?\x84#\xfa\xf4G5w\x92\x85\xd9\xa2\x7f\xfc\x8e\xfe\x08!\xce\x99|S)))\x81\xe0\xf8\x98\x00\x05 \xda\xc9\xe6\x9fE\x8b\x16\x95\x95\x95QJ9S\r\x16{\xc6\x84\x19!\xbf\xb7i[?\xeb$\x18\xd3\x19-\x99\x93g#!dK\xe8\x91\xf2\xbd;\x8b\xffm1\xdb\xe14\xb8\x9e\xb8\xe0\x06\x83\xf9\xd8\xf7\x07\x0b&gt;Y\'\x13\x1f9\x17\x0f\xde\xdc\xabk\xe7\x96~_\x884\xfd\xe1\xef\x7f\x91\x03\x82&amp;\x8d\xee&amp;[B)\xc1\xc1`0;;\x9b1\x06\x8b\x80\xe8\x07\x05 \xaa\xc9\xc6\x7fy\xb6F\t\xe5B\x08!\x06\x8c\xfd\xb3\xady\x9b\xa6o\xfd\xac\x0b\xa64\xe0\xae\xec\xd0wx\xa7\xf41\xb2%\x14c\xfcn\xc1\x8bg+O(\x8a\x1e\x9e\x02\xf5\x81\x11"\x98\xbe\xbd\xf9Y\xc6B\x94`\xc6y\x87\xe4\x84i\xb7\xf5\xf5W7d\xe2c=\t\x84\x18\xe3\xcfL\x1d\xa4P\xa22\xa6(JQQ\xd1\x9a5k\xa0%4\xfaE\xcbg\x08\xfc"\xf9\xf4\xac\xe9\xae\xa3\x94s\xd6\xb2C\x8f&gt;7\xde\x1d\xf0TE\xaa\xf5\xb3\x0e\x983\x969\xf9/\x06\xb3M\x08\x8e1u\xb9\xcfn\xdd\xb9\xdah\x80\x01A\x97\x8fsf2\xda\xf6\x7f\xbd\xed\xd0\x91=\x04\x93p\xebg\xb3$sHe\xd1Q\xfd\x11B\x88\x12\xec\xf3\x06\x07\xf4n7uL\xf7\x9a\xccH\x8c\xe7\xcf\x9f_UU\x05-\xa1Q\x0e\n@\xf4\x92\xad\x9f\x85\x85\x85?\xdd\xaf\x11"s\xf2l\xc5`\x12,2\xad\x9fu\x91SB[\xa6\\\xdd\xfb\xfa\xbb\xc2-\xa1\x05\x9f\xac+?\xfe%\x0c\x08\xba&lt;\xf2\xdaW0\xe4{g\xf3\xdf\x10B\x94b\xd9\xfa9it7O\xb5?R\xad\x9fu!\x84\x04\xbd\xc1\xf9\x93\xfb;\xac\x06\x951\xaa\xd0\xb2\xb2\xb2\xbc\xbc&lt;B\x08,\x02\xa2Yt}\x8c@\x98\xbc\xf6\x15\x08\x04\xa6O\x9f\x8e1\x96\xad\x9f\xa9\xfd\xaf\xbf\xb2\xef\xf0\x80\xbb\x12G\xd7\xeb?B\xf24\xd8\xe5\xbc\xe6\x96\xfb\xed\xad\xda\x0b^3 hS\xc1\xcb\x8d\x94N\x13\xf7\x04g&amp;\xa3m\xfb\xee\xf5?\x9e)\'\x84\xca\xb1?\xcf\xdc=\x885F\xe4c\xbd\xc9\xcc\xc8V-ms\'\xa6\xcb\x01A\x94\xd0g\x9f}\xb6\xe6\xe0\nN\x83\xa3\x15|9\xa3\x94&lt;\xfb]\xb7n]qq\xb1|\xfd\xa7\x8a.c\xfc\x0c\xc1yT\xbd\xfb\xff\x04c\xa6\x06\xadI\xc9\xe9\xb7&gt;\x1c\x9e\x12\xba\xef\xab\x82/Kw\x98!3\xf2\x12\t!\x14E\xef\xac\xaax\xbf\xf0\x1f\xb2\xf5\x93s1np\xea\x80\xb4v&gt;o0\xb2\xad\x9fu\xa1\x94\xf8\xdc\x81\x07~\xdb3\xb5\x8dCe\x9cRRUU\x95\x9b\x9b\x0bw\x02\xa2\x19\x14\x80h$_\xff\x9dN\xe7\xacY\xb3\x08!\x02a\xc1y\xdaM\xf7\xb4\xea\xd4\xab)\xa7~^*B\x15_\xd5\x99\xabGNh\xd3\xb5\x9f\x9c\x12\x8a\x10\xde\xb0eE(\xe4\x87\xcc\xc8K"\x047\x1a\xac\x9b\n^\xf6\xf9]\x84\x10\x95\xf1$\x9b\xf1\xc9)\x19AO\xb0\xf1\x12\x1f\xeb\t#\xc4\xb80\x1auK\xff\'\x13!\xc4\x98\xaaP\xbaz\xf5\xea\xa2\xa2"EQ`#(:E\xe9\x87I\xe3\xe4\xeb\x7fNNNEE\x05!\x941\xd5\xech~M\xd6}A\x9f;JZ?\xeb&amp;\x08U\x06\x8c\x9b\x86\t\xe1B\x10B\xbe?\xf1\xcd\xb6\xddo\x9a\x8c\xb6\xc8_[\x8b\x11\\p\xa3\xc1r\xe8\xe8\x9e]%\x1bd\xeb\xa7\x10\xe2\xe1\xac^\xed\xdb:"2\xf6\xe7\xe2Q\x82=\xee\xc0\xcd\x19)#\xfa\xb4c\\`\x82\x19c\xd9\xd9\xd9\x81@\x00N\x83\xa3\x13\x14\x80\xa8#\x9f\xfe\xb5I{\x94\x0b\x81\x84\x184\xe1\xd1\x84\x16m\xa3\xa7\xf5\xb3.\x98P\xbf\xbb\xb2c\xbfQW\r\xca\x12\x9ca\x8c1\xc6\x1f\x14\xfe\xc3YU\x01\x99\x91\x17\t\xcb\xa9\x9f\x1f&gt;\xc79\xa3\x840\xc6S\xdb:\x1e\x1b\xd7\xcf\xe7\x8a\xa2\xd6\xcf\x0b`\\,\xbb7S\xaf\xa3\x8c1EQJJJ\xd6\xad[\x07\x03\x82\xa2S\x0c|\x9e\xb4F\xee\xff\xc8\xacmBe\xe2c\xbf\xabGM\xf2\xb9\x9a"\xf1\xb1\xfe\x08\xa1A\x9fg\xf0\xe4\xbf\x18\xad\x0e\xce\x19\xc6\xd4\xe7wm*xY\xaf7AK\xe8\xaf\xe2\x9c\x99M\t\x9f|\xfe\x9f\xb2c\xb5\x89\x8f\x08-\xbd\'\xd3l\xd65A\xe2c\xfd\x11\x82\xbd\xde`\xcf\xab\x92\xb3o\xe9]\xd3\x12J\xc8\xacY\xb3\xce\x9e=\x0b\x8b\x80(\x04\x05 \xba\xc8\xd6\xcf\xfc\xfc\xfc\xfc\xfc|J)\xe7\x0c\x132`\xdc4B\x15\x14+_\x1e\x8c\xd5\xa0/\xb1uJ\x9f\x1b\xa6\x08!dK\xe8\xae\x92\r\xe5\xc7\xbf4\x18\xcc\xd0\x12z\x01\xb2\xf5\xd3\x1f\xf0\xbc\xb7\xed\x15\x84\x90\x1c\xfb3\xa2O\xbb\x9b3R\x9a,\xf1\xb1\xfe(!Ao\xf0\x91[\xd3Z%\x9a\x19\xe3\x94\x92\x8a\x8a\x8ae\xcb\x96\xc1" \nA\x01\x88"\xf2\xdd_\x86+!\x841\xa1\x9c\xb1.\x19\xbf\xedx\xed(\xbf\xbb2\x82S?/\x15\xa1\xd4\xefr\xa6\xdf\xfa\x90#\xf9J\xceTB\x08\xe7\xec\xed\xcd\xcf\x12\x1c#\xcf\xb0\x08\x11\x9cYL\xf6\xfc\xa2\x95\xa7\xcf~G\te\x9c+\x94,\xbb73*;?\xeb$[B\x93[%\xe4N\x1e\xc0\x85\x10\x9cSB\x16/^\\ZZ\n5 \xda@\x01\x88"\xfc\x9cxU\xaaP\xc6T\x83\xd96`\\v\xc8\xef\x8b\xda\xce\x9f:`\xc1T\xbd\xd96\xf0\xf6i\xa8\xa6\xb0\x91CG\xf6\xec\xffz\x9b\tZB\xeb \x84\xd0\xe9\x0c\xa7\xce\x1c+\xdc\xfd\x06\xc6X&amp;&gt;N\x1d\xd3\xbdg\x97V\xbe\xa6M|\xac?\x85\x12\x9f\xcb\x7f\xc7\xa8\xae}:\xb5`\x9cSJd\x905\xec\x02E\x9b\xd8z\xac\xc43\xce9\xc6\xb8\xa2\xa2"\'\'\x07c\x8c\x10\x16\x9c\xf7\xbe\xfe\xaeV\x1d{\x85|\xee\x98\xbbN\x85\xa9\xe2wUv\x1fq{\x9b\xae\xd7r.[B\xd1;\x9b\xff\x16\x08z\xa1%\xf4\x17\t\xc1\rz\xf3\x86-+\xbc\xbejJ(\xe7\xdca5\xcc\x9f\xdc?\xe8\x0bEm\xeb\xe7\x050&amp;\xccf\xfd\xd3S2\x84@\x8csJ\xe9\xfa\xf5\xeb\xe5\xc6&amp;\xb4\x84F\x8f\xd8\xfb`\xc5+9\xf6y\xf6\xec\xd9N\xa7\x93*:\xc6T{\xcbv\xfdn\xb9\xdf\xefr\xc6\xc4\xd9\xef/\xe2L\xcd\xfc\xc3\x1cB)\x17\x9c\x10\xfa\xe3\x99\xf2\xfc\xa2\x95\x16\x93\x1dZB\xcf\xc3\x057\x9b\x12\x0e|ST\xfcE&gt;\xc1D \xce\x85\x98;1\xbdUK[\x94\xb7~\xd6EN\t\x1dy\xed\x95\xbf\x1b\xd8\x911.3#ek\x03\xac\x03\xa2\x07\x14\x80\xa8 7\x7f\x8a\x8b\x8b\xd7\xae][su^\x88\x8c\x89\x8f\x99\x13[25\x18\xe5\xad\x9fu\x91\x03\x82\xda\xf7\xcc\xe81b\x82\xe0\\N\t-\xdc\xfd\xc6\xa93\xc7\xa0%\xf4&lt;\x18!\xc6\xd4\xf7\xb6\xbd"\x04\x97\x1b\xe5}:\xb5x \xab\x97\xcf\x1d\x88\x89\xd6\xcf\xbap&amp;\x16\xde\x9da\xb7\xe8\x19c\x94\x86\x9b\x9b\xe1$ Z\xc4\xf0g+\x9e\xc8\xe3\xdf\xe9\xd3\xa7\x07\x02\x01Ld\xeb\xe7\xb5\xdd\x87\x8f\xf3W\xc7F\xebg]\x08\xa1A\xaf;c\xc2\x0c\x83%ApF\x08\xf5\xfa\xaa7ny\xc1h\x84)\xa1?a\x9cY\xcd\x89;K6\x1c)\xafm\xfd\x14\xe8\xe9)\x19F\x83\x12\x13\xad\x9fu!\x04\xfb\xbc\xc1.\xa9-\x1f\xbc\xb9\x17\xe7\x02#\x841\xce\xc9\xc9q:\x9d\x10\x19\x16%\xa0\x00D\x9el\xfd\\\xbf~}aa\xa1\xa2(\x8c\xa9T\xd1e\xfea\x0egj\x94\x8e\xfd\xb9x\x18\xabA\xbf\xady\xeb\x01c\xb3\xc3\x03\x82J\x0en\xf9\xe6\xc8\xa70%T\x12H(TW\xe9:\xf5a\xd1k\xe1\xc4\xc7\xdfgt\x1ay\xed\x951\xd4\xfaY\x17J\x89\xbf\xda?\xed\xb6\xbe)W\xd8U\xc6\x14\x85:\x9dNy\xca\x05\x8b\x80h\x00\x05 \xc2\xe4{\x90\xec\x91@\x08!L\x04\xe7\x9d\x07\xde\xdc\xbe\xe7\xa0h\x1e\xfbs\xf1\x08\xa5\x01Ou\xef\x1b\xa6$\xb6\xee \x07\x041\x16\xda\xf0\xe1\xf3\x84P\x84\xe0\x1d\x10q\xce,&amp;\xfbG;V\x9fv\x1e\'\x98\xc8\xa9\x9f\xf3\'\xf7\x171\xd5\xfaY\x17\x8cQHe\xcd\x9aYf\xdf\xdeON\t\r\xf7\xb9\xc1FP4\x88\xf9\xe7K\xac\x93\x99_K\x96,)--Ut:\xa6\x86\x8cV\xc7\xe0;f\x05\xbd\xae\xa8\x1f\xfbs\x91\xb0\xe0Lg0\r\xbds.BHfF\x96\x1d\xdb\xbb{\xef\xbbV\x93C\xe3-\xa1Bp\xa3\xde\xf2\xdd\x89\xaf\x8a\xf6\xac\xc7\x98\xc8\xd6\xcf\xec[z\xf7\xe8\xdc\xca\x1bk\xad\x9fuQ(\xf1T\xf9\xee\x1c\xd3]fF*\x94\xc8\x9b.p\x14\x1c\r\xa0\x00D\x92&lt;\xfb-++[\xb4h\x11!D\x08$\x84\xe8s\xc3\x94\xc46\x1d\xa3\x7f\xec\xcf\xc5\xc3\x84\x06&lt;\xd5\x1d\xd3\xc7\xb4\xef9HfF"\x84\xdf\xdd\xfab\x95\xfb\x0c\xa5\x8a\xd0\xf0:@^\xfd\xdd\xb0e\x85\xcf\xef\xa6\x043\xceZ%\x9a\x1f\xb95-\xe8\x0b\xd2\xd8_\xfc\x85\t\x84\x14\x85\xcc\x9b\x94N\x08f\x9c)\x94\xe6\xe7\xe7\xff\x14s\x04"\'~&gt;d\xb1H\x9e\xfd\xe6\xe6\xe6VWWS\xaa05\x94\xd8\xbaC\xfa\xad\x0f\xf9]\xce(K|l\x00\x82\xb3aS\xe6QE\'\x04\'\x84\x9eq\xfe\xf0\xd1\x8eU\x16\xb3v\x17\x01\x9c3\x8b1\xe1\xcb\xd2\x1d\xfb\xbf\xdaF0\r\'&gt;&amp;\xb7J\x88\xd1\xd6\xcf\xbaP\x82=.\xff\xc8\xfe)\x13\x86vaL\xc8\x96\xd0\x9a\xa0SX\x07D\x14\x14\x80\x88\x91g\xbf\xdb\xb7o_\xbdz5\xa5\x8a\xca\x18Bh\xe8\x9dsu&amp;\xab\xe0\xd1\x95\xf8X\x7f\x98\x90\xa0\xcf\x9d\x9c\xda\'\xed\xa6{\xc2\x99\x91E{\xd6\x97\x1f\xff\xd2\xa07k\xf3\x11@\x08\xf5\x07\xbd\x1b\xb6\xac@\x08S\x8ad\xe2\xe3\x94\xeb{x\xaa}\xd1\x96\xf8X\x7f\x98\x90\xa0/\xb8pJF\x92\xcd\x18R\x99\xa2\xd0\xd2\xd2\xd2%K\x96\xc0I@d\xc5\xdb\xe7,\xb60\xc6rrr\x18c2\xf1\xb1}\xcfA\x1d\xd3\xc7\x04\xdcU14\xf6\xe7\xe2\x11B\x83&gt;\xf75Y\xf7\x99\x1d\xcd\xe5a\xa0\xcf\xef\xfe\xa0\xf0\x1fz\x9dQ\x83-\xa1\x8c3\xb3)a\xf7\xdew\xbf?Qs\x1cJ\t\x9e71\x9d*$.\xab!\xc1(\x10P\xdb\xb5u&lt;\x9c\xd5K\x08\x81\x84 \x98,]\xba\xb4\xa2\xa2\x02:\x82"\x08\n@d\xa8\xaaJ)]\xb3f\xcd\xf6\xed\xdb\x15E\xc7\x98J(\x1d6e^&lt;_\x91\xc5X\r\xfa\x13Z\xb4\xcd\x18\xff\xa8\x10\\ A0)&gt;\xf0\xe1\x81o\x8a\xcc\xa6\x04M\xb5\x84\n!t\x8a\xfel\xe5\x89M\x05/\x87[?o\x1f\xd2y\xe4\x80\x14\x8f\xcb\x1f\x9d\x89\x8f\xf5G)\xf1\xb9\xfc\x8f\x8d\xeb\xd7\xa9\xb5].\x02\xce\x9e=;{\xf6l\xb8\x13\x10AP\x00"@N}\xa8\xae\xae\x9e?\x7f&gt;\xc6D $8\xef1bB\xabN\xbd\x82&gt;w\x1c\xb4~\xd6\x85P\xc5\xef\xae\xec&gt;|l\xcb\x0e=8\xe7\x98\x10!\xf8{\xdb^aL\xc5\xf1\xb5\xe5uaBp\xa3\xc1\xb2u\xe7j\x97\xfb\x0c!\x84qn\xb7\xe8\xff:1=\xe4\x0f\xe18}\xfa\xa3\x9a\xdb\xce\xc2l\xd1?~G\x7f\x84\x10\xe7L\xbe\x03\x95\x94\x94@p|\xa4\xc4\xed\xb3&amp;\x9a\xc9\xe6\x9fE\x8b\x16\x95\x95\x95QJ9S\r\x16{\xc6\x84\x19!\xbf7^Z?\xeb$\x18\xd3\x19-\x99\x93g#!dK\xe8\x91\xf2\xbd;\x8b\xffm1\xdb5r\x1a\xcc\x057\x18\xcc\xc7\xbe?X\xf0\xc9:\x99\xf8\xc8\xb9x\xf0\xe6^];\xb7\xf4\xfbB$\x9e\x0e\x7f\xff\x8b\x1c\x104it7\xd9\x12J\t\x0e\x06\x83\xd9\xd9\xd9\x8c1X\x04D\x04\x14\x80\xa6&amp;\x1b\xff\xe5\t\x18%\x94\x0b!\x84\x180\xf6\xcf\xb6\xe6m\xe2\xa9\xf5\xb3.\x98\xd2\x80\xbb\xb2C\xdf\xe1\x9d\xd2\xc7\xc8\x96P\x8c\xf1\xbb\x05/\x9e\xad&lt;\xa1(z-&lt;\x050B\x04\xd3\xb77?\xcbX\x88\x12\xcc8\xef\x90\x9c0\xed\xb6\xbe\xfe\xea\xd8H|\xac\'\x81\x10c\xfc\x99\xa9\x83\x14JT\xc6\x14E)**Z\xb3f\r\xb4\x84FD\xfc\x7f\xe0\xa2\x8d|\xc6\xd5\xf4\xc0Q\xca9k\xd9\xa1G\x9f\x1b\xef\x0ex\xaa\xe2\xaf\xf5\xb3\x0e\x983\x969\xf9/\x06\xb3M\x08\x8e1u\xb9\xcfn\xdd\xb9\xdah\x88\xff\x01A\x9c3\x93\xd1\xb6\xff\xebm\x87\x8e\xec!\x98\x84[?\x9b%\x99C*\x8b\xf7\xea\x8f\x10B\x94`\x9f78\xa0w\xbb\xa9c\xba\xd7dFb&lt;\x7f\xfe\xfc\xaa\xaa*h\tmzP\x00\x9a\x94l\xfd,,,\xfc\xe9\x16\x8c\x10\x99\x93g+\x06\x93`\xf1\xd6\xfaY\x179%\xb4e\xca\xd5\xbd\xaf\xbf+\xdc\x12Z\xf0\xc9\xba\xf2\xe3_\xc6\xf7\x80 y\xed+\x18\xf2\xbd\xb3\xf9o\x08!J\xb1l\xfd\x9c4\xba\x9b\xa7\xda\x1f\x7f\xad\x9fu!\x84\x04\xbd\xc1\xf9\x93\xfb;\xac\x06\x951\xaa\xd0\xb2\xb2\xb2\xbc\xbc&lt;B\x08,\x02\x9a\x98V&gt;s\xd1@^\xfb\n\x04\x02\xd3\xa7O\xc7\x18\xcb\xd6\xcf\xd4\xfe\xd7_\xd9wx\xc0]\x89\xb5\xf2\xfa\x8f\x90&lt;\rv9\xaf\xb9\xe5~{\xab\xf6\x82\xd7\x0c\x08\xdaT\xf0r\xcc\xe5\xde\\\x12\xc1\x99\xc9h\xdb\xbe{\xfd\x8fg\xca\t\xa1r\xec\xcf3w\x0fb\xb1\x15\xf9Xo23\xb2UK\xdb\xdc\x89\xe9r@\x10%\xf4\xd9g\x9f\xad9\x12\x83\xd3\xe0&amp;\x14\xcf\xdf\xb7h#\xcf~\xd7\xad[W\\\\,_\xff\xa9\xa2\xcb\x18?Cp\xae\x91w\xff\x9f`\xcc\xd4\xa05)9\xfd\xd6\x87\xc3SB\xf7}U\xf0e\xe9\x0es\x9cfF\n!\x14E\xef\xac\xaax\xbf\xf0\x1f\xb2\xf5\x93s1np\xea\x80\xb4v&gt;o0^[?\xebB)\xf1\xb9\x03\x0f\xfc\xb6gj\x1b\x87\xca8\xa5\xa4\xaa\xaa*77\x17\xee\x0441(\x00MD\xbe\xfe;\x9d\xceY\xb3f\x11B\x04\xc2\x82\xf3\xb4\x9b\xeei\xd5\xa9W|L\xfd\xbcT\x84*\xbe\xaa3W\x8f\x9c\xd0\xa6k?9%\x14!\xbca\xcb\x8aP\xc8\x1f\x97\x99\x91Bp\xa3\xc1\xba\xa9\xe0e\x9f\xdfE\x08Q\x19O\xb2\x19\x9f\x9c\x92\x11\xf4\x04c1\xf1\xb1\x9e0B\x8c\x0b\xa3Q\xb7\xf4\x7f2\x11B\x8c\xa9\n\xa5\xabW\xaf.**R\x14\x056\x82\x9a\x8c\xe6&gt;y\x91"_\xffsrr***\x08\xa1\x8c\xa9fG\xf3k\xb2\xee\x0b\xfa\xdcq\xdf\xfaY7A\xa82`\xdc4L\x08\x17\x82\x10\xf2\xfd\x89o\xb6\xed~\xd3d\xb4\xc5\xd9\x858.\xb8\xd1`9tt\xcf\xae\x92\r\xb2\xf5S\x08\xf1pV\xaf\xf6m\x1dq6\xf6\xe7\xe2Q\x82=\xee\xc0\xcd\x19)#\xfa\xb4c\\`\x82\x19c\xd9\xd9\xd9\x81@\x00N\x83\x9b\x0c\x14\x80\xa6 \x9f\xfe\xb5yx\x94\x0b\x81\x84\x184\xe1\xd1\x84\x16m\xb5\xd0\xfaY\x17L\xa8\xdf]\xd9\xb1\xdf\xa8\xab\x06e\t\xce0\xc6\x18\xe3\x0f\n\xff\xe1\xac\xaa\x88\xb3\xccH,\xa7~~\xf8\x1c\xe7\x8c\x12\xc2\x18Om\xebxl\\?\x9fK\x13\xad\x9f\x17\xc0\xb8Xvo\xa6^G\x19c\x8a\xa2\x94\x94\x94\xac[\xb7\x0e\x06\x045\x19M\x7f\xf8\x9a\x8c\xdc\xff\x91\x89\xd8\x84\xca\xc4\xc7~W\x8f\x9a\xe4s\xc5v\xe2c\xfd\x11B\x83&gt;\xcf\xe0\xc9\x7f1Z\x1d\x9c3\x8c\xa9\xcf\xef\xdaT\xf0\xb2^o\x8a\x9b\x96P\xce\x99\xd9\x94\xf0\xc9\xe7\xff);V\x9b\xf8\x88\xd0\xd2{2\xcdf]L\'&gt;\xd6\x1f!\xd8\xeb\r\xf6\xbc*9\xfb\x96\xde5-\xa1\x84\xcc\x9a5\xeb\xec\xd9\xb3\xb0\x08h\x1aP\x00\x1a\x9dl\xfd\xcc\xcf\xcf\xcf\xcf\xcf\xa7\x94r\xce0!\x03\xc6M#TA\xf0\x11\xc7X\r\xfa\x12[\xa7\xf4\xb9a\x8a\x10B\xb6\x84\xee*\xd9P~\xfcK\x83\xc1\x1c\x07-\xa1\xb2\xf5\xd3\x1f\xf0\xbc\xb7\xed\x15\x84\x90\x1c\xfb3\xa2O\xbb\x9b3R\xe2 \xf1\xb1\xfe(!Ao\xf0\x91[\xd3Z%\x9a\x19\xe3\x94\x92\x8a\x8a\x8ae\xcb\x96\xc1"\xa0i@\x01h\\\xf2\xdd_F !\x841\xa1\x9c\xb1.\x19\xbf\xedx\xed(\xbf\xbb2.\xa7~^*B\xa9\xdf\xe5L\xbf\xf5!G\xf2\x95\x9c\xa9\x84\x10\xce\xd9\xdb\x9b\x9f%8\x1e\x9e\x8e\x823\x8b\xc9\x9e_\xb4\xf2\xf4\xd9\xef(\xa1\x8cs\x85\x92e\xf7fj\xac\xf3\xb3N\xb2%4\xb9UB\xee\xe4\x01\\\x08\xc19%d\xf1\xe2\xc5\xa5\xa5\xa5P\x03\x9a\x00\x14\x80\xc6\xc5\xcf\tA\xa5\neL5\x98m\x03\xc6e\x87\xfc&gt;\rv\xfe\xd4\x01\x0b\xa6\xea\xcd\xb6\x81\xb7OC5%\x93\x1c:\xb2g\xff\xd7\xdbL1\xde\x12*\x84\xd0\xe9\x0c\xa7\xce\x1c+\xdc\xfd\x06\xc6X&amp;&gt;N\x1d\xd3\xbdg\x97V\xbexI|\xac?\x85\x12\x9f\xcb\x7f\xc7\xa8\xae}:\xb5`\x9cSJdD6\xec\x025\x01x\x065"\xce9\xc6\xb8\xa2\xa2"\'\'\x07c\x8c\x10\x16\x9c\xf7\xbe\xfe\xaeV\x1d{\x85|\xee\xf8\xbe\xf4tI0U\xfc\xae\xca\xee#no\xd3\xf5Z\xceeK(zg\xf3\xdf\x02AoL\xb7\x84\n\xc1\rz\xf3\x86-+\xbc\xbejJ(\xe7\xdca5\xcc\x9f\xdc?\xe8\x0bi\xb0\xf5\xf3\x02\x18\x13f\xb3\xfe\xe9)\x19B \xc69\xa5t\xfd\xfa\xf5r\xcb\x14ZB\x1b\x15|\n\x1b\x91\x1c\xfb&lt;{\xf6l\xa7\xd3I\x15\x1dc\xaa\xbde\xbb~\xb7\xdc\xefw95~\xf6\xfb\x8b8S3\xff0\x87P\xca\x05\'\x84\xfex\xa6&lt;\xbfh\xa5\xc5d\x8f\xd1\x96P.\xb8\xd9\x94p\xe0\x9b\xa2\xe2/\xf2\t&amp;\x02q.\xc4\xdc\x89\xe9\xadZ\xda4\xdb\xfaY\x179%t\xe4\xb5W\xfen`G\xc6\xb8\xcc\x8c\x94M\x13\xb0\x0ehTP\x00\x1a\x8b\xdc\xfc)..^\xbbvm\xcd\x05w!2&amp;&gt;fNl\xc9\xd4\xa0f[?\xeb"\x07\x04\xb5\xef\x99\xd1c\xc4\x04\xc1\xb9\x9c\x12Z\xb8\xfb\x8dSg\x8e\xc5hK(F\x881\xf5\xbdm\xaf\x08\xc1\xe5vv\x9fN-\x1e\xc8\xea\xe5s\x074\xde\xfaY\x17\xce\xc4\xc2\xbb3\xec\x16=c\x8c\xd2p\xdb4\x9c\x044"\xf8 6\x16y\xfc;}\xfa\xf4@ \x80\x89l\xfd\xbc\xb6\xfb\xf0q\xfej\xad\xb7~\xd6\x85\x10\x1a\xf4\xba3&amp;\xcc0X\x12\x04g\x84P\xaf\xafz\xe3\x96\x17\x8c\xc6\xd8\x9b\x12\xca8\xb3\x9a\x13w\x96l8R^\xdb\xfa)\xd0\xd3S2\x8c\x06E\xe3\xad\x9fu!\x04\xfb\xbc\xc1.\xa9-\x1f\xbc\xb9\x17\xe7\x02#\x841\xce\xc9\xc9q:\x9d\x10\x19\xd6x\xa0\x004\n\xd9\xfa\xb9~\xfd\xfa\xc2\xc2BEQ\x18S\xa9\xa2\xcb\xfc\xc3\x1c\xceT\xcd\x8d\xfd\xb9x\x18\xabA\xbf\xady\xeb\x01c\xb3\xc3\x03\x82J\x0en\xf9\xe6\xc8\xa7\xb15%T \xa1P]\xa5\xeb\xd4\x87E\xaf\x85\x13\x1f\x7f\x9f\xd1i\xe4\xb5WB\xeb\xe7\x05PJ\xfc\xd5\xfei\xb7\xf5M\xb9\xc2\xae2\xa6(\xd4\xe9t\xca\xf33X\x044\x12(\x00\rO\xbe\xad\xc8N\x06\x84\x10\xc2Dp\xdey\xe0\xcd\xed{\x0e\xd2\xe6\xd8\x9f\x8bG(\rx\xaa{\xdf0%\xb1u\x079 \x88\xb1\xd0\x86\x0f\x9f\'\x84"\x143\xef\x80\x9c3\x8b\xc9\xfe\xd1\x8e\xd5\xa7\x9d\xc7\t&amp;r\xea\xe7\xfc\xc9\xfd\x05\xb4~^\x10\xc6(\xa4\xb2f\xcd,\xb3o\xef\'\xa7\x84\x86;\xe8`#\xa8\x91\xc0\xc3\xa8\xe1\xc9\xcc\xaf%K\x96\x94\x96\x96*:\x1dSCF\xabc\xf0\x1d\xb3\x82^\x97\x86\xc7\xfe\\$,8\xd3\x19LC\xef\x9c\x8b\x10\x92\x99\x91e\xc7\xf6\xee\xde\xfb\xae\xd5\xe4\x88\x89\x96P!\xb8Qo\xf9\xee\xc4WE{\xd6cLd\xebg\xf6-\xbd{tn\xe5\x85\xd6\xcf_\xa3P\xe2\xa9\xf2\xdd9\xa6\xbb\xcc\x8cT(\x91wh\xe0(\xb8\x91@\x01h`\xf2\xec\xb7\xac\xacl\xd1\xa2E\x84\x10!\x90\x10\xa2\xcf\rS\x12\xdbt\xd4\xf2\xd8\x9f\x8b\x87\t\rx\xaa;\xa6\x8fi\xdfs\x90\xcc\x8cD\x08\xbf\xbb\xf5\xc5*\xf7\x19J\x15\x11\xf5\xeb\x00y\xf5w\xc3\x96\x15&gt;\xbf\x9b\x12\xcc8k\x95h~\xe4\xd6\xb4\xa0/Ha\xf1w\x11\x04B\x8aB\xe6MJ\'\x043\xce\x14J\xf3\xf3\xf3\x7f\nP\x02\r\n&gt;\x91\rL\x9e\xfd\xe6\xe6\xe6VWWS\xaa05\x94\xd8\xbaC\xfa\xad\x0f\xf9]N\xcd$&gt;6\x00\xc1\xd9\xb0)\xf3\xa8\xa2\x13\x82\x13B\xcf8\x7f\xf8h\xc7*\x8b9\xda\x17\x01\x9c3\x8b1\xe1\xcb\xd2\x1d\xfb\xbf\xdaF0\r\'&gt;&amp;\xb7J\x80\xd6\xcf\x8bD\t\xf6\xb8\xfc#\xfb\xa7L\x18\xda\x851![Bk"Ta\x1d\xd0\xd0\xa0\x004$y\xf6\xbb}\xfb\xf6\xd5\xabWS\xaa\xa8\x8c!\x84\x86\xde9Wg\xb2\n\xae\x95\xc4\xc7\xfa\xc3\x84\x04}\xee\xe4\xd4&gt;i7\xdd\x13\xce\x8c,\xda\xb3\xbe\xfc\xf8\x97\x06\xbd9\x9a\x1f\x01\x84P\x7f\xd0\xbba\xcb\n\x840\xa5H&amp;&gt;N\xb9\xbe\x87\xa7\xda\xa7\x9d\xc4\xc7\xfa\xc3\x84\x04}\xc1\x85S2\x92l\xc6\x90\xca\x14\x85\x96\x96\x96.Y\xb2\x04N\x02\x1a\x1c|(\x1b\x18c,\'\'\x871&amp;\x13\x1f\xdb\xf7\x1c\xd41}L\xc0]\x05c\x7f.\t!4\xe8s_\x93u\x9f\xd9\xd1\\\x1e\x06\xfa\xfc\xee\x0f\n\xff\xa1\xd7\x19\xa3\xb6%\x94qf6%\xec\xde\xfb\xee\xf7\'j\x0e-)\xc1\xf3&amp;\xa6S\x85Dq\xcd\x8aF\x04\xa3@@m\xd7\xd6\xf1pV/!\x04\x12\x82`\xb2t\xe9\xd2\x8a\x8a\n\xe8\x08jXP\x00\x1a\x8c\xaa\xaa\x94\xd25k\xd6l\xdf\xbe]Qt\x8c\xa9\x84\xd2aS\xe6\xc5\xe8E\xd6\x08\xc3X\r\xfa\x13Z\xb4\xcd\x18\xff\xa8\x10\\ A0)&gt;\xf0\xe1\x81o\x8a\xcc\xa6\x84(l\t\x15B\xe8\x14\xfd\xd9\xca\x13\x9b\n^\x0e\xb7~\xde&gt;\xa4\xf3\xc8\x01)\x1e\x97_k\x89\x8f\xf5G)\xf1\xb9\xfc\x8f\x8d\xeb\xd7\xa9\xb5].\x02\xce\x9e=;{\xf6l\xb8\x13\xd0\xb0\xa0\x004\x0c9\xf5\xa1\xba\xbaz\xfe\xfc\xf9\x18\x13\x81\x90\xe0\xbc\xc7\x88\t\xad:\xf5\n\xfa\xdc\xd0\xfay\x19\x08U\xfc\xee\xca\xee\xc3\xc7\xb6\xec\xd0\x83s\x8e\t\x11\x82\xbf\xb7\xed\x15\xc6T\x1c}\x9biBp\xa3\xc1\xb2u\xe7j\x97\xfb\x0c!\x84qn\xb7\xe8\xff:1=\xe4\x0fax\xfa_:,\x07\x04Y\xf4\x8f\xdf\xd1\x1f!\xc49\x93oW%%%\x10\x1c\xdf\x80\xe0\xc1\xd40d\xf3\xcf\xa2E\x8b\xca\xca\xca(\xa5\x9c\xa9\x06\x8b=c\xc2\x8c\x90\xdf\x0b</t>
        </is>
      </c>
    </row>
    <row r="49">
      <c r="A49" s="1" t="n">
        <v>47</v>
      </c>
      <c r="B49" t="inlineStr">
        <is>
          <t>color_size_circle</t>
        </is>
      </c>
      <c r="C49" t="inlineStr">
        <is>
          <t>What is the missing color of the part denoted with a question mark?</t>
        </is>
      </c>
      <c r="D49" t="inlineStr">
        <is>
          <t>['dark red', 'light red', 'dark green', 'light green']</t>
        </is>
      </c>
      <c r="E49" t="inlineStr">
        <is>
          <t>dark green</t>
        </is>
      </c>
      <c r="F49" t="inlineStr">
        <is>
          <t>There are circles of various sizes and colors in the image. The circles are ['large', 'extra large', 'medium', 'small'] size, and their colors are ['light green', 'very light green', 'medium green', '?'].</t>
        </is>
      </c>
      <c r="G49" t="inlineStr">
        <is>
          <t>We observe that the largest circle is very light green color, and the smaller circles change color from light green to medium green. Hence, the pattern is that the circles become darker as they become smaller.</t>
        </is>
      </c>
      <c r="H49" t="inlineStr">
        <is>
          <t>Based on the pattern that the circles become darker as they become smaller, the missing color of the smallest circle denoted with a question mark should be dark green.</t>
        </is>
      </c>
      <c r="I49" t="inlineStr">
        <is>
          <t>b'\x89PNG\r\n\x1a\n\x00\x00\x00\rIHDR\x00\x00\x02\x00\x00\x00\x02\x00\x08\x02\x00\x00\x00{\x1aC\xad\x00\x00\xe9\xa2IDATx\x9c\xec\x9dwxT\xc5\xfa\xc7g\xe6\xb4\xed\xd9t\x12 \x9d\x90@\x02\x08\xa1#E\x8a\x804\x05\xb1\xa1 \xf6\xde\xc5r\xef\xb5\xff\xee\xc5\xde\xbb(EE@\x11\x04\x0b\x88\x14\xe9\x1d\x02\x04\x02\xa4P\x12\xd27\xdbO\x9b\xf9\xfd1a\x8d\x14\xc5Ff\x93\xf3y\xees\x9f=+\x84\xc99g\xde\xef\xcc\xdb\x06\x12B\x80\x81\x81\x81\x81A\xcb\x035\xf5\x00\x0c\x0c\x0c\x0c\x0c\x9a\x06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85o\xea\x01\x18\x18\x9c\'\x08!\xe7\xf8\'!\x84\xff\xe8H\x0c\x0c\x18\xc1\x10\x00\x830&amp;d\xd31\xc6\xa7|\x03!ll\xc7O\xb9\xfc\xdd\x1f\xdbX-\x1a_\x86~\x08B\xe8\x94o\x0c\x0c\xc2\x0ex\xee\xcb"\x03\x83\xa6\x82\xbe\xa5\xd4\xca\xd3\xcf\xd4\xa0\x87\xac\xf0\xb9PWW\x07\xe1\xef\xbc\xf0\xf4\x0fDFF\x9e\xfb\x8f\xc5\x18\x87\x14\x82\x8a\x01\x1d\x95!\x0c\x06\xecc\x08\x80\x01s\x90F\x00\x00 \x84\x1c\xc7\x9d\xf1O\xea\xba\xeev\xbb1\xc6{\xf7\xee\xd5u]\xd3\xb4\xcd\x9b7\xab\xaa\n!,---))\tY|\xaf\xd7{\xe8\xd0\xa1s\x1c@FF\x86\xcdf\x03\'\xf5 %%%99\x99\x10"\x08B\x8f\x1e=x\x9e\xe78\xaec\xc7\x8e\x08!\x87\xc3\xf1\x1bck\xacU\x7fh\x0bb`p~0\x04\xc0\xa0\xe9!\x84\x84V\xf7\x08\xa1\xd3\xd7\xf5\xba\xae{&lt;\x9e\x83\x07\x0fz\xbd\xde]\xbbv\xd5\xd7\xd7\xef\xda\xb5\xcb\xe5rUTT\x94\x97\x97\x13B\\.\xd7y\x1e\xb3\xd3\xe9\x84\x10&amp;$$\xc4\xc7\xc7;\x9d\xce\xce\x9d;GDDt\xee\xdc\xd9f\xb3\xb5k\xd7\xcen\xb7\x9f.\x0c\x18c\x8cqh\x97`\xe8\x81A\x93c\x08\x80A\x13\xd0x\x8d\x7f\xba\xc5\x0f\x04\x02\xd5\xd5\xd5\x87\x0e\x1d\xda\xbd{wUU\xd5\x96-[\x8e\x1e=z\xe2\xc4\x89\xba\xba\xba\xa6\x1a\xf0\x1f"22\xb2U\xabVm\xdb\xb6\xed\xde\xbd{lll\xa7N\x9d222bbb\xccfs\xe3?\x16\xd2\x03c\x7f`\xd0T\x18\x02`p\x9e\xa0\xcb|B\xc8\xe9.\x9d\xfa\xfa\xfa\xc2\xc2\xc2c\xc7\x8em\xdf\xbe}\xf3\xe6\xcd\x05\x05\x05555~\xbf\xff\xdc\x7f\xb8\xc9l2\x99$\x8cqrj\xb2#\xc2\xaei\xba\xc3i\xef\x90\x9b\xad\xeb:\x04\x10\x00\xc0\xf1\\\xa7\x0brxA\xf8\xdd\x18\x80\xa6\xaa\xbbw\xec\xd15\x1d\x00@\x00\xe18n_~\x81\xdb\xe5\xe1y\xce]\xef)-.E\x08\x05\x83r0\x10&lt;\xf7\xe1Y,\x96\xe8\xe8\xe8\xec\xec\xec\x1e=zt\xed\xda\xb5M\x9b6\x99\x99\x99\x11\x11\x11\x8d\xff\x0cu\x19\xd1\xc0\x86!\x06\x06\xe7\x07C\x00\x0c\xfeA\xcef\xf4u]/,,\xdc\xbf\x7f\xff\xf6\xed\xdb7l\xd8\xb0k\xd7\xae\xea\xea\xea\xdf\xfdi\x1c\xc7\xd9\x1d\xf6\x98\xd8\xe8\xf8\x84\xb8\xf8\x84\xf8\xa4\xd4\xb6f\x8b\xb9c\xa7l]\xd7\x93S\x93\xed\x11v]\xd3\xa3c\xa2$\x93\x841F\x08\x89\xa2\xd0(\x95\x07h\x9a\x06\xc0\xb9\xbc\xed\x90\xe7yp\xd2\x02C\x00\x14E\xa5?P\x0e\xca5\xd5\xb5\x1c\xcfy\xea=\xa5\xc5\xa5\x1c\xc7\xed\xdd]\x10\xf0\x07\x8e\x14\x1f\xad(\xaf\xa8(\xaf\xac\xae\xaa\xf1\xb8=\xba\xae\xff\xee\xbf\x11\x13\x13\xd3\xb9s\xe7\xde\xbd{w\xed\xda5+++33\xf3\x94\xfbc\x88\x81\xc1y\xc0\x10\x00\x83\xbf\x1fj\xf4\x01\x00\x8d\x8d\x9a\xdf\xef\xdf\xb3g\xcf\xfa\xf5\xebw\xef\xde\xbdi\xd3\xa6\xc2\xc2BM\xd3B\xff\xf5\xf4\xfc\x1c\xbb\xc3\x16\x9f\x10\x1f\x9f\x10\x9f\x9e\x99\x96\x92\x96\xd4.+#:&amp;\xbaUb\xbc\xc9l\x8ap: \x84&lt;\xcfcL4M\x83\x10(\xb2\xaa\xeb:\x84PUU\x82\t\x80\x00\x10\x80\tn\xfc\x03\xffP\x1ah\xe3K\x04\x11\xfd\x81\x10AA\x10\x08!\x1c\xc7\x89\x92@\x08\xe0y\x1e!\xa8i\x1a!\xa4\xde\xe5\x0e\x06\x82\'\xca*j\xaak\x0e\xee?TRt\xe4paQEyEEy\x85\xc7\xed=e$\x8d\xff\t\x9e\xe7333{\xf6\xec\xd9\xa9S\xa7&gt;}\xfa\xe4\xe4\xe4X,\x96\xd0\x7f\xa5r\xf2GS\x9e\x0c\x0c\xce\x05C\x00\x0c\xfe\x1eB\x8b\xfd\xc6&gt;}]\xd7\xb7o\xdf\xben\xdd\xba\x9f\x7f\xfey\xeb\xd6\xadG\x8e\x1c\t\xfdy\x08\xc1)\xaf^TLTFfZ\x87\xdc\xec\x0e\xb9\xd9I\xa9m\x93\xd3\x92#\xa3\x9c6\xbb\x8d\xe38\x88\xa0\xa6j\xba\xa6\xa9\xaa\x861\xd65\x9d\x00B\x08\x81\x00\x02\x08\x01 \xe7-+\xff\xd7\x95\x07\x10\x10B\x00\x81\x10B\x009\x9eC\x08\t\x02\xcf\xf1&lt;/\xf0\x04\x13]\xd7\xbd\x1eo]\xad\xab\xb4\xa8\xf4H\xf1\xd1}\xf9\x05\xfb\xf2\x0b\x0e\x15\x16\xd5V\xd76\xfe\x99\xa7\xdc\x8a\xa4\xa4\xa4\xbc\xbc\xbc\x0b/\xbc\xb0o\xdf\xbe]\xbbv\r\x89h(f`l\x0b\x0c\xfe.\x0c\x010\xf8K\x84\xec&gt;\xcf\xffRTx\xec\xd8\xb1\xcd\x9b7/Y\xb2d\xd3\xa6M\xfb\xf6\xed\x0b}\x7f\xca\xca\xd7\x19\x19\x91\xd9!\xb3Cnv\x87\xdc\xacvY\x19I\xa9I11Q\x92\xc9D\x08\xd15MV\x14]\xd3\xa9\xad\x07\x84fS6\xd8w6\xcd\x1f\xfd\xd5\x1a\x92W\t\x01\x10PU\xe0xN\x12E\x8e\xe7!\x84r0X]]{\xa4\xf8\xc8\xc1\xfd\x87\xf6\xe5\xef\xdf\x97_P\xb8\xaf\xd0UW\x1f\xfa!\xa7\xdc\xa2\x0e\x1d:\xf4\xec\xd9s\xd4\xa8Q=z\xf4h\xd3\xa6M\xe8{M\xd3\x0c%0\xf8\xeb\x18\x02`\xf0g8\xdd\xee\xd3\xc5\xfe\xea\xd5\xab\xbf\xff\xfe\xfb-[\xb6\xb8\xddn\xfa\xfd)\x16\xadu\xdb\xc4\x9c.\x1d\xbb\xf7\xce\xeb\x90\x9b\x95\x9e\x99\x9e\xd0\xba\x95(\n\x84\x00UU\x15Y\t9p \x80\x10A\x08 \x08w\xfbF\x00\x01\x84`Be\x8c:\x91DI\x14\x04\x01B\xa0(j\xf9\xf1\x13\x87\x0b\x0f\xef\xcb\xdf\xbfe\xc3\xd6=;\xf7\x1e?Z\x16\xfa\xab\x8do\x9d\xc3\xe1\xe8\xde\xbd\xfb\xf0\xe1\xc3\x07\x0c\x18\xd0x[`(\x81\xc1_\xc1\x10\x00\x83?\xc0\x19\xed\xfe\xa6M\x9b\x16.\\\xf8\xed\xb7\xdf6^\xec7\xa6u\xdb\xc4\xdc.\x1d\xbb\xf7\xce\xbb\xa0G\x97\x8c\xf6\xe9\xd11\xd1\x1c\xc7i\x9a&amp;\x07eEQ\x1a,~\x8bI\x85\xfc\xa5\xc6\x8d\x00\x88\xa0(\x8a\x92I\xe2y^\xd7\xf5\x9a\xea\x9aC\x07\x0e\xef\xd8\xbcs\xcb\x86\xad\xf9\xbf\x16\x83\xc6t\xe8\xd0a\xe4\xc8\x91\x97^zi\xcf\x9e=\r%0\xf8+\x18\x02`pNP\x07\xf4o\xdb\xfd\xc6+V\x9b\xdd\xd6\xa9kn\xff\x8b\xfa\xf6\xec\xd7#=3\x8d\x1a}EQ\xe4\xa0\xac\xaa* \x00B\x08Q\x8b\xb0\xf8\xbf\r!\x84`B\x08\x01\x10\x08\x82 \x99$Q\x14\xa9\x18\x1c.,\xda\xb4v\xf3\x9a\x9f\xd6\xed\xde\x9e\xef\xf54\x84\x91\x1b\xdf\xe4\xb3)\xc1\x19\x8b\xe9\x0c\x0cN\xc7\x10\x00\x83\xdf\x82.\xf9C\xeb\xca\xdf\xb5\xfb\xed\xb22.\xc8\xeb&lt;\xe8\xe2\x81\xb9]:&amp;\xa7%\xf3\x02\xaf*\xea/F\x1f\xb5\x94e\xfe\x9f\xa3ak\x80\x7f\x11\x03A\x144U+-*\xcd\xdf\xb9w\xe5\x0f\xabvl\xddup\x7fCC\x8b\xdfV\x82S\x1e\x9c\x81\xc1\x191\x04\xc0\xe0\xcc\xd0\xec\xc3\xd0\xbar\xdf\xbe}\xdf~\xfb\xed\xec\xd9\xb3w\xef\xdeM\xbfA\x08\x85zp\xb6k\x9f1\xe8\xe2\x01CG\x0e\xee\xd45\xd7\x11\xe1 \x84\x04\x03AY\x96\t&amp;\x86\xd1\xffs\x84\xc4\x00"(I\x92\xc9l\x82\x10\xba\xeb\xdd\xbb\xb7\xe7/\xffv\xc5\xca\x1fV\x1f&lt;\xd0\xa0\x04\x8d\x1fD\xa7N\x9d\xae\xbd\xf6\xda\x91#Gv\xe8\xd0\x81~s\xcas40h\x8c!\x00\x06\xbf\xe2\x94\x95\xa3\xdb\xed^\xb4h\xd1\xec\xd9\xb3W\xae\\I\xd3\xf6\x1b\x9b\x9b\xae=.\xb8x\xf4\xd0\x1e}\xf2\xb2s\xb2"\xa3\x9c\x8a\xa2\xfa}~jq\x8c\xb5\xe7\xdfH\xa8W\x12\xc7q\x16\xabE\x14\x85\xbaZW\xc1\x9e\xfd\x9b\xd7o\xfd\xe1\x9b\xe5\xdb7\xef\xa0\x7f,\xf4hx\x9e\x1f4h\xd0\xb5\xd7^;v\xecX\x87\xc3\x01\x8c\r\x81\xc1Y0\x04\xc0\xa0\x01\x1a\xdd\r-\x15\xd7\xaf_\xff\xc9\'\x9f|\xf7\xddw\xc7\x8e\x1d\x03\xa7\xac\xf7\xb32\x06\x0e\x1d0\xec\x92\xc1y\xbd\xbb\x99-fEV\x02\x81\x80\xa6\xea\x08\x19\xc5J\xff8\x18c\x8c\t/pf\xb3Y\x94\xc4\x80?\xb0u\xc3\xb6eKW\xacZ\xbe:\xe4\x1d\n=\xac6m\xda\x8c\x181b\xca\x94)}\xfa\xf4\xa1\xff\x89\x96\xcb\x19\x8f\xc9\x80b\x08\x80\xc1\xaf\xbc\x04\xa1%\xff\xf2\xe5\xcb\xe9\x7f\rY\x93V\x89\xad\x06\x0e\xed?\xe1\x9aKs\xbb\xe4DDF\xa8\x8a\xea\xf3\xfat\x1d\x1bv\xbfI\xa0J\xc0q\xc8j\xb3\n\xa2P_W\x9f\xbfs\xcf\x82O\x17\xaeZ\xbe\xe6D\xd9\t\xf0k\xcd\x1e:th\xe3\r\x81\xe1\x172\xa0\x18\x02\xd0r9\xc5-\xb0\x7f\xff\xfe/\xbe\xf8\xe2\xc3\x0f?\xa4K~\x8e\xe3\xa8\x99\x10%q\xc0\xe0\x0b\x87\x8f\x1e6\xf4\x92\xc1\xb1\xf11\x9a\xa6\xfb}~M3\xd6\xfb\xac\xd0\xb0\'\xe09\x8b\xd5\xc2\xf3\\UE\xf5\xf2\xa5+\xbe\xfff\xd9\xea\x15?+\xb2\x02\x1a=\xca6m\xda\xdcx\xe3\x8dW\\qEVV\x160\xfcB\x06\x86\x00\xb4L\xe8\xcc\x0f-\x00\x97/_&gt;g\xce\x9c/\xbe\xf8B\x96e\xd0h\xe5\x98\xde.m\xf4\x84KF]62;\xa7=D\xc8\xe7\xf1\xd1\xb3V\x0c\xbb\xcf&amp;\xd4\x89\'\x08\x82\xd5n%\x18\x17\xec9\xb0\xe4\xabo\xbfY\xb0\xf4\xf0\xc1"\xd0\xe8\xb1J\x92t\xc5\x15WL\x9a4i\xe8\xd0\xa1\xf4/\xea\xban\xc8@\xcb\xc4\x10\x80\x96Ec\xd3\xaf(\xca\xf7\xdf\x7f\xff\xe6\x9boRoO\xc8@ \x0e\xf5\x1d\xd0\xfb\xba\x9b\xae\xe9;\xb0OTtT0\x10\xa4\x9d\x99\r\x1b\x11\x16\x84"\xc6\x16\x8b\xc5d6\xd5\xd6\xd4\xae[\xb5~\xd6\x07\x9f\xae[\xbd\x01\xeb\x184z\xd0C\x87\x0e\xbd\xf3\xce;\x87\x0f\x1f.\x8a"0d\xa0Eb\x08@K\xe1\x14\xd3\xff\xe9\xa7\x9f\xbe\xfc\xf2\xcb{\xf6\xec\x01\x00\xf0&lt;O3|bb\xa3/\xbbj\xdc\xd8\xcbG\xe7v\xe9\xc8\x0b\xbc\xd7\xe3\xd3T\r\x1a\xae\x9e\xf0\x04cL0\xe1\x05\xdef\xb7j\xaa\x96\xbfs\xef\xa2\xf9\xdf|\xf5\xf9\xd7\xd5U5\xa0\xd1C\xcf\xc9\xc9\xb9\xff\xfe\xfb\xaf\xb9\xe6\x1aC\x06Z \x86\x004\x7f\xce\xc5\xf4gf\xb7\x9bp\xcdec/\x1f\x95\x9a\x9e\x12\xf0\x07\xfc\xfe\x00!\x84C\\\xd8\xb7\xe21 @\xc7:\x84\xd0b1\x9b-\xe6\xe2\xc3%\x8b\xe6/Y\xf0\xe9W\x85\x05\x07\x81!\x03-\x1eC\x00\x9a3\xbfa\xfa\x05APU\x15\x00p\xe1\xa0\xbe\x97^9v\xc4\xd8\x8b\xa3b\xa2\xbcnO0(\x1b\x8d\x04\x9a%\xb4\x99\x87\xc9$\xd9\x1c\xf6\xda\xea\xda\xef\x16\xfd\xb0p\xee\xa2\x9fW\xae\x03\x8d^\x06C\x06Z\x1a\x86\x004[t]?\xa3\xe9\x0f\xb9\x80\xfb\r\xea{\xcb=7\x0c\x18r\xa1 \x08\x1e\xb7GU5\x8e\xe3\x8c\xd9\xde\xbc!\x84\xe8\xba.\x08\xbc\xddaWUu\xf5\x8f?\xbf\xf7\xdaGkW\xae\x03\x8d^\x8c\xd3e\xc0H\x18m\xae\x18\x02\xd0\x0c\t\x15\xfb\x9cb\xfai:\xa0 \x08\xa3\xc7_r\xe9\x15c\x06\x0c\xbd\x10!\xce\xe3\xf6\x10L8\xde\x98\xe1-\x0b]\xd3!\x82v\x87\x1dc}\xf5\xf2\x9f\x17~\xb1\xf8\x9b/\x97\xaa\xaa\x1a\xca\x19m,\x03\xa7\x14\t\x1a4\x1b\x0c\x01hV4\x9e\xa8s\xe7\xce}\xee\xb9\xe7\x1a;|\x04A\x18w\xc5\x98\x1b\xee\x98\xd2\xb9[\']\xd3&lt;n\xaf1\xab[8t\xad`w\xd88\x9e\xdf\xb5m\xf7Go}\xf2\xf5\x17\x8b\xe9\xab\x12r\n=\xfe\xf8\xe3W^y%0\xaa\x88\x9b#\x86\x004\x13\x1a\xbb\xfbW\xacX1}\xfat\x9a\xdc\x19\x9a\xc9\xa3\xc7_r\xd7\xc3\xb7\xe7v\xe9\xa8\xc8\x8a\xcf\xeb\x07\x10r\x9c1\x93\r\x00\x00@\xd71 \xc4j\xb3\x88\x92\x98\xbfs\xef\x1b\xcf\xbf\xfd\xcd\x97KA\xa3\x97g\xe8\xd0\xa1\xd3\xa6M\x1b&lt;x00\x02\x03\xcd\x0bC\x00\x9a\x03!/\xed\x9e={^y\xe5\x95\x193f\x80_\x87yo\xbe\xe7\x86\x81C\x07`\x8c\xbd\x1e\x9fQ\xc1kpFhE\xb1\xcdnE\x08\xadZ\xbe\xfa\xfd\xd7&gt;:%D&lt;u\xea\xd4\xfb\xee\xbb/\'\'\x07\x18\x81\x81\xe6\x82!\x00\xe1MC\xe9\x16B\xf5\xf5\xf5/\xbe\xf8\xe2\xf3\xcf?\xaf(J(\xb7\xafK^\xe7\x07\xff}_\xff\xc1}\x11\xe2&lt;\xf5\x1e\x00\x81a\xfa\r~\x1b\x8c1 \xc0\x1ea\xc7X_\xb3b\xdd\x8b\xcf\xbc\xb2s\xeb.p2aT\x14\xc5\x87\x1f~\xf8\xc1\x07\x1f\x8c\x88\x88\x08\xbd{M=d\x83?\x8f!\x00\xe1Jc\x9f\xcf\xdc\xb9s\x9fx\xe2\x89\xc2\xc2B\x8e\xe3t\x1d\x03@2\xb3\xda\xddx\xe7\xf5\xe3\xae\x18c\xb5[\xdd.\xb7\xe1\xeb7\xf8CPw\xbf\xc3\xe9\xf0y|_\x7f\xb1\xf8\xc37?.\xdc\x7f\x10\x00\xc8qH\xd7\xf5\xcc\xcc\xcc\xa7\x9ez*\x14\x180&lt;B\xe1\x8b!\x00aIc\x9f\xcf\xc3\x0f?\xfc\xddw\xdf\x81\x93[\xf5\xa8\x98\xa8\xebo\xbd\xf6\xe6\xbbot8\x1dn\x97\xdb\xd8\xaa\x1b\xfci\xe8\xcbC_\xa4\xf7_\xff\xf0\xe3wg\xd7V\xd7\x86&lt;B#F\x8cx\xfe\xf9\xe7\r\x8fPXc\x08@\x98\x11Z\xf87\xf6\xf9\x84\xe6\xe4\xe5\xd7\\v\xff\xbf\xeeM\xcbHu\xd5\xb94M\xe7\x8d\xe4N\x83\xbf\x0c}\x91\x9c\x91\xce\xa2C\xc5/?\xfb\xea\xfcO\xbf\x02\'W\x1b\x8d=B\xc6V \x1c1\x04 \x9c\xd04\x8d\x1e\xcb\xfe\xddw\xdf\xdd{\xef\xbd\'}&gt;:\x00\xa0K\xb7N\x0f?\xf9\xc0E\x17\x0f\xf4\xf9\xfc\xc1@\x90\xe7x\xa3\x8b\x83\xc1\xdf\x06\x01\x9a\xae\x99\xcc&amp;\xab\xd5\xf2\xd3\x0f\xab\x9e\x7f\xf2\xa5\x9d\xdbv\x83\x93\x95%\x99\x99\x99\xaf\xbe\xfa\xea\x88\x11#@\xa3W\xd4 ,0\x04 &lt;\x08-\xfc\xcb\xca\xca\x1ex\xe0\x81\xb9s\xe7\x82F&gt;\x9f\xbb\x1e\xba\xfd\xda\x1b\xaf6[L\xae\xbaz\xa3\x9a\xd7\xe0\x1f\x82V\x11;##\x02\xfe\xe0\xec\x0f?{\xe3\x85\xb7\x1b{\x84\xae\xbc\xf2\xca\x97^z)11\xd1\xd8\n\x84\x11\x86\x00\x84\x01\xa1U\xd5\xdc\xb9s\x1fx\xe0\x81\xb2\xb22Q\x14\x15E\x01\x00L\xb8\xe6\xb2\x07\xfeuojzr\xbd\xe1\xee78/\xd0\xd7,\xc2\xe9(&gt;\\\xfa\xd2\xb3\xaf.\xf8\xf4+\x00\x00}!\x13\x13\x13_z\xe9%\x1a\x1c6\xb6\x02a\x81!\x00Ls\xc6\x85?M\xc8KIOy\xea\x85\x7f\r\x1f=\xcc\xeb\xf5\x05\x03Ac\xb2\x19\x9cO4M3\x99M6\x9b\xf5\xfbo\x96=\xf1\xd0\xb3%\x87KB\xc9\xc7\xc6V \x8c0\x04\x80]B+\xfaS\x16\xfe\x1c\xc7\xddv\xff\xcd7\xdf}CLlt]\xad\xcb\xf0\xf9\x184\t\xd4#\x14\x19\xe5\xac\xae\xaay\xff\xf5\x8f\xdey\xf9}]\xd7O\xdf\n\x18\x1bS\x961\x04\x80E\xe8\xd4\xe2y\xbe\xa6\xa6\xe6\xce;\xefl\xbc\xf0\xef\xdc\xad\xd3S/\xfc\xbbO\xff^\xf5.\xb7\xaa\xa8F\x137\x83\xa6E\xd7tA\x14"\x9c\x8e\xf5k6&gt;\xf1\xd03\xbb\xb6\xedn\xbc\x15x\xf3\xcd7\xa3\xa3\xa35\xcdh4\xcb(\x86\x000\x07=\xa7\x1b\x00\xf0\xc3\x0f?\xdc}\xf7\xdd\x85\x85\x85\xa1\x85\xff\x9d\x0f\xdev\xd7\xc3\xb7I&amp;\x93\xbb\xdem\xcc(\x03F\xa0\xeb\x15G\x84C\x0e\x06\xdfx\xfe\x9d7_|\'\xb4\x15\xc8\xcc\xcc|\xfd\xf5\xd7/\xbe\xf8b\xd0\xe8\xc56`\x07C\x00\xd8\x82\x86\xce4M{\xe8\xa1\x87^}\xf5Up2\xbc\xd6\xb9k\xeeS/\xfe\xa7w\xff\x9e\xae\xdazcOm\xc0 \xf4\xb5tFElX\xb3\xe9\x89\x07\x9f\xde\xb5=?\x94\xaap\xef\xbd\xf7\xbe\xf0\xc2\x0b\xf4\xc56\x82ULa\x08\x00+\x84\xdc&gt;\x07\x0f\x1e\xbc\xfe\xfa\xeb\xd7\xad[\'\x88\x82\xaa\xa8\x00\x80\xebo\xbb\xee_\xcf="J\xa2\xbb\xdec,\xfc\r\x98\xe5\xe4V\xc0\xae\xc8\xca\xb3\x8f\xff\xef\xe3wf\x01\x00\xe8k\xdc\xb7o\xdf\x8f?\xfe\xb8]\xbbv\x86;\x88)\x0c\x01`\x82\xd0\xeex\xde\xbcy\xb7\xdf~{MM\x8d$I\xb2,\xc7\xc6\xc5\xbc\xf0\xce\x7f\x87\x8f\x1efdy\x1a\x84\x0b\xa1&lt;\xd1\xef\xbfY\xf6\xd0m\x8fVUV\xd3\x979::\xfa\xed\xb7\xdf\x9e8q"0\xdcA\xcc`&lt;\x83\xa6G\xd34\x84\x90\xa6i\xf7\xddw\xdf\x15W\\QSS\xc3\xf3\xbc,\xcb#\xc6\x0e_\xba\xf6\xeba\x97\x0c\xa9\xa9\xae5\xba\xb9\x19\x84\x0b\x1c\xc7\x11Bj\xaak\x87]2d\xe9\xda\xafG\x8c\x1d.\xcb2\xcdh\xb8\xe2\x8a+\xee\xbb\xef\xbe\xd0\x0b\xdf\xd4#50v\x00M\r\xf5\x8a\x86\xdc&gt;\xa1x\xef\xa3O?t\xeb}7+\x8a\x12\xf0\x07\x0c\xb7\xa9A8\xa2i\x9a\xd9b\x16E\xf1\xddW\xde\xff\xef\x7f^\x08E\x86\x1b\xbb\x83\x8cw\xbbi1\x04\xa0\xc9\x08\x15y\x9d\xe2\xf6INMz\xf1\xdd\xe9\xfd\x07\xf7\xab\xad\xae\x05F\xbfu\x83p\x86\x9e\x19\x10\x15\x13\xb5f\xc5\xda\x07o\x9dVZ|\xe4\x14w\x90Q,\xd6\xb4\x18\xc6\xa5i\xa0\xfd\xd69\x8e{\xea\xa9\xa7~\xed\xf6\xb9x\xd1\xca\x05\xbd\xfb\xf7\xac\xae\xa8F\x08\x19\xd6\xdf \xac\xa1\xefpuEu\xef\xfe=\x17\xad\\0b\xec\xc5\x8d\xddAO=\xf5\x14\r\x08\xd3\x86\x86\x06\xe7\x1fc\x07\xd0\x04\xd0\x9do]]\xdd\xad\xb7\xde:o\xde&lt;\xdaN\x8b\xe3\xb8G\x9e~\xe8\xb6\xfbn\x96\x83\xb2\x1c\x94\x8d\n/\x83\xe6\x84\xae\xe9\x92I\x92L\xd2;\xaf\xbc\xff\xbf\xff\xbc\xa0\xeb:}\xed\'N\x9c\xf8\xee\xbb\xefFFF\x1a\xee\xa0&amp;\xc1\x10\x80\xf3\r\xcd\x918x\xf0\xe05\xd7\\\xb3e\xcb\x16\x93\xc9\x14\x0c\x06c\xe3b\xde\x9a\xf5\xda\xc0!\xfdk\x0c\xb7\x8fA3\x85\xba\x83\xa2c\xa2V\xfd\xb8\xe6\x8e\xeb\xee\xa9\xaa\xac\xa6/\x7f\xf7\xee\xdd?\xfd\xf4\xd3v\xed\xda\x19yn\xe7\x1fC\x00\xce+t\x99\xb3n\xdd\xba1c\xc6\xd4\xd6\xd6R\x7fh\xd7\x1e]\xde\x99\xfdf\xeb\xb6\x89\xf5\xaezc\x11d\xd0\xbc\xd14-\xc2\x19q\xfch\xd9m\xd7\xde\xb9}\xf3N:\x05\xa2\xa2\xa2\x16/^\xdc\xb7o_c\x1fp\x9e1V\x9a\xe7\x89P\x9d\xd7\x07\x1f|0p\xe0\xc0\xda\xdaZQ\x14eY\xbej\xca\xc4\x05\xcb\xe6\xc6\xc6\xc7\xb8]n\xe3\xd57h\xf6\xf0&lt;\xefv\xb9c\xe3c\x16,\x9b{\xd5\x94\x89\xb2,\x8b\xa2X[[;p\xe0\xc0\x0f&gt;\xf8\x80\xe7y]\xd7\x8dU\xe9y\xc3\xd8\x01\x9c\x0fBe/\xf7\xddw\xdf\xab\xaf\xbe\xcaq\x1c\xc6\x98\x10\xf2\xccKO\xdcx\xd7Tw\xbd\x1b\xebF]\xcc\xdf\x03}\x9f\t!\x84\x10\x00  \x84\x80\x867\x1c\x02\x08\xd1\xefg\x9b\x10\xfc\xab\xbf\x02 \x04\x80@\x08i\xa6\x8a\x91\xaf\xf2\xb7\x801F\x1crD8&gt;|c\xc6\xbf\x1fx\nB\x88\x10\xd2u\xfd\xde{\xef}\xe5\x95W\x80Q)v\xbe0\x04\xe0\x1f\x87\xbe\xca\x9a\xa6\xdd~\xfb\xed\x1f|\xf0\x01M\x85vD\xd8\xdf\x98\xf1\xca\xb0QC\\u\xf5!\xe3bp\xee\xd0\xf7\x16cB\xad=\x84\x90\xdawA\x10\x08 \x92("\x0e\x11\x02x\x9e\x87\x08\x02\x02 \x04\x18cUU\x01\x80\x00\x9c\xed\x9d\x87\x00\x10A\x10\x10B\r\xf2\x81\x89\xa6i\x10\x02\xaccYQ \x80\xaa\xaaR\x85\xa0\xff(\x00\x10!C\x18\xfe\x0cT\xa4\x9d\x91\x11\xcb\x96\xfcx\xd7\xd4\xfb\xdc\xf5\x1e:5n\xba\xe9\xa6\xb7\xdf~\x9b\xe7yC\x03\xce\x03\x86\x00\xfc\xb3\xd0\xb8V]]\xdd\xe8\xd1\xa3\xd7\xad[G\xa3^I\xa9Io\xccx\xb9w\xff\x9eU\'\xaay\xc1p\xfb\x9c\x13\xb4l\xa2\xc1\xd6C(\x08\x02\xc7q\x82(p\x1c\xe28N\xd34\x8c\x89\x1c\x94k\xabk\x11\x87\x8a\x0f\x97\xf8\xbc&gt;\x8e\xe3\xf7\xe5\x17x\xea=\x00\x00\xc4!W\xad\xeb\xc0\xbe\xc2\xdf\x15\x80\xf6\x1d2\x9dQN\xacc\x00\x80=\xc2\xde!7[\xd75\xab\xcd\x9a\x9a\x9e\x82u\x1c\x15\x13%\x99$\x84 uV\xe8:V\x15U\xd7uUU\xa9E\xa3\x8bYC\x0f\xce\x11M\xd5b[\xc5lX\xb3\xe9\xae\xa9\xf7\x1f)&gt;B\'H\xdf\xbe}\xbf\xf9\xe6\x9b\xc8\xc8H#,\xfcOc\x08\xc0?\x08}}\xcb\xcb\xcb\xc7\x8e\x1d\x1bJ\xf8\xc9\xed\x923{\xd1\x8c\xe8\x98\xe8z\x97[0\xac\xff\xd99i\xf1\x01\x84\x80\xe38Q\x14DI\xe4\x05A\xd7uUVjk\xea\\u\xf5e\xc7\xcbK\x8b\x8eT\x9e\xa8&lt;Zr\xb4\xfc\xf8\t\xaf\xc7WRT\x8a\x10t\xd5\xd5\xff\xed\xe3qFF`LR\xd2\x92mvkB\xebVmS\xda\xc6\xb5\x8aKNKJl\x9d\xe0\x8c\x8c\x88\x8a\x8e\x14$\x91\xe38MU\x15YQ\x14U\xd7u:xC\x0f~\x1bU\xd5"\x9c\x8e\x9a\xea\x9ak\xc7N\xcd\xdf\xb9\'\x94\x1a\xb4h\xd1\xa2\x84\x84\x04C\x03\xfeQ\x0c\x01\xf8\xa7\xa0\xf9\x0c[\xb6l\x19;vlyy\xb9\xc9$\x05\x83\xf2\xf8\xab\xc6=\xfb\xcaS\x92I2\x1a&lt;\x9c\x11\xba\xc6\x07\x04 \x0eI\x92(J\x12\xcfs\xba\xae{\xdc\xde\x13e\x15\x87\n\x0f\x17\xe4\xef/&gt;Tr\xa4\xe4H\xd1\xc1\x12\x9f\xcf\x17\x0c\x04\x9bz\xc8\xc0d6Y\xad\xd6\xb4v)I)I\xa9\x19)\xd9\xb9Y\x19\x99\xe9\xad\x12\xe3\xed\x0e\x1b\xc7q\x9a\xa6+\xb2,\xcb\n\xd61\x80\x80\xee\x0f\x9az\xc8\xccA\x9bF\xc8A\xf9_\xf7=\xf1\xe5\xe7_\xd3\xc9\x92\x90\x90\xb0h\xd1\xa2\xee\xdd\xbb\x1b\xa9A\xff\x1c\x86\x00\xfc#\x84\xac\xff\xc5\x17_\\WWG\x9d\x9b\x13\xaf\x9d\xf0\xca\xfb/\x04\xfc\x01EQ9\xce\xb0\x02\r\x84V\xfa&lt;\xcfI&amp;I\x92$\x08a\xc0\xef?Rr\xecp\xe1\xe1=\xbb\xf6\xed\xcb/8t\xe0\xf0\xf1\xa3e\x01\x7f\xe0\x1c\x7f\xa6d\x12%\x93\x841\x8e\x8cu\xc6\xc4Gc]\x07\x00X\x1d\xd6\xf4\xec\x14j\x88\xcf2\x14\x808t\xb8\xa0\xc4\xe7\xf6\x01\x00\x10\xc7UW\xd4\xd4U\xb9\x10BrP\x96\x83\xca9\xfe\xebf\x8b\xb9u\xdb\xc4\x8c\xf6\xe9\x1dr\xb3s:wH\xcfLOJic\xb6X\x08!\xb2,\xcbAY\xd3tcgp\n\xba\x8eEQ0[\xcc\xf7\xdd\xfc\xd0\xbc\xd9\x0b\xe8\x94\x89\x8c\x8c\xfc\xe1\x87\x1f\x0c\r\xf8\xe70\x04\xe0\xef\'\x94\xec?z\xf4\xe8\xba\xba:Z\xf1\xf8\xf8\xb3\xd3n\xbd\xeff\xbf\xcfo\x84\xb6(\x18c\x82\tDP\x92$\x93Y\xe28\xceUW_RT\xbak\xdb\xee\xfd{\x0el\xdb\xbc\xa3p_a\xe0\xf7\x16\xf8V\x9b\xc5\xea\xb0$&amp;\xb7\xb2\xd8,\xe9\xd9)f\x8b)\xa3c\xaa\xae\xe9\x89)\tV\xbb\x05\xeb\xd8b3\xdb\xecV\x8c1\x80\x10Ax.\x11\x17M\xd5h\x94\x17!\xe4\xf5\xf8\xfc\xde\x00\xe2\x90\xcf\xe3/+)\xe7x\xee\xd0\xde\xe2\x80?x\xb8\xa0\xc4\xef\xf5\x97\x95\x9e\xf0\xb9\xfd&gt;\xaf\xff\xb7\x7f\xa0\xd9l\xca\xec\x90\xd9\xad\xc7\x05Y9\xed;w\xeb\x94\x92\x96\xec\x8c\x8c\xd0u=\x18\x90eY\xa67\xc1x%\xc0\xc9t\t\x8b\xd5\xf2\xee+\xef?\xf7\xaf\xe9t\xe2DFF~\xf3\xcd7F\x89\xc0?\x84!\x00\x7f3\xf45\xfd\xe0\x83\x0fn\xbf\xfdvM\xd3\xe8K\xfc\xec+O\xddv\xefM\x95\x15UF\xc2\x0f\xc6\x18c\xc2\x0b\x9c\xd9l\x16DAS\xb5\xd2\xa2\xd2\xdd;\xf6l\xdd\xb8\xed\xe7\x9f\xd6\x15\x1d*\xd6\xb5\xb3\xb6\x85\xb1\xda-\xadS\x12\xe2\x12cS\xdb\'%e\xb4\x89\x8c\x89h\x9d\x92h\xb6H\x11Q\x0e\x00\xa0 \xf0\x84\x10]\xd3\x01\x04\xaa\xa2b\x1d\x03\x08\xb1\x8e\x1b\xf7\x99!\xf8\xf7\xdf\xf6\xc6\xa9\xa2\x1c\xc7!\x0e\x01B\x10\x87\x04Q\x00\x04p&lt;\x07!TU\r\x00R_\xeb\x0e\xf8\xe5\xe3%eu\xd5\xf5G\x0e\x1d+&gt;p\xa4\xb2\xac\xeaxI\xb9\xcfsVI\xe0x.-#\xf5\xc2\x8b\xfa\xe6\xf5\xea\xd6\xe9\x82\x9c\xe4\xb4d^\xe0UE\r\x04\x02\x9a\xaa\xa3\x16\xaf\x044\x90\x1e\x17\x1f\xfb\xce\xab\x1f\xfc\xeb\xbe\'\xe8\xf4\xe1y\xfe\xed\xb7\xdf\xbe\xe9\xa6\x9b\x0c\r\xf8\xdb1\x04\xe0\xef$d\xfdo\xbe\xf9\xe6P\xb2\xffs\xaf&lt;u\xf3\xdd7T\x9e\xa8\xa2\xb6\xa3\xa9\xc7\xd844\xd8}\x9e\xb3X-\xa2(\xd4\xd5\xba\n\xf6\xec\xdf\xb4v\xf3\x9a\x9f\xd6\xed\xde\x9e\xef\xf5x\x1b\xfe\xdc\xaf3tLf)9\xb3mJ\xbb\xb6iY)iY\xc9m\xd2ZG\xc7:ESC`\x00c\xac\xca*\xc6\x84v\x96\'\x98\xd0\xbc}\xd0\xc8\x88\x9f\xfc\xe2\xcfB@\xa8&amp;\x80\x8a\x07\xfd\x82\xfe|\x9e\xe7\x11\x82\x82$ \x84\x1a\xdc\xfdA\xb9\xa6\xcau\xac\xe8x\xd1\xfe\xd2\xa2\xfd%%\x07\x8f\x96\x16\x1e\r\x06\xe4_~`\xa3_\xd0f\xb7u\xea\x9a\xdb\xff\xa2\xbe=\xfb\xf5\xc8\xce\xc9\x8a\x8cr*\x8a\xea\xf7\xf95\xadE+\x01U\xf1\xb8V\xb1\xef\xbf\xfe\xd1\xe3\xf7=\x11*\x11x\xff\xfd\xf7\r\r\xf8\xdb1\x04\xe0o\xa3\xb1\xf5\xa7+\x17G\x84\xfd\x8d\x8f_\x19:r\x88\xab\xce\xd523\x19\xa8\x9f\x87\xe39\x8b\xd5"\x88B}]\xfd\xee\xed\xf9\xcb\xbf]\xb1\xf2\x87\xd5\x07\x0f\x1c:\xe3_\xb1;m\xe9Y)9\xdd\xb3\xb3\xbbd\xb6MKLH\x8a\x97L\x12\x84P\xd34UVUU#\xf8d\x0e&gt;\x04M[\x9c\x15*:\x03\x044\xe4\xa7"(\x08\xbc \t&lt;\xcf\x13B\xe4\xa0\\~\xa4\xe2hQY\xc1\xce\xc2=[\n\x0e\xef/\xf1\xb8\xbcg\xfcQ\xed\xdag\x0c\xbax\xc0\xd0\x91\x83;u\xcd\x8d\x88\x8cP\x15\xd5\xef\xf3\xeb\x9a\xdeb\xbdC\xba\xae;#\x9d\xcb\xbf\xfd\xf1\xae\xeb\xefs\xd7{\xe8\x8424\xe0o\xc7\x10\x80\xbf\x873Z\xffY\x0bg\xf4\x19\xd0\xbb\xeaDUKK\xf6\'\x84`\x1dC\x04\xcd\x16\xb3d\x92\xdc.w\x83\xdd_\xb6\xfa\xe0\xfe\x06\xbb\x0f\xe1/\xef\x9e\xc5jn\xdf)\xa3C\xb7\xf69y\xd9\xe9\xd9)1\xf1Q\x82$\xe8\x9a\xae*\xaa"\xab\xb4\xda\x0b\x9e\xa4\xe9~\xads\x82\x9c\x84\xd6\x88\x89\x92 \x88\x02\xc7s\xaa\xacVW\xd4\x1e.(\xd9\xb3\xb5`\xdf\xb6\x03\x07v\x1f\xf2\xfb\x1ab\xda\x8doE\xbb\xac\x8cA\xc3\x1a\x94\xc0\xe1t\xc8A9\xe0\x0f\x10L\x10\xd7\xe2"\xc6\x9a\xaa\xc5\xb6\x8a]\xbfz\xc3u\x97N54\xe0\x1f\xc2\x10\x80\xbf\x81\xb3Y\xff\x9e}\xbb\xd7T\xd5\n\xa2\xd0\xd4\x03&lt;\x7f\xd0%\xbfd\x12\xad6k0(\x1f,8\xb8\xf4\xeb\xef\x97.\xfc\xee\x8cv?.1\xf6\x82&gt;9\xbd.\xcak\x97\x93\xde:\xb9\x15/\xf0\xba\xa6\xcb\xb2\xa2*\x1a\xc1\x98.\xa8\xc3\xdd\xea\x11B\x1a\xb6,\x08\t"/I"\xc7s\x9a\xaa\x1d/=qp\xcf\xe1\x8d?m\xdd\xb1~OeY\x15\xfd\xc3\xa7(\xc1%\x97\x8e\xb8d\xdc\xf0v\xd9\xedL&amp;\xc9\xe7\xf5\xc9A\xa5\xa5m\x08TE\x8d\x8e\x8d\xda\xb4n\x8b\xa1\x01\xff\x10\x86\x00\xfcU~\xcb\xfaW\xd7\nBK\xb1\xfe\xd4_a\xb1\x98%\x93TZ|t\xcd\x8a\x9f\x17/X\xb2~\xcdF\x1a\xd4\x85\x08\x86\x02\xb0\xc9\xed\xda\xf4\x18\xd8\xad\xcf\x90\xeeiY)\xceh\x07\x00@\x0e*\x8a\xac\x10Bh;\x87p7\xfag\xa3A\x0c\x00\x81\x10\x8a\x92(\x99D\x00\x80\xab\xc6]\xb4\xbfd\xfd\x8f[6\xaf\xdaVz\xf0\x18\xfd\x93\xa1\xdb\xc5\xf1\\\x9f\xfe\xbd\xc6L\x18\xd5\x7f\xf0\x85\xc9\xa9m\xe5\xa0\xec\xf7\x07\xa8W\xad)\x7f\x93\xf3\x88\xaa\xaa\xd11\x86\x06\xfcS\x18\x02\xf0\x970\xac?\xf5\xf6\xf0\x02ow\xd8\x15E\xd9\xbbk\xdf\xec\x0f?]\xfe\xedO\xd5\x95\xd5\xe0\xd7K\xda\x90\xddo\xdf)\xc3\x1eaSUM\x0e\xca\x9a\xaaC\x00\x9a\xb1\xd1?\x1b\'\xc5\x00\xf0\x02\'\x99$A\xe0=\xf5\xde\x03\xbb\x0f\x9d\xaa\x04\'o`L\\\xcc\xd0\x91\x17]{\xe35\x1d;w\x10E\xd1\xe3\xf6h\xaa\xd6B\xfcB\x86\x06\xfcs\x18\x02\xf0\xe7\xa1/\xdf\x87\x1f~x\xd3M7\xb5@\xeb\x8f1\xc6\x18\x9bL&amp;\xab\xcdZW[\xf7\xdd\xa2\x1f\x16~\xb1h\xfd\xea\x8d4\xed\x12!D\x0f\x00\x89i\x15=hT\xdf&gt;C{\x84\xec~\xd0\x1f\xa4\'bB\x88Z\x80\xf9\xfa\x1d\x08\x01\xd4I\xc4q\x9c\xc9b\xfaE\t\x96o^\xb9d]\xf5\x89\x1a\xd0\xe8fr\x1c\xd7g@\xafK\xaf\x18;b\xec\xc5\x91Q\x91&gt;\xaf/\x18\x0c\xb6\x84\xa3C\xcf\xa8\x01\x1f|\xf0\xc1\x8d7\xdehh\xc0_\xc1\x10\x80?\t}\xed6n\xdc\xd8\xa7O\x1f\xda\x8c\xac\xe5X\x7f\x9a\xdej\xb1Z\xcc\x16\xf3\x91\xe2#\x9f\xce\x98\xfb\xcd\x82\xa5\x87\x0f\x16\x81F\xa6J\x10\x85\xee\xfd\xbb\x0c\x9bpQ\xe7\x9e\x1db\xe2\xa3\x1b\xdb\xfdfo\xad\xfe4\xf4\xc6\x86\x94\xa0\xba\xa2f\xd7\xa6}\xcb\x16\xfc\xb4e\xcdNUQA\xa3\xdb\x9b\xde.m\xf4\x84K\xae\x99zeRjR\xc0\x1f\xf0\xfb\xfc\xcd\xfe\xc6\x9e\xa2\x01\xb4\x19\xdf\xfa\xf5\xeb{\xf5\xeaeh\xc0\x9f\xc6\x10\x80?\x03mP\xb5e\xcb\x96\xe1\xc3\x87\xd7\xd7\xd7C\x08mv\xeb\'\x0b&gt;\xec\xd9\xafGMuM3\xb6\xfe4\xc6k\xb5Y$\x93\xb4}\xcb\xce\xaf\xbfX\xfc\xd5\xe7_WW\xd5\x00\x00x\x9e\xd34\x1d\x00\xd06\xbd\xf5\xa0Q\xfd\x06\x8e\xea\x9b\x96\x95\x0c\x00\x0c\xfa\x83\xaa\xa2\xb6\xb4\xe8\xe5_\x84\xdegA\x14L\x16\x13\x00\xa4h\x7f\xe9\xaa%\xebV.Y{\xf4\xf0q\xd0\xe8V\xc7\xc4F_v\xd5\xb8qW\x8c\xe9\xda\xbd\x8b\x1c\x94}^\x7f\xf3\xbe\xcf\xaa\xaaF\xc7DoZ\xbby\xca\x84\x1b\xbd\x1e\x1f!$""\xe2\xfb\xef\xbf\xef\xde\xbd\xbb\xd13\xee\xcfa\x08\xc0\x1f&amp;d\xfdi\x9f\x1f^\xe05U\xfb\xe4\xcb\x0fG\x8e\x1b^Y^\xd9\\s~B\xa6_\x94\xa4]\xdbw\x7f\xf4\xd6\'_\x7f\xb1XU\x7f\xb5,\xed\xd6\xaf\xf3\x90K\x07\\8\xbcWD\xa4C\x0e\xcaA\xbf\x0cZ\xa4\x7f\xff\xef\x82\xc6\t\x00\x00&amp;\x8b$\x99\xa4\xfa:\xf7\xcf\xdfo\xfcq\xe1\xeamkw\x81\xc6\x9b-A\x18w\xc5\x98\x1b\xee\x98\xd2\xb9k\'En\xe62\xa0*j\\B\xdc\xb7_\x7f?e\xfc\x8dt\xea\x85\xfa\x05\x19\x1a\xf0\'0\x04\xe0\x8fA\xdb\x95TUUu\xec\xd8\xb1\xaa\xaa*\xd4\xe9a\xea\xed\x93\xeb\xaa\xeb\x9ae\xbe?m\xd6f\xb5\x9ej\xfa\x1by{\xf8\x8b\xc6\xf4\x1fy\xc5\x90\x8e\xdd\xda\x8b\x92\xe8\xf3\xf85MC\x10\x9d\xcb\xf1[\x06\xe7\x02\xc1\x04\x13\xcc\xf3\xbc\xd5nQde\xef\xb6\x03\xdf~\xf1\xe3O\x8b\xd7\xa8\x8a\x06N*\xc1\xa92\xe0\xf37\xd7fs\x9a\xaaE\xc6D\xcex{f\xa8WDll\xec\xde\xbd{ccc\x8dF[\x7f\x14C\x00\xfe\x00\xd4\xde\xb9\\\xae\x11#Fl\xde\xbc\x99\x9eg\xfd\xec\xcbO\xder\xcf\x8dU\x95\xd5\xcdo\xf5A\xcf16\x99Lf\x8by\xf7\x8e\xfc_L?\x87\xe8y)\xce\x98\x881\xd7\x0c\x1f8\xaa/\xed\xb2\xe9\xf7\x060\xc1\xcd\xef&gt;\xb0\x83\xae\xeb\x08"\x8b\xcdL\xbb\x96\xaeZ\xb2n\xf1\xa7\xdf\xbb\xaa\xeb\x01\x00\xf4\xa1\x84d\xa0\xd3\x05\xb9\x01\x7f \x18\x0cr\\3l@\xa2\xebzl\\\xcc{\xaf}\xf8\xaf\xfb\x9f\xa4\xd3\xb0G\x8f\x1e\xdf}\xf7\x9d\xd3\xe9\x04\x00\x18\x1ap\xee\x18\x02p\xae\x84\xce{\xea\xdb\xb7\xef\x86\r\x1b$\x93$\x07\xe5G\x9f~\xf8\xc1\x7f\xdf[^V\xd1\xfc\x8ev\xd14M\x14E{\x84\xfd\xf8\x91\xe3\xafO\x7f\xeb\xb3\x8f\xbf\xf8\x95\xe9\x8f\x8e\x183i\xf8\xa8\xab\x87%\xb4\x8d\x97\x83r\xc0/\xd3\xfe\xc6M=\xea\x16\x01\xed\x9em\xb6H\x92I*?Z\xb1\xe4\xb3e\x8b\xe7|\xef\xaa\xf9\x95\x0c\\}\xfd\x15wO\xbb\xa3uRkO\xbdGQ\x94\xe6\x17#UU-!1\xfe\xc5g^\xfd\xef\x7f\x9e\xa7\x93\xb1w\xef\xde\xeb\xd6\xad\x0b\x9d\x19\xd7\xd4\x03\x0c\x0f\x0c\x018\'\xe8Z\x98\xe7\xf9\x9bo\xbe\xf9\x83\x0f&gt;\xa0\x87\x16]&gt;i\xfc\xcb\xef=\xef\xf5x\x9b\xd9\x0bG;\xe6GEG\x9e(\xaf\xf8\xf8\xed\x99\xb3?\xfa\xbc\xa6\xaa\xe6\x0c\xa6?)\xde\xef\r(A\x05!\xc3\xdb\xd3\x04\x10L0\xc6\xa2I\xb4\xd8\xcc\xe5G\xce \x03\xd1\xb1\xd1\xd7\xdep\xd5\xf5\xb7On\x95\x10_[SGO;h\xeaQ\xffm\xd0\x05\x99\xcdn\xbb\xff\x96\x87\xe7\xcf\xf9\x92N\xc9\x9bn\xba\xe9\xfd\xf7\xdf\xd74\xadY\xee{\xfe\t\x0c\x018\'h\x9e\xd9}\xf7\xdd\xf7\xea\xab\xaf\xd2Wm\xdc\xc41o\xcfz\xcd\xe3\xf6\x9e&lt;\x1c\xbc9@u\xce\x11a\xd74}\xc1\x9c\xaf\xde~\xf9\xbd\xe2\xc3%\xe0\xa4A9\x83\xe9o\x19\x85H,C\x0b\xf1N\x97\x81\x90`\xa7\xa6\xa7\xdc~\xff-\x13&amp;]\xc6\xf3\x9c\xbb\xde\xd3\x9c,#\x9dzv\x87\xed\xf6\xeb\xee\xf9z\xdeb:1\xef\xbd\xf7\xdeW^y\xc5H\x0c=G\x0c\x01\xf8}\x1a\x97\xfbR\x87cN\x97\x8e\xf3\xbf\xffL\x10xU\xd5\x9a\x8d\xdfC\xd3t\xc9$\xda\xec\xb6\rk6\xbe\xf0\xd4\xcb\xeb\xd7l\x04\x00\xd0D\x0b^\xe0\'\xde&lt;\xee\xd2\xc9#[\xb5\x89\xf3\xfb\x0c\xd3\xcf\x1c\xbf\xc8\x80\xd5|\xe2X\xe5\xc2\x99\xdf\xce{\xffk\xfa\xe04U\x03\x00\xf4\xe9\xdf\xeb\xa1\'\xee\xef\xdd\xbf\x97\xd7\xe3\x95\x83\n\xdf\\:I`\x8c\xe94\xbc|\xf8\xd5{v\xee\xa5\xd3\xd3(\x12&gt;w\x0c\x01\xf8\x1dhnY\xe3\x82\xaf6m[/]\xfb\xb5=\xc2\x1e\x0c\x04\x9bG\xc0\x93\x06\xb7#"#\xca\x8f\x9fx}\xfa\x9bs&gt;\xfc\\\xd7uQ\x12\x15Y\x01\x00\\&lt;a\xd0\x84\x1b\xc6\xb4\xef\xdc.`\x98~\xb6\t\xc9\x80\xd9j&gt;\xb0\xeb\xe0\x82\x8f\x16\xff\xb0`%\x00\x80&gt;J\x8e\xe3&amp;\xddx\xd5\xdd\xd3\xeeLh\xdd\xaa\xbe\xae\x1e4\x97`\xa9\xae\xeb&amp;\xb3\xc9S\xef\xb9\xa4\xdf\xb8cG\x8f7.\x103\x12C\x7f\x17C\x00~\x0b\x9aUV\\\\\x9c\x97\x97\xf7K\xc1\xd7\x97\x1fv\xeb\xd9\xd5]\xefn\x1e\xeb\x0bM\xd3\xacV\x0b/\x08_~\xbe\xf0\xb9\xc7\xa7W\x9e\xa8\xe48\x8e\xb6s\xe8\xd2;\xf7\xea\xdb\xc7\xf7\x1a\xdcM\t\xaa\x01_\xc00\xfda\x01\x95\x01\xb3\xd5,\x9a\x84\x8d+\xb6}\xf6\xf6\x97;7\xe4\x03\x00\xe8c\x8dk\x15\xf7\xf8s\xd3\xc6_u\xa9\xa6\xaa&gt;\x9f\xbf\xd9\xbc\xc3\x8e\x08\xc7\xb6M\xdb\xa7\x8c\xff\xa5@l\xeb\xd6\xad\xa9\xa9\xa9Fb\xe8oc\x08\xc0Y\xa1w\xc6\xe5r\r\x1b6l\xeb\xd6\xad\xf4\x94\xeaO\xbe\xfcp\xe4\xb8\x8b+OT5\x83r_\xba\xf0\x8f\x8a\x8e\xdc\xb3k\xdf3\x8f\xfe\xdf\xaa\xe5k\x00\x00\x1c\xcf\xe9\x9a\x1e\x1d\x179\xe5\xfe\xabFL\x1c\xcc\x0b\xbc\xc7\xe5\x85\x08!#\xcc\x1bV`L\x08\xc6v\xa7MS\xb5\xef\xe6\xad\xf8\xe4\xe5\xcfk*\xeb\xe8\xc3\x05\x00\x0c\x1c\xda\xff\xdf\xff},\xa7s\x87\xda\x9a:\xd0,\xb6\x02\xaa\xaa\xc6\xb5\x8a\xfd\xf6\xeb\x1f\xa6\x8c\xbf\x91N\xd5\xbc\xbc\xbce\xcb\x96\xd1\xc4Pc\xe1r6\x0c\x018+\xd4\x87x\xf9\xe5\x97/X\xb0\x80\xfa\x16\x9fz\xe1\xdf7\xdf}cmum3(\xf8\xd24\xcdj\xb3B\x08?~g\xe6\x8b\xcf\xbc\xea\xf5x\x05QP\x15\x15qh\xcc5\xc3\'\xdduy\\\xeb\x18\x8f\xcbK\x8f"i\xea\xc1\x1a\xfcI\xe8\xb1&lt;v\xa7\xad\xf2x\xf5\x9c7\xe6/\xfe\xf4{\xacc\xfa\xa0mv\xdb\x83\xff\xbe\xf7\xfa\xdb&amp;\x13B|^_3\xd8\nh\xaa\x16\x15\x13\xf5\xfe\xeb\x1f&gt;\xf1\xd03t\xc2N\x980a\xfe\xfc\xf9F0\xe070\x04\xe0\xcc\xd0\x97\xe6\xa9\xa7\x9ez\xf2\xc9\'iv\xc1\xc4k\'\xbc&gt;\xe3\xa5\xba\x1aW\xb8/\x97B\x0b\xff\xbd\xbb\xf7=\xf1\xd03?\xff\xb4\x0eB\x08 $\x18gunw\xc7\x137t\xe9\x95\xe3\xf7\x06\x14Yi9M\xe7\x9b7\xba\xa6\x8b\x92h\xb1\x99wn\xdc\xf3\xd6S\x1f\xed\xdfu\x10"D\xf3(/\xbc\xa8\xefS/\xfc\xbbc\xa7f\xb2\x15\xc0\x18GF;\xef\x9e\xfa\xc0\xbc\xd9\x0b\xe8\xb4}\xf2\xc9\'\x9fx\xe2\tC\x03\xce\x86!\x00g\x80\xc6\x8e\xbe\xfc\xf2\xcb\t\x13&amp;\xd0\x00Z\x97n\x9d\x16\xfe4O\x91\xd5pO\xfa\xd44\xcdl1\x0b\x82\xf0\xd1[\x9f\xbc\xf8\xcc+^\x8f\x97\xfe\x82\x16\x9b\xf9\xfa\x07\xae\x1e}\xcd\xc5\xa2$\xfa\xdc&gt;\xc3\xdd\xdf\xcc\xa0\x81\x01\xab\xc3\xaa\xc8\xca7\x9f\xfe\xf0\xf1K\x9f\xf9\xbd\x01\xfa\xe8mv\xdb\x83\xff\xbe\xef\x86;\xa6\xa8\xaa\x1a\xf0\x07\xc2\xdaP\xd2\xe9)J\xc2\xa5\x17M\xdc\xb9m7\xfd\x05\x17,X0~\xfcx# |F\x0c\x018\x15\x8c1\x84\x90\x06~\xddn7!$2\xca\xf9\xdd\xfa\xc51q1rP\x0e\xeb%\x92\xa6i\x91Q\xcecG\x8e?\xf9\xd0\xb3\xdf.\xfa\x9e\xd6\xafa\x8c\xbb\xf5\xeb|\xe7\x937ftL\xf5\xb8\xbcX\xc7\x86\xcf\xa7\xb9B\x1f\xae\xddi;\xb4\xb7\xf8\xcd\'?\xdc\xb6v\x17B\x88VT\x8d\x1c;\xfc\xc9\x17\xfe\xd5&amp;\xa9u]\xad+\xac5\x00c,\x99\xa4\xea\xca\xea\x11}\xc6\xd4\xd5\xba \x84\x0e\x87\x83\x06\x84\t!a=\x7f\xff\t\x0c\x01\xf8\x15\xb4\xf1\x19\x00\xa0_\xbf~\x1b7n\x14\x04\x01c\xfc\xf9\x92Y}\x06\xf4\xaew\xb9\xc37{\x9a\xaaZdt\xe4w\x8b\xbe\x7f\xe8\xb6G\xab*\xab\xe9\xe2\xc8l1M}\xe8\x9a\xcb\xa6\\B\x08\x08\xf8\x02\x86\xcf\xa7%\xa0k\xba\xd9j\x86\x10|\xf5\xc9\xd2\x19/|\x1a\xf0\x07\xe9\xcb\x10\x1b\x17\xf3\xc2;\xff\x1d1vx]M]X\xdbJM\xd3#\x9c\x8e\xf5\xab7\\5\xea:\x84\x90\xaa\xaa\xbdz\xf5Z\xbbv-\x00\xa0\xb96\xc8\xfb\xd3\x84\xeb3\xfe\x87\xa0\xfb\xc4\x07\x1f|p\xe3\xc6\x8d\x92$\xa9\xaa\xfa\xf0\x13\x0f\x0c\x1c\xd6\xbf\xdeU\x1f\xbe\xd6_\xd34\xc9$\x99-\xe6\xe7\x1e\xff\xdf\x94\xf17UUV\x0b\x82\xa0\xc8J\xfbN\x19/\x7f\xf1\xec\xd5\xb7\x8d\x0f\xf8\x83\xc1@\xd0\xb0\xfe-\x04\x8e\xe7\x82\x81`\xc0\x1f\xbc\xfa\xb6\xf1/\x7f\xf1l\xfbN\x19\x8a\xac\x08\x82PUY=e\xfcM\xcf=\xfe?\xb3\xc5,\x99$M\xd3\x9az\xa4\x7f\x12\x9e\xe7\xea]\xf5\x03\x87\xf5\x7f\xf8\x89\x07TU\x95$i\xe3\xc6\x8d\x0f&gt;\xf8`(\xbf\xd9 \x84\xb1\x03\xf8\x85\xc6\xae\x7f\x9aE0\xec\x92!\x1f/\xf8\xc0]\xef\x0e\xe7\xd5\x90\x16\x19\x15y\xb4\xe4\xe8\x03\xb7=\xb2v\xe5\xbaPi\xe8\xa4\xbb.\x9ft\xd7\xe5\x82(\xf8&lt;\xfe\xf0\xd56\x83\xbf\x82\xa6\xe9V\xbbEU\xd49o\xcc\x9f\xf3\xc6|p\xb2\xf0\xbb\xdf\xa0\xbe/\xbd\xf3\xbf\xb6)m\xebj\xeb\xc2\xd7\x1d\x841vD8\xae\x9fp\xd3\xb2\xa5?\xd2\xe9l\x04\x03N\xc7\x10\x80\x06\x1a\xbb\xfe=\x1e\x0f\xc6\xb8u\xdb\xc4%k\x16\xda\xec6EQ\xc2Q\x000\xc6\x10\x00gt\xe4\xf7\x8b\x7f\xa0n\x1fI\x12eY\x89\x8au&gt;\xf8\xfc\x9d\xfd\x87\xf7v\xbb&lt;\x86\xc7\xbf\x85C_\x00\x87\xd3\xbe\xe6\xfb\r/&gt;\xfcfm\x95\x8b\xbe$\xd4\x1d4|\xcc\xc5\xae\x9a:\x12\x9e\xd9A\x18cQ\x14\xbd\x1e\xef\xa8\xfe\x97\x1e?Z\x86\x10\xb2\xdb\xedF0\xe0\x14\x8c\xbb\x00\xc0\xc9\xce\x82\x18\xe3k\xae\xb9\xa6\xae\xae\x8eFG_~\xef\xf9\x98\xb8hz\xe8vS\x0f\xf0\x0f\xa3\xeb\xba \x08V\xbb\xed\x8d\xe9oQ\xb7\x0f/\xf0\xb2\xact\xeb\xd7\xf9\xed\xc5/\xf4\x1d\xda\xa3\xae\xdaE\x9aW{H\x83?\x01\xe2\x10!\xa0\xae\xda\xd5wh\x8f\xb7\x17\xbf\xd0\xad_gYVx\x81\xa7\xee\xa07\xa6\xbfe\xb5\xdb\x04A\x08G\xcf\tB(\x18\x0c\xc6\xc4E\xbf\xfc\xde\xf3tF\xd7\xd5\xd5]s\xcd5\xf4\xe0ec\xe1K1\xe6?\x00gq\xfd\x0f\x18r\xa1\xab\xb6&gt;\x1c\xb7\xc0\x9a\xa6[,fUU\xef\xbb\xe9\xc1\xe7\xfe5\x9d\x9eU\xa0\xa9\xda\xa4\xbb.\x7f~\xf6\x13\xd1\xb1\x91\xee:\x0f\xc7sF0\xcc\x00\x00\x00!\xe0x\xce]\xe7\x89\x8e\x8d|~\xf6\x13\x93\xee\xba\x9c:\t\x05\x81\x7f\xee_\xd3\xef\xbb\xe9AUU-\x163=\x858\xbc\xe0y\xdeU[?`\xc8\x85F0\xe0l\x18.\xa0\x06\xeb\xbfb\xc5\x8a!C\x86P_\xe1\xc5\xa3\x86\xce\x98\xff\x9e\xbb\xde\x13\x8ek\x7fM\xd5\x1cN{\xf9\xf1\x8a\x1b&amp;\xde\x92\xbfs\x0f=+\xc3\xe6\xb0&gt;\xfe\xda}\xfd\x86\xf7v\xd7\xb9\t\x01F_\x07\x83\xd3\xc1\x98@\x08\x1c\x91\x8e\xb5\xdfox\xee\x9eW\xbcn\x1f}yr\xbb\xe4|4\xef\xbd\x84\xd6\xf1n\x97\'\x1ck\xe01\xc6\x8e\x08\xfb\xd4\xcbo\xf9a\xc9r:\xc1\x7f\xfc\xf1\xc7\xc1\x83\x07\x1b\xc1\x00`\x08\x00\xdd\x0c\xba\\\xae\x1e=z\x14\x17\x17\x03\x00\xa2\xa2#\xbf[\xbf8:6:\x1c\xb3\xfe5M\x8b\x8d\x8f]\xb7j\xfdMW\xdd^]Y-\x99D9\xa8d\xe6\xa6?\xfe\xfa\xfd)\x99I\xf5\xb5a\x9c\xc9jp~\xd04="\xcaQRx\xe4\xb9\xbb_.\xcc?L_\xa1\x98\xb8\x98\x0f&gt;\x7f\xbb\xef\xc0&gt;U\x15Ua\xb7\'\xa6\x95\x015U5#\xfa\x8c\xa1\x05\xcf\xa9\xa9\xa9\x9b7ov:\x9d\xcd\xec(\xa7?A\x98\x19\xb8\xbf\x1d]\xd7\x11B\xb7\xddv\xdb\xe1\xc3\x87y\x81\xc7\x18\xbf\xf0\xce\xffZ\xb7M\x0c\xf8\x03\xe1e\xfd\xe9Y.\xb1q1\x9f\xbc;k\xd2\x98)\xd5\x95\xd5\x82(\xc8Ae\xd8\xf8A/\xcf}\xa6Mj\xa2\xdb\xb0\xfe\x06\xe7\x00\xcfs\xeeZw\x9b\xd4\xc4\x97\xe7&gt;3l\xfc 9\xa8\x08\xa2P]Y=i\xcc\x94O\xde\x9d\x15\x1b\x17\xa3\xebzx\xad\x1a\x11B\x01\x7f\xa0u\xdb\xc4\x17\xde\xf9\x1f\xc6\x98\x17\xf8\xc3\x87\x0f\xdfv\xdbm\x08!\xc3\x11\x14N6\xeeo\x87\x9e\xf28o\xde\xbcy\xf3\xe6\x89\xa2\xa8\xc8\xcau7]3r\xec\xc5aW\x0cI\'ddt\xe4{\xaf}\xf8\xf0\x1d\x8f\xf9\xfd\x01\x08\xa1\xaa\xa8\xb7&lt;6\xf9\xd1\x97\xef\x11\x04\xde\xef5\x8a\xbc\x0c\xce\x15\x8e\xe7\xfc\xde\x80 \xf0\x8f\xbe|\xcf-\x8fMV\x15\x15B\xe8\xf7\x07\x1e\xbe\xe3\xb1\xf7^\xfb02:\x12\x9c|\xe5\xc2\x05\x9e\xe7\xebj]#\xc7^|\xddM\xd7(\xb2"\x8a"\x9d\xf5\xf4\xf0\x80\xa6\x1e]S\xd2r]@\xb4\xe2\xb7\xba\xba:77\xb7\xa6\xa6F\xd7\xf5\x0e\xb9\xd9K\xd6|\xa5\xaaZx5\xfc\xc1\x18#\x04\xad6\xebC\xb7?\xf6\xf9\'_\x08\xa2\xa0\xa9\x9a\xc9,\xdd\xfe\xc4\r\x97M\xb9\xa4\xae\xda\x05\x014\xce\xec5\xf8\xa3\x10L\x08 \x911\xce\xaf&gt;Y\xfa\xf6S\x1f\x05\x032/\xf0\xaa\xa2^5\xe5\x8a\x17\xde\xfe?\x9f\xd7\x87q8%S\xd2I-\x08\xfc\xa8\xfe\x97\xed\xcb/\xe08.:::???&amp;&amp;\x06\x84g\x9e\xeb\xdfB\x0b\xfd\xb5\xc1\x</t>
        </is>
      </c>
    </row>
    <row r="50">
      <c r="A50" s="1" t="n">
        <v>48</v>
      </c>
      <c r="B50" t="inlineStr">
        <is>
          <t>venn</t>
        </is>
      </c>
      <c r="C50" t="inlineStr">
        <is>
          <t>What is the missing number of the part denoted with a question mark?</t>
        </is>
      </c>
      <c r="D50" t="inlineStr">
        <is>
          <t>['6', '4', '3', '7']</t>
        </is>
      </c>
      <c r="E50" t="inlineStr">
        <is>
          <t>4</t>
        </is>
      </c>
      <c r="F50" t="inlineStr">
        <is>
          <t>There are 3 overlapping circles containing the numbers [6, 1, '?']. The overlapping part between the first and second circle contains the number 7. The overlapping part between the second and third circle contains the number 5.</t>
        </is>
      </c>
      <c r="G50" t="inlineStr">
        <is>
          <t>We observe that the circles with 6 and 1 overlap to form the part 7, where 6 + 1 = 7. Hence, the pattern is most likely that the numbers in the overlapping parts are the sum of the numbers in the corresponding circles.</t>
        </is>
      </c>
      <c r="H50" t="inlineStr">
        <is>
          <t>Based on the pattern that the numbers in the overlapping parts are the sum of the numbers in the corresponding circles, the missing number of the circle where the overlapping part is 5 should be 4.</t>
        </is>
      </c>
      <c r="I50" t="inlineStr">
        <is>
          <t>b'\x89PNG\r\n\x1a\n\x00\x00\x00\rIHDR\x00\x00\x02\x00\x00\x00\x02\x00\x08\x06\x00\x00\x00\xf4x\xd4\xfa\x00\x00\x99\xebIDATx\x9c\xec\xddw\x9c\x13E\x1b\xc0\xf1\xdf\xee\xa6\x97\xab\xf4\xde\xab EQ\x10\x05,\xa0b\xc1\n\x16\x14A@@T\xb0`\x03E\xb1\x0b\x88\xa2"*X\xc0\x8e\n6@\x05\x94&amp;\xa0\x80 ]z/\xd7\x92K\xcf\xee\xbe\x7flr\x1cX^T\xae$\x99\xef\xe7\xf3\xbe*\x1c\xdc^\x9ed\xe6\x99\x99gf$]\xd7u\x04A\x10\x04AH)rY?\x80 \x08\x82 \x08\xa5O$\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Le\xfd\x00B\xd9\xd0u\xfd\x98\x7f/\xfe\xdf\xc7\xff~\x9c$I\x7f\xf8\xf7\xe3\xff)\x94\x0f\xf1\xf8\x1d\x1f\xdb?\x8bkq\xc7\xc7X\xc4\xb7|*\x1e\xdf\xe2\xff&lt;\xfe\xdf\x8b\x13\x9f_\xe1x\x92\xfe\xffZ\x04!a\xc5C\xabiZ\xd1\xbf\xc7\x1buY&gt;\xf9\x93?\xaa\xaa\xfe\xe1\xfb\x14\xefD\x84\x93+\xde\xb9\x17\xef\xe4\xe3\xb1-\x89\xd7&lt;\xfe&gt;\xd2u\xbd\xe8\xef/\xa9\xef%\xfcu|K\xe2\xf3\xab\xeb\xfa\x9f\xb6\x13\xe2\xf3\x9b\xdcD\x02\x90D\x8eo\xa0\x15E\xf9\xdb\xaf\xf7\xf9|x\xbd^\n\n\n(,,\xa4\xb0\xb0\x90@ \x80\xdf\xef\'\x1a\x8d\x12\x0eG\xd04\r\x93I\xc1l6c\xb6Xp\xd8\xed8\x1cN\\.\'.\x97\x9b\x8c\x8ct\x9cN\'v\xbb\xfd/\xbfO\xf1\xc6\xa5$;\xa8d\x16\x8f\xab\xa6i\x80\xd1\xf1\xfe]\'\xe0\xf3\xf9\x88D"\x1c&gt;|\x98\xdc\xdc\\B\xe10\xe1P\x98\xbc\xbc\\\xbc^/\xd1h\x94P8\x8c\xae\xebX\xccf\xccf3\x0e\x87\x83\xcc\xccL\x1c\x0e\x07&amp;\x93\x89\xf4\xf4t\xaaT\xa9\x82\xc5b\xc1\xedv\xff\xed\xb3\x89\xf8\xfe7\xc7w\xf6\xff/\xbe\xaa\xaa\xe2\xf7\xfb)((\xc0\xe3\xf1\xe0-,\xc4\xef\xf3\xe1\xf7\x07\x08\x04\x02\xa8j\x94p8\x8c\xae\x83\xd9b\xc6d2a\xb3Z\xb1;\x1c8\x1d\x0e\\.\x17n\xb7\x9b\xf4\xf4\x0c\x9cN\x07\x16\x8b\xe5o\x9fMUU\xe0h\xc2\'\xe2\x9b\x1cD\x02\x90\xc0\x8aw\xf8&amp;\xd3\x1fWst]\xe7\xe0\xc1C\xec\xdc\xb9\x83m\xdb\xb6\xb3u\xebV\xb6m\xdf\xc6\xee\xdd\xbb9\xb0\x7f?\x87\x0e\x1d\xa4\xa0\xa0\x80P(\xfc\xaf\x9f\xc1\xe1\xb0\x93\x91\x91I\xd5\xaaU\xa9R\xa5\nu\xea\xd4\xa5n\xdd:4h\xd0\x80:u\xeaP\xabV-233\xff\xf4\xd95M\x13\x1d\xc6_(\xde\xe1\xffU2WXX\xc8\x9e={\xd8\xb9s\'\x1b6l`\xcf\x9e=l\xda\xb4\x89\x9c\x9c\\v\xed\xda\x89\xd7\xeb\xc5\xe3\xf1\xfc\xa7\xe7p:\x9d8\x9dNj\xd4\xa8A\xc5\x8a\x15\xa9[\xaf\x1e\xb5k\xd7\xa6q\xa3F\xd4\xae]\x9b\xbau\xeb\x8a\xf8\xfe\x0b\'\x12\xdfP(\xc4\x81\x03\x07\xd9\xb1#\xf6\xd9\xdd\xb6\x8dm\xdb\xb6\xb1w\xef^\x0e\xec\xdf\xcf\x91#G\xf0x&lt;Dc\x9d\xf3?%\x01.\xb7\x9b\xec\xec\xec\xa2\xcfo\xbdz\xf5\xa9S\xa7\xb6\xf1\xf9\xad[\x97\x1a\xd5\xab\xe3r\xb9\xfe\xf0gE|\x93\x83H\x00\x12H\xf1FCQ\x94?|\xe8\xf6\xec\xd9\xc3\xfa\xf5\xebY\xb9r%\xabV\xadb\xdd\xbaul\xdd\xba\x95`0\xf8\xa7\x7f\x9fb2\xe3NK\'=#\x13\x97;\r\x97\xdb\x8d\xdd\xee\xc0f7F\x80f\xb3\x05Y\x91\x89FU\xa2\xd10\x91p\x98` \x80\xdf\xef\xc3\xe7\xf5\xe2\xf5\x16\x90\x9f\x97K\xa1\xd7\x0b\xba\xf6\xa7\xdf#==\x9dF\x8d\x1a\xd1\xa2E\x0b\xda\xb4iK\x9b6\xadi\xdc\xb81YYY\xc7|]\xbcA\xf9\x7f#\x9fdV|\x84\x7f|\x87\x10\x0c\x06\xd9\xbcy\x0b\xbf\xae\xf9\x95U+W\xb2z\xf5j6n\xdc\xc8\xfe\xfd\xfb\xff\xf2\xef3\x99-8].\x9c.\x17\x19\x19Y\xb8\xd33Q\x14\x05\x93\xd9\x8c"\xcb\x98\xcc\x16$I"\x1a\x8d\xa0F\xa3D\xa3Q4M\xc5W\xe8%?7\x17\xaf\xb7\x80\x80\xdfO0\xe0\xff\xcb\xef\x91\x91\x91A\xe3\xc6\x8di\xd6\xac\x19m\xda\xb4\xa1M\x9b64m\xda\xf4\x0fI\x81\x88\xef\xb13%\xc7\'\xec\xd1h\x94\xed\xdb\xb7\xb3f\xcdZV\xae\xfc\x85\xd5\xabW\xb3~\xfdzv\xef\xda\x85\xaa\xfd\xf9g\xcbb\xb5\x91\x96\x9eQ\xf4\xf9u8]\xd8\xed\x0e\xacv;\x8a\xa2\xc4F\xf5F|\xa3\xd1(\xe1P\xd0\xf8\xfc\xfa\n)\xf4z\xf0\x14\x14P\x90\x9fK\xc0\xef\xfb\xcbg\xaeT\xa9\x12M\x9a4\xa1e\xcbSi\xd3\xa6\r\xadZ\x9dJ\xa3F\x8dp:\x9d\xc7|]|\xf9/\x95\xe3\x9b\x88D\x02P\xce\xfd]\xa3\xb1k\xd7.\x96-[\xc6\xc2\x85\x0bY\xb2d\tk\xd6\xac!\x12\x89\x1c\xf35\xee\xf4\x0cj\xd5\xa9O\xedz\r\xa8Y\xa7\x1e5j\xd6\xa1r\xb5\xeadU\xa8Dzf\x16N\xa7\x1b\xab\xcd\x86\xc5b\xc1l\xb1 I2\x92\x04\xf1\xdcB\x92 \xfe\x0e\xd1u\xe3\x7f\x9a\xaa\x12\x8e\x84\t\x87B\x84\x82\x01\n\xbd\x1e\xf2ss\xc89|\x88\xfd{w\xb1w\xf7\x0evn\xfb\x9d]\xdb\xb7\xb2{\xe7vB\xc1\xc01\xcf\x94\x99\x91A\xab6m\xe8x\xd6Y\x9c}\xce9\xb4i\xdd\x9a\xec\xec\xecc\xbe&amp;\x1a\x8d\xa6Dc\xf2W\x9d~4\x1ae\xdd\xba\xf5,^\xbc\x88\x1f\x17.d\xc5\xf2\xe5l\xdb\xb6\xed\x0f\x7f&gt;=#\x93Zu\xebS\xbdfmj\xd7oD\xe5*\xd5\xa8Q\xbb\x1e.\xb7\x9b\n\x95\xaa\xe2t\xb9PL&amp;\xa3c\xb0\xd9\x91\xa0(\xb8E\xf9\xa3\x0ez\xfc_\x80p(L \xe0#\x12\x0e\x13\x0e\x878|p?\x85^/\x07\xf6\xee\xe6\xc0\xde\xdd\xec\xde\xb9\x9d\xdd;\xb6\xb1k\xe7V\x0e\xed\xdf\xf7\x87g\xca\xce\xce\xa6U\xabV\x9cu\xd6Y\x9cs\xce9\xb4i\xd3\xe6\x98\x84 &gt;\xa5\x9c\xca\xf1\xd5u\x9dM\x9b6\xb1d\xc9R\x16.\xfc\x91\x9f~\xfa\x89\x8d\x1b7\xfe\xe1\xcfW\xa8T\x85\xdau\xebS\xbb~Cj\xd6\xaeK\xb5\x9au\xa8T\xb9*\x99\xd9\x15I\xcf\xc8\xc4\xeetb\xb1X\xb1X\xad\x98Mf$Y:\x1aW\xc9\x18\xe5\x1f\xff\xf9U\xa3Q\xc2\xe1\x10\xe1P\x88`\xc0\x8f\xa7 \x9f\xfc\xdc\x1c\x8e\x1c&gt;\xc0\xbe\xdd;\xd9\xbb{\';\xb6nf\xd7\x8em\xec\xdd\xb5\x13M;v\x86\xa1Z\xb5j\x9cv\xdait&lt;\xfbl:v\xecH\xcb\x16-q:\x1d\xc7\xfcl\xa9\x12\xdfD\'\x12\x80r*&gt;b*\xde\xe9\xab\xaa\xca\xaaU\xab\x98;\xf7[\xe6\xcc\x99\xcd\xb2\x9f~"\x14&gt;:}\x9f\x96\x9eA\xa3f-8\xa5U[\x9a\xb5hE\x9d\x06M\xa8Z\xbd&amp;\x19\x99Y\xd8\xec6\x14%\xd6\x00\xa8\xa0\xaa\x1ajl\xc4\x17\xff^\xc6[A/\xd6!\x1cK*\xf6\x7f\xc6\xb4\x9f\xf1\x01W\x14\x05\xc5dBQ$\xe4X\x1b\x17\x8d\x80\xdfWH^\xcea\xf6\xec\xda\xc1\xb6\xcd\x1bY\xbfv\x15\xeb~\xfd\x85M\xeb\x7f#\x1a9\xfa\xdc\xd9\xd9\xd9\x9c}\xf6\xd9t\xeb\xd6\x8d.]\xba\xd0\xb8q\xe3\xa2\xdf\x8b7&amp;\x7f6\xe3\x91\xa8\xfe\xaaS\xc8\xc9\xc9a\xe1\xc2\x85\xcc\x993\x87\x05\x0b\x16\xfc\xa1C\xc8\xcc\xaa@\xa3\xa6\xa7\xd0\xbcU\x1b\x9a4?\x95:\r\x1aQ\xb5zM\xd23\xb3\xb1\x1f\x17_M\xd3\x89F#h\xaa\x86\xaekE1\x8e=\xc11\xff\xa0\xe8e=Z\x11.+\n\xb2$!\xc92&amp;\x93\x19E\x91\x91e\x90\x15\xd0T\x08\x87\xa2x\n\xf28|p?;\xb7\xfd\xce\xe6\xf5k\xd9\xb0v5\x9b6\xace\xd7\xf6\xad\xc7&lt;w\xa5J\x95\xe8\xd8\xb1#]\xbbv\xa3s\x97\xce4n\xd4\xe8\x98\xd7"\xd9\xe2\x0b\x14\xad\x99\x17\x8f\xaf\xd7\xebe\xe9\xd2\xa5\xcc\x9e=\x87\xef\xbe\xfb\x96\xb5k\xd7\x1e\xf3g*W\xabA\xd3\xe6-i~j\x1b\x1a7oI\x9d\xfa\x8d\xa9X\xa5*i\xe9\x19X\xadfd\x194\xcd\xf8_4\xaa\xa2\xaa\xd1c\xe2{b\x9f\xdf\xa3\x85}\xf1\x0eZVL\x98L&amp;d\x99\xa2\xf7P$\xa2Q\xe8\xf5\x92s\xe8\x00\xbbvl\xe3\xf7M\xebX\xbff\x15\x1b\xd6\xae\xe6\xf7M\xeb\x8f\xf9{k\xd6\xacI\xa7N\x9d\xb8\xe0\x82\x0b\xe8\xd4\xa9\x13\xb5k\xd7.\xfa\xbd\xf8s\x89e\x82\xf2I$\x00\xe5H\xf15\xc1x\xe6\xaci\x1a?-[\xc6\xcc\xcf?\xe7\xab\xaf\xbeb\xdd\xbauE_\xefr\xa7\xd3\xea\xb438\xbd\xc39\xb4l\xdb\x8e\xfa\x8d\x9aQ\xa1be\xacv\x13\xbaf|\x88#\x910j$bL#\xeazQ\x07~|!\xcf\xbf\xf9p\x1e}\xeb\xe8\xb1\xd1\x85^4\xdc\x90d\tY6\xa6\x9b-\x16+&amp;\x93\xd1(\xf9}A\x0e\xec\xdd\xc3\x96\rkY\xb5|\t+\x96.d\xed\xaa\x9f\x8f\x19et\xe8\xd0\x81\xcb/\xbf\x9cK.\xb9\x84f\xcd\x9a\x15\xfd\xfa\x9f5\xaa\x89$\xde\xd9\x15O\xearss\xf9\xee\xbb\xef\x99\xf5\xc5,\xbe\xfb\xf6[\x0e\x1e&lt;X\xf4{\x99\xd9\x15h\xd5\xf6\x0c\xda\x9e\xd9\x91\x16m\xdaQ\xafa\x13\xb2+V\xc6fS\xd0J8\xbe\x7f\xd8V\xa6\xebF\xa7\xa2\xeb I\xc8\xb2\x84\xa2\x98c\xc5\xa1&amp;\x14\x05\xa2Q(\xc8\xcfc\xf7\x8emlX\xbb\x9a\x95\xcb\x16\xb1j\xc5R\xb6m\xd9T\xf4w)\xb2L\xfbX|\xbbw\xefN\xd3\xa6M\x8b~/\x19\xe3\xeb\xf5zY\xb0`\x013g\xced\xce\x9c9\xec\xd9\xb3\xa7\xe8\xf7*W\xabA\xdbv\x1d8\xad\xfd\xd94ou\x1au\xea5$#+\x0b\xb3YBU!\x12\x89\x12\tG\x8c\x8e\xbe(\xbe\xd21\x1d9p\xcc\xac\xce?}\xde\xa3\xff4&gt;\xc3\xf1\xf7\x90$\x19\x89\xbd\xd9l\xc1l1\xa3\x98\x8c\xc4\xaf\xd0[\xc8\xbe\xdd;\xd9\xf0\xdb\xaf\xfc\xf2\xd3B~Y\xb6\x98\xcd\xeb\x8f&amp;2V\xab\x95N\x9d:\xd3\xe3\x8a\x1e\\\xd8\xad\x1bu\xeb\xd6-\xfa=UUKl\x07\x92\xf0\xef\x88\x04\xa0\x1c\xf8\xb3\x86c\xd3\xa6M|\xf2\xc9\'|\xfc\xf1\xc7\xfc\xfa\xeb\xafE\xbf^\xbbn\x03\xdaw:\x8f\xb3\xba\\@\x8bV\xa7S\xb9Z\r,V\x99h\x04B\xa1 \xd1H\x18M\xd5\x8e\xc9\xf4\xcb.\xf3\x8e\'\x06\xf1\xd1\x89\x84\xa2\xc8\x98-V\xacV\x0b\xb2\x02\x01_\x98\xdd;\xb6\xb2\xfa\xe7\x9fX\xbc\xe0[\x96\xfe8\x8f\x9c\xc3G;\xc1\xce\x9d;\xd3\xabW/.\xb9\xe4\x12\xaaW\xaf^\xf4\xeb\xf1)\xc6D\x18U\xc4GA\xf1\x8eM\xd34~\xf8\xe1\x07\xde\x7f\xff\x03\xbe\xfc\xeaK\xf6\xef;:\x8d\xde\xb0Is\xce&lt;\xe7\\:t:\x9f\xe6\xa7\xb6\xa5R\x95jX,\x12\x91\x08\x84\x82\xb1\xf8j\xe5#\xbe\xc7lQ\x8b\xef&lt;1\x99\xb1Z\xadX\xac\n\xba\x0e\x05y\x05\xfc\xbey\x03?/\xfd\x91\xc5\xf3\xbf\xe5\xe7\x9f\x16\x12\x0e\x85\x00\x90e\x89\xce\x9d\xcf\xa5W\xaf\x9et\xef\xde\x9dj\xd5\xaa\x15\xfd\xdd\x89\x1c_\x80%K\x96\xf0\xc1\x07\x1f0k\xd6,v\xee\xdcY\xf4\xeb\xa7\xb4jK\xc7s\xbb\xd1\xfe\xecsi\xdc\xbc%Y\x15*\xa2(\x10\x0ek\x84CA\xa2\xd1(z9\x8a/\xe8\xe8Z,\xc6\xb1bE\x8b\xd5\x86\xd5jB\x92\xc0\xeb\xf1\xb3c\xebfV.[\xc4\xa2\xf9sY\xb6h\x01\xbeB/\x00\x16\x8b\x85\xae\xdd\xba\xd1\xabg/.\xbc\xe8B\xb2cu?\xf1\x81N\xa2\xc47\x99\x89\x04\xa0\x0c\x1d\xdfp\x04\x02A\xbe\xf9\xe6k\xdez\xeb-\xbe\xfa\xea\xab\xa2)\xdbZu\xebs\xde\x85\x97\xd1\xb9kw\x9a\x9f\xda\x96\xcc\xec\x0c4\r\x82\x81\x10\xe1p\x08=6k %\xc8\x07\xaah\n\\\xd7\x91\x15\x05\xab\xd5\x86\xd5nF\xd7\xe0\xe0\xfe\xfd\xacZ\xb1\x94y\xdf\xcc\xe4\xc7\xefg\x93s\xf8\x10`\x14\x13^q\xc5\x95\xdct\xd3Mt\xe9\xd2\xb9\xe8\xef\x8aF\xa3\xe5v\xfa\xf8\xf8\x11\xcf\x9e={\xf8\xf8\xe3\x8fy\xf7\xddi\xacZ\xb5\xb2\xe8\xeb\x1a6i\xce\xb9\x17^\xca9\xe7_L\xd3\x96\xadH\xcfp\xa3F\x8d\xc2\xbfH8l\xc4W\x96b\xf5\x19\xe5\xef\xe7,\xeehR\xa0\x01\x12&amp;\x93\t\xab\xcd\x8e\xc5*\x13\x0eF\xd9\xb1\xedw\x96/\xfe\x81\xf9\xb3g\xb2\xf4\xc7\xf9\x84BF\x81jVV\x16=z\xf4\xa0w\xef\x9b\xe8\xdc\xb9S\xd1\xdf\x97H\xf1=x\xf0 \x9f\xcc\x98\xc1;\xef\xbc\xc3\xf2e\xcb\x8a\xbe\xaeE\x9b\xd3\xb9\xa0\xfb\x15t\xec|\x01\r\x9a\x9c\x82\xd3m#\x1a\x81`\xc0O4\x12AG/\x8amy\xfc9\x8f\xa7k\x1aZ,9P\x14#\xbeV\xabB4\xa2\xb3w\xf7\x0eV,\xfd\x91y\xdf|\xc1\xa2\xf9s\x8b\x92\x81\xaaU\xabr\xf55\xd7p\xe3\r7\xd0\xae]\xbb\xa2\xbf\xab&lt;\xc77\x15\x88\x04\xa0\x0c\x1c\xdf\xf1\xef\xdb\xb7\x8fi\xd3\xa61e\xca\x146m2\xa6K\xdd\xe9\xe9\x9c\xdb\xedR.\xbe\xa2\'m\xce8\x8b\xac\xecL\xa2Q\x08\xf8}D\xa3\x11\x8e\xae\xc3\'\xfe\x07\'\xbe\x86\t\x12\x16\x8b\x05\xbb\xc3\x8e$\xc1\xfe\xbd\xfbX\xfa\xc3w|3\xf3c\x16|\xfb\xb512\xc2X"\xe8\xd7\xaf\x1f\xd7\\sM\xd1\xfe\xf4\xf24b&lt;\xfeY~\xfe\xf9g\xa6L\x99\xc2\x07\x1f~H^n.\x00\x15+U\xe1\xdc\x8b.\xe5\xc2\xcb\xaf\xe1\xd4\xb6g\x92\x9e\xe9&amp;\x12\xd6\t\xf8\xfd\xa8\xd1Hl\x9a\xbd|\xfc&lt;\xff\x89\xae\xa3\xe9z,\x89\x91\xb1\xd9\xec\xd8\xecf"\x11\x8d\xed[6\xf1\xc3\xb7_1{\xd6\x0cV\xff\xfcS\xd1\x1f9\xabcG\xfa\xf5\xed\xcb\xd5W_]\x14\xdf\xf2\xd4Q\x1c\xdf\xf1\xafY\xb3\x86\xa9S\xa72}\xfat\x0e\x1f&gt;\x0c@\x8dZu\xe8v\xd9\xd5t\xbd\xe4J\x9a\xb6l\x8d\xd3e#\x1cT\t\x06\xfd\xa8Q5a\x12\xba\x13a\xb4g\x1a\x92$c\xb1Z\xb1\xdb\xadh\x1a\xec\xde\xb1\x8d\x85\xdf\xcfa\xf6\xcc\x8f\xf9i\xd1\xfc\xa2\xaf\xbf\xe0\x82\x0b\xe8\xdf\xbf?\x97]v\x19V\xab\x15(_\xf1M%"\x01(E\xc7w\xfc\x9b7of\xf2\xeb\xaf\xf3\xd6\xd4\xa9\xe4\xe4\xe4\x00\xd0\xfc\xd46\\~\xed\x8d\x9c\x7f\xf1\x15\xd4\xac[\x07]\x03\xbf\xcf\xe8\xf4\x8d\x11Br4\x1a\x7f\xa5x\x81\x9c\xc5b\xc5\xe1\xb4\x11\x8djl^\xbf\x969\xb3f0\xf3\xa3w\xd9\xb3k\x07\x00u\xeb\xd6e\xc0\x80\x01\xf4\xed\xdb\x97J\x95*\x01e\xdb\x90\x1c\xdf1\xcc\x9b7\x8f\x89\x13\'\xf2\xd9g\x9f\x15}M\xdb3;r\xd957p\xee\x85\x97R\xb5Fu\xd4xR\x17\x89 \xa5@\xd5t&lt;\xd9\x93\xa4\xa3\xc9\x80\xdf\x17d\xf5\x8a\xa5|9\xe3}\xe6|1\x83\xfc&lt;#I\xaa_\xbf&gt;\xb7\xdezk\xb9\x89o\xf1C\x98\x00~\\\xb8\x90\x97\'N\xe4\xe3\x8f?.ZO\xeft\xfeE\\vmo:v\xb9\x80\n\x95*\x10\tk\x04\xfc&gt;\xe3\xbd\x91\x12\xf1\x8d\xd51\x01V\x9b\r\xbb\xc3J(\x18\xe5\xb7\xd5?\xf3\xf5\xe7\x1f\xf2\xd5\x8c\x0f8|\xe8\x00\x00\xcd\x9b\x9f\xc2\xc0\x81\x03\xe8\xdd\xbb7\x19\x19\x19@\xf9J\xe4S\x81H\x00J\xc1\xf1k\xfc\x1b7n\xe4\xa5\x97^b\xea[S\t\xf8\x8d-r\xe7]t\x19\xd7\xdcx+\xed;\x9d\x87\xcb\xed\xc0\xef\x0f\x11\x8a\xed\xdfO\xd5\x0fD\xf1\xa2H\xbb\xc3\x81\xd5f\xe2\xc8\xc1#\xcc\x9f\xf3%\x1f\xbd\xfb\x06+\x97-\x06\xa0J\x95*\x0c\x1cx\x1b\x83\x06\xddF\xe5\xca\x95\x81\xd2mH\x8eO\xec\xbe\xfd\xf6[\xc6\x8d\x1b\xc7\xec\xd9\xb3\x010\x9b\xcdt\xbd\xf4J\xae\xbe\xf1VN\xefp\x0ev\xbb\x05_a\x90p8\x88\x84\x84\xac\xc8\x14+\xc5O\x19z\xfcl\x00E\xc1\xe9t\xa1\x98%vn\xdb\xc1\xec\x99\x1f1c\xfaT\xb6m1vAT\xadZ\x8d\x01\x03\xfa3h\xd0\xa0r\x11\xdf\xf9\xf3\xe73n\xdcx\xbe\xfc\xf2\x0b\x00\x9c\xae4.\xbd\xfa:\xae\xbc\xeefZ\xb69\x03\x93Y\xc6W\xe8\'\x12\x0e\xa7D\xa7\xffW\x8c\xcf\xaf\x11\'\xbb\xc3\x85\xc5"\xb3o\xcf&gt;\xbe\xfd\xf2S&gt;\x9e\xf6&amp;\x1b\xd6\xae\x06\xa0v\xed\xda\x0c\x1e&lt;\x98\xfe\xfd\xfb\x17m\x17\x8d\xef\x0c\x11J\x96H\x00JX\xf17\xf2\x8e\x1d;\x18\xff\xc2\x0b\xbc&gt;y2\x81@\x00E1q\xd95\xd7\xd3\xb3\xcf@Z\x9f\xde\x1eI\x92\xf0\x15\x16\xa2F\xa3\xc8b:\xec\x18\x9a\xa6\xa1k\x1af\x8b\x05\xa7\xcbA \x10b\xe9\x0f\xdf1\xfd\x8d\x97\xf9\xe1\xbbo\x00#\x11\xb8\xfd\xf6\xa1\x0c\x192\xf8\x98\x11EI5$\xc7\'v\x8b\x16-\xe2\xe9\xa7\x9f\xe6\xab\xaf\xbe\x02\xc0\xe9r\xd3\xa3\xe7\x8d\\\xd3\xfbV\x9a\x9f\xda\x06M\x03_\xa17\xd6(\x8a\xf8\x16\xa7i\xc6A2V\x9b\x1d\x87\xd3J\xee\x91&lt;\xbe\xfff&amp;\xefOy\x95_\x7fY\x0e\x18\xf1\x1d2d\x08C\x86\x0c)\x95\x8e\xe2\xf8\xf8.]\xba\x94g\x9ey\x86\x993g\x02\x90]\xb1\x12\xd7\xf4\xbe\x95+{\xddL\xfd\xc6\x8d\x88\x845|\xbeB\xb1\xed\xedO\xc4?\xbf\x16\xab\r\xa7\xcb\x86\xa7\xa0\x90\x1f\xbf\xfb\x86\xf7\xde|\x99e\x8b\x7f\x00\xa0V\xad\xda\xdcu\xd7\x9d\xf4\xef\xdf\x1f\x97\xcbu\xcc\xa1gB\xc9\x10\t@\t\x89\x8f\\%I"??\x9f\x17_|\x91\x17^x\x81\xbc\xbc&lt;dY\xe1\xca\xebn\xe2\x86~C8\xa5M[\xd4\xa8\x86\xaf\xb0\xf0\x0f\x95\xc4\xc2\x1f\x1d\x1dU(\xb8\xdcnTUc\xd9\xa2y\xbc\xf5\xcax\x16|\xfb5\x00\xf5\xea\xd5c\xc4\x88\x11\xf4\xed\xdb\x17\x93\xc9T"\xa3\xc5\xe2\x1d\xcf\xc6\x8d\x1by\xf2\xc9\'y\xf7\xddw\x01p8]\\}\xc3-\\\xd7\xf76\x1a5mF(\x14\xc5\xef\xf3!\x01\xb2\x88\xef\xdf\xd2u\x1dMU1\x99\xcd\xb8\xd2\x9c\xf8\x0b\xfd\xcc\x9b=\x8b\xb7\'\xbd\xc8\xaa\x15K\x01c\xe9\xe7\xde{\xef\xe5\xd6[o\xc5l6\x97\xc8\xf6\xb2\xe2\xf1\xdd\xb2e\x0bO&gt;\xf5\x14oM\x9d\n@V\x85\x8a\\\xdfw\x10W\xdf\xd0\x8fZuk\xe1\xf7\x87\t\x06\xfcE\xe7b\x08\x7f-\x1e_\xc5d\xc2\xe5v\x11\x0e\x85Y8o\x0eoOz\x81\xa5?\xce\x03\xa0i\xb3f\xdc\x7f\xff\xfd\xdc\xd4\xbb7 \x96\x05J\x92H\x00N\xb2\xe3G\r\xef\xbc\xfb.\x8f?\xf6\x18\xbf\xff\xfe;\x00\x17\xf7\xb8\x96\xbeC\xee\xa6\xd5\xe9\xed\x88\x84U|\xbeB\xb17\xf6_\x8a7\xfc.w\x1a\xba\xa6\xb1h\xfe\x1c^\x7f\xf1Y\x96-Z\x00@\xfb\xf6\xed\x19=z4\x17\\pA\xd1\xd7\xff\xd7\x04\xab\xf8:\xb0\xc7\xe3\xe1\xf9\xe7\x9f\xe7\x85\x17^\xc0\xeb\xf5\xa2(\nW^\xd7\x87&gt;\x83\xee\xa2I\x8bS\x08\xfa#\x04\xfc\xbe\x94\x9e\x06\xfe\xb7\xe2\x89\x9e\xa2(\xb8\xd2\xdc\x04\xfc\x01\xe6~1\x837\'&gt;\xcf\x86\xb5\xc6\xb6\xd83\xce8\x83G\x1f}\x94\x0b/\xbc\x100\xea\x03\xfe\xecN\x8c\x7f\xa2x|\xbd^/\xe3\xc6\x8dc\xec\xb8qx=\x1e\x1cN\x17\xd7\xf7\x1d\xc4\xf5\xfd\x06S\xbb^\x1d\xfc\x85\xc6I\x98\xb2b\x1c\x8a%\xfc3\xf1\x8e\xdd\xe5v\x13\x89DX0\xe7\x0b\xdex\xe99V\xad0\nB;w\xee\xcc\xe8\xd1\xa39\xe7\x9cs\x8a\xbe^\x0c\x90N.\x91\x00\x9cD\xc5\xdf\xa0+W\xae\xe4\x81\x07\x1e`\xee\xdc\xb9\x00\xb4;\xab\x13\xb7\r\x7f\x90\x8e]\xba\xa2\xaa*\xbeB\xd1\xf1\x9f,\x9a\xaa\x82$\xe1NK#\x1c\x0e3{\xe6\xc7L\x1a\xf7d\xd1\x89e}\xfa\xdc\xc2\xe8\xd1\x8fR\xabV\xad?\x14r\xfd\x13\xc5;\x98\x193f\xf0\xf0\xc8\x91l\xdc\xb0\x01\x80\xce\x17\\\xccmw?\xc4igv \x14\x8a\x10\xf0\xf9\x8cQ\x8b\x88\xef\x7f\x16\xef(\xd2\xd2\xddx\n&lt;|\xfa\xde[\xbc\xf1\xe2\xb3\x1c\xd8\xbf\x17\x80\x1bo\xec\xcdc\x8f\x8d\xa6n\xdd\xba\xc7\xdc\xa6\xf7o\xbeO\xfc\xf3\xfb\xe9\xa7\x9f\xf1\xf0\xc3\x0f\xb3a\x83\xf1\x1e\xea\xd1\xb37\xfd\xef\xb8\x8f&amp;-N\xc1\xef\x0b\x11\x0c\x04D\xd5\xfaI\x12\x8f\xaf;\xcdM\xc0\xef\xe7\x8bO\xde\xe7\xb5\x17\x9e*:Qr\xe0m\xb7\xf1\xc8\xa8QT\xadZ\xf5?}~\x85?\x12\t\xc0IP|\xd4\x1f\x08\x04x\xea\xa9\xa7x\xf6\xd9g\t\x85BT\xabQ\x9b\xc1\xf7&gt;L\x8f\x9e\xbd\xb1\x98\xadx&lt;\x05\xa2\xe3/!\xc5;\x8a\xbc\xdc&lt;\xa6\xbd&gt;\x917_z\x8e\xc2B/\x15+U\xe2\x891c\xe8\xdf\xbf?\xf0\xcfF\x8b\xc5\xd7"w\xee\xdc\xc9\xfd\xf7\xdf\xcf\x07\x1f|\x00@\x83\xc6\xcd\x18r\xefH.\xeaq-\x00\x85^\x8f\x98\n.!\xaa\x1a\xc5d2\x93\x96\xeed\xcf\xae=\xbc9\xf1y\xde{\xf3\x15"\x91\x08\x15*T`\xf4\xe8\xd1\x0c\x1e&lt;\x18\xf8o\xf1}\xe0\x81\x07y\xff\xfd\xf7\x00h\xdd\xae\x03CG&lt;\xc2\xd9\xe7v%\x12\x8e\xe0\xf3\xf9D\xc7_B\xe2\tXZ\xba\x8bC\x07\x0f\xf1\xf6\xa4\t\xbc\xf5\xcax\x82\xc1\x00\xd5\xabW\xe7\x89\'\x9e\xe0\xe6\x9bo\x06N\xcel\x8f \x12\x80\xff,~\xa2\x15\x18E`w\xddu\x17\xbf\xfc\xf2\x0b\x007\xdc:\x84A\xc3\x1f\xa4j\xf5j\x14\xe4{EAK)Q\xa3QL\x16\x0bii\x0e6\xac\xfd\x8d\tO\x8db\xee\x97\xc6V\xbc\xee\xdd\xbb3~\xfcx\x1a6lxBk\x8b\xc5G\x85o\xbd\xf5\x16\xf7?\xf0\x00\x07\x0f\x1c\xc0j\xb5\xd2\xe7\xb6a\xdcz\xc7\xbddfgQ\x90\xef\x01tdY\xc4\xb7$\xc5\x93m\x9b\xcd\x86\xc3ec\xc5\x92%\x8c\x1f\xf3P\xd1\xb2O\xd7\xae]\x19?~&lt;\xcd\x9a5;\xa6\x0e\xe7\xaf\x14\x8f\xef\xd4\xa9Sy\xe0\x81\x078x\xf0 \xe9\x19\x99\x0c\xbeg$\xd7\xf5\xbd\r\x9b\xcd\x8e\xa7@$\xee\xa5E\x8dF1[\xad\xb8\xddv\xd6\xac\\\xc5\x0bO\x8ed\xc1\\\xa3\xb0\xf6\x8a+\xae`\xec\xd8\xb1\xd4\xad[W\xd4\x06\x9c\x04"\x01\xf8\x0f\xe2Yh$\x12a\xcc\x981\x8c\x193\x06M\xd3h\xd6\xa25\xf7\x8d~\x96\xb3\xcf;\xdf\xd8\xee\x15\n\xa2\x88l\xb5T\xc5;\n\xa7\xcb\x89\xa2\x98\x98\xf9\xe1\xbb\x8c\x1b\xf3\x10\x07\xf6\xed!++\x8bg\x9f}\x96~\xfd\xfa\x01\x7f\xbd\xb6\x18\x8f\xef\xc1\x83\x07\x196l\x18\xef\xbf\xff&gt;\x00m\xcf&lt;\x8b\xfb\x1f{\x9e\xb6g\x9e\x89\xd7cl\xf7\x12\xf1-]\xf1\xf8\xba\xd3\xd2Q\xd5\x08\xef\xbd\xf9*\x13\x9f\x1dMA~\x1e\xe9\xe9\xe9&lt;\xf9\xe4\x93E\xb3\x01\x7f\x16\xdf\xe2\xb3v\xfb\xf7\xefg\xf8\xf0\xe1E\xb3:\x17\\r\x05w\x8f|\x8aFM\x1bS\x90_(\xd6\x9e\xcb@&lt;&gt;.\x97\x1bI\x82O\xde\x9b\xca\x0bO&lt;\xcc\x91C\x07\xa9X\xb1"\xcf=\xf7\\\xd1l\x80\x88\xcf\xbf\'\x12\x80\x7f\xa1\xf8\x94\xe1\x86\r\x1b\x18x\xdbm,\xfc\xf1G\x00n\x1dz/\x83\xee~\x18wZ\x1a\x9e\xfc|\xb1\x9d\xaf\x8c\xc5\x8f\x1c\xce\xc8Jg\xf7\xce]&lt;?z\x04_\xce0\x1a\xfa\x1bo\xbc\x91\x17^x\x81\xec\xec\xecc\xa6\x14\x8b\x8f\x1c\xbf\xf9\xe6\x1b\x06\x0f\x19\xc2\x8e\xed\xdb\xb1Zm\x0c\xbe\xe7!\xfa\x0e\xb9\x07\xb3\xc5\x82\xd7\xe3\x11\xd3\xc1eL\x8b\x1d\xb0\x93\x91\xe9f\xd3\xba\r&lt;5\xf2n~\x8cm\x0b\xbd\xe6\x9akx\xf1\xc5\x17\xa9R\xa5\xca_\xc6\xf7\xab\xaf\xbeb\xc8\x90!\xec\xdc\xb9\x93\xcc\xacl\xeey\xe4i\xae\xbe\xb1/\xd1\xa8\x8a\xdf\xe7\x13\xd3\xcce,\xbe\xe6\x9f\x91\x99\xc6\x8em\xdbx\xee\x91\xfb\x98=k\x06\x00}\xfa\xf4a\xdc\xb8qdff\x8a%\x81\x7fI$\x00\xffP\xf1\xc6c\xfa\xf4\xe9\x0c\x1d:\x94\xbc\xbc&lt;\xea6h\xc4\xc8\xa7_\xa4S\xd7nx\x0b|E\'\x96\t\xe5C4\x1a\xc5f\xb7c\xb5Z\xf9d\xda\x9b&lt;3\xea^\n\xf2\xf3h\xdc\xb81o\xbc\xf1\x06\x1d;vDU\x8d\xbd\xe8\xf1\x86d\xd4\xa8Q&lt;\xfe\xf8\xe3\x004k\xd9\x9aQ\xcfN\xa4\xddY\x1d(\xc8\x13\xa3\xc2\xf2&amp;\x1a\x8d\xe2t:\x91d\x99\xb7\'\xbd\xc0\x84\'G\x11\x08\xf8\xa9[\xb7\x1e\xaf\xbf&gt;\x99\xf3\xce;\xef\x98+\xb65Mc\xe4\xc8\x91&lt;\xf9\xe4\x93\x00\x9c}n7\x1ezj\x02\r\x9b6&amp;?\xd7\x03\x88B\xb3\xf2$\x1a\x8dbw80\x9b\xcd|\xf8\xf6d\x9e}\xe4&gt;\n\xbd\x1e\x9a6k\xc6\x9bo\xbcA\xfb\xf6\xed\xc5\x92\xc0\xbf \x12\x80\x7f \xde\xe8G\xa3Q\xee\xbd\xf7^^x\xe1\x05\x00.\xbd\xfaz\x1exb\x1c\x15+U&amp;?/_\x8c\n\xcb)=v\xa2[fv:\x1b\xd6\xfe\xc6#\xf7\x0c\xe6\xe7\xa5\x0b\xb1X,&lt;\xff\xfc\xf3\x0c\x1d:\x14\x80\xfd\xfb\xf7\xd3\xbf\x7f\xff\xa2\x03}z\xf5\x19\xc8\xbd\xa3\x9f\xc1\xe5J\xc3SP\x80\xc9\xa4\x90\x8a\'\xf7\x95wFr\x0e\x19Yi\xfc\xb2\xf4\'F\xdd=\x88\rkW\xa3(\nO&gt;\xf9$\xf7\xddw\x1f`\\\xcat\xeb\xad\xfd\x993g6\x92,s\xc7\x88G\x19x\xd7\xfd\xb1\xeb\xaa\xc5\xa8\xbf\xbc2f\x03t2\xb3\xd2\xf9m\xf5\xaf&lt;r\xcf`V-_\x82\xd5je\xdc\xb8q\x0c\x1e&lt;\xf8?\xed\x02IE"\x018A\xf1)\xa6\xbd{\xf7\xd2\xa7O\x1f\xbe\xfb\xee;,\x16\x0b\xf7\x8e~\x96&gt;\xb7\xddI \x10 \x1c\x0c\x89\xb5\xe0\x04\x10\x8dFq\xb9\\D"a\xc6&gt;\xfe oO\x9a\x00\xc0\xa0\xc1\x83\xb9\xe6\xea\xab\xe9\xd7\xaf\x1f\xdb\xb7o\xc7\x9d\x96\xc6CON\xe0\x9a\xde}\xf0z\xc4\xacN\xa2\x88F\xa3\xa4\xa5\xa5\xe3\xf5\x16\xf0\xe4\x83\xc3\xf8\xf4\xfd\xb7\x00c\xca\xb8g\xcf\x9e\x0c\x180\x80\xdd\xbbwS\xbdfm\x1e\x1f\xff\x1a\x9d\xbbu#?\xd7+:\x8e\x04\x11\x8dFq\xb9\xdd\x84\x83A\x9e{\xec~\xa6\xbd&gt;\x11\x80\x81\x03\x07\xf2\xe2\x8b/b\xb1X\xc4\x0c\xdd\t\x12\t\xc0\t\x88w\xfe\xcb\x97/\xe7\xba\xeb\xaec\xdb\xb6m\xd4\xac]\x8f\xa7&amp;N\xa1C\xa7N\xe4\xe5\x14\x14]\xc7+$\x06MU\x91M\nii.&gt;zg\n\xe3\x9f\x18\xc9\xa1\x03\xfb\x8a~\xbfE\xeb\xd3x\xe4\xb9\x97i\xd3\xae\x1d\xb9GD-G\xa2QU\x15\xb3\xd9\x8c\xc3\xe9\xe0\xadI\x13\x984\xf6Ir\x8e\x1c*\xfa\xfd.\xdd.\xe1\xe1\xa7&amp;P\xabn=\xf2\xf3\xf2\xc5\xa8?\xc1\xc4\x0b8\xddiN&gt;|{\n\x8f\xdf\x7f\x07\x01\xbf\x8f.]\xba0}\xfat\xaaV\xad*\xea\x02N\x80\xe8\xb1\xfe\x8f\xf8\x9bh\xc6\x8c\x19\x9c\x7f\xfe\xf9l\xdb\xb6\x8d\xf6g\x9f\xcb\xbb_\xcc\xa7\xddY\x9d\xc8\x89w\x0e\xa2\xf3O(\xb2\xa2\xa0\xa9\x1a\xb99y\xf4\xbb\xbd/\xe7w\xefQ4\xfa\xb3\xd9\xed\xdc\xf1\xc0ct\xec\xd2\x8e\x83\xfb\x0f\xa3\x98L\xa2\xf3O0\x8a\xc9D$\x12\xc6\xeb\xf12\xf8\xee;iwV\xa7\xa2\x18\xba\xdcn\xfa\xdf1\x82\xc6\xcd\xeb\x91s\xf8\x88\xe8$\x12\x90\xa2(h\x9aF^n&gt;\xbd\xfa\xf4\xe5\xadO\xe7R\xabn}\xe6\xcf\x9fO\xa7N\x9d\xf8\xf5\xd7_1\x99LD\xa3\xd1\xb2~\xd4rM\xf4Z\x7f\xa1\xf86\xa1\x89\x13\'r\xf5\xd5W\xe3\xf5z\xb9\xea\xfa[x\xed\x83/\xa9P\xa9\n\x9e|1rHT\xc6.\x0e\x99\xb4\xf4\x0c\xee\x1d4\x8c\xf7\xde|\x05\x80:\xf5\x1b\x11\x0c\x04\x181\xf8f&gt;\xfb`\x16\x95\xabU\x14\x8dH\x02\xd2\xa2Q,\x16+f\x8b\x99A7\xf6\xe6\x9b\x99\x1fc\xb1Xi\xd8\xa49\x85^/\x83{\xf7\xe0\xcb\x19_P\xa9j\x05\x11\xdf\x04%I\x12\x8ab"\xe7H&gt;\xad\xdbu\xe0\xdd\x99\xf38\xbd\xc39l\xd9\xb2\x85\xf3\xce;\x9fo\xbf\xfdV$\x01\xff\x87H\x00\xfeD\xf1m~\x8f&lt;\xf2HQq\xd8\xed\xf7\x8d\xe2\xe9\x97\xa7\xa0i\x1a\xa1`@\xac\xf7\'\xa8x%\xb8\xd9b\xe1\xfe\xdbo\xe1\xedI/ \xcb2\xa3\xc7M\xe2\x8b\x85?\xd3\xed\xb2\xab\xc9=r\x98;n\xb9\x86\x19\xd3\xa7\x91]1\x03U4"\tCUU\xac6\x1b\x91H\x98\xdbo\xba\x8aY\x1fM\xc3\xe1t2\xee\xf5\xf7\xf8l\xc1r\xba]z\x15\xf9\xb99\x0c\xed#\xe2\x9b\x0cL&amp;\x13\x9e\xfc|*T\xaa\xc2\xeb\x1f~\xc5\xc5W\\KN\xce\x11.\xbd\xf4R&gt;\xfe\xf8c\x91\x04\xfc\r\x91\x00\x1c\'^E\xaa(\n\xc3\x86\r\xe3\xb1\xc7\x1eC\x96e\x1e}\xfe\x15\x86?&lt;\x1aOAA\xec\xf4?Q`\x92\x884\xcdX\x1b\x96$\xb8\xab\xdfu|\xf6\xfe\xdb8]n&amp;\xbe=\x83\xeb\xfb\xf6GUe&amp;L\xf9\x90\xde\xfd\x87\x12\t\x87\xb9w\xd0M\xbc3\xe9U\xb2*f\xa0\xaa\xa2\x11)\xefTU\xc5\xeepP\xe8\xf5p\xdbu\x97\xf1\xc3\xb7_S\xb1rU\xde\xf8\xe8\x1b\xba]v\x05\xd1\x88\xc6\x84\xa9\x1f\xc5\xe2\x1b:6\xbe\xa2\x93HX\x8a\xc9D0\x10@\x92d\xc6\xbd\xfe&gt;\xbd\xfb\x0f%\x14\n\xd1\xb3gO\xde|\xf3M\x91\x04\xfc\x05Q\x04XL\xf1\x91\xff\xa0A\x83\x984i\x12V\x9b\x8d\xa7^\x9a\xc2\x15\xbd\xae#\xe7\xb0(\x06KdF\xe7oA\xd3T\xee\xec\xdb\x8b\x1f\xbe\xfd\x8a\xac\xec\x8aL\x98\xf2!\x1d\xbat1\x8a\xfdb\xfb\x88\xd32\xdc\x8c{|\x14\xaf&lt;o\x9c\x03\xf0\xe0\x13\xe3\xb9u\xe8]\xe4\xe6\x14\x88\xea\xe2r\xca\xe8\xfc\xed\x14\xe4\xe6r\xdb\r\x97\xb3f\xe5rj\xd6\xa9\xc7+\xef~F\x93SZ\x92\x9f\x97\x87"+ I\xa4\xa5\xbb\x19\xf7\xf8H^\x19;\x06\x10\xf1M\x16\xf1sZ\xd2\xd2\xdd\x8c\x1b3\x92W\x9e7\xe2\xfb\xca+\xaf0h\xd0 Q\x18x\x1c\x91\x00\xc4\x14\xef\xfc\x07\x0c\x18\xc0\xeb\xaf\xbf\x8e\xc3\xe9b\xdc\xeb\xef\xd1\xf5\xd2K\xc99,\xd6\xfb\x13\x99\xa6i\x98\xccf\xd05n\xbf\xf9j\x16~?\x9b\x8a\x95\xab\xf0\xca\xb4\x99\xb4&gt;\xbd\x1dy\xb9y\x98Lf &gt;\x0b\xa4\x91\x99\x95\xce\xcb\xcf=\xcd\xd8\xc7\x1f\x00\xe0\x811\xe3\x18p\xe70r\x8e\xe4\xa3(\xe2\xbdP\x9e\x14u\xfey\xb9\xf4\xefy\t\xeb~\xfd\x85z\r\x9b0\xe9\xfdY\xd4\xae\xdb v~\x83\x11\xb3c\xe3\xfb\x14c\x1f\x7f\x10\x10\xf1M\x16\x7f\x15\xdf\x89\x13\'2d\xc8\x10\x91\x04\x14#\x12\x00\x8e\xed\xfc\x07\x0f\x1e\xcc\xab\xaf\xbe\x8a\xcb\x9d\xc6\x0bo~\xc8\xb9\x17^H\xce\x91\xa3\x9d\x83\x90x4MC1)(\xb2\xcc\x1d\xb7\\\xcb\xfc9_R\xa9J5^{\x7f\x16\xa7\xb4jK~\xde\x1f\xe3\x1b\x7fOdUHg\xd2\xb8\xe7y\xf6\x91{\x01\x18\xf9\xccK\xdc2\xf8vr\x0f\xe7\x8b\x1a\x90rB\x8b\xad\xf9\x17\x16z\x18\xd0\xf3\x12\xd6\xac\\N\x83&amp;\xcd\x99\xfc\xc1\x17T\xabQ\x0b\xaf\xc7\xfb\x87\x06\xff\xaf\xe2;\xea\x99\x89\xf4\x19&lt;D\xc47\xc1\xfdU|\'O\x9eL\xff\xfe\xfdE\x12\x10\x93\xf2\t@\xf1j\xff{\xee\xb9\x87\xb1c\xc7\xe2p\xba\x980\xe5#\xce\xbb\xe8"r\x0e\xe7\x19#G!!\xe9\xba\x8e$\x19[\xfb\x86\xdfz=\xdf\xcc\xfc\x98\n\x15+3\xf9\x83/i\xd1\xe6\xb4?\xed\xfc\x8bS\xd5(\xd9\x152x\xf9\xb9gx\xfe\xb1\xfb\x01xj\xe2Tz\xde\xdc\xc7xo\x88\xc4\xb0Li\x9a\x86\xd9l&amp;\x1a\x8d\xd0\xbfgw~\xf9i\x11\xf5\x1a6\xe1\x8d\x8f\xbf\xa6j\xf5Z\xf8\xbc\xde\xbf\xed\xc8\xff,\xbeOO\x9c\xca\xb5"\xbeI\xe1\x8f\xf1\x95x\xef\xbd\xe9\\w\xddu"\t@\x14\x01\x16u\xfec\xc6\x8ca\xec\xd8\xb1X\xad6\x9e\x7fm\x9a\xe8\xfc\x93@\xbc\xa0\xd3\xe5v\xf3\xc8\xf0A|3\xf3c\xd23\xb3x\xf9\xddO\x8d\xce?\xf7\xff7\xf0\xc66\xa3\x02\x06\xdf3\x82\xa1#\x1e\x05`\xd4\xb0\x81|\xf3\xf9\xe7deg\x8a\xc2\xa22\xa4\xeb\xc6VNY\x96\x18\xd6\xaf\x17\xbf\xfc\xb4\x88\x9au\xea\xf1\xda\xfb\xb3\xa8V\xa3\x16\x85\xff\xa7\xf3\x87c\xe3{\xfb}\x8f\x020r\xf8@f\x7f&gt;S\xc47\t\xfc\xf1\xf3\xab\xd3\xa7O\x1ff\xcf\x9e-\n\x03I\xf1\x19\x80x\x06\xf8\xfa\xeb\xaf3`\xc0\x00\x14Y\xe6\xe9\x97\xdf\xe2\xaa\x1b{\x8b\xec?\t\xa8j\x94\xac\xec\x0c\x9e{\xf4a^\x1d\xf7\x04\x0e\xa7\x93\x89\xef|\xca9\xe7u%/\xe7\xc4\x93\xbb\xf8\x9abFf:\x8f\xdf?\x9c\xb7^\x1d\x8f\xcb\x9d\xc6\x1b\x1f}M\x9b3\xce\xc2\x93/\xa6\x8bK[&lt;\xb9s\xa7\xb9\xb9w\xd0\xcd\xcc\xfc\xf0]*V\xae\xca\x9b\x9f\xcc\xa6q\xb3\x16\xc7\xac\xf9\x9f\xd8\xdfe\xc4\xf7\xb1\x11\xc3x{\xd2\x0b\xb8\xd2\xd2\x8d\xf8\xb6\xeb \xe2\x9b\xe0\xfe,\xbe\xe9\xe9\x19|\xff\xfdw\xb4m\xdb6\xa5\x8f\rN\xd9\x04 \xde\xf9\x7f\xfd\xf5\xd7\\v\xd9\xe5\xa8j\x94\x87\x9e|\x81[\xef\xb8\x93#\x87D\xe7\x9f\xe8\xa2\xd1(\xd9\x153x\xf7\xb5I&lt;r\xcf dE\xe1\xf9I\xd3\xe8\xd1\xab\x179\x87\xfe\xf9\xcc\x8e\xf11\xd1q\xb9\xd3\xb8g`of}&lt;\x8d*\xd5j\xf0\xee\xac\xf9T\xafU\x1b\xbf\xcf\x9f\xb2\x8dHY\x88\'wO\x8f|\x80\xc9\x13\x9e\xc6\xe5Nc\xf2\x07_r\xfaYg\x93\x9f\xfb\xcf\x0bv\x8f\xc6\xd7\xcd\xdd\x03z\xf3\xc5\'\xd3\xa9R\xbd\x06\xd3f-\xa0Z\xcdZ"\xbe\t\xaex|\x8d\xcf\xeftj\xd5\xaa\xcd\xa2E\x0b\xa9Y\xb3flkw\xeaM\x88\xa7d\x02\x10\xcf\xf8\xd6\xae]K\xa7N\x9d\xc8\xcb\xcb\xa3\xff\x1d\xf7\xf1\xc0\x98g\xc8\xcd\x11\x15\xc0\x89.\x1a\x8d\x92\x91\x99\xc1\x8f\xdf\xcda\xd0\x8d\x97\x13\x0e\x85\x8a*\xbc\x8f\xfc\x8b\xce?N\xd74dEA1)\x0c\xecu)K~\xf8\x8e\xe6\xa7\xb6\xe1\x9d\xcf\xbf\xc7d\xb1\xa0F\xa3HR\xea5"\xa5-\x1a5\xd6u\xa7\xbd9\x99Q\xc3\x06b2\x99\x18\xff\xc6\x07\\|\xe5U\xe4\xfe\x87\x82\xddx!\xb0b\x92\x19\xd0\xf3R\x96\xfe\xf8=\xa7\xb4:\x8d\xb7g~\x87I1\xa3\xaa\xaa\xd8\x02\x9c\xc0\xfe,\xbeg\x9cq\x06\xf3\xe6\xcd\xc3f\xb3\x15]\xf3\x9eJR\xae\xb5\x8a\xdf\xf8\x95\x9b\x9b\xcb5\xd7\\K^^\x1e\x17_\xd1\x93{\x1f}\x9a\xfc&lt;\x8f8\xe0\'\xc1\xa9\xaa\x8a\xd3\xe5d\xdb\x96M\x8c\x18r3\xe1P\x88\xde\xfd\x87r\xeb\x1d\xc6\xf6\xae\xffR\xd3!\xc92\xaa\xaa\x02\x12c\'O\xa3~\xa3f\xac\xfbu%\x0f\xdcq+6\x9b\x9d\xd4K\xa5K\x9f\x1aK\xee\x16\xcd\x9f\xcf\x93\x0f\xdc\x05\xc0=\x8f&lt;\xc3%W]E\xee\x7f\\\xb6\x93c\xf1\x95\x90\x19;y\x1a\xf5\x1a6\xe1\xb7\xd5?\xf3\xf0\x1d\xfd\xb1;\xec\xa4\xe0X)\xa9\x1c\x1f\xdf\xfa\x8d\x9a\xb0l\xd92\xfa\xf7\x1fP\xf4{\xa9&amp;\xa5\x12\x80\xf8\xd6\x10I\x92\xb8\xe9\xa6\x9b\xd8\xb4i#\xa7\xb6=\x83\'^|\x83\x80?\x80\xae\x93r\x19`2\xd1u\x1d\x93\xc9D(\x18\xe4\x9e\x81\xbd9r\xe8 \x9d.\xb8\x98\x07\x9f\x1c\x87\'\xcf{R\x92;Y\x96\t\x05\x83dfWd\xfc\x1b\xef\x91\x91\x99\xc5\xdc/f\xf0\xd23\xa3\xc9\xccNK\xf9\xa2\xa2\x92\xa4\xa9\x1av\x87\x9d=\xbbv0b\xf0\xcd\x04\x83\x01\xae\xeb;\x88\xfew\x0e\xff\xcf\xc9]\x9c,\xcb\x04\x83A\xb2*Tb\xdc\xeb\xef\x91\x9e\x91\xc973?\xe6\xe5\xe7\x9e 3K\xc47\xd1\x15\x8f\xef\xd8\xc9\xef\x91\x9e\x99\xc9{\xefM\xe7\xd9\xe7\x9eK\xc9\xa2\xc0\x94J\x00\xe2S\xff\xa3F\x8d\xe2\xab\xaf\xbe\xa2r\x95j&lt;\xff\xda4\xacV+\x91H$%\xd7\x80\x92\x89\xa6i\xb8\xdcN\x1e\xbf\xffN\xd6\xaeZA\xdd\x06\x8dyz\xe2\x14\xa2\x91(\x9a\xae\x9f\xb4\xe4NQ\x14\xbc\x1e\x0f\xcdO=\x95\xd1c_C\x96e^\x19;\x869\xb3f\x91\x99\x95\x91r\x8dH\xa9\xd0ud\xc5\x88\xdf\xfdC\xfa\xb2\x7f\xefn\xce&lt;\xbb\x0b\x0f=9\x1eO~\xe1I\x9d\xb93\xe2[@\x8b\xd6\xady\xf4\xf9W\x90d\x99\x89\xcf\x8d\xe6\xbb\xaf\xbf&amp;#S\x1c\x19\x9c\xe8\x8e\x89\xefs\xaf"\xcb2\x0f&gt;\xf8 \xf3\xe6\xcd\xc3d2\xa5\xd4L@\xca\xf4x\xf1\xed~_}\xf5\x15c\xc6\x8c\xc1l6\xf3\xf8\x0b\xafS\xb7A\x03|\x85&gt;Q\xe0\x93\xe0\xa2\xd1(Y\xd9\xe9L\x7f\xf35&gt;}o*\x0e\xa7\x8bg^y\x8b\xac\n\x95\x08\x05\x83\'=\xb93\x99L\xe4\xe6\xe4s\xd95W3p\xd8\x03h\xaa\xca\xa8\xe1\xb7\xb1s\xdb6\x1c\x0e;\x9a\xa6\x9d\xd4\xef\x97\xeaTU%=\xc3\xcd\xd8\xc7\x1fb\xd9\xa2\xf9T\xad^\x93\xa7_~\x0b0\x0e\x02:\xd93w&amp;\x93\x99\xdc\x9c|z\xf4\xec\xc5\xad\xb7\xdf\x8b\x1a\x8d2j\xf8@\xf6\xee\xda\x89\xcd.\xe2\x9b\xe8\x8e\xc6\xb7\'\xfd\x86\x1a\xf1\xed\xd3\xa7\x0f\x07\x0f\x1eD\x96\xe5\x94\x89oJ\x14\x01\xc6\xa7\xfd\xf7\xed\xdb\xc7i\xa7\x9d\xce\x81\x03\xfb\xb9\xe3\xfe\xd1\xdc\xf5\xd0(\xb1\xdd/\th\x9a\x8a\xc3\xe9d\xd3\xfa\xb5\xdcxIg\n\xbd\x1e\x1e}\xee\x15n\xbam\xd0\xbf\xaa\xf8?q:\xba\x0ev\x87\x9d\xfe=/a\xd1\xbc9t\xe8t&gt;o~\xfc5\x81@P,\'\x9d$j4JzV\x06sg}\xc6\xed7_\x85\xc9lf\xd2\xf4Y\x9cs~7\xf2\xf3J\xf2\x88n#\xbe6\xbb\x95~W_\xcc\xd2\x1f\xbf\xe7\x9c\xf3/b\xf2\x07_\xe0+\xf4\x89\x19\xc3\x84\x17\x8b\xaf\xcdJ\xbfk\x8c\xf8^z\xe9\xa5\xcc\x9a5+e\x0e\tJ\x89w\xb0\x1e\x9b\xfe\xbd\xf5\xd6[9p`?\xe7\x9cw!\x83\xefy\x88\xfc\x1c\x8f\xe8\xfc\x13\x9cQ\xd4\xa9\x10\x0e\x85\x18y\xd7@\n\xbd\x1e.\xbd\xfa\x06n\xec?\x88\xdc#\x05%|\x90\x93Tt\x92\xe4\xe3\xe3_\xa3r\xd5\xea,\xf9\xe1;&amp;\x8d\x7f\x9a\x8cL\xb7X\n8\ttM\xc3j\xb7\xb3w\xd7.\x1e\x1b1\x14]\xd7\x198\xec\x01\xce\xbd\xb0[\xec\x14\xc7\x92l\xa4\x8d\xf8\xea\x1a\x8cy\xe15*T\xaa\xcc\x8f\xdf}\xc3\x9b\x13\xc7\x8az\x80\xa4\x10\x8b\xafn\xc4\xb7b\xa5*|\xf1\xc5\x17\xbc\xf8\xe2\x8b)S\x0f\x90\xf4\t@|\xdd\xff\xc5\x17_d\xf6\xec\xd9T\xaeR\x8d\xd1c_%\x1a\x8d\x92\xf4S\x1f)@SU\xd23\\\xbc\xf4\xccc\xac]\xb5\x82:\xf5\x1b\xf1\xf0S/\xe0\xf7\xf9Ke\x84&amp;\xcb2\x01\x7f\x80\x9a\xb5k\xf3\xf0\xd3/"\xcb2\x93\xc6?\xc5\xf2%Kq\xa7\xa5\xa1\xa5\xd0zbI\xd0\x01\x8b\xc5\xc2\x98\xfb\xef\xe4\xe0\xfe\xbd\xb4?\xe7&lt;\x86\xdc\xfd\x10y\xb9\xdeRI\xdeeY\xc6\xef\xf7S\xa7~}\x1e|\xe2\x05$I\xe2\xe5\xe7\x1ec\xf5\xcf\xbf\xe0r\xbb\xd14\x11\xdfDV&lt;\xbe\x0f&lt;1\x1eI\x92x\xf0\xc1\x87X\xbf~=&amp;\x93)\xe9\x97\x02\x92:\x01\x88\xef\xfb\xdc\xb0a\x03\x0f&gt;\xf8\x10\x92$q\xff\x98q\xd4\xaa[\x87\xa0? \xa6\xf0\x12\x9c\xaa\xaa\xb83\xd2X4\x7f&gt;oO\x1a\x8f\xc9lf\xd43/\x91\x95]\x81p(\\jS\xf0&amp;\x93\x89\xfc\xdc|\xba_q%=o\x1e@(\x18\xe0\xb1\xfb\x86\x10\x0c\xf8\x91\x15\x05\xb1?\xf0\xdf\x89F\xa3dd\xa5\xf1\xe1\xdb\xaf\xf3\xdd\xd7\x9f\x93\x99\x95\xcd\xa3\xcf\xbf\x82\x16;\x05\xb0\xb4\x98L&amp;\xf2r\x0b\xb8\xfc\xda^\\\xd1\xab\x0f~\x9f\x8f\xc7\xee\xbb\x9dhQ\xe1\xb0\x88o"+\x1e\xdf+\xaf\xeb\x83\xcfW\xc8\x80\x01\x03PU\xb5\xe8\xc4\xc9d\x95\xb4=`&lt;p\x9a\xa61h\xd0 |\xbeB\xae\xe8u3\x97^\xd3\x93\xbc\\q\xb4g\xa2\x8bo\xf9\xf3\x17\xfax\xe2\xc1\xbb\x88D"\xf4\xee?\x94\xce\xdd\xba\x92_\x06G\xb7\xca\x8a\x82\xc7\xe3g\xf8\xc8\'\xa9\xd7\xb0\t\xeb\xd7\xac\xe2\xb5\x17\x9e&amp;=\xc3\x95RU\xc5\'\x8b\xa6\x19[\xfe\xb6o\xd9\xca\xf8\'\x1e\x06`\xf8\xc8\xa7h\xd8\xa4Q\xa9\xcd\xee\x14\'\xcb2\xbe\xc2\x00\xf7\x8d~\x9a\x9au\xea\xb1\xfa\xe7\x9f\x98\xfa\xcax\xd23\xdcD\xa3"\xbe\x89.\x1e\xdf{\x1f}\x9aZu\xea\xb1x\xf1b&amp;L\x98\x80\xa2(I\xfd\xf9M\xda\x04 &gt;\xfa\x7f\xf5\xd5W\xf9\xe1\x87\x1f\xa8^\xb36w?\xf2\x14~\x9f\x18\xf9\'\x03UUIKw2\xf9\x85g\xd8\xb4n\r\r\x9a4\xe7\xf6\xfbF\xe1\xc9/\x9b\x1d\x1d\x92$\x11\x8dD\xc8\xc8\xcc\xe4\xc1\'\xc6\xa3(\nS_\x19\xc7\xcae\xcbq\xba\xddb</t>
        </is>
      </c>
    </row>
    <row r="51">
      <c r="A51" s="1" t="n">
        <v>49</v>
      </c>
      <c r="B51" t="inlineStr">
        <is>
          <t>color_number_hexagon</t>
        </is>
      </c>
      <c r="C51" t="inlineStr">
        <is>
          <t>What is the missing number of the part denoted with a question mark?</t>
        </is>
      </c>
      <c r="D51" t="inlineStr">
        <is>
          <t>['7', '9', '5', '1']</t>
        </is>
      </c>
      <c r="E51" t="inlineStr">
        <is>
          <t>1</t>
        </is>
      </c>
      <c r="F51" t="inlineStr">
        <is>
          <t>There is a hexagon split into six parts with the colors ['yellow', 'yellow', 'purple', 'purple', 'green', 'green'] in an anti-clockwise order. The parts are denoted with the numbers [4, 5, '?', 8, 2, 7] respectively.</t>
        </is>
      </c>
      <c r="G51" t="inlineStr">
        <is>
          <t>We observe that the numbers in the green parts add up to 9. Similarly, the numbers in the purple parts also add up to 9. Thus, the pattern is that the numbers in the parts of the same color add up to 9.</t>
        </is>
      </c>
      <c r="H51" t="inlineStr">
        <is>
          <t>Based on the pattern that the numbers in the parts of the same color add up to 9, the missing number of the purple part should be 1.</t>
        </is>
      </c>
      <c r="I51" t="inlineStr">
        <is>
          <t>b'\x89PNG\r\n\x1a\n\x00\x00\x00\rIHDR\x00\x00\x02\x00\x00\x00\x02\x00\x08\x02\x00\x00\x00{\x1aC\xad\x00\x00\x9f\x97IDATx\x9c\xec\x9dy\x9c\xcd\xd5\xff\xc7\xcfv\xef\xdcu\xe6\xceX\x13\xc9\x9e\xc87\xb4(\xa2"k_K\x19\xd9\xa9H}K\r\x12b\x88Q\x91\xb5\xfa\xf6+-\xdf\xecd\xa8\xf8J\x1aTh/\xf4\x956cI\xa4\xb1\xcd\xbds\xf7\xe5\x9c\xf7\xf9\xfdqf\xe6\xeb[\x121\xf7~\xee\xccy&gt;\xee\xc3#\xd3\x0c\x1f\xf7~&gt;\xe7}\xce{y\xbd\xb0\x94\x12i4\x1a\x8d\xa6\xe2A\x12}\x01\x1a\x8dF\xa3I\x0c:\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x8a\x0e\x00\x1a\x8dFSA\xd1\x01@\xa3\xd1h*(:\x00h4\x1aM\x05E\x07\x00\x8dF\xa3\xa9\xa0\xe8\x00\xa0\xd1h4\x15\x14\x1d\x004\x1a\x8d\xa6\x82\xa2\x03\x80F\xa3\xd1TPt\x00\xd0h4\x9a\n\nK\xf4\x05h\x12\x89\x94RJ\x99\xe8\xab\xd0$\x0c\x8c1\xc68\xd1W\xa1I\x18X?\xff\x15\x16\xce9cz\x07P\xd1\xe1\x9cSJu\x18\xa8\x98\xe8\x00PA\x01\x00B\xc8\x0f?\xfc\xf0\x8f\x7f\xfc\x83\x10\x02\x00\x89\xbe"M\\a\x8cq\xce\x87\r\x1b\xd6\xbf\x7f\xffD_\x8b&amp;a\xe8\r`\x85C\x85\xfcP(4g\xce\x1c\x97\xcb\xf5\xc1\x07\x1f$\xfa\x8a4\t\xe3\xca+\xaf\xfc\xe5\x97_:w\xee\xdc\xb4iS)%!\xba(X\xb1\xd0\'\x80\n\x87\x10\x82R\xbah\xd1\xa2\xa1C\x87b\x8c)\xa5\xa5\xf7\x00!\x04!}?\x94o\xb0\x94P\xfa\xd0SJ\xa3\xd1\xe8\xa0A\x83\x16/^\xacS\x82\x15\x10\x1d\x00*\x16\xaa\xea[TTt\xe5\x95W\x9e&lt;y\x12\x00t\xf2\xa7\x82c6\x9b\x85\x10\x1f|\xf0\xc1M7\xdd\xa46\x07\x89\xbe"M\xfc\xd0\x01\xbfb\x01\x00\x94\xd2\xec\xec\xec\x82\x82\x02J)BR\xf5\x81\x00\xc0\xddw\xdd8x\xc8\xcd\xb1\xa2 \xa5:\x0fP&gt;\x01\x00b\xb7\xfcg\xc7\x81\xc7\xa6\xaf\x06\x90RJ\x8c\t\xe7\x1c\x00\xb2\xb2\xb2&gt;\xf9\xe4\x13\x93\xc9$\xa5\xd4\x05\xe1\x8a\x83&gt;\x01T \x00\x00c\xbcw\xef\xde\xa6M\x9b\x82Z\x00\xa4D\x08\x11\x82\x01\xe4\xa5\x97\xa4\x1f\xfaj&amp;u\xd9P\x8c#\xbd\x04\x94K@\xa24\xdb\xed\x9d\xa6\xbf\xb3i7\xa5D\x08@\x08a\x8c\x08\xa1B\x88\x85\x0b\x17\x0e\x192D\x1f\x02*\x14:\x00T \xd4\xb3\xdd\xa9S\xa7\xbc\xbc&lt;\x93\x89\xc5b\xfc\xba\xab/\xff\xf5\x84\xf7\xc8\xd1BJ)\xe7\xe2\xfeAm_\xfc\xe7\xbd\x91B\xbf&gt;\x04\x94?\x84\x00S\xbac\xd5\xb2\xed\xfd\x1e|U\xad\xfe&amp;3kzM\xe3]\x9f|\xa3j\xbfU\xabV\xfd\xf6\xdbo].\x97\x1e\x0e\xa88\xe8\x00PQP\xab\x7f^^^\xa7N\x9d(\xa5\x18!\x90\xb0s\xd3\xa4\xad\x1f\xef}d\xf2\x1b\x8cQ\xd5\x18\xba\xe7\xfd)\r\x9b\xd4\x82`X7\x84\x94\'T\xbaG`\xdc\xa4\xf5\xa4}\x07\x8f3\x13\xe31~]\xbb\xe6\x93\x9e\x1f3\xe8\xe6\x7fx\xdd&gt;\xc6X,\x16\x9b8q\xe2\xf4\xe9\xd3\xf5!\xa0\xe2\xa0\x1f\xf2\n\x81J\xecr\xce\x1f~\xf8a\x8c\x11\xa5\x84\x0b\xd1\xbf\xd7u\x7f\xbb\xf1\x8a\xfb\x86\xde\\\xbfNU\xce\x05\xa5\x84s12{%\xa6\x18!\xbd\x01,W\x80\x00\x9a\xee\x985\xff\x9d}\x07\x8f3FA\x00e\xf4\xeeG\x07\\rY\xb5\xa1\xa3\xfaJ)A\x02\xa1d\xd6\xacY\xf9\xf9\xf9z.\xa4\xe2\xa0\x03@\x85@\xed\xee\x17,X\xf0\xe3\x8f?R\xca\x04\x17i\xa9\xd6)\x8fv\x17EAK\x9a\xfd\xa9q=\x11B\x00\x92R\xb2i\xebwy\x1bv\xd14\x9bJ\x10k\xca\x01 %\xb1\x9a\x0b\xf6\x15\xcc}e\xb3\xca\xed\x00@\x97&gt;\xed\xafl\xd1\xa8\xe0\xc8\xf1.}:\xd4oR\x07\x04\xa8\x96\xd0\x89\x13\'b\xac\x13\x03\x15\x05\x1d\x00\xca?\xaa\xf6[PP\x90\x9d\x9d\xad\xb2\xbb\x02 kX\xfb\xfa\xcd\xeb@8\xc6\xbd\xc1\xcc\xfem\xda\xde\xd0P\x08 \x84`\x84Ff\xaf\x8c\xfa\xc3\xf8\xb4\xf9\x00MR#\x05\x10\xbbe\\\xce\xeaBw\x801"\x048R\xedCG\xf5\x0b\x07\xc3RJ\xab\xdd2\xec\xb1ARJ\x15\x03rss\xf3\xf2\xf2(\xa5B\x88D_\xb8\xa6\xcc\xd1\x01\xa0\xfc\xa3&amp;&lt;\'L\x98\xe0v\xbbM&amp;\xc69\xafS\xbbr\xd6\x83\x9d\x85\xdbO\x19\xc1RJ.\xe6N\xc9d\x8c\n!(\xa3{\xf7\x1f\x9b5\xff\x1d\x9an\x07}\x08H~\x84\x00\xe6\xb2o\xdd\xf8\xf5\xd25\x9fQJ\x00\x90\x94r\xe0\xc8\xcc\xaa5*G\xc3Q\xc6\x98\xcf\xe3\xbf\xfe\x96\x96m:]/\x84 \x84`\x8c\x1f~\xf8a\xce\xb9&gt;\x07T\x04t\x00(\xe7\xa8\xe4\xcf\x8e\x1d;V\xacXA)\x05\x00)\xd1\xcc\xc7\xefpUs\xc9(\xc7\x18\x13J\x84/\xdc\xb2m\xe3\x11\x03o\x02\x90\x18!\x82\xf1\xdcW6\x17\xec+ \x163\xe8% \xd9\xc1X\xc4\xc4\xe4Yk\x01\xa4J\xee\xd7oR\xa7\xd7\xd0n~o\xa0\xb8\xd2\x8b\x91\x10b\xd8c\x83\xecN\x9b*\xff\xfe\xf8\xe3\x8f\x0b\x16,\xd0\x95\x80\x8a\x80\x0e\x00\xe5\x1cU\xfe\x1d3fL$\x12Qe\xde\xb674\xcc\xec\xdb\x86\x17\xfa(+\xee\xf4 \x14\x83/\x9c3\xbeW\xba\xcb\xc6\x05PF\n\xdd\x81\xf19\xab\x89\xd3*\xf5! \x99\xe1\\\xb0J\xceeK\xb7m\xfb,\x9fQ"\x00\xa4\x94\xc3\x1e\x1bd\xb1\xa6\x08!T\xa5\x9f\x10\x12\xf4\x05\x1b4\xad\xdbcp\x17\x00@\x18a\x8c\xb3\xb3\xb3\xddn7!D\x1f\x02\xca7:\x00\x94g\xd4\x86.77w\xeb\xd6\xad\x8c1\xc1\x85\xd9\xcc\xe6N\xc9\x94B\x9c\xde\xe7\x8d1\x86p4\xbdf\xc6\xb4G\xbbK)%HJ\xc8\x8a\xb5_\xee\xd8\xf6\x1duZ\xf560I\x91R\x123\xf3\xfc\xea\x9e6\xff\x1d\x8c1"\x04\x04\xb4\xe9\xdc\xea\xfa[Z\xfa&lt;\xfe\xd3\x1b=)\xa3^\x8f\xaf\xcf\xf0\x9e5.\xab&amp;\xb8`\x8c\xb9\xddnU1\xd2\x9f~\xf9F\x07\x80r\x8b\xda\xbb\xa9\xbe\x0e\x84\x10!X\x00\xf4\xebqm\xcb\xb6W\n_\xe87m\xfe\x84RQ\x14\xba\xff\xde\xf6\r\xebU\x13\x02\x08%\xd1(\x1f=5\x17S\xaa\xb7\x80I\x8a\xe0@\xd3\x1d\xf3_\xd8\xb8\xff\xa7\x13\x94\x12\x10`2\xb1\xa1\xa3\xfa\xaam\xfe\xe9`\x8cy\x94W\xae\x96\xd1\xf7\x81;\x8b[BKz\xc6t"\xa8|\xa3\x03@\xb9E\xc9\xfe\xcc\x9e=;??\xdfd2\xf1\x18\xcfH\xb7\xcf\xc8\xee\r\xbe\x10\xfe\xdd\xa0/\xc6H\n\xc1l\xe6\xe7s\xfa\xca\xe2\x9f%\xdb&gt;\xdd\x9b\xbb\xf2#\x96\xe1\x14\\7\x84$\x19\x00\xc0\x9c\x96\x03\xff94\xff\xd5-*\xd8\x03\xc0\x1d\xf7\xdc\xde\xe8\xaa\xfaA_\xf0\xf7S~\x94QOaQ\xd7\xbb:4\xbd\xa6\xb1\xe0\x822Z25\xa2K\xc1\xe5\x19\x1d\x00\xca\'\xaa\xf6\xbb\x7f\xff\xfe\x993g*\x91g\x90r\xf4\xf0\x0e\xd5\xebW\x87p\x94\x9ci\xd0\x9fR"\xbc\xa1\x8e][\xdc\xd6\xeeJ!\x80\x10\x8c1\x1a\xf7\xd4\x9b\x9ec\x1elfz\x15H.\xa4D\x98\xd2q\xd3r\x8b\xbc!B\xb1\x10\x90^\xd9\x959\xacG0\x10"\x7f\xa4\xf3!\x113\xd1\xc1\x8f\xf4!\x84\x80\x10\x94\xd1\xbc\xbc\xbc\xdc\xdc\\\xdd\x12Z\x8e\xd1\x01\xa0|\xa2j\xbf\xd3\xa6M\xf3z\xbd\x8cQ\x1e\xe3\r\xebU\x1b\x9b\xd5M\xb8\x03\x7f\xf8\xfc\xab\x9f\x13\xf0\xfc\xf4\xbef3\x13\x02\x18\xa5\x07\x0f\x9d\x9c\xff\xc2F\x9a\xee\x10\\\xe7\x01\x92\x86\xe2\xd6\xcfM\xbbW\xbf\xb3\x93R"\x01I)\x87\x8e\xeeW\xed\xd2*\xd1p\xf4\x8ft~\x08%&gt;\x8f\xff\x86\xf6\xd7\xde\xd2\xbdM\xf1P\x08\xc6\x13\'N\x8cF\xa3\xfa\x1cP^\xd1\x01\xa0\x1c\xa2j\xbf\xdb\xb6m[\xb6l\x99\xea\xee\x97\x08=\x9f\xd3\xd7\xec\xb0H!\xce\xa2\xf3E\x08\x11\xfeP\xa3\x16u\x1f\x1dq\x1b\x80\x12\n%\xf3_\xdd\xb2o\xd7O\xd4aQ_\xd1\x18\x1c\x89\x10\xa6$\x12\x08\x8f\xceY\x8d1\xc2\x84\x08!\x9a^\xd3\xb8[\xbf\xdb\xbc\xee\xff\xb6~\x9d\x11BI(\x18\x1a\xf6\xd8 \xa7\xcb\xc1c\x9c1\x96\x9f\x9f?{\xf6l]\t(\xaf\xe8\x00P&gt;\x11Bdgg\xab\xd1\x1e!\xe0\xb6vWv\xec\xda\\\x9c\x83\xd6?\xa1\x04\xfc\xe1\xd1\x0fv\xaeV5U\x00P\x8a\x8b\xbc\xa1is\xd6\x11\xabY\xea% \x19\x10\\P\x97}\xc5\x8a\x8fw\xee&gt;\xa4\x16nB\xc8\xa0G\xfa0\xf6\xe7\xa3\xdd\x18\xe3H(Z\xabn\x8d^C\xbaJ)%\x92\x98\xe09s\xe6\x14\x14\x14\xe8\x8e\xa0r\x89\x0e\x00\xe5\r\xce9\xa5t\xf9\xf2\xe5\xdb\xb6mc&amp;\xc69g\x8c&gt;\x9f\xd3W\ny.v\x8f\x18c\x11\x8eV\xaaUi\xc6\xf8^\x00R\x82\xa4\x94,\x7f\xeb\x8b\xad\x1b\xbff.\xbb\x16\x0828RJj1\x9f:|j\xfc\x8c\xb7\x08\xc1\x98\x10\x10p\xf3\xed\xado\xecp\x9d\xcf\xe3?k\xf6\xaf\x18J\xa9\xd7\xed\xeb\xf7\xc0\x9d\x97\xd6\xae\xae\x0e\x01\x85\x85\x85\x13&amp;L\xd03\x01\xe5\x12\x1d\x00\xca\x15J\xf5\xc1\xeb\xf5N\x9d:\x95\x10\x8c\x11\x02\x90#\x06\xde\xd4\xa8y\x1d\xe1?W\x85g\xca\xa8\xf0\x04\xfa\xf5k\xdd\xa2Ym\x01\xa0\xce\x10\x93g\xad\x05\x0e\xda(\xc6\xe0\x80\x00\xe2\xb0\xcc}a\xe3\xb1\xe3^B\x08\x08\xb0;m\x03\x1f\xee\x13\x0e\x9d\xb3\xbe7F\x82\x0b\x9b\xc368\xeb.T\xd2K\xb6|\xf9\xf2\x9d;w\xaaI\xf2\xb2\xfd\x07h\xe2\x8b\x0e\x00\xe5\nu\xde\x9f9s\xe6\xfe\xfd\xfb)\xa5\x82\x8bt\x97-g|/\x08F\x08=\xd7\xb5\x1b#$\x05\xa4\xd8-s\xb3{K\x89\x00\x80Q\xb2\xed\xb3\xfc\xc5\x8b\xb7\xb2\x0c\x87n\t5,\x00@\x1d\xd6\x1fw\x1e\x98\xbd`\x13!\xc5\xaa\x9f=\x06w\xb9\xe2\xaaz!\x7f\x08\x93s\xbd\x01(\xa3\xbe"_\xa7\xde\xed\xaf\xba\xb6\xb1\xe0\x82P\x12\x8dF\xb3\xb2\xb2\x84\x10\xfa\x10P\xce\xd0\x01\xa0\xfc\xa06k\xaajG)\x91R\x82\x94\xd3\xc6tO\xaf\x99\x01\x7f\xdc\xfbqF(%\xdc\x13hw[\xb3\xde\xddZ\x08\x01\x98`\x8c\xf1\xf8\xa7\xdf&lt;u\xf8\x14\xb1\x98\xf5*`T0\xa6d\xe4\xa4\x95\xd1(\'\x94\n\x01\xd5kU\xed3\xbcg\x91\xe7Oj\xbfgD\x081|\xfc`\xca\xa8\x9a\r\xde\xbe}\xfb\xf2\xe5\xcbuKh9C\x07\x80\xf2\x83Z\x97U\xdf\x1e\xa5T\x08h\xd1\xac\xf6\xfd\xf7u\x10EAr\xfe\x06Oj4l\xe6\xe4\xcc\xb4T+\x08\xc9(9v\xdc;\xf7\x85\x8d\xc4a\xd1*\xa1\x06D\x08\xa0\xa9\xd6\xbc\r;7m\xfd\x8eR"AJ)\xef\x1e\xdd\xbfR\xd5t\x1e\xe5\xe7k\xf1\xa8\x04\x82\x9a\xdf\xd8\xacK\x9f\xf6\xc5\x02A\x04O\x9d:\xb5\xa8\xa8H\xb7\x84\x96\'t\x00(\'\xa8\xd6\xcf\xad[\xb7\x96N\xeeH)\xe7N\xee\xcd\xac\xe6\xdf(\xff\x9c#\x84\x10\xee\x0b\xd7\xfd[\xed\xaca\xed\x05\x80D\x88\x10&lt;{\xc1\xa6\xfc]\x07\x99\x16\x082\x18j\xec\x8b\x07\xa3#\xb3WbT\xdc\xfay\xd5\xb5\x8d;\xf5\xbe\xb5\xa8\xd0\xfb\x17\xb6\xff\x08!BI\xd0\x1f\x1c:\xaa\x9f#\xd5.\xb8`\x94\xed\xdf\xbf\x7f\xfe\xfc\xf9\x84\x10}\x08(7\xe8\x00P\x1ePc_\x91Hd\xcc\x981\x18cJ\x88\x10\xd0\xfb\xf6\x96\xed:4\xe3\x9e\xc0_\xf6w\xa5\x8c\x08\xb7?\xeb\xc1\xce\xf5.\xaf"\x04PJ\xa2Q\xfe\xf8\x8c\xb7\x11!z\x0bh(@\x08\x9af}\xe9\xb5-{\xf7\x1f#J\xf6\xc7\xcc\x86\x8f\x1f\\*\xf9\xf9\x17\xc0\x18G\xc3\xd1\xaa5*\x0f|8\xb3\xd43r\xde\xbcy\xaa\xbc\xa4w\x00\xe5\x03\x1d\x00\xca\x03\xaa\xf6\xbbr\xe5\xca\x1d;v\xa8\xed\xbf\xd9\xcc\x9e\x1a\xdf\x13\x01\\H\xdb\x0e\xc6\x18\xa2\xdcuI\xfa\xe4\xacn\xc5*\xa1\x94\xac^\xbfc\xeb\xe6\xdd\xcce\xd7\xdb@\x83 \xa5$\x16\xb3\xfbH\xe1\xe4\xd9\xeb0\xc6\x98\x10\x00h\xd7\xf5\xc6\x16\xad\x9b\x9dQ\xf6\xe7\xdc\xa1\x94\xfa}\x81\x9e\x83\xba\xd6\xacSCpA)-**\x9a6m\x9a\x9e\t(7\xe8\x00\x90\xf4\xa8\xed\xbf\xdb\xed\x1e?~&lt;!D9&gt;&gt;:\xe2\xb6\x06\xcd\xeb\xf0\xdf\xa9~\x9e/\x8cQ~\xca7``\xdb\xb6\xad\x1a\xf0by\x004z\xdaj\x1e\x8aj\xa1P\x83\x00B\x12\xa7%{\xc6[nO\x90R"\xb8p\xba\x1c\xf7&gt;60\xe0\x0b\x9eK\xe3\xff\xd9\xc0\x088Xl)#&amp;\x0eA*\xcd\xc8\xe8\xb2e\xcb\xb6o\xdf\xce\x18\xd3;\x80r\x80\x0e\x00I\x8f\xda\xfeggg\x17\x14\x14\xa8\xe7\xbfZ\xd5\xd4\xd1\x0fv\x06\x7f\xf8B\x9f\x7f\x85\x94\xd4D\xa7\x8d\xedA\x08\x06\x00J\xc8\xce\xdd\x87^zy3M\xb3\x81^\x02\x12\r\x00P\xa7e\xc7\xb6\xef\x17,\xddN\x08\x96\x08I){\r\xe9Z\xab\xee\xa5g\x91\xfd9w\x08%~o\xa0M\xc7\xeb[\xb4n\x06\x02\x08&amp;B\x88\xac\xac\xacH$\xa2\xab\xc1\xe5\x00\x1d\x00\x92\x1b\xb5\xfa+\x0f\xbf\xd2\xd6\xcf\x19\x13\xee\xa8T\xab\xd2\xf9\xb6~\xfe\x11\xc5-\xa1\x9d\xaf\x1exg+\xd5\x12J\x08\x9e&lt;g\x9d\xfbH\xa1n\t5\x00\x183:zj.\xe7BM~\xd4\xacS\xa3\xdf\x03wz\xdd\xbe\xbf\\\xfb\xf9= \xe0\x81Iw\x9bLL\x08\xc1\x18\xdb\xb9s\xe7\xca\x95+\xb5@P9@\x07\x80\xe4F\xe5\x7f\x94\x8b7\xa5\x94s\xd1\xb6U\x83\xc1\x83\xdb\xf1B\xff_\xeb\xfd8#\x98\x12\x08\x84gf\xf7\xceH\xb7\x0b\x0e\x94\x10\xb7\'\x98=\xe3-bK\x01QN\x02\x80\xfc_\x12}9\xe7\x84\x92\xfd\xc9]\xfe\xd1\xb6O\xf7RJ\x04\x00Bh\xc4\xc4!V\xbbU\x88\xdf\xba\xbe\xfce\x08!A\x7f\xe8\x8a\xab\x1b\xdcq\xcf\xed\xaa%\x94\x102~\xfc\xf8\xc2\xc2B}\x08Hvt\x00HbT\xebg^^^^^\x1e\xa5\x14\x04PJ\xa6\x8d\xedA\x18A\x17\xf5\xb1$\x18C(Z\xbd~\xf5\xd1\xc3;\x80\x94\xaa%t\xc1\xd2\xed?\xee:H\x1d\x96r\xb0\r\x94R\x12J\x89\x89\x95\xbe.\xca\xe1\xa9L\x91RbF\xa3\xbe\xd0\xe33\xdfF\x08)\xd9\x9f\x16\xad\x9b\xb5\xe9x\xbd\xdf\xeb\xffS\xd5\xbf\xf3\x82P\x12\xf4\x872\x87\xf5H\xaf\xecR\xd5\xe0\x82\x82\x82\xb9s\xe7\xeaC@\xb2\xa3\x03@\xb2\xa2\xf6\xfe%\xb6M\x88R\xc2\x85\xe8\xdf\xeb\xbav\x9d\xaf\xe6\x9e\xc0\xc5}\xfe\x11B\x84\x12\xe1\xf6\x8f\xcd\xeaV\xbfNU\xce\x85\xf2\x97\x1f\x99\xbd\x12S\x8c.\xd6V3AH\x90\xc4\xc4\x02\x81p\xe1)\x9f\xbb\xe4\x15\x8dq\x83\x0b\x1f\x81\x00\x9a\xee\x985\xff\x9d}\x07\x8f3FA\x00e\xf4\xfeIw\x97\xc5\x98\x9ej\t\xadV\xb3\xca\xd0\xd1}K[Bg\xcd\x9a\x95\x9f\x9f\xafc@R\xa3\x03@\xb2\xa2\xb2\xff\xca\xb8\x95R&amp;\xb8HK\xb5N\x1e\xd3\x1dBQ|a\x9d?g\x04c,\xb90;\xadO\x8d\xeb\x89\x10\x02\x90\x94\x92M[\xbf\xcb\xdb\xb0\x8b\xa6\xd9\x92W%\x14@\x12\x9b\xf9\xc0\xc1\xe3Moy\xa2\xfe\x8d\x93\xea\xdf8\xa9A\xeb\xec\xba7L\xfc\xf0\xe3\x1f\xb1=\xc5\xb0\xff.\x90\x92X\xcd\x05\xfb\n\xe6\xbe\xb2Y\x1dV\x00\xa0K\x9f\xf6W4\xab\x1f\xf4_h\xeb\xd7\x19\xa1\x8c\xfa&lt;\xfe\x8ew\xdeZ\xbfI\x1d\x10@)Uv\xd3:\x0b\x94\xd4\xe8\x00\x90\x94\x00\x00\xc6\xb8\xa0\xa0 ;;\x1bc\xacZ?\xb3\x86\xb5\xaf\xdf\xfcr\xe1\x0f\x93s\x96\xfd:/\x94Jhf\xff6mohX\xec\x18\x85\xd0\xc8\xec\x95Q\x7f\x18\xd3?\xd7\x9a7 \x12!\x89\x91\x94\xe8\x9eQ\x0b\x7f:|\xca\xed\t\x14z\x02\xa7\xdc~OQ\xd0\xe0\'\x00)\x80\xd8-\xe3rV\x17\xba\x03\x8c\x11!\xc0\x91j\x1f:\xaa_(x\x91Z\xbf\xce\x84\x10\xc2f\xb7\x0c{l\x90\x94R\xc5\x80\xdc\xdc\\\x95~\xd4-\xa1I\x8a\x0e\x00I\x89\x92}\x9e0a\x82\xdb\xed6\x99\x18\xe7\xbcN\xed\xcaY\x0fv\x16n?ee\xfa\x99J\xc9\xc5\xdc)\x99\xcah\x8c2\xbaw\xff\xb1Y\xf3\xdf\xa1\xe9\xf6d\x14\x08\x12\\\xb0\x0c\xc7\xcc9\xff\xde\xfa\xe9^\xc6(\xc6\x18c\xcch\xf1\x7f$\xfa\xea\xfe\x90b\xc7\xc7\x8d_/]\xf3\x19\xa5\x04\x00I)\x07\x8e\xcc\xacZ\xa3\xf2Ei\xfd\xfc#(\xa5&gt;\x8f\xff\xfa[Z\xb6\xe9t\xbd\xf2\x1a*m@\xd0\xe7\x80$E\x07\x80\xe4C%\x7fv\xec\xd8\xb1b\xc5\n5\x94/%\x9a\xf9\xf8\x1d\xaej.y\xfe\xb2_\xe7\x05!D\xf8\xc2-\xdb6\x1e1\xf0&amp;\x00\x89\x11"\x18\xcf}es\xc1\xbe\x02b1CR-\x01B\x80)\xcd\xb6c\xdb\xf7\x93g\xaf\xa3\x94\x00@\xd2t\x01a,bb\xf2\xac\xb5\x00R\xa5\xe0\xeb7\xa9\xd3kh7\xbf\xf7\xaf\xcb~\x9c\xf3_\x8d\x84\x10\xc3\x1e\x1bdw\xdaT\x0f\x82jA\xd6\x95\x80$E\x07\x80\xe4C\x95\x7f\xc7\x8c\x19\x13\x89DT1\xb6\xed\r\r3\xfb\xb6\xe1\x85\x7fE\xf5\xf7|!\x14\x83/\x9c3\xbeW\xba\xcb\xc6\x05PF\n\xdd\x81\xf19\xab\x89\xd3*\x93\xe7\x10\xa0ZhB\xfe\xc8\xd0G^\x8f\xc5\x04B(Y\x1c\x8f9\x17\xac\x92s\xd9\xd2m\xdb&gt;\xcbg\x94\x08\x00)\xe5\xb0\xc7\x06Y\xac)\x17\xa2\xfcs\x8e(\x95\xd0\x06M\xeb\xf6\x18\xdc\xa5X%\x14\xe3\xec\xecl\xb7\xdb\xad-\xc3\x92\x11\x1d\x00\x92\x0c\xb5\xed\xca\xcd\xcd\xdd\xbau+cLpa6\xb3\xb9S2\xff\x9a\xe4\xe7_\x00c\x0c\xe1hz\xcd\x8ci\x8fv/\x16\x08"d\xc5\xda/wl\xfb\x8e&amp;\x8fJ\xa8\x10\x92\xa6\xd9&amp;Lyc\xcf\x8fG)%B@\xdd\xdaU\x12}Q\x7f\x8e\x94\x92\x98\x99\xe7W\xf7\xb4\xf9\xef`\x8c\x11! \xa0M\xe7V\xd7\xdf\xd2\xd2\xe7\xf1\x97\xf9\xf6\x1f!\x84\x10e\xd4\xeb\xf1\xf5\x19\xde\xb3\xc6e\xd5\x94U\x80\xdb\xedV\xb5\xa8d\xf9\xf45\xa5\xe8\x00\x90L\xa8\x1d\x96\xea\xbe@\x08\x11\x82\x05@\xbf\x1e\xd7\xb6l{\xa5\xb8`\xd9\x9fs\x87P*\x8aB\xf7\xdf\xdb\xbea\xbdjB\x00\xa1$\x1a\xe5\xa3\xa7\xe6&amp;\x8b:\x90\xe0`\xca\xb0o|\xfb\x8bg_{\xdfd\xa2\x00\xb2a\xbdj\x0f\xdd}3B\xa8\x8c\xea\xe7\x17\x0b\xc1\x81\xa6;\xe6\xbf\xb0q\xffO\'\xa8R\xfd4\xb1\xa1\xa3\xfa\xaa\xcdx|\xc0\x18\xf3(\xaf\\-\xa3\xef\x03w\x16\xb7\x84\x96t\xa3\xe9DP\xd2\xa1\x03@2\xa1&lt;\xbff\xcf\x9e\x9d\x9f\x9fo2\x99x\x8cg\xa4\xdbgd\xf7\x06_\x08\x97Y\xef\xc7\xefQ^1\xccf~&gt;\xa7\xaf,\xbe*\xb2\xed\xd3\xbd\xb9+?b\x19N\x83{F\x02Hb1\x9d:\xea\x1e&gt;v\x89*\xf5J)\'\x8d\xec\x92\x9efG\xc6\x0e\x00\x00\xc0\x9c\x96\x03\xff94\xff\xd5-*\xd8\x03\xc0\x1d\xf7\xdc\xde\xe8\xaa\xfa\x17\xa8\xfay\xbePF=\x85E]\xef\xea\xd0\xf4\x9a\xc6\x82\x0b\xcah\xc9&lt;\x8a.\x05\'\x19:\x00$\r\xaa\xf6\xbb\x7f\xff\xfe\x993g\x12B\x10\x92 \xe5\xe8\xe1\x1d\xaa\xd7\xaf\x0e\xe1(\x89o\xd7\n\xa5DxC\x1d\xbb\xb6\xb8\xad\xdd\x95B\x00!\x18c4\xee\xa97=\xc7&lt;\xd8\xcc\x8c\xbc\n\xa8\x0e\xfa\x07\xc7.9r\xd4mb$\x1a\x13\x8d\xeaU\x1b4\xac\xc3\xa1_N!\x84\x8c&lt;\xd4\xa6\\_\xc6M\xcb-\xf2\x86\x08\xc5B@zeW\xe6\xb0\x1e\xc1@\xa8\xecZ?\xff\xf8j\x103\xd1\xc1\x8f\xf4!\x84\x80\x10\x94\xd1\xbc\xbc\xbcR3\xa2x_\x8c\xe6\xaf\xa2\x03@\xd2\xa0j\xbf\xd3\xa6M\xf3z\xbd\x8cQ\x1e\xe3\r\xebU\x1b\x9b\xd5M\xb8\x03\tx\xfe\xd5\x15\tx~z_\xb3\x99\t\x01\x8c\xd2\x83\x87N\xce\x7fa#Mw\x08n\xd0&lt;\x80\xe0\xc2T\xc9\xb1\xf8_\xef\xbf\xb1\xee+\xc6(\x80$\x04\xbf4s \xb2\xa5\x14yC\x89\xbe\xba\xb3Q\xdc\xfa\xb9i\xf7\xeawvRJ$ )\xe5\xd0\xd1\xfd\xaa]Z\xa5L[?\xff\x08B\x89\xcf\xe3\xbf\xa1\xfd\xb5\xb7toS&lt;\x14\x82\xb1\xb2#\xd5\xe7\x80$B\x07\x80\xe4@\xd5~\xb7m\xdb\xb6l\xd92\xd5\x83/\x11z&gt;\xa7\xaf\xd9a\x91B$\xa4i\x9d\x10"\xfc\xa1F-\xea&gt;:\xe26\xd5BC\x08\x99\xff\xea\x96}\xbb~\xa2\x0e\x8b\x01\x9bj\x00$\xb5[\x0e~w\xe4\xe1\xc9o\xa8#\x0b\x17\xf0\xf8C]n\xee\xf87\xe4\r\xa8^ \x84\x0cw\xd9\x08!\x89\x10\xa6$\x12\x08\x8f\xceY\x8dq\xb1\xe3c\xd3k\x1aw\xebw\x9b\xd7\x1d\x8f\xd6\xaf3B(\t\x05C\xc3\x1e\x1b\xe4t9x\x8c3\xc6\xf2\xf3\xf3g\xcf\x9e\xad+\x01I\x84\x0e\x00I\x83\x10";;[\r\xe0\x08\x01\xb7\xb5\xbb\xb2c\xd7\xe6\xa2(x\xd1e\x7f\xce\x1dB\t\xf8\xc3\xa3\x1f\xec\\\xadj\xaa\x00\xa0\x14\x17yC\xd3\xe6\xac#V\xb34\xd8\x12\xa0\x86~1F\xf7&gt;\xb2\xb0\xc8\x1b\xa2\x94\xc4b\xe2\xfa\xe6u\xa6L\xbc#\xea\t J"Q\x9e\xe8k\xfcC\x94\xea\xe7\x8a\x15\x1f\xef\xdc}H-\xaf\x84\x90A\x8f\xf4a,\x91\x03\xd8\x18\xe3H(Z\xabn\x8d^C\xbaJ)%\x92\x98\xe09s\xe6\x14\x14\x14\xe8\x8e\xa0dA\x07\x80$@I=/_\xbe|\xdb\xb6m\xcc\xc48\xe7\x8c\xd1\xe7s\xfaJ!\x13\xbbc\xc5\x18\x8bp\xb4R\xadJ3\xc6\xf7\x02(\xf6\x8c\\\xfe\xd6\x17[7~\xcd\\vC\t\xe9\xa8\xa1\xdfg\xe6\xae\xff\xe0\x93\x1fM&amp;\nB\xdam\xe6\xd7\x9f\xbb\x9b\x99\xa8\x1a_(\xbeZ\xe3\x1d\x00\xa4\x94\xd4b&gt;u\xf8\xd4\xf8\x19o\x11\x82\x95\xea\xe7\xcd\xb7\xb7\xbe\xb1\xc3u&gt;\x8f?A\xd9\xbfb(\xa5^\xb7\xaf\xdf\x03w^Z\xbb\xba:\x04\x14\x16\x16N\x980A\xcf\x04$\x0b:\x00\x18\x1d\xa5\xfa\xe0\xf5z\xa7N\x9dJ\x08\xc6\x08\x01\xc8\x11\x03oj\xd4\xbc\x8e\xf0\x87\xe3\xd9\xfbqF\x94@P\xbf~\xad[4\xab-\x00\xd4\xe9d\xf2\xac\xb5\xc0\xc18Z:B\x80)\xd5\xb6\xeb\xa3\x1f\xb2g\xad\xa3\x94 \x89\x04\xc0\xacIw6nY\x97\xfbB\xea\x08e\xd8\x05\x0b\x04\x10\x87e\xee\x0b\x1b\x8f\x1d\xf7\x12B@\x80\xddi\x1b\xf8p\x9fp(\xf1\x9f&gt;\xc2Hpas\xd8\x06g\xdd\x85J\xba\xd4\x96/_\xbes\xe7Nm\x1c\x9f\x14$\xfa\x06\xd2\xfc\x19\xea\xbc?s\xe6\xcc\xfd\xfb\xf7+\xcb\xa7t\x97-g|/\x08F\x08M\xfc\n\x8b\x11\x92\x02R\xec\x96\xb9\xd9\xbd\xa5D\x00\xc0(\xd9\xf6Y\xfe\xe2\xc5[Y\x86\xc3\x08-\xa1RJ\xc4h8\x18\x19\xfa\xc8\xeb\xd1(\xa7\x04\xc7\xb8\xf8\xfbm\xcd\x1e\xf8Gg~\xeab\xda\xe6\x94\x05\x00@\x1d\xd6\x1fw\x1e\x98\xbd`\x93jQ\x05\x80\x1e\x83\xbb\\qU\xbd\x90?\x84\r\xd0\xb4J\x19\xf5\x15\xf9:\xf5n\x7f\xd5\xb5\x8d\x05\x17\x84\x92h4\x9a\x95\x95%\x840lL\xd5\x94\xa2\x03\x80\xa1Q[*U[+u|\x9c6\xa6{z\xcd\x8c\x8b\xe5\xf8x\xe1\x14{F\xde\xd6\xacw\xb7\x16\xca3\x12c&lt;\xfe\xe97O\x1d&gt;e\x04\xcfH!$K\xb3=&gt;e\xd5\xee\xef\x7f1\x99h\x8cC\xb5*\xa9/\xcf\x1d\x02Qn\x88\xb7\xefO\xc0\x98\x92\x91\x93VF\xa3\x9cP*\x04T\xafU\xb5\xcf\xf0\x9eE\x9e\x84\xd5~\xcf\x88\x10b\xf8\xf8\xc1\x94Q5\x1b\xbc}\xfb\xf6\xe5\xcb\x97\xeb\x96P\xe3\xa3\x03\x80\xa1Q\xab\xa7\xea\xae\xa3\x94\n\x01-\x9a\xd5\xbe\xff\xbe\x0e\xa2(H\xe22\xf7\x7f\x8e\xa8\xd1\xb0\x99\x933\xd3R\xad $\xa3\xe4\xd8q\xef\xdc\x176\x12\x87%\xb1*\xa1j\xe87o\xdd\x97\xf3^\xdd\xc2(QBo/\xcd\x18P\xfd\xf2*\x10\x8a\x18y\xec\x0b!$\x04\xd0Tk\xde\x86\x9d\x9b\xb6~G)\x91 \xa5\x94w\x8f\xee_\xa9j:/c\xd5\xbf\xf3B\t\x045\xbf\xb1Y\x97&gt;\xed\x8b\x05\x82\x08\x9e:ujQQ\x91n\t58:\x00\x18\x17\xd5\xfa\xb9u\xeb\xd6\xd2\xf9\x1a)\xe5\xdc\xc9\xbd\x99\xd5\x1c7\xe5\x9fs\x84\x10\xc2}\xe1\xba\x7f\xab\x9d5\xac\xbd\x00P\x9e\x91\xb3\x17l\xca\xdfu\x90%N \x08\xa4$\x16V\xf8\xab{\xf8\xa3K0F\x98`\xce\xe1\xbe\x017\xf5\xbc\xebF^\x180\xd4\x0e\xfa\xf7\xa8\xb1/\x1e\x8c\x8e\xcc^\x89Qq\xeb\xe7U\xd76\xee\xd4\xfb\xd6\xa2B\xaf\xd1.\x9eP\x12\xf4\x07\x87\x8e\xea\xe7H\xb5\x0b.\x18e\xfb\xf7\xef\x9f?\x7f&gt;!D\x1f\x02\x8c\x8c\x0e\x00\x06E\x8d}E"\x911c\xc6`\x8c)!B@\xef\xdb[\xb6\xeb\xd0\x8c{\xca^\xf5\xf7\xfc\xa1\x8c\x08\xb7?\xeb\xc1\xce\xf5.\xaf"\x04PJ\xa2Q\xfe\xf8\x8c\xb7\x11!\x89\xda\x02\x02HbKyh\xec\xd2\x9f\x7f)41\x1a\x8b\x89F\xf5\xaa\xcdy\xaa\x9f\xf0\x85\x8cP&gt;9; \x04M\xb3\xbe\xf4\xda\x96\xbd\xfb\x8f\x11%\xfbcf\xc3\xc7\x0f\x8e\x83\xe4\xe7_@yFV\xadQy\xe0\xc3\x99\xa5\x9e\x91\xf3\xe6\xcdS\x85+]\r6,:\x00\x18\x14U\xfb]\xb9r\xe5\x8e\x1d;\xd4\xf6\xdflfO\x8d\xef\x89\x00\x0c\xb5\xf7/\x05c\x0cQ\xee\xba$}rV\xb7b\x95PJV\xaf\xdf\xb1u\xf3n\xe6\xb2\xc7\x7f\x1b\xa8\x86~\x97\xbe\xfe\xe1\x8a\xb5_\x9a\x18U\x1e\x96\xaf\xcf\x1f\xeap\xd9e41\xa3s\xe7\x8e\x94\x92X\xcc\xee#\x85\x93g\xaf\xc3\x18cB\x00\xa0]\xd7\x1b[\xb4n\x16g\xd9\x9fs\x87R\xea\xf7\x05z\x0e\xeaZ\xb3N\re\x1c_TT4m\xda4=\x13`d\x8cx\'i\xd4\xf6\xdf\xedv\x8f\x1f?\x9e\x10\xa2\x1c\x1f\x1f\x1dq[\x83\xe6ux\x1cU?\xcf\x17\xc6(?\xe5\x1b0\xb0m\xdbV\rx\xb1&lt;\x00\x1a=m5\x0fE\xe3,\x14\xaa\x86~\x0f}\xff\xcb\xc8\xec\x95\x84`\x84\x11\x17\x90\xfdH\xb7\x1b\xda_\x15\xf3\x04\xca\xd84\xed"\x00B\x12\xa7%{\xc6[nO\x90R"\xb8p\xba\x1c\xf7&gt;60\xe0\x0b&amp;\xb6\xf1\xffl`\x04\x1c,\xb6\x94\x11\x13\x87 \x95\xc0dt\xd9\xb2e\xdb\xb7og\x8c\xe9D\x9011\xea\xcdT\xb1Q\xdb\xff\xec\xec\xec\x82\x82\x02\xf5\xfcW\xab\x9a:\xfa\xc1\xce\xe0/C\xc7\xd7\x8b\x83\x94\xd4D\xa7\x8d\xedA\x08\x06\x00J\xc8\xce\xdd\x87^zy3M\xb3A\x1c\x97\x00\x89\x11&amp;\xf8\xde\xac\x85\x9e\xa2 \xa3$\x16\x137\xb4\xac;q\\\x8f\xd8)?&amp;\x04\xa4\xfc\xcd\xeb\xf7&amp;`\xeaK\xa7}C\xdc\xae\x1d\x01\x00uZvl\xfb~\xc1\xd2\xed\x84`\x89\x90\x94\xb2\xd7\x90\xae\xb5\xea^\x9a\x10\xd9\x9fs\x87P\xe2\xf7\x06\xdat\xbc\xbeE\xebf \x80`"\x84\xc8\xca\xca\x8aD"\xba\x1alL\x8c\xbd\x9aTH\xd4\xea\xaf\x9c\xf6J[?gL\xb8\xa3R\xadJ\xc6i\xfd\xfc#\x8a[B;_=\xf0\xceV\xaa%\x94\x10&lt;y\xce:\xf7\x91\xc2\xb8\xb5\x84\n\x01\xac\x92s\xf6\xdc\xf5[&gt;\xfaA\xf5}f\xb8\xec+\x16\xdc\xc7l)&amp;\x13e\x16\x13M\xf9\x9f\x979\xc5\x84SL\xf4\x7f\xab\x02f\x13\xc3)&amp;s\xc9\xf7\x90\xb8\x1e\x1a0ft\xf4\xd4\\\xce\x85\x9a\xfc\xa8Y\xa7F\xbf\x07\xee\xf4\xba}\x06\xac\xfd\xfc\x1e\x10\xf0\xc0\xa4\xbbM&amp;&amp;\x84`\x8c\xed\xdc\xb9s\xe5\xca\x95Z \xc8\x98\xe8\x00`8T\xfeGymSJ9\x17m[5\x18&lt;\xb8\x1d/4\xfa\xd4\x92\x02S\x02\x81\xf0\xcc\xec\xde\x19\xe9v\xc1\x81\x12\xe2\xf6\x04\xb3g\xbcEl) \xca&lt;\x00\x00H\xe6\xb0|\xf9\xe1w\x93f\xad-m\x9d|dx{k\x9a\xfd\xa7o\x0f\x1f&gt;r\xea\xf0\xa1\x13\xbfy\xfdt\xe8\xc4\xd1\x83\xc7}\x81\xc8\xe9\x7f\xce\xaf\xc7\x8b\x8e\x1e&lt;\xfe\xd3\xa1\x93G\x0e\x9d\xfc\xf9\xa7\x13\xde\xa2 \x8aK\xcf\xa8\x92\xfd\xc9]\xfe\xd1\xb6O\xf7RJ\x04\x00Bh\xc4\xc4!V\xbbU\x88\xf8\xb9\xbe\xfce\x08!A\x7f\xe8\x8a\xab\x1b\xdcq\xcf\xed\xaa%\x94\x102~\xfc\xf8\xc2\xc2B}\x080 \xfa#1\x16\xaa\xf53//\xafS\xa7N\x94R\x8c\x90Dr\xcb\xaa\xd1\xed:\\\xc5\x13\xaa\xfbv^\x08.X\x95\xb4\'\x9fX5\xe9\x99\xb5\x8cQu\xa6\xd9\xf3\xfe\x94\x86MjA\xb0l\x05\x0c\x84\x00\x96n\xbf\xa3\xcf\xbc\xb7\xde\xdd\xc5\x18\xe1\x1c\x10Bi\xa9\xd6\xe8Y\x1b\xe71B\x91(\xe7\xa7\x8d,\xa4\x98\x19\xa3D"\xc4\x18\x89\xc5`\xfac=F\x8f\xeb\x11;\xe9ee\x19\x83\xa5\x94\x12c\x81q\x93\xd6\x93\xf6\x1d&lt;\xceL\x8c\xc7x\x8b\xd6\xcd\xe6\xac\x98\x160j\xed\xf7\xf7H)\x99\x89\xf9&lt;\xfe\xe1]FyN\x151\xc6b\xb1\xd8\xc4\x89\x13\xa7O\x9f\xaen\xefD_\xa0\xe6\xbf$\xc7-UAP{\xff\x12s%D)\xe1B\xf4\xefu]\xbb\xceWsO YV\x7f\x84\x10\xa1D\xb8\xfdc\xb3\xba\xd5\xafS\x95s\xa1\x9c\xebGf\xaf\xc4\x14\x97\xb9\xe3\nF\x08d,\xc61F\xa5{\x9b"o(\x14\x8e\x05C\xd1?z\x05BQ\xfe\xbf\x03k\x91(\x0f\x84\xa2\xc1P\xd4\x17\x08\x87\xc2\xd1h\x8c\xc7a\xf7\r\x02h\xbac\xd6\xfcw\xf6\x1d&lt;\xce\x18\x05\x01\x94\xd1\xfb\'\xdd\x9d\xd8a\xba\xf3E\xb5\x84V\xabYe\xe8\xe8\xbe\xa5-\xa1\xb3f\xcd\xca\xcf\xcf\xd7\x89 \xa3\x914kJE@\xed\x94\x95\xbd*\xa5Lp\x91\x96j\x9d&lt;\xa6;\x84\xa28Iv\x7f\n\x8c\xb1\xe4\xc2\xec\xb4&gt;5\xae\'R=9\x94l\xda\xfa]\xde\x86]4\xcd\x16\x07\x95PJ\t\xc6\x98\x90\xe2\x17\xa5\xe4O_\xbf9\x1f\x94\xfe\x94\xd9\xc4(%\xb4\xec\xdf\x7feUV\xb0\xaf`\xee+\x9b\xd5\xc5\x00@\x97&gt;\xed\xafhV?\xe87n\xeb\xd7\x19\xa1\x8c\xfa&lt;\xfe\x8ew\xdeZ\xbfI\x1d\x10@)UF\xd6:\x0bd4\x92\xe9\xae*\xdf\x00\x00\xc6\xb8\xa0\xa0 ;;\x1bc\xacZ?\xb3\x86\xb5\xaf\xdf\xfcr\xe1\x0f\x1b\\\xb4\xe0\xf7(\x95\xd0\xcc\xfem\xda\xde\xd0\xb0\xd81\n\xa1\x91\xd9+\xa3\xfe0\xa6e\xacb\x8fQ0\x14\x05\x90\xb1\x98\x00\x90\x00R\x08\xf8\xd3\xd7o.\xa9\xf4\xa7"\x11.\x04D\xa2e~\x02\x90\x02\x88\xdd2.gu\xa1;\xc0\x18\x11\x02\x1c\xa9\xf6\xa1\xa3\xfa\x85\x82\x86o\xfd:\x13B\x08\x9b\xdd2\xec\xb1ARJ\x15\x03rss\xf3\xf2\xf2\xb4@\x90\xa1\xd0\x01\xd9(\xa8\xf4\xe8\xddw\xdf\xbdp\xe1B\xb3\xd9\x14\x8b\xc5.\xbf\xac\xf2\xce\xf7\x9fp\xda\xccX\x80\xc1\x9b\x7f\xce\x08\x00\x10\xbbe\xe7\x17\xfbZ\xdd&gt;C\x1dn8\x17\xd3\x1f\xeb1\xf1\x89&gt;\xfcDQ\x19\x15\xb4\xa5\x94\x98\xd1o\xf6\x1c&gt;Y\xe8?=\x0bt\xf6\xeb\xa4N\xcb3\xb3\xff\xbd\xf1\x83o)\xc1R"\x90\xf2\xa9\xf1=[\xb5\xb9B\xf8\xc3\x94\x12)Q\xbd\xcb\xab\\V\xbb\x8a\x8c\x95\x95\x02\x8f\x10\xc0\xd2l[7\x7fsk\xe6\x1c\x8c1BX\x08q\xff\xc4\xa1\xfd\xffq\xa7\x01\x85\x1f\xce\x11\x10`O\xb5g\x0f\x7f\xea\xa3\xf7&gt;7\x99L\x9c\xf3\x86\r\x1b\xee\xd9\xb3G\xf9G&amp;\xe3-]\xfe`\x89\xbe\x00\rB%\xc9\x9f\x1d;v\xacX\xb1B\x8d\xceK\x89f&gt;~\x87\xab\x9a\x8b\x9f\xf2\x92\xe4|\xfe\t!\xc2\x17n\xd9\xb6\xf1\x88\x817\xbd\xb0\xf0CJ\x10\xc1x\xee+\x9b\xef\x1d\xd8\xb6j\xb54\x88\xf1\xb20\xb2\xc7\x18#\x0e\xcdZ\xd4A\xe7\xbek\x16\x80\xd2\x1d+W|\\\xfc\xe3\x08!)[\xb5\xac{K\xb7\x96\xc8\xed/\xfes\xa2\\Fbe\xb8fa,bb\xf2\xac\xb5\x00\xd2d\xa2\x9c\x8b\xfaM\xea\xf4\x1a\xda\xcd\xef5\xa2\xec\xc7\xb9\x82\x91\x10b\xd8c\x83v}\xf2M(\x10\xa6\x94\xaa\xe6\xe6\x07\x1f|PW\x83\rB\xf2\x1d-\xcb%\xaa\xfc;f\xcc\x98H$\xa2J\xa6moh\x98\xd9\xb7\r/4\x96\xea\xef\xf9B(\x06_8g|\xaft\x97\x8d\x0b\xa0\x8c\x14\xba\x03\xe3sV\x13\xa7U\x96]%\x00#\x11\x88\xf0\xa2\xe09\xbe"EAQ\x14\x88\xfe\xaf%\xa4?\x10\x11\x9e@\xa4\xe4{ \x12+;\x7f\x1b\xce\x05\xab\xe4\\\xb6t\xdb\xb6\xcf\xf2\x19%\x02@J9\xec\xb1A\x16k\x8a1\x95\x7f\xce\x11\xa5\x12\xda\xa0i\xdd\x1e\x83\xbb\x14\xab\x84b\x9c\x9d\x9d\xedv\xbb\xb5e\x98A\xd0\x01 \xf1\xa8\xddPnn\xee\xd6\xad[\x19c\x82\x0b\xb3\x99\xcd\x9d\x92i4\xc9\xcf\xbf\x00\xc6\x18\xc2\xd1\xf4\x9a\x19\xd3\x1e\xed^,\x10D\xc8\x8a\xb5_\xee\xd8\xf6\x1d-K\x95\xd0s,\xfc\x9eK\x11\xf8\x8c\xff\xf7""\xa5$f\xe6\xf9\xd5=m\xfe;\x18cD\x08\x08h\xd3\xb9\xd5\xf5\xb7\xb4\xf4y\xfc\xc9\xbeM\xa6\x8cz=\xbe&gt;\xc3{\xd6\xb8\xac\x9a\xb2\np\xbb\xdd\xaa\xca\xa5\xdb\x81\x8c\x80\x0e\x00\tF\xed\x83T\x8f\x04B\x88\x10,\x00\xfa\xf5\xb8\xb6e\xdb+\x85\x81e\x7f\xce\x1dB\xa9(\n\xdd\x7fo\xfb\x86\xf5\xaa\t\x01\x84\x92h\x94\x8f\x9e\x9a\x1bgu \xc3"8\xd0t\xc7\xfc\x176\xee\xff\xe9\x04U\xaa\x9f&amp;6tT_\xb5eNv0\xc6&lt;\xca+W\xcb\xe8\xfb\xc0\x9d\xc5-\xa1%}n\xba%\xd4\x08$\xfd\xfa\x92\xec(\xcf\xaf\xd9\xb3g\xe7\xe7\xe7\x9bL&amp;\x1e\xe3\x19\xe9\xf6\x19\xd9\xbd\xc1\x17\xc2I\xd8\xfb\xf1{\x94W\x0c\xb3\x99\x9f\xcf\xe9+\x8b\xff\xbdd\xdb\xa7{sW~\xc42\x9cF\xf0\x8cL \x00\xc0\x9c\x96\x03\xff94\xff\xd5-*\xd8\x03\xc0\x1d\xf7\xdc\xde\xe8\xaa\xfa\x86U\xfd&lt;_(\xa3\x9e\xc2\xa2\xaewuhzMc\xc1\x05e\xb4d\xd2Ew\xa0$\x9e\xf2p\x87%/\xaa\xf6\xbb\x7f\xff\xfe\x993g\x12B\x10\x92 \xe5\xe8\xe1\x1d\xaa\xd7\xaf\x0e\xe1hY\xd4H\x13\x02\xa5DxC\x1d\xbb\xb6\xb8\xad\xdd\x95B\x00!\x18c4\xee\xa97=\xc7&lt;\xd8\xcc\x0c\xb2\nPB\x18\xa3\xa5\xaf\xf8\xf4\xa8(\xd7\x97q\xd3r\x8b\xbc!B\xb1\x10\x90^\xd9\x959\xacG0\x10J\xc6\xd6\xcf?D"f\xa2\x83\x1f\xe9C\x08\x01!(\xa3yyy\xa56G\x89\xbe\xb8\nM9\xba\xc9\x92\x10U\xfb\x9d6m\x9a\xd7\xebe\x8c\xf2\x18oX\xaf\xda\xd8\xacn\xc2\x1d(W\xcf?B\x08I)\xe0\xf9\xe9}\xcdf&amp;\x040J\x0f\x1e:9\xff\x85\x8d4\xdd!\xb8\x01\xf2\x00\x18\x17\xf9B\x9c\x8bp$\x16\x89\xc68\x17\x91(/\xbb\xaa\xafB\x08`.\xfb\xd6M\xbbW\xbf\xb3\x93R"\x01I)\x87\x8e\xeeW\xed\xd2*\x06W\xfd&lt;_\x08%&gt;\x8f\xff\x86\xf6\xd7\xde\xd2\xbdM\xf1P\x08\xc6\xca\xe8T\x9f\x03\x12\x8b~\xf7\x13\x86\xaa\xfdn\xdb\xb6\xed\xd6[o\xc5\x18I)\x85\x80\xf7\x96?\xd2\xf1\xf6\x96\xc9%\xfcp\x8e\x08.X\xe5\xd4\x89\xe3\x97=\xf5\xfc\xbb&amp;F\x05H\xa7#\xe5\xab\xf7\xb2\xeb6\xa8.C\xd1\x04N\xba)\xf7\x95\xb5\xeb\xbe\xda\xf5\xedau\xea\x02)\xfb\xf7\xba\xae\xe1\x15\x97\x96\x9d\xfc\xaaDH"\xc4\t\xbe\xb1\xd3\x93\xbb\xbe9D\x19\xe31\xde\xf4\x9a\xc6\xf3s\x9f\x8c\x04#8\xd9\xe6\xfe\xfe\x14)\xa5\xc9\xccN\x1d\xf7\xdc\xd7u\x94\xbf(\xa0\x04\x82\x9e|\xf2\xc9\xc7\x1f\x7f\\\xb7\x84&amp;\x10\x1d\x00\x12\x86:\xfc\xdez\xeb\xad\xdb\xb6m3\x9bM\xd1h\xec\xb6vW\xe6\xad}L\xf8\x92o\xee\xf7\\\x90R"\x13s\xbb\x03M\xdaf\x9f8\xe9\xa3\x94\xc4bbP\xefV\x8b\x17=\xc4O&amp;z\xd6IJ\xec\xb0 \xb3\t!\xf58`\xe4\x0f\xc9\xb2&lt;\x04p.L\x95S\x17.\xd8t\xf7\xe8E\x94\x12\x89\x10\x92\xe8\xe9E\xd9\xd7\xdf\xdc\xc2_T\xfe\xce\x7f\x08!$\xb8H\xaf\xe2z\xf9\xe9E\x8b\x9f]\xc5LL\x08\x91\xeeJ\xff\xf6\xdbo\xabV\xad\x8a\x10*\x1f\x05\x8f\xa4C\xbf\xe9\x89AI=/_\xbe|\xdb\xb6m\xcc\xc48\xe7\x8c\xd1\xe7s\xfaJ!K\xd6\xa0\xf2\x06\xc6X\x84\xa3\x95jU\x9a1\xbe\x17@\xb1g\xe4\xf2\xb7\xbe\xd8\xba\xf1k\xe6\xb2\xc7A \xe8\xec\x17\xc7}\xa1\xd8\x89\xa2\xd8\to\xec\x847v\xa2\x08\xcar\xf5\x97RR\x8b\xf9\xd4\xe1S\xe3g\xbcE\x08\xc6\x84\x80\x80\x9boo}c\x87\xeb|\x1e\x7f\xb9\\\xfd\x11B\x94R\xaf\xdb\xd7\xef\x81;/\xad]\x9d\xc78c\xac\xb0\xb0p\xc2\x84\tz&amp; \x81\x94\xcf[\xcd\xe0H)\t!^\xafw\xea\xd4\xa9\x84`\x8c\x10\x80\x1c1\xf0\xa6F\xcd\xeb\x08\x7f\xd9\xaa%\'\x16%\x10\xd4\xaf_\xeb\x16\xcdj\x0b\x00B\x88\x100y\xd6Z\xe0P\xd6\t\xf7?\xbf\xb68\x16\x81A\x00qX\xe6\xbe\xb0\xf1\xd8q/!\x04\x04\xd8\x9d\xb6\x81\x0f\xf7\t\x87\xca\xf3\xa7\x8f0\x12\\\xd8\x1c\xb6\xc1Yw\xa1\x92\xfe\xb7\xe5\xcb\x97\xef\xdc\xb9S\x1b\xc7\'\x8a\xf2{\xb7\x19\x18\xd5\xfc3s\xe6\xcc\xfd\xfb\xf7+\xcb\xa7t\x97-g|/\x08F\x08-\x87\xc9\x9fR0BR@\x8a\xdd27\xbb\xb7\x94\x08\x00\x18%\xdb&gt;\xcb_\xbcx+\xcbpT\x90\x96P\x00\xa0\x0e\xeb\x8f;\x0f\xcc^\xb0I\xe5\xfa\x00\xa0\xc7\xe0.W\\U/\xe4\x0f\x95\xbf\xec\xff\xe9PF}E\xbeN\xbd\xdb_umc\xc1\x05\xa1$\x1a\x8dfee\t!\xf4! !\xe8\x00\x10o\xd4\xc6\'??\x7f\xf6\xec\xd9\xa5\x8e\x8f\xd3\xc6tO\xaf\x99a|\xc7\xc7\x0b\xa7\xd83\xf2\xb6f\xbd\xbb\xb5P\x9e\x91\x18\xe3\xf1O\xbfy\xea\xf0\xa9\xb8yF&amp;\x1a\x8c)\x199ie4\xca\t\xa5B@\xf5ZU\xfb\x0c\xefY\xe4In\xd9\x8fsG\x081|\xfc`\xca\xa8\x9a\r\xde\xbe}\xfb\xf2\xe5\xcbuKhB\xd0\x01 \xde\xa85N\xf5\xc0QJ\x85\x80\x16\xcdj\xdf\x7f_\x07Q\x14$\x15\xa3\x17B\x8d\x86\xcd\x9c\x9c\x99\x96j\x05!\x19%\xc7\x8e{\xe7\xbe\xb0\x918,\xc9\xe5|\xf2\x17\x10\x02h\xaa5o\xc3\xceM[\xbf+u\xac\xbc{t\xffJU\xd3\xf9Y=\xcb\xca\rJ \xa8\xf9\x8d\xcd\xba\xf4i_,\x10D\xf0\xd4\xa9S\x8b\x8a\x8atKh\xfc\xd1\x01 \xae\xa8\x8e\xb7\xad[\xb7\x96N\xc1H)\xe7N\xee\xcd\xac\xe6r\xa0\xfcs\x8e\x10B\xb8/\\\xf7o\xb5\xb3\x86\xb5\x17\x00\x12!B\xf0\xec\x05\x9b\xf2w\x1dde)\x10\x94p\xd4\xd8\x17\x0fFGf\xaf\xc4\x08aB\x84\x10W]\xdb\xb8S\xef[\x93W\xf3\xf9/@(\t\xfa\x83CG\xf5s\xa4\xda\x05\x17\x8c\xb2\xfd\xfb\xf7\xcf\x9f?\x9f\x10\xa2\x0f\x01qF\x07\x80\xf8\xa1\xc6\xbe"\x91\xc8\x981c0\xc6\x94\x10!\xa0\xf7\xed-\xdbuh\xc6=\xc9\xac\xfa{\xfePF\x84\xdb\x9f\xf5`\xe7z\x97W\x11\x02(%\xd1(\x7f|\xc6\xdb\x88\x90r\xbc\x05\x04!h\x9a\xf5\xa5\xd7\xb6\xec\xdd\x7f\x8c(\xd9\x1f3\x1b&gt;~pRK~\xfe\x05\x94gd\xd5\x1a\x95\x07&gt;\x9cY\xea\x199o\xde&lt;U\x12+\xc7;\x00\x03\xa2\x03@\xfcP\xb5\xdf\x95+W\xee\xd8\xb1Cm\xff\xcdf\xf6\xd4\xf8\x9e\x08\xa0\x82\xec\xfdK\xc1\x18C\x94\xbb.I\x9f\x9c\xd5\xadX%\x94\x92\xd5\xebwl\xdd\xbc\x9b\xb9\xec\xe5r\x1b\xa8\xc6\xcd\xdcG\n\'\xcf^\x871\xc6\x84\x00@\xbb\xae7\xb6h\xdd\xac\xdc\xc8\xfe\x9c;\x94R\xbf/\xd0sP\xd7\x9auj\x08.(\xa5EEE\xd3\xa6M\xd3*\xa1q\xa6b\xddv\tDm\xff\xddn\xf7\xf8\xf1\xe3\t!\xca\xf1\xf1\xd1\x11\xb75h^\x87\x97\x0b\xd5\xcf\xf3\x851\xcaO\xf9\x06\x0cl\xdb\xb6U\x03^,\x0f\x80FO[\xcdC\xd1r)\x14\nB\x12\xa7%{\xc6[nO\x90R"\xb8p\xba\x1c\xf7&gt;60\xe0\x0b\x96\xd7\xc6\xff\xb3\x81\x11p\xb0\xd8RFL\x1c\x82Tj\x94\xd1e\xcb\x96m\xdf\xbe\x9d1V.w\x00\xc6\xa4\xe2\xddy\tBm\xff\xb3\xb3\xb3\x0b\n\n\xd4\xf3_\xadj\xea\xe8\x07;\x83\xbf\xcc\x1d_\x95/\xee_x\x95\xe9U!\x84\x90\x94\xd4D\xa7\x8d\xedA\x08\x06\x00J\xc8\xce\xdd\x87^zy3M\xb3A\xf9Z\x02\x94\xeb\xe4\x8em\xdf/X\xba\x9d\x10,\x11\x92R\xf6\x1a\xd2\xb5V\xddK\xcbH\xf6GJ\t\x17\x892*\xcc\x12J\xfc\xde@\x9b\x8e\xd7\xb7h\xdd\x0c\x04\x10L\x84\x10YYY\x91HDW\x83\xe3\x86~\xa3\xe3\x812|\xdf\xbbwo\xd3\xa6M\xa5\x04\x8c1\xe7\xe2\xf5yC\x87\xde\xd7\xa1\xccU\x10$\xc2V\x13\xfa\x0b\'\x0c)e(Z\x06\x17\xf4?(\x81\xa0!C_X\x9c\xfb\xa9\xc9D\x85\x80\xb4T\xeb\xfe\xcf\x9eNK\xb7\xa323\xe0\x8d?\x00\x92\xa6\xd9\xdau\x9a\xbe\xed\xd3\xbd&amp;\x13\x8b\xc5x\xcd:5^yw\x9e\x94\x12It\xd1\x0b\x00R"f\xa2\xa6be\x8b\x0b\xf9\xd3%B8\x16\x89\n^&amp;\xe6\x04\x00`\xb5Y\x0e\xfcp\xe8\x1f\xdd\xc7*\x918\xce\xf9\xc2\x85\x0b\x87\x0c\x19\xa2\x05\x82\xe2\x83\x0e\x00\xf1@\xdd\xcd\x9d:u\xca\xcb\xcbS\xb2?m[5\xf8\xe0\x9d\xc7!\x18\xa1e9\xf8\x03 \xa9=e\xd2\x13\xb9\x9f\xec\xd8\x7f\xee\xfe\x1b\x04c\x90\xb2N\xad\xca\xaf\xce\x19\x8c.x\t\xf9\x93+\x94\x12\x9b\xd9\xf1\x82\xa2&amp;\xed&amp;{&lt;AJI\x8c\x8b\x07\x87\xde\xfc\xcf\xe7\xef\xe5\x85~\xca\xca\xc3\tUp\xc12\x9c\xb9\xcb\xb6\xf7\xb9\xffe%\xfb\x03\x02r^\x9dpS\xa7\x1b|E\xfe\x8b\xae\xfa\x07\x00v\x87\xed\xc3w&gt;~{\xd1\x86\x0b4]\xc1\x84H\x80\x01\x0f\xf5\xbe\xa6\xed\xd5!\x7f\xb8,\x86\xd4\x04\x17\xae\xcai\xff|\xe2\xd57\x16\xbc\xcdL\x0c\x04T\xadZ\xf5\xdbo\xbfu\xb9\\\xda8&gt;\x0ehS\xf82G\xad\xfeyyyyyy\x94R\x10@)\x996\xb6\x07a\x04d\x99\xae\xae\xc5\xbc\xb7\xf5\xdb\xaf\xfes\xe8|\x7f\xea\xa7\xcbN\x95\xc5\xc5\xfc\x06\x82\xb1\x08E\xab\xd7\xaf&gt;zx\x87I\xcf\xac%\x08\x11\x82\x17,\xdd&gt;\xf2\x9e[\x1b6\xa9\x05\xc1\xa4\x97F\x90RbF\xa3\xbe\xd0\xe33\xdfF\xaa\xf53\xc6[\xb4n\xd6\xa6\xe3\xf5~\xef\xc5_\xfd\xd5\xdf\xc8L\xec\xd8\x91\xe3\xff\xf9\xfc\xdb\x8b\xf2\x07v\xe9\xd3\x9e1&amp;\xa5\xc4ep\xaf\x12J\x82\xfeP\xe6\xb0\x1eyk&gt;\xf4\x9c*b\x8c\x15\x14\x14\xcc\x9d;w\xfa\xf4\xe9\xfa\x10\x10\x07\x92\xfb\xe92&gt;\xaa\xf6[b\x81\x84(%\\\x88\xfe\xbd\xa</t>
        </is>
      </c>
    </row>
    <row r="52">
      <c r="A52" s="1" t="n">
        <v>50</v>
      </c>
      <c r="B52" t="inlineStr">
        <is>
          <t>rectangle_height_color</t>
        </is>
      </c>
      <c r="C52" t="inlineStr">
        <is>
          <t>What is the missing color of the part denoted with a question mark?</t>
        </is>
      </c>
      <c r="D52" t="inlineStr">
        <is>
          <t>['orange', 'yellow', 'blue', 'purple']</t>
        </is>
      </c>
      <c r="E52" t="inlineStr">
        <is>
          <t>blue</t>
        </is>
      </c>
      <c r="F52" t="inlineStr">
        <is>
          <t>There are 7 rectangles in the image with varying colors and lengths. The lengths from left to right are ['long', 'long', 'medium', 'short', 'medium', 'short', 'medium']. The colors from left to right are ['yellow', 'yellow', 'blue', 'orange', 'blue', 'orange', '?'].</t>
        </is>
      </c>
      <c r="G52" t="inlineStr">
        <is>
          <t>We observe that the orange rectangles are of short length and the yellow rectangles are of long length. Hence, the pattern is that the color of each rectangle corresponds to its length.</t>
        </is>
      </c>
      <c r="H52" t="inlineStr">
        <is>
          <t>Based on the pattern that the color of each rectangle corresponds to its length, the missing color of the part denoted with a question mark should be blue.</t>
        </is>
      </c>
      <c r="I52" t="inlineStr">
        <is>
          <t>b'\x89PNG\r\n\x1a\n\x00\x00\x00\rIHDR\x00\x00\x02\x00\x00\x00\x02\x00\x08\x02\x00\x00\x00{\x1aC\xad\x00\x00=\xadIDATx\x9c\xed\xddy|T\xd5\xdd?\xf0\xef9\xf7\xceL\xf6d\x08IXE\x81\xb0(\x1a\x0c\x9b\x10\x05\x15\x91X\xab\xe2\x86\xa0`\xfb\x02A\xab\xd4\x86\xc7\xfa&lt;\xb5\xf5)\xa2O\x1fe\xb1\x8b\xd5G\x0b"\x82\x15\xa9b\xeb\xd6B\x08Z\x96\xaa\x10\x02\x02B\x02\x82\xb2IH\xc8:\xd9&amp;3s\xef9\xbf?\xae\xe4\x97\x82b\x08d\xe6\xde9\x9f\xf7_t\xc6N\xbe\xf9f\xe6|\xce\x9c{\xe6\x0c\x93R\x12\x00\x00\xa8\x87G\xba\x00\x00\x00\x88\x0c\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J\x8ft\x01m"\xa5l\xc7\xff\x8b1v\xde+i\x1f\xa7\xd7\x0f\x00Q\xc9\xa6\x01 \xa5\x14BH)\x19c\x8c1\xce\xdb\xf3N\xe5\xbc&lt;H\xfb8\xbd~\x00P\x01k\xdf\xe4\xb4\x83XC\x1e\x11i\x9a\xd6\xfav\x9f\xcf\'\x84`\xac\xad\xd5Zs\xe7\x94\x94\x94\xd67Z\x83)\xe7\xbc\xe3f\xd6N\xaf\x1f\x00\x94b\x97\x00\x90R\x9a\xa6\xa9\xeb\xdf\xbc#\xa9\xaf\xaf/,,\xdc\xb2e\xf3\xf6\xed\xdb\xab\xab\xabKJ\x8aM\xc38\x8b\x87c\x8c\xa4\xec\xd3\xb7\xaf7\xc5;d\xe8\xb0\xec\xec\xec\xe1\xc3\x87w\xef\xde\xdd\xba\xd30\x0c\xce\xf9\xf9\x9dP;\xbd~\x00P\x90-\x02\xc04Mk\xca\x1c\x0c\x06\xd7\xacY\xb3|\xf9\xb2\xa2\xa2\xad\x87\x0f\x1f=\x8f?\xa2\x937y\xc8\xd0a\x13\'N\xbc\xf9\xe6[\xd2\xd3\xd3\x89\xc80\x0cM\xd3\xce\xcbl\xda\xe9\xf5\x03\x80\x9a"\x1c\x00\xd6Og\x8c\xf9|\xbe\xc5\x8b\x17\xbf\xf6\xda\xf2]\xbb&gt;o\xb97)!\xa6W\x8f\xc4\x8c\xb4\xd8A\xbdS\xbc\x9db\xa4!\xda2\xdcII\x8c\xb3P\xc8,*\xae\xae\xad\r\xec?\xec\xab\xaaij\xb9\xb7[\xd7.w\xdf3\xe5\xbe\xfb\xee\xeb\xdf\xbf?\x11\t!\xcee*\xed\xf4\xfa\x01@e\x91\x0c\x80\x96\x89\xf3\xd2\xa5K\xe7\xcf\x9f\xb7w\xef&gt;\xeb\xf6^=\x92\xc7\x8e\xea\xf6\xc3k{\r\xb98\xb5{F\xbc\x16\xef"\x8d\x93\xc6\xe8\xec*\x95\x14\x12\x140++\x9bv~Q\xb3f\xd3\xd7k6\x1e\xdd\xbd\xb7\x8aH\x12Q\xa7N\xde\x9f\xfe\xf4\xe1\xd9\xb3g\'\'\'\x1b\x86\xd1\xb2t\xa3T\xfd\x00\xa0\xb8\x88\x05\x805z\x96\x96\x96N\x9b6-??\xdf\xba\xf1\xb2\x01\x9d\xf3\xa6]z{n\xef\xa4\xb48\x92\x92\x9aM\n\x99BH!\x89\xce\xbeN\xce\x19c\x8c\xb98y4\xd2\xb9Q\x1f\xfc\xe7\xe6\xd2g\x17\xef\xcc\xdfx\xd4\x1aF\xfb\xf7\xef\xbfd\xc9\x92\x9c\x9c\x1c\xeb\n\xedY-\xa78\xbd~\x00\x80\xc8\x04\x805i\xcd\xcf\xcf\x9f&gt;m\xda\xb1\xd2R"\x1a\xd0\xdb\xfb\x9f?\x19|\xcfM\x99\xeed\x0f5\x04\xcd\x90I\xc4\x18\xa7s\x1f\xd5\xa4$!\xa4$\xa9k\x9c\xe2]$d\xc1\x86\xa3\xf3_\xfal\xdd\xc7_\x13\x91\xc7\xe3~\xe6\x99yyyyg5\x86:\xbd~\x00\x00\x8aH\x00X\xa3\xe7\xe2\xc5\x8bg\xce\x9ci\xd5\xf0\xd3\x1f]\xf2\xd4\xcf\xafHN\x8b%_\xc04\x05\xe7\xbc#\xc61I$L\xc9\x18\xf1$\x0f\x99\xe2\x8f\xaf\xec\xfa\xf5\xc2\xad\xb5\r\x01"\x9a1c\xc6\xa2E\x8bL\xd3l\xcb&amp;K\xa7\xd7\x0f\x00`\tw\x00X+\'-\xa3gjJ\xcc\xff\xfd\xcfU\x13\xef\x1cHu\x01#hj:\x0f\xc3\xe8eZ\xc3hj\xecgEe\xf7\xfd\xfc\xa3\xed\xc5UD\xd2\x1aC\xbfw\x1e\xed\xf4\xfa\x01\x00Z\x845\x00\xfe}\xf4d\xdd\xd2b\xdfY\x94;\xec\xaa\x9e\xa1\xb2F]\xef\x90Y\xf3\x19\x18!\xa1\xa7\xc4\xd4T5\xdd\xf4\xe3\xbf\x7f\xfcY\x05\x91h\x99G\x9f\xf21\xae\xa8\xa9\x1f\x00\xa0\xb5\xf0\x05\x8050\xad[\xb7n\xdc\xb8qD\x94\xde)\xb6\xe8\xbd\xdb{^\x98l\xd4\x06tWd62\x9a\x86\xd0&lt;\xba\xa1\xb1\x1b\xee~o\xdd\xa7\xc7\x88\xe8\x89\'\x9e\x983g\xce\xb7\xee\xabqz\xfd\x00\x00\xa7\x08S\x00X\xdb\xd5\xcb\xcb\xcb\x07ge\x95\x9f8\xe1M\xf2\xacy\xf5\x07\xc3\x86u5|\x01]\x8f\xe46vaJ\xee\xd1\xaa\xea\x83\xb9S\xde/\xda]\xc9\x18\xe5\xe7\xe7\x8f\x1b7\xee\x94y\xb4\xd3\xeb\x07\x008]\x98\x06/\xeb\xa4\x84\xa9S\xa7\x96\x95\x97\x13\xd1\xa2\xa7\xae\x1avUO\xa36\xc2\xa3\'\x11q\x8d\x99\xcdfj\xe7\xd87\x9f\x1f\xd7)\xc5CR\xde;ujYY\x19c\xcc:\xd5\xc7\xe2\xf4\xfa\x01\x00N\x17\x8e\xf1\xcb\x9a\x8d\xaeX\xb1\xa2\xa0\xa0\x80\x88\x1e\x9c&lt;\xf0\xf6I\x17\x87\xca\x1a#\xb5rr\nMgFm\xe0\xa2\x81\x9d_z"G\x12\x95\x95\x97?\xf6\xd8c\x9c\xf3\x96\xf7FN\xaf\x1f\x00\xe0[u\xf8\x12\x90\x94RJY[[;b\xc4\x88\xaf\xbe\xfa\xb2\xcf\x05I\xdb&gt;\xb83\xce\xa3qS\xdaj\xaf\x8aa\n=%\xe6\xae\xe9\xab\xdf\\\xfdU\x8c\xc7\xbdq\xd3\xa6\xa1C\x87ZG1;\xba~\x1c\x14\x01\x00\xdf\xa5\xc3G\x07ks\xfa\xd2\xa5K\x0f\x1c8 \x84|\xfc\x81\xcb\x13\xd3\xe2d\xd0\xb4\xd5\xe8ID\x9c1\x19\x12\xff3{h\x8cGk\x0e\x04\xe6\xcc\x99c\r\xfdN\xaf?\xd2u\x01\x80}ul\x00H)5M\xf3\xfb\xfdK\x97\xbe\xc2\x18\x1b\xd0\xc7{\xd7\xad\xfdDm\xb3\x16\xe9\xa5\xf3\xd3q\xceDC0\xf3\xb2\xf4I7\xf6!\xa2\x8d\x1b7\x94\x94\x94h\x9a\xc69wt\xfd\xb8\x12\x00\x00\xdf\xa5c\x072\xebsI\xeb\xd6\xad\xdb\xb3\xa7XJ\xf9\xd8\x8c,O\xb2G\x1a\xc2f\xb3\xe7o0\xced\xc0\xfc\xc5\xcc\xac\xf88wcc\xd3\xcb/\xbfLD\x9cs\x87\xd6\xbf\xe4\xe5\x97\x89\x08\x01\x00\x00\xdf%\x1c3\xd9W_]\xca\x18\xeb\x9e\x91x\xfb\x0f\xfa\xc8\xfa \xd7l7}\xb6p\xceDc\xb0\xffe\xe9\xd7^\xd1\x8d1\xb6j\xd5\x9b\r\r\rDdM\xff\x1dW\xff[\xab\xdeljj\xd2u\x1d\x0bA\x00\xf0\xad:p,\xb3\xd6\x7f|&gt;\xdf\xd6\xc2B)\xe5\xf8\xab\xba\xc7\xa7\xc5\x89\x90\xedV\xcf[\x93\x92$c\xb7_\x7f\xa1\x94\xb2\xf4\xd8\xf1\xe2\xe2b\xc30\n\xb7lvh\xfd;w\xee$\xbc\t\x00\x80\xef\xd0\x81\x01`\x8d;EEEG\xbf&gt;FD7_\xdb\x8b$\x11\xd9x\xf8$\xd24\xce\x9a\x8dq\xa3\xba\'%\xc4\x18\xa6\xb9q\xe3\xc6\xcf?\xff\xfcXi\x199\xb3\xfe5\xabW\xd3\xc9o\xad\x01\x008E\xc7\xbe\x03 \xa2\xad\x85\x85D\x94\x10\xe7\x19rq*\x05\x0c\x1e\x8e\xd3\xd2\xda\x8f1\x92\x013\xa3Gb\xbf\x8b\x92\x89h\xd7\xce\x1d\x1f\x7f\xfc19\xb6\xfe\xadE[\x89\x08;A\x01\xe0[u\xe0\xd0`\x9dIY\xb4\xad\x88\x88z_\x90\x94\xd65A\xda{\xfd\xc4"\x84\xd0b]\x83\x07v"\xa2\x9d\xbbv\xae\xfe\xc7\xdf\x89\xe8\xa2\x9e\x89\xce\xaa\xff\xf2\x8b;\x11QIIqCC\x03&gt;\x14\x06\x00\xdf\xaa\x03\x8f\x0c\xb3\xf6\xa1WTT\x10Qzj\x8c\'\xde-\xea\x03\xcc\xde3h\xb2\xbe\xb9\x8b\xb3\x9e]\xe2\x89\xa8\xaa\xbaJ\x98\x82\x1c[\xbf\xaf\xb6\xd6\xef\xf7\'$$D\xba(\x00\xb0\xa3\x8ez\x07`}\x06\xd5\xe7\xf3\xed\xffb\x1f\x11\r\xcaL!\xcd\x19\x9fKb\x8c\x91)\x06ez\x89\xe8Dy\xc5\x81/\x0f\x90\x03\xeb\xbf\xa4\xaf\x97\x88|u\r%%%\x84\xeb\xc0\x00\xf0m:\xf6\xd0`)e(\x14"\xa2\xce\xde\x18\xe2\xcc\t\xe3\'\x11\x11I\xea\xec\x8d!"\xc30\x84`\xe4\xd8\xfa\x85\x10\x86aD\xba\x1a\x00\xb0\xa9\x0e\xbf&lt;h]\t0\x0c\xa7\x8c\x9d\xdf\xb0\nn\xf9v-\x87\xd6O\'\xfb\x0f\x00p\xba0\xed\x0fq\xdc(tJ\xc1N\xaf\x1f\x00\xe0t\xd8 \x08\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f4H\x17\x00\x0e \xa5l\xc7\xff\x8b1v\xde+Q\x13\xfa\x1fYQ\xdc\x7f\x04\x00|\x0b)\xa5\x10BJ\xc9\x18c\x8cq\xde\x9ew\x8a\xe7\xe5A\xd4\x84\xfeG\x96:\xfdG\x00\xc0\xffg=e\x89H\xd34M\xd3Zn\xf7\xf9|B\x08\xc6X\x1b\xa7B\xd6\xdc\'%%\xa5\xf5\x83X/\x06\xce\xb9#fF\x11\x81\xfeG\x96\x82\xfdG\x00\x00\x11\x91\x94\xd24M]\xd7\xad\xa7l}}}aa\xe1\xe6\xcd[\xb6\x7f\xb6\xbd\xba\xaa\xba\xb8\xa4\xc40\x0c\xc6\xa8\x8do\x85\x19cD\xb2O\x9f\xbe^o\xca\xb0\xa1C\xb3\xb3\xb3\x87\x0f\x1f\xde\xbd{w\xeb^\xc308\xe7\xf6\x9c\x10E\n\xfa\x1fY\xdf\xda\xff-[\xb6l\xdf\xbe\xbd\xba\xba\xba\xa4\xa4\xc44\xcd\xb3}\xcc&gt;}\xfa\xa4\xa4\xa4\x0c\xb5w\xff\x11\x00@\xa6ij\x9a\xa6\xebz0\x18\\\xb3f\xcd\xb2\xe5\xcb\xb7n-:z\xe4\xf09&gt;lUe%\x11\xe5\xafYCD\xc9)\xdeaC\x87N\x9c8\xf1\x96[nNOO\'"\xc304M\xb3\xd5l(R\xd0\xff\xc8:\xa5\xff\xcb\x97//**:|\xf8\\\xfb_QQADk\xd6\xac!"\xaf\xd7;t\xe8\xd0\x89\x13\'\xde|\xb3\xbd\xfa\x8f\x00P\x9a\xf5\x96V\xd34\x9f\xcf\xb7x\xf1\xe2\xe5\xaf\xbd\xf6\xf9\xae]-\xf7\xc6\xc4\'&amp;\xa5u\x8fOI\xf7v\xeb\x13\x93\xe8\x15\xc2`\xd4\xb6\xe7+c\xc2\x08U\x1c*nn\xa8\xf5\x95\x1dj\xac\xab\xf1\xd5\xd6\xac[W\xb0n]\xc1\xaf\xe7\xfcz\xca=\xf7\xdcw\xdf}\xfd\xfb\xf7\'"!\x84M\xa6B\x11\x81\xfeG\xd6)\xfd\x7f\xed\xb5\xd7v\xb5\xea\x7fbb\xe2\x05\x17\\\xd0\xa5K\x97~\xfd\xfau\xea\xd4\xc90\x8c6\x8e\xd7\x8c\xb1P(\xb4k\xd7\xae\x9a\x9a\x9a/\xbf\xfc\xb2\xba\xba\xba\xa6\xa6\xa6\xa0\xa0\xa0\xa0\xa0`\xce\x9c9w\xdf}\xb7}\xfa\x8f\x00P\x975\xf1!\xa2\xa5K\x97\xce\x9b?\x7f\xdf\xde\xbd\xd6\xed)\xe9=z^\x9as\xd1\x90\xb1i\x17^\x92\xd0)\xdd\x1d\x9b\xc0\xb8\xc6\xb9&amp;IR\x1b\x07 "\x92R\x98!#\x18h\xaa\xad\xa8&lt;\xfa\xc5\x91\x9d\x9b\x0e\xefX\x7f\xe2\xf0\xde\xb2\xe3\xc7\x17.\\\xb8d\xc9+\x0f?\xfc\xd3\xd9\xb3g\'\'\'\x1b\x86\xa1\xeb*&gt;\x0f\xd1\xff\xc8j\xdd\xff\xf9\xf3\xe7\xef=\xd9\xff\x0b.\xb8\xe0\xea\xab\xaf\xce\xcd\xcd\xcd\xca\xca\xea\xd2\xa5Kbb\xa2\xae\xeb\xed\x98\xaa\x87B\xa1@ P^^^RR\xf2\xe1\x87\x1f\x16\x14\x14\xec\xd9\xb3\xa7\xb4\xb4t\xe1\xc2\x85\xaf\xbc\xf2\xcaO\x7fj\x8b\xfe\xab\xf8\x87\x07:\xf9\xec/--\x9d6mZ~~\xbeucZ\xaf\x01\xd9?\xbc/\xf3\x8a\x1b\xe2R\xd2HJ#\xd8l\x1a\xa1@c\xbd$\xd9\xd6\xe5\xe7V\x18\xe3\x8c\xb1\xb8\x94\xb4\xde\xe9=\xfb\x0e\xbf&gt;\xd0X\x7ft\xcf\xa7\xdb\xde[tx\xc7\x86\x9a\x9a\xea\xb9s\xe7\xae\\\xb9r\xc9\x92%999\xd6\x15\xb6\x88\xbf\x1d\x0e\'\xf4?\xb2\xbe\xb5\xff\x97\\r\xc9\xacY\xb3&amp;L\x98\x90\x9e\x9e.\xa5lnn\x0e\x06\x83&gt;\x9f\x8f\xda\xb5\x13\xd4\xda\xf9\x93\x9e\x9e\xde\xabW\xaf\x1bo\xbc\xb1\xae\xaen\xd3\xa6M\x7f\xf8\xc3\x1f\xd6\xad[W]m\x97\xfe#\x00TdM:\xf2\xf3\xf3\xa7M\x9bVZZJD\xa9\xdd\xfb\x0c\x9d\xf0\xe0\x80\xabn\xf1\xc4\'\x07\x9b\xea\xfdu5\x8c\x111n\xed_;\x97\'\xa6i\x84\xccP@J\xc95\xbd\xf7\x90k/\xba\xfc\xeaC;6\x14\xfe\xed\x85#\xbb&gt;\xde\xb7o\xdf\xb5\xd7\x8e\x9d7\xef\x99\xbc\xbc&lt;k\xf7\x85"c\x10\xfa\x1fY-\xfd\x9f&gt;}\xfa\xb1c\xc7\x88(33\xf3\x91G\x1e\xb9\xf3\xce;\xbd^o]]]UU\x955|3\xc6Z\xef\xe4i\x07\xeb}\x80\x94R\xd7\xf5\xdc\xdc\xdcq\xe3\xc6\x15\x14\x14&lt;\xfb\xec\xb3\xeb\xd7\xaf\xdf\xb7o\xdf\xd8\xb1c\x9fy&amp;\x92\xfdWw\xf9OY\xd6\xb3\x7f\xf1\xe2\xc5\xb9\xb9\xb9\xa5\xa5\xa5\x8ch\xf0\r?\x9e&lt;\xef\xfd\xc17\xfc\x88\x88\xfcuUR\x9a\\\xd3\x18??W\xa8\x18c\x8ck\\\xd3\x89(\xd0X\x17\xf47^\x94}\xed\x9ds\xdf\xbcv\xfa\x93\x9e\xb8\x84`00{\xf6\xec\x993gr\xce\xad}r\xe7\xfe\x13m\x0e\xfd\x8f\xac\xd6\xfd\xb7F\xff\x07\x1ex`\xd3\xa6M\xf7\xdf\x7f?c\xac\xb2\xb2\xb2e;\xd0\xf9\xea\xbfu\x85\x99\x88jkk\x1b\x1a\x1arssW\xaf^\xbdp\xe1\xc2\xc4\xc4\xc4@ \xc2\xfdG\x00\xa8\xc5zr/^\xbcx\xe6\xcc\x99D\x14\x9b\x98\xf2\x83\xff\xf8\xbf\xf1\xb3\x9e\xd5]1M\xbeJ"\xe2\x9a~\x16\x0b\xcdg\x89q\x8dq\xde\xdc\xe8\x0b\xf9\x1b\x87\xdf6k\xe2S\xab\xd2/\xbc\x98\x88\xacz4M\x93RF\xf7\x18\x84\xfeG\xd6)\xfd\xf7z\xbd\xcb\x97/\x7f\xf1\xc5\x17cbb\xacM;\xed[\xeeo#M\xd38\xe7\xb5\xb5\xb5\x8d\x8d\x8d\x8f&lt;\xf2\xc8\xda\xb5k/\xbb\xec2\x8ah\xff\x11\x00\n\xb1\xd6=\xadg\x1b#\x8a\xf7\xa6\xdf\xfa\xab\xe5\x97^7\xb9\xa9\xe6\x84\x14\xa65I\x0c\x03\xce5\xc6ycMy\x97\xbe\x83\xef|\xf2\xcd\xae\xfd\xb2\xd9\xc9\xd7\x805\x0f\nO\x19\xe1\x87\xfeGV\xeb\xfe\x13QFF\xc6\xdf\xfe\xf6\xb7\xa9S\xa7\x9e8q\xc2\n\x86\xf0\x94a\xc5\xc0\x89\x13\'\x86\x0c\x19\xb2z\xf5\xea\xe1\xc3\x87S\xe4\xfa\x8f\x00P\x85\xf5\xec_\xb7n\x9d\xf5\xec\x8fI\xea4\xf9\xe9w\xbb\x0f\x1c\xd6X]\xc6u\x17\x85\x7f\xf1Qw57\xd4\xbac\x13&amp;?\xfdN\x8fA#\x89h\xf1\xe2\xc5s\xe7\xce\xd54\xcd0\x8c0\x17\x13\x06\xe8\x7fd\x9d\xd2\xff\xce\x9d;\xaf_\xbf~\xd4\xa8Q\'N\x9cp\xb9\\\xe1_|w\xb9\\\xb5\xb5\xb5\x89\x89\x89\xff\xfc\xe7?G\x8f\x1eM\x11\xea?\x02@\tB\x08M\xd3\xca\xcb\xcb\xa7L\x99\xc2\x18\x8bIH\xbe\xf5\x97\xafz\xbb^\xd4\xdc\xe0\xe3\xba+RUqM7C\x01)\xe4\xcd\x8f.\xca\xe8=\x88\x11\xcd\x9d;\xb7\xa0\xa0@\xd7\xf5v|\xf0\xd2\xce\xd0\xff\xc8j\xe9\xff\xd4\xa9S\x19c^\xafw\xd5\xaaU}\xfa\xf4\xa9\xa9\xa9q\xb9"\xd6\x7f]\xd7\x03\x81\x80\x10b\xc5\x8a\x15\x83\x07\x0f\xa6H\xf4\x1f\x01\xa0\n\xd34\xa7N\x9dZ^^NDcg\xfc\xe6\x82\xac\xab\x9a\xebk\xc2\xb6\xec\xf0]\x18\xd7\xcc\xa0?6\xb9\xf3\x0f\x1fy\xd1\x93\x90"\xa5\x9c:ujYY\x19c,\x9a\xd6"\xac\x93\x06\xd0\xffHi\xe9\x7fYY\x19\x11\xfd\xfe\xf7\xbf\x1f3fLdG\x7f\x8b\xa6i~\xbf?--\xed\xb5\xd7^\xf3z\xbdDt\xef\xbd\xf7\x86\xb3\xff\x08\x00%\xb8\\\xae\x15+V\x14\x14\x14\x10\xd1\xa5\xd7\xdd}\xe9\xb8\xbb\x1b\xab\xca"8\xf7l\x8diz\xa0\xa1\xb6s\xaf\x81\xd7N\x7f\x92\x88\xca\xcb\xcb\x1f{\xec1\xcey\xd4\\\x8d\xb4\x16\x1f\xd0\xffH9\xa5\xff\xd3\xa6M\xbb\xf7\xde{\xad\x95\x9fH\x97FD\xa4\xebzmm\xed\xa0A\x83\x9e}\xf6Y)eYYY8\xfb\x8f\x00\x88r\xd6\xd3\xa8\xaa\xaa\xea\xc9\'\x9fd\x9c{\xbb^8\xe6G\x8f7\xd7\xd7F|\xee\xd9\x1a\xd7]M\xbe\xaaA\xd7M\xea7\xf2\x07\x8c\xe8\x8d7\xde\xd8\xbaukt\\\x90\xb4N\x03\xae\xae\xaeF\xff#\xa2u\xff9\xe7\xbd{\xf7\xfe\xcdo~\xe3\xf3\xf9l\xf5\xe1g\x97\xcbUYY\xf9\xa3\x1f\xfdh\xc2\x84\t\x14\xde\xfe#\x00\xa2\x9cuA\xe9\xe5%K\x0e\x1c8 \x85\x186\xe1\xc18o\xbai\x04\xc3\x7f\xd5\xf1\xcc\x18cf(8\xf2\xae\xff\xd0\xdc\x9e@ 0g\xce\x9c\xb6\x9f\xbekg\xa6ir\xce\x97.]\x8a\xfeGD\xeb\xfe\x0b!\x1ey\xe4\x91\x8c\x8c\x8c`0h\xb7\x8f\xbc1\xc6\x82\xc1\xe0\xe3\x8f?\xee\xf1\x84\xb5\xff\x08\x80(\xe7v\xb9\x84\x10K\x97.e\x8c\xa5v\xef3p\xccmvXz&gt;\x1d\xe3&lt;\xe8o\xc8\xe8\x9b\xd5o\xe4\x0f\x89h\xc3\xc6\x8d%%%\x9a\xa69z\x12*\xa5\xb4\x16y_A\xff#\xa1\xa5\xff\xd6\xf3\xbf_\xbf~\x93\'O\xae\xa9\xa9\xb1\xd5\xf4\xdf\xc29\xaf\xaf\xaf\xcf\xce\xce\xbe\xed\xb6\xdb\x88hc\xb8\xfa\x8f\x00\x88rIII\x9b6m\xda\xb7w\xaf\x94r\xc8-\x0fx\x12\x92\x85i\xd3M~\x8cq3\x18\x18:\xe1\x01wL\\Sc\xe3\xcb/\xbfLD\x8e\x1e\x80\xac3^\xd6\xad[W\xbcg\x0f\xfa\x1f~-\xfd\xdf\xb3g\x8f\x942///%%\xc5\xb6\x9b\\9\xe7\xcd\xcd\xcd\xb3g\xcf\x8e\x8b\x8bk\x0cW\xff\x11\x00\xd1\x8e1k\xfa\x93\x94\xda\xa5\xdf\xc8\x1f\x04\x9b\xea9?\xa7\xb3M:\x0e\xe3&lt;\xe8o\xec\xd27\xab\xe7%#\x19co\xbe\xb5\xaa\xa9\xa9I\xd7u\xa7/D,]\xfa*\xfa\x1fA\xaf\xbe\xfa*c\xack\xd7\xae\xb7\xdezk]]\xdd9\x9e\xed\xd3q8\xe7\x8d\x8d\x8d\xd9\xd9\xd9\xa3G\x8ff\x8c\xadZ\x15\x8e\xfe#\x00\xa2\xdc\xb1c\xc7\xb6\x14n\x95R^p\xd9Uq)if(d\xb7\xd5\xe7\x7f\'\x89X\x9f\x11\xe3\xa5\x94\xc7K\x8f\xed\xdc\xb9\x93\x1c;\t\xb5\xd6\x1f|&gt;_\xe1\xd6B\xf4?\xfcZ\xfa\xbfu\xebV)\xe5\xd8\xb1c\xd3\xd3\xd3C\xa1\x90\xddV\xff[\xb3.Y\xdft\xd3MR\xca\xd2\xd2\xd20\xf4\x1f\x01\x10\xcd\\\xba\xf6\xe9\xa7\x9f\xee\xdf\xff\x05\x11]4d,I{\x0f&gt;D\x9ckF\xc0\x7f\xc1\xa5W\xc6\xc4%\x9a\xa6\xb9z\xf5jj\xd7I\xbcv`\xbdn\x8b\x8a\x8a\x8e}\xfd5\xa1\xffa\xd7\xd2\xff\xa3G\x8f\x12Qnn\xae\xfd\x7f\x11\xeb\x8a\xc55\xd7\\\x93\x94\x94d\x18\x86\xf5mbx\x07\x00\xed\xe4r\xbb\x8b\x8a\x8aL\xc3\xd0=\xb1\xe9\x17]b\x84\x9a\x19\xb3\xf7_\x9c13\x14HL\xeb\xee\xedv!\x11m\xddZDD\x0e\xfd\xca*\xebu[XXHD\x9e\xd8x\xf4?\xcc\xac\xfeo\xdd\xba\x95\x88\x12\x12\x12\xb2\xb2\xb2\x9a\x9b\x9bm\xfe\xbb0\xc6\x02\x81@\xcf\x9e=\xfb\xf4\xe9C\'\x8b\xef\xd0\x9am\xdd\x0e8G\xc1`pkQ\x11\x11%\xa5\xf5HH\xedj\xfb\xf5\x07""!\x84\xcb\x13\xdb\xb9\xd7\xc5DT\\R\xd2\xd0\xd0\xe0\xd0\x0f%YK\rEE\xdb\x88(9\xbd\'\xfa\x1ff\'\xfb_DD\xbdz\xf5\xea\xde\xbd\xbb\xcd\xd7\x7f,B\x88\xb8\xb8\xb8K/\xbd\x94\x88J:\xbe\xff\x08\x80h&amp;\x84\xa8\xad\xa9!\xa2\xb8\xe4Twl\xbc\x14\x8e8\xe0E2\xae%\xa4v%\xa2\xda\xdaZ\xbf\xdf\x1f\xe9z\xda\xc9\xda\xc7m\x1d2\x8c\xfe\x87_\xeb\xfe\xa7\xa5\xa5%$$8\xe2\x80#)%\xe7\xbc{\xf7\xeeD\xe4\xf3\xf9:\xba\xff\x08\x80(gm9\xef|A\x7f\xc6\x9d\xb1\x9d\x831&amp;L#\xb5G&amp;\x115\xd4\xd7\x95\x94\x94\x90\x03\xafCZ/c\x9f\xcf\xb7\xef\x8b/\x88\xa8S\x8f~\xe8\x7f8\xb5\xf4\xff\x8b/\xbe \xa2\x01\x03\x06X\xa7\xedG\xba\xae\xef\xc7\x183Ms\xc0\x80\x01D\xe4\xf3\xf9:\xba\xff\x08\x00%\xc4%vb\x9c\x139\xe0\x05@D$eLb\'"\x12B\xd8v\xd7v[H)C\xa1\x10\x11\xc5$z\xd1\xff\xf0\x93RZ\xf5\xa7\xa6\xa6:h!KJ\x99\x9a\x9aJa\xe9?\x02@\tB8\xece,O\x16l\xffE\xdb3\xb3\xea\x97\xe8\x7f\x84X\xf5;.\xc6Z\n\xee\xe8\xfe#\x00\x14\xe1\xb8\x97\xb1\xe3\n&gt;3\xc7\xfd:\x8e+\xf8L\x1c\x17ca+\x18\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f4H\x17\x00\xd0\xe1\xa4\x94\xed\xf8\x7f1\xc6\xce{%jB\xffm\x0b\x01\x00QHJ)\x84\x90R2\xc6\x18c\x9c\xb7\xe7\x9d\xeeyy\x105\xa1\xffN\x81\x00\x80\xe8a\r\x19D\xa4i\x9a\xa6i-\xb7\xfb|&gt;!\x04c\xac\x8dSQk\xee\x99\x92\x92\xd2\xfaA\xac\xc1\x88s\x8e\x99\xe9wA\xff\x1d\x07\x01\x00\xd1@Ji\x9a\xa6\xae\xeb\xd6\x90Q___XX\xb8e\xf3\xe6\xed\x9fm\xaf\xae\xae.).6M\x83\x88\x11\xb5q-\x82\x11Q\x9f&gt;}R\xbc\xde\xa1C\x87egg\x0f\x1f&gt;\xbc{\xf7\xee\xd6}\x86ap\xce1!m\r\xfdw(\x04\x008\x9ei\x9a\x9a\xa6\xe9\xba\x1e\x0c\x06\xd7\xacY\xb3|\xf9\xb2\xa2\xad[\x0f\x1f9z\x8e\x0f[QYEDk\xd6\xe4\x13\x917%y\xe8\xd0a\x13\'N\xbc\xf9\x96[\xd2\xd3\xd3\x89\xc80\x0cM\xd30\x1b%\xf4\xdf\xc9\x10\x00\xe0`\xd6\x92\x82\xa6i&gt;\x9fo\xf1\xe2\xc5\xaf\xbd\xb6|\xd7\xae\xcf[\xeeM\x8c\x8f\xe9\x95\x9e\x94\xd1)n`\xf7\x94N\xc91\xa6)\x18\xb5i\xbc`\x8cB\x86\xf8\xec\xab\xca\xda\xfa\xc0\x81\xe3\xb5U\xbe\xa6\x9aZ_\xc1\xbau\x05\xeb\xd6\xcd\x99\xf3\xeb\xbb\xef\x99r\xdf}\xf7\xf5\xef\xdf\x9f\x88\x84\x10*OE\xd1\x7f\xa7C\x00\x80SY\x13O"Z\xbat\xe9\xfc\xf9\xf3\xf6\xee\xddg\xdd~AF\xf2\xd8\xc1=n\x18v\xe1\xe5}\xd2\xba\xa5\xc6\xc7\xc5\xbaIc\xc4Y[\x97\x1fZ\x18\xc2\x08\x1ae5M{\x8eT\xad\xdd~t\xed\xb6#\xbb\x0fV\x96\x1e/[\xb8p\xe1+K\x96\xfc\xf4\xe1\x87g\xcf\x9e\x9d\x9c\x9cl\x18\x86\xae\xab\xf8:B\xff\xa3\x00\x1a\x07\x8ed\x8d&gt;\xa5\xa5\xa5\xd3\xa6M\xcb\xcf\xcf\xb7n\x1ctQ\xda\xc3\x13\xb2n\xcb\xe9\x9b\xea\x8d#)\xcd\xa0\x192\xcc\xc6\xc6\x80h\xef6D\xceX\x17o\\\x8f\x8c\xa4\xf1W\xf4\xf17\x066|\xfe\xf5o\xdf\xfe\xac`\xdb\x91\xea\x9a\x9a\xb9s\xe7\xae\\\xb9r\xc9\x92%999\xd6\x15N\xa5\x96#\xd0\xff\xe8\x80\x00\x00\xe7\xb1&amp;}\xf9\xf9\xf9\xd3\xa7M;VZJD\xfd{v\xfa\xf9\x9d\xd9\x93\xc6\xf4OH\xf4\x04\x9a\x82\xf5u~\xc6\x18gD\x8cq\xcex\xdbV\x1e\xbeU\xd00\x9bC\xa6\x94R\xd7x\xee\xb0\x8br\x87\\\x98\xbf\xed\xf0\xfc7\x8b&gt;\xdaqt\xdf\xbe}c\xaf\xbd\xf6\x99y\xf3\xf2\xf2\xf2\xac\xdd/\x8a\x8cA\xe8\x7f\xd4\xc0\xf2\x198\x8c5\xfa,^\xbc877\xf7Xi)\x11{\xe8\xa6\xacO~?\xf1\xbe\x9b\xb24F\xf5&gt;\xbfiJ]\xe3\x1a??sB\xc6\x98\xc6\x99\xaeq"jh\x0c4\xfa\x83\xe3\x87_\xb8v\xdem\xbf\xff\xc9\x98\xa4xO \x18\x9c={\xf6\xcc\x9939\xe7\xd6&gt;\xc5s\xff\x05m\x0e\xfd\x8f&amp;\x08\x00p\x12k\xaf\xe1\xe2\xc5\x8bg\xce\x9cID\x9d\x12cW&lt;\x96\xfb\xfc\x7f\\\x17\xef\xd6\xebk\x9b\x88H\xd7x\xc7\xcd\x025\xce8g\r\r\x81f\x7f\xe8gw\r\xfbp\xfe\xedY\xbd\xd3\x88\x98U\x8f\xa6iR\xca\xe8\x1e\x83\xd0\xff(\x83\x00\x00\xc7\xb0\xd6\x9dO\x8e&gt;\xack\xa7\xf8\x0f\x9e\xbcir\xee%u5M\xa6\x90\xd6$1\x0c\xaca\xa8\xae\xbaqh\xbf\x8c\x82y\xb7]1 \x83\x88[UY\xf3\xd0\xf0\x94\x11~\xe8\x7f\xf4A\x00\x803X\xa3\xcf\xbau\xeb\xac\xb9g\xe7\xe4\x98\x7f\xfdn\xe2\xc8A\xdd\xeb\xaa\x1a]z\x07\xce:\xbf\x8bK\xe7\xf5\r\xcd\xc9q\xee\x8d\xbf\x9bxMV7"Z\xbcx\xf1\xdc\xb9s5M3\x0c#\xdc\xd5t&lt;\xf4?*!\x00\xc0\x01\x84\x10\x9a\xa6\x95\x97\x97O\x9d2\x851\xe6M\x8cyw\xee\xcd\xbd\xbb\xa5\xd474\xbb\xf4\x88=\x87u\x8d\x07C\xa6\x94r\xe5\xafn\xcc\xee\x9bN\xc4\xe6\xce\x9d[PP\xa0\xeb\xbai\x9a\x91\xaa\xaa#\xa0\xff\xd1\n\x01\x00\xce`\x9a\xe6\xd4\xa9S\xcb\xca\xcb\x89\xe8\x85\x87\xae\x19uy\xcf\xba\xfa\xe6\xb0-;|\x17\x8d\xb3`\xc0L\xf7\xc6\xaex\xec\x06o\xa2\x87\xa4\xbcw\xea\xd4\xb2\xb2\xb2\xe8\xdb\x8e\x82\xfeG%\x04\x008\x80\xcb\xe5Z\xb1bEAA\x01\x11\xcd\xb8a\xd0\xe4\xdcK\xac\x95\x87H\xd7ED\xa4i\xac\xae&gt;\xd0\xbfw\xe7\xe7~2F\x12\x95\x95\x97?\xf6\xd8c\xadO1\x8b\x02\xe8\x7f\xb4\xb2\xc5\x9f\x10\xe0\xbbX\x9b:\xaa\xaa\xaa\x9e|\xf2I\xceY\x9fn)\xcfL\xbf\xb2\xd9\x06s\xcf\xd6\\:o\xa8m\x9a2\xfe\x92\xdb\xae\xcc$bo\xbc\xf1Faaa\xcb\xd1\x98\x8e\x86\xfeG7\x1b\xfd\x15\x01Ng]\xd0[\xb2\xe4\xe5\x03\x07\x0e\x08!\x7fq\xe7Po\xa7\xb8\x90a\xda\xed-&gt;c\xcc4\xcc\xb9SF\xc4\xb8\xb5@ 0g\xce\x9c\xb6\x9f~lgN\xef\x7f\x14\xfc\t:\x14\x02\x00l\xcd\xe5r\t!\x96.]\xca\x18\xeb\xdf\xb3\xd3\xe4\xb1\xfd\xfd6\x9b~Z8g\xfe\xa6\xe0\xa0~\xe9w\\\x95ID\x1b7n\xdc\xbf\x7f\x7fBB\x82\xd3\'\xa1\xe8\x7ft\xb3\xdd\x1f\x12\xa0\xb5\xa4\xa4\xa4M\x9b6\xed\xdd\xbbOJ\xf9\xf3\xdb\xb3\xe3\x13&lt;\x86i\xd3\x974c\xcc\x0c\x9a\x8f\xde\x91\x1d\x1f\xe3njjZ\xb2\xe4\xe5\x98\x98\x18\xa7\x0f@\xe8\x7ftC\x00\x80\xad1\xc6\xac\xe9g\xb7\xce\x89\xb7_\xd97\xd0\x14\xd4\xecz\xfc/\xe7\xcc\xef\x0f^\xd6/cLV\x0f\xc6\xd8\xaa\xb7\xde*//\xf7x&lt;\x91\xae\xeb\x9c\xa0\xff\xd1\xcd\xa6\x7fK\x00\xcb\xb1c\xc7\xb6\x16n\x91R\x8e\xbb\xbc\xa7\xd7\x1b\x17\n\xd9n\xf5\xb95ID\x8c&amp;\x8c\xec-\xa5&lt;r\xe4\xe8\xb6m\xdb\xe2\xe2b#]\xd49q~\xff\xe3"]\x94\xad!\x00\xc0\xbe4]\xff\xf4\xd3O\xf7\xef\xdfOD7\x0e\xbf\x90\x88\xc8\xce\xc3\x0f\x91\xc6\xb9\x110\xc6f\xf5H\x8c\xf3\x84\x0cc\xcd\x9a\xd5n\xb7;\xd2E\xb5\x1f\xfa\x1f\xf5\x10\x00`_n\x97\xbb\xa8\xa8(d\x98\xb1\x1e\xd7\xe0\xdeif\xd0\x88\xc0\x99\x03g\x831\n\x06\xcd\x9e\x19\x89\x99\xddS\x88\xa8h\xeb\xd6P\xc8\xa06\x7f\x13\xae\xddDE\xffC\x91.\xca\xd6\x10\x00`_\xc1P\xb0\xa8h+\x11]\x98\x91\xd8\xads\x82\xcd\xd7\x1f,B\x08\x97\xc7u\xd9E\xa9DT\\\\\\^^ND\xe4\xcc\xcd\x88Q\xd3\x7fl\x06\xfd.\x08\x00\xb0/!DMM-\x11e\xa4\xc4\xc6\xc7\xb9M\xe1\x80\x97\xb1$"\xceztN$\xa2\xfa\xfa\xfa\xe6\xe6\xe6HW\xd4~\xe8\x7f\xd4C\x00\x80\xadY[\xce/\xe9\xd5\x99\xb83&gt;W\xc5\x18#!.\xb9\xa0\x13\x111\xce\x9d~(\r\xfa\x1f\xdd\x10\x00\xe0\x00\xa9I1\xc4\x99\x03\x86\x1f\x8b\xa4\xd4\xa4\x18\x8a\xa2\x95\x07\xf4?Z!\x00\xc0\x01\x0c\xd3a\xafd\xc7\x15|f\x8e\xfbu\x1cWp\xa4 \x00\xc0\x01\x1c\xf7&gt;\xdeq\x05\x9f\x99\xe3~\x1d\xc7\x15\x1c)\x08\x00\x00\x00E!\x00\x00\x00\x14\x85\x00\x00\x00P\x14\x02\x00\x00@Q\x08\x00\x00\x00E!\x00\x00\x00\x14\x85\x00\x00\x00P\x14\x02\x00\x00@Q\x08\x00\x00\x00E!\x00\x00\x00\x14\x85\x00\x00\x00P\x14\x02\x00\x00@Q\x08\x00\x00\x00E\xe9\x91.\x00\x00\xc0\x19d+-7\xb2V"X[\xfb \x00\x00\x00\xceD\x08!\x84\xd04\xcd\xedv\xbb\xddnM\xd38\xe7\x8c}\xf3\x15iB\x88`0\x18\x08\x04\x0c\xc3`\x8cq\xee\xa4e\x15\x04\x00\x00\xc0\xb7\x90R\x9a\xa6\xa9\xebzbb\xa2\xdb\xednhh(--=r\xe4HYYYee\xa5\xf5m\xc3\xf1\xf1\xf1\x19\x19\x19\x17^x\xe1E\x17]\x94\x9a\x9a\x1a\n\x85\xea\xeb\xeb\xb9s\xbe\x8a\x12\x01\x00\x00p*)\xa5\xc7\xe3\x89\x8b\x8b\xf3\xf9|\x1b7n\xcc\xcf\xcf\xdf\xb0a\xc3\xfe\xfd\xfbkkkO\xff\x8f].W\xaf^\xbd\xae\xb9\xe6\x9a\xbb\xef\xbe;\'\'\'\x10\x08477k\x9a\x16\xf6\xaa\xcf\x1a\x02\x00\x00\xe0\xdfH)5M;z\xf4\xe8_\xff\xfa\xd7\xbf\xfc\xe5/\xbbv\xed:\xf3\x7f\x1f\n\x85\x0e\x1c8p\xe0\xc0\x81\xc5\x8b\x17O\x9a4\xe97\xbf\xf9M\x8f\x1e=\xea\xea\xea\xec\x9f\x01\x08\x00\x00\x80\x7fc\x9a\xa6\xd7\xeb}\xfa\xe9\xa7\xe7\xcd\x9b\xd7r#c\xacw\xef\xde\xfd\xfb\xf7\xef\xd3\xa7OZZZll\xac\x94\xb2\xb6\xb6\xf6\xe0\xc1\x83;v\xec())!"M\xd3V\xae\\\xf9\xc9\'\x9f\xac\\\xb9r\xc8\x90!\xf6\xcf\x00\x04\x00\x00\xc0\xbf\xe1\x9c\xfb\xfd\xfeI\x93&amp;-X\xb0@\x08q\xf1\xc5\x17O\x980a\xfc\xf8\xf1\x03\x07\x0eLIIq\xb9\\Dd]\x01f\x8c\x99\xa6YWWWTT\xf4\xdcs\xcf}\xf0\xc1\x07.\x97\xeb\xc8\x91#\xb7\xdcr\xcb\xfa\xf5\xeb/\xbc\xf0B\xbf\xdfo\xe7\xcb\xc2\x08\x00\x00\x80\x7f\xc39onn\xee\xd7\xaf\xdf/~\xf1\x8b\xcc\xcc\xcc[o\xbd5999\x10\x08\xf8\xfd~\x9f\xcf\xd7z\x0f(\x111\xc64M\x1b3f\xcc\xd8\xb1c_z\xe9\xa5\x9f\xfd\xecgn\xb7\xbb\xa2\xa2\xe2\xa1\x87\x1eZ\xbdzu\xa4~\x856B\x00\x00\x00\x9c\x8a1\xd6\xdc\xdc\xfc\xc4\x13O0\xc6\x1a\x1a\x1a***\xac\xbd=\xdf\xb5\xa4SWW\'\xa5|\xf0\xc1\x07\xa5\x94\xb3f\xcd\xd2u}\xfd\xfa\xf5\x7f\xff\xfb\xdfo\xb9\xe5\x96\xda\xdaZ\xdb.\x04\xd9\xf7\xbd\t\x00@\x041\xc6|&gt;_mm\xad\x10B\xd7\xf53o\xee\xd44M\xd3\xb4\x8a\x8a\x8a\x9f\xfc\xe4\'c\xc7\x8e\xb5&gt;\x13\xb0b\xc5\n\x9b\xef\x07E\x00\x00\x00|;kXo\xe3 n\xfdgR\xca\xe9\xd3\xa7[\xff(,,\xac\xa8\xa8p\xb9\\\xa7\xac\x1a\xd9\x07\x02\x00\x00\xe0\xfc\xd04\xcd\xef\xf7ggg\xc7\xc7\xc7\x13QYY\xd9\xd7_\x7f\xedv\xbb\x11\x00\x00\x00\xd1\xcf0\x0c\xaf\xd7\x9b\x91\x91a\xfd\xbb\xaa\xaaJ\xd34\x04\x00\x00@\x94\xb3\x0e\x08r\xb9\\qqq\xd6-\x81@\xc0\xce\xdb@\xed[\x19\x00\x80\xb3H)\x19cB\x88P(d\xdd\xa2\xeb\xbam\xa7\xff\x84\x00\x00\x008\x8f8\xe7MMM555\xd6\xbfSRRL\xd3\xb4\xed^ \x04\x00\x00\xc0\xf9!\xa5t\xbb\xddG\x8e\x1c\xa9\xaa\xaa""\xaf\xd7\xdb\xad[\xb7P(\x84\x00\x00\x00\x88rB\x88\x98\x98\x98\x8f&gt;\xfa\xc8\x9a\xf5\x0f\x1a4\xa8k\xd7\xae\xc1`\x10\x01\x00\x00\x10\xcd\xac\xcb\xbf\x95\x95\x95K\x97.\xb5\xfe\xe7\xad\xb7\xde\xeav\xbb\x85\x10\x91.\xed;\xe1(\x08\x00\x80\xf3\xc00\x8c\xf4\xf4\xf4G\x1ey\xe4\xe0\xc1\x83\x8c\xb1\x9e={\xdeu\xd7]6?\x10\x14\xef\x00\x00\x00\xceU(\x14JOO_\xb6l\xd9\xef~\xf7;\xeb\xa3\xbfO&gt;\xf9dZZ\x9a\x9d\xd7\x7f\x08\x01\x00\x00p.\xa4\x94\xd6\xdc\xff\xcf\x7f\xfe\xf3\x8c\x193\\.W(\x14\xfa\xf1\x8f\x7f&lt;e\xca\x94\x9a\x9a\x1a]\xb7\xf5*\x0b\x02\x00\x00\xa0\x9d\x84\x10\x8c\xb1\xb4\xb4\xb4\xdf\xfe\xf6\xb7\xf7\xde{/\x11\x05\x83\xc1\x1f\xfe\xf0\x87\x7f\xfc\xe3\x1f\xad/\x07\x8et\x81\xdf\xc3\xd6\xe9\x04\x00`[\x86a\xc4\xc7\xc7\x0b!~\xf2\x93\x9f\xbc\xf4\xd2K\xd6\xdc\xff\xce;\xef|\xe5\x95WL\xd34M\xd3\xfe\x01`\xf7\xfa\x00\x00l\xc8:\xf3\xe7\xe8\xd1\xa37\xdcp\xc3K/\xbd\xa4iZ(\x14\xca\xcb\xcb{\xed\xb5\xd7\x0c\xc30\x0c\xc3\xfe\xa3?\xe1\x1d\x00\x00\xc0\xd92\x0c\xa3S\xa7N\x9b6m\xba\xe7\x9e{JKK\x89\xc8\xe5r=\xff\xfc\xf3\xf7\xdf\x7f\x7fMM\x8d\x94\xd2\x11\xa3?!\x00\x00\x00\xce\x8a\xf5\x95\xf1\x1f~\xf8\xe1\xed\xb7\xdf\xde\xd0\xd0@D}\xfb\xf6}\xf5\xd5Wsrr***4Ms\xca\xe8O\x08\x00\x00\x80\xb6\x13B\xc4\xc7\xc7\xef\xde\xbd\xfb\xae\xbb\xeejll$\xa2\x9c\x9c\x9c\x95+W\xa6\xa7\xa7\x9f8q\xc2\xfa\xbex\x07A\x00\x00\x00\xb4\x15\xe7\xdc4\xcd\xfb\xef\xbf\xbf\xb6\xb6\x96\x88\xae\xb8\xe2\x8a\xf7\xde{\xcf\xe3\xf1\xf8|&gt;\xc7\x8d\xfe\x84\x8b\xc0\x00\x00md\x9afRR\xd2\xdbo\xbf]XX\xc89\xef\xd2\xa5\xcb\x9f\xff\xfc\xe7\xd8\xd8\xd8\xa6\xa6&amp;\x9b\xef\xf7\xff.\x08\x00\x00\x806\xb1\xce\xfa\xb7\xbe\xea]\x08\xf1\xcb_\xfe\xb2O\x9f&gt;\xf5\xf5\xf5\x0e\x1d\xfd\t\x01\x00\x00\xd0\x16\xd6Yo\xc7\x8f\x1f\xdf\xb1c\x87\x94\xb2K\x97.\xb7\xddv\x9b\xcf\xe7s\xee\xe8O\x08\x00\x00\x80\xb68\xe5\xac\xff+\xae\xb8"##\xc3\xceg\xfd\xb7\x05\x02\x00\x00\xe0\xfbI)u]?q\xe2\x84i\x9aD4p\xe0@\x9b\x7f\xddc[ \x00\x00\x00\xda\x84snm\xfe!\xa2\xae]\xbbZ\xdf\x00\x1c\xd1\x8a\xce\x95\x83W\xaf\x00\x00\xc2,\x10\x08X\x9f\xf3JJJ\xb2\xf37\xbd\xb4\x11\x02\x00\x00\xa0M\x18c\xc1`\xd0\x1a\xf7\xa3`\xfaO\x08\x00\x00\x80\xb6\xe0\x9c744\x8c\x1f?\xfe\xddw\xdf%\xa2\x81\x03\x07666:\xe8\xd4\x87o\x85\x00\x00\x00\xf8~\x8c\xb1P(\xd4\xa3G\x8f\xbe}\xfb\x12\x91\xdf\xefw\xfa\x16 B\x00\x00\x00\xb4\x91\xb5\x04\xd4\xdc\xdcLD\x9cs\xa7\x8f\xfe\x84\x00\x00\x00h;\xc6\x98\x9d\xbf\xe4\xfdl9{\x01\x0b\x00 \xcc\xa4\x94Q\xb0\xff\xc7\x82\x00\x00\x00h+!\x84\xdb\xed\x8e\x89\x89\x91R:\xfdS`\x84\x00\x00\x00h#\xc6XBBBii\xe9W_}\xe5r\xb9\xdcn\xb7\xd33\x00\x01\x00\x00\xf0\xfd\xac\xb3\x80\xfe\xeb\xbf\xfek\xd8\xb0a#F\x8c\xb8\xe9\xa6\x9b***\\.\x97\xa33\x00\x01\x00\x00\xf0=\x84\x10\t\t\t\x9f~\xfa\xe9\x1f\xfe\xf0\x87\xba\xba\xba@ \xb0a\xc3\x86\x17_|1!!\xc1:\x1a\xc8\xa1\xb0\x0b\x08\x00\xe0{X\'\xc1\xed\xdd\xbbW\xd34k\xf7\'c\xac\xa4\xa4\xc44MGo\x06\xc5;\x00\x00\x806\xb1\xe6\xfb\x9csM\xd3\x84\x10qqqN\xff$\xb0\xb3\xab\x07\x00\x08\x03\xceycc\xe3\xe8\xd1\xa3322\x82\xc1` \x10\x90R\xde~\xfb\xed\x8e^\xff!,\x01\x01\x00|/\xeb3\xc0]\xbaty\xef\xbd\xf7\x96-[\xd6\xd4\xd4t\xfd\xf5\xd7\xdft\xd3M\xf5\xf5\xf5\x8e\xfe\\\x18\x02\x00\x00\xe0\xfbq\xce\x9b\x9a\x9a\x06\r\x1a\xf4\xfc\xf3\xcf[\x9f\x05\xab\xab\xabs\xf4\x05\x00B\x00\x00\x00\xb4\x11\xe7\xdc\xef\xf7766Z\xe3\xbe\xa3\xe7\xfe\x16\x04\x00\x00@[q\xce\x9d~\xe1\xb7\xb5\xe8\xf9M\x00\x00\xe0\xac \x00\x00\x00\x14\x85\x00\x00\x00P\x14\x02\x00\x00@Q\x08\x00\x00\x00E!\x00\x00\x00\x14\x85\x00\x00\x00P\x14\x02\x00\x00@Q\x08\x00\x00\x00E!\x00\x00\x00\x14\x85\x00\x00\x07p\xdc\x89[\x8e+\xf8\xcc\x1c\xf7\xeb8\xae\xe0HA\x00\x80\x03\x84\x0cA\x8e\xfa\xe2\xd5\xa0!"]\xc2\xf9\x84\xfeG+\x04\x00\xd8\x9a\x10\x82\x88\xb6\x7fy\x82L\xc1\x9d0\xaf\x93R\x92\xc6w|YAD\x0e(\xf7\xfb\xa0\xff\xd1\r\x01\x00\xb6\xe6r\xb9\x89\xa8\xaa\xae9\x184\x1cs\xf6\xba\x94\xe5\xb5MD\xe4r\xb9\x9c~r$\xfa\x1f\xdd\xd0\x1d\xb0\xaf\x18OL\xf6\x90!Dt\xa0\xd4W^\xdd\xe8vqi\xfb\x85\x08\xce\x98\x08\x99;\xbf\xaa$\xa2\xfe\xfd\xfbw\xe9\xd2\x85\xc8\xa9k\xd2Q\xd3\x7f\xc7DW\xd8!\x00\xc0\xbe\x0c\xd3\xc8\xce\xce\xe6\x8c\x1a\x9a\x82%Gj4\xb7.\xec=\x02IIn\x97v\xa2\xbaq\xdf\xd7\xb5D\x94\x955866\x86\x1c\xbb\x16\x11\x15\xfd\x8f\x8dtQ\xb6\x86\x00\x00\xfb\n\x85B\xa3F\x8d\xea\xd1\xa3\x87\x90r\xed\xf6#\x8csi\xef\x01HH\xa9{\xf4OK\xca*k\x1b9\xe7\xe3\xae\xbf\xde0\x1c\xfc\xa5\xe1Q\xd1\x7f#\xd2E\xd9\x1a\x02\x00lL\xca\xcc\xcc\xcc\xcb\xb3\xb3\x19c\x7f\xdfz\xa8\xb91\xe0\xd2l\xfd\x8c\x95R2\x8d\xbf\xf3\xc9W\x92(\xads\xea\x95W^\xd9\xd4\xd4\x14\xe9\xa2\xce\x01\xfa\x1f\xedl\xfd\xe7\x04\xd0u\xfd\xae\xbb&amp;I)\xbf\xf8\xbaf\xfd\xce\xaf=qnS\xd8t\x12*%y\xdc\xfa\xf1\xe3\xbe\xfcm\x87\x89h|nn\x8f\x1e=\x9a\x9b\x9b#]\xd79A\xff\xa3\x1b\x02\x00l\xad\xa1\xa1a\xc2\x84\tiiiR\xcayom\x93B\xdav=\xdd\x14\xc2\x1d\xe7~\xe1\xfd]\xe55\x8d\x9a\xa6\xcd\x9813\xd2\x15\x9d\x07\xe8\x7ftC\x00\x80\xad\xf9\xfd\xfe\xd8\xd8\xd8\xbb\xef\xbe[J\xb9a\xd7\xd7\x05\x85\x87\xe2\x13&lt;6\x9c\x84Z\xd3\xcf\xb2\xb2\xbaE\xabw3\xc6\xb2\xb2\xb2\xae\xbc\xf2\xca\xba\xba:M\xd3"]\xda9A\xff\xa3\x1b\x02\x00lM\xd34)\xe5\x03\x0f&lt;\x90\x92\x92BD\xbf\xf9K\x910m7\xfa\x10\x91i\nw\xbc\xe7w\x7f\xfd\xac\xa2\xb6\x89\x88\x1e}\xf4Q)\xa5\xf5)*Gsz\xff\xb1\x01\xf4\xcc\x10\x00`k\x9cs\xc6\xd8\x80\x01\x03\xf2\xf2\xf2\xa4\x94\x9b&gt;\xff\xfa\xb9\xbfnO\xf0\xc6\x85\xec\xf4Y\x7f\xc3\x14\t\x89\x9e-;\x8e\xfe\xe1\xdd\x1d\x8ch\xcc\xe8\xd1\x93&amp;Mb\x8cE\xc1\xf4\x13\xfd\x8fn\x08\x00p\x00\xc30\xf2\xf2\xf2z\xf7\xee\xcd\x88~\xfd\xda\xe6\xed\x9f\x97&amp;%\xc6\x98\xa6-\xc6 !\xa5\xdb\xad\xd57\x05\xef\xfb\xfd\x87\xc1\x90\xa9i\xda\xc2g\x9f\xb5\xf9v\xc9\xb3\x85\xfeG+\x04\x008\x80\x94299y\xc5\x8a\x15\x9a\xae\xd7\xfbC?Z\x98_Q\xdb\xe4r\xeb\x11_\x8c\x96\x92\xa4$\xb7\xdb\xf5\xe0\x1f&gt;\xda}\xa8RJ\xb9`\xe1\xc2!C\x86\x98\xa6\x83\xb7\xff\x9f\x0e\xfd\x8fV\x08\x00p\x00\xce\xb9a\x18#F\x8cX\xb0`\x01I\xb9\xfbP\xd5\x8d\xbfz\x87s\x16\xe3\xd6\xcc\xc8-I\x0b)\x85\x94\t\xa9\xf1\x0f\xff\xf1\xa3\xd7?\xdaKDw\xdcqG^^\x9ea\x18Q\xb6\xf8\x80\xfeG+\x04\x008\x83\xae\xeb\xd6B\xc4\x8c\x193\x88h\xeb\x17\'nx\xeco5\r\xc1\x84\x04wD\xd6\xa3\rS\xb8t-!\xce\xfd\xf0\xc2\xb5/|\xf09\x11\r\x1b6l\xd1\xa2EB\x88\xa8\x1c}\xd0\xff\xa8\x84\x00\x00\xc7\xd04M\x08\xb1h\xd1\xa2\x193f\x10\xc9\x0fw\x1c\xbd\xe1W\x7f\xdb{\xb4&amp;)%\xce4\xa5\x08\xd7r\x84\x942d\x88\xc4\x04\x8f?d\xfeh~\xfe\x1f\xdf\xdd)\x85\x186lX~~\xbe\xd7\xeb\xa5\xe8=z\x0c\xfd\x8f&gt;\x08\x00p\x0c\xc6\x18c\xcc4\xcd\x93c\x10m\xdb\x7f\xe2\xca\xbc7__\xbb\'!\xd1\x13\x17\xe32L\xd1\xa1\xc3\x90\x94\xd2\x9ax&amp;y\xe3&gt;-&gt;~\xf5#o-_WBD\xc3O\x8e&gt;B\x88(&gt;\x7f\x18\xfd\x8f&gt;h\x168\tc\x8csn\xcdC\xe7&lt;\xf1\x04\x11U\xd5\xf9\xa7&lt;\x93?\xe9\xa9\x7f\xec:T\x95\x98\x14\x1b\x17\xe32\x854Lq\x1e\xf7\x81HI\xd6c\xbat-1%\xae\xa2\xae\xf9W\x8b6]\xf3\xf3\xb7\xado\x1d\x998q\xe2\x1aeF\x1f\xf4?\xca\xe8\x91.\x00\xe0\xecXo\xf0\x85\x10O\xcc\x993\xf2\x8a+\xa6O\x9bv\xac\xb4\xf4/\x1b\xf6\xbd\xb7\xf9\xe0]c2\x7fv\xeb\xe0\xc1\x99\xe9\xc4\x98\x190\x02\xa1of\xa4\xed[\x13\xb0\x860\xce\x99[\xd7\\\x1e\x9d4^z\xdc\xf7\xa77\n\x17\xfdcOYu\x03\x11y\xdc\xaeg\xe6\xcd\xcf\xcb\xcb\xb3\xeaQd\xf4A\xff\xa3\t\x02\x00\x9c\xc7Z\x8b0\x0cc\xfc\xf8\xf1\x85[\xb7\xfe\xf7\xe3\x8f\xafX\xf1\xba?\x10|u\xed\x9e77\xee\xbf.\xbb\xe7\xcd#z_\x9d\xd5\xa3Wz\xa2\xee\xf1\x90\xc6\xc8\xfaJ\xdb\xb3\x1d\x854NRR\xc8&lt;^\xdd\xf4I\xc9\xf1\xbfo9\xb8f\xdb\x91\xe3\x95\xf5\xd6\x9d\xe3\xc6\x8d{\xea\xa9\xa7F\x8c\x18a}\xdcT\xa9\xd1\x07\xfd\x8f\x1a\x08\x00p*]\xd7M\xd3\xec\xd6\xad\xdb\x92W^\x99y\xff\xfdO?\xfd\xbf\x05k\xd76\xf9\x9b\xdf\xfb\xe4\xcb\xf7&gt;\xf92)!v`O\xef\xc5\x17x{\xa6\'\x0e\xec\xe1\xed\x94\x14c\x9a\x82\xb5m\x10b\x8c\x82\x86\xd8\xf1Ue\xa5\xcf\xbf\xf3`e\xc9\x91\x9a\x135\r-\xf7\xe6\x8c\x1a\xf5\xd0\xacY\x93\'O&amp;"\xd34\x95\xdds\x82\xfeG\x01\x04\x008\x98uR\x8d\x10b\xc4\x88\x11\xef\xbc\xf3\xee\xee\xdd\xbb\x97-[\xf6\xf6\xaa\xb7\x0e\x1e:\\\xd7\xe0\xdfR\xe2\xdfRRz\xbe~VFzZn\xee\r\xf7L\x992n\xdc8:\xf9m\xe9\x8a\x8f&gt;\xe8\xbf\xd3!\x00\xc0\xd9\xac#_\x84\x10R\xcaA\x83\x06-X\xb0`\xee\xdc\xb9;w\xee\\\xbbv\xed\xe6\xcd\x9f\xee\xdb\xbb\xb7\xae\xae\xae\xaa\xba\xa6\x1d\x8f\x9c\x98\x10\x1f\x1f\x1f?\xf0\xe2\x8b\x07\x0f\x1e|\xf5\xd5\xd7\xe4\xe4\xe4\xa4\xa6\xa6\x12\x915\xe4a\xe8\xb1\xa0\xff\x8e\x86\x00\x80h`-\x01\x0b!\x84\x10qqq#G\x8e\x1c9r$\x11\xf9\xfd\xfe\xc6\xc6\xc6\xe2\xe2\xe2v\x9c\r\xd0\xb7o\xdf\xa4\xa4\xa4\xe4\xe4\xe4\x96[\xac\x07\xd14\r\xa3\xcf)\xd0\x7f\x87B\x00@\xf4\xe0\x9cs\xce\xad\x19\xa2\x94\x92s\x1e\x1b\x1b\x1b\x1b\x1b;z\xf4\xe8v?\xa65\xa8Y\x97\x191\xee\x9c\x19\xfa\xef8\x08\x00\x886\xad\xcf\x01\xb6\xb6\x12\xb6\xef\\~k\xaf\x8b5\xa8\x9d\xcf\xfa\xa2\x1d\xfa\xef \x08\x00\x88f\xd6\x0et\xcc\x1c#\x05\xfd\xb79D+\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a0\x06\xc6"]\xc1Yr\\\xc1g\xe6\xb8_\xc7q\x05\x9f\x11s\xda\xaf\x13\xb6\x82\x11\x00J\x10F\x88\xa4\x8ct\x15gA\x18\xa1o\xfe!Dd+9\x17RJ\xab~\xf4?"Z\xfa\x1f\n\x85\xa4\xa3\xfa\x1f\n\x85\xa9\xff\x08\x80(g=\x81\xca\xbf\xda-L\x831\</t>
        </is>
      </c>
    </row>
    <row r="53">
      <c r="A53" s="1" t="n">
        <v>51</v>
      </c>
      <c r="B53" t="inlineStr">
        <is>
          <t>shape_size_grid</t>
        </is>
      </c>
      <c r="C53" t="inlineStr">
        <is>
          <t>What is the size of the missing part denoted by a question mark?</t>
        </is>
      </c>
      <c r="D53" t="inlineStr">
        <is>
          <t>['medium', 'small', 'large']</t>
        </is>
      </c>
      <c r="E53" t="inlineStr">
        <is>
          <t>medium</t>
        </is>
      </c>
      <c r="F53" t="inlineStr">
        <is>
          <t>There are 9 shapes arranged in a grid with different sizes in the image, of which there is 1 missing shape. The first row is ['small pentagon', 'small hexagon', 'small square'], the second row is ['medium pentagon', '?', 'medium square'], and the third row is ['large pentagon', 'large hexagon', 'large square'].</t>
        </is>
      </c>
      <c r="G53" t="inlineStr">
        <is>
          <t>We observe that the rows contain small shapes, medium shapes, and large shapes respectively. On the other hand, the columns contain pentagons, hexagons, and squares respectively. Hence, the pattern is that the shapes within each column are the same, while each row progresses the size of the shapes.</t>
        </is>
      </c>
      <c r="H53" t="inlineStr">
        <is>
          <t>Based on the pattern that the shapes within each column are the same, while each row progresses the size of the shapes, the size of the missing hexagon should be medium.</t>
        </is>
      </c>
      <c r="I53" t="inlineStr">
        <is>
          <t>b'\x89PNG\r\n\x1a\n\x00\x00\x00\rIHDR\x00\x00\x02\x00\x00\x00\x02\x00\x08\x02\x00\x00\x00{\x1aC\xad\x00\x00\\6IDATx\x9c\xed\xddyxTE\xd6?\xf0\xbaKw\xf6\x8d5\xa8\xa3\x02At\x04\x85D\xe5\x850\x10PH\x94\x17\x18\x85\x00\xbe\n\xa8\xbfQFT\x0c\x02\x02\x83H0  \x8b\x01\x1c\x1d\x15eQ\x11\x03.#\xa2\x04$\x08\x12\x11\x91\x88,"A\x10\xdc\x80\x90\xbd;\t\xa4o\xd5\xfd\xfdq\xc8\xb5\x05\x82@:\xdd\xe9\xae\xef\xe7\x99\x87\xc7d\x92\xf4\xed\xdb\xddu\xaaN\x9d\xaaRL\xd3d\x00\x00 \x1f\xd5\xd7\x17\x00\x00\x00\xbe\x81\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f8\x12\xe7\x9cs\xee\xeb\xab\x00\x00I\xe9\xbe\xbe\x00I\x99\xa6)\x84\xd04\x8d\xfe\x9b1\xa6(\x8a\xaf/\n\x00\xe4\x82\x11\x80\x0f\x08!\x14E\xd14\xed\xbf\xff\xfd\xef\xfc\xf9\xf3\x15EQ\x14\x05C\x01\x00\xf02\x8c\x00\xbc\x8ds\xaei\x9aa\x18\xe3\xc6\x8d\xcb\xcc\xccd\x8cm\xdd\xbau\xde\xbcy\x97]v\x99a\x18\xba\x8eW\xc43&lt;\x1bPi\xac\x06\x10`\x14\xca?\x80\x17Xi\x9f\xfc\xfc\xfc\x07\x1ex 77WUUUU\r\xc3h\xd1\xa2\xc5\xe2\xc5\x8b\x93\x93\x93\x85\x10\x8c1U\xc5\xc8\x0c\x00\xea\x1d\x02\x80\x97P\xc7\x9f1\xb6h\xd1\xa2\xb1c\xc7\x96\x95\x95\xe9\xban\x18\x06c\xcc\xfa\x8f)S\xa6\xa4\xa7\xa73\xc60\x14\xa8\x0b\n\xb4\xb9\xb9\xb9\x9e\x1a\x04h\x9a\x96\x98\x98\xa8\xaa*\xe6i \xc0 \x00x\x035\xe8eeec\xc7\x8e]\xb4h\x11cL\xd34+$p\xce\xa9\xcb/\x84HNN^\xb8pa\x9b6m\x0c\xc3\xd04\r-\xce\xc5\xa2\xbb\xfa\xc6\x1bo\x0c\x1b6\xcc\x83\x7fv\xd9\xb2eC\x87\x0e\xb5^2\x80\xc0\x80\x00P\xbf\xac\x94Nnn\xee\x03\x0f&lt;\x90\x9f\x9f\xafi\x1a}\x93\xfd\xb1\xfe\xc74M\x1a\n4n\xdc\xf8\xc5\x17_\x1c4h\x10\xfd:\xd2A\x17\xce4M\xd34\x1d\x0eGBB\xc2\x8f?\xfe\xa8\xaa\xaau\xab/\x19\xfd\x91\x96-[\xee\xd8\xb1#""\x82f\xec=r\xb5\x81\x84F]^{8\x8c\xc6&lt;\x05\x8dK=2\x0c\x83\xb2\xfcS\xa7NMJJ\xa2\xd6\x9fs\xae\xa8\n5Uw\xdd\xfd\xf7QO&gt;B\xffM3\xc3\x9a\xa6\x15\x15\x15\r\x1e&lt;x\xd4\xa8Q\x0e\x87\x83f\x08|\xfd&lt;\xfc\x06\x8d\xa5233\x0f\x1e&lt;H\xb7\xce4M\xa5\x0eL\xd3\xa4\x17\xf1\xe0\xc1\x83\x99\x99\x99\xaa\xaa\xa2X\xeb\x9c\xa8\xaa\xcdk\xd0\xfa{\nF\x00\xf5\xc24M\xce\xb9\xae\xebG\x8f\x1e\xbd\xff\xfe\xfb\xb3\xb3\xb3YM_R\xd35n\xf0\xb0\xb0\xd0\xc93\'\r\x7f\xe8\x1eM\xd3?\xfe\xe0\x93q#\'\x9e((&lt;\x1d\x1e\x14\x85\x1a\x9a\xf8\xf8\xf8W_}5&gt;&gt;\x9e\xda5\xbc\xe9\xcf\x8f\x8ak\x0f\x1d:\x94\x90\x90\xe0p8(\xacz\xe4/S0\x88\x88\x88\xd8\xb1cG\xabV\xadL\xd3\xc4\xb0\xccB!\xb6\xa4\xa4d\xe7\xce\x9d^{\xd0\x0e\x1d:\xc4\xc4\xc4\xd0C{\xedA\x03\x12\x02\x80\xe7QK\xa4(JVVVZZ\xda\xd1\xa3G)\xb7C\xdf\x14B\xdc\x18\xdf\xfe\xd9\xf9\x197u\x8e/*(\x16\xa6h\xd48\xe6\x97\x9f~\x9d2.\xe3\x93\xfff[?C\xbf\x12\x11\x111o\xde\xbc\x7f\xfc\xe3\x1f\xccm\x1a\x19\xce\x89\xee\xcf\xf0\xe1\xc3\x97-[Fy6\xd34\xc3#\xc2oL\xb8\xc1p\xb9.\xb6\xa50MS\xb7\xd9\xbe\xdd\xb1\xcb\xe9pZ!y\xd8\xb0aK\x97.\xc5\x0b\xe1\x8e\xee\xc6\xa7\x9f~\xda\xabW/\xaf=\xe8\xfa\xf5\xebo\xbb\xed6\xbc\x10u\x87\x00\xe0ag\x97\xf9[\xf3\xbd\x94=\xb8\xff\xe1aOM\x9fh\xb3\xe9\x0e\x87\x93J}\x0c\xc3\x08\t\r\xb1\xdb\xed\xffy\xfe\x95g\'?G\xa5\xa2\xee\xbf2d\xc8\x90\x17^x\xa1q\xe3\xc6\xa8\x0e\xaa\r\xdd\xae\xcd\x9b7\xf7\xec\xd9\xd3\xfa\x92s\xfe\xfc+\xb3\xef{pX\x99\xa3L\xd3.\xae\xcf\xce\xb9\x88\x8a\x88Z\xf2\xea\xb2\xd1\x0f\x8d\xd3\xdcf\xecsrr\xbau\xeb\x86\xa6\xc7B\xb7\xe2\xb3\xcf&gt;\xbb\xf5\xd6[=2\xe9r~\xf4\x10\x1b6lHJJ\xc2\xabPw\x08\x00\x1ec\x95\xf9\xe7\xe5\xe5\x8d\x1c9r\xdb\xb6mVm\x0f\xb5 M\x9b5\x99\xfd\xd2\x8c\x94\xbe\xbd\xcbJ\xcb\xcfx\xef\xd2\xc7&amp;\xa6Q\xf4\xb6\xdc\xed\x13GM\xfen\xf7&gt;\xadf\xae\x98\xfa\x9e\xd7\\s\xcd\xeb\xaf\xbf\x9e\x98\x98\x88\x85\x02\xe7D\x91\xb2g\xcf\x9e\x9b7o\xd6jj\xabn\xe9|\xd3\xfb\x1bW\x96\x16\x97^\xda\xed\x12BD7\x8a\xbe\xb3G\xeaW[\xbf\xb6\xfef\xb7n\xddrrr\x18\x96\x86\xd5\xa0w\xf2\xc6\x8d\x1b{\xf6\xeci\x05\x00\x1a3y\xf0Qh&lt;\xc7j\x02@NNN\x8f\x1e=\x10\x00\xea\x0e\xed\x88gP\xee^\xd3\xb4E\x8b\x16%%%m\xdb\xb6M\xd7u\xeb\xc3\xc09\xef\xda#\xf1\xa3\xcd\xef\xf7\xee\xd3\xab\xa8\xb0\x98\xa6|\xdd\x7f\x9d\xe6\x8a\x8b\n\x8b\x13:u\\\xb5\xee\xedAC\x07r\xce)\xc5Is\t\xf9\xf9\xf9III4\x0f\x89\xa9\xc83PC\xb0|\xf9rj\xfd\xe9\xd6\xd9\xed\xf6\t\x19\xe3\xb8qzN\xe5\x12(\x8a\xc2\r&gt;!c\x9c\xddn\xa7I\x1d\x1ad,_\xbe\xdc\x1a\x9c\xc19\xd1\xed\xf2 \xf4S\xeb\tF\x00\x1e@\x99\x99\xa2\xa2\xa2G\x1f}t\xc5\x8a\x15\xec\x8fi\x1fM\xd3&amp;&gt;3\xee\xa1\xc7\xffa\xb8\x8c\xaa\xaa\xaa\xf3\xe7p\xb8\xc1mv[xD\xd8\xd2W\xde\x9c\xf6\xaf\x19NG\x05M\x1a[}\xab\xe4\xe4\xe4\xc5\x8b\x17\xb7h\xd1\x02\x0b\x05\x88{\xe9\xe7\xa1C\x87\xac\x8d\x95\xee\x1c\xdc\xff\xe5\xe5/\x9c8^X\x97\xa4\x99a\x18M\x9b7\x19\xf1\x7f\x8f\xbe\xff\xce\x7f5M\xa3\xc7j\xd5\xaa\x15JB-g\x8c\x00\xe8\x16EFE\xb6\xeb\xf0Wn\x88\xba\xdf\x1e\xd3d\x9a\xae\xee\xd9\xf9]yY\xb95C\x86\x11\x80\xa7 \xa1\\\'\xd4(\xeb\xba\x9e\x9d\x9d=j\xd4(\xab\xcc_\x08\xa1i*\xe7\xfc\xeaVW\xcd~if\xb7[\xbb\x16\x17\x16\xd3O\x9e\xff\x0fj\xba\xc69/).\x1d\xfe\xd0\xd0N\x897\x8f\xf9\xe7\x84\xbc\xaf\xbe\xb1\xd2A\xf4@\t\t\t\xb4o\x04\xc3B\x01\xc6h\x84D\xa5\x9f\xba\xaes\xceMfF\xc7D=\x99&gt;\xc6Q\xee\xacc\x03\xa1i\x9a\xa3\xdc\xf9d\xfa\x98\x8d\xeb&gt;+++g&amp;\xd34\x8dJB\xa7L\x99\x82)\x99\xb3\xd1\xf0\xb4}\x87\xbf~\xf8\xd9{N\x87S\xbd\xc8\xa9\x97\xb3\t.\xc2#\xc2\xfb%\xdd\x95\xbb\xe9K\n0\x1e\xb9N R\xb7\x1du\xe4^\xe6\x9f\x92\x92\x92\x9f\x9fO\r\x10\xd5\x8fs.\x06\r\x1d\xb8f\xcb\x07\xff\xd3\xf5\x96\xc2\x82B\xfa\xc9\x0b\xf9\xb3\x94J*.*n\x15\xd72k\xed[\xf7?&lt;\x8c\x86\xc0Z\xcdB\x81\xa3G\x8f\xa6\xa4\xa4\x8c\x1e=\x9a.@\xe6\x85\x024\xbfr\xe8\xd0\xa1\xe7\x9f\x7f\x9e\xc6[\xaa\xaa\x9a\xc2\xbco\xc4\xb0\xd6mZ\x9e\xac:Y\xc7\x1e\xba\xa2(\'\xabN\xb6n\xd3\xf2\xbe\x11\xc3LaR\xeb\xa6i\xda\xf3\xcf?\x7f\xe8\xd0!\xcdmM\x1f\xb83\x0c\xeet:\x9d\xce\n\xa7\xa3\xce\xffsV8\x9dN\xc3@\xc2\xad^ \x00\\\nZ\x1f\xa4\xeb\xfa\x81\x03\x07RRR\xd2\xd3\xd3\xadm\xdd(\xf5\x1f\x1e\x116s\xe1\xb4\xf9\x8b\xe6\xd8\x83\xec\x8er\xc7%\xf4\x13u]\xaf\xac\xa8\xe2\x06\x9f\xb9`\xda\xc2\xc5\xcf7m\xd6\x84\xba\xba\xd4\xc6\xd1r\xa7\xa4\xa4\xa4\x03\x07\x0e\x9c\xee\xf6J\xd93\xa2i\x92\xf1\xe3\xc7\x97\x95\x951\xc6(?pu\xab\xabF\x8e\x19QR\\\xea\x91\xfc\x80\xa6i%\xc5\xa5#\xc7\x8c\xb8\xba\xd5UT\xe0\xcb\x18+++\x1b?~&lt;E\xfa\xba?D\xe0\xb9\xe4y\x97\xf3\xcc\xc7\xf8\xfa9\x05&amp;\x04\x80K\xa1(\x8a\xae\xebYYY\x9d;w\xce\xce\xce\xa6F\x9f\xd6\x07\x19\x86\x11\x7fK\xc7\xd5\x9b\xde\x1b\xfe\xd0\xd0\x92\xe2Rn\\z\x9aR\xd5T\xd34\x0bO\x14\r\xbc\xe7\xae\x8f6\xbf\xdf\xb5G"-&amp;`\x8c\xd1B\x81\xdc\xdc\xdc\xce\x9d;\xafX\xb1B\xce\xc9\x00\xea\x8co\xda\xb4i\xd5\xaaU\xd6\x1a:\xd34\xd3&amp;&gt;\x16\x1e\x19n\xdd\xab:R\x14\xc50\x8c\xf0\xc8\xf0\xb4\x89\x8fY\xd3\xf2\x9a\xa6\xadZ\xb5j\xd3\xa6M\x98\r\x06\xbf\x86\x00pq\xa8\xd6\xf3\xe8\xd1\xa3\x8f?\xfe\xf8\xe0\xc1\x83\x8b\x8a\x8a\xac\xcc\x0c\xfd_\xa3\x9e|\xe4\x9dO\xdel\xd5\xa6UqQq\xdd\xdbe\x8a4\xc5\x85\xc5Mc\x9b\xbe\xf5\xe1\xe2\xc7\xc7?J\xb3\xc1\x9a\xdb\xbe\x11w\xdf}\xf7\x83\x0f&gt;x\xf4\xe8Q\xabTN\x06\xd4\x16\x9f:uj\xcc\x981\xd4\xeeS[\x9c\x98\xd4%\xf5\xde\xbb\xcaJ\xca&lt;\x98\x9d\xd7u\xbd\xac\xa4,\xf5\xde\xbb\x12\x93\xbaP\xebO\x8f&gt;f\xcc\x98S\xa7Na\x1c\x00\xfe\x0b\x01\xe0\xe2P\x06f\xed\xda\xb5\x0b\x16,\xd0u\x9d\xfa\x83\xf4o\x93fM\x96\xbc\xfb\xea\xa4g\'\x08.*\x9d\x95\x9em\x80N\x9d&lt;UYQ5\xe9\xd9\t+&gt;~\xf3\xaa\x96WZ\x0f\xaa(\x8a\xcdf[\xb4h\xd1\xda\xb5kU\x99\xcaCi\xf6{\xc5\x8a\x15;v\xec\xa0\xa0H\xbb\xe9M\x9e1\xb1\x9e\xf2\xc5\x86\xc1\'\xcf\x98\xa8\xeb:EzUUw\xec\xd8\xb1b\xc5\n\xb5\xfeW?\x01\xd4\x13\x04\x80\x8bC\xf9\x9c\xdbo\xbf=&amp;&amp;\x86Z[\x9a\xda\xed\xdd\xe7\xb6Or\xff\xdb\xbb\xcfm\x85\x05\x85\xa6i\xd6\xbd\xf8\xe1\x0c\x94\t-8v\xa2\xf3\xdf:\xfd\xf7\xb3w{\xf7\xb9\xcdzh\xc30\xa2\xa3\xa3o\xbf\xfdv&amp;\xcd\xea$\xea\x80\x17\x17\x17O\x980\xc1\x1a\x12\t!\x06\x0f\x1bxcB{\xa7\xa3\xc2\xe3\x95Q\xaa\xaa:\x1d\x157&amp;\xb4\x1f&lt;l\xa0\xf5p\xaa\xaaN\x980\xa1\xb8\xb8\x18\x83\x00\xf0S\x08\x00\x17\x87\xa6\x19ccc\xbbt\xe9BI\x7f*M\xbb\xae\xdd\xb5\xad\xe2Z\x15\x9e(\xa2aA==\xba\xcd\xa6\x17\x17\x15_q\xe5e\xd7\xb5\xbb\xd6\xfd\xd1\x13\x13\x13ccc\xad)\xca\x80G\x8d\xef\xbcy\xf3\x8e\x1d;fM\x8aDEG&gt;\xf1\xd4\xe3\x95\xce\xaa\x8b\xdd\xf5\xe1\x02i\x9aZ\xe9\xacz\xe2\xa9\xc7\xa3\xa2#\xad%~\xc7\x8e\x1d\x9b7o\x1e\x06\x01\xe0\xa7\x10\x00.\x1a}\xd4SSS\xdd\xbf\\\xb7f}Yi\xa9\xddn\xaf\xefG\xb7\xdb\xed\xe5\xa5\xe5\xeb\xd6\xac\xb7\x1e\xda\xba\x18I\xda \xea\x80\x1f8p`\xf6\xec\xd9\xd4\xf2R\x14\x1c\xf5\xe4#\x97]\xd1\xe2\xe4\xc9\xba\x96~\xd6FQ\x94\x93\'O^vE\x0b\xda\xc1\xdbz\xe8\xd9\xb3g\x1f8p\x00%\xa1\xe0\x8f\x10\x00.\x1a\xa5Yz\xf5\xea\x15\x1a\x1ajm\xd8p0\xff\xc7\xfc}?\x84\x84\x04\xd7k+ \x84\x08\t\t\xce\xdf\xf7\xc3\xc1\xfc\x1fkV\x1b\xf0\xd0\xd0P\xda\x88Q\x9e\xfc\x0fcl\xd2\xa4I\xd5\xd5\xd55KCy\xcb\xb8\xab\x87\x8d\xb8\xd7Q\xe6\xd0\xf4z\xbc\t\x9a\xae9\xca\x1c\xc3F\xdc\xdb2\xeej!8=zuu\xf5\xa4I\x93\xac\x0b\x03\xf0#\x08\x00\x17\x8d\xb2@\xcd\x9b7o\xdf\xbe=cLUUM\xd3\xaa\xab\xabs\xb2?\x0b\xae\xff\x00\x10\x1c\x12\x9c\x93\xfdYuu\xb5\xa6i\x94\xe9n\xdf\xbe}\xf3\xe6\xcd%\xc9\xffX\xa5\x9f+W\xae\xb4J0M\x93=5}bhh\x88ap\x85\xd5\xe3MP\x98b\x18&lt;44\xe4\xa9\xe9\x13\xa9\xb5\xa7\xebY\xb9r%JB\xc1\x1f!\x00\\\n\xcaB\x0c\x1c8\x901fM\x00\xae\xfbh}UeU\xbdv\xc35M\xab\xaa\xacZ\xf7\xd1zV3\x11\xca\x18\x1b8p\xa0$\xf9\x07z\xca.\x97\xcb\xbd\xf4S\x08\xd1\xa5{\xe7\xe4\xbe\xb7\x95\x979\xbc0\x06\xd24\xad\xbc\xcc\x91\xdc\xf7\xb6.\xdd;\xd3\xdb\xc0*\tu\xb9\\\x98\r\x06\xff\x82\x00p)\xa8\xeb\xdd\xaf_?\xbb\xdd\xce9\xa7\xde\xf7\xde]\xfb\xbe\xdf\xbb\xbf\xfe\xb2@\x94\xff\xf9~\xef\xfe\xbd\xbb\xf6\xd1(\x84sn\xb7\xdb\xfb\xf5\xeb\xc7\xe4\xd8 \x9ar\xee\xaf\xbd\xf6\x9aU\xfaIC\xa2g\xe6&lt;\xed\xe5\xad\x02\x0c\x83?3\xe7i\x1a\xf0Y%\xa1\xaf\xbd\xf6\x1af\x83\xc1\xbf\x04~\xabQ\x1f\xe8s\x1e\x17\x17\x17\x1f\x1fO\xf3\x81\x9a\xa6\xb9\\\xae\x9c\xecM\xf5\x97\x05\xaa\xc9\xfflr\xb9\\\x94\xff1M3&gt;&gt;&gt;..N\x92-\xe1\xa8s\xfd\xeb\xaf\xbf2\xc6\xdc\xf3]th\x977\xafDQ\x14\xa7\xc3\xe9\xfe\xa5ua\x18\x01\x80\x1f\t\xfcV\xa3\x9eP\x9b;`\xc0\x00\xe6\xad,\xd09\xf3?\x03\x06\x0c\x90\xa7\xd7I\xf9\x96\xb4\xb4\xb4\xd8\xd8X^sx\xf2\xc9\xaa\x93\xd3\'\xcd\xd4m:\xf3Z\xc3k2\xdd\xa6O\x9f4\xf3d\xd5I\xda\xa6\x86s\x1e\x1b\x1b\x9b\x96\x96v\xf6I\x0f\x00\r\x19\x02\xc0%\xaa=\x0b\x94\x1f\x12\x1a\xe2\xf1\x16Y\x08\x11\x12\x1a\xf2\xfd\xde|i\xf3?\xacf\xfa\xbdq\xe3\xc63g\xce\xa4\x81\x17\xcd\xc1n\xdf\xbac\xe5\x1b\xefF5\x8a\xf2\xc2\xc6\xa8\x86aD5\x8aZ\xf9\xc6\xbb\xdb\xb7\xee\xf8}\xffQ\xd3\x9c9sf\xe3\xc6\x8d%\x99\x8a\x87\x80!E\xc3Q\x1fj\xcb\x02m\xf8$\'(8\xa8&gt;\x02@Pp\xd0\x86Or\xa4\xcd\xff\x10js\x87\x0e\x1dj\x1d\xccKc\xaf\xcc\x19\x0b\x9d\xe5N/\xec\xce\xaf\xeb\xba\xb3\xdc\x999c!c\xcc\xda\x80\xa8[\xb7nC\x87\x0e\xc5\xf9$\xe0wdi8\xea\xc39\xb3@\x9bs\xb6\xb8\xaa\xab\xebc+\x02Wu\xf5\xe6\x9c-L\xd6\xfc\x8f;UU322\xa8\xb5\x15Bh\xbav\xf8\xd0\x91\x17\xe7\xbd\x1c\xd38\xa6^\x07\x01\x86a\xc44\x8eyq\xde\xcb\x87\x0f\x1d\xd1\xf4\xd3\x95W\x9a\xa6edd\xc8\x13\x83!\x90\xe0]{\xe9\xac,PPP\x10e\x81\x18c\xdf\xed\xfe\xfe\xa7\xc3?\x07\x05\x05yp2\xd04\xcd\xa0\xa0\xa0\x9f\x0e\xff\xfc\xdd\xee\xef\x19c\x94\xff\t\n\n\x92*\xffc\xb1:\xdd\xf7\xdcs\x0f\x9d\x91 \xb8PUu\xd1\x0b\x8bw\x7f\xb3\',,\xb4\xfe&amp;\xe1\xc3\xc2Bw\x7f\xb3g\xd1\x0b\x8bUU\x15\\\xd0I\x0c\xf7\xdcs\x8f5\x1c\xa9\x8f\xc7\x05\xa8?r\xb5\x1d\x9eEy\x98\xb8\xb8\xb8v\xed\xdaQ\xaf\\\xd34G\xb9\xe3\xf3\r\xb9\xa1a!\x1e\\\x13\xc49\x0f\r\x0b\xf9|C\xae\xa3\xdcA[L\x9b\xa6\xd9\xae]\xbb\xb8\xb88\xca&gt;y\xea\x81\xfc\x05\xdd\x81\xa7\x9f~:2\xf2\xf4\xb6&lt;\xaa\xaa:\x1d\xce\x05\xb3\xfe]\x1f\x130\x84\xa6a\x16\xcc\xfa\xb7\xd3\xe1\xa4{.\x84\x88\x8c\x8c|\xfa\xe9\xa7\xad1\x19\x80\x7f\x91\xae\xed\xf0,\x9a\x03\xec\xd1\xa3\x07s\xeb\x89\xaf]\xbd\x8es\xae(\x1e\xbb\xb7\x8a\xa2r\xce\xd7\xae^G_\xd2\x03\xf5\xe8\xd1C\xaa\xfd\x9f\xddQ\xe2\xabu\xeb\xd6\xe3\xc7\x8fw?\x1da\xf5{k\xd6\x7f\x9c\x13\x1d\x13\xe5\xf1\xdb\xc29\x8f\x8e\x89Z\xffq\xce\xea\xf7\xd6X\x0f\'\x84\x18?~|\xeb\xd6\xad\xa5\x9a\x86\x81@\x82wm\x9dXkq\xaduI\x8c\xb1\xed[w\x1c&gt;x$8\xd83Y \xd34\x83\x83\x83\x0e\x1f&lt;\xb2}\xeb\x0e\xc6\x98\xb5\xf2\xc8Z\x87\\\xf7\x87\xf0G\x14\xfc\xc6\x8e\x1d\xdb\xa6M\x1b\n\xc3\x8c1\xc1\xc5\xfc\x99\x0b=u\x16\x98;:\x17l\xfe\xcc\x85\x82\x0b\xeb\xd1\xdb\xb4i3v\xecX\xeb\xd1\x01\xfc\x0e\xde\xb8uBU(\x1d;v\xa4j\x1c\xca\x02U8+&gt;\xcf\xf1X\x16\xe8t\xfe\'\'\xb7\xc2YA\xf9\x1f\xaa&gt;\xea\xd8\xb1\xa3\xccU\xe7\xd4\xc4\xdb\xed\xf6\xe9\xd3\xa7\xbb\x9f\xd4\xb8}\xeb\x8e\xe5\x8b\xb3\x1ayt6\xd80\x8cF\x8dc\x96/\xce\xb2J?)\x075}\xfat\xda\xffU\xda0\x0c\xfe\x0e\x01\xa0\xae\xa8\x1e\xbf\x7f\xff\xfe\xac~\xb2@\xe7\xcc\xff\xf4\xef\xdf\x9f\xd6\x1f\xd4\xfd\xef\xfb/j\x8bSSS{\xf7\xeeM\xad?\xc5\xe0\xb9\xd32\x7f\xf9\xe9\xd7\xe0\xe0`\xcf\x8d\xc0\x82\x7f\xf9\xe9\xd7\xb9\xd32)\xfa\xd2\xe3\xf6\xee\xdd;55\x15s\xbf\xe0\xd7\x10\x00\xea\xea\x8c\x8aL\xcff\x81j\xcb\xffX\xb5\xa7\x9ex\x06~\x8cz\xe2t&lt;\xa7i\x9a4%^XP\xf8\xea\xc2\xd7\xc3#\xc2&lt;5\x02\x0b\x8f\x08{u\xe1\xeb\x85\x05\x854\xedOgO.X\xb0\x00s\xbf\xb5\xa1S3=\x08\x1bl\xd4\x13\x04\x80\xba:_\x16(\xbc\xaeY \xceyh8\xf2?\xb5\xa2\xa0\xdb\xb6m\xdb\x11#FX}sUU_{q\xc97_\x7f\x1b\x1e\x11^\xc7\x8a !DxD\xf87_\x7f\xfb\xda\x8bK\xac\x85\xc7B\x88\x11#F\xb4m\xdb\x16s\xbf\xb5\xd1u-&lt;&lt;&lt;&lt;&lt;,&lt;\xa2\xce\xff\x0b\x0f\x0b\x0f\x0f\xd7\xeb\xf3\x98\x07\x99\xd5\xfb\xcaI\x19XY :\xa3\x8az+k?\\\xf7\x7f\x0f\x0c\xa63[.\xf9/\x9b\xa6Y}\xaaz\xed\x87\xbf\xe7\x7f\x84\x10\x94\xff1\x0c\xc3\x0b\x0b_\x1b&gt;\xba\xe1\x19\x19\x19\xcb\x97//++\xa3CZ\\\xd5\xae\x8c\x893\xde\xf9\xf8\x8d\xba\xff}MS3&amp;\xcepU\xbb\xac\x02\xdc\x98\x98\x98\x8c\x8c\x0c9\x0bp\xff\x14E\xdc\xdd;\xbf\xeb\x9bt\x177D\xdd\x07H\xa6\xc94]\xdd\xb3\xf3;\xfa\xe3\x18ry\x16Z\x10\x0f\xb0\xb2@s\xe7\xce\xb5\x86\xaby\xdbw\x96\x96\x94\xc5\xb6h~\xeaT\xb5\xaa^\xca\xbbV\x083(\xc8~\xec\xe8\xf1\xbc\xed;Y\xcd\xbb\x1f\xf9\x9f3\xd0\xf4/5\xca\x8f&gt;\xfa(\r\x024M\xcb\xfd\xec\x8b\xec\xd5\x9f\xa6\xf4\xebUVZ~iC%\xceyTt\xe4\xda\x0f\xd7\xe7~\xf6\x85\xf5g9\xe7\x19\x19\x19111\xc8\xfe\x9f\x13\xbd\xf9\xcb\xcb\xca\xbf\xd8\xf4e}\xfcq\xbc\xed=\x0b\x01\xc0\x03\xdc\xb3@\xf9\xf9\xf9\xd41t\x94;V,]\xd9!\xe1\x86\x8a\x8a\xcaK\xeb*\xd2\xd2\xd3\x9d;v9\xca\x1d5g\x1f\x8ak\xae\xb9\x06\xf9\x9f3\xd0\xc0h\xc4\x88\x11\x8b\x17/\xce\xcb\xcb\xa31\x81\xa2\xb0i\x93ft\xbb\xad+\xa5n.\xb6\xe1\xa0\x0e~ee\xd5\xb4I3\x14\x85Y\x87\x00\'$$P\xba\t\xdd\xff\xf3\xa0\x9e\x8a\x07\xff \xa6\x01\xea\t\x02\x80g\x08!\xecv{bb"\x05\x00\xaaA|\xf6\xa9Y\x1e|\x08\xca&gt;\'&amp;&amp;R\xfd\x0f\x02\x80\x85B\xa3\xae\xebs\xe7\xceMJJ\xb2\x92\xf5?\xfepx\xd9\xcbo\x8e\x99\x98V\xea(\xbd\xd8\xdb\xc59\x8f\x8e\x88\x9e;#\xf3\xc7\x1f\x0e[\xdd\x7f!\xc4\xdc\xb9si\x07\x08\x04\x00w\xd4\xe2\xbb\xdf\x13\xcf\xb6\xd7\xd4\x01b5Up\x18\x07x\n\x02\x80\'\r\x180`\xf1\xe2\xc5\xd6\xc4\xa3\xa7\xda\x08\xfa\x83\xf4/\xe5\x7f\xe0\x0c\xd4Fw\xef\xde=55\x95\x8e\x0b\xa6\x8c\xd9\xecg\xe6m\xc8\xdex\t\xc9hJ=\xe7m\xfb\xc6\xbd\xf4355\xb5{\xf7\xee\x88\xbeg3\x0c\xc3*\x81\xabW\xf4\x10^\xd8\xf7[\x128\xc2\xd43(;\xe9p8\xda\xb6m[PP\xe0\xf1\xb3a\xe9\x0f6k\xd6l\xff\xfe\xfd\x11\x11\x11H\x86\x9e\x8d\xd22\x07\x0e\x1ch\xd7\xae\x1d\xe7\xdc\xb3\x8b$4M\xd34m\xcf\x9e=m\xda\xb4A\xfe\xc7\x1d\xbd\x15KJJv\xee\xdc\xe9\xb5\x07\xed\xd0\xa1CLL\x0c&gt;\x05u\x87\x11\x80g\xd0TdDD\xc4m\xb7\xdd\xf6\xc6\x1b\x1e(&gt;9\xa7\xdbn\xbb-""\x02=\xd0sr\xdf\x9e\xe1\xd9g\x9f\xb5\x96\xec\xd6\xa5\xb1\xa6\xd43\xfd\xa9\xf1\xe3\xc7\xd3\xb6\x13\xb8\xf9\xee\xa8\t\x8e\x89\x89\xa1\x1d\xb1\xbc\xff\xd0P\x17\x18\x01x\x0c5\r[\xb6ly\xfa\xe9\xa7=\xbeM?\xfd\xc1g\x9ey\xa6k\xd7\xaeh\x83jC\xab\xb4\x9cNg||\xfc\x8f?\xfe\xe8\x91W\x81\xfeH\xcb\x96-\xf3\xf2\xf2\xc2\xc3\xc3\xadd4\xb8\xa3\x95_^{8:\x89\xd3k\x0f\x17\xc0\x10\x00 \xa0\xd0\xf2\x887\xdexc\xd8\xb0a\x1e\xfc\xb3\xcb\x96-\x1b:t(\xd6^@\x80A\x00\xf00\xea\x84\xd6\xd3\x1fG\xf7\xf3BPo477\xd7S\xd3\x00\x9a\xa6%&amp;&amp;\xa2\xd7\t\x81\x07\x01\x00\x00@R\x18\xcfB`\xf2x\x15\x90\x07\xff\x1a@\x03\x81\x11\x00\x00\x80\xa4P\xce\x0c\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00\x00\x90\x14\x02\x00\x00\x80\xa4\x10\x00\x00\x00$\x85\x00\x00\x00 )\x04\x00\x00\x00I!\x00\x00\x00H\n\x01\x00\x00@R\x08\x00\x00\x00\x92B\x00\xf0%\xd34M\xd3\xf4\xf5U\x00\x80\xa4\x10\x00|\xc64MEQ\x14E\x11B\xf8\xfaZ\x00@F\x08\x00\xbea\x18\x065\xfd\x0e\x87CUU\xc30|}E\x00 \x1d\x04\x00o3M\xd30\x0c]\xd7\x8f\x1e=z\xdbm\xb7u\xe8\xd0\xe1\x8b/\xbe\xd0u]\x08\x81\xa1\x00\x00x\x13\x02\x80WQ\x13\xaf\xebzVV\xd6M7\xdd\xb4q\xe3\xc6C\x87\x0eu\xef\xde}\xea\xd4\xa9\xaa\xaab(\x00\x00\xde\xa4`\x12\xd2k8\xe7\x9a\xa6\x19\x861n\xdc\xb8\xcc\xccL\xc6\x98\xa6i\xa6iRTHNN^\xbcxq\x8b\x16-\x0c\xc3\xd04MQ\x14\x1f_.\x00\x04:\x04\x00o\xa0V^\xd3\xb4\xbc\xbc\xbc\x91#Gn\xdb\xb6MUU\xfa&gt;\xfd\x00\x05\x86\x16-Zdff\x0e\x1a4\x881&amp;\x84\xa0\x9f\x01\x00\xa8\'hb\xea\x1d\xe7\\Q\x14M\xd3\x16-Z\x94\x94\x94\xb4m\xdb6\xca\xf8\xb3\x9a2PEU\xa8\xd7\x7f\xf4\xe8\xd1\xc1\x83\x07\x8f\x1e=\xda0\x0cUU9\xe7\xbe\xbev\x00\x08d\x18\x01\xd4/\x9a\xef-**z\xf4\xd1GW\xacX\xc1\x18\xd34\x8drA\x9cs\x9b\xdd\x16\x1e\x11^RTB_\xaa\xaa\xaa(\n\xe7&lt;11\xf1\xf5\xd7_\xbf\xe6\x9ak\xaco\xfa\xfay\x00@\x00\xc2\x08\xa0\xbePU\x8f\xae\xeb\xb9\xb9\xb9]\xbatY\xb1b\x05e\xf6)\x17\xc49\xffk\xfb\xeb\xde\xff4k\xdd\x97k\xba\xf6\xe8B\xa3\x04\xc6\x18\xe7\x9c~\xe5\x96[nY\xb4h\x11\xfd\n\x86\x02\x00P\x1f\x10\x00\xea\x05\xe5pTU\x9d:ujRRR~~\xbe\xae\xeb\x9csEUL\xd3\xe4\x9c\x0f\x1e:p\xd5\xba\xb7o\x8co\x1f\xd38z\xf9\xeaeOM\x9f\xa0\xaa\xaa\x10B\xd35J\x07\x95\x95\x95=\xf8\xe0\x83\x0f&gt;\xf8\xa0\xc3\xe1\xa0\x19\x02_?\'\x00\x084H\x01y\x18\xb5\xefT\xe6\x7f\xff\xfd\xf7ggg3\xc6\xa8q\xd7u\xdd0\x8c\xa8\xe8\xa8\x8cyS\x06\xdc\xfd\xf7\xca\xca*W\xb5KQT\xc6\xccFM\x1am\xde\xb0e\xec?\xc7\x1f\xf9\xf1\'MS\x850\xe9\xb78\xe7\xf1\xf1\xf1/\xbe\xf8b\xa7N\x9dh\xda\x003\xc3\x00\xe0)hM&lt;\xc9\xbd\xcc?!!!;;[\xd7u\xc6\x98i\x9aT\xe3\x1f\x7fK\xc7\x0frV\x0e\x1a:\xb0\xac\xb4\x9c\x1b\\\xd34UUTU-&lt;^\xd8\xa5[\xa7\x0f6\xae\xfc\xdf\xbb\xee\xe0\\\xd0.\x114U\x90\x97\x97\xd7\xb5k\xd7\xcc\xccL\x1aR \x1d\x04\x00\x9e\x82\x11\x80\xc7\x9c\xb3\xcc\xdf\x9a\xefe\x8c\x8dz\xf2\x91Q\xe3G\xda\xecvg\xb9S\xb7\xe9g\xfe\xba\xc1\xedA\xf6\xb0\x88\xb0\xa5/\xbf\xf1\xcc\x84g++*i\xc4\xa0\xaa*\x15\x0b\r\x1a4(33\x93\x16\nP\\\x01\x00\xa8\x0b\x04\x00\x0f\xa8\xad\xcc\xdf\x9a\xefm\xda\xac\xc9\xec\x97f\xdc\xd1?\xa5\xa4\xb8Tp\xa1j\xe7\x1ex\x99\xc2\x14B4n\xdah\xc7\xb6\xbc\xb1\x0fO\xfcn\xf7&gt;M\xd3\x84\x10\xa6iR0h\xd1\xa2\xc5\xe2\xc5\x8b\x93\x93\x93\x91\x0e\x02/\x08\x8c\xbdI\xf019\x0f\x04\x80\xba\xa2&gt;&gt;cl\xd1\xa2EO&lt;\xf1\x84\xc3\xe18\xa3\xe7~{\xff\xe4\xa9\xb3\'_q\xe5\xe5%\xc5\xa5\x17\xb2\xc4\xd7p\x19\x91\xd1\x91\xe5e\xe5\xcf\xa5\xcf]\xfa\xca\x9b\xacf$A\x7f\x9616e\xca\x94\xf4\xf4tVScZ\xef\xcf\x10\x00\x02\x14\x02@\x9d\x9c\xbf\xcc_U\xd5\x7fe&lt;\xf9\xcf\xd1\x0fUWWWUV]xc\xcd9\xb7\xd9\xf4\xc8\xe8\xa8\x95o\xac\x9a4:\xbd\xac\xb4\xcc\n*\x8c1!Drr\xf2\xc2\x85\x0b\xdb\xb4i\x83}#\xa0&gt;\xd0,\xd4\x981c\xbe\xf9\xe6\x1b+\x87\xe9_\xe8\xb2;v\xec8w\xee\\z:\xbe\xbe\xa2\x86\x08\x01\xe0\x12YI\x98\xdc\xdc\xdc\x07\x1ex ??\x9f\xd25\xac\xa6z\xe7\xaf\xed\xaf\x9b\xb1 \xa3S\xe2\xcd%\xc5\xa5\xec\xe2\xc7\xa1TM\xd4\xb8i\xe3}\xbb\xf6M\x1e\xfb\xcc\x96\x8d\xb9\xd6\x90\x82\x82A\xe3\xc6\x8d_|\xf1\xc5A\x83\x06\xd171\xce\x05\x0f\xa2\x9dH\xfe\xe7\x7f\xfeg\xdb\xb6m\xbe\xbe\x96:\xe9\xd4\xa9\xd3\x97_~\x89\x8dUj\x83\x9br).\xb0\xcc?\xa1S\xc7\xa2\xc2b\xfa\xc9\x8b}\x08EQt]/:Q\xd4\xb2M\xcb\xb7&gt;\\2\xea\xc9Gh2\x80\xe6\x995M+**\xa2}#h\xa8\xe1\x8f}4h\xe0\xc2\xc3\xc35M\xb3\xdb\xed\x9a\x1f\xa2\xcb\x0e\x0f\x0f\xf7\xf5]l\xd0\x10\x00.\x8e\xfbn\xfe)))\xe9\xe9\xe9\x14\x0c\xe8\x9b\x82\x8b\xa8\xe8\xa8\x05\xaf\xcf\x9b\xf7\xcas6\xbb\xad\xbc\xd4Q\xc7\x1c\xbd\xae\xebU\x95UU\x95UO=;a\xc9\xbb\xaf6m\xd6\xc4\xca/)\x8a\xa2\xaajfff\xd7\xae]\xf3\xf2\xf2\xe8\x9b\x18\xcf\x81\x07\t!\xb8\x1b\xd3\x14\xa6\x1f\xf8\xc35\x07\xc6&lt;v\xfdA\x00\xb8\x08\x17]\xe6\xafku\x7fP\xda\x0b\xe8DAa\xef&gt;\xb7\xad\xd9\xf2\xc1\xed\xfd\x93\xa9\xf5\xa7]%t]\xdf\xb6m[RR\x12\xf6\x8d\x80\xfa&amp;\x84)\xfc\x00\xfa@\x17\x015$\x17\xea\x9ce\xfe\x94\x8d\xa1\xae\xb7U\xe6_TPtv\x99\x7f\x1d\xe9\xba^R\\\xda\xa4Y\x93W\xdf~\xe9?\xcf\xbf\xf2\xec\xe4\xe7\x84\x10\xd6\x058\x1c\x8e\x07\x1f|p\xc3\x86\r/\xbc\xf0B\xe3\xc6\x8dQ\x1d\x04\x9e\xa5(\x8ai\x9a\x13\xa6\x8e\x8b\xef\xd4\xa1\xc2Y\xd90\xf3\xe9B\x88\xb0\xf0\xd0\xbcm;gN\x99\x8d)\xdf\x0b\x84f\xe2\xcf\x99\xb5\x94\xf9[\xd9\x18\xf72\x7f\x97\xb3\xd2\xe3\xad?\xd1u\xfd\xd4\xc9S\xa7N\x9ezt\xdc\xc37w\xb9i\xe2\xa8\xc9\xd6B\x01J\x07\xadX\xb1"//\xef\xf5\xd7_OLL\x14X(\x00\x9eC\x01 \xfe\x96\x0e\xc9\xc9\xbd\xca\x9ce\x1e\x19\xdaz\x1c7xTx\x143\x19c\x0c\x01\xe0\x02!\x00\xfc\tj\xe55M;\xbb\xcc\x9f\xf2-V\x99\xff\x89\x82BM\xd3j[\xe4\xe5\x11\xd4\xa0\x17\x15\x16\'t\xea\xb8j\xdd\xdb\xe9ON\xcbzc\x15\xab\xa9;\xd2u=???))i\xf6\xec\xd9iii\xccm\x8d\x02@\xddUTT\x96U\x94\x95\x959\xb4\xfa|\x93_2\xce\x05SXEE\xa5\xaf/\xc4\x9f \x00\x9c\xcf9\xcb\xfc\xad\xb4\x8f\xaa\xaa\x93\xa6\x8d\xa72\xff\x92\xe2R\xafe]t]//u\xd8\xec\xb6\xf9\x8b\xe6\xc4\xdf\xd2a\xda\xbff8\x1d\x15\xb4\x8d(ME\x8c\x1e=z\xed\xda\xb58`\x12&lt;KUUM\xd34Mm\xb0\xbd\nM\xd30\xea\xbd(\xb8Y\xe7F\xd3I\x7f\xb2\x9b\xff\x86\xacG\xc7=\xec(w\x9c:y\xca\xcb9wM\xd78\xe7%\xc5\xa5\xc3\x1f\x1a\xbaz\xd3{\xf1\xb7t\xa4\xad\xe5L\xd3d\x8c\xe9\xba\x9e\x9d\x9dmMS\xd3e{\xf3\xf2\x1a,\xd34\xa98\xc4\xf8#\x14P\x81\x9c\x10\x00\xce\xc1\x0be\xfeuG\xc7L\x16\x17\x15\xb7\x8ak\x99\xb5\xf6\xad\xfb\x1f\x1eF\xad\x985F\xa1BU\xeb\x80IiO\x14\xa0\x97\xcc0\x0c\xd34\xe9\xa6i\x9a\xa6\xff\x11Ew\xd34\r\xc3@\xb0\x04y \x05\xf4\x07f-\xbb\xf9S.\xe8\x8c\xdd\xfc\xeb^\xe6_w\xba\xaeWVT\xa9\x9a:s\xc1\xb4\xf8[:&gt;3~\xfa\x89\x82B\xf7}#233\xb7o\xdf\xbex\xf1\xe26m\xda\xc8v\xc0\xa4\xa8Y:g\xa5,N\x9c8q\xe4\xc8\x91c\xc7\x8e\x9d8q\xa2\xa2\xa2\x82sn\xb3\xd9\x1a7n|\xf9\xe5\x97\xb7n\xdd\xbaE\x8b\x16\xf4\x82\xcav\xa3@Z\x08\x00\xbf\xa3r\x1a*\xf3OKK;z\xf4(\xb5\xa4\xeee\xfes\xff3\xeb\xba\xf6\xd7\x16\x17\x16\xab\xaa\xda@j!TM5M\xb3\xf0D\xd1\xc0{\xee\xba\xa5\xf3Mc\x1e\x9e\xb0ec.5^V\x16\xabs\xe7\xce/\xbc\xf0\xc2\x90!C\x98\x1c3\xc3\xb4"\x88B`ee\xe5\x96-[&gt;\xf9\xe4\x93\xdc\xdc\xdc\x03\x07\x0e\x94\x96\x96\x9e\xf3W"""\xda\xb5k\xd7\xbf\x7f\xff\xff\xfb\xbf\xff\xfb\xcb_\xfe\xc2j\xb6C\xf0\xe6e\x03x\x19\xde\xdf\xa7Y\x1b*\x8c\x1e=z\xf0\xe0\xc1G\x8f\x1e\xb5r)T\x06:\xea\xc9G\xb2&gt;y\xb3U\x9b\x96E\x05E\rmZ\x95\xe2Vqaq\xd3\xd8\xa6o}\xb8\xf8\xf1\xf1\x8f\x9eq\xc0dQQ\xd1\xddw\xdf-\xcf\x01\x93T\x17\xbbk\xd7\xae\xb1c\xc7\xb6o\xdf&gt;99\x99FB\xa5\xa5\xa5gg\x81h\xe6\xd0\xe1pl\xdd\xbau\xc2\x84\t7\xdcp\xc3\x94)S\xaa\xab\xab\xe9\x1e\xfa\xfa\xa9\x00\xd4#\x04\x80\xd3i\x1f\xed\\goYe\xfeK\xde}\xf5\xa9g\'p.*\xeb\xad\xcc\xbf\xeeh\xa1@eE\xd5\xa4g\'\xac\xf8\xf8\xcd\xabZ^\xc9\r\xae\xeb:\x8dl\xa8\x925))\xe9\x9bo\xbe\xa1)\x8d\x80\x9c\xf6\xa4\xb4\xcf\xf7\xdf\x7f\x9f\x9a\x9a\x9a\x90\x900w\xee\xdcC\x87\x0e\xa9\xaa\xaa\xeb\xba\x95\xd5q_6J\xbb\x05X\xb7H\xd7\xf5\xd2\xd2\xd2g\x9ey\xe6\xd6[o=z\xf4(m\xc0\xe7\xeb\xe7\x04P_d\x0f\x00\xb4\xad\x82\xd58n\xdb\xb6\x8dZL\xc6\x98U\xe6\xbff\xcb\x07\xbd\xfb\xdcv\xa2\xa0\xd04\xcdz-\xf3\xaf;\n]\'\x8e\x9d\xe8\xdc\xad\xd3\x7f7\xae\xba\xa3\x7f\x8a5\xf9Is\x1byyy\xdd\xbbw_\xb8pa\xa0\xee\x1bAO\xb6\xac\xacl\xd5\xaaU4sC\x1dy\xeb\x85f5\t\xa2\xd3\xfb\x06\x98&amp;\xcd\x13\xd0\xdd0\x0cCQ\x14\x9b\xcd\xb6e\xcb\x96\x94\x94\x94\xd2\xd2R\xfa\x01_?-\x80z\xd1\xa0\x9b\xb3\xfaV[z\xc4Z^\xfb\xd4\xf4\t\xaf\xbe\xfdR\x93fM\xa8\xcc\xbfA\xa5}\xceC\xb7\xe9\xe5%\xe5\x11\x91\x11//\xffw\xfas\x93C\xc3B\xadt\x10\xe5:F\x8d\x1a5x\xf0\xe0\xa2\xa2\xa2\xc0K\x07\xd1k\xd7\xa9S\xa7;\xef\xbc\xd3z\xbd(\x8fg\xd5\x02\x85\x86\x866o\xde\xbce\xcb\x96-[\xb6l\xd2\xa4\tc\x8c\xc6\x01Vxp\xb9\\6\x9bm\xd7\xae]\xff\xfc\xe7?\x91\x08\x82\x00&amp;o\x000M\xb3\xc1\x96\xf9\xd7\x9d\xa6k\xd5\xd5\xd5\x8er\xc7\xc81#Ve\xbf\xfd\xd7\xf6\xd7Y\x0b\x05\xac\x89\xee.]\xbaX\xfb\xd9\x05\x12\xea\xb0\xd3ZhzM9\xe7aaaw\xdcq\xc7\xfc\xf9\xf3\xb7l\xd9\xb2\x7f\xff\xfe\x03\x07\x0e\xec\xdb\xb7o\xdf\xbe}\x07\x0e\x1c\xf8\xf6\xdbo_x\xe1\x85\x84\x84\x04\x9a\x07\xa2?\xe2r\xb9t]\x7f\xe7\x9dwrrr4\xff&lt;\x11\x05\xe0OI\x1a\x00\xa8\x977e\xca\x14\xf72\x7fV3\x1f\xd0\x10\xca\xfc\xeb\x8e\xd6m\x16\x1c+h\xdf\xf1\xfaU\xeb\xde\x1e&lt;t\xa0\x95\xf7\xa7\xdcH~~~JJ\xca\x94)S\\.W e9h\x10\xd0\xad[\xb7\x9bo\xbe\xd9\xe5r\xc5\xc7\xc7\xcf\x9b7o\xcf\x9e=k\xd6\xac\x195jTbb\xe2\x15W\\\x11\x11\x11\x11\x14\x14\x14\x14\x14\x14\x1d\x1d}\xc3\r7&lt;\xf2\xc8#\xdb\xb6mKOO\xb7\xc6\x01DQ\x94\x05\x0b\x160\xec-\x03\x01\xca/\x9b\xb6\xba\xa3\x8epVV\x96a\x186\x9b\x8d2\xbf\xa6iF\xc7D/x\xcdc\xbb\xf97\x046\x9b\xcdQ\xee\xb4\xd9m\xf3^yn\xc1k\xf3\xa2c\xa2\xe9\xb9\xd3\x13\xa7\x9b\xc0jz\xcd\x01\x83\x9e\xce\xacY\xb3\x96/_\xfe\xf5\xd7_\x8f\x1e=\xfa\xea\xab\xaf\x16B\xd0\xa2_+\xf5oM\x06\xd0\x1b`\xca\x94)iiiV\x99,\xc5\xcbM\x9b6\x15\x15\x15a6\x18\x02\x92\xa4\x01@\x08a\xb3\xd9\x1ez\xe8!V\x13\x0c\x18c\xcd\x9a7]\xb9\xf6\xad!\xc3S=\xb8\x9b\x7fC\xa0i\x1a7xYi\xf9\x90\xe1\xa9+\xd7\xbe\xd5\xacySV\xb3\xbf\xa3i\x9a\x0f=\xf4\x90\xcdf\x0b\xb047\xb5\xe0IIIw\xdf}7E;*\xea\xb7\x8a&gt;\x157\xf4}\xc6\x98\x10b\xca\x94)\x8d\x1b7\xa6\x19czc\x94\x96\x96~\xf7\xddw\xac\xe64\x08\x80@"i\x00\xa0\xacN\x9f&gt;}\xecv\xbb\x95\xdeu8\x9c\x9a\xae;\xca\x9d\xd4.\xf8\xf4\x02=\x8c\x9e\x91\xa3\xdc\xa9\xe9\xba\xc3\xe1\xa4or\xce\xedv{\x9f&gt;}X\x80n\x1cM\xd9\x7f\x9a\xec\xf9\xd3\'H}\xfc\xe8\xe8\xe8\xc4\xc4DVsC\xe8\xdf\x9f\x7f\xfe\x99\x05\xdc \t\x80\xc9\x1c\x00\x84\x10qqq\x1d;v\xa4%\xa3\x9a\xa6UUV\xad_\xf3ixdx@\xf6\xf5\x84\x10\xe1\x91\xe1\xeb\xd7|ZUYE\xbd`\xd34;v\xec\x18\x17\x17\x17\xa8K^\xe9e\xbd\xf0XNC\xa2\xab\xae\xba\x8a\xd5$\xfd\xe9_\x87\xc3Q\x7f\x17\t\xe0C\x01\xf8\xb1\xbf@\xd4\xea\xa5\xa6\xa6\xb2\x9a|\x08cl\xdb\x96\xaf\\.\x97\xa2\x04\xe0mQ\x14\xd5\xe5rm\xdb\xf2\x15s\xcbz\xa5\xa6\xa6\xa2\xcc\xd1\x9d\xf5Np\x17\xf0;g\x80\xb4\x02\xb0\xa5\xbb@\xd4\x02&amp;%%\xd1\xa2_j\x04\xb7}\xf1\xf5\x91\x83G\x82\x83\x83\x02l\xbco\x9afpp\xd0\x91\x83G\xb6}\xf15\xab\xc9\x8d\xa8\xaa\x9a\x94\x94\xc4P\xe2R\x83\xee\xc3o\xbf\xfd\xc6j\x12&gt;\xf4/\xad\x15\xc0]\x82\xc0#o\x00\xa0\xa2\xf8v\xed\xda\xc5\xc5\xc5Y\x1b\x05W8+&gt;\xcf\xc9\r\r\x0b\t\xb0\xbao\xceyhX\xc8\xe79\xb9\x15\xce\nk\xeb\xe3\xb8\xb8\xb8v\xed\xda\xd1:X__\xa0\xefQ&amp;\xf0\xd4\xa9S_\x7f\xfd5\xabi\xfai6\xb8u\xeb\xd6\x0c\x01\x00\x02\x91\xbc\x01\x801\xc69\x0f\n\n\xea\xdf\xbf?s\x9b\x05]\xbbz\x1d\xe7&lt;\xc0\xb2@\x8a\xa2r\xce\xd7\xae^G_\xd2\x93\xed\xdf\xbf\x7fPPP\x80\x85\xbaKFm\xfd\xaaU\xab~\xfa\xe9\'ZI@\xc5BW_}\xf55\xd7\\\xc3\x10\x00 \x10\x05T3w\xb1\xe8#=`\xc0\x00\xca\x83S\x16h\xfb\xd6\x1d\x87\x03+\x0bD\xf9\x9f\xc3\x07\x8fl\xdf\xba\x83\xd5l\x85\xa6\xaa\xea\x80\x01\x03\x18\xda5\xc6\x18c\xb4QRAA\xc1\x84\t\x13\xaci\x00\x9a\'OMM\r\n\n\xa2\x85\x02\xbe\xbeL\x00\x0f\x93:\x00P\x16\xc8\xaa\x84\t\xd4,\xd0\xd9\xf9\x1f\xf7\n(\xe4\x7fh\xe5WEE\xc5\x80\x01\x03~\xf9\xe5\x17\xba?\xd4\'\x88\x8c\x8c\x1c5j\x94u\xb4\x00@\x80\x91\xfdmM\xb5\xf0\x81\x9d\x05\xaa-\xff\xe3\xbe\x06BZ\xd6\x86\x80w\xdcq\xc7\x96-[(\xf9\xc3j\xf6\x93x\xee\xb9\xe7.\xbf\xfc\xf2@-\x93\x05\x90\xfdm}\xbe,PH d\x81L\xd3\x0c\x0eA\xfe\xe7\xdchO\xa4\x1f~\xf8\xa1G\x8f\x1e\x9b7o\xb6\xb6\x84\xb2\xd9l.\x97\xeb\xc1\x07\x1f\x1c1b\x84\x0c\x07\xa8\x81\xb4d\x0f\x00\xb5e\x816o\xd8\x12\x12\x1a\x08Y \xceyHh\xc8\xe6\r[\x90\xff9\x03\xe5\xfdsrr\xfe\xf6\xb7\xbf\xed\xde\xbd\x9bv\xc6\xa6\xadR].\xd7\xd0\xa1C_~\xf9e\xf7\xfdA\x01\x02\x0f\xde\xdc\xe7\xce\x02mX\xbb\xd1\x14"\x00:\xc8\x8a\xa2\x98BlX\xbb\x91\xbeD\xfe\x87P\xbf\xfe?\xff\xf9Orr\xf2\xb1c\xc7h\xc3g*\xfb1\x0c\xe3\xb1\xc7\x1e[\xb6l\x19\xa5\xfe\x03\xe0=\x00P\x1b\x04\x80\xdf\xb3@\x94\xf6\xa5\xb4\xcf\xae\xbc\xdd\x05\xc7N\xd8\xedv\xbf\xce\x02\x99\xa6i\xb7\xdb\x0b\x8e\x9d\xd8\x95\xb7\x9b\xbe\xa4\xed\x8e%\xcf\xffP\xeb\x9f\x9e\x9e\xfe\xf0\xc3\x0f[gA\xd3\xabOy\xff\x05\x0b\x16\xd0pP\xda[\x04\x92@\x008\xdd)n\xdf\xbe}\xf3\xe6\xcd)\x00\xa8\xaaZp\xfc\xc4\xb6\xdc\xed\xa1a!~\xbdM\x82\x10"4,d[\xee\xf6\x82\xe3\'\xa8\xa8Q\x08\xd1\xbcy\xf3\xf6\xed\xdb\xb3\x00\xdd\x00\xeeOQ[?m\xda\xb4\xa9S\xa7Z\x9b\x80\xd2\x08\xa0q\xe3\xc6\x1f~\xf8\xe1\xb8q\xe3(\x17\x84\xd6\x1f\x02\x9e\x8cM\xc0\x19\xe80\xd8\xd0\xd0\xd0^\xbdz1\xc6h\xa34\xc6X\xf6\xeau\x8a\xff7\x91\x8a\xaaf\xaf^\xc7jvFc\x8c\xf5\xea\xd5+44\x94\xd6=\xf9\xfa\xea\xbc\x8dZ\xff\xf7\xdf\x7f\x7f\xf2\xe4\xc94\xe5K{\x85r\xce\xdb\xb6m\xfb\xf9\xe7\x9f\xf7\xed\xdb\x97f\x86%\xbc9 !\xbfo\xe0&lt;h\xd0\xa0A\xacf\x9f\x1c\xc6\xd8\xe79\xb9\xc7\x7f;\xee\xbfY \xca\xff\x1c\xff\xed\xf8\xe79\xb9\xac\xe6\xd8[V\xf34%Dc\xbb\x92\x92\x92\x91#G\xd2d8M\x83\x1b\x86\x91\x90\x90\xb0i\xd3\xa6\xeb\xae\xbb\x8eZ\x7f__)\x80\x97 \x000V\x93\x0c\xe9\xda\xb5kll,\xb5\x92\xaa\xaa\x9e((\xf4\xeb,\x90\x95\xff9QPHOP\x08\x11\x1b\x1b\xdb\xb5kW&amp;e\xfe\x87\x06=\x8b\x16-\xa2Y_*\x87\xe5\x9c_\x7f\xfd\xf5k\xd7\xaem\xde\xbc9\xd5\x05\xf9\xfa2\x01\xbcG\xbaV\xe0\x9c(\x0b\x14\x19\x19\x99\x92\x92\xc2\x02(\x0btv\xfe\'%%%22R\xce\xfc\x0f\x95\xfc\xaeX\xb1\xc2:\xed\xcb4\xcd\xf0\xf0\xf0w\xdf}\xb7I\x93&amp;\xb4"\xcc\xd7\xd7\x08\xe0U~\xdc\xba\xd5\x07:\x1e \x00\xb2@\xb5\xe5\x7f\xe8\tJ\x88\xaaz~\xfd\xf5\xd7}\xfb\xf6Y\xd5P\xa6i&gt;\xf6\xd8cm\xdb\xb6u\xb9\\\xe8\xfb\x83\x84\x10\x00N\x0b\xb0,\x10\xf2?g\xa0\x10~\xf8\xf0\xe1\xaa\xaa*\x1a\xfdP\x01\xe8\xddw\xdf\x8d\x9d\x1e@Zx\xdf\x9fV[\x16h\xed\x87\xeb\xfc4[\xa2(\xca\xda\x0f\x91\xff\xf9\x83\xc2\xc2B\xc6\x18-\xef2M\xb3Y\xb3f-[\xb6TU\x15\x01\x00\xe4\x84\xf7\xfd\x99\xce\xc8\x02\xe5n\xdaZXPh\xb3\xd9\xfc(\x0bd\x9a\xa6\xcdf+,(\xcc\xdd\xb4\x95!\xff\xc3\x18\xab\x19\x01\x9c:uJw\xd3\xbcy\xf3\xd0\xd0P__\x1a\x80\xcf \x00\xfc\xce\xca\x02\xb5h\xd1\x82R\xc6\xaa\xaa\x16\x16\x14~\xb7g\x7fpH\xb0\x1fe\x81\x84\x10\xc1!\xc1\xdf\xed\xd9_XPH\xbd]!D\x8b\x16-\xa4\xcd\xffX\xaa\xaa\xaa\x0c\xc38u\xeaTuu\xb5a\x18eeet7\xa4\x1d\x12\x81\xe40\xf1\xf5;+\x0b\xd4\xbbw\xef\xa5K\x97R\xd3`\x18\xc6\xfa\x8f&gt;M\xea\xf57\xff\x1a\x01\xd8\x83l\xeb?\xfaT\x08a-v\xed\xdd\xbb7\xe5\x7f\xe4\xacu\xa1W\xf3\xa6\x9bnJOO\xa7\xe6\xde4\xcd\xe6\xcd\x9b\xfb\xfa\xba\x00|\t\x01\xe0\x0f\xa8\x95\xef\xd9\xb3\xe7\xd2\xa5KM\xd3\xa4/7\xac\xdd8\xaex\xb4\x1fe\x81l6[iq)m\x00\'j\xb6\xb4\xeb\xd9\xb3\'\xaby\x82\x12\xa2\x00\xd0\xae]\xbbv\xed\xda\xf9\xfaZ\x00\x1a\ny\xb3\x01\xe7dm\x96\x10\x11\x11A\xfb\x04\xa8\xaaz\xf8\xd0\x91\x9d_\xef\n\xf5\x93\xdd\xa19\xe7\xa1\xa1!;\xbf\xdeu\xf8\xd0\x11\xda\xff\x87s\x1e\x11\x11amt\xe1\xeb\x0b\xf4%!\x84\xf1G\xbe\xbe"\x00_B\x00\xf8\x03+]\xde\xad[7\xc6\x18\xd5\x87\x98\xa6\xb9~\xcd\x06[\x90\x7f\x8c\x00L\xd3\xb4\x05\xd9\xd6\xaf\xd9@\xd1\x8bz\xbe\xdd\xbau\xb3&amp;6|}\x81\xbe\xa4\xaa\xaa\xae\xebj\r\xd4\xfe\x83\xe4\x10\x00\xcetF\xc1\x0c}\xb9a\xed\xc6\xd2\xe2R\x9b\xcd\xe6\xcb+\xbb0g\xe4\x7f\xe8\x9bVi\x93/\xaf\xac\x01\xb0v{\xb5B;\xee\t\xc8\x0c\x01\xe0L\x94$INN\xf6\xc7,Pm\xf9\x9f\xe4\xe4d&amp;}\xfe\xc7:\xe0\xe5\xe7\x9f\x7f\xfe\xf6\xdbo\x7f\xfe\xf9g*\xf4\xf2\x8b\x81\x1d@}@\x008\x13e\x81bcc\xfd1\x0bT[\xfe\x87\x967\xcb\x9c\xff\xa1\xcd\x7fv\xed\xda\xd5\xbbw\xef\xeb\xae\xbb\xaec\xc7\x8e\xd7]w\xdd\xed\xb7\xdf\xbeg\xcf\x1eZ\x14\xe6\xeb\x0b\x04\xf0\x01\x04\x80s\xa8=\x0bT\xd6\xc0\xb3@6\x9b\xad\xb4\xb8\x0c\xf9\x9f3P\xfb~\xf4\xe8\xd1^\xbdz\xad_\xbf\xbe\xa2\xa2\xc24\xcd\x8a\x8a\x8a\xb5k\xd7\xdez\xeb\xad\xbf\xfd\xf6\x1b\x93\xfb\xfe\x80\xb4\x10\x00\xce\xa1\xb6,P\xdeW;\x1b\xf2I\xf1t\xfe{\xdeW;\x91\xff9\x03\xed~\x91\x95\x95UPP\x10\x14\x14\xa4\xd4\x08\n\n*((X\xbe|9\r\xfb|}\x99\x00\xde\x86\x00p\x0e\xb5e\x81\xbe\xd8\xb4\xd5\x1e\xd4pw\x065M\xd3\x1ed\xffb\xd3V\xe4\x7f\xcei\xdf\xbe}\xb4\xd6\xcf\xacA\x81a\xcf\x9e=\x0c\x8b\x81AJ\x08\x00\xe7F\xfd\xc1\x81\x03\x07\xd2\x97\xd4\xe8o\xf9\xec\x8b\xaa\x8a\xca\x06\xdb\x95\xd64\xad\xaa\xa2r\xcbg_0\xb7\x05_\xf4\x14$\xef\xdeR\xe3\xeer\xb9\xce\x0e\xde\xa6i\xba\\._\\\x14\x80\xef!\x00\x9c\x1bu\x9f\xbbt\xe9b\xb7\xdb\x85\x10\xd4\x83\xde\xbds\xef\xf7{\xf3C\x1a\xe4\xbe@B\x88\x90\x90\xe0\xef\xf7\xe6\xef\xde\xb9\x97F0B\x08\xbb\xdd\xde\xa5K\x17&amp;\xf7\xfe?\xac&amp;\x1c\xb6h\xd1\xe2\x8c\xa3\xde\xe9\xcb\xcb/\xbf\x9cI\xbcF\x1ad&amp;u\xbbp\x1e\xaa\xaa\n!\xe2\xe2\xe2\xe2\xe3\xe3)\xa3\xa2i\x9a\xe1r\xe5d\x7f\xd607\x86\xa3\r\xe0r\xb2?3\\.\xda\xcb\xda4\xcd\xf8\xf8\xf8\xb8\xb88\xecwOO\xbf_\xbf~\xa6i\x1a\x86a\xb3\xd94M\xd3u\xdd0\x0c\xd34\xef\xbc\xf3N&amp;}\x8c\x049\xe1M_+j7\x07\x0c\x18\xc0\x18\xb3*\x05\xd7}\xb4\xbe\xaa\xb2\xaa\x01f\x814M\xab\xaa\xacZ\xf7\xd1zVS\xf2\xc8\x18\x1b0`\x00E2__\x9d\x</t>
        </is>
      </c>
    </row>
    <row r="54">
      <c r="A54" s="1" t="n">
        <v>52</v>
      </c>
      <c r="B54" t="inlineStr">
        <is>
          <t>polygon_sides_color</t>
        </is>
      </c>
      <c r="C54" t="inlineStr">
        <is>
          <t>What is the missing color of the part denoted with a question mark?</t>
        </is>
      </c>
      <c r="D54" t="inlineStr">
        <is>
          <t>['purple', 'blue', 'orange', 'yellow']</t>
        </is>
      </c>
      <c r="E54" t="inlineStr">
        <is>
          <t>orange</t>
        </is>
      </c>
      <c r="F54" t="inlineStr">
        <is>
          <t>There are 6 colored polygons arranged in a triangle with color ['green'] in the top row, ['green', 'blue'] in the middle row, and ['orange', '?', 'blue'] in the bottom row.</t>
        </is>
      </c>
      <c r="G54" t="inlineStr">
        <is>
          <t>We observe that the polygon with 8 sides is green in color and the polygon with 6 sides is blue in color. Thus, the pattern is that the polygons with the same number of sides have the same color.</t>
        </is>
      </c>
      <c r="H54" t="inlineStr">
        <is>
          <t>Based on the pattern that the polygons with the same number of sides have the same color, the missing color of the part with 7 sides should be orange.</t>
        </is>
      </c>
      <c r="I54" t="inlineStr">
        <is>
          <t>b'\x89PNG\r\n\x1a\n\x00\x00\x00\rIHDR\x00\x00\x02\x00\x00\x00\x02\x00\x08\x02\x00\x00\x00{\x1aC\xad\x00\x00t\xf8IDATx\x9c\xed\xddw`\x14E\xdb\x00\xf0\xd9r=\xb9$\x90\x84&amp;%\x84\x0e\t\x84\x04\x08\xbdw\x04\xa4\x08\x02\xd2;H\xf5E\x9a\x80\xa8\x80\x05\x05E\xe9 \x02\x8a\x08*\x02R#\x9d\x10B/\xa1\x84\x00\x8a\t\xa4\'w\xb9\xbe;\xf3\xfd1\x18\xf3\x01JK\xeevo\x9f\xdf\x7f\xbeoH6\xd9\xbdyf\xe6y\xf6\x19\x86\x10\x82\x00\x00\x00(\x0f\xeb\xe9\x0b\x00\x00\x00\xe0\x19\x10\x00\x00\x00@\xa1 \x00\x00\x00\x80BA\x00\x00\x00\x00\x85\x82\x00\x00\x00\x00\n\x05\x01\x00\x00\x00\x14\n\x02\x00\x00\x00(\x14\x04\x00\x00\x00P(\x08\x00\x00\x00\xa0P\x10\x00\x00\x00@\xa1 \x00\x00\x00\x80BA\x00\x00\x00\x00\x85\x82\x00\x00\x00\x00\n\x05\x01\x00\x00\x00\x14\n\x02\x00\x00\x00(\x14\x04\x00\x00\x00P(\x08\x00\x00\x00\xa0P\x10\x00\x00\x00@\xa1 \x00\x00%"\x84\x88\xa2\x881&amp;\x84\x08\x82\x00\x07\xa3\x02eb\xe0\xd1\x07\x8aB\x87~\x9e\xe7\x1f\xf9\xdfEQd\x18\x86eaJ\x04\x14\x04\x1ew\xa0\x14\x18c:\xca\xf3&lt;/\x08\xc2\xaf\xbf\xec\xea\xf9Z\xaf\x96-Z\xae\xfczuvv\x0e\xc7q,\xcb\xd2\xaf\x81Y\x11P\x08X\x01\x00/G\x08\xc1\x18\xb3\x1c\xcb \x06!\x94\x92\x9c\xb2v\xf5\xfa_vm\xb7\xa9r\xeb\xb6\xab\xee\x1b`\x88\xddu\xd1\x99\x8e^m\xfb\xda\x807\xfb\x87\xd5\xaeE\xff\x95 \x08\x1c\xc71\x0c\xe3\xd1k\x07\xa0hA\x00\x00^\x0bc\x8c1\xce\xdf\xed9\x14sx\xfd\xfa\xf5\xa7/\xc5\x06U34~5\xaarx\x08\xcb\xb2\x18\x13^\xc5\xddKL&gt;\xf2s\xdc\xed3\xf7\xab\x97\x0f\x1f\xd0\xff\xcd\xd7zv\xd3h4\x08!Q\x14\x11\x838\x96\xf3\xe8\xef\x01@Q\x81\x00\x00\xbc\xcd\xc3)?\xcb\xd2\xf9{Nv\xee\xe6\x8d\xdf}\xff\xe3\xe6t{r\xcd\xa6\xa1\xd1\xed#J\x94\rr\xda\x9c6\xab\x03!\xc2 \x86\x10\xa2\xd6\xaa\xf5&gt;ZSv\xde\xb9\xa3\x97\xcf\xec\xbb\xc2\x99\x0c=\xbb\xf5\xee?\xa0\x7fHh\x85\xc7\xbf!\x00^\x03\x02\x00\xf0\x1e\xb4\xaa\x87\xe3\x1eN\xd8\xcf\xc4\x9d\xfdf\xc3\x86C\'\x0e\xa8\x83I\x8b\xde\rjDUVk\xd4V\xb3\xcd\xe5t1,Sp4\'\x84\x10L8\x9e\xd3\xfbh\x19\x96\xb9~.\xe9\xc4\xee\xb3\xa9\xd7r\xea\xd5l4b\xf8\x88\x16\xad\x9b\xd3/\x13\x04\x81eYH\x14\x03\xaf\x01\x01\x00\xc8\x1e\x9d\xa1#\x84\xe8\xd0o\xb3\xd9w\xfc\xf4\xeb\xea\xb5\xab\xeee\'U\x8e.\xdb\xb0c\xdd\xb2\xa1\xa5\\N\xc1f\xb1\x13LX\x96E\xff&gt;\x8f\xc7\x98 Bt\x06\xadF\xa7\xceJ\xcb9\xb6\xf3\xf4\x95\xa3\xb7\x82\xb4\xaf\xf4~\xad\xcf\xeb}{\x95*]\n\xc1\x82\x00x\x11\x08\x00@\xc6\x1e\xa9\xe9\xbc|\xf1\xca\xa6\x8d\x9b\xf7\x1f\xde#\x18,\xf5;\x86\xd7k][\xa7\xd7\xda,v\xa7\xdd\xc90\x0c\xc3&gt;\xebx\xfdpA\xa0\xe2|\x8cz\xa7\xc3\x95\x10\x7f3\xf6\xb7\xf3\x99\x89\xd6\xf6\xcd;\r\x1e28\xaa~$\xfd2Q\x14!\x0c\x00Y\x83\x00\x00d\xa9\xe0n\x8f \x08{v\xed\xdd\xfc\xdd\xe6\xd3WN\x846(\xd3\xb0cDH\xf5r\x84\x10\x8b\xc9F0~d\xb7\xe7\xf9~\x8a\x88\x19\x96\xd1\x19\xb4j\xad\xfa\xaf\xa4\x94\x13\xbb\xcf&amp;\x9e\xbaW6 t\xc4\xb0\x91\xddzt\xd5\xe9\xb4\x88&amp;\x8a\x11\x82H\x00\xe4\x08\x02\x00\x90\x93\x7f\xad\xe9T\xe7\xd6i]\xb5A\xdb\xba\xc5\x82\xfc\xacyv\x87\xcd\x81\x18\x86}\xe6)\xffS~(&amp;\x98\x10\x8dV\xa53\xe8lV{|\xcc\xc5\xd3{.\xf1y\xfav-;\x8d\x1e3\x8a&amp;\x8a\x11,\x08\x80\x0cA\x00\x00\xf2\xf0\xd4\x9aN\x8e\xe3,&amp;\xab \x88\xecKL\xf9\xff\x03\xdd\x17bX\xd6`\xd41\x0cs\xe7\xda\x9f\xb1{\xce\xdf\xbb\x90Q\xa7rT\xff~\xfd;v\xe9@\xaf\r\xde(\x062\x02\x01\x00H\xdas\xd4t\x12\xc2r\xee\x18vi\xa2X\xa3\xd3\xe8}\xb4\x99\xa9\xd9\xa7c.\\\x8c\xb9\xa1q\xf8\r\xee?\xa4W\x9f\x9e\xa5\xcb\x94~\xfc\xb2\x01\x90&amp;\x08\x00@\xa2^\xb8\xa6\xd3=\x08!\xf4%2\x83\x8f\x0e\x13\x92\x10\x9fx|G|\xce]G\xfd\xf0\x86\x13&amp;L(\x98(\x86\x05\x01\x90,\x08\x00@Z\n\xb1\xa6\xd3=0\xc6\x081:\x83F\xadU\xa7%g\x1c\xff5\xfe\xda\x89\xbb\xe5\x02B{\xf7|\xbd\xcf\x1b\xaf\xfb\x07\xf8\xa3\xbf\x83\x19,\x08\x80\xd4@\x00\x00RQD5\x9d\xeeA0!\x84\xa8\xd4*\xbd\xaf\xd6j\xb1_:y\xed\xd4\xee\x0b\xce4\xa6K\xdb\xee\xd0b\x08H\x16\x04\x00\xe0y\xee\xa9\xe9t\x07\x82\xe8\xd6\xbf\xceW\xcb\xab\xf8?\x13\x93\x8f\xfe\xddbh\xd4\x88Q\x1d\xbbt\xe4y\x0eA\x8b! \x19\x10\x00\x80\'a\x8c\x19\xe6\xe1\x98\xee\x9e\x9aN\xf7\xa0\x0b\x82\x87-\x86r\xf2\xce\x1e\xba\x14\xb7\xfb\xb2\xce\xe9\xd7\xbdK\xcf\x01\x03\xfb\x87T\xac\x80hY\x11!\x90\x1e\x00\x1e\x04\x01\x00x\x0c!\x84\x0e\xfd\xee\xaf\xe9t\x8f\xfc\x16C:\x1f-!\xe4\xe6\xc5\xdb\'w\x9f\xa3-\x86\x86\x0f\x1f\xd1\xb2usT\xe0\x8f\x00\x80\xfbA\x00\x00\x9eA\xe7\xfe\x07\x0f\x1e\x9c\xf7\xde\xbcLGJ\r\x0f\xd5t\xba\x07\xc6\x04!\xa4\xd3k\xf2[\x0c]=\x9aT\\Sz\xde\xdcym\xdb\xb6\xa5\xbbF\x9e\xbeF\xa0D\x10\x00\x80g\xd0j\x9f\xca\xa1U\xea\xf4\xaa\xd0}h{\x8c\x89-\xcf\xee\xa9\x9aN\xf7\xc8o1d\xf0\xd5\xb3,\xb3c\xfd\xfe\xb3?$]\xbb\x91\xa0\xd5j\x11B\xde\xfa[\x03)\x83y\x07\xf0\x00Z\x1d\x7f`\xdf\xc1l{z\xa7~\xadL\xd9y\xb9\x99fQ\x10Y\xce\x9b\x0b%\x19\x86a9\x96`\x92\x9be\xce\xcd4w\x1d\xd4\xce\x843\x7f\xdb\xb5\x07=\xac%\x05\xc0\xdd \x00\x00\x8f\xf9x\xd1\xc7\r\xbb\xd7ViU\xa2\x889\xde\xf3\x15\xfdn\xc3q,&amp;\x041\xa8a\x97\xda_\x7f\xb5&lt;?\r\x0e\x80\x9bA\x00\x00\xeeF\xb7\xbc\x13o&amp;\x9e\xbd\x12\xdf\xbck\xb4\xd5l\x93W\x85O\xa1`Y\xc6\x96gk\xd6-\xfa\xcc\xa5\xb8+\x97\xaf\xd2\xf3\xe8=}Q@q \x00\x00w\xa3\xe9\xdf5\xab\xd6\x96\xaeQ\xacTH\xb0\xcb\xe1R\xe0\xfc\x97a\x18\x87\xc3U\xa6b\x89\x90\xa8\x92\xcb\xbe\xf8\n\xc1.\x10\xf0\x04\x08\x00\xc0\xad\xe8\x0b_v\xbb}\xcb\x0f[Z\xf7i\xecr\xb8\x90\xf2F\x7f\x8aa\x19\x9b\xc5\xde\xb6O\xd3_v\xfel\xb1X8\x8e\x83\x8a\x0c\xe0f\x10\x00\x80[\xd1\xf4\xef\xf7\x9b\xb6\xd8\xd4\xb9\x11Mk*s\xff\x87b\x19\xc6nqT\x8b\xaa\xc4\x18]\x9b6lf\x18\x06\x16\x01\xc0\xcd \x00\x00\xb7\xa2\x05\xef\xabV\xafn\xda=\x8aW\xf3X\xd9s^\x82\x10\xc7\xb1\xad\xdf\x88\xfe\xea\xab\xaf\xe8\xce\x98\xa7\xaf\x08(\x0b\x04\x00\xe0&gt;t\x8c\xbbt\xe1\xd2\xd5\xc4\x8bM:\xd7\xb3\xe4Z\x14;\xfd\xa7X\x96\xb1\x98\xac\xd1m\xeb\xdeMM\x8a\x8b=\xcd\xb2,=`\x12\x00\xf7\x80\x00\x00\xdc\x87\x06\x80\xe5_\xaf\xac\x18U:\xb0t1\x97K\x849\xaf \x88\xc6\xe2\xbea-*-\xf9|\xa9\xa7\xaf\x05(\x0e\x04\x00\xe0&amp;4\xfd\x9b\x9e\x9e\xb1\xfd\x97m\x1d\xfa7\xb7[\xecRk\xe9\xec\x11,\xcb\xd8\xcc\xb6\x8eo\xb6\xd8{pwJr\n\xc7B*\x18\xb8\x0f\x04\x00\xe0&amp;\xf9\xe9_U \xae\x1eU\xd9f\xb1\xb3\x8a\x9f\xfe#Z\x0fjw\x96\xadT\xbax%\xdfuk\xd6#\x06\xc1.\x10p\x1b\x08\x00\xc0M\xe8\xbbNk\xd7\xadm\xd9\xab\x01\xc6X\xb1\xd5\x9fO\xc00\xa2(\xb6y\xbd\xd1\x86o7\xd8l6\xa8\x07\x05n\x03\x01\x00\xb8\x83(\x8a,\xcb\xc6\xc5\x9e\xbes\xffft\xbb\xbaJ\xae\xfe|\x1c\xcb2\x96\\k\x83\xb6\x11\x19\xf6\xfb\xd0\x1a\x08\xb8\x13\x04\x00\xe0&gt;K&gt;_\x1a\xd6\xa2\xb2\xb1\xb8\xaf \xc0.\xc7\xff\x83\t\xe15|\xa3W\xeb@k \xe0N\x10\x00@\x91\xa3\xe9\xdf\x94\xe4\x94=\x07ww|\xb3\x85\r\xa6\xff\x8f\xa1\xa9`h\r\x04\xdc\x0c\x02\x00(r4\xab\xb9v\xf5\xfa\xa0J\xbee+\x95v\xd8\x9d0\xc3}\x04\xb4\x06\x02\x1e\x01\x01\x00\x149\x8e\xe3DQ\xdc\xb4yc\xcb^\rEQ\x84\xf4\xef\x13Ak \xe0~\x10\x00@\xd1\x12E\x11!\xe6\xc0\xbe\x83\xa9\xa6\xe4\xa8\x96a\x90\xfe\xfd7\xd0\x1a\x08\xb8\x1f\x04\x00P\xe4\x18\x06}\xbc\xe8\xe3F\xaf\xd5\xd1\xfb\xeaD\x11\x06\xb5\x7f\xf5\xb05P\xdf\xe8e\xcb\x96Ak \xe0\x06\x10\x00@\x11z\xe4\xec\x17\x0bL\xff\xff\x13\xcb2\x96\\Kt\xbb\xba\xc9\xd9\x7f\xc4\xc5\xc6Ak P\xd4 \x00\x80"\x04g\xbf&lt;/A\xc4~\x81\xc6:m\xaa|\xfe\x19\xb4\x06\x02E\x0e\x02\x00(*p\xf6\xcb\x0b`Y\xc6b\xb2\xb4\xec\xd1h\xcf\xc1\xdd\x0f\xee?\x80\xd6@\xa0HA\x00\x00E\x05\xce~y\x01\x0c\xc38\xed\xaerU\xca\x94\xa9Yl\xe9\xe7_ \x06\xeaAA\x11\x82\x00\x00\x8a\n\x9c\xfd\xf2\x82\x18F\x10\x84\xb6\xfd\x9a|\xb7\xe5;\x9b\xcd\xc6\xb2,,\x02@\x11\x81\x00\x00\x8a\x04\x9c\xfd\xf2\xc2X\x96\xb1\x9al\xe1\x8dj\x98\xc4\xcc\xbd\xbb\xf7A=((:\x10\x00@\x91\x80\xb3_^\x06!D\xa5\xe1\x9b\xf5\x8cZ\xbcx1B\x08\xfet\xa0\x88@\x00\x00\x85\x0f\xce~yI\x0c\xcbXM\xb6\x96\xaf5\xbcx\xfd\xdc\xa5\x0b\x97`\x11\x00\x8a\x08\x04\x00P\xf8\xe0\xec\x97\x97\xc40\x8c\xcb%\x14/\x15\x10Z\xaf\xcc\xf2\xafWB\x00\x00E\x04\x02\x00(|p\xf6\xcb\xcbcX\xc6nqt\xe8\xdf|\xfb/\xdb\xd2\xd33\xa05\x10(\n\x10\x00@!\x83\xb3_\n\x05\xcb06\x8b\xbdzTeU \xfe~\xf3\x16\x86a\xe0\xad`P\xe8 \x00\x80"\x01g\xbf\x14\x02\x86\xc1\x18\xb7\xec\xd5`\xed\x9a5\xe8\xef\xb2Z\x00\n\x11&lt;R\xa00\xc1\xd9/\x85\x88e\x19\xab\xd9\x16\xdd&gt;\xf2\x8f\x8c\xa4\x03\xfb\x0eBk P\xe8 \x00\x80\xc2\x04g\xbf\x14.A\x10\xfd\x8a\xfbF\xb4\xa9\xf6\xd5\xb2\xaf&lt;}-\xc0\x0bA\x00\x00\x85\t\xce~)\\\xb45P\xab\x9e\x8d\x0f\x1d\xfb\xfd\xc1\xfd\x07\x90\n\x06\x85\x0b\x02\x00(4p\xf6K\xa1\xfb\xbb5P\xe9\x92\xd5\xfd\x97~\xfe\x05\x82\xa3"A\xa1\x82\x00\x00\n\x13\x9c\xfdR\xf8\x18F\x10\x84v\xfd\xa15\x10(|\x10\x00@\xe1\x80\xb3_\x8a\x08\xb4\x06\x02E\x07\x02\x00(\x1cp\xf6K\xd1\x81\xd6@\xa0\x88@\x00\x00\x85\x00\xce~)R\xd0\x1a\x08\x14\x11\x08\x00\xa0\x10\xd0\xe6?[6\xff`\xe5s\xe0\xec\x97B\xf7wk\xa0b\x15\xa3J/\xff\nZ\x03\x81B\x03\x01\x00\x14\x02\x96e]N\xd7W_\x7f\xdd\xbaOC\x8e\xe7\xe0\xec\x97B\xc7\xb2\x8c-\xcf\xd6eP\xeb\x9fvm\xfb\xf3\x8f?y\x9e\x87T0xy\x10\x00\xc0\xcb"\x840\x0c#\x88BfV\x86\x7f\xa0\x91\xae\x06&lt;}Q^H\x14D\xbf@\xa3\xd5n\xc9\xc9\xc9E\x08A\x00\x00/\x0f\x02\x00xY\xb4O\x99N\xa7\x1b:x\xd8\xbe\xef\x8e\xaaT*\x04cSa\xc3\x98\xf8\xf8\x1bv\x7f\x1b\xd3\xbaq\xbb\xf0\xdaa\xb4\xe3\x9e\xa7/\n\xc8\x1e&lt;C\xa0\x10\xd07TG\x8c\x1en\xfe\xd3u\xf3\xc2m\xadA\x03\xf3\xd3\xc2\xc5q\xac%\xd7v\xf1\xf7\x9bc\xc7\x8f\xf1\xf4\xb5\x00\xef\x01\x01\x00\x14\x02\x9a\x96,Q"\xb8C\xdbN\xbfo;\xa1\xd5k1\x86\x00Ph0&amp;z\x1f]\xfc\xef\x17\x83}J\xb7j\xd3\x92\xd6\\y\xfa\xa2\x807\x80\x00\x00\n\r!d\xec\xb81\x97\x0e\xdf2e\xe5\xf1\x1c&lt;Z\x85\x87\x10N\xc5\xed\xd9p\xe4\xad\xf1o\xf1&lt;\x0f=AAa\x81O)(\x1ct\x17(\xbaq\x83Z\x95\xea\xfc\xbe\xfd\x84\x8f\xbf\x01ZA\x14\nL\x88\xce\xa0\xbd\x16\x9f(ds}\xfb\xf7\x81\xe9?(D\x10\x00@\xa1\xc1\x18\xb3\x0c;j\xd4\xa8\x13\xbf\x9e\x13\x05\x0c\xe7\x00\x17\n\x82\x89\xd6\xa0\xd9\xbb\xf9H\xcfn\xbd\x82\x82\x82\xa0\xc8\n\x14"\x08\x00\xa0\xd0\xd0E@\xef\xd7{\xb2y\x9akgni\r\x1ax!\xe0%\x11BT*&gt;\xf3~vR|\xf2\x98\xb1\xa3\x08!P\xfc\x03\n\x11&lt;L\xa0\xd0\xd0zP\x1f_\x9fn\xaf\xbev\xe0\x87c:\x83\x96@*\xf8\xe5\x10L\xf4F\xdd\xa1\x9fckW\xab\x1b^\'\x1c\x02\x00(\\\xf00\x81\xc2D\x87\xa7\xf1\x13\xc6\xdd9\xf3 \xf9v\xaaF\xa3\x82z\xd0\x97\xc10\x8c\xcb!\x1c\xdd~f\xea\xd4\xa9\x08^\xfe\x02\x85\r\x02\x00(L,\xcbb\x8ck\x85\xd5\x8c\nopt\xc7)\x9d\xaf\x0e\xeaA_\x18\xc6Do\xd4]:\x99`\xe4\x8aw\xe8\xdc\x1e\xa6\xff\xa0\xd0\xc1\xf3\x04\n\x19!\x84\xd6\x83\x9e\xdcyAp\x08\x90\n~q\x84\xf0&lt;w\xe0\xbb\xe3\xfd\xfa\xf6\xd3\xe9t\xb4\xe1\xb6\xa7\xaf\tx\x15\x08\x00\xa0\x90\xd1Yj\xa7.\x1d\x03\xb5\xa5\xe2\x0e\x9c7\xf8\xe9a\x11\xf0\x02\x08!\x1a\xad\xfa\xde\xad\xfb\xc9W\xb2&amp;N\x9e\x80\x08\x82\xe9?(t\xf0H\x81B\x96\xdf\x1ah\xd0\xc0A\x07\xb7\x9e\xe48\x0eZ\x03\xbd\x00\x8c\x89\xceW\xb7g\xe3\xe1N\xed\xba\x94,UR\xc4P\xfd\t\n\x1f\x04\x00P\xf88\x8eC\x04\r\x1d&gt;$\xf3\x96\xf9\xde\xad\x14\x8dV\r\xd9\xcb\xe7\xc5\xf3\x9c)\xd3|\xf9\xf0\xadI\x93\'z\xfaZ\x80\xd7\x82\x00\x00\n\x1f\xc30"\x16K\x97)\xdd\xa1M\xe7=\x1b\x0fC*\xf8yaL\x0cF\xfd\xa9\x03\xe7*\x94\x08m\xd0\xb0&gt;\xc6\x18\xde\xfe\x05E\x01\x02\x00(B\x93&amp;O\xbc|8\xd1\x94i\xe6y\x18\xbf\x9e\x03\x83\x90(\xe0\xdf\xbf?5n\xdc8\x96ea\xfd\x04\x8a\x08\x04\x00P$8\x8e\xc3\x187hX?\xa4T\x95S\xfb\xcf\xe9a\x11\xf0\xcc0&amp;Z\x83\xe6\xfa\xb9[B67`P\x7f\xa8\xfe\x04E\x07\x1e,PT0\xc6,\xcb\x0e\x1b:\xec\xd0\xb68\x96e!\x15\xfc\x8c\x08!Z\x9df\xd7\xba\x98Ao\x0e2\x18\x0cP\xfd\t\x8a\x0e\x04\x00PThk\xa07\x06\xf4ue\xb0\xd7\xce$\xea\x0cZh\r\xf4T\x84\x10\xb5F\x95r\'-%!k\xe4\xe8\x91\x08!\x18\xfdA\xd1\x81\x00\x00\x8a\n\xad\x07\r\n\n\xec\xd9\xbd\xd7\xde\xcdG\xb4\x06\r\xb4\x06z*\x8c\x89\xc1Ww\xe4\xd7S\x91\xb5\xeaU\xaeR\t\x8e~\x04E\n\x9e-P\x84h\x02s\xcc\xd8QI\xf1\xc9\x99\xf7\xb3U*\x1e\xf2\x99\xff\x8d\xe3X\xab\xd9v\xf2\xe7\x0b\xd3\xa6O\x83?\x15(j\x10\x00@\x11\xa2\x01 \xbcNx\xedju\x0f\xfd\x1c\xab7\xea`\x11\xf0\x1f0&amp;z_\xdd\xd9\xc3\x97K\x18\xcb\xb4m\xdf\x06!8\xfb\x05\x14-\x08\x00\xa0h\xd1)\xff\xd4\xa9S\x8fn?#8\x04\xd8\xd1\xfe/\x84\xf0&lt;\x7fp\xeb\xc9\x01\xfd\x07p\x1c\x07G?\x82\xa2\x06\x01\x00\x14-\xba\x08\xe8\xd0\xb9\xbd\x1f\x17x\xf1D\x02\xd4\x83\xfe\x1bB\x88\xd6\xa0\xb9y\xe1\xb6\xf9\x0f\xe7\xc81#\xe1\xe8G\xe0\x06\x10\x00@\xd1\xcao\r\xd4\xa7w\x9f\x83[O\xaa\xe1\x84\x80\x7f\x811\xd1\xea\xb5\x07\xb7\x1eo\xdf\xa6c\x89\x12\xc1P\xfd\t\xdc\x00\x02\x00(r\xb4\x8ee\xf8\xa8a\xc9W2\xe0\x94\x98\'"\x84\xa8T\\\xe6\xfd\xec+\x87oO\x9f9\x8d\x10\x02\xa3?p\x03\x08\x00\xa0\xc8\xb1,+\x8ab\xe5*\x95[6n\xb3\xf7\xbb\xc3\xd0 \xfaq\x18\x13\x83\x9f\xe1\xf8\xee\xd3\xe1U\xeb\x84\x85\x87\xc1\xdb\xbf\xc0=\xe0!\x03nB\x08\x1a7~\xec\xc5\xdfoXrm\x1c\x07\x0f\xde\xff\xc32\x8c\xe0\x10\x8e\xfdrv\xc4\x88\x11\x08!\x8c\xb1\xa7\xaf\x08(\x02|\x0e\x81;p\x1c\x87\x10i\xd5\xa6e\x90\xa1t\xfc\xef\x17\xf5&gt;\x90\n\xfe\x07=\xfa\xf1\xc2\xf1\xabZ\x87\xf1\x8d\x01}!\xfd\x0b\xdc\x06\x02\x00p\x13Q\x14y\x9e\x7fk\xfc[{\xbe=\xc2r\xd0\x1a\xa8\x00Bx\x9e\xdf\xff\xfd\xf1\xfe\xfd\xfak\xb5ZH\xff\x02\xb7\x81\x00\x00\xdc\x84\xb6\x06\xea\xdb\xbf\x8f+\x93\xb9u\xe9\xae\xd6\xa0\x81T0\xa2\xcd\x7f\xb4\xaa?o\xa6&lt;H\xc8\x998y\x02Bp\xf4#p\x1fx\xd4\x80\x9b0\x0c\x831\x0e\n\nj\xd7\xaa\xfd\xc1\xad\xc7\xb5z-\xec\x02\xa1\x87g\xbf\x18~\xdf~\xa2e\xd3V%K\x95\x14E8\xfa\x11\xb8\x0f\x04\x00\xe0&gt;\x0c\xc3\x10B\xa6\xcf|\xe7\xca\xe1\xdb\x99\xf7\xb3U*\x0e\x16\x01&lt;\xcf\xe5f\x9a\xcf\x1f\xbc&gt;n\xfc8O_\x0bP\x1c\x08\x00\xc0}\xe8[\xc1a\xe1a\xe1U\xeb\x1c\xdbu\xda`Tz=(m\xfesj\xdf\xd9\xf2\x81\xa1m\xdb\xb7\x81\xa3\x1f\x81\x9bA\x00\x00nE\x0b\x1cG\x8c\x18q\xf2\xd7\xf3\x82\x80Y\x85ow\x10\xc2\xb2\xec\xa1mq\xc3\x86\x0fGP\xfd\t\xdc\x0e\x02\x00p+\x9a\n\xee\xdd\xa7\x176\xf1\xd7\xcf\xde\xd2\x1a4\x8a]\x04\xd0\xe6?\xd7\xce\xdcre\xb2o\xf4\x87\xeaO\xe0\x01\x10\x00\x80[\xd1T\xb0\x8f\xaf\xcf\xa0\x01\x83v\xad\x8b\xd1\xea\x94[\x0b\x841\xd1\xfb\xe8\xf7l:\xd4\xa3k\xcf\xa0\xa0@H\xff\x02\xf7\x83\x00\x00\xdc\x8d\x0es#G\x8fLI\xc8J\xb9\x93\xa6\xcc\xf6p\x84\x10\x8dF\x95|\xfb\xc1\xdds\xa9\xe3\'\x8c\x83\xde\x0f\xc0#\xe0\x99\x03\xee\xf6wk\xa0J\x91\xb5\xea\x1d\xf9\xf5\x942\x1bDcLt&gt;\xba\xa3;NE\x855\xa8\x15V\x13\x02\x00\xf0\x08x\xe6\x80\xc7L\x9b&gt;-\xf6\x97\x8b.\xbb\x8b\xe3XQPP\xfeS\x141\xcb0\x88\xa0\xd8]\x17\xc7\x8e\x1bC\x08Q\xe0\x1a\x08H\x01\x04\x00\xe0\x014\x15\xdc\xb6}\x9b\x00m\xd0o\x9b\x7f7\x06\xf8\xf8\x15\xf7eX\x06\x8b\xd8\x8b\x87BB\x08\x161\xc32~\xc5|\xfd\x8a\xfb\xfe\xbaa\xbf\x91-\xde\xa9KG\x04o\xff\x02\x0f\x81\xc7\x0ex\x06\xdd\xf4X\xb9zEj\x9c}\xc1\xa0\xe5;\xd7\x1fp9\\\xfe\x81F\xadN\x83E\xece\x9bB\x18\x13,b\xb5F\xed\x1fht9\\;\xd7\x1fX0h\xf9\x83X\xdb\xea\xb5\xabt:\x1dt\xff\x07\x9e\xc2x\xf1\x84\x0bH\\\xfe\xc0w(\xe6\xc8\x9a5\xab\xe3\xaf\x9e,Q\xdd\xbfq\xe7\xc8juC\t&amp;\xd6&lt;\xbb(\x88\x0c\xcb\xc8xp$\x08c\xcc\xb0\xac\xc1\xa8c\x18\xe6\xee\x8d{\x87\xb6\x9dzp5\xbb^\xadF\xc3\x87\x8fh\xd9\xba9*\xf0G\x00\xc0\xfd \x00\x00O\xa2\x9d/\xe9\x08x\'\xe9\xee\xe6M\x9b\xb7\xef\xf8Q4Z\xa2\xda\xd7\xaa\xdb&lt;\xcc\xe8\xefc\xcd\xb39\xec.\x96a\x18VN\xa3$\xc1\x84\x10\xa2R\xabt\xbeZ\xbb\xd5\x11\x1fs\xf1\xf4\x9eK|\x9e\xbe}\xabN\xa3F\x8f\n\t\xad\x80\x10\xa2[\xff\xb0\xf9\x03&lt;\x08\x02\x00\xf0&lt;\x11\x8b\x88\xd03\x03\x90\xc3\xe1\xf8y\xfb\x8e\xcd\xdfmL\xb8{\xa9z\xb3\xf2\x8d:E\xbe\x12Z\xdais\xda\xacv\x82\t+\xf9\x93d0\xc6\x081:\x83F\xadU\xa7%g\x1c\xff5\xfe\xda\xf1\xbbe\x03BG\x0c\x1b\xd9\xbdGW\xadN\x8b\x10\x12E\x111\x88c\xe1\xb5/\xe0a\x10\x00\x80T\x10B\xe8\x99\x01\xf4?\xcf\x9f\xbd\xb0v\xcd\xda}G~+^Y\xdf\xb0SD\x8dzUTj\x95\xc5l\x15]R\xdc\x17"\x84`Lx\x9e3\xf8\xea0!\t\xf1\x89\xc7w\xc4\xe7\xdcu\xd4\x0fo8a\xc2\x84\xa8\xfa\x91\xf4\xcbDQdYVj\x17\x0f\x14\x0b\x02\x00\x90\x16B\x08\xdd\x17\xa2{#\xf7S\xeeo\xdd\xb2\xed\xc7\x9f~H\xb5\xdd\xab\xdf\xb9VT\xcb\xda\xc5K\xf8\xdb,\x0e\x87\xcd\x81\x18\x86\x95\xc0\xbe\x10\xdd\xedQkU\x06_}Vzn\xdc\x81s\x17cnh\x1c~\x83\xfb\x0f\xe9\xd5\xa7g\xe92\xa5\xd1\xdf\xbf\x14\x0c\xfd@j \x00\x00\x89\xc2\x18c\x8c\xf3\x17\x04\xbbv\xec\xde\xb4y\xd3\xb9kq%k\x06\xb4\xec\x15]\xa1jYB\x88\xc5d#\x18{jA@k:\xf5\xbe:^\xc5\xff\x99\x98|\xf4\x97\xd3Iq\xc9\xf5k5\xee\xdf\xaf\x7f\xc7.\x1d\xe8\x95\xd3\x06\x0f\xb0\xd1\x0f\xa4\t\x02\x00\x90\xb4G\xe6\xcew\x92\xee\xae\\\xb1r\xdf\xef\xbf\t&gt;\xd6\xfa\x1d\xc3\xeb\xb5\xae\xad\xd3km\x16\xb7&amp;\x8a\t!\x04\x13N\xc5\xf9\x18\r\x0e\xbb\xe3\xfc\xb1\xab\xa7v_p\xa61]\xdav\x1f0\xb0\x7fXx-\xfae\xb0\xdb\x03\xa4\x0f\x02\x00\x90\x07Q\x14\xd1\xc3\xc3\xe5\x91\xddf\xff\xe5\xa7_W\xaf]u/;\xa9rt\xd9\xc6\x9d\xdd\x94(\xc6\x98 Bt\x06\xadF\xa7\xceJ\xcb9\xb63\xfe\xf2\x91\xc4r~\x95z\xf7\xec\xd3\xe7\x8d\xde\xfe\x01\xfe\xf9\xd7\tC?\x90\x05\x08\x00@N\xe8\x82 \xbfm\xf2\x99\xd3g\xbfY\xffMQ\'\x8a\xe9\x94\x9f\x96\xf3\xb3,s\xfd\\\xd2\x89\xddgS\xaf\xe5\xd4\xab\xd9h\xc4\xf0\x11-Z7\xa7_\x06\xbb=@v \x00\x00\xf9yd_\xa8\xe8\x12\xc5\x04\x13L\x88F\xab\xd2\x19t6\xab=&gt;\xe6b\xfc\xdeK\x9c\xc9\xd0\xb3[\xef\xfe\x03\xfa\xe7\x97\xf3C\x82\x17\xc8\x14\x04\x00 c\xcf\x9e(fY\x16=\xcf\xf8L\x13\xbc:\xbdV\xadS\xff\x95\x94rb\xf7\xd9\xc4S\xf7h9\xffk\xbd\xbai4\x1a\x04\xe5\xfc@\xfe \x00\x00\xd9{j\xa2X\xab\xd7\xd8\xccv\x97\xd3\xc5&lt;-Q\xfcO9\xbfQ\xefr\xba\x12\xe2o\xc6\xfev&gt;3\xd1\xda\xbey\xa7\xc1C\x06\xe7\x97\xf3\x0b\x82\xc0q\x1cL\xf9\x81\xdcA\x00\x00\xde\xe3\xdf\x12\xc5\xd5\x9bTh\xd2\xb5^p\x99@\xa7\xddi\xb38\x10zB\x03\x06\x8c\tBD\xa3\xd5\xe8}\xb4Yi\xb9\xa7c\xce\x9f\xde}\xa5\x84\xael\xef\x1e}^\xef\xdb\xabT\xe9R\x08v{\x80\xd7\x81\x00\x00\xbc\xcd\xe3\x89\xe2/\xbe\xf8\xe2\xf4\xa5X\xff\n\x9a&amp;\xdd\xea\xd5\xa8W\x99e\x18\x8b\xd9&amp;\x08"\xcb2\x0cb0\xc6\x0c\xcb\x18|\xf5,\xcb\xdc\xbe\xf6g\xec\x9e\xf3\xb4\x9c\x7f@\xff\x01]\xbau\xa6\xdfD\x10\x04\x96e!\xc1\x0b\xbc\x0c\x04\x00\xe0\x9d\x1e\x99\xad\xa7$\xa7l\xfba\xfb7\x9b\xd7;4\xb9\xb5[Wm\xd0\xb6n\xb1 ?k\x9eM\x14\xb1\xc1\xa8wX\x1d\x17N$\x1c\xff\xe5,g\xd6\xb7k\xd1q\xc0\x9b\xfd\xc3j\xd7z\xfc\x9b\x00\xe0e \x00\x00/\x871&amp;\x84\xd0\x05\x81 \x08{v\xed\xdd\xfc\xdd\xe6\xd3WN\x846(\xdd\xa8s\xa4\x8fQ\x1f\xbb\xf7\xfc\x95\xa3\xb7\xca\xf9Uz\xbdW\x9f7\x07\xbf\xa9\xcb\xef\xd7\xf6\xf7n\x12\x00\xde\n\x02\x00P\x84G\xf6\x85._\xbc\xb2\xf1\xdbM{\x7f\xdfmsX\x1aF4\x1d2tH\xcb\xd6-\xe8\xff\x05\xe5\xfc@9 \x00\x00\x05\xa1a\x00\xfd=\xb5\xcf\xcb\xb3\x98M\xe6R\xa5K"\xd8\xed\x01\x8a\x04\x01\x00(Q\xc1\x17\x08`\xb7\x07(\x16\x04\x00\xa0\\\xf4\xe1\x87)?P,\x08\x00\x00\x00\xa0P\x90\xe9\x02\x00\x00\x85\x82\x00\x00\x00\x00\n\x05\x01\x00\x00\x00\x14\n\x02\x00\x00\x00(\x14\x04\x00\x00\x00P(\xde\xd3\x17\x00\xa4\x88\xbe\x15E\x08a\x18\x06\n\xe4\x01\xf0VP\x06\n\xfe\x9f\x82\x9ds\xfeFD\x11^\x91\x05\xc0\x0b\xc1\x16\x10@\x08!B\x88(\x8a\xa2(\xb2,\xcbq\x9c\xddn\xffn\xe3\x961#\xc6\x1e\xfe\xfd\x08B\x0c=\xfcD\x10\x04\xdaG\x01\x00\xe0\x1d`\x05\xa0tt\xe8\xcf?U\xf1\xf2\xc5+\x9b6n\xde\x7f\xe87\xd1\xd7V\xa6Jp\xd2\xd9\xbf\x82te\xfa\xbd&gt;\xa0\xff\x9b\xfd\xfc\x03\xfc\x10\xf4\xcc\x01\xc0\x8b@\x00P\xae\x7f\xef\x93\\\xa6a\xc7\x88\x90\xea\xe5x\x9e\xb3\xdb\x1c\tg\x12\x0f\xff\x18\xe7LcZ6n;x\xd0\xa0\xa8\x06\x0f\x8fE\xa4\xcb\x05\x08\x03\x00\xc8\x17\x04\x00\xc5y8\x85\xe7X\x06=&lt;)e\xed\xea\xf5\xbf\xec\xdanS\xe7\xd6)pR\x8a\xc3\xee"\x84\xb0,\xa33hUj\xfe^\xd2\xfd\xd8=\xe7\xf2\x0fF\xef\xde\xa3\xab\xb6@\xdf|\x88\x04\x00\xc8\x11\x04\x00\x05)\xd8\x02\x13!t(\xe6\xf0\xfa\xf5\xebO_\x8a\r\xaafh\xfcjT\xe5\xf0\x10\x8e\xe3,&amp;\xeb\xc3\xb3\x12\xff\x1e\xd0\t&amp;\x84\x10\xb5V\xad3hmV{|\xcc\xc5\xd3{.\xf1y\xfa\xf6\xad:\x8d\x1a=*$\xb4\x02\xfd2X\x10\x00 ;\x10\x00\xbc\xdf#\xbb\xf69\xd9\xb9\x9b7~\xf7\xfd\x8f\x9b\xd3\xed\xc95\x9b\x86F\xb7\x8f(Q6\xc8is\xda\xac\x0eD\x08\xcb=\xb9.\x80\x10B0aX\xd6`\xd41\x0cs\xf7\xc6\xbdC\xdbN\xdd\xbf\x9a\x1dY\xbdA\xff~\xfd;v\xe9\x90\xdfZ\x19NS\x01@. \x00x\xb3Gj:\xcf\xc4\x9d\xfdf\xc3\x86C\'\x0e\xa8\x83I\x8b\xde\rjDUVk\xd4V\xb3\xcd\xe5t1\x05\xa6\xfcO\xfb\x9e\x04\x11\xa2\xd1it\x06MfZN|\xcc\x85\x8b174\x0e\xbf\xc1\xfd\x87\xf4\xea\xd3\xb3t\x99\xd2\x08\x12\xc5\xcfO\x8e\xe5U\x84 \xf6\x99\x1f\x1b M\x10\x00\xbc\xd0#\xe7^\xd9l\xf6\x1d?\xfd\xbaz\xed\xaa{\xd9I\x95\xa3\xcb6\xecX\xb7lh)\x97S\xb0Y\xec\x04\x13\x96e\xd1\xf3\x7f\x84\xe9\x82\x80Wqz\x1f\x1d&amp;$!&gt;\xf1\xf8\x8e\xf8\x9c\xbb\x8e\xfa\xe1\r\'L\x98\x10U\xff\x9fD1,\x08\x9e\x8a\xbep\xe7\xe9\xab\x00J\x04\x01\xc0\xab&lt;\xb9\xa6\xf3\xf0\x1e\xc1`\xa9\xdf1\xbc^\xeb\xda:\xbd\xd6f\xb1;\xedN\x86a\x18\xb6\x10\x06\x1d\x8c1B\x8c\xce\xa0Qk\xd5i\xc9\x19\xc7\x7f\x8d\xbfv\xe2n\xb9\x80J\xbd{\xf6~s\xd0\x9bz\x83\x0e\xfd\xbd\x10\x81\x05\xc1\x13\x89\xa2\xc8q\xdc\x8e\x1d;\x16\x7f\xbc\x88eY\x11c\x84\xa4\xfe\x91d\x10\x83\x18\xa4RkV\xadYW1$\x84\xde\\O_\x14x\x11\x10\x00\xbc\xc4Sk:\t!\x16\x93\x8d`\xfc\xec\xbb=\xcf\x8e&amp;\x8aUj\x95\xdeWk\xb5\xd8/\x9f\xbc\x16\xbb\xfb\x82\xca\xea\xd3\xb2a\xdb\x01o\xf6\x0b\xab\x1dF\xbfL\x10\x04\xfaNY\xe1\xfet\xf9"\x84\x10\x8cE\x8c\xabT\xaa\xe8\x17\xd9\xeb\x95*\xb5\x1d6\x0b\xc3H}0\xc5X4\xf8\x15\x8f\xfdeM\xebj\xc6\xef\x7f\xfc\x99\xc60O_\x14x\x11\x10\x00\xe4\xed\xd9j:\xed\x0e\x9b\x031\x0c[\x18S\xfe\xff\xbc\x1aD\xb7\xfeu\xbeZ^\xc5\xdf\xbdq\xef\xf8\x8e\xf8;g\xefW+\x17&gt;j\xc4\xa8\x8e]:\xf2&lt;\x87`_\xa8\x00:t\xce\x9d5\xfd\xab\x1f\x0f\x8d[~\xc8a\xcb\x93\xfe\xe8\x8f\x10B\x84\xb0\xbc\xcaj\xca\xfcjh\xbd}\xbf\xfc\xd0\xb2M[\x88\x012\x05\x01@\xae^\xac\xa6\xd3=\xf2+G\xf5&gt;ZSN\xde\xd9C\x97\xe2v_\xd69\xfd\xbaw\xe99l\xc4\x90\x87\x89bD\xb0\xb2[\x0c\xd1&lt;Mj\xea\x83Z\xe1\x11\x9dg}_\xa2|U\x87\xd5\xcc\xc8#.2Xt\x19\x03K\x1d\xdd\xb6\\\xbc\xfc\xd3\xf1\xd8\xd3\x8f\xf5\x8f\x02\xf2\x00\x01@f\n\xa5\xa6\xd3m\x97J0\xe1xN\xe7\xa3%\x84$^\xbasb\xe7\x99\xf4\xeb\x96\xfa\xe1\r\x87\x0c\x19\xd2\xb2u\x0b\xfae\x82 \xb0,\xab\xc0\x05\x01\x9d5\xf7\xed\xd9\xed\\\x8e\xb1\xef\xf4\xe59i\x7f\xb1\xbc\xca\xd3\x17\xf5\x1c0\x16}\xfc\x8b/\x1d\xdap\xc9\xdc\x89#F\x8f\x83E\x80\x1cA\x00\x90\x8d\xa2\xa8\xe9t\x0f\x8c\tBH\xa7\xd7\xa8u\xea\xd4{\xe9\xa7\xf6\x9d\xbfz,)H[\xe6\x8d\xde\xfd\xf3[\x0c)-QL\x87\xcbC1\x07;\xbc\xd6w\xd4\xf2c\x9cJK\xb0\x88d\xf5\xbb\x13\x8c5z\xdf\xdb\x97\x8e\x1f]:\xfa\xda\x8d\x1b\x01\x01\x01\x0c#\xad\x07\x0f&lt;\x15\x04\x00\xa9sCM\xa7{\xd0\x05\x81J\xad\xd2\xfb\xea\x9c\x0eg\xc1\x16C\xc3\x86\r\x8d\x88\xacC\xbfL!o\x14\x8b\xa2\xc80l\xc3zu\xd8\x1a\xddZ\x0f\x98j\xca|\xc0r\xf2;\x9c\x03\x8b\x82_P\xe9\xd5S\xba\xbe\xd9\xa6\xd6\'\x9f\x7f\t\x8b\x00\xd9\x81\x00 ]\xee\xaf\xe9t\x07\x820\xc6L\x81\x16C\xa7\xf6\x9e\xbbv\xf4n\xf5\n\xb5\xdf\xec\xf7f\xb7\xd7\xfe_\x8b!o\x1dM\xe8@\xb9v\xd5\x8a\xb7\xde\xfdt\xc2\x9a\x13\xb6&lt;\x93L\xb6\xfe\x1fC\x08\xa7R\x9b\xb3\x1el\x98\xd8\xfa\xd2\xb9\xd3U\xaaV\x83\x92Py\x81\x00 u\xee\xaf\xe9t\x8fG\x12\xc5\xe7\x0e_\x8e\xdfw\x85\xcb\xd3w(\xd0b\xc8+\xdf\x90\xa2K\xba&lt;s^x\xad\xea\xe1o.\xa8\xd9\xb8\xb3\xcd\x9c\xcd\xb0r\ruX\x14\x8c\x81\xa5~\xfe|r%\xf6\xaf\x1d\xbb\xf7\xc1"@^ \x00H\x11\xbd)V\xabu\xd9\x17\xcb~\xd8\xb6\xc5\xae1y\xa0\xa6\xd3-\xf2\x13\xc5z\x1f\x1db\x10m1\xf4\xe0jvD\xb5\xfa\xe3\xde\x1a\xdb\xacY3\xef\x8b\x01\x82 \xf0&lt;?s\xda\x94\xd5\xbb\xce\x8c^\xb2+7\xe3\xbe\x1c7\x7f\x1e\xc1\xf1\xdc\xd2AQ\xfb\x7f\xfe\xaeU\xdbv\x10\x03d\x04\x02\x80\x14\xd11b\xd6\x8c\xd9\xcb\xb7|\xf6\xd6\xc7C\xcaV.\xc3\xf3\x1e\xab\xe9t\x8f\xfc\x16CZ\x83&amp;7\xd3\xf4\xfb\xb6\x13\x87\xbf=\x7f\xf3\xfa\xcd\xa0\xe0 \x84\x90\xd7\xfc\xca\x18c\x86a\x92n%\xd6\x8bn\xd2k\xe1Nc\xf1\xd2\xa2\xcb!\xaf\xdc\xef\xe3\x08\x16\xf5\xc6b\xe7\x0en\xbd\xbf\xff\xcbs\x17\xaf\xb0\x0cb\x14\x90\xc5\xf1\x0e\xb0[\'9\xb4\xd4\xc7n\xb7o\xdc\xb8q\xd0;\xbd\xab\xd4\xae\x98\x97k5e\x99\t!\x1c\xe7\xb5\x9f+\x96eX\x8eu:\x9c\xb9\x19&amp;\x96e\x07L\xedQ\xac\xa2~\xe5\xf2U\x0c\xc3\xd0|\x80w\xa0\x0b\x9a\xa9\x93\xde*\x19\xd5\xa5d\x85\xea.\x87U\xee\xa3?B\x88a9\xab)\xbbn\xdb\xd7\xef\x9a\xd8eK\x17\xb3\x1c\'\xc7\xdev\xca\x04\x01@r\xe8\x8b\xb2\xdfo\xda\xe2\xd0\x98j5\xa8\x9a\xf9 \x9b\xe7Y\xcfV\xf4\xbb\r\xc30,\xc7\x8a"\xce\xcd2\xb7~\xbd\xd1\xa6\xcd\x9b\xbci?\x81\xfe.1\x07\xf6\xed&gt;\x1c\xdfi\xe4\\sv\xba\x17l\xfe\xe4\x13\\\xaeW\'~:g\xde\xfc\xec\xac,\x96\x81\xad\x05yP\xc4\xb0"/\xb4\x88b\xd5\xea\xd5M\xbaG\xf1\x1a^\x81\x1f#\x8ecm\x16{d\x8b\xb0TS\xf2\x81}\x07\x11\xf2\x86E\x00!\x84A\xc8\xe9tN\x994\xa9\xc9\x80w\xd4:\x1f,\n\x9e\xbe\xa8B\xc3\xb0\xac\xc3b\xaaP+\xbaX\xcd\x96\xd3\xff7\x85aYX\x04\xc8\x02\x04\x00i\xa1{\xc4\x97.\\\xba\x9ax\xb1I\xe7z\x96\\\x8bw${\x9f\x97(b\xbd\xaf\xae\xd1ku&gt;^\xf4\xb1\xfc\xf7H\x10B\x08c\xccr\xdc\x86u\xab\x133\\\x8d\xba\x8f\xb0\xe6fz\xd3\xf4\x1f!\xc4\xb2\x9c\xddb\xee8\xfa\xfdu\x9b\xb7^OH`!\x06\xc8\x01\x04\x00i\xa1\x01`\xf9\xd7++F\x95\x0e,]\xcc\xe5\x12\xbdu\xd3\xff\xbf\xb1,c1\xdb\x9aw\x8d&gt;{%&gt;\xf1\xe6-N\xe6\xdb\xcat\xeb?33s\xe6\xacw;\x8f_$8\x1dH\xb2/\xec\xbd0\x86q9l\x01%\xca\x87w\x19=z\xc4P\x06v\x81\xe4\x00\x02\x80\x84\xd0\xf4ozz\xc6\xf6_\xb6u\xe8\xdf\xdcn\xb1\xcb\xe6\xf5\xae\xc2\xc60\x8c\xd3\xe1*\x1d\x12\\\xbaF\xb1U+V\xa1\xbfKce\x8a\xb6o\xfa\xe8\xc3\xf9\xda\x8a\r\xab5hg\xb7\xc8\xf6\xcd\xaf\xff\xc4r\xbc\xd5\x94\xd5\xb2\xff\xe43\x89\x0f~\xdb\xf5+\xc7q^\xb0w\xe7\xdd\xbc\xf0)\x94\xaf\xfc\xf4\xaf*\x10W\x8f\xaal\xb3\xd8YEN\xff)\x86a\xec6G\x97\xa1\xad7l\xda\x90g\xcecYV\xa61\x80\x8e\xfe\xd7\x12\xae.]\xbe\xb6\xcb\xb8\x0f-\xa6lV\xb6\xaf}=\x15\x11\x05\x95Z\xd7|\xf0\xecqc\xc7\xb8\x9c.X\x07H\x1c\x04\x00\t\xa1\xdb\xa6k\xd7\xadm\xd9\xab\x01\xc6\xd8\x0b\n\x04_\x06\xcb2v\x8b\xa3Zd%\xd6(\xfc\xb8u\xbb|\xebA\xe9\xfe\xcf\xd8Q#ju\x1eY\xacDy\xc1i\xf7\xe2;\xcbp\xbc\xc5\x94U\xbbE\xf7&lt;]\xb9\x0f\xe7\xcf\x81L\x80\xc4A\x00\x90\n\xda\x04-.\xf6\xf4\x9d\xfb7\xa3\xdb\xd5\xb5\x9am\xcaL\xff\x16\x84\t\xe1y\xb6Q\xd7\x88\x95+Wb\x82\xe5\xd8d\x86\x96~\xee\xd9\xbd\xf3\xc4\xc5[-\xfaM\xb2\x98\xb2\xbc,\xf7\xfb8\x061\x82\xcb\xd5~\xe4\xbc%_~\xf5\xe0\xfe}\x86a \x06H\x96\xfc&gt;Q\xdem\xc9\xe7K\xc3ZT6\x16\xf7\x15\x04Y\xcev\x0b\x17\xc7\xb1y9\x96V=\x1b_\xb9u\xe1\xd4\x898\xd9-\x02\xe8\xdc_\x10\xc4qc\xc7\xb6\x1a\xf6\x9eJ\xa3#XN\xd7\xffb\x18\x96\xb5[L\x15jE\x07Et\x9e2a\xac|\xf7\xee\x94\x00\x02\x80$\xd0\xf4oJr\xca\x9e\x83\xbb;\xbe\xd9\xc2\x06\xd3\xff\xbf\t"6\x16\xf3\toQ\xe9\xeb\xaf\x96\xcb\xae \x8a\xee\xfe\x7f\xb9\xe4\xd3,\xe4\x1f\xd1\xa6\xb7\xcd\x94#\xdf\xa6o\xcf\x85e9\xab9\xa7\xed\xe0\xe9?\xef=\x1c\x7f:\x0e6\x82$\x0b\x02\x80$\xd0\x89\xed\xda\xd5\xeb\x83*\xf9\x96\xadT\xdaaw\xcan\xb0+",\xcb\xd8\xad\xf6V\xbd\x1a\xef=\xf0[jj\x9a\x8c\xa6\x93t\xfa\x9f\x9d\x955o\xfe\x87\x9d\xc6\x7f,\x08.O_\x91\x1b1\x8c\xe0\xb4\x07\x94*\x1f\xdeu\xec\x84q\xa3!\x15,Y\x10\x00$\x81\x16\xccm\xda\xbc\xb1e\xaf\x86\xa2(\xb3\x93\xa1\x8a\x14\xc30v\x8b\xa3J\x9d\x8a\xbe\xe5\xd5\xabd\xd5\x1a\x88N\xff\xa7M\x9dX"\xb2K\xc5\xf0F\x0e/-\xfd\xfc7,\xc7\xe7e\xa7\xb7\xe8\xf3V\xc2\x03\xfb\xf7\x9b6@I\xa84)\xe8\x89\x94,Q\x14\x11b\x0e\xec;\x98jJ\x8ej\x19\x06\xe9\xdfG1\x8c \x08md\xd5\x1a\x88\x8e\xfe\xf1\xa7\xe3\xbe\xdd\xfak\xebA\xd3\xac\xe6\x1c/.\xfd\xfcW\x840,\xd7\xb4\xff\xb4i\xefL\xcf\xcd\xcdE2\x7f\x99\xc3+A\x00\x90\x04\x86A\x1f/\xfa\xb8\xd1ku\xf4\xbe:Q\x84\xdd\xd2\xff\x87e\x19\xab\xd9&amp;\xaf\xd6@t\xffg\xc2\xd8Q\x11\xdd\xc7\x17/\x15\xe2\xdd\xa5\x9f\xff\x86a9\xab)+\xa2uO\xbb_\xa5E\x1f\xbc\x07\x8b\x00\t\x82\x00\xe0at\xaa\x98x3\xf1\xec\x95\xf8\xe6]\xa3-0\xfd\x7f\x12y\xb5\x06\xa2\xcb\x94\xef7o\xbc\xf4gN\x93\x9e\xa3\xf2r2\xbc\xbe\xf4\xf3\xdf0,k\xcb3w\x1a\xfd\xde\xd7\xab\xd7\'&amp;\xde\x84l\xb0\xd4@\x00\xf00\xda\xfcg\xcd\xaa\xb5\xa5k\x14+\x15\x12\xecr\xb8 \xfd\xfb8\x19\xb5\x06\xa2s\x7f\x97\xcb5\xe3\x9di\xcd\x07\xcdVi\x0cD\xc1\xd3^\x86a\x9dVs\xf9\x1a\xf5\x83\xebv\x9e\xfd\xce\xdb2\xca\xe1+\x04\x04\x00O\xca?\xfbe\xcb\x0f[Z\xf7i\xecr\xb8\x14\xb8Q\xf0,d\xd4\x1a\x88.\xe9&gt;\x98\xf7\xae\xc5P\xbeN\xcb\xd7,\xa6LF\x0eI\x8b\xa2\xc3r\xbc9+\xbd\xe3\xf0\xd9\xbf\x1c8\xf1\xfb\xc1\x03\xb0\x11$)\x10\x00&lt;)\xbf\xf9\x8fM\x9d\x1b\xd1\xb4&amp;\xa4\x7f\xff\x83,Z\x03\xd1\xf5\xdc\xfd\xfb)\xcbV\xad\xef8f\x81\xcb\xe9`\xbc\xaf\xeb\xe7\xf3b\x18Qp\xfa\x16+Y\xff\xf5\xa9\xb3g\xcd\x90\xec\xd2M\x99 \x00xR\xfe\xd9/M\xbbG\xf1j\x1eKoD\x93\x8e\x87\xad\x81\xeaV\xe2\xfcE\xc9\xb6\x06"\x84\xb0,;y\xfc\x98\xe2\xe1\xed*\xd4\xac\xaf\xb4\xd2\xcf\x7f\xc3r\xbc9;\xadi\xafQ\x17\xff4\xad]\xb5\x1c\x16\x01\xd2\x01O\xa7\xc7\xc0\xd9/\xcf\x8b \xc4\xf1l\xab\xbe\rV\xafZEwZ&lt;}E\xff\x0f\xcd\xfd\x1e\x8a9\xf8\xf3\x81\x13\x1d\x86\xce\xf4\xb2\x13\x1f_\x12\x83\x18\xc1\xe9\xea8v\xc1\xac\xd9s333\xe1\xd50\x89\x90\xd6GHQ\xe0\xec\x97\xe7\xc5\xb2\x8c\xc5dm\xd8.\xf2R\xe2\xb9\xb8\xd8\xd3,\xcbJm"\x891\x99&gt;mj\xddnc\x8d\x81\xa5E\xc1\t\x19\x9d|\x0c\xcb\xda-\xb9\xd5\xa3\xdb\xb3\xa5\xc2\x16}0\x0f\xca\x81$\x02\x02\x80g\xc0\xd9//F\x10Dcq\xdf\xda\xad\xaa.\xf9|\xa9\xa7\xaf\xe5\xff\xa1\xd3\xff\xf5kV^\xfe\xcb\xd2\xfc\xf5q\xe6\xac4\x98\xfe?\x82e9\xab)\xbb\xeb\x84\x8f\xbeX\xf9\xcd\x8d\xeb\xd7 \x06H\x01\x04\x00\xcf\x80\xb3_^\x0c\xcb26\xb3\xad\xe3\x9b-\xf6\x1e\xdc\x9d\x92\x9c\xc2\xb1\x9c\x14v\x12\xe85\xe4\xe6\xe4\xce\x9f?\xbf\xf5\xd0\xd9\x88a\x11\xf2\xfcUI\x0e\xc3\xb8\x1c\xb6\xe0\xf2\xd5*5\x7f}\xda\xd4I\xb0\x0b$\x05\x10\x00&lt;\x03\xce~y1\x0c\xc38\xec\xce\xb2\x95J\x17\xaf\xe4\xbbn\xcdz\xc4 )\xec\x02\xd1\xe9\xffG\x0b\xde\xb3\x1a+\xd5i\xd9\xc3j\xcaRH\xd7\xcf\xe7E\x1b\x04u\x18\xfe\xee\xee#g\x7f?\xb0\x1f\xb2\xc1\x1e\x07\x01\xc0\x03\xe0\xec\x97\x97\xc20\xa2(\xb6y\xbd\xd1\x86o7\xd8l6\x8e\xf3\xf0"\x00c\xccq\xdc\xad\xc4\x9b\xcb\xd7n\xea&gt;\xe9\x13\xab9W\x89m\x7f\x9e\x19\xc1\xa2Z\xeb\xd3z\xc4\xfcI\x93&amp;\n\x82\xc8H\xf8\x95\x0e%\x80\x00\xe01p\xf6\xcb\x8baY\xc6\x92km\xd06"\xc3~\xff\xb7]{\x10B\x9e\xddJ\xa6\xaf\xfeN\x9d\xf4V\xc9\xa8.%+Tw9\xac\xb0\x9e\xfb\x0f\x0c\xcbYM\xd9u\xdb\xbe~\xd7\xc4.[\xba\x98\x95\xf0K\xddJ\x00\xdbp\xeeF\xc7\x8b\x94\xe4\x94j5\xabM\xdb04\xa8T1\xa7\x13\xda?&lt;\x1fQ\xc4\xfe\x81\xc6\xad_\xec\xb4_\xd7\xc6\x1c&gt;\xe0\xc1\x92P\xba\xf9\x13s`_\xfb\xeeoL\xfc\xf6\xbc(\x08\x1e\xb9\x0cy!\x18\xab\xf5&gt;)\x89\x17v\xbe\xd7\xfb\x8f?\xfe\xf4\xf7\xf7G\x0c\x03\x1f\x01\x8f\x80\x15\x80\xbb\xc1\xd9//\x8f\xa6\x82\x9bu\x8b&gt;s)\xee\xca\xe5\xab\x9e\xaa\'!\x840\x089\x9d\xce)\x93&amp;5\x19\xf0\x8eZ\xe7\x83E\x08\x00O\xc7\xb0\xac\xc3b\xaaP+\xbaX\xcd\x96\xd3\xff7\x85\x81r \xcf\x81\x00\xe0np\xf6\xcb\xcbc\x18\xc6\xe1p\x95\xa9X"$\xaa\xe4\xb2/\xbeB\x1e\xda\x05\xc2\x18\xb3\x1c\xb7a\xdd\xea\xc4\x0cW\xa3\xee#\xac\xb9\x99P\xfa\xf9\x8cX\x96\xb3[\xcc\x1dG\xbf\xbfn\xf3\xd6\xeb\t\tP\x12\xea)\x10\x00\xdc\n\xce~),\x0c\xcb\xd8,\xf6\xb6}\x9a\xfe\xb2\xf3g\x8b\xc5\xe2\xfeT0\xdd\xca\xcb\xcc\xcc\x9c9\xeb\xdd\xce\xe3\x17\tN\x07\x82\xb6?\xcf\x8ea\\\x0e[@\x89\xf2\xe1]F\x8f\x1e1\x14JB=\x05\x02\x80\xbb\xc1\xd9/\x85\x82e\x18\xbb\xc5Q-\xaa\x12ctm\xda\xb0\x99a\x187O!i\xe2\xe1\xa3\x0f\xe7k+6\xac\xd6\xa0\x9d\x1d\xda\xfe&lt;\'\x96\xe3\xad\xa6\xac\x96\xfd\'\x9fI|\xf0\xdb\xae_\xa1$\xd4# \xf0\xba\x0f\xed\xfdp+\xf1VTt\xe4\xccM\xa3\x8c\xc5}\x04\x97\x00\t\x80\x17\x8611\x06\xf8\x1c\xfc\xf1\xd8\xa5m\xf7.\\&gt;\x8f\xfen\xae\xe7\x96\x1f\x8d\x19\x86\xb9~-\xa1Nd\x83\xa1\xcb\x8f\xeb|\x02\xb0\x00\xad\xbc\x9f\x1b\x11\x05\xbd_\xf1KG~I\xd82\xf7\xe6\xad\xbb\x1c\xcf1\x90\rv/\x98\xb3\xb8\x0f\x9c\xfdR\xb8hk\xa0\xe8\xb6u\xef\xa6&amp;\xb9\xb95\x10\xdd\xff\x19;jD\xad\xce#\x8b\x95(\xaf\xcc\x13\x1f_\x1e\xc3\xf1\x16SV\xed\x16\xdd\xf3t\xe5&gt;\x9c?\x072\x01\xee\x07\x01\xc0M\xe0\xec\x97\xa2@[\x03\x85\xb5\xa8\xe4\xce\xd6@\xb4\xf4s\xcf\xee\x9d\'.\xdej\xd1o\x92\xc5\x94\x05\xb9\xdf\x17\xc6 Fp\xb9\xda\x8f\x9c\xb7\xe4\xcb\xaf\x1e\xdc\xbf\xef\xfe\xad&lt;\x85\x83\x00\xe0&amp;p\xf6KQp\x7fk :\xf7\x17\x04q\xdc\xd8\xb1\xad\x86\xbd\xa7\xd2\xe8\x08\x86\x9d\xeb\x17\xc7\xb0\xac\xddb\xaaP+:(\xa2\xf3\x94\tc\xa5y\xce\x8f\x17\x83\x00\xe0&amp;p\xf6KQp\x7fk \x9a\xfb\xfdr\xc9\xa7Y\xc8?\xa2Mo\x9b)\x07\xda\xfe\xbc$\x96\xe5\xac\xe6\x9c\xb6\x83\xa7\xff\xbc\xf7p\xfc\xe98\xd8\x08r\'\x08\x00\xee\x00g\xbf\x14!7\xb6\x06\xa2\xd3\xff\xec\xac\xacy\xf3?\xec4\xfecAp\x15\xd1\x0fR\x16\x86\x11\x9c\xf6\x80R\xe5\xc3\xbb\x8e\x9d0n4\x94\x84\xba\x13\x04\x00w\x80\xb3_\x8a\x8e;[\x03\xd1\xe9\xff\xb4\xa9\x13KDv\xa9\x18\xde\x08N|,,\xb4Kh\x8b&gt;o%&lt;\xb0\x7f\xbfi\x03\x94\x84\xba\r\x04\xdb"\xf7\xf0\x8d\xa1\x8c\xccj\xd5\xab\x0f\xfb\xb4{h\xadr6\x9b\x03\xba\xff\x17\xa2\x7fZ\x03]\xd3\xc4\x1c9XD\xad\x81\xe8\xb7\x8d\x8f;\xd5\xb8E\xdba\xcb\x8f\xeb|\xfc\xa1\xf4\xb3\x10\x11,\xea|\x03\xae\x1e\xdfu~\xc3;\t\xd7\x13}\x8dF\x84\x10\xcc\x93\x8a\x1a\xcc_\x8a\x1c\x9d\x90nX\xff\xad\xbe4W=*\x14\xce~)t,\xcbX\xcd\xb6f\xdd\xa2/\\?{\xee\xec\xf9\xa2\xdbDv:\x9d\x13\'\xbcU\xaf\xcf\xdb\xc5J\x94\x83\xd2\xcf\xc2\xc5\xb0\x9c\xd5\x94U\xbb\xe5k\xa4T\xc4\x07\xef\xcd\x81r \xf7\x80\x00\xe0&amp;{\xf6\xec\xa9R\xb7&lt;b\x18Xp\x15:\x86a\\\x0eW\xa9\n\xc1\xba@~O\xd1\xec\x02\x11BX\x96MKK;s\xeeB\xa5:M\x1c\x0e\x1b\xc3\xc0g\xa7\xd0\x11B\x98\x90\xf0\x86\xbf\xee\xfcU\x10`\x9b\xd4\x1d\xe0!v\x93\xd1\xa3G\x9f=\x98 8\x04\x98\xfe\x17:B\x88\xd6\xa0\xb9q.\xc9\x91\x8e\x86\x8f\x1a\x86\x10\xe2\xb8B\xae\xcca\x18F\x14\xc5W^y\xa5W\x8fn{W\xbe\xab\xd6h\xe1\xd0\xc7BF\x08\xc7k,9\xa9\'\x7fX\xf2\xbfi3x^\x12\x87}z=\x08\x00E\x8e\x966w~\xb5S1u\xc9\xb8\x03\xe7\r~z\x8c\xe1\xc9.L\x18\x13\xad^{h\xfb\xc9v\xad:\x94(Y\x82\xberQ\xe8?\x85V\xa7|\xfe\xc5\xd7\xe6\xa4\xb8K\x87\xb6k}\xfc\xe1\r\x80B\x84\xb1\xa8\xf7\x0b\xd8\xb7f~\xbd\xea\xe5\x86\x0e\x1fI\xcfY\xf3\xf4Ey?\x08\x00E\x8eN\x1e\xb5:\xed\xe0\x81\x83\x0en=\xc9q\x1c\x82\xa9M\xa1\xe29\xd6\x94\x95w\xe9\xf0\xadq\xe3\xc7\x16\xdd\xb4\x91\xa6\x16J\x94\x08^\xf8\xd1\'{\x96\xbd\x83\x05\x07\xbc\x01PX\x08\xc6\x1a\xbdo\xf2\xf5\xb37b6/_\xbd\x1e\x16\xc9n\x03\x01\xc0\x1d8\x8eC\x04\r\x1d&gt;$\xf3\x96\xf9\xde\xad\x14\x8dV\r\xcb\xdb\xc2"\x8a\xd8\'\xc0\xe7\xd0\xf6\x13\xb5*\xd5\x89n\xdc\x80\xb6\xdc(\xa2\x9fEc\xc0\xf8\t\x93\xca\x15\xd7\x1c\xdb\xfa\xa5\xce7\x00N\x80)\x14\x04\x11\x95Z\xb3g\xc5\xec7\xfa\xf4\xaa\x1b\x19I\x0f\xcd\xf6\xf4E)\x02\xfc\x95\xdd\x81a\x18\x11\x8b\xa5\xcb\x94\xee\xd0\xa6\xf3\x9e\x8d\x87u\xbe:\xd8\x05*,,\xc3\x08N\xe1\xd8\x8e\xb3\xa3F\x8dd\x99\xa2}\x89\x94\xee\x02q\x1c\xbbb\xd5\xba\xb8-\x9f\x983\x93y\xb5\x16\xd6s/\x89\x88\xa2\xde7\xe0\xea\x89]y\xb7\xe3?[\xfa\x15}i\xc6\xd3\x17\xa5\x14\x10\x00\xdcj\xd2\xe4\x89\x97\x0f\'\x9a2\xcd&lt;\x0f\xbb\x07\x85\x00c\xa2\xf7\xd5\x9d?vU\xe7\xf4{\xa3\x7f\xdf"\x9d\xfeS\xf4\x1d\xa5\xf6\x1d;\xb6h\xd2\xf0\xb7\xe5\xef\xea}\xfd1d\x02^\x0e\xc3qXp\xee[&gt;\xf3\x9d\x193K\x94\x08\xa6\x05W\x9e\xbe(\xa5\x80?\xb4\x9bp\x1c\x871n\xd0\xb0~H\xa9*\xa7\xf6\x9f\xd3\xc3"\xa00\x10B\xd4\x1aU\xcc\xd6\x93}\xfb\xf4\xd5j\xb5E\x94\xfe}\x04]\x07\xacX\xb3\xfeN\xec\x8e\xa4\xf3\x875z#\x81\x8a\xf5\x17\x85EA\xef\x1bpt\xcb\xd2\x92:a\xc6\xac9E\xf4\x12\x1f\xf87\xf0\xb7v\x1f\xfap\x0f\x1b:\xec\xd0\xb68\x96ea\xeb\xe0%\x11B4\x1aU\xf2\xed\xd4\xe4+\x19\xc3G\x0eC\xee:\x10\x86f\x02\xaaV\xad\xfa\xbf)\x13\x7f]\xf2\xb6Z\xa3\x81\x8c\xce\x0b"\x84WkM\x99\xc9q?|\xb2r\xed7*\x15O_\x9b\xf7\xf4e)\x08\x04\x00\xf7\xa1}\xca\xde\x18\xd0\xd7\x95\xc1^;\x93\xa83h\xa1\'\xe8\xcb\xc0\x98\x18\xfc\xf4{\xbf;\xdc\xb2q\x9b\xcaU*\xbb3sHc\xc0\x8c\xd9s\xd5\x96\x94\xd3\xbb\xbf1\xf8\x07B6\xf8\x05`,\xea}\xfd\x7f[\xfen\x8b&amp;\r\xdbw\xe8H\x0fZ\xf0\xf4E)\x0b\x04\x00\xf7\xa1\xf5\xa0AA\x81=\xbb\xf7\xda\xbb\xf9\x88\xd6\xa0!\xb0\x0b\xf4\x128\x8e\xb5\xe4\xda.\xfe~c\xdc\xf8\xb1n\x8e\xa4t\x17(  `\xf1\xe7K\x0e\xae\x9eg3ep\xbc\n\x96t\xcf\x85`\xac\xd1\x1b\x93\xce\x1</t>
        </is>
      </c>
    </row>
    <row r="55">
      <c r="A55" s="1" t="n">
        <v>53</v>
      </c>
      <c r="B55" t="inlineStr">
        <is>
          <t>polygon_sides_number</t>
        </is>
      </c>
      <c r="C55" t="inlineStr">
        <is>
          <t>What is the missing number of the part denoted with a question mark?</t>
        </is>
      </c>
      <c r="D55" t="inlineStr">
        <is>
          <t>[6, 5, 8, 3]</t>
        </is>
      </c>
      <c r="E55" t="inlineStr">
        <is>
          <t>5</t>
        </is>
      </c>
      <c r="F55" t="inlineStr">
        <is>
          <t>There are 6 numbered polygons arranged in a triangle with number [7] in the top row, [4, '?'] in the middle row, and [8, 3, 6] in the bottom row.</t>
        </is>
      </c>
      <c r="G55" t="inlineStr">
        <is>
          <t>We observe that the polygon with 7 sides has the number 7, the polygon with 4 sides has the number 4, the polygon with 8 sides has the number 8, the polygon with 3 sides has the number 3, and the polygon with 6 sides has the number 6. Thus, the pattern is that the number inside the polygon represents the number of sides the polygon has.</t>
        </is>
      </c>
      <c r="H55" t="inlineStr">
        <is>
          <t>Based on the pattern that the number inside the polygon represents the number of sides of the polygon, the missing number of the polygon with 5 sides should be 5.</t>
        </is>
      </c>
      <c r="I55" t="inlineStr">
        <is>
          <t>b'\x89PNG\r\n\x1a\n\x00\x00\x00\rIHDR\x00\x00\x02\x00\x00\x00\x02\x00\x08\x02\x00\x00\x00{\x1aC\xad\x00\x00\x94WIDATx\x9c\xed\x9dwxTE\xf7\xc7g\xe6\xde\xbb-e\xd3\xe9]B\x0bHQ\xaa@ \x84\x8e\x14i\xd2\xab\xf0\n(\x88\x8a\x80\xbc\x804Q@\xa4I\xef \x04\xa4\x88(\xbdJoJ\x91\x1a\xba\x02\xe9\xc9n\xb6\xdd{g~\x7f\x0c\xec\x9b\x1f \x02\x92\xad\xe7\xf3\xf8\xf8\xc0f\x93\x0c{\xef=\xdf3\xe7\x9c9\x073\xc6\x10\x00\x00\x00\xe0\x7f\x10w/\x00\x00\x00\x00p\x0f \x00\x00\x00\x00~\n\x08\x00\x00\x00\x80\x9f\x02\x02\x00\x00\x00\xe0\xa7\x80\x00\x00\x00\x00\xf8) \x00\x00\x00\x00~\n\x08\x00\x00\x00\x80\x9f\x02\x02\x00\x00\x00\xe0\xa7\x80\x00\x00\x00\x00\xf8) \x00\x00\x00\x00~\n\x08\x00\x00\x00\x80\x9f\x02\x02\x00\x00\x00\xe0\xa7\x80\x00\x00\x00\x00\xf8) \x00\x00\x00\x00~\n\x08\x00\x00\x00\x80\x9f\x02\x02\x00\x00\x00\xe0\xa7\x80\x00\x00\x00\x00\xf8) \x00\x00\x00\x00~\n\x08\x00\x00\x00\x80\x9f"\xba{\x01\x00\xf0\xeaQU\x15!D\x08\xc1\x18\xbb{-\x00\xe0\xb9`\x18\n\x0f\xf8\x12\xfc~v\xda}J)\xa5\x14c\x8c1&amp;\x04\xf6\xbb\x00\xf0\xff\x00\x01\x00|\x07J)\xb7\xf2\xdb\xb7o\x0f\x0e\x0e.[\xb6\xac\xd1ht~\x951F)e\x8cq1\x80\xcd\x01\x00\x80\x00\x00&gt;\x82\xaa\xaa\x82 (\x8a2p\xe0\xc0y\xf3\xe6!\x84"##+T\xa8P\xa3F\x8d\xca\x95+\xbf\xf1\xc6\x1b\x85\n\x15\xca\xf9~\xe7\xe6\x00\xc4\x00\xf0[@\x00\x00_\x80[\xff{\xf7\xee\xb5k\xd7\xee\xd0\xa1C\x92\xa4\x91eG\xce7\x04\x06\x06\x96+W\xael\xd9\xb2\xb5k\xd7.W\xae\\LL\x8c\xc1`p~\x951\x963m\x00z\x00\xf8\t \x00\x80w\xc3\x03;\x82 \x1c:t\xa8]\xbbv\xf7\xee\xdd\x13EQQ\x94\n1\x95\xd23\xd3\xee\xdc\xb9\xf5\xd4\xef*\\\xb8p\xe9\xd2\xa5k\xd4\xa8Q\xa7N\x9d\n\x15*DDD\xe4\xfc\xaa\xaa\xaa\x10)\x02\xfc\x01\x10\x00\xc0\x8bq\x06\xfd\xe7\xcd\x9b7p\xe0@EQ\x08!\x94\xd2\x91\xc3\xc6\xf7\xeb\xf3AFFz\xe2\xf5+\xd7\x12/\x9f8u\xe4\xb7\xb3\xa7\xfe\xbaw\xd7l6?\xf9CBCCK\x96,Y\xb3f\xcd\xd7_\x7f\xbdZ\xb5j\xd1\xd1\xd1\x82 \xe4\xfc\x15\xce42l\x0e\x00\x1f\x03\x04\x00\xf0V\x14E\x11E1++k\xe8\xd0\xa1\x0b\x17.\x14EIQdc\xb0q\xc6\xd4E\x8d\xe2\x9bgd\xa6\x13Bt:\xbd$I\x08\xa1\xcc\xcc\x8c\xe4\x94\xa4\xb3\xe7N_\xb8x\xee\xcco\'\xae\\\xbb\x94\x9a\x9a\xfc\xe4\xcf\xd4H\x9a\x92\xd1%\xa3\xa3\xa3\xeb\xd4\xa9S\xa9R\xa5\xf2\xe5\xcb\x87\x85\x85\xe5|\x03l\x0e\x00_\x02\x04\x00\xf0J\xb8\xf5\xbfz\xf5j\x97.]\x8e\x1f?\xae\xd1h\x1c\x0eG\xf9\x98\x8a3\xa7-*U\xb2LZz\x9a(\x8a\xec\x11\x08!A\x10$I\xa3\xd3\xea\x04Q\xb0\xd9l\xa9\xa9\xc97o]?\xfd\xdb\xf1S\xa7\x8f%\xde\xb8v\xf3V\xa2\xc3\xe1x\xf2\xb7\x84\x87\x87W\xacX\xd1\x99F\xce\x9f?\xff\xdfm\x0e\xa0\xc6\x14\xf0F@\x00\x00/\x83\xdbtB\xc8\xf6\xed\xdb;u\xea\x94\x96\x96&amp;I\x92,\xcb\xed\xdf\xe92\xe6\xf3\xc9\x81\x01\x81&amp;s\x96(JO\xfdF^\x06J\x08\x91$I\xa3\xd1j$\x8dJU\xb3\xd9t\xf3f\xe2\xf5\x9b\xd7N\x9c:z\xf2\xf4\xb1[\xb7\xafgff&lt;\xf9\xedA\x81A\x85\n\x17\xaaV\xadZ\x85\n\x15j\xd6\xac\tid\xc0\x07\x00\x01\x00\xbc\t^\xed\x83\x10\x9a&gt;}\xfa\x90!C0\xc6\x0c1\x81\x08c?\xff\xaaO\xcf\x01&amp;s\x96,\xcb9\x9d\xf4\xbf\xe3\xd1\xde\x80"\x84\x05A\xd0ju\x1aI#\x08\x829\xdb\x94\x92\x9a|\xf1\xd2\xf9\xb3\xe7\xce\\\xb8x\xf6\xc2\x1f\xbf\'%\'9\x1c\xf6\'\x7f\x02O#\xd7\xacY\xb3f\xcd\x9a\xa5K\x97~\xac\xc6\x14"E\x80W\x00\x02\x00x\r&lt;\xecc2\x99\x06\x0f\x1e\xbcx\xf1b\x8d\xa4q\xc8\x8e\x88\x88\xa89\xd3\x97\xd6y\xab~Zz\xeaK[[\xbe3\xe0Z"I\x92V\xab\x93$I\x91\x95\xb4\xf4\xd4\xbf\xee\xdd={\xee\xf4\xf1\x93G\xae&amp;^\xbaz\xedrv\xf6S\xd2\xc8\x81\x81\x81e\xcb\x96\xadY\xb3f\x85\n\x15\xaaW\xaf^\xa4H\x91\x9c\x9b\x03H#\x03\x1e\x0b\x08\x00\xe0\x1d\xc8\xb2,I\xd2\x993gz\xf7\xee}\xe6\xcc\x19\xadVk\xb7\xdb+W|s\xee\xcc\xe5\xf9\xf3\x17\xca\xcc\xcc\x10\xc5W\xd3\xd8\x8a1F\x19e\x94a\x82%Q\x92$\x8dV\xabE\x0c\xd9l\xd6\xdbwo]\xbfq\xf5\xcco\'N\x9c:r\xf5\xda\xe5\x94\xa7\xa6\x915\x9a\xbcy\xf3V\xa9R\xa5r\xe5\xca5j\xd4\xa8T\xa9\xd2cid\x00\xf0\x1c@\x00\x00O\xc7Y\xe9\x9f\x90\x90\xd0\xbf\x7f\xff\xf4\xf4t^\xe9\xffn\xfb\xee\x13\xc6NC\x08\xdbl\x16A\xc8\x95\xb6\x869\xd3\xc8\x84\x10\xadF\xab\xd1jEA\xb4\xd9y\x1a9\xf1\xcc\xef\xa7._\xb9\xf0\xdb\xd9\xd3\x7f\x97F\x8e\x88\x88(W\xae\\\xa5J\x95\xea\xd4\xa9S\xaaT\xa9\xe8\xe8hB\x08d\x8c\x01\x0f\x01\x04\x00\xf0h\x9cA\xff\xb1c\xc7\x8e\x193\x86`B\x19\r0\x04\x8c\x1a1\xb1[\xa7\xbe&amp;\xb3\x89R\xd5e\xf6\xf4)id\x8d\x861\x96\x95\x95y\xf3f\xe2\xf5\x9b\x89\xc7N\x1c\xbax\xe9\xdc\x95k\x97\xd2\xd3\xd3\x9e\xfcvBH\xdf\xbe}\xe7\xce\x9d\xeb\xfcG\x01\x80{\x01\x01\x00&lt;\x17\x1e\xf4OOO\xef\xdf\xbf\x7fBB\x02\xaf\xf5,R\xb8\xd8\xb7S\x16\xd4\xacQ\'%%\xd9\x8d)\xd6\xa7\xa4\x915\x1a\x82\x89Cv\xdc\xbb\xffg\xe2\xf5+\x7f\\&lt;\x7f\xe2\xd4\x91\x0b\x7f\x9cMN~`w\xd8\x11B\x18cQ\x14\xcf\x9d;\x17\x1d\x1d\xcdU\xc4-+\x07\x00\' \x00\x80\x87\xc2\xad\xffcA\xff\xb7j\xc6\xce\x98\xba(*2OFV\xba\xf4\xb4ZOw\xc1w\x06\x081\x8c\x89F\xa3\xd1ju\xa2(\xaa\x8a\x9a\x96\x9e\xfa\xd7\xbd;\x17.\x9e\x9b\xbb`\xfa\xf5\x1b\xd7\x14E\xe9\xde\xbd\xfb\xd2\xa5Ka\x13\x00x\x02 \x00\x80\xc7\xe1\x0c\xfa/^\xbcx\xf0\xe0\xc1&amp;\x93\x89\x07\xfd{v\xeb7v\xd4\xd7\xb2\xec\xb0\xdb\xed\x9el=\xf9\xce\x801\x860\x96D\x89\x10!*2l\xd3\x96M]{\xb5\xe6\xb1\xa3\xdf\x7f\xff\x1d6\x01\x80\'\x00\xf7\x1f\xe0Y\xa8\xaa\x8a1\x16\x04a\xc8\x90!\xbd{\xf7\xb6X,\x08!\x8d\xa4\xf9j\xc2\xcc\xaf&amp;\xcc\xca\xce6;\x1c\x0eO\xb6\xfe\x08!\x8c1!\x82 \x88\x02\x11TUu8\xec\xb7n\xdf\xad[;\xae\xda\x9b5\x19\xa3v\xbb}\xd2\xa4I\x18\x83\xef\x05\xb8\x1f\xb8\x0b\x01\x0f\x82\x87}\xd2\xd2\xd2:u\xea\xb4}\xfbv\x8dF\xebp\xd8\xcb\x94*7u\xf2w\x95+UKMM\x16\x04\xc1\x1b\xeb\xe8UU5\x06\x87\xec\xda\xbb\xad{\x9fw`\x13\x00x\x0ep\xf3\x01\x1e\x01o\xa5 \x8a\xe2\xa1C\x87\xaaW\xaf\xbe}\xfbv\x8dF\xe3p\xd8\x9b4z{\xcd\x8a\xad\x15\xcaWNII\x12E\xd1\x1b\xad?BH\x10\x84,Sf\xfd\xba\xf1\xb0\t\x00&lt;\n\x10\x00\xc0\xfdPJ\x11B\x82 \xcc\x9b7/66\xf6\xea\xd5\xab\x84\x10\x87\xc3\xf1\xc1\xfb\x9f\xce\x9f\xb520003+\x837\xf5\xf4^\x18c\x84\x08\xef\xf7\x1b\xca\x18"\x84\xacY\xb3\xe6\xfa\xf5\xeb\xbcy\xb5\xbb\x97\x06\xf8/ \x00\x80\x9bQU\x95\x10\xa2\xaaj\xff\xfe\xfd\xfb\xf7\xef\xcf}\xfc\xa0\xc0\xa0Y\xdf,\xfe|\xf8xs\xb6\xd9\xe1p\x88\xb9s\xce\xcb\x95\xf0M@\xbd\x87\x9b\x00f\xb7\xdb\x97/_\x0e\x9b\x00\xc0\xbd\x80\x00\x00\xeeDQ\x14&gt;\xca166v\xde\xbcyZ\xadV\x96\xe5\xf2\xe5*n^\xbf\xa7m\xebN\xc9\xc9\x0f|\xe9\xdc,\xa5T#I\xed\xdata\x8caLf\xcf\x9e\x9d\x9a\x9aJ\x08\x01\r\x00\xdc\x85\x8f&lt;Z\x80\xd7\xc1k=y\xd0\xbfJ\x95*\x87\x0e\x1d\xd2h4v\xbb\xfd\x9d\xd6\xef&amp;\xac\xdaZ\xbc\xe8k)i\xc9O\xed\xea\xec\xbd\xf0\xf15\xcd\x9b\xb6.V\xb4\x04B,%%e\xd6\xacY\x18c\x88\x02\x01\xee\x02\x04\x00p\x03\xbc\xd6\x93\x102}\xfa\xf4\xd8\xd8\xd8{\xf7\xee\xf1\xa0\xff\xc8a\xe3\xa6\x7f=_\x924\xe6l\xb3G\x9d\xf3zU\xc8\x8a\x1c\x12\x12\xda\xaf\xf7\x07\xbc\xfeg\xe6\xcc\x99\xb0\t\x00\xdc\x08\x08\x00\xe0jx\xd8\xc7d2\xf5\xee\xdd{\xc8\x90!\xfc\xc5\xa0\xc0\xe0e\x0b\xd6\x0f\xfa\xcf\'\xd9\xd9\xa6\xe7\xec\xe9\xef\x8d\x88\xa2\x98\x95\x99\xd9\xbae\x87bEK0\xc6RSSa\x13\x00\xb8\x11\x10\x00\xc0\xa58G96h\xd0`\xf1\xe2\xc5Z\xadVQ\x94\xca\x15\xdf\xdc\xbcnW\xc3\x06\xcdR\xd3R0\xf6\x9d\xa0\xffS\x91\x15\xd9\x18\x1c\x02\x9b\x00\xc0\x13\xf0\xe5\'\r\xf0(\x9cA\xff\xed\xdb\xb7W\xaf^\xfd\xf8\xf1\xe3\x92$\xd9\xed\xf6w\xdbw_\xff\xfd\xb6\xa2E_KKO}U=\xfd=\x19Q\x14\xb3\xb2\xfe\xdf&amp;`\xe6\xcc\x99\xb0\t\x00\xdc\x02\x08\x00\xe0\nr\x06\xfd\x1b7n\x9c\x9e\x9e\x8e0\xa2\x94\x8e\x1f=u\xdaWseY\xb1X\xb2\xfd\xc1\xfasrn\x020\xc6s\xe7\xce\xcd\xce\xce\x86M\x00\xe0z@\x00\x80\\\x87\x07\xfd\xd3\xd3\xd3;t\xe80d\xc8\x10I\xd20\xc6"\xc2\xa3\xbe_\xbe\xa5O\xcf\x01\xe9\xe9i\x8cQ_\r\xfa?\x15Q\x14\xb3L\x99\xad\xden_\xb8P\x11\x84\xd0\x83\x07\x0f~\xf8\xe1\x07\xd8\x04\x00\xae\x07\x04\x00\xc8]dY\xe6]\x9d\xe3\xe2\xe2\x12\x12\x12\xb4Z\xad,;*W|s\xeb\xc6\xfd5\xab\xd7IMK\xf1\xd2\xf6&gt;\xff\x12Y\x96CCB[6o\xc77\x01\x13\'N\xb4\xdb\xedp.\x0cp1 \x00@n\xc1\xdb\xfbH\x92\x94\x90\x90\x10\x17\x17w\xe6\xcc\x19Q\x14\xedv{\xcfn\xfd\xd7\xad\xfa9*"OV\xd6+\x1b\xe4\xebu\x08\x82`\xce6w\xeb\xdc74$\x0cc|\xf9\xf2\xe5\xb5k\xd7Bg\x08\xc0\xc5\x80\x00\x00\xb9\x02wl\x05A\x18;vl\x87\x0e\x1d232\x11B\x1a\x8d\xf6\xab\t3\xbf\x9a0SQU\x9b\xdd\x96K\x83|\xbd\x02\x8c\xb1\xcdf+\\\xb8h\xe7w{RJa\x13\x00\xb8\x05\x10\x00\xe0\xd5\xc3\x87%&amp;\'\'w\xe8\xd0a\xcc\x981\xa2(RF\x8b\x14.\xb6z\xe9\xe6\x1e]\xfb%%\xdf\x876\xc8\x88o\x02\xcc\xa6\xee\x9d\xdf\x83M\x00\xe0.\xfc\xfd!\x04r\x03J)!\xe4\xf7\xdf\x7fOHH\xd0h\xb4\x8a\xa2\xbcU3v\xd3\xda]oT\xae\x9e\x9c\xf2@\x14%?\x0c\xfa?\xc9S7\x01\x0e\x87\x03\xca\x81\x00\x97\x01\x02\x00\xe4\x16\xa2(\n\x82\xe0p8b\xca\xbd\xfe\xfd\xb2\x1f\x83\x8d\xc6,S\xa6\x8f\xb5\xf7\xf9\x97&lt;\xb9\tX\xbdz5\x94\x03\x01.\x03\x04\x00\xc8-x\x12\x18!f\x0c\nA\x08\xd9l6\xbf\xaa\xf5|\x1erl\x02z\xf1M\xc0\xec\xd9\xb3\xf9\xeb\xee^\x1a\xe0\x17\x80\x00\x00\xb9\x8e\xa2*\x0cA\xd0\xff\xe9\xf0M@\xb7\xce}CC\xc3\x18C\xa7O\x9f\xde\xb7o\x1f\x1f\x90\xe0\xee\xa5\x01\xbe\x0f&lt;\x93@\xae\x831\xc6\x08\\\xda\xa7\xc37\x01E\n\x15iP\xaf1B\x8cR:v\xecX\x04\x9b\x00\xc0%\x80\x00\x00\x80\x9b!\x84\xd8l\xb6^\xdd\xdf\xd7h4\x84\x90}\xfb\xf6\xc1&amp;\x00p\r \x00\x00\xe0f\x08!\xd9\x16s\xa5\xd7\xdfh\xd6\xb8\x15O\xff\xc2&amp;\x00p\r \x00\x80o\xc2S\xd0\xff\x1eJ]\xe1\x86cL\xec\x0e[\xbf&gt;\x1f\xc2&amp;\x00p%\xfe{\x14\x13\xf0a\x18c\xa2 \xea\x03\r\x081\xf4\xf2\xe9\x07\x86\x10f\x88Y,\xd9\xb9]\x98O\x081\x9b\xcd\x15+Tn\xd6\xb8\xd5\xc6\x1f\x13\x10Bc\xc7\x8e\x8d\x8d\x8d\x85M\x00\x90\xab\x80\x00\x00\xbe\x06cL\x14\xc5\xcc\xcc\x8cCG\x0f`\x84^\xdar\xf3\xef\x15\x04R\xb1B\x15\x8dF\xeb\x02\r\xb0;\xec\xfd\xfa|\xb8u\xdb&amp;EQ\xf6\xed\xdb\xb7g\xcf\x9ez\xf5\xea\xa9\xaa\n\xe5\xb3@.\x01\x02\x00\xf8\x1a\x8c1\xadVw\xf5\xda\xa5\xee}\xde\xf9\xf7?\rc|`\xd7\x99\x02\xf9\x0b9\x1c\x8e\\\xf5\xc7\xff\xb7\th\xd2j\xe3\xe6\x04\x84\xd0\xd4\xa9S\xeb\xd7\xaf\x9f{\xbf\x11\x00 \x07\x00\xf8&amp;\x82 \x08D\x10\x05Q \xc2\x0b\xfc\'\x08\x84\x08\x84\x10B\x88 \x08\x84\x90\xc0\xc0 \x97\x9d` \x848\x1c\x8e\xbe=\x06\n\x82\x881\xda\xbbw\xef\xe5\xcb\x97\xa1;\x10\x90{\x80\x00\x00\xbe\tcL\xa5\xaa\xa2**U_\xe0?U\xa5T\xa59\x90e\xd9e\x99XBH\xb6%;\xa6\xdc\xeboV\xa9\xc6\x18\xb2Z\xad\x93&amp;M\x82\xfe\xa0@\xee\x01\x02\x00\xf8&amp;|\x02\xa5 \x88\x84\x08\xcf\xf9\x1fw\xf9%I\xe3\xfc\t\x18\xe3\xd0\xd0p\xa31\xd4e\x1a\xc0\x18\x13D\xf1?\xef}\x84\x10"\x84\xacY\xb3\x066\x01@\xee\x019\x00\xc0\xd7 \x84\xd8l\xd6R\xd1e\x7f\xda\xb0\xff\x85\x82\xf6\xaa\xaa\x1a\x8d\xa1\t\xebW\xce\xfc\xeek\x81\x08\x08cJ\x95\xb6\xad:\xe6\x8d\xca\x97\x9a\x96\xec\x9a\xe9\x05\x82 dee\xd6\xaf\x1b_\xed\xcd\x9a\xc7O\x1e\xb6\xdb\xed\x93&amp;MZ\xbat)\x08\x00\x90\x1b\x80\x00\x00&gt;\x08\xa5T\xaf7\x94+S\xfe\xf9\xbf\x85\x07Y\x04A\xd8\x7fp\x17B\x08aD\xa9\x1a`\x08h\xf7Ng\x8b5\xdb\x95\x8d\x8c\x18c\x84\x08\xef\xf7\x1bz\xec\xc4a\xbe\t\x18&gt;|xtt4o\xb2\xed\xb2e\x00\xfe\x00\xdcO\x80oB)\xb5X-\xcf\xff\x9f9\xdb$\n\xe2\x96\x9f7\x9c=\x7f\x86\x10\x82\x10f\x8c5i\xdc\xb2\xe4k\xa5\xadV\x0b\xc6\xae{R\x04A\xc82=\xdc\x040F\xf9&amp;\x002\x01@n\x00\x02\x00\xf8,\xe4E\x10\x88\xa0Ru\xd9\xca\xf9\x08!\x8c1\xa5*!B\x97\x8e\xbddYv\xa5\xf5\xe787\x01\x8c=\xcc\x04\\\xbcx\x112\x01\xc0+\x07\x04\x00\x00\x90Ji``\xd0\xd1c\x07\x8f\x1f?\xcc\xcd=c\xacV\xf5:U*W\xcb\xce6\xbb&gt;\xf0\xc27\x01\xf5\xea\xc6\xd7\xa8\xf6\x16c\xccn\xb7/Z\xb4\x08\x06\xc5\x00\xaf\x1c\x10\x00\x00@\x881\x81\x90\xa5+\xe63\xc4\x08y\x18l\xe9\xd6\xa5\x8f\x1b\xa732\xc6$Q\xec\xd1\xb5?c\x0cc\xb2b\xc5\x8a\xd4\xd4TA\x10 \x10\x04\xbcB@\x00\x00\x7f\x87R\x1a`\x088{\xfe\xcc\xae\xbd\xdb\xf8Y_Ji\xa9\xe8\xb2\xb1u\xe2\xcdf\x93\xbb\xda0\x08\x82`2\x9b\xea\xbcU\xafX\xd1\x12\x08\xb1\xa4\xa4\xa4Y\xb3f\xc1&amp;\x00x\xb5\x80\x00\x00\xfe\x0eeT\xab\xd5\xadX\xbdH\x96\xf9@v\x84\x10\xea\xf2n\xaf\xa0\xc0`UU\xdc\xb80Y\x96CC\xc3\xfb\xf5\xfe\x801F\x08\x999sfjj*\x8c\x8c\x07^! \x00\x80_\xc3\x18\xd3\xeb\xf4\xd7\xae_\xd9\xfc\xd3z^iC)\x8d\x8a\xcc\xd3\xa2i\x1b\x939\x8b\x10wva\x13E1+3\xb3u\xcb\x0e\xc5\x8a\x96`\x8c\xa5\xa6\xa6\xc2&amp;\x00x\xb5\x80\x00\x00~\r\xa5\xaa\xc1\x10\x98\xb0~\x85\xd9l"\x84`L\x10b\xed\xdat\xce\x9b\xb7\x80,\xe7n\xf7\xb7\xe7AVdcp\x08l\x02\x80\\\x02\x04\x00\xf0_\x18c\x92\xa4\xb9\x7f\xff\xcf5\xeb\x96?r\xffU\xbd\xde\xd0\xee\x9d.V\xd7\x1e\xfe\xfa;DQ\xcc\xcc\xcal\xdd\xb2C\xd1"\xc5)\xa5\xb0\t\x00^-\xee\xbf\xc5\x01\xc0]\xa8T\r\n\x0c\xde\xb4e]R\xf2\x03\xee\xfe3\xc6\x1a7lQ\xaad\x19\xab\xd5\xea\xfa\xf2\xff\xa7\xa2(rpP\xf0\xa0\xf7?\xc1\x98\xf0M\xc0\x9d;w\xa0\x1c\x08x%x\xc4-\x0e\x00nA\x14\xc4\xcc\xac\x8c\x15\xab\x16"\x8c\x19C\xbc\xd7B\x97w{\xcb\x8a\xec\xf6\xe0\x8f\x13\x8c\xb1Ji\x9e\xa8|\x84`\x84PVVVVV\x16B\x08\x04\x00\xf8\xf7\x80\x00\x00~\x8a\xaa\xaaAA\xc1\xdbw\xfe\x94x\xe3*\xc1\x18c\xc4\x18\xad^\xf5\xad7\xabTw\xcb\xe1\xaf\xbf\x03c\xcc(\x9d1\xe7+UU)\xa5\x9d;w.W\xae\x9c\xaa\xaa\x9e\xb3B\xc0{\x81{\x08\xf0S\x08!v\xbb}\xc9\xf2y\x88\x1bY~\xf8\xabs_\xd1\x93\xa2+\xaa\xaa\x06\x07\x19\xf7\xec\xdfy\xfc\xc4aB\x88V\xab\xfd\xec\xb3\xcf\x10B\x9e\xb3A\x01\xbc\x1a\x10\x00\xc0\x1f\xa1T\r\x0c\x0c:xh\xef\x99\xdfO\x10Lx\xfc\xa7\xe4k\xa5\xeb\xc764\xb9\xef\xf0\xd7\x93\xf0\xaeDs\xe6M\xc5\x18QJ;v\xecX\xaaT)p\xff\x81W\x05\xdcF\x80\xff\xb2t\xc5&lt;\x84\x10&amp;\x0f\xfd\xe9\xce\x1d{\x06\x07\x19\x15\xb7\x1e\xfe\xca\x89\xd3\xfd?v\xe20\xc6D\xab\xd5\x0e\x1f&gt;\x9c1\x06\xee?\xf0\xaa\x00\x01\x00\xfc\x0eJ\xa9\xc1\x10x\xfa\xcc\xf1\xfd\x07w;\x0f\x7fEDD\xbd\xdd\xfc\x1ds\xb6Ip\xeb\xe1\xaf\x9c&lt;\xd5\xfd\x87\xa9\x00\xc0+\x04\xee$\xc0\xef`\x8cj4\x9a\xe5\xab\x17\xaa\xaaB\x88\xc0\xab?\xdb\xb6z7\x7f\xbeBv\x87\xddC\xfckUU\x83\x83\xc1\xfd\x07r\x17\x10\x00\xc0\xbf\xa0\x8c\xeau\x86\xcbW\xfe\xd8\xfa\xcb&amp;~\xa2\x8aRU\xa7\xd3wh\xd7\xd5j\xb5x\x8es\x8d1V\x15\xe5\xbb\xf9\xd3\x10\x02\xf7\x1f\xc8-\xe0f\x02\xfc\x0bJ\xa9\xc1\x10\xb0z\xed2\xab\xd5B\x88\xc0\x9b?7j\xd0\xbcTtY\xab\xd5B&lt;\xe3\xf0\x17oPz\xfe\xc2\xef\'N\x1d\xc3\x18\xe9\xf5zp\xff\x81\xdc\xc0#nw\x00p\r\x8c1\xadF{\xe7\xee\xad\xf5\x1bVa\x8c\x19S)e\x18\xe3.\x9dz\xa9\x8a\xea9\xe6\x95R\xaa\xd1h\x16,\x9d\xa5\xaa\nc\xa8^\xbdz\xe0\xfe\x03\xb9\x01\xdcO\x80\x1f\xa1R500\xe8\x87M\xdf\xa7\xa5\xa7&gt;\xea\xfd@\xab\xbdY\xb3\xea\x1b5\xcd\xd9&amp;\x0f1\xaf\x94\xd2\xc0\xc0\xc0\xdf\xce\x9e\xde\xfa\xcb&amp;\xbe\xa4\xa1C\x87z\xce\xd1\x04\xc0\x97\x10\xdd\xbd\x00\x00p\x19L\x12\xa5\xd4\xb4\x94\x95\xdf/\xce9c\xbd[\xe7\xbe\x92(y\x8e\x85\xa5\x94j5\xday\x0b\xbfu8\x1c\x08\xa1\xd8\xd8\xd8\xfa\xf5\xebSJ=\xe7t\x02\xe03x\x84\xcb\x03\x00.@U\xd5\xa0\xc0\xe0\x9f\xb7m\xbes\xf7\x16\x8f\xf53JK\x14/\x19W\xaf\xb1\xc9\x9c\xe5!\xe6\xf5\x7f\xee\xff\xb6\x87\xee\xff\xe8\xd1\xa3\x11t\xfe\x01r\x07\x10\x00\xc0_ D\xb0X\xb3\x97\xad\x98\x8f\x10b\x88a\x8c\x19B\x9d;\xf62\x1aC&lt;\xe7\xf0WN\xf7\x9fR\x1a\x1b\x1b\x1b\x1b\x1b\x0b\xee?\x90K\x80\x00\x00~\x01o\xfd\xb6\xf7\xc0\xce\xf3\x7f\xfc\xce\x07\xaaP\xaa\x86\x85E\xbc\xdd\xbc\xad\xd9\xec)\x87\xbf\xc0\xfd\x07\\\x0c\x08\x00\xe0\x17`\x8c\xa9J\x97,\x9f\xcb\xffL\x88\xc0\x18z\xa7U\xc7\x82\x05\n{\xce\xe1/\xc6\xa8V\xab\x03\xf7\x1fp\x19\x90\x04\x06|\x1fJi@@\xe0\xb1\x93\x87\x8e\x1c=\x881\xe1\xe3\xb4\xb4Zm\x87\xb6\xddl\x9eU\xfb\x1fx\xfa\xcc\t\xee\xfeSJ\xc1\xfd\x07r\x1b\x8f\xb8\xf5\x01 Wa\x8cj5\xdaU\xdf/\xc6\x98h$I#i0\xc6\xf1qM\xcb\x96\x89\xb1x\xcc\xe9_J\xa9\xde`X\xbfa\x95\xc3\xe1`\x8c\xd5\xaf_\x1f\xdc\x7f \xb7\x81\x1d\x00\xe0\xe3PJ\x03\x02\x82\x8e\x1c;\xb8\xf1\xc7\x04\x84\x90\xfa(\xdf\xdb\xads_\xcf9\xfc\xc5\x18\xd3\xe9t\xb7n\xdd\xd8\xfc\xd3z^\xa2:t\xe8P\x04\xee?\x90\xcb\x80\x00\x00~\x81\xd5f\x1d\xd8\x7f(\x11\x04\xc6\x18c,4$\xacb\x85*\x16\xcf\x98\xfc\x8e\x10RU544\xec\x9b\x99_\xa6\xa6\xa5`\x8cK\x95*U\xaf^=\xc6\x98\x87,\x0f\xf0U@\x00\x00\x1f\x87\x10b\xb5ZjT\xab\x1d\x17\xdb\x88!\xeePcJ\xd5\xac\xacL7\xaf\xec\x11\xdc\xfd\xbf}\xfb\xe6\xaa\xef\x17\xf3\xe8\xff\x88\x11#\xf4z\xbd\xaa\xaa\x10\xff\x01r\x15\x10\x00\xc0\xf7\xc1\x18\xdbl\x96\xecls\xceW&lt;\xc7\xb6&gt;r\xff\'\xa5g\xa4q\xf7\xbfC\x87\x0e\xd0\xf9\x07p\x01 \x00@\xae\xc3\x18{\xe4z\xbb\r\x8c\x89(z\xa2=\xcd\xe1\xfe/q\xba\xffZ\xad\x16\xe6&gt;\x02.\x00\xee0 \xd7\x11\x05\x11#\xcc\x8b/\x81\xc7PU500h\xd9\xaa\xf9\xe9\x19i\x8c1p\xff\x01W\x027\x19\x90[&lt;\n\xb3\xe0LS\x06BH\xa7\xd3\xa9\xaa\xea\xeeEy\x16\x8f\xb9\xff\x8c1\xee\xfeC\xeb\x7f\xc05\x80\x00\x00\xb9\x85\xa2(\xaa\xaaj4\x9a\xf3\x17~\x7f\xb7\xfb\xdbY\x99\x99\xc1AFE\x91\xdd\xbd.\x0f\x02\xdc\x7f\xc0\xbd\xc0}\x06\xbczx,\xfb\xf5\xd7_o\xdf\xbe\xbd\xc3a\x17E\xf1\xd7\xc3\xfbZuhp\xf2\xf4\xd1\xc8\x88&lt;\x8a"Cy;\xe2\xee\xbfVw\xeb\xd6\rp\xff\x01w\x01\x02\x00\xbcz0\xc6\x18\xe3\xc8\xc8\xc8\xb5k\xd7\x8e\x193FQ\x14\x82\xc9\xad\xdb7:\xf5h\xb9t\xc5\xbc\xa8\xc8\xbc|\x18\xaf\xbb\x97\xe9f\xb8\xfb\xbfc\xd7V\xee\xfe\x97)S\x06\xdc\x7f\xc0\xc5\xc0\xad\x06\xe4\n\xfc8\xab\xaa\xaa\xa3G\x8f^\xbbv\xad1\xc4\x88\x10r8\xec\x9f\x8e\x1c\xf4\xe9\xc8A\xa2 \xe8\xb4:\xd5c\x9a0\xbb\x05I\x9422\xd3\x17/\xff\x8e\x7fV}\xfa\xf4\xd1j\xb5\x94Rp\xff\x01\x97\x01\x02\x00\xe4\x16&lt;\t,\xcbr\xfb\xf6\xedw\xef\xde]\xa9R%EQ\xb4Z\xed\x92\xe5s\xdbun\x9a\x94\xf2 88DQ\xfcT\x03\x14E\t\x0e6n\xdc\xbc\xf6\xfa\x8dk\x18\xe3\xf0\xf0\xf0.]\xba0\xc6&lt;\xe7t\x02\xe0\x0f\x80\x00\x00\xb9\x8b$I\x8a\xa2T\xaaTi\xf7\xee\xdd\xed\xdb\xb7\xb7\xdb\xed\x92\xa49\xfd\xdb\x89f\xad\xeb\x1e&gt;z &lt;,BUU?L\tH\xa2\x94\x99\x951o\xd1\x0c\x1e\r\x1b4hPTT\x14\xb8\xff\x80\x8b\x01\x01\x00r\x1dQ\x14UU\r\r\r]\xbbv\xed7\xdf|#\xcb\x0e\x8cqJj\xd2\xbb\xddZ,\\2;44\x0cc\xe2W\x15\xa2N\xf7\xff\xc6\xcdD\xee\xfe\x0f\x1c8\x10:\xff\x00\xae\x07n8\xc0\x15\x08\x82\xc0\x18\xa3\x94\x0e\x1e&lt;x\xdb\xb6m\xa1\xa1\xa1\x88!B\xc8\xe7c\x87~\xf4i\x7fI\x12\r\x86\x00\xff\t\x07=\xe9\xfe\x87\x87\x87\x83\xfb\x0f\xb8\x1e\x10\x00\xc0E`\x8c\t!\x8a\xa24j\xd4\xe8\xe8\xd1\xa3U\xabV\x95eY\xab\xd5~\x9f\xb0\xac\xed\xbb\x8do\xde\xbc\x16\x16\x1a\xee\x0f\x1a\x00\xee?\xe09\xc0=\x07\xb8\x14Q\x14\x15E)Y\xb2\xe4\xae]\xbbz\xf5\xeae\xb7\xdbEQ&lt;\xfd\xdb\x89\x96\xed\x1a\xec\xd8\xb55&lt;,\x821\xea\xc3\x15\xa2\x8c1I\x02\xf7\x1f\xf0\x14@\x00\x00W\xc3S\x02AAA\x8b\x16-\xfa\xe6\x9bo\xf8\x8b&amp;sV\xf7\xbemg~\xf7u@@\x90$I\xbe\x9a\x12PU5(0\xf8\x87Mkn\xdcLD\x08\x81\xfb\x0f\xb8\x17\xb8\xed\x007\x903%\xb0o\xdf\xbe|\xf9\xf2QJ5\x1a\xcd\x84\xc9\xa3\x06\x7f\xf2\x9e,;\x02\x03\x02e_l\x1aA\x08q\xc8\xf6\xef\x13\x96\xf2\xda\x7fp\xff\x01\xf7\x82\xfd\xb0\x02\x0f\xf0\x1c\x14E\x11E\xf1\xde\xbd{\xed\xda\xb5;t\xe8\x90V\xab\xb5\xdb\xed\xe5\xcbU\x9c\xf9\xcd\xa2\xd2\xd1\xe5R\xd3\x92EQr\xf7\x1a_\x19\xaa\xaa\x1a\x83Cv\xef\xdd\xd6\xe3\xbdv\x8c1\x83\xc1\x90\x98\x98\x18\x15\x15\x85\x10\x02\x01\x00\xdc\x02\xec\x00\x00w\xc2\xc3A\xf9\xf2\xe5\xdb\xb7o_\xbf~\xfd\xecv\xbb$I\xe7.\xfc\xd6\xb2m\xfd\xf5\x1bWGF\xe6\xa1\xd4wR\x02\x18cJ\xd5\xd9\xf3\xa6RJ\x19c\xef\xbc\xf3N\x9e&lt;y\xc0\xfd\x07\xdc\x08\xec\x00\x00\xf7\xc3\x8d \xc6x\xde\xbcy\x03\x07\x0eT\x14\x85\xb7\x93\xfb\xe0\xfdO?\x19\xf2\xb9Cv\xd8\xec6Q\xf0\xee\xe1E\xdc\xfd\xdf\xb5w[\xf7&gt;\xef\x10B$I\xfa\xfd\xf7\xdfK\x95*\x05\xcd\x7f\x007\x02w\x1e\xe0~\xb8\x05TU\xb5_\xbf~\xfb\xf6\xed+Y\xb2$O\t\xcc\x98\xf3\xd5{\x03\xbb\x98\xcdfcp\x88,{wJ\x80\xbb\xffs\xe6M\xc5\x18QJ;v\xecX\xaaT)\x18\xfb\x05\xb8\x17\xd8\x01\x00\x1e\x04O\t\xa4\xa5\xa5u\xea\xd4i\xfb\xf6\xed\x1a\x8d\xd6\xe1\xb0\x97)Un\xea\xe4\xef*W\xaa\x96\x9a\x9a,\x08\x827\x06L\x9e\xea\xfeGGGC\xfd\x0f\xe0^\xe0\xe6\x03&lt;\x08\x9e\x12\x08\x0b\x0b\xdb\xb6m\xdb\xe0\xc1\x83\x1d\x0e\xbb \x08\x17/_h\xfbn\xe3\xe5+\xe7GE\xe6\xe1\xb5C\xee^\xe6\x0b\xc0\x17L)U\x9fp\xff!\xf8\x03\xb8\x1d\xd8\x01\x00\x1e\x077\x9a\x82 ,^\xbcx\xf0\xe0\xc1&amp;\x93\x89\x1f\x1f\xeb\xd9\xad\xdf\xd8Q_\xcb\xb2\xc3n\xb7{r\xd7L\xc6\x18c\x941\x860\x96D\x89\x10!*2l\xd3\x96M]{\xb5\x06\xf7\x1f\xf0(@\x00\x00\x0f\x85\x87\x83\xce\x9c9\xd3\xbbw\xef3g\xce\xf0\n\xd1\xb7j\xc6\xce\x98\xba(*2OFV\xba\xe4I\x15\xa2\xbc\xb0\x07!\x861\xd1h4Z\xadN\x14EUQ\xd3\xd2S\xff\xbaw\xe7\xc2\xc5ss\x17L\xbf~\xe3\x9a\xa2(\xdd\xbbw_\xbat\xa9\xaa\xaa\x9e\xaca\x80\x9f\x00\x02\x00x.\\\x03\xd2\xd3\xd3\xfb\xf7\xef\x9f\x90\x90\xa0\xd1h\x1c\x0eG\x91\xc2\xc5\xbe\x9d\xb2\xa0f\x8d:))\xc9\x84\x10w\xa5\x04\xd8C(BX\x10\x04\xadV\xa7\xd1h\x08&amp;\x0e\xd9q\xef\xfe\x9f\x89\xd7\xaf\xfcq\xf1\xfc\x89SG.\xfcq69\xf9\x81\xddaG\x08a\x8cEQ&lt;w\xee\x1c\xb8\xff\x80\x87\x00\x02\x00x4NOy\xec\xd8\xb1c\xc6\x8c!\x98PF\x03\x0c\x01\xa3FL\xec\xd6\xa9\xaf\xc9l\xa2\xd4u\x854&lt;6\xc5m\xb7$I\x1a\x8dV\xa3\xd10\xc6\xb2\xb22o\xdeL\xbc~3\xf1\xd8\x89C\x17/\x9d\xbbr\xedRzz\xda\x93\xdfN\x08\xe9\xdb\xb7\xef\xdc\xb9s\xc1\xfd\x07&lt;\x04\x10\x00\xc0\xd3q\xa6\x04\x12\x12\x12\xfa\xf7\xef\x9f\x9e\x9e\xceS\x02\xef\xb6\xef&gt;a\xec4\x84\xb0\xcdf\x11r\xe7\x94\xc0#7\x9f!\x84\x08!Z\x8dV\xa3\xd5\x8a\x82h\xb3\xdbRS\x93o\xdeJ&lt;\xf3\xfb\xa9\xcbW.\xfcv\xf6\xf4\xcd[\x89\x0e\x87\xe3\xc9\x9f\x10\x11\x11Q\xae\\\xb9J\x95*\xd5\xa9S\xa7T\xa9R\xd1\xd1\xd1\x84\x10\xf0\xfd\x01\x0f\x01\x04\x00\xf0\x0edY\x96$\xe9\xb1\x94@\xe5\x8ao\xce\x9d\xb9&lt;\x7f\xfeB\x99\x99\x19\xa2\xf8j4\x801F\x19e\x94a\x82%Q\x92$\x8dV\xabE\x0c\xd9l\xd6\xdbwo]\xbfq\xf5\xcco\'N\x9c:r\xf5\xda\xe5\x94\xd4\xe4\'\xbf]\xa3\xd1\xe4\xcd\x9b\xb7J\x95*\x95+W\xaeQ\xa3F\xa5J\x95\xc2\xc2\xc2^\xc9\xc2\x00\xe0\x95\x03\x02\x00x\r&lt;%`2\x99\x06\x0f\x1e\xbcx\xf1b\x8d\xa4q\xc8\x8e\x88\x88\xa89\xd3\x97\xd6y\xab~Zz\xeaK\xa7\x04x`\x87!&amp;\x10A\x92$\xadV\'I\x92"+i\xe9\xa9\x7f\xdd\xbb{\xf6\xdc\xe9\xe3\'\x8f\\M\xbct\xf5\xda\xe5\xecl\xf3\x93\xdf\x1e\x18\x18X\xb6l\xd9\x9a5kV\xa8P\xa1z\xf5\xeaE\x8a\x141\x18\x0c9\x7f\xb8\xf3\xa83\xe7\xe5?\x02\x00x\xa5\x80\x00\x00\xde\x843z&gt;}\xfa\xf4!C\x86`\x8c\xb9\xd5\x1e\xfb\xf9W}z\x0e0\x99\xb3dY~\x9e\xf0\xfaSR\xb8\x92F\x10\x04s\xb6)%5\xf9\xe2\xa5\xf3g\xcf\x9d\xb9p\xf1\xec\x85?~OJNr8\xecO\xfe\x84\xc2\x85\x0b\x97.]\xbaf\xcd\x9a5k\xd6,]\xbat\xa1B\x85\x1e[\'c\x8c\xcf\xc0\x01\x8b\x0fx, \x00\x80\x97\xc1-7!d\xfb\xf6\xed\x9d:uJKK\x93$I\x96\xe5\xf6\xeft\x19\xf3\xf9\xe4\xc0\x80@\x939\xeb\xa9=D\x9f\x92\xc2\x954*U\xcdf\xd3\xcd\x9b\x89\xd7o^;q\xea\xe8\xc9\xd3\xc7n\xdd\xbe\x9e\x99\x99\xf1\xe4\xb7\x07\x05\x06\x15*\\\xa8Z\xb5j\x15*T\xa8Y\xb3fLLLN7\x9f1\xc6g\x18p\x8b\x0fF\x1f\xf0\n@\x00\x00\xaf\x84\x87\x83\xae^\xbd\xda\xa5K\x97\xe3\xc7\x8f\xf3\n\xd1\xf21\x15gN[T\xaad\x99\xb4\xf44Q\x14s\xa6p\x05A\x90$\x8dN\xab\x13D\xc1f\xe3)\xdc\xeb\xa7\x7f;~\xea\xf4\xb1\xc4\x1b\xd7\xfe.\x85\x1b\x1e\x1e^\xb1b\xc5\x1a5jT\xae\\\xf9\x8d7\xde\xc8\x9f?\x7f\xce\xedE\xce\xd8\x0e\xe4u\x01o\x04\x04\x00\xf0V\xb8\x06dee\r\x1d:t\xe1\xc2\x85\xa2()\x8al\x0c6\xce\x98\xba\xa8Q|\xf3\x8c\xcctB\x88N\xa7\x97$\t!\x94\x99\x99\x91\x9c\x92t\xf6\xdc\xe9\x0b\x17\xcf\x9d\xf9\xed\xc4\x95k\x97R\x9f\x9a\xc2\x954%\xa3KFGG\xd7\xa9S\xa7R\xa5J\xe5\xcb\x97\x7f,\x85\x0b\xb1\x1d\xc0\x97\x00\x01\x00\xbc\x18g;\x9d\xc7\xfaH\x8f\x1c6\xbe_\x9f\x0f22\xd2\x13\xaf_\xb9\x96x\xf9\xc4\xa9#\xbf\x9d=\xf5\xd7\xbd\xbbf\xf3SR\xb8\xa1\xa1\xa1%K\x96\xacY\xb3\xe6\xeb\xaf\xbf^\xadZ\xb5\xe8\xe8\xe8\xbfs\xf3!\xb6\x03\xf8\x18 \x00\x80w\xe3&lt;%p\xe8\xd0\xa1v\xed\xda\xdd\xbbw\x8f\x9f\x12\xa8\x10S)=3\xed\xce\x9d[O\xfd.\x9e\xc2\xadQ\xa3F\x9d:u*T\xa8\x10\x11\x11\x91\xf3\xab\xe0\xe6\x03~\x02\x08\x00\xe0\x0b\xf0\xea \xe7hII\xd2\xc8\xf2\xff\x8b\xe9\x07\x06\x06\x96+W\xael\xd9\xb2\xb5k\xd7.W\xae\x1c\xa4p\x01\x00\x81\x00\x00&gt;\x03\xd7\x00EQ\x06\x0e\x1c8o\xde&lt;\x84Pddd\x85\n\x15\x9c)\xdc\xc7*5\x9d\xb1\x1dp\xf3\x01\xbf\x05\x04\x00\xf0\x1d\x9c)\x81\xed\xdb\xb7\x07\x07\x07\x97-[\xd6h4:\xbf\xea,\x03\x05\xa3\x0f\x00\x1c\x10\x00\xc0\xa7\xe0\xf7\xb3\xd3\xb8C\xa5&amp;\x00&lt;\x03\x10\x00\xc0\x07\xc9\x19\xd0w\xf7Z\x00\xc0s\x01\x01\x00\x00\x00\xf0S`S\x0c\x00\x00\xe0\xa7\x80\x00\x00\x00\x00\xf8) \x00\x00\x00\x00~\n\x08\x00\x00\x00\x80\x9f\x02\x02\x00\x00\x00\xe0\xa7\x80\x00\x00\x00\x00\xf8) \x00\x00\x00\x00~\n\x08\x00\xf0t\x9c\xfd\xd1\x00\x00\xf0U\xe0 \x18\xf0\x14x\xc3\x9c\x9c\x7f\x00\x00\xc0\xf7\x80\x1d\x00\xf08\xbcy\xce\x83\x07\x0f&amp;N\x9c\x881vNU\x04\x00\xc0\xc7\x10\xdd\xbd\x00\xc0\xb3\xe0\r5\xd3\xd3\xd3[\xb6ly\xec\xd8\xb1\xdb\xb7o\xcf\x9d;WUU\xe8\xab\xe3\'\xf0\x9e\xa9\x08:)\xf9\x07 \x00\xc0\xffpZ\xffF\x8d\x1a\x9d8q\xc2`0\xcc\x9b7\x8fR:\x7f\xfe|\xd0\x00\xdf\xc6\xd96U\x10\x84\x9c\x131\x01\xdf\x06r\x00\xc0C\x1e\xb3\xfe|\xb0\xa2F\xa3u8\xec}\xfb\xf6\x05\r\xf0I\xb8\xdd\'\x848{egee\xed\xdf\xbf?!!\xc1n\xb7\xaf]\xbb\x961\x06m\xb4}\x18\xd8\x01\x00\x08=\xcd\xfa\xab\xaaZ\xf5\xcd\x9a\xc7O\x1c\xd6j\xb5\x0b\x16,@\x08\x81\x06\xf8\x0c9\xed&gt;\xb7\xefw\xef\xde\xdd\xb9s\xe7\xc1\x83\xbf\xee\xde\xbd\xeb\xf6\xed\xdb\xfcm\xe5\xca\x95\x1b=z\xb4\xa2(\xa2\x08\x86\xc2Ga\x80\xdf\xc3g\xa0\xa7\xa5\xa5\xbd\xf9\xe6\x9b\x08!\xadV\x8b\x10\x1a?fZ\xca\x9f\x8ewZ\xbd\x8b\x10\xd2\xeb\xf5\x08\xa1\xbe}\xfb2\xc6\x14E\xe1s\xb5\x00\xafCUUY\x96\xf9\xe5\xe6\xdc\xb9sg\xf1\xe2\xc5-[\xb6\x0c\t\ty\xcc2H\x92\x84\x10\xda\xb5k\x17cLQ\x14\xf7\xad\x1a\xc8E \x04\xe4\xef&lt;\xe6\xfbk\xb5Z\xbb\xdd&gt;~\xcc\xd4\xf7z\rJMK\t\x0e\n\x1e\xf2i\xbf\x84\x1fV\xe9\xf5z\xab\xd5\n\xb1 o\x84\xfb\xfb\x82 8/\x19\xf7\xf77o\xde\xbc\x7f\xff\xfe\x8c\x8c\x0c\xe7;\xb5Zm\xe1B\xc5\x9a5~\xfbZ\xe2\xd5\x9f~\xd9H\x08)V\xac\xd8\xf1\xe3\xc7\x8dF#\\q\x9f\x04\x04\xc0\xaf\xf9;\xeb\xdf\xaf\xf7\x07I\xc9\x0f\x88@\x08&amp;\x81\x01\x81\xa0\x01^\x07\xf7\xef\x1e\xb3\xfb\x17/^\xdc\xbau\xeb\xf6\xed\xdbO\x9e&lt;\x99\xd3\xeek4\xda\n1\x15\xe3\xe3\x9a\xc6\xd6\x89/R\xb8XDxdrJR\xc3\xe6\xd5\xff\xfc\xeb.\xa5\xb4}\xfb\xf6k\xd7\xae\x85@\x90O\x02\x02\xe0\xbf&lt;\xdb\xfa\xf3\xa7\x9d2\n\x1a\xe0E\xb0G\x83\xefs\x1akn\xf77m\xdat\xe2\xc4\t\x87\xc3\xe1|]\xa3\xd1T\x88\xa9\xc4\xed~t\xc92z\xbd\xdef\xb3\xd9\xed6\xbb\xc3\x1e\x1a\x12v\xf4\xd8\xc1w\xbb\xbf\x8d\x18RTe\xf1\xe2\xc5={\xf6TU\x15\n\x84|\x0c\x10\x00?\xe5y\xac\xff\xc3w\x82\x06x&lt;O\xda}UU\xaf\\\xb9\xf2T\xbbo4\x86\xc4\x94}\xfd\xad\x9a\xb1\xf5c\x1b9\xed\xbe\xcdf\xa5T\xc5\xf8aNXQ\xe4\xa8\xc8\xbcc\'\x0e\x9f\xf5\xdd\x14Q\x94\xb4Z\xcd\xe1\xc3\x87+T\xa8\xc0o\x1b\xf7\xfc#\x81\\\x00\x04\xc0\x1fy~\xeb\xff\xf0\xfd\xa0\x01\x1e\xc9S\xed\xfe\xb1c\xc76n\xdc\xf8\xcb/\xbf\\\xbbz\xcd\xee\xb0;\xdfl\x0c\x0e\xa9\xfaF\x8d\xf8\xb8\xa6\xb5j\xc6\x16.XT\x92$\x9b\xfdq\xbb\x9f\x13Ji\x80!\xa0c\xb7\xe6\x87\x8f\x1eD\x08U\xaaT\xe9\xc4\x89\x13\x08\x0e\x88\xf9\x16 \x00~\xc7\x8bZ\xff\x87\xdf\x05\x1a\xe01\xb0G\x87u\x9d\x01\x99\x9cv\xff\xc2\x85\x0b9\xdf\x9c\xd3\xee\x17)\\L\x10\x04\xab\xd5b\xb7\xdb\x19\xa3O\xb5\xfbN(\xa5Z\xad.9\xf9A\x93\x96oed\xa6SJ\x07\x0f\x1e\xfc\xcd7\xdf@2\xc0\x97\x00\x01\xf0/^\xce\xfa?\xfc^\xd0\x00\xb7\xf2\xa4\xdd7\x99L\xc7\x8f\x1f\xdf\xb6m\xdb\x93v\xbf@\xfe\x82\xb5j\xd4}\xb3J\x8d\x9a\xd5\xeb\x14)R\xfc\x91\xdd\xb71\xf6\x02.\xbc\xa2(aa\xe1\xeb~X\xf5\xc1\xd0&gt;\x1a\x8d\xc6\xe1p\xac[\xb7\xaem\xdb\xb6\x90\x0c\xf0\x19@\x00\xfc\x88\x7fc\xfd\x1f\xfe\x04\xd0\x00\x97\x93\xb3I\x03\x7f%++k\xdf\xbe}\x9b6m\xda\xbd{\xb7\xf3\xd0\x16\'\x7f\xfe\x82\xb5\xaa\xd7\x8d\x8fkZ\xf5\x8d\x9ay\xf2\xe4E\x08\xbd\x84\xdd\xcf\x89\xa2(\x91\x11Q\x1f\x0f\x7f\x7f\xf9\xaa\x85\x84\x90\xf0\xf0\xf0s\xe7\xceEEE18!\xec\x13\x80\x00\xf8\x0b\xff\xde\xfa?\xfc9\xa0\x01.\xe1\xa9M\x1a\xfe\xd6\xee\xe7+X\xab\xc6\xff\xec&gt;\xa5\xd4b\xb1\xc8\xb2\x03\xfd\xeb\x90=c\x0cc,\x89R\xb3\xd6u.^\xbe\x80\x10\x8a\x8f\x8f\xdf\xbe}\xbb\xaa\xaa\x10\x08\xf2\x01@\x00\xfc\x82We\xfd\x1f\xfe4\xd0\x80\\\xe3I\xbb\xcf\x0fm\xfd\xf4\xd3O\'O\x9e|\xcc\xeeG\x97,\x1d[\'\xbev\xadz1e_\xcf\x977\xbf\xfa\xea\xec~NTU\r\x0c\x08&lt;w\xe1\xb7\xb6\x9d\x9a(\x8a,\xcb\xf2\x981c\xa0E\x84o\x00\x02\xe0\xfb\xbcZ\xeb\xff\xf0g\x82\x06\xbcR\x9e\xff\xb0.B(\xbad\x99\xd8:\r\xe2\xeb7\xadP\xbe\x92\xd1\x18\xaa(\xb2\xcdf\xe5\x85\x9e\xb9\xf4\xc9+\x8a\x12\x19\x11\xb9`\xc9\x9c\x91\xa3\x87\x08\x82\x881\xfa\xf5\xd7_\xabU\xab\x06U\xa1\xde\x0e\x08\x80\x8f\x93\x1b\xd6\xff\xe1O\x06\r\xf8\xd7&lt;i\xf7o\xdf\xbe\xbdg\xcf\x9eM\x9b6=\xde\xa4A\xa3-[\xa6\xfc\x1bU\xaa7\x8ckV\xa1|%\xa31D\x96e\x8b%[Q\x15\x8c1\xc1\xb9\xfei\xab\xaa\x12\x16\x16\xd1\xa3O\xbbm;\xb7`L\x8a\x15+z\xf6\xecY\x9dN\x07\x17\xda\xab\x01\x01\xf0er\xcf\xfa?\xfc\xf9\xa0\x01/\xce3\x9a4l\xda\xb8\xe9\xec\xb9\xb3&amp;\x93\xc9\xf9\xe6\x9cM\x1a\xa2K\x96\xd6\xeb\x0c\xb2\xf2\xd0\xee\x93g\x16q\xe6\xc6\xb2EQ4\x9bMo\xb7\xadw\xf7\xcf;\x94\xd2\x9e={.^\xbc\x18\x02A^\r\x08\x80\xcf\x92\xdb\xd6\xff\xe1o\x01\rx&gt;^\xa8I\x83V\xa3-\xff?\xbb\xff\xf4\xc3\xba\xaeGQ\x94\xb0\xd0\xf0\xed\xbb\xb6\xf6\xe8\xdbV\x92$Y\x96\xa1E\x84\xb7\x03\x02\xe0\x9b\xb8\xc6\xfa?\xfc]\xa0\x01\x7f\xcfS\x0f\xeb\x9e&gt;}z\xff\xfe\xfd\x1b7n&lt;y\xf2dN\xbb\x1f\x1cl\xac\xf6f\xad\xeaU\xdf\xaaU\xa3N\xa9\xe8r\x1eb\xf7s\xa2(JDD\xe4\xb8\x89#f\xcd\x9d*I\x92F\xa39{\xf6l\xf1\xe2\xc5!\x19\xe0\xa5\x80\x00\xf8 \xae\xb4\xfe\x0f\x7f#h\xc0\xff\xe7\xd9M\x1a\x9e}XW\x14EO\xb3\xfb9a\x8c\x19\x0c\x01\x1d\xba4=r\xecW\x84P\xf5\xea\xd5\x7f\xfd\xf5W\x04-"\xbc\x13\x10\x00_\xc3\xf5\xd6\xff\xe1\xef\x05\r@\x08!\xa4\xaa*z\xde&amp;\r\xc6\xaao\xd6\x8c\xaf\xffX\x93\x06\x1bc\xcc\x03\xed\xbe\x13\x95\xaa\x06}\xc0\x8d\x9b\xd7Z\xb6\x8b\xcb\xce\xceVU\x05ZDx/ \x00&gt;\x85\xbb\xac\xff\xc3\xdf\x0e\x1a\xf0\x08\x93\xc9\xb4g\xcf\x9e}\xfb\xf6\xed\xdc\xb9\xf31\xbb\xcf\x0fm\xd5\xaf\xd7\xa8|\xd9\xd7\x8b\x16-\xf1rM\x1a\xdc\x8b\xa2(\xe1\xe1\x11\t\xebW:[D\xec\xd8\xb1#&gt;&gt;\x1e\x92\x01^\x07\x08\x80\xef\xe0^\xeb\xffp\r~\xac\x01\x8c1EQ\xb6m\xdb\xb6a\xc3\x86]\xbbv\xdd\xbd{7\xe7W\x1fk\xd2\xc0\x18\xb3\xd9\xac\xdee\xf7s\xa2(Jdd\xd4\xe0\x8f\xdf[\xbdv)!Bdd\xc4\xef\xbf\xff\x0e-"\xbc\x0e\x10\x00\x1f\xc1\x13\xac\xff\xc3\x95\xf8\xa5\x06\xf0\x96\tiiiy\xf2\xe4Q\x14\xc5\xf9z\xa1\x82\x85\xabW}+&gt;\xae\xd9+o\xd2\xe0^\x18c\x84\x08\x8a"\xb7j\x1fw\xe5\xeae\x84X||\xfc\x8e\x1d;`\x13\xe0]\x80\x00\xf8\x02\x9ec\xfd\x1f\xae\xc7\xff4\x80\x0b@zzztttFF\x06!\xe4\xdd\xf6=\xden\xf6Nt\xc9\xd2\xe1\xe1\x91\x88\xb1l\x9f\xb0\xfb9QU5((\xf8\xec\xb93\xed;7q\xc8\x0eY\x96\xbf\xf9\xe6\x9b\xc1\x83\x07C2\xc0\x8b\x00\x01\xf0z&lt;\xcd\xfa?\\\x95\x9fi\x80S\x00J\x94x-==-$$\xf4\xd8\xfe\x8b\xc1F\xa3\xc9\x94\xc57\x04\xbe\xf7OF\x08\xc9\xb2\x9c\'*\xef\xcc9_\x7f1i\x84(J\x8c\xd1\x93\'OV\xacX\x11\xf6\x01\xde\x02D\xeb\xbc\x1b\xcf\xb4\xfe\x08!\x82\te\xd4\x9cm\xfe\xe6\xaby\xed\xdf\xe9l\xb5Z\xf5z\xfd\x82\x05\x0b\xde{\xef=A\x10x\x89\xa4\xbb\xd6\xe6\x02\x18c\xe9\x19ifs\x167\x859\x0f\xfd\xfa\x12\x92$%\xa7$\xbd\xd7{P\xa3\x06\xcd\x14Ef\x8cu\xef\xde=;;\x1b!\xe4\xdb\xd7\xd7g\x00\x01\xf0b&lt;\xd6\xfas\xfc\\\x03\x04A \xc47\xed~N0\xc6\x0eY\x1e?fZxx$B\xe8\xec\xd9\xb3\x83\x06\r\x12\x04\x81\x97\xc3\x02\x1e\x0e\x08\x80\xb7\xe2\xe1\xd6\x9f\xe3\xe7\x1a\xe0\x0f\x10B\xacVK\x81\xfc\x85\xa6L\x9a\xcd\x18\xd5h4K\x96,Y\xb7n\x9d(\x8a9\x93\xe1\x80g\x02\x02\xe0\x95x\x85\xf5\xe7\x80\x06\xf8&lt;\xa2(\xa6g\xa45k\xdc\xea\xfd\xf7&gt;r8\x1c\x92$\xf5\xef\xdf\xff\xfa\xf5\xeb\xa2(\xf2\x19\x96\x80\xc7\x02\x02\xe0}x\x91\xf5\xe7\x80\x06\xf8&lt;\x82 \xa4g\xa4\r\xf9`D\x85\xf2\x95dYNKK\xeb\xdc\xb9\xb3,\xcb\xbc\xf5\xa9\xbbW\x07\xfc- \x00^\x86\xd7Y\x7f\x0eh\x80o\x831VUU\x12\xc5\x19S\x16\x1a\x8d!\x92$\x1d=zt\xc2\x84\t\x90\x0c\xf0p@\x00\xbc\t/\xb5\xfe\x1c\xd0\x00\xdfF\x10\x04S\xb6\xa9L\xe9\x98\xb1\x9f\x7f%\xcb\xb2F\xa3\x19;v\xec\xce\x9d;EQ\x04\r\xf0X@\x00\xbc\x06\xaf\xb6\xfe\x1c\xd0\x00\xdfF\x12\xa5\xd4\xb4\x94\xf6\xefti\xd3\xb2\x83\xc3\xe1 \x84t\xed\xda599\x99\x10\x02\xc9\x00\xcf\x04\x04\xc0;\xf0\x01\xeb\xcf\x01\r\xf0m\x08!\xd9\x96\xec\tc\xbf)\x15]\x06!\xf4\xe0\xc1\x83\xf7\xdf\x7f\x1fc\x0c\x02\xe0\x99\x80\x00x\x01&gt;c\xfd9\xa0\x01&gt;\x0c\xc6\xd8!\xdb\x83\x82\x82\xbf\x9a0\x0bc,\x8a\xd2\xfa\xf5\xeb\xe7\xcc\x99\x03U\xa1\x9e\t\x08\x80\xa7\xe3c\xd6\x9f\x03\x1a\xe0\xc3\x88\x82\x98\x99\x99Q\xadj\xadO?\xfa\xaf\xa2\xc8\x92$\r\x1b6\xec\xdc\xb9sP\x15\xea\x81\x80\x00x4&gt;i\xfd9\xa0\x01&gt;\x8c(\x8a\x19\xe9\xe9\xef\xf7\xfb\xa8f\xf5:\xb2,\x9b\xcd\xe6\xce\x9d;\x9bL&amp;\xa8\n\xf54@\x00&lt;\x17\x1f\xb6\xfe\x1c\xd0\x00\x1f\x86!&amp;\xcb\x8eo\xbe\x9a\x17\x1e\x1e)\x08\xc2\xb9s\xe7\x86\x0f\x1f\x0eU\xa1\x9e\x06\x08\x80\x87\xe2i\xd6\x9f\xfd\x7f^\xd5\x8f\x05\rx\xe50\xc6TUUUEQ\x14UUTUQTEU\x15JUW~\x98\x84\x10\xab\xd5Z\xa8P\x91)\x93f\xab\xaa\xaa\xd1hf\xcf\x9e\xfd\xc3\x0f?@U\xa8G\xe1\xf5^\xa4O\xe2Q\xd6\x9f7:\x96$\t1\x84\xf0\xc3\xe5\xbd\xc2`nN\r@\x08\xf1\xde\xd1\x0b\x16,@\x08\xf9j\xef\xe8\xdc\x80R\xca\x18%D\xd0j\xb5\x1aI\xcb\xfb\x8fr\x8b\xcf\xff\xa0(\xb2\xcdfs\xc8\x0eB0\xc6\xae\xf0\xfcDQLOOk\xda\xe8\xedn\x9d\xfb,_\xb5P\x10\x84\xbe}\xfbV\xacX\xb1x\xf1\xe2\xfc\x0ew\xc1\x1a\x80g\x03\x02\xe0qx\x9a\xf5\'\x840\x86\xd2\xd2R\xb9\xf5G\x0ci4\x1a\xbd\xde\x90K\xfb\x00\x04\x1a\xf0\x82p1\xd6\xeb\r:\xad\xceb\xcd\xbe}\xe7f\xe2\xf5\xab\xb7\xef\xdcLII\xb2X\xb3)e\x06\xbd!o\x9e\xfc\xaf\xbd\x16]\xa6t\xf9\xbcy\xf2\xd9\xacV\xab\xcd\xea\x9a~\xfd\x82 ddf\x8c\x1e9\xf9\xb7\xb3\xa7\xcf\x9e;\x9d\x9e\x9e\xde\xaf_\xbf]\xbbvA6\xd8C\x00\x01\xf0,&lt;\xca\xfa#\x84\x18\xa3\x06}\xe0\x80\xc1=\xf7\xee\xdfI\x04\x01#\xacR\xa5]\x9b\xce\xe3FO\xc9\xc8H\x7f\x85F\x044\xe0\xe5`\x8c\x05\x05\x061\x84\xfe\xb8xv\xc7\xae\x9f\xf7\xee\xdfq\xf1\xf2y\xab\xd5\xfa\xd47\xe7\xcbW\xa0Q\x83f\xbd\xba\xfd\xe7\xb5\xd7J\xbd\xda\xcb\xf7w\xf0\x16\x11:\xad\xee\xdb)\xf3\x9b\xb6\xaa\xa3(\xf2\xee\xdd\xbb\xc7\x8e\x1d;z\xf4h\x18\x1c\xe6\t\xc0.\xcc\x83\xf04\xeb\xaf(Jhh\xf8\x8a\xef\x17m\xfei}\x96)3##-=#5++\xd3b\xc9\xce\r[\x0c\xf9\x80\x17\x851&amp;\n\xe2\xfe_\xf7\xf4\xea\xd7\xa1y\x9b\xd8\xa9\xdfN8\xfd\xdb\t\xab\xd5*\x08\x82$i\xb4\x1a-\xffO\xa3\xd1\x8a\xa2\x881\xbew\xef\xcf\xa5+\xe6\xb7x\xa7\xde\xba\x1fV\x86\x84\x84\xba&amp;\x16/\x08\x829\xdb\\\xa6T\xb9Q\x9fM\x90eY\x92\xa41c\xc6\xec\xde\xbd\x1b\x92\x01\x9e\x00\x08\x80\xa7\xe0i\xd6\x9fR\x1a\x10\x10p\xf1\xe2\xf9\t\x93G\x11B\xb8\x03.\x8a\x12\xc68\xf7&lt;G\xd0\x80\x17\x822j0\x18\x96.\x9f\xb7s\xf7\xcf\xaa\xaa\x8a\xa2(I\x1aB\x04UUe\xd9aw\xd8\xf9\x7f\x0e\x87]Q\x14~\x11EQ\xcc\xcc\xca\xf8\xf0\xe3\xf7\xbe_\xbb\xcce\x1a \x8abZzZ\xaf\xee\xffi\xd3\xb2\x83,\xcb\x84\x90~\xfd\xfa\xa5\xa5\xa5!\x18\x1c\xe6n@\x00&lt;\x02O\xb3\xfe\x08!\xee\xe3\x0f\xfb\xfc\x03\xb3\xd9\xc4{\xb9\xe4F\x15\xd0\x93\x80\x06\xbc\x10*\xa5\xfd\xfb~(\x8a\xa2 \x08\x8a\xa2\xc8\xb2\x83R5,4\xbcR\xc57\x1b7l\xd1\xb6\xf5\xbb\xad\xden_\xb3z\x9d\xf0\xb0\x08UU)\xa5\\\t0\xc6#G\x0f\xf9\xe3\xe29\x83\xde\xe0\x9ap&lt;!\xc4d6\x8d\x1f3\xadP\xc1"\x08\xa1\xc4\xc4\xc4\xff\xfc\xe7?P\x15\xeav \x06\xe7~&lt;\xd0\xfa+\x8a\x12\x11\x11\xf9\xd5\xd4/\x8e\x9f&lt;,\x08\xae&gt;\xc4\x0f\xf9\x80\xe7D \x82\xd9l\xaa\xfaf\xcd7\xabT?r\xec\xd7\xf0\xb0\x88zu\x1b6m\xfcv\xf9\x98J\x11\xe1\x91\x1a\x8d\x16c\x8c\x18RT%%%i\xd3\x8f\t_O\x1fo\xb5Z\x18c\x84\x086\xbb\xed\xbb\x05\xd3gM[l\xb1f\xbb\xc0\x11\xc4\x18\xcb\xb2#((x\xda\xe4\xef\xde\xed\xfe6\xc1$!!\xa1q\xe3\xc6={\xf6\x84\t\xf2n\x04\x04\xc0\xcdx\xa0\xf5WU588\xf8\xc8\xd1\x833\xe6|\xc5\x03\xb5\x85\n\x161g\x9b\xd3\xd3S]fvA\x03\x9e\x1b\x86\x11\xfa\xcf{\x1fU\xafZ\xbbS\xc7\x1e\x05\xf3\x17\xa6T\xb5\xdalv\xbb\xdd\x99\n\xc6\x18\x07\x05\x05\x0f\xf9`x\xd1\xa2\xaf\xbd7\xb0\xb3\xaa\xa8\x8cR\x8c\xf1\xde\xfd;\xff\xbaw\xd7h\x0cQ\x14\xc5\x05\x1f\xa6 \x08YY\x19\xb1u\xe2\xfb\xf7\x1d&lt;\xeb\xbb)\xa2(\r\x1a4\xa8J\x95*\x15*T\x80\xaaPw\x01\x1f\xba;\xf1@\xeb\xcf\x18\x13E\xd1b\xb1\x0c\xfb|\x90,\xcb\xfc\x95\xf7\xdf\x1b\x12\x10\x10\xe0\xe2\x95@,\xe8y D0g\x9b\xdf\</t>
        </is>
      </c>
    </row>
    <row r="56">
      <c r="A56" s="1" t="n">
        <v>54</v>
      </c>
      <c r="B56" t="inlineStr">
        <is>
          <t>color_number_hexagon</t>
        </is>
      </c>
      <c r="C56" t="inlineStr">
        <is>
          <t>What is the missing number of the part denoted with a question mark?</t>
        </is>
      </c>
      <c r="D56" t="inlineStr">
        <is>
          <t>['5', '0', '8', '4']</t>
        </is>
      </c>
      <c r="E56" t="inlineStr">
        <is>
          <t>4</t>
        </is>
      </c>
      <c r="F56" t="inlineStr">
        <is>
          <t>There is a hexagon split into six parts with the colors ['yellow', 'yellow', 'purple', 'green', 'purple', 'green'] in an anti-clockwise order. The parts are denoted with the numbers [8, 3, 7, 7, 4, '?'] respectively.</t>
        </is>
      </c>
      <c r="G56" t="inlineStr">
        <is>
          <t>We observe that the numbers in the green parts add up to 11. Similarly, the numbers in the purple parts also add up to 11. Thus, the pattern is that the numbers in the parts of the same color add up to 11.</t>
        </is>
      </c>
      <c r="H56" t="inlineStr">
        <is>
          <t>Based on the pattern that the numbers in the parts of the same color add up to 11, the missing number of the green part should be 4.</t>
        </is>
      </c>
      <c r="I56" t="inlineStr">
        <is>
          <t>b'\x89PNG\r\n\x1a\n\x00\x00\x00\rIHDR\x00\x00\x02\x00\x00\x00\x02\x00\x08\x02\x00\x00\x00{\x1aC\xad\x00\x00\x9b1IDATx\x9c\xec\x9dw|\x94U\xd6\xc7o\x9b\xc9\xf4LB\tRT\x9at^\x01]P\x10\x94.\xb0\x02B\x10\x90\xe6\nb\xc5\x00\x8a \x06$(\xc2Rdu]\xc5\nH[\x82\x05W\x14\x02\xc8\x02v\x05\\\xc4B\tX\x10C\xcbL2-3s\xef\xb9\xef\x1f7\x8c\x88\r\x90\xcc&lt;\x93\xb9\xdfO\xfeX\xb2H\x9e&lt;\xf3&lt;\xf7\x9c{\xce\xb9\xbf\x1f\x96R"\x8dF\xa3\xd1\xa4\x1e$\xd1\x17\xa0\xd1h4\x9a\xc4\xa0\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a2\x03\x80F\xa3\xd1\xa4(:\x00h4\x1aM\x8a\xc2\x12}\x01\x9aD"\xa5\x94R&amp;\xfa*4\t\x03c\x8c1N\xf4Uh\x12\x06\xd6\xef\x7f\xca\xc29gLg\x00\xa9\x0e\xe7\x9cR\xaa\xc3@j\xa2\x03@\x8a\x02\x00\x84\x90\xaf\xbf\xfe\xfa\xce;\xef$\x84\x00@\xa2\xafH\x13W\x18c\x9c\xf3\xd1\xa3G\x0f\x1d:4\xd1\xd7\xa2I\x18:\x01L9T\xc8\x0f\x85B\xf3\xe7\xcfw\xbb\xdd[\xb6lI\xf4\x15i\x12F\xd3\xa6M\x7f\xf8\xe1\x87\x9e={6o\xde\\JI\x88n\n\xa6\x16z\x07\x90r\x08!(\xa5K\x96,\x195j\x14\xc6\x98R\x1a{\x06\x08!\x08\xe9\xe7\xa1r\x83\xa5\x84\xd8KO)\x8dD"\xc3\x87\x0f_\xbat\xa9.\t\xa6 :\x00\xa4\x16\xaa\xeb[RR\xd2\xb4i\xd3\x13\'N\x00\x80.\xfe\xa48f\xb3Y\x08\xb1e\xcb\x96k\xae\xb9F%\x07\x89\xbe"M\xfc\xd0\x01?\xb5\x00\x00JinnnQQ\x11\xa5\x14!\xa9\xe6@\x00\xe0\x96\x9b\xae\x1e1\xf2\xdahI\x90R]\x07\xa8\x9c\x00\x00\xb1[\xfe\xb7\xe3\xe0\xa4G\xd6\x00H)%\xc6\x84s\x0e\x00999\xef\xbf\xff\xbe\xc9d\x92R\xea\x86p\xea\xa0w\x00)\x04\x00`\x8c\xf7\xed\xdb\xd7\xbcysP\x0b\x80\x94\x08!B0\x80\xacuQ\xc6\xb7\x9f\xce\xa1n\x1b\x8ar\xa4\x97\x80J\tH\x94n\xeb\xd3\xe3\x91u\x1bwSJ\x84\x00\x84\x10\xc6\x88\x10*\x84X\xbcx\xf1\xc8\x91#\xf5&amp; \xa5\xd0\x01 \x85P\xefv\x8f\x1e=\n\n\nL&amp;\x16\x8d\xf2\xbf\\~\xe9\x8f\xc7K\x0f\x1f)\xa6\x94r.n\x1f\xde\xf1\xe9\x7f\xde\x1a.\xf6\xebM@\xe5C\x080e8V/\xdf&gt;\xe4\xae\xe7\xd5\xeao2\xb3\xe6W4\xd9\xf5\xfe\xe7\xaa\xf7[\xbdz\xf5/\xbe\xf8\xc2\xedv\xeb\xc3\x01\xa9\x83\x0e\x00\xa9\x82Z\xfd\x0b\n\nz\xf4\xe8A)\xc5\x08\x81\x84\x9d\x1b\x1f\xda\xfa\xde\xbe{\xa7\xfd\x9b1\xaa\x06C\xf7\xbc3\xfd\xb2fu X\xa6\x07B*\x13\xaa\xdc#0n\xd6\xfe\xa1\x03\x87\x8e1\x13\xe3Q\xfe\x97N\xad\x1ezr\xe2\xf0k\xef,\xf5\xf8\x18c\xd1ht\xea\xd4\xa9\x8f&lt;\xf2\x88\xde\x04\xa4\x0e\xfa%O\tTa\x97s&gt;n\xdc8\x8c\x11\xa5\x84\x0b1\xb4\xff_\xfe\xef\xea\xc6\xb7\x8d\xba\xb6A\xdd\xea\x9c\x0bJ\t\xe7\xe2\x9e\xdcU\x98b\x84t\x02X\xa9\x00\x014\xc31w\xe1\xba\x03\x87\x8e1FA\x00e\xf4\x96\xfbn\xbe\xe8\xe2\xacQ\xe3\x07K)A\x02\xa1d\xee\xdc\xb9\xfb\xf7\xef\xd7\xe7BR\x07\x1d\x00R\x02\x95\xdd/Z\xb4h\xef\xde\xbd\x942\xc1E\xba\xcb:\xfd\xbe\x1bDI\xd0\x92n\x9f\xf5@?\x84\x10\x80\xa4\x94l\xdc\xfae\xc1[\xbbh\xbaM\x15\x885\x95\x00\x90\x92X\xcdE\x07\x8a\x16&lt;\xb7I\xd5v\x00\xe0\xfaA]\x9a\xb6nTt\xf8\xd8\xf5\x83\xba6hV\x17\x04\xa8\x91\xd0\xa9S\xa7b\xac\x0b\x03\xa9\x82\x0e\x00\x95\x1f\xd5\xfb-**\xca\xcd\xcdU\xd5]\x01\x903\xbaK\x83Vu\xa1,\xcaK\x83\xd9C;t\xbc\xea2!\x80\x10\x82\x11\xba\'wU\xc4_\x86O;\x1f\xa0Ij\xa4\x00b\xb7&lt;0sM\xb1\'\xc0\x18\x11\x02\x1c.\xfb\xa8\xf1C\xca\x82eRJ\xab\xdd2z\xd2p)\xa5\x8a\x01\xf9\xf9\xf9\x05\x05\x05\x94R!D\xa2/\\S\xe1\xe8\x00P\xf9Q\'&lt;\xa7L\x99\xe2\xf1xL&amp;\xc69\xaf{I\xd5\x9c\xbbz\n\x8f\x9f2\x82\xa5\x94\\,\x98\x9e\xcd\x18\x15BPF\xf7\x15\x1e\x9d\xbbp\x1d\xcd\xb0\x83\xde\x04$?B\x00s\xdb\xb7\xae\xffl\xd9+\x1fRJ\x00\x90\x94r\xd8=\xd9\xd5kV\x8d\x94E\x18c&gt;\xaf\xbf\xedum:\xf4h+\x84 \x84`\x8c\xc7\x8d\x1b\xc79\xd7\xfb\x80T@\x07\x80J\x8e*\xfe\xec\xd8\xb1c\xe5\xca\x95\x94R\x00\x90\x12\xcdy\xf0Fw\x96[F8\xc6\x98P"|em:6\x19;\xec\x1a\x00\x89\x11"\x18/xnS\xd1\x81"b1\x83^\x02\x92\x1d\x8cETL\x9b\xbb\x16@\xaa\xe2~\x83fu\xfb\x8f\xea\xed/\r\x94wz1\x12B\x8c\x9e4\xdc\xee\xb4\xa9\xf6\xef\xde\xbd{\x17-Z\xa4;\x01\xa9\x80\x0e\x00\x95\x1c\xd5\xfe\x9d8qb8\x1cVm\xde\x8eW]\x96=\xb8\x03/\xf6QV&gt;\xe9A(\x06_\xd9\xcc\xc9\xfd3\xdc6.\x802R\xec\tL\x9e\xb9\x868\xadRo\x02\x92\x19\xce\x05\xab\xe2\\\xbel\xdb\xb6\x0f\xf73J\x04\x80\x94r\xf4\xa4\xe1\x16k\x9a\x10Bu\xfa\t!A_\xb0a\xf3z}G\\\x0f\x00\x08#\x8cqnn\xae\xc7\xe3!\x84\xe8M@\xe5F\x07\x80\xca\x8cJ\xe8\xf2\xf3\xf3\xb7n\xdd\xca\x18\x13\\\x98\xcdl\xc1\xf4l)\xc4\xe9s\xde\x18c(\x8bd\xd4\xce\xcc\xbb\xef\x06)\xa5\x04I\tY\xb9\xf6\x93\x1d\xdb\xbe\xa4N\xabN\x03\x93\x14)%13\xef\x8f\x9e\xbc\x85\xeb0\xc6\x88\x10\x10\xd0\xa1g\xbb\xb6\xd7\xb5\xf1y\xfd\xa7\x0fzRFK\xbd\xbeAc\xfa\xd5\xbc8Kp\xc1\x18\xf3x&lt;\xaac\xa4?\xfd\xca\x8d\x0e\x00\x95\x16\x95\xbb\xa9\xb9\x0e\x84\x10!X\x00\x0c\xe9{e\x9b\x8eM\x85/t\xc6\x98?\xa1T\x94\x84n\xbf\xb5\xcbe\xf5\xb3\x84\x00BI$\xc2\'\xcc\xc8\xc7\x94\xea\x140I\x11\x1ch\x86c\xe1S\xeb\x0b\xbf9N)\x01\x01&amp;\x13\x1b5~\xb0J\xf3O\x07c\xcc#\xbcjV\xe6\xe0;\x06\x94\x8f\x84\x9e\x9a\x19\xd3\x85\xa0\xca\x8d\x0e\x00\x95\x16%\xfb3o\xde\xbc\xfd\xfb\xf7\x9bL&amp;\x1e\xe5\x99\x19\xf6\xd9\xb9\x03\xc1\x17\xc2\xbf8\xe8\x8b1\x92B0\x9b\xf9\xc9\x99\x83e\xf9\x7fK\xb6}\xb0/\x7f\xd5\xbb,\xd3)\xb8\x1e\x08I2\x00\x809-\x07\xff\xf7\xed\xc2\xe77\xab`\x0f\x007\xfe\xadO\xa3\x16\r\x82\xbe\xe0/O\xf9QF\xbd\xc5%\xbdn\xea\xda\xfc\x8a&amp;\x82\x0b\xca\xe8\xa9S#\xba\x15\\\x99\xd1\x01\xa0r\xa2z\xbf\x85\x85\x85s\xe6\xccQ"\xcf \xe5\x841]k4\xa8\x01e\x11\xf2k\x07\xfd)%\xa24\xd4\xbdW\xebn\x9d\x9a\n\x01\x84`\x8c\xd1\x03\xb3^\xf5\x1e\xf5b3\xd3\xab@r!%\xc2\x94&gt;\x90\x97_R\x1a"\x14\x0b\x01\x19U\xdd\xd9\xa3\xfb\x06\x03!\xf2[:\x1f\x121\x13\x1dq\xef B\x08\x08A\x19-((\xc8\xcf\xcf\xd7#\xa1\x95\x18\x1d\x00*\'\xaa\xf7\x9b\x97\x97WZZ\xca\x18\xe5Q~Y\xfd\xac\xfbsz\x0bO\xe07\xdf\x7f\xf5\xdf\tx\xf2\x91\xc1f3\x13\x02\x18\xa5\x87\xbe=\xb1\xf0\xa9\xf54\xc3!\xb8\xae\x03$\r\xe5\xa3\x9f\x1bw\xafY\xb7\x93R"\x01I)GM\x18\x92U\xabZ\xa4,\xf2[:?\x84\x12\x9f\xd7\x7fU\x97+\xaf\xbb\xa1C\xf9\xa1\x10\x8c\xa7N\x9d\x1a\x89D\xf4&gt;\xa0\xb2\xa2\x03@%D\xf5~\xb7m\xdb\xb6|\xf9r5\xdd/\x11zr\xe6`\xb3\xc3"\x85\xf8\x1d\x9d/B\x88\xf0\x87\x1a\xb5\xaew\xdf\xd8n\x00J(\x94,|~\xf3\x81]\xdfP\x87E}Gcp$B\x98\x92p\xa0l\xc2\xcc5\x18#L\x88\x10\xa2\xf9\x15Mz\x0f\xe9V\xea\xf9i\xf4\xebW!\x94\x84\x82\xa1\xd1\x93\x86;\xdd\x0e\x1e\xe5\x8c\xb1\xfd\xfb\xf7\xcf\x9b7Ow\x02*+:\x00TN\x84\x10\xb9\xb9\xb9\xeah\x8f\x10\xd0\xadS\xd3\xee\xbdZ\x89\xb3\xd0\xfa\'\x94\x80\xbfl\xc2]=\xb3\xaa\xbb\x04\x00\xa5\xb8\xa44\x947\xff\rb5K\xbd\x04$\x03\x82\x0b\xea\xb6\xaf\\\xf9\xde\xce\xdd\xdf\xaa\x85\x9b\x102\xfc\xdeA\x8c\xfd\xf1\xd1n\x8cq8\x14\xa9S\xaff\xff\x91\xbd\xa4\x94\x12IL\xf0\xfc\xf9\xf3\x8b\x8a\x8a\xf4DP\xa5D\x07\x80\xca\x06\xe7\x9cR\xbab\xc5\x8am\xdb\xb61\x13\xe3\x9c3F\x9f\x9c9X\ny6v\x8f\x18cQ\x16\xa9R\xa7\xca\xec\xc9\xfd\x01\xa4\x04I)Y\xf1\xda\xc7[\xd7\x7f\xc6\xdcv-\x10dp\xa4\x94\xd4b&gt;\xf9\xfd\xc9\xc9\xb3_#\x04cB@\xc0\xb5}\xda_\xdd\xf5/&gt;\xaf\xffw\xab\x7f\xe5PJK=\xbe!w\x0c\xa8uI\r\xb5\t(..\x9e2e\x8a&gt;\x13P)\xd1\x01\xa0R\xa1T\x1fJKKg\xcc\x98A\x08\xc6\x08\x01\xc8\xb1\xc3\xaei\xd4\xaa\xae\xf0\x9f\xad\xc23eTx\x03C\x86\xb4o\xdd\xf2\x12\x01\xa0\xf6\x10\xd3\xe6\xae\x05\x0e\xda(\xc6\xe0\x80\x00\xe2\xb0,xj\xfd\xd1c\xa5\x84\x10\x10`w\xda\x86\x8d\x1bT\x16:k}o\x8c\x04\x176\x87mD\xceM\xe8\xd4,\xd9\x8a\x15+v\xee\xdc\xa9N\x92W\xec/\xa0\x89/:\x00T*\xd4~\x7f\xce\x9c9\x85\x85\x85\x94R\xc1E\x86\xdb6sr\x7f\x08\x86\t=\xdb\xb5\x1b#$\x05\xa4\xd9-\x0br\x07J\x89\x00\x80Q\xb2\xed\xc3\xfdK\x97ne\x99\x0e=\x12jX\x00\x80:\xac{w\x1e\x9c\xb7h#!\xe5\xaa\x9f}G\\\xdf\xb8E\xfd\x90?\x84\xc9\xd9&gt;\x00\x94Q_\x89\xaf\xc7\xc0.-\xael"\xb8 \x94D"\x91\x9c\x9c\x1c!\x84\xde\x04T2t\x00\xa8&lt;\xa8dMu\xed(%RJ\x902o\xe2\r\x19\xb53\xe1\xb7g?~\x15J\t\xf7\x06:uk9\xb0wk!\x00\x13\x8c1\x9e\xfc\xd8\xab\'\xbf?I,f\xbd\n\x18\x15\x8c)\xb9\xe7\xa1U\x91\x08\'\x94\n\x015\xeaT\x1f4\xa6_\x89\xf7\x0fz\xbf\xbf\x8a\x10b\xcc\xe4\x11\x94Qu6x\xfb\xf6\xed+V\xac\xd0#\xa1\x95\x0c\x1d\x00*\x0fj]Vs{\x94R!\xa0u\xcbKn\xbf\xad\xab(\t\x92s7xRG\xc3\xe6L\xcbNwYAHF\xc9\xd1c\xa5\x0b\x9eZO\x1c\x16\xad\x12j@\x84\x00\xea\xb2\x16\xbc\xb5s\xe3\xd6/)%\x12\xa4\x94\xf2\x96\tC\xabT\xcf\xe0\x11~\xae\x16\x8fJ \xa8\xd5\xd5-\xaf\x1f\xd4\xa5\\ \x88\xe0\x193f\x94\x94\x94\xe8\x91\xd0\xca\x84\x0e\x00\x95\x045\xfa\xb9u\xeb\xd6\xd8\xc9\x1d)\xe5\x82i\x03\x99\xd5|\x86\xf2\xcfYB\x08\xe1\xbe\xb2z\xffwI\xce\xe8.\x02@"D\x08\x9e\xb7h\xe3\xfe]\x87\x98\x16\x082\x18\xea\xd8\x17\x0fF\xee\xc9]\x85Q\xf9\xe8g\x8b+\x9b\xf4\x18\xd8\xb9\xa4\xb8\xf4&lt;\xd2\x7f\x84\x10\xa1$\xe8\x0f\x8e\x1a?\xc4\xe1\xb2\x0b.\x18e\x85\x85\x85\x0b\x17.$\x84\xe8M@\xa5A\x07\x80\xca\x80:\xf6\x15\x0e\x87\'N\x9c\x881\xa6\x84\x08\x01\x03\xfb\xb4\xe9\xd4\xb5%\xf7\x06\xce\xdb\xdf\x952"&lt;\xfe\x9c\xbbz\xd6\xbf\xb4\x9a\x10@)\x89D\xf8\x83\xb3_G\x84\xe8\x14\xd0P\x80\x104\xdd\xfa\xcc\x0b\x9b\xf7\x15\x1e%J\xf6\xc7\xcc\xc6L\x1e\x11\x93\xfc&lt;\x0f0\xc6\x91\xb2H\xf5\x9aU\x87\x8d\xcb\x8eyF&gt;\xfe\xf8\xe3\xaa\xbd\xa43\x80\xca\x81\x0e\x00\x95\x01\xd5\xfb]\xb5j\xd5\x8e\x1d;T\xfao6\xb3Y\x93\xfb!\x80?3\xb6\x831\x86\x08w_\x941-\xa7w\xb9J(%k\xde\xdc\xb1u\xd3n\xe6\xb6\xeb4\xd0 H)\x89\xc5\xec9\\&lt;m\xde\x1b\x18cL\x08\x00t\xeauu\xeb\xf6-\x7fU\xf6\xe7\xec\xa1\x94\xfa}\x81~\xc3{\xd5\xae[SpA)-))\xc9\xcb\xcb\xd3g\x02*\r:\x00$=*\xfd\xf7x&lt;\x93\'O&amp;\x84(\xc7\xc7\xfb\xc6vk\xd8\xaa.\xff\x85\xea\xe7\xb9\xc2\x18\xe5\'}7\x0f\xeb\xd8\xb1]C^.\x0f\x80&amp;\xe4\xad\xe1\xa1\x88\x16\n5\x08 $qZrg\xbf\xe6\xf1\x06)%\x82\x0b\xa7\xdbq\xeb\xa4a\x01_\xf0l\x06\xff\x7f\x0f\x8c\x80\x83\xc5\x966v\xeaH\xa4\xca\x8c\x8c._\xbe|\xfb\xf6\xed\x8c1\x9d\x01T\x02t\x00HzT\xfa\x9f\x9b\x9b[TT\xa4\xde\xff\xac\xea\xae\tw\xf5\x04\x7f\xd9\x9f}\xff\x15RR\x13\xcd\xbb\xbf/!\x18\x00(!;w\x7f\xfb\xcc\xb3\x9bh\xba\r\xf4\x12\x90h\x00\x80:-;\xb6}\xb5h\xd9vB\xb0DHJ\xd9\x7fd\xaf:\xf5j\xfd\x8e\xec\xcf\xd9C(\xf1\x97\x06:to\xdb\xba}K\x10@0\x11B\xe4\xe4\xe4\x84\xc3a\xdd\r\xae\x04\xe8\x00\x90\xdc\xa8\xd5_y\xf8\xc5F?gO\xb9\xb1J\x9d*\xe7:\xfa\xf9[\x94\x8f\x84\xf6\xbc|\xd8\x80vj$\x94\x10&lt;m\xfe\x1b\x9e\xc3\xc5z$\xd4\x00`\xcc\xe8\x84\x19\xf9\x9c\x0bu\xf2\xa3v\xdd\x9aC\xee\x18P\xea\xf1\x9dw\xef\xe7\x97\x80\x80;\x1e\xba\xc5dbB\x08\xc6\xd8\xce\x9d;W\xadZ\xa5\x05\x82*\x01:\x00$7\xaa\xfe\xa3\\\xbc)\xa5\x9c\x8b\x8e\xed\x1a\x8e\x18\xd1\x89\x17\xfb\xcfo\xf6\xe3W\xc1\x94@\xa0lN\xee\xc0\xcc\x0c\xbb\xe0@\t\xf1x\x83\xb9\xb3_#\xb64\x10I\x16\x00\xa4\x94B\x00\x17\xc0\xb9\xe0\x1c8\x07\xce\x05\x17\x00\x90|\xb1L\xc9\xfe\xe4\xafxw\xdb\x07\xfb(%\x02\x00!4v\xeaH\xab\xdd*\xc4\x99\xae/\xe7\r!$\xe8\x0f5\xbe\xbc\xe1\x8d\x7f\xeb\xa3FB\t!\x93\'O...\xd6\x9b\x80dG\x07\x80$F\x8d~\x16\x14\x14\x14\x14\x14PJA\x00\xa5$\xef\xfe\xbe\x84\x11tA_K\x821\x84"5\x1a\xd4\x980\xa6\xabZ\'\t\xc1\x8b\x96m\xdf\xbb\xeb\x10uX\x92%\r\x14\x02\x84\x00b\xa2\xcce3e:L\xd5\\\xa6\xaa\x0eSU\xa7\xa9\x9a\xcb\x94\xe1\xa0\xf64B\xb0\x8a\x04\x89\xbe\xd2\xb3BJ\x89\x19\x8d\xf8B\x0f\xcey\x1d!\xa4d\x7fZ\xb7o\xd9\xa1{[\x7f\xa9\xff\x0fU\xff\xce\tBI\xd0\x1f\xca\x1e\xdd7\xa3\xaa[u\x83\x8b\x8a\x8a\x16,X\xa07\x01\xc9\x8e\x0e\xe0\xc9\x8a\x94RJ\t\x00\xcd\x9b7\xdf\xb7o\xaf\xc9d\x8aD\xa2\xc3\x07\xb6[\xba\xe4n~\xe2&lt;G\xbf\xff\xe0\xc7a,0n\xd6\xfe\xa1\x03\x87\x8e\x99L4\x1a\x15\xdd:5-X;I\xf8\xca\xc8Y\xcb\x0c$\x04u\xaf\xa8\xd3\x8a\x08\xf1\x1c.\xde\xfd\xf5\xe1\xaf\xf6\xfd\xf8C\x917\x10\x0cSB\xd2]\xd6\xba\x17Wm\xd6\xa8f\xb3\xcbj\x9a\xaa8PY\x84\x07#\x17v\x01\xad\x08\x04\x17\xacZ\xfa\xa3\x0f\xaf~\xe8\xefk\x19\xa3\x00\x12\x13\xfc\xf4\x7f\xe6\xd5o|I(x\xd6\xca?\xe7\xf2\xe3\xdcU\xd3_}\xe9\xcd\xc7\x1f|\x862*\xa5d\x94\xed\xd9\xb3\xa7A\x83\x06J\x81\xea\xc2\xfe8M|\xd0\x01 YQ\xe9\xffSO=u\xf7\xddw3\xc6$\x80\xc3\x91\xf6\xe9\x86\xdcz\rk\xc8P\xa4"Vd\xc1\x05\xcbt\xe6/\xdf&gt;\xe8\xf6g\xd5\xfa(\x04lXqo\xf7&gt;m\xb87`\xd8\x15\x13\x04\xd04\x13Jc[\xde\xd9\xf3\xfc\xcb\xdb6\xbf\xfb\xf5\xd1\xe3\xa5\xbf\xfa7\x1b\xd5\xcf\xea\xdb\xab\xd5m\xc3:\xd5oV[x\x03\x18\xa1\x0b\xd2D\xa9\x08@Jlf\xc7\x8aJ\x9au\x9a\xa6\x86\x7f8\x17}\x86v\x9f4\xf7\x9e\xf3&gt;\xf9u6`B\xee\xb9\xf1\x81\xc2/\xbfa&amp;\x16\x8dD\xb3\xb3\xb3W\xaf^\xad\x1e\xc5\n\xfa\x89\x9a\nE\x07\x80\xa4D\xed\xbb\x8f\x1d;\xd6\xb4iS\xaf\xd7\xcb\x18\x8dF\xf9\xf4\t}\x1e\x9e54Z\xe4e\xa6\x8az\x1b\x01$M\xb7u\xea\xf1\xc8\xb6\x0f\xf6\x99L\x8cGy\xc3\xfaY\x9fo\x9fI%\xc2\x12\x0c\xb8\\\x82\x00jO;q\xdc7\xee\xc1\x15+_\xfdH}\x93\x12\xc2\x18\xc1\x04\xc7\xe4\xb1\x01 \x12-\x9fhr9,\x0fM\xe8s\x7fNo\x11\x8a`)\r\xf8K!\x15\x8c\xab\xbaF\x8ezji\xfe\x07&amp;\x13\xe5\x1c\xecN\xdb\xe2\xcd\xffTF.\x15t\xcdB\x08\x97\xdb\xf9\xc1\xe6O\'\x8f\xccS+\xbe\x10b\xc3\x86\r\xdd\xbbw\xd71 I1h\xd6\xa6\xf9}\xd4\xa6{\xca\x94)\x1e\x8f\xc7db\x9c\xf3\xba\x97T\xcd\xb9\xab\xa7\xf0\xf8)\xab\xd0\xcfTJ.\x16L\xcfVFc\x94\xd1}\x85G\xe7.\\G3\xec\x06\x14\x08\x02\x90\xd4f\xfe\xe1\x87\xe2N7\xcc^\xf9\xeaG\x94`F\tcT\x00\x84#\xbc\xac,Z\x16.\xff\x8aD\x05\xc6\x98Q\xc2()\xf5\x97M\xca[s\xdb=/R\xab\xd9p\xbf\x12B(\xe6\xf8\xb8\xfe\xb3e\xaf|H)\x01@R\xcaa\xf7dW\xafY\xf5\x82\x8c~\xfe\x16\x94R\x9f\xd7\xdf\xf6\xba6\x1dz\xb4U^C\xb1\x01\x04\xdd\rNR\xf4\xc7\x96|\x00\x00\xc6x\xe7\xce\x9d\xed\xdb\xb7\xe7\x9cc\x8c8\x17\xab\x17\xdd\x96}sG~\xb2\x02\xb7\xff\n\xc1\x81Us\xde}\xe7\xf3O-\xfe\xaf\x89Q!\xc0\xed\xb6}\xb15\xafzV\xba\x8c\xf2_\xb5\x9bO\x08R"DP\x14\xe1N\xbd\x1f\xfbh\xd7!\xd5\xb4 \x04\x03H\xb7\xcb\xda\xb5S\xd3V\xcd\xeaT\xc9\xb0\x87\xa3\xe2\xdb\x1f\x8a\xdf\xfdh\xff\xc7;\x0f\xa1S5\x1f\xc6H4*\xe6L\xbdq\xd2\x94\xfe\xbc\xf8\x027T\xff&lt;\x02$\xb6\x9a;\xf7yl\xdb\x87\xfbM&amp;\xc6\xb9\xa8\xdf\xf4\xd2\xa7^\xff\xbb\xe0\x02It\xa1\x86\x7f~\x15\x00\xb0\xd8,\x87\x0f\x1e\xb9\xab\xdf\xa4P\xa0\x8c\x10\xc29\xff\xe7?\xffy\xd7]w\xe9M@2\xa2\x03@\xf2\xa1\xde\xb4k\xaf\xbdv\xeb\xd6\xadf\xb3)\x12\x89v\xbc\xea\xb2\xad\xeb\x1f\xe2%\xf1(\xc4K)\x91\x89\x95x\x02\xf5\xdbM\xf1\x96\x84\xd4Z92\xfb\xaa\xc5K\xee\xe6\xc7K*:\xfc\x9c=\x9c\x83\xa9\xaa\xe3\x9f\x0b\xd6\xdd\x93\xbb\xea\xf4\xd5\xff\xd6\xc1\xed\x1f~\xb0\x7f\xedK\xab#J\x90\x94\x08#\x840\nE6m\xfd\xe2\xee\xfb\x97\xed=x\x94`,\x11"\x18\xa7\xa5\xb1\xaf\xb7\xe7\xd5\xb9\xa4\x9a(\x8b\x1a\xa7\xcb\xcd\xb90UK_\xfa\xec\xc6\x919\x8b\x19%\x80\x10\x08\x98\xbdd\xdaU]\xae(\xf5^\xc8\xd9\xff\xdf\xbc\x80(\xaf\x92\x95\xf9T\xde\x0b+\x9ez\x85\x99\x98\xe0\xc2\xedv\x17\x16\x16\xba\xddnd\xe0\xae\x89\xe6W1Vj\xa3\xf9C\xd4\xea\x9f\x9f\x9f\xbfu\xebV\xc6\x98\xe0\xc2lf\x0b\xa6g\x9f\x9f\xe4\xe7y\x801\x86\xb2HF\xed\xcc\xbc\xfbn(\x17\x08"d\xe5\xdaOvl\xfb\x92\x1aI%\x942"|e/\xacz\x8f`\x0cBRJ\x00\xe4\xed#:&gt;\xff\xd2\x9d\xb5k\xb8\xb9\'\x10=\xe1\x8b\x16\xfb\xa3\'\xfc\xd1\x13&gt;\x11\x8at\xed\xd9\xea\x9d\xd7\xee\xafS3C"\x840\xc2\x04\x05C\x91\xd5o|\x8ali\xc6\x19\x0c\x95R\x123\xf3\xfe\xe8\xc9[\xb8\x0ec\x8c\x08\x01\x01\x1dz\xb6k{]\x1b\x9f\xd7\x1f\x9f\x04\x9c2Z\xea\xf5\r\x1a\xd3\xaf\xe6\xc5Y\xca*\xc0\xe3\xf1\xe4\xe6\xe6j\x81\xa0dD\x07\x80dBm\xd7"\x91\xc8\xd4\xa9S\x11B\x84`\x010\xa4\xef\x95m:6\x15\x7fZ\xf6\xe7\xec!\x94\x8a\x92\xd0\xed\xb7v\xb9\xac~\x96\x10@(\x89D\xf8\x84\x19\xf9\xc6Q\x07\x02\x90\xc4l:\xfc\xed\xf1\xaf\x0f\xfc\x08RJ$\x85\x80L\xb7}\xd6\xe4\xfe\xe0\x0b\xf1\xb2(e\x841\xc2(a\x8c0F\x08\xc1eGKj6\xaa9\xe9\xae\x9eRJ\x8a1\x92\x08c\xf4\xde\'\x85(^\x91\xf5l\x10\x1ch\x86c\xe1S\xeb\x0b\xbf9N\x95\xea\xa7\x89\x8d\x1a?X\x9d\xcf\x8a\x0f\x18c\x1e\xe1U\xb32\x07\xdf1\xa0\\%\x94\x90E\x8b\x16\xed\xdd\xbbW\x1f\x0bH:t\x00H&amp;\x94\xe7\xd7\xbcy\xf3\xf6\xef\xdfo2\x99x\x94gf\xd8g\xe7\x0e\x04_\x08\xc7\xb1N\xad\xbcb\x98\xcd\xfc\xe4\xcc\xc1\xb2\xfc\xaa\xc8\xb6\x0f\xf6\xe5\xafz\x97e:\x8d\xe0\x19)\x91D\x8c\x14\x1d/-\x0bs\x8c\xb1\xaaK\xb4nyq\xc6EnY\x16\xfd\xd5B\x99\xc9De \xdc\xb1]C\x82\xb1\x10 \x11\x92\x12\x1d9\xeaEe\xdc \xf5\x1f\x00`N\xcb\xc1\xff}\xbb\xf0\xf9\xcd*\xd8\x03\xc0\x8d\x7f\xeb\xd3\xa8E\x83?\xa9\xfay\xaePF\xbd\xc5%\xbdn\xea\xda\xfc\x8a&amp;\x82\x0b\xca(\xe7|\xdc\xb8q\xba\x15\x9ct\xe8\x00\x904(\xd9\x9f\xc2\xc2\xc29s\xe6\x10B\x10\x92 \xe5\x841]k4\xa8\x01e\x918w_)%\xa24\xd4\xbdW\xebn\x9d\x9a\n\x01\x84`\x8c\xd1\x03\xb3^\xf5\x1e\xf5b33\xc4*\x80\x918%S\xa1nMF\xbaM\x12\xf2;W\x86\xa5\xb4\xdb\xd2\x98\x89\xc6\xfe\x8e\x10\x80\x00\x901\xb6\x00\xca\xf5\xe5\x81\xbc\xfc\x92\xd2\x10\xa1X\x08\xc8\xa8\xea\xce\x1e\xdd7\x18\x08]\x18\xd5\xbfs\xbb\x1a\xc4Lt\xc4\xbd\x83\x08! \x04e\xb4\xa0\xa0 fF\x14\xef\x8b\xd1\x9c/:\x00$\rJ\xf6\'//\xaf\xb4\xb4\x941\xca\xa3\xfc\xb2\xfaY\xf7\xe7\xf4\x16\x9e@\x02\xde\x7fuE\x02\x9e|d\xb0\xd9\xcc\x84\x00F\xe9\xa1oO,|j=\xcdp\x08\x9e\xe0:\x00F\x18\tHO\xb7\x12\xf2SNz\xe2\xa4\x1f\x8b\xdf3H\x90\x04\x97\xfaB\xd1\xa8\xc0\xf8T\xccp\xdbQ\x9aI\x1a\xa0\xacQ&gt;\xfa\xb9q\xf7\x9au;)%\x12\x90\x94r\xd4\x84!Y\xb5\xaaU\xe8\xe8\xe7oA(\xf1y\xfdWu\xb9\xf2\xba\x1b:\x88r\x9dp\xac\xecH\xf5&gt; \x89\xd0\x01 9P\xbd\xdfm\xdb\xb6-_\xbe\\\xcd\xe0K\x84\x9e\x9c9\xd8\xec\xb0H!\x122zA\x08\x11\xfeP\xa3\xd6\xf5\xee\x1b\xdbM\xb5I\t!\x0b\x9f\xdf|`\xd77\xd4aIl\xe3\x14c\x8c"\xbcn\xed*\x17UO\xc7j$\x14\xa3\x9d{\xbe;~\xf8$N3\xfd\xea\xb5\t!\xb0\xd5\xbc\xf5\x83}RJJ\x89\x8a\x00\xad[\\\x8c\xcc4\xe1\xeb\xbfD\x08S\x12\x0e\x94M\x98\xb9\x06\xe3r\xc7\xc7\xe6W4\xe9=\xa4[\xa9\xe7|\x0c\xdf/\x08\x84\x92P04z\xd2pu\xfa\x8c1\xb6\x7f\xff\xfey\xf3\xe6\xe9N@\x12\xa1\x03@\xd2 \x84\xc8\xcd\xcdU\x07p\x84\x80n\x9d\x9av\xef\xd5J\x94\x04\x138\xa5N(\x01\x7f\xd9\x84\xbbzfUw\t\x00JqIi(o\xfe\x1b\xc4jNl\xd6\x8c1\xe2Qa\xcbrw\xed\xd8D"\x84\t\xa2\x84\x94\x94\x86\xa6\xcf\xff\x0fq\xd9@\xca3b\x00\xe7\xc2\xec\xb0x\x0f\x9f\\\xf8\xdc&amp;\x8c\xb1R\x06\xc5\x18\xdf\xf4\xd7+P$\xf1=\x00\xa5\xfa\xb9r\xe5{;w\x7f\xab\x96WB\xc8\xf0{\x071F\x13\x98kc\x8c\xc3\xa1H\x9dz5\xfb\x8f\xec%\xa5\x94Hb\x82\xe7\xcf\x9f_TT\xa4\'\x82\x92\x05\x1d\x00\x92\x00%\xf5\xbcb\xc5\x8am\xdb\xb61\x13\xe3\x9c3F\x9f\x9c9X\n\x89P\x82\x13mQ\x16\xa9R\xa7\xca\xec\xc9\xfd\x01\xca=#W\xbc\xf6\xf1\xd6\xf5\x9f1\xb7]$\xf6l0\xc62\xca\'\x8c\xedF)\x91\x12\x01HJ\xf0\xd3K\xb6\xce\x9e\x91o\xcatP\x8b\x89s!\xa5\x04\x90\x9c\x0bS\xba=X\x16\xbd\xe9\xd6\xa7\xbf=\\\x8c1\xa2\x94\x08\x01\xa3\xb2\xafju\xd5e&lt;\xd1RwRJj1\x9f\xfc\xfe\xe4\xe4\xd9\xaf\x11\x82\x95\xea\xe7\xb5}\xda_\xdd\xf5/&gt;\xaf?A\xd5\xbfr(\xa5\xa5\x1e\xdf\x90;\x06\xd4\xba\xa4\x86\xda\x04\x14\x17\x17O\x992\x85\x10\xa2\xab@I\x81\x0e\x00FG\xa9&gt;\x94\x96\x96\xce\x981\x83\x10\x8c\x11\x02\x90c\x87]\xd3\xa8U]\xe1\xbf\xf0\xa2\x8f\xe7\neTx\x03C\x86\xb4o\xdd\xf2\x12\x01\xa0v\'\xd3\xe6\xae\x05\x9e\xe0\xde)%X\xf8\xcbZ\xb6m\xf8\xd0\xbd\xbd\x84\x00\xc6\x08HI\x08\x9e\xf2\xd8k7\x8f\xf8\xe7\xb7\x87O\x9a\xaa\xb9\x88\x89Q\x8b\xc9T\xd5\xf9\xd1\x87\xfb:^?\xab`\xdbW\x94\x10JH4*Z4\xae\xf5\xf8\xec\xa1"\x18Nx\xfa\x0f\x02\x88\xc3\xb2\xe0\xa9\xf5G\x8f\x95\x12B@\x80\xddi\x1b6nPY(\xf1\x9f&gt;\xc2Hpas\xd8F\xe4\xdc\x84NM\xa9\xadX\xb1b\xe7\xce\x9d\xda8&gt;)H\xf4\x03\xa4\xf9#\xd4~\x7f\xce\x9c9\x85\x85\x85\xca\xf2)\xc3m\x9b9\xb9?\x04\xc3\x84&amp;~:\x05#$\x05\xa4\xd9-\x0br\x07J\x89\x00\x80Q\xb2\xed\xc3\xfdK\x97ne\x99\x8e\xc4\x8e\x84*/\xb3\x87\xa7\xde8|`\xbbhT\xa8\xe5\x92\x12\xb2\xe2\xd5\x8fZ]\xfb\xf0\xb4\xdc\x7f\x1f9Zr\xa0\xf0\xe8\xd8;\x9eo\xdf\xeb\xb1\x1d\x9f\x7fg2Q\x84P\x94\x8b6-/y{\xf5\xf8t\x97\rU\x98\xb0\xdaY\x02\x00\xd4a\xdd\xbb\xf3\xe0\xbcE\x1bU(\x02\x80\xbe#\xaeo\xdc\xa2~\xc8\x1f\xc2\x89\x0eN\x08!\xca\xa8\xaf\xc4\xd7c`\x97\x16W6\x11\\\x10J"\x91HNN\x8e\x10Bo\x02\x8c\x8f\xee\xd7\x1b\x1a\xb5\xfa\xef\xdf\xbf\xbfy\xf3\xe6Bp\x8c1\xe7\xe2\xc9\x99\x83\xef\x1e\xdf\x9b\x9fLX\xf7\xef\x97\x08\x01\xcce\xcb\xbe\xf9\x1fk\xd6\xedT\xe2\x94\xd5\xab9\xbf\xd863#\xc3\x9e\xd85TJ)\t\xa1f6\xf1\xa1U\x0b\x9e)P\xdfT\x15\x1e\x84PF\xba-\x12\xe1\x81P\x04!\xa4\x84"\x10B\xa3\x87u\\\xf8\xc8`\xbb\xc3"\x82\xe1\xc4\x16X\x90\xd2\xb3sZ\xbb\xf7\x9d\xb3q\xeb\x97Jw!\xabv\xb5g\xfe3?\xcdj\x06a\x14\xf9U\x00\xb0\xda\xad_\xec\xf8z\xfcM\x0fI\x90J h\xe9\xd2\xa5\xc3\x87\x0f\xd7\x02A\x06G\xef\x00\x0c\x8d\n\xcfj\xba\x8eR*\x04\xb4ny\xc9\xed\xb7u\x15%Ab\xa4\xf7J\x1d\r\x9b3-;\xdde\x05!\x19%G\x8f\x95.xj=qX\x12\xab\x12\x8aU;2\x1c\x9d?\xe7\xe6\x95\xcf\x8em\xd2\xf0"J0\x80\xc4\x18SJ&lt;%\xc1@(B\xa9\x1ab\xc4\x9d\xdb7\xde\xb0z\xfcsO\xfe\xcd\x9ef\x12\xa1\xc4\xaf\xfeB\x00uY\x0b\xde\xda\xb9q\xeb\x97\x94\x12\tRJy\xcb\x84\xa1U\xaag\xf0H\x82\xb7&amp;\xa7C\x08\t\xfa\x82\xad\xaeny\xfd\xa0.\xeaL2&amp;x\xc6\x8c\x19%%%z$\xd4\xe0\xe8\x00`\\T\xf6\xb4u\xeb\xd6\xd8\xf9\x1a)\xe5\x82i\x03\x99\xd5\x1c7\xe5\x9f\xb3\x84\x10\xc2}e\xf5\xfe\xef\x92\x9c\xd1]\x04\x80\xf2\x8c\x9c\xb7h\xe3\xfe]\x87X\xa2\x05\x820\xc6\x82\x0b\x14\x8e\x0e\x1e\xdd\xe5\xfe;\xbb3\x93*\x9cI$\x91\x89QB\xb0\x10 %\xc2\x18]}e\xfdk\xafi\x82\x08\xe6Q\x8e\xe3&amp;\xad\xf0\x1b\xa8c_&lt;\x18\xb9\'w\x15F\xe5\xa3\x9f-\xael\xd2c`\xe7\n\xb5|9?\x08%A\x7fp\xd4\xf8!\x0e\x97]p\xc1(+,,\\\xb8p!!D\x9f\x0b32:\x00\x18\x14u\xec+\x1c\x0eO\x9c8\x11cL\t\x11\x02\x06\xf6i\xd3\xa9kK\xee\r\x18p[M\x19\x11\x1e\x7f\xce]=\xeb_ZM\x08\xa0\x94D"\xfc\xc1\xd9\xaf#B\x12\x9b\x02\n\x01\xa6*\xce/\xf7\xfdx}\x97\xbc\xbf\x8d_\x12\x89\x08\x84\x11\xc6X\x00D\xb9\x00\x90j\x8e\x96sxd\xe1\xba\xba\x97\xdf\xff\xc2K[\x98\xc3B\xd2Xb\xf7. \x04M\xb7&gt;\xf3\xc2\xe6}\x85G\x89\x92\xfd1\xb31\x93G\x08!\x12\x1d\x9b~\x05\x8cq\xa4,R\xbdf\xd5a\xe3\xb2\xcb\x05\x82(y\xfc\xf1\xc7U\xe3Jw\x83\r\x8b\x0e\x00\x06EU\xffW\xadZ\xb5c\xc7\x0e\x95\xfe\x9b\xcdl\xd6\xe4~\x08~\xef,k\x02\xc1\x18C\x84\xbb/\xca\x98\x96\xd3\xbb\\%\x94\x925o\xee\xd8\xbai7s\xdb\x13\x95\x06\n)Y\x86\xfd\x85\xe76\xb7\xed\xfe\xc8\xfa-{0\xc6\xaa\xd6\x0f \xaf\xbd\xba\xd1-C;d\xba\xedB\x80:\xfcE)9r\xb4dt\xce\xe2~C\xfeQt\xdcG\x13W\xbf\x92R\x12\x8b\xd9s\xb8x\xda\xbc70\xc6\x98\x10\x00\xe8\xd4\xeb\xea\xd6\xed[\xc6Y\xf6\xe7\xec\xa1\x94\xfa}\x81~\xc3{\xd5\xae[S\x19\xc7\x97\x94\x94\xe4\xe5\xe5\xe93\x01F\xc6\x88O\x92F\xa5\xff\x1e\x8fg\xf2\xe4\xc9\x84\x10\x8c\x91\x00\xb8ol\xb7\x86\xad\xea\xf28\xaa~\x9e+\x8cQ~\xd2w\xf3\xb0\x8e\x1d\xdb5\xe4\xe5\xf2\x00hB\xde\x1a\x1e\x8a$D(T\x80d.\xdb\xc3\x0f\xe7\x8f\x1e\xbf\xd8\x1f\x0c3F0FB@\xab\xe6u\xdeXv\xcf\x96\xb5\x93^|v\xec\xe7\xdb\xf2\x1e}\xf0\xc6\x1a\xd5\\B\x00\x80$\x840J\xd6n\xf8\xacC\xafY{\xf7\x1eIT\x0c\x00!\x89\xd3\x92;\xfb5\xe5\xf7+\xb8p\xba\x1d\xb7N\x1a\x16\xf0\x05\x13\xde\x99\xf8M0\x02\x0e\x16[\xda\xd8\xa9#\x91*`2\xba|\xf9\xf2\xed\xdb\xb73\xc6t!\xc8\x98\x18\xf5aJmT\xfa\x9f\x9b\x9b[TT\xa4\xde\xff\xac\xea\xae\tw\xf5\x04\x7f\x99q\xdf\x7f\x85\x94\xd4D\xf3\xee\xefK\x08\x06\x00J\xc8\xce\xdd\xdf&gt;\xf3\xec&amp;\x9an\x83\xf8.\x01\x82\x03\xcb\xb0?\xfd\xd4\xfa\x19\xf3\xff\xa3\x04\x9fU\xe2?\xe9\xee\x9e\x1f\x14\xe4\xfe\xb5\xef\x95P\x16\xe5\'}5\xb3\xd2\x1f|\xe8\xc6\xffm\xcd\xbbgtg)%\x00\x08\x90\x8c\x91\xc2o\x8f_?\xe8\xf1\xa3E^b\xf9u\xe9\x88\x8a\x03\x00\xa8\xd3\xb2c\xdbW\x8b\x96m\'\x04K\x84\xa4\x94\xfdG\xf6\xaaS\xafVBd\x7f\xce\x1eB\x89\xbf4\xd0\xa1{\xdb\xd6\xed[\x82\x00\x82\x89\x10"\'\'\'\x1c\x0e\xebn\xb011\xf6j\x92\x92\xa8\xd5\x7f\xef\xde\xbd\x8b\x16-\xa2\x94H)A\xca\xd9Sn\xacR\xa7\n\x18\xfb\xfdG\xa7F\xef;\xf5\xbc|\xd8\x80vB\x00&amp;\x98\x10&lt;m\xfe\x1b\x9e\xc3\xc5\xc4b\x8e\xdb\x12\x00 \xa9#\xed\xeb]\x87&amp;&lt;\x9c\xaf\xac`\x94\xc0\xc3S\xb3\x86\xcc\x997\xc2,%/\x0e`\x82)\xa3\x10\xe5\xd1\xe3\xa5\xd5\xab\xd8\x9fx\xe2o\xaf/\xbd\xdb\xe5\xb0H)\x85\x90&amp;F\x0f}\x7fbl\xcebl\x8a\x7f\xbb\x05cF\'\xcc\xc8\xe7\\\xa8\x93\x1f\xb5\xeb\xd6\x1cr\xc7\x80RO&lt;\x0c\xbf\xfe&lt; \xe0\x8e\x87n1\x99\x98\x10\x821\xb6s\xe7\xceU\xabVi\x81 c\xa2\x03\x80\xe1P\xf5\x1f\xe5\xb5M)\xe5\\tl\xd7p\xc4\x88N\xbc\xd8o\xb4\xd9\x8f_\x05S\x02\x81\xb29\xb9\x0333\xec\x82\x03%\xc4\xe3\r\xe6\xce~\x8d\xd8\xd2@\xc4)\x00H)\xb1\x99=\xf2\xf8\xba\xb2p\x14\xabA \x01\xe3n\xed|\xe7\xc4\xbfF\x8ez\xa5\x94\x94\x95?\xf9\x18c\xc6(DE\xe4Xi\xdfAW\xbf\xf6\xd2\x9dif\x861\xe2\x02\x18%k\x0b\xfe\xf7N\xc1n\xea\xb2\x8ax-^J\xf6\'\x7f\xc5\xbb\xdb&gt;\xd8G)Q?w\xec\xd4\x91V\xbbU\x88\xf8\xb9\xbe\x9c7\x84\x90\xa0?\xd4\xf8\xf2\x867\xfe\xad\x8f\x1a\t%\x84L\x9e&lt;\xb9\xb8\xb8Xo\x02\x0c\x88\x0e\x00\xc6B\x8d~\x16\x14\x14\x14\x14\x14PJA\x00\xa5$\xef\xfe\xbe\x84\x11\x94$/\x0f\xc1\x18B\x91\x1a\rjL\x18\xd3\x15\xa4T#\xa1\x8b\x96m\xdf\xbb\xeb\x10uX\xe2\x90\x06J)Y\x9a\xe9\xc47\xc7\xdf\xdc\xb4\x1bc\x04\x12\t\x01\xd5\xaa8g\xdc\x7f\x03x\x02\x8c\x92_\xee\xa20\xc6&amp;\x13\r\xff\xe8\xe9|\xc3\x95\xf7\xdf\xd9\x03@\x12\x82\x11F\x18\xa3\xa5\xaf|\x84h\x9c\x06\x99\xa4\x94\x98\xd1\x88/\xf4\xe0\x9c\xd7\x11BJ\xf6\xa7u\xfb\x96\x1d\xba\xb7\xf5\x97\x1a\xce\x9b\xfe\xb7 \x94\x04\xfd\xa1\xec\xd1}3\xaa\xbaU7\xb8\xa8\xa8h\xc1\x82\x05z\x13`@\x92\xe3\x91J\x11T\xee\x7f\xca\\\tQJ\xb8\x10C\xfb\xff\xa5S\xcf\xcb\xb97\x1e\x86\xef\x17\nB\x89\xf0\xf8\xef\xcf\xe9\xdd\xa0nu\xce\x05\xa5\x84sqO\xee*L1\xaa\xf8$\x16@"\x8b\xe9\xf3\xaf\x8f\x94\x94\x860*\x97K\xe8qmSw\xadL\x08\xff\xde\xf9)\xc6(\x94\x06\xc7\x0c\xed`\xb1\x98\xd4\xe1\x00)\xd1\xae=\xdfAi\x88\xc5\xe5\xe6\x83\x00\x9a\xe1\x98\xbbp\xdd\x81C\xc7\x18\xa3 \x802z\xfbC\xb7$v \xf5\\Q#\xa1Y\xb5\xab\x8d\x9a086\x12:w\xee\xdc\xfd\xfb\xf7\xeb\x18`4\x92fMI\x05T\xf5_\xd9\xabR\xca\x04\x17\xe9.\xeb\xb4\x897@(\x82\x8d:\xf9\xf3\xab`\x8c%\x17f\xa7u\xd6\x03\xfd\x90\xaa\xc8S\xb2q\xeb\x97\x05o\xed\xa2\xe9\xb6\x8aV\t\x95\x08!J\x0e\xff\xe8A\x08a\x82\x95&amp;]\x93\x86\x17IB\xe4\xef\x8a\xa7b\x8cIT\\\x94\xe5\xaeS3#\xf6\xcd\x13\xc5\xfe`\xa0\x0c\xd3\n\x97\xb7\x04)\x89\xd5\\t\xa0h\xc1s\x9bT\x94\x02\x80\xeb\x07ui\xdc\xb2A\xd0o\xdc\xd1\xaf_\x852\xea\xf3\xfa\xbb\x0f\xe8\xdc\xa0Y]\x10@)UF\xd6\xba\nd4\x92\xe9\xa9\xaa\xdc\x00\x00\xc6\xb8\xa8\xa8(77W\xb9\xd8\n\x80\x9c\xd1]\x1a\xb4\xbaT\xf8\x13\xacH|\x1e(\x95\xd0\xec\xa1\x1d:^uY\xb9c\x14B\xf7\xe4\xae\x8a\xf8\xcb0\x8d\x87\x8a}$\xcaO\xfdO\x89\x102\x95\xf7r\xff\xf06J\x8c\x91\xe9\xb4^\x0b\x08\x88S\xfdG\x00\xb1[\x1e\x98\xb9\xa6\xd8\x13`\x8c\x08\x01\x0e\x97}\xd4\xf8!\xa1\xa0\xe1G\xbf~\r!\x84\xcdn\x19=i\xb8\x94R\xc5\x80\xfc\xfc|U\xd8\xd4#\xa1\xc6!\xf9\x1e\xac\xca\x8a\x92}\x9e2e\x8a\xc7\xe31\x99\x18\xe7\xbc\xee%Us\xee\xea)&lt;\xfeX\xc72\xd9\x90\x92\x8b\x05\xd3\xb3\x95\x85\x19et_\xe1\xd1\xb9\x0b\xd7\xd1\x0c{\x85\xd640BH\xcat\xa7\xf5\xf4o|\xf7C1F\x7fh\x9f %!%\xbe\xd0\x91\xa3%\xb1o\xa5\xbb\xacV\x8b\t\x81\xac\xd0\xe2U\xb9\xe3\xe3\xfa\xcf\x96\xbd\xf2!\xa5\x04\x00I)\x87\xdd\x93]\xbdfU\x83\x8f~\xfe\x16\x94R\x9f\xd7\xdf\xf6\xba6\x1dz\xb4U.F\xb1\xd1\x06\xbd\x0f0\x0eI\xba\xb2T6T\xf1g\xc7\x8e\x1d+W\xaeTG\xe7\xa5Ds\x1e\xbc\xd1\x9d\xe5\x96F\x92\xfd:\'\x08!\xc2W\xd6\xa6c\x93\xb1\xc3\xae\x01\x90\x18!\x82\xf1\x82\xe76\x15\x1d("\x16s\xc5\xe5\xd5\x18#\xc4\xa1\xde\xc5U\x11B\x00R\x15\x9d7\xfc\xf7K\xe1\r\xe2\xdf\xb5\xd0\xe2\x1c\xb0\xd3\xba\xe5\xfd\xbd\xde\x92\xa0\xdara\x8c\x1b\xd4\xcdb.\x9b\xa8h\xf1%\x8cETL\x9b\xbbV\x1dF\x03\x80\x06\xcd\xea\xf6\x1f\xd5\xdb_jD\xd9\x8f\xb3\x05#!\xc4\xe8I\xc3\xedN\x9b\x9anP\xc3\xcd\xba\x13`\x1ct\x000\x04\xaa\xfd;q\xe2\xc4p8\xacZ\xa6\x1d\xaf\xba,{p\x07^l \xcd\xe7\xf3\x80P\x0c\xbe\xb2\x99\x93\xfbg\xb8m\\\x00e\xa4\xd8\x13\x98&lt;s\rqZe\x85m\x020&amp;\xb2,\xd2\xa4Q\xcdKjg\xaa\xefP\x8a\xf7\x1f&lt;\xba\xf0\x99\x8d\xacz:\x17\xa0\xb4\x1f\xa4D\x12!)\x91\xf2\x05\x8bF\x85\xd9i\t\x9c(\x9d&gt;\xf7\r\xb5\xd6c\x84\xa4\x94\xbd:7G\xa6\x8a\xb5\x05\xe6\\\xb0*\xce\xe5\xcb\xb6m\xfbp?\xa3D\x00H)GO\x1an\xb1\xa6\x19S\xf9\xe7,Q*\xa1\r\x9b\xd7\xeb;\xe2\xfar\x95P\x8csss=\x1e\x8f\xb6\x0c3\x08:\x00$\x1e\x95\x1c\xe5\xe7\xe7o\xdd\xba\x951&amp;\xb80\x9b\xd9\x82\xe9\xd9F\x93\xfc&lt;\x0f0\xc6P\x16\xc9\xa8\x9d\x99w\xdf\r\xe5\x02A\x84\xac\\\xfb\xc9\x8em_\xd2\nS\tU\x86\xc0\xd6\xea\xae\x9b\xfb\xb7U\x855!$!\xf8\x81Y\xaf\xbe\xf4\xcf\xb7\xcdU\x9c\xccm\'fF(\xc6\x08\x11\x82\x08\xa3\xd4f6WO/:V\xda\x7f\xd8\x93_\xee\xfbQI\x81\x82\x94U3\x1d7\xf5\xff\x8b\xf4\x87h\x85y\xefH)\x89\x99y\x7f\xf4\xe4-\\\x871F\x84\x80\x80\x0e=\xdb\xb5\xbd\xae\x8d\xcf\xebO\xe2\xf4\x1f!\x84\x10e\xb4\xd4\xeb\x1b4\xa6_\xcd\x8b\xb3\x04\x17\x8c1\x8f\xc7\xa3\xba\\z\x13`\x04t\x00H0*\x0fR3\x12\x08!B\xb0\x00\x18\xd2\xf7\xca6\x1d\x9b\n\x03\xcb\xfe\x9c=\x84RQ\x12\xba\xfd\xd6.\x97\xd5\xcf\x12\x02\x08%\x91\x08\x9f0#\xbfB\xd5\x81\x08\xc1\xd2\x1f\xce\xb9\xb3\xc7E\xd5\xd3\xd5\x1c*\x80\x14\x02\xfe6~I\xdf\x01\xf3^{\xed\xe3\xef\x7f(.\x0bG\x11BBH_i\xe8\x7f\xff\xfbf\xd6\xa3\xaf\xb4\xe94}\xe3\xf6\xaf\x08\xc1\x12IJ\x08\x80\x9c\xf3\xd0\x80*u\xaa\x88\xdf\x1d\x1e\xfd\x93\x08\x0e4\xc3\xb1\xf0\xa9\xf5\x85\xdf\x1c\xa7J\xf5\xd3\xc4F\x8d\x1f\xacR\xe6d\x07c\xcc#\xbcjV\xe6\xe0;\x06\x94\x8f\x84\x9e\x9as\xd3\x85 #\xa0\xbb1\tF\xa5\xff\xb3f\xcd\x9a:u\xaa\xc9d\x12\x9c\xbb\xdd\xb6/\xb6\xe6U\xcfJ\x97QN\x92}\x0b\x80\x10R\x1d\xcet[\xc1\xba\x9d=\x86\xfeC\x9df\x10\x02V/\xba-\xfb\xe6\x8e\xfcdEI\xdb\x83\x00\x9an\xfb\xef\xe6\xcf{\xdc\xb40\x12\xe5j\xac\x1e!\xa4z\x0fv[ZV5\x97\xc3f\xe6B\x16{\x03E\xc7\xca\xbb\xbe\xea\xf2TQ\xe8\xde\xd1]\x16\xce\x1f\xc1K\x83\xb4\xc2\xc20\x00\x10[\xda\xa1\x03G[w\xcb\xf3\xf9\xc3\x84`\xce\xc5Mc\xfb\xdd=}\xb4\xf7dIRW\xffN\x07\x00,VK\xce\xa0\xa9{&gt;\xfd\xcad6E#\xd1\xee\xdd\xbbo\xd8\xb0A\xfb\x85%\x9c\xa4O0\x93\x1a\xd5\xfb-,,\x9c3g\x0e!\x04!\tRN\x18\xd3\xb5F\x83\x1aP\x16\xa9\x1c\xab?R\x16\x8c\xa5\xa1\xee\xbdZw\xeb\xd4T\x08 \x04c\x8c\x1e\x98\xf5\xaa\xf7\xa8\x17\x9bY\x05\xa5 \x84\x12^\x12\xbc\xb6k\xcb\xb7W\xe5\xd4\xa9\x99\xc9\xb9P\xa6\xf0iff2\xd1@0|\xf0\xdb\xe3\xbb\xbf\xfa\xe1\xcb}G\x8a\x8e\x95\xc4\xbe/\x04\xa8c\ny\x0f\xf4]8w\xb8\xf0\x97U\xe8\xa7\xa0\\_\x1e\xc8\xcb/)\r\x11\x8a\x85\x80\x8c\xaa\xee\xec\xd1}\x83\x81P2\x8e~\xfe&amp;\x121\x13\x1dq\xef B\x08\x08A\x19-((\x88\xd9\x1c%\xfa\xe2R\x9aJ\xf4\x90%!\xaa\xf7\x9b\x97\x97WZZ\xca\x18\xe5Q~Y\xfd\xac\xfbsz\x0bO\xa0R\xbd\xff\x08!$\xa5\x80\'\x1f\x19l63!\x80Qz\xe8\xdb\x13\x0b\x9fZO3\x1c\x82WT\x1d\x80R\xc2=\x81\xce][|\xba\xe9\xa1\t\xb7w\xabV\xc5\xc9\x05\x84#&lt;\x1a=s\xd1\x01\x90\xea\xfb\x04\xe3^][\xbc\xfb\xe6\xe4\xdc\x87\x06\x8a@\x19\x91\xb2\x02\x8b?j\xf4s\xe3\xee5\xebvRJ$ )\xe5\xa8\tC\xb2jUK\xd2\xd1\xcf\xdf\x82P\xe2\xf3\xfa\xaf\xear\xe5u7t(?\x14\x82\xb12:\xd5#\xa1\x89E\xdf\xfd\x84\xa1\xf6\xbf\xdb\xb6m\xeb\xdc\xb93\xc6HJ)\x04lXqo\xf7&gt;m\x92K\xf8\xe1,\x11\\\xb0\xaa\xae\xa9\x93\x97\xcfz\xf2m\x13\xa3\x02\xa4\xd3\x91\xf6\xe9\x86\xdcz\rk\xc8P\xa4\xe2N\xba\t\x01,\xcd\x84\xeciE\x87\x8e\x15\xfc\xf7\x8b\xad\xef\xef\xdb\xf3\xf5\x0f?\xfc\xe8\xf1\x05\xca8\x07\x8c\x91\xd9\xcc\xaaWq5\xa8[\xed\x9a\xb6\r\xaf\xef\xdc\xbce\xab\xba\x08c\xee\x0bU\xe8G\xa0\x8e$p\x82\xaf\xee\xf1\xe8\xae\xcf\xbf\xa5\x8c\xf1(o~E\x93\x85\xf9\x8f\x86\x83a\x9cl\xe7\xfe\xfe\x10)\xa5\xc9\xccN\x1e\xf3\xde\xd6k\xbc\xbf$\xc0\x18\x8bF\xa3\x8f&gt;\xfa\xe8\x83\x0f&gt;\xa8\x0bA\tD\x07\x80\x84\xa16\xbf\x9d;w\xde\xb6m\x9b\xd9l\x8aD\xa2\xdd:5-X;I\xf8\x92\xef\xdc\xef\xd9 \xa5D&amp;\xe6\xf1\x04\x9au\xcc=~\xc2G)\x89F\xc5\xf0\x81\xed\x96.\xb9\x9b\x9f\xa8X\x93[U\xd3Wa\x00I\x84\x82\xe1\x80/\x14\x08F\xc2\x91(\xc6\xd8f5;\x1d\x16\x93\xcb\x8aL\x0c\x85\xa3"\x10FHVt\xfb\x9dsa\xaa\xeaZ\xbch\xe3-\x13\x96PJ$BH\xa2\xc7\x96\xe4\xb6\xbd\xb6\xb5\xbf\xa4\xf2\xed\xff\x10BHp\x91Q\xcd\xfd\xeccK\x96\xfec531!D\x86;\xe3\x8b/\xbe\xa8^\xbd:B\xa8\x12\xcc;$#\xfa\xa6\'\x06%\xf5\xbcb\xc5\x8am\xdb\xb61\x13\xe3\x9c3F\x9f\x9c9X\x8a?&lt;\xad\x9a\xac`\x8cEY\xa4J\x9d*\xb3\'\xf7\x07(\xf7\x8c\\\xf1\xda\xc7[\xd7\x7f\xc6\xdc\xf6\n\x15\x08\xc2\x18SJ \xca\xa3\xc5~\xee\xf1CT\xd8\x1d\x96\xea5\xd2\xeb\\R\xad\xf6\xc5U3\xab8M\x8cr_(z\xc2\'\x02aBpE/FRJj1\x9f\xfc\xfe\xe4\xe4\xd9\xaf\x11\x82\x95\xea\xe7\xb5}\xda_\xdd\xf5/&gt;\xaf\xbfR\xae\xfe\x08!Ji\xa9\xc77\xe4\x8e\x01\xb5.\xa9\xc1\xa3\x9c1V\\\\&lt;e\xca\x14}&amp; \x81T\xceG\xcd\xe0\xa8\xe1\xf4\xd2\xd2\xd2\x193f\x10\x821B\x00r\xec\xb0k\x1a\xb5\xaa+\xfce\x958\x15R\x02AC\x86\xb4o\xdd\xf2\x12\x01@\x08\x11\x02\xa6\xcd]\x0b\x1cP\xc5\x97\xbc1\xc6\x8c\x12J\t\xc6\x08\xb8\x80\x08\x17\xe1\xa8\x08G!\xca\x01$%D\x19\x87U\xf4e \x84@\x00qX\x16&lt;\xb5\xfe\xe8\xb1RB\x08\x08\xb0;m\xc3\xc6\r*\x0bU\xe6O\x1fa$\xb8\xb09l#rnB\xca\xf8\x8c\xd2\x15+V\xec\xdc\xb9S\x1b\xc7\'\x8a\xca\xfb\xb4\x19\x185\xfc3g\xce\x9c\xc2\xc2Be\xf9\x94\xe1\xb6\xcd\x9c\xdc\x1f\x82aRa\x07\x8e\x8c\x00FH\nH\xb3[\x16\xe4\x0e\x94\x12\x01\x00\xa3d\xdb\x87\xfb\x97.\xdd\xca2\x1d\x82\xc7o \x04c\x8c1&amp;\x18\x13\xf5\xbf\xe2x\xd7\x01\x80:\xac{w\x1e\x9c\xb7h\xa3\x8a7\x00\xd0w\xc4\xf5\x8d[\xd4\x0f\xf9C\x95\xaf\xfa\x7f:\x94Q_\x89\xaf\xc7\xc0.-\xael"\xb8 \x94D"\x91\x9c\x9c\x1c!\x84\xde\x04$\x04\x1d\x00\xe2\x8dJ|\xf6\xef\xdf?o\xde\xbc\x98\xe3c\xde\xc4\x1b2jg\x1a\xdf\xf1\xf1\xcfS\xee\x19\xd9\xad\xe5\xc0\xde\xad\x95g$\xc6x\xf2c\xaf\x9e\xfc\xfed&lt;=#\x13\n\xc6\x94\xdc\xf3\xd0\xaaH\x84\x13J\x85\x80\x1au\xaa\x0f\x1a\xd3\xaf\xc4\x9b\xdc\xb2\x1fg\x8f\x10b\xcc\xe4\x11\x94Qu6x\xfb\xf6\xed+V\xac\xd0#\xa1\tA\x07\x80x\xa3\xd685\x03G)\x15\x02Z\xb7\xbc\xe4\xf6\xdb\xba\x8a\x92 I\x8dY\x08\x8c\x91\x14b\xce\xb4\xect\x97\x15\x84d\x94\x1c=V\xba\xe0\xa9\xf5\xc4aI.\xe7\x93\xf3@\x08\xa0.k\xc1[;7n\xfd\x92R"AJ)o\x990\xb4J\xf5\x0c\x9e\xb4\xaa\x7f\xe7\x84\x12\x08juu\xcb\xeb\x07u)\x17\x08"x\xc6\x8c\x19%%%z$4\xfe\xe8\x00\x10W\xd4\xc4\xdb\</t>
        </is>
      </c>
    </row>
    <row r="57">
      <c r="A57" s="1" t="n">
        <v>55</v>
      </c>
      <c r="B57" t="inlineStr">
        <is>
          <t>color_number_hexagon</t>
        </is>
      </c>
      <c r="C57" t="inlineStr">
        <is>
          <t>What is the missing number of the part denoted with a question mark?</t>
        </is>
      </c>
      <c r="D57" t="inlineStr">
        <is>
          <t>['0', '9', '5', '1']</t>
        </is>
      </c>
      <c r="E57" t="inlineStr">
        <is>
          <t>5</t>
        </is>
      </c>
      <c r="F57" t="inlineStr">
        <is>
          <t>There is a hexagon split into six parts with the colors ['yellow', 'blue', 'blue', 'green', 'yellow', 'green'] in an anti-clockwise order. The parts are denoted with the numbers [6, '?', 4, 8, 3, 1] respectively.</t>
        </is>
      </c>
      <c r="G57" t="inlineStr">
        <is>
          <t>We observe that the numbers in the blue parts add up to 9. Similarly, the numbers in the green parts also add up to 9. Thus, the pattern is that the numbers in the parts of the same color add up to 9.</t>
        </is>
      </c>
      <c r="H57" t="inlineStr">
        <is>
          <t>Based on the pattern that the numbers in the parts of the same color add up to 9, the missing number of the blue part should be 5.</t>
        </is>
      </c>
      <c r="I57" t="inlineStr">
        <is>
          <t>b'\x89PNG\r\n\x1a\n\x00\x00\x00\rIHDR\x00\x00\x02\x00\x00\x00\x02\x00\x08\x02\x00\x00\x00{\x1aC\xad\x00\x00\xa3kIDATx\x9c\xec\x9dw|\x94E\xfe\xc7g\xbe3\xdbw\xb3Ih\x91"\xd2\x04\x01Q\x8a"\x88\xa0\xa8A\x10\x15\x04B/\x9e \xf2S\x10\x82"-( \x08R\x8cz\xdc\x89zw\xe8A@AE\x14\xc5\x80%\xc1;9\x95\xa0\xd8\x8e\x12\x10\xcb\x19Z\xb6\xeffw\xa7\xfc\xfe\x98\x10QA\x11\xc8\x96\xec\xbc_y\xdd\xeb\x081yx\xf2&lt;\xf3\x9d\xf9\x96\xcf\x07K)\x91F\xa3\xd1hR\x0f\x88\xf7\x05h4\x1a\x8d&amp;&gt;\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e8\x00\xa0\xd1h4)\x8a\x0e\x00\x1a\x8dF\x93\xa2\xd0x_\x80&amp;\x9eH)\xa5\x94\xf1\xbe\nM\xdc\xc0\x18c\x8c\xe3}\x15\x9a\xb8\x81\xf5\xfb\x9f\xb20\xc6(\xd5;\x80T\x871F\x08\xd1a 5\xd1\x01 E\x11B\x00\xc0\x7f\xff\xfb\xdf\xff\xfb\xbf\xff\x03\x00!D\xbc\xafH\x13S(\xa5\x8c\xb1\xb1c\xc7\x0e\x1b6,\xde\xd7\xa2\x89\x1bz\x03\x98r\xa8\x90\x1f\n\x85\x96-[\x96\x9e\x9e\xfe\xde{\xef\xc5\xfb\x8a4q\xa3u\xeb\xd6?\xfc\xf0\xc3M7\xdd\xd4\xb6m[)%\x80.\n\xa6\x16\xfa\x04\x90rp\xce\t!\xcf?\xff\xfc\x981c0\xc6\x84\x90\xaag\x00\x00\x10\xd2\xcfC\xcd\x06K)\xaa^zBH$\x12\x199r\xe4\x0b/\xbc\xa0S\x82)\x88\x0e\x00\xa9\x85\xaa\xfaz&lt;\x9e\xd6\xad[\x1f;vL\x08\xa1\x93?)\x8e\xd1h\xe4\x9c\xbf\xf7\xde{\xd7\\s\x8d\xda\x1c\xc4\xfb\x8a4\xb1C\x07\xfc\xd4B\x08A\x08\xc9\xcb\xcb+++#\x84HY\xd9\x07"\x84\xb8cp\xd7Q\xa3\xaf\x8dz\x82\x84\xe8&lt;@\xcdD\x08\x016\xf3g;\x0fL{d\x83\x10RJ\x8910\xc6\x84\x10\x93\'O\xfe\xf7\xbf\xffm0\x18\xa4\x94\xba \x9c:\xe8\x13@\n!\x84\xc0\x18\xef\xdd\xbb\xb7m\xdb\xb6B-\x00R"\x84\x00\xb0\x10\xb2\xc1\x05\x19\x87&gt;YL\xd2\xad(\xca\x90^\x02j$B"\xa7\xb5o\xafG6o\xddM\x08p.\x10B\x18#\x00\xc29_\xb5j\xd5\xe8\xd1\xa3\xf5! \xa5\xd0\x01 \x85P\xefv\xaf^\xbd\n\x0b\x0b\xa9\xc1\xc0\xa2\xd1&amp;\x97\\\xee)?Z~\xf8\x7f\x94\x02c\xfc\xee\x91\xdd\xff\xfa\xe7;\xc3\xe5~}\x08\xa8yp.\x0c\x19\xf6\x97\xd6l\x1fz\xcfsj\xf57\x18i\xdbN\x97\xec\xfa\xf7\xe7\xaa\xf6[\xb7n\xdd/\xbf\xfc2==]\x0f\x07\xa4\x0e:\x00\xa4\nj\xf5/,,\xec\xd5\xab\x97\xda\xe2\t)\xe7\xaez\xe7\xbf%\xff*\xc8\x9fM\x08\x95\x92\x03\xc0\x17\xef&gt;tq\x9bF"X\xa1\x1bBj\x12*\xdd\xc31ns\xf5\xec\xfd\x07\x8fP\x03eQve\x8f\xf6\xb3\x9f\x9a:\xf2\xda\xff\xf3\xba|\x94\xd2h4:k\xd6\xacG\x1eyD\x1f\x02R\x07\xfd\x92\xa7\x04*\xb1\xcb\x18\x9b4i\x12BX\x1d\xf9\xaf\xba\xf1\xf6V\x1d\xae\xeey\xfb\x1d\xf5\x1a5\xe1\x9c\x11 \x8c\xf1\x89y\xeb0\xc1\x08\xe9\r`\x8dBpA2\xecK\xf27\xef?x\x84R"\xb8 \x94\xdcq\xff\xf0\x0b.\xac7f\xca\x10)\xa5\x90\x02\x08,Y\xb2d\xdf\xbe}z.$u\xd0\x01 %Pc_+W\xae\xdc\xb3g\x0f\xa5\x84sf\xb5\xa7\xf5\x1f7-\xe8\xf7\xda\x1c\xce\xdb\xef\x9a\x81\x10\xe2R\x12\x02[\x8b\xbe*|s\x17qZU\x82XS\x03\x10R\x82\xc5X\xb6\xbfl\xf9\xb3\xdbTnG\x08\xd1;\xe7\xfa\xd6\x1dZ\x96}\x7f\xa4w\xce\r\xcd\xdb4\x11\\\xa8\x96\xd0Y\xb3fa\xac\x13\x03\xa9\x82\x0e\x005\x1fU\xfb-++\xcb\xcb\xcb\xc3\x18#\x84\x85\x107\xe4\x8ck\xda\xba}4\x1c\n\xfa\xbd\xddo\x19\xde\xb2}\x17\xc19\xc6\x80\x11\x9a\x98\xb7.\xe2\xaf\xc0\'\xcd\x07h\x92\x1a\xc9\x05\xd8\xcc\x0f\xce\xdfP\xee\nP\n\x9c\x0b{\x9am\xcc\x94\xa1\x15\xc1\n)\xa5\xc5f\x1e;m\xa4\x94R\xc5\x80\xf5\xeb\xd7\x17\x16\x16\x12B8\xe7\xf1\xbepM\xb5\xa3\x03@\xcdGMx\xce\x981\xc3\xe5rQj`\x9c\xd5i\xd0\xf8\xe6\x11\x13\xfdn\x17\x10*\x91\x14\x9c\r\x998\x97\x10\xca\x85 \x94\xec-=\xbc$\x7f3\xc9\xb0\t}\x08H~8\x174\xddV\xb4\xe5\xd3\xd5/\xef \x04\x84@R\xca\x11\x13\x07\xd5\xad_;R\x11\xa1\x94\xfa\xdc\xfe\xce\xd7u\xec\xd6\xab3\xe7\x1c\x000\xc6\x93&amp;Mb\x8c\xe9s@*\xa0\x03@\rG%\x7fv\xee\xdc\xb9v\xedZB\x88\x10\x02I9\xf0\xeeY\xe9u\xb2\xa2,\x821\x06 \xa1\x80\xaf\xcd\x95=z\xf4\x1b)\x85P\x02\x91\xcb\x9f\xddV\xb6\xbf\x0c\xccF\xa1\x97\x80d\x07c\x1e\xe5s\x96\xbc&amp;\x84T\xc9\xfd\xe6m\x9a\xf4\x1fs\xb3\xdf\x1b\xa8\xac\xf4b\xc49\x1f;m\xa4\xcdaU\xe5\xdf={\xf6\xac\\\xb9RW\x02R\x01\x1d\x00j8\xaa\xfc;u\xea\xd4p8\x0c@8g-\xdbw\xe9~\xcbp\x9f\xeb8!\x95c\x80\x18H\xc8\xef\x1b0~\x96-\xcd\xc99\xa7\x94\x94\xbb\x02\xd3\xe7o\x00\x87E\xeaC@2\xc3\x18\xa7\xb5\x1ckV\x17\x17\xef\xd8G\tp!\xa4\x94c\xa7\x8d4[L\x9csU\xe9\x07\x80\xa0/\xd8\xa2m\xd3\xdbF\xf5\x16B \x8c0\xc6yyy.\x97\x0b\x00\xf4!\xa0f\xa3\x03@MFm\xe8\xd6\xaf__TTD)\xe5\x9cQ\x83q\xc8\xc4\xb9\x82\xffl\xd4\x0bc\x1c\x89T\xd4\xcaj\xd0\xef\xceiRJ\xb5U\\\xfb\xda\xc7;\x8b\xbf"\x0e\x8b\xde\x06&amp;)RJ0R\xf7\x8f\xaey\xf9\x9b1\xc6\x08@p\xd1\xed\xa6\xab:_\xd7\xd1\xe7\xf6\x9f\xdc\xe8I(\xf1\xba}9\xe3\xfa\xd5\xbf\xb0\x1eg\x9cR\xear\xb9T\xc5H\xff\xf6k6:\x00\xd4X\xd4\xdeM\xf5u \x840\x06!D\xe7\x1b\xfb\xb5\xb9\xf2\xda`\xc0\xf7\x8b6\x7fBh\xc8\xe7\xbd1g\\\xd6\x85\xcd8\xe7\x84@$\xc2r\xe7\xae\xc7\x84\xe8-`\x92\xc2\x99 \x19\xf6\xfc\x15[J\xbf9J\x08\x08.\x0c\x06:f\xca\x10\xb5\xcd?\x19\x8c1\x8b\xb0\xda\xf52\x87L\x18P\xd9\x12z\xa2gL\'\x82j6:\x00\xd4X\x94\xec\xcf\xd2\xa5K\xf7\xed\xdbg0\x18\x18\x8b\xda\x9c\x199\xf7&lt;\x14\n\xf8\x00N1\xe6\xc393Yl\xc3&amp;/@\x08q.\t\x81\xe2\x0f\xf7\xae_\xf7\x01\xcdtp\xa6\x1bB\x92\x0c!\x04u\x98\x0f|v(\xff\xb9wT\xb0\x17B\xdc\xfe\xa7\xbe-/m\x1e\xf4\x05\x7f=\xe5G(q\x97{\xfa\x0c\xbe\xa1m\xa7K8\xe3\x84\x1255\xa2K\xc15\x1b\x1d\x00j&amp;\xaa\xf6[ZZ\xbax\xf1b\x00\x90\x12I)\xb3\x07\xdfuA\xe3\xe6\x91p\xe8\x94\x83\xfe@H\xd0\xe7\xe9t\xdd\xcdm\xae\xec!\x04\xc7\x180F\x0f.|\xc5}\xd8\x8d\x8dT\xaf\x02\xc9\x85\x94\x08\x13\xf2\xe0\xbc\xf5\x1eo\x08\x08\xe6\\d\xd4N\x1f4\xf6\xb6` \x04\xa7\xd3\xf9\x90\x88\x1a\xc8\xa8\xfbr\x00@pN(),,\\\xbf~\xbdn\t\xad\xc1\xe8\x00P3Q\xb5\xdfy\xf3\xe6y\xbd^B(c\xd1\xac\x0b\x9b\xdd:&amp;7\xe0q\xc1\xe9\xa7\xfc%B\x82\x8b\xe1S\x16R\x83\x91\x0bA\x089x\xe8X\xfe\x8a-$\xc3\xce\x99\xce\x03$\r\x95\xad\x9f[wo\xd8\\B\x08H\x81\xa4\x94cr\x87\xd6kP\'R\x119\x9d\xce\x0f\x10\xf0\xb9\xfd]\xae\xbf\xe2\xba[\xbbq.TK\xe8\xacY\xb3"\x91\x88&gt;\x07\xd4Tt\x00\xa8\x81\xa8\xdaoqq\xf1\x9a5k\x08\xa1j\xfb6l\xf2\x02\xb3\xd5\xce9\xc7\xa7\x97y\x00\x80P\xd0\xd7\xbcm\xa7^C\'\xa8\x96P\x00\x9c\xff\xdc;\xfbw}C\xecf!\xf4\x12\x90\x04H\x840\x81p\xa0"w\xfe\x06\x8c\x11\x06\xe0\x9c\xb7\xedt\xc9\xcdCo\xf4\xba|\x84\xfe\x96\xc8\x0f\x10\x08\x05Cc\xa7\x8dt\xa4\xdbY\x94QJ\xf7\xed\xdb\xb7t\xe9R]\t\xa8\xa9\xe8\x00P3\xe1\x9c\xe7\xe5\xe5\xa9\xd1\x1e!x\x9b+{t\xba\xee\xe6\xa0\xcf\xf3\x1b\xdb\x7f\x85\x1a\x0b\xe83\xe2^g\xad\xba\x9c\x0bB\x88\xc7\x1b\x9a\xb7l\x13X\x8cR/\x01\xc9\x00g\x9c\xa4\xdb\xd6\xae\xfdW\xc9\xeeCj\xe1\x06\x80\x91\xf7\xe5P\xfa\xfb\xa3\xdd\x18\xe3p(\xd2\xa8i\xfd\xfe\xa3\xfbH)%\x92\x18\xf0\xb2e\xcb\xca\xca\xcatGP\x8dD\x07\x80\x9a\x06c\x8c\x10RPPP\\\\L\xa9\x81sF\x08\x1d&gt;e\xa1\xe0g\xb4\x81W-\xa1u.\xb8p\xc0\xf8\x99R\n!$!P\xf0\xeaGE[&gt;\xa5\xe96-\x10\x94\xe0H)\x89\xd9x\xfc\xbb\xe3\xd3\x17\xbd\n\x801\x80\xe0\xe2\xda\xbeWw\xbd\xe1J\x9f\xdb\x7f\xda\xec\xffI\x10B\xbc.\xdf\xd0\t\x03\x1a4\xceR\x87\x80\xf2\xf2\xf2\x193f\xe8\x99\x80\x1a\x89\x0e\x005\n\xa5\xfa\xe0\xf5z\xe7\xce\x9d\x8bqe\xefG\x8f~#\x9b\xb6\xe9P\x11\xfce\xeb\xe7\xe9 \x84\xfa\xbd\xaek\xfa\x0ek\xdc\xaa\x1d\x17\x02\x008\x17s\x96\xbc&amp;\x98\xd0F1\t\x8e\xe0\x02\xec\xe6\xe5+\xb6\x1c&gt;\xe2\x05\x00\xc1\x85\xcda\x1d1)\xa7"t\xc6\xfa\xde\x18q\xc6\xadv\xeb\xa8\xc9\x83\xd1\x89^\xb2\x82\x82\x82\x92\x92\x92\xcaIrM\rB\x07\x80\x1a\x85:\xef/^\xbc\xb8\xb4\xb4\x94\x10\xc29\xb3\xa59\x07\x8c\x9f\x19\x0e\x05\xf1\xa9Z?O\x07\xe7\xdcb\xb3\x0f\xbe\xe7a$%\xe7\x92\x10R\xbcc\xdf\x0b/\x14\xd1L\xbbn\tMX\x84\x10\xc4n\xd9Sr`\xe9\xca\xad\x00\x95\xaa\x9f\xb7\x8d\xea\xdd\xea\xd2f!\x7f\x08\xc3\x99\x06oB\x89\xcf\xe3\xeb5\xf0\xfaK\xaf\xb8\x843\x0e\x04"\x91\xc8\xe4\xc9\x939\xe7\xfa\x10P\xc3\xd0\x01\xa0\xe6\xa06k\'\xaavD9&gt;\xf6\xbbsZ\xed\xac\x86\xa7k\xfd&lt;\x1d\x84\x10\xbf\xd7uy\xb7\xecN\xd7\xf5\x15\x82+\x8b\xa8\xe9\x8f\xber\xfc\xbb\xe3`6\xeaU Q\xc1\x98\xc0\xc4\xd9\xeb"\x11\x06\x84p.\xb2\x1a\xd5\xcd\x19\xd7\xcf\xe3\xfe\x9d\xda\xef)\xe1\x9c\x8f\x9b&gt;\x8aP\xa2f\x83\xb7o\xdf^PP\xa0[Bk\x18:\x00\xd4\x1c\xd4\xba\xac\xfa\xf6\x08!B\xf0\xc6\xad\xdae\x0f\x1e\x1f\xf0y\xaad\x7f\xfe\x08Xp6\xf8\xde\x87\xad\xf64!\x04!p\xf8\x88w\xf9\x8a-`7k\x95\xd0\x04\x84sA\xd2,\x85o\x96l-\xfa\x8a\x10\x90BJ)\xef\xc8\x1dV\xabn\x06\x8b\xb0?j\xf1\xa8\x04\x82\xdawm\xd7;\xe7\xfaJ\x81 \xc0s\xe7\xce\xf5x&lt;\xba%\xb4&amp;\xa1\x03@\rA\xb5~\x16\x15\x15UM\xeeH)\x07\xdf\xf3\xb0\xd1l\xe1\x9c\x9d\xc57\x04\x80P\xc0w\xd1%\x97\xdd\x903N\x08!%\x06\xc0KWn\xdd\xb7\xeb \xd5\x02A\t\x86\x1a\xfbb\xc1\xc8\xc4\xbcu\x18U\xb6~^z\xc5%\xbd\x06\xf6\xf4\x94{\xcfb\xfb\x8f\x10\x02\x02A\x7fp\xcc\x94\xa1\xf64\x1bg\x9c\x12ZZZ\x9a\x9f\x9f\x0f\x00\xfa\x10Pc\xd0\x01\xa0&amp;\xa0\xc6\xbe\xc2\xe1\xf0\xd4\xa9S1\xc6\xaa\xf5\xb3S\xcf[.\xefvc\xc0\xe7&gt;\xab\xed?B\x08\x01\xa1\x01\xb7\xab\xcf\x88\x89u\x1b^$\x04\'@"\x116s\xd1F\x04\xa0\xb7\x80\t\x85\xe0\x9c8-O\xff\xed\x9d\xbd\xa5\x87A\xc9\xfe\x18\xe9\xb8\xe9\xa3\xaa$?\xcf\x02\x8cq\xa4"R\xb7~\xed\x11\x93\x06UyF&gt;\xfe\xf8\xe3\xaa\xbc\xa4w\x005\x03\x1d\x00j\x02\xaa\xf6\xbbn\xdd\xba\x9d;w\xaa\xed?5\x18\x07\x8c\x9f\xa9\x86\xb9\xce\xfa\xdbb\x8c\xa3,\x92Y\xf7\x82[\xc6\xe4J)\x85\x94\x84\xc0\x867v\x16m\xdbM\xd3mz\x1b\x98 H)\xc1lt}_&gt;g\xe9&amp;\x8c1\x06\x10B\xf4\xe8\xd3\xb5\xc3\xd5\xedN)\xfbs\xe6\x10B\xfc\xbe@\xbf\x91}\x1a6\xa9\xcf\x19\'\x84x&lt;\x9ey\xf3\xe6\xe9\x99\x80\x1a\x83\x0e\x00I\x8f\xda\xfe\xbb\\\xae\xe9\xd3\xa7\x03\x80r|\xec5tB\xd3\xd6\xed\x7f\xad\xfa\xf9G!\x84\xfa\\\xc7\xaf\xed7\xaa\xe5\xe5Wq\xce\x01\x13\x8cQ\xee\xbc\r,\x14\xd1B\xa1\t\x82\xe0\x12\x1c\xe6\xbcE\xaf\xba\xdcAB\x803\xeeH\xb7\xdf9mD\xc0\x17&lt;\x93\xc6\xff\xdf\x02#\xc1\x84\xd9j\x1a?k4RiFJ\xd6\xacY\xb3}\xfbvJ\xa9\xde\x01\xd4\x00t\x00Hz\xd4\xf6?//\xaf\xac\xacLY\xbe8k\xd5\xe93\xe2\xde\x8a\x80\xff\x94\xaa\x9f\x7f\x14\x89$\xa5\x86~\xe3\xa6\x03\x80\x1a\x0b(\xd9}\xe8\xe9g\xb6\x11\xa7U\xe8% \xde\x08!\x88\xc3\xbc\xb3\xf8\xeb\x95\xab\xb7\x03`\x89\x90\x94\xb2\xff\xe8&gt;\x8d\x9a6\xf8\r\xd9\x9f3\x07\x08\xf8\xbd\x81n\xd9\x9d;\\\xddNp\x01\x188\xe7\x93\'O\x0e\x87\xc3\xba\x1a\\\x03\xd0\x01 \xb9Q\xab\xff\t\x0f\xbf\xca\xd6\xcf\x01w\xcf\xaesA\xa3H\xa4\xe2\xdc\xdf\x7f\x84\x10\x00\xf1{]\x1d\xba\xdf\xd4\xa5\xd7@\xa5\x12\n\x80\xe7,\xdb\xe4\xfa\xbe\\\xb7\x84&amp;\x00\x18S\x92;w=c\x9c\x10\xc2\x19o\xd8\xa4\xfe\xd0\t\x03\xbc.\x1f\xf9=\xd9\x8f3Gp1a\xf6\x1d\x06\x03\xe5\x9cSJKJJ\xd6\xad[\xa7\x05\x82j\x00:\x00$7*\xff\xa3\\\xbc\xd5\xe4W\xcb\xcb\xaf\xea\xd9\x7f\xb4\xcfS~\xd6\xb5\xdf_\x03@\xc2\xc1@\xce\xbd\x0f\xd9\x9c\x19\x9cs\x00\xe2r\x07\xf3\x16\xbd\nV\x93\xe0I\x1c\x00\x94\xfd\x19\xe7\x821\xc1\x98`\x95\xff\x873&amp;8\x17\x89\x1f\xdb\x94\xec\xcf\xfa\x82\x0f\x8a?\xdcK\x08p!\x10B\xe3g\x8d\xb6\xd8,\x9c\xff\xd2\xf5\xe5\xac\x01\x80\xa0?\xd4\xea\xf2\x16\xb7\xff\xa9\xafj\t\x05\x80\xe9\xd3\xa7\x97\x97\x97\xebC@\xb2\xa3\x03@\x12\xa3Z?\x0b\x0b\x0b\x0b\x0b\x0bU\xe3?\x00\xe97n:\xa1\x86\xf3\xfbZb\x8c\xc3\xe1\xd0\x05\x8d\x9bg\x0f\xbeKJ)%\x02\xc0+Wo\xdf\xb3\xeb \xb1\x9b\x93q\x1b\xc8\xb9\xe0\\\x00!\xc4n\xa2\x196Cm\x87\xa1\xb6\xc3P\xcbn\xa8\xed0\xd4I3\xd4v\xd0\x0c\x1b\x18(J\xe0\xc5MJ\x89)\x89\xf8B3\x17oD\x08)\xd9\x9f\x0eW\xb7\xeb\x96\xdd\xd9\xef\xf5\x93s\xcc\xfe\xff\x1c \x10\xf4\x87\x06\x8d\xbd-\xa3v\xba\xaa\x06\x97\x95\x95-_\xbe\\\x1f\x02\x92\x1d\x1d\xc0\x93\x15\x95\xed\x11B\xb4m\xdbv\xcf\x9e\xbd\x06\x83!\x1a\x8dt\xbdi\xe0\xe4%k&lt;\xae\xa3\xe7q\xfb_\xf9\xe3\x90\x04\x84\x11\xc6\xd3\x07_u\xf8\xbb\x83\x06J\xa3\x8c\xdd\xd8\xa3u\xe1k\xd3\xb8\xaf\x02\xceXf \xeep.\x0008,\x08p\xe0\xb0gO\xe9\xe1}\x07\x0e\x1f\xfa\xa1\xdc\xe5\x0eT\x84\x19\x00\xb6Z\x8c\x99\xe9\xd6\xc6\rku\xbd\xa2y\xbdzN\xc9\xf8y\xc9\xa4\x9dw8\xe3\xb4\x8es\xc1\xc3/\xcd~\xec5J\x89\x10\x12\x03\xfe\xeb\xebK\x9b\xb5j\x1c\n\x9e\xb1\xf2\xcf\x1f\xf9q\xe9\xb5\x9d\xaf\xfc\xe3\x8d\xc7g&gt;M(\x91RRB\xbf\xf8\xe2\x8b\xe6\xcd\x9b+\x05\xaa\xf3\xfb\xe34\xb1\xe1&lt;/\x13\x9a\x98\xa1\x84\x1f\xfe\xfa\xd7\xbf\xee\xd9\xb3G\x19\xbe[\xedi\xb7\x8d\x9d\x16\xae8\xa7\xce\xbf\xd3\x81\x11f\x9c9\x9c\x99\xb7\xdf5\xe3\xafywq)\t\x81\xadE_\x15\xbe\xb9+\xbboG\xe6\x0e\x9c\xdf-g5\xc1\xb9\xa0i\x16\x14\xe5\x85[&gt;]\xb3\xfe\xc3\xf7?\xdc\xfb\xed\x0f\xe5\xa7\xfb\xe2Gg\xdd&gt;}\xe6\xed\xec\x98\x8f\xd2\x84\x0b\x00BJ\xb0\x18\xcb\xf6\x97-\x7fv\x9b\x8aOB\x88\xbeC\xb2[\xb5k~\xd6\x93_\xbf\r\xa1\xc4\xe7\xf6g\x0f\xe8\xf9\xfa\x9a\xb7K\xbf\xfa\x86\x1a\xa8\xb2\x9b~\xe9\xa5\x97\xf4! yI\x82\x97V\xf3k\x84\x10\x18\xe3\xb2\xb2\xb2\xbc\xbc&lt;\x8c\xb1j\xfd\xbc!g\\\xb3\xd6\xed+\x82~\xa5\x03z\xde!\x84\x06\xbc\xee\xee\xb7\x0co\xd9\xbe\x8b\xe0\x1cc\xc0\x08M\xcc[\x17\xf1W`\xf2\xfbZ\xf3\xf1Ee\xaeh\x86\xbd\xe8\xfd\xaf\xae\xbduq\xaf\xc1\x8f\xbf\xb0a\xc7\xb7?\x94c\x8c\r\x06b2\x19\xcc&amp;\x83\xd9l0\x9b\rf\x93\xc1f3\x1a\x0c\x84$\xf0\xb1Fr\x016\xf3\x83\xf37\x94\xbb\x02\x94\x02\xe7\xc2\x9ef\x1b3eh(Xq\xae\xad\x9f\xa7\x87sn\xb5\x99\xc7N\x1b)\xa5\x14\\\x10B\xd6\xaf_\xaf\xd2\x8f\xba%4I\xd1\x01 )Q\x87\xee\x193f\xb8\\.J\r\x8c\xb3:\r\x1a\xdf&lt;b\xa2\xdf\xed\x82\xf3\x9d\xfc\xf9\xd9\xcfEHp6d\xe2\\B(\x17\x82P\xb2\xb7\xf4\xf0\x92\xfc\xcd$\xc3\x96\xc8\x02ARJD\x00\xcc\x86\x99\xb3\xd7^\xdb\xef\xb1\xa2\x0f\xf7\x02`\x83\x81\x18\x0cDJ\x19\x8d\xf2p8Z\x11\x8eVTD+*\xa2\x15\xe1h \x10\x89Fy\xc2:\xa0U:&gt;n\xf9t\xf5\xcb;\x08\x01!\x90\x94r\xc4\xc4Au\xeb\xd7&gt;/\xad\x9f\xa7\x83\x10\xe2s\xfb;_\xd7\xb1[\xaf\xce\xcak\xa8\xaa\x01AW\x83\x93\x14\x9d\x02J&gt;T\xeb\xe7\xce\x9d;\xd7\xae][9\x94/\xe5\xc0\xbbg\xa5\xd7\xc9\xf2\xba\x8e\x9d\xf7\xec\xff\xc9(\x81\xa06W\xf6\xe8\xd1o\xe4\xbb/\xff\x03\x01\xc5\x18/\x7fv\xdb\x9d#\xba\xd7\xad\xe7\x14Q\x06\x89\x97.\x97RJ\xc0\x98\x92ac\x9f^\xbb\xf1#\x00\xac\x96\xc8h\x94#\x84\x8cF\xda\xa6e\xfd\x16M\xeb5\xccJ\xb7\xdbLH"\xaf\xbf\xe2\x7fG=_|\xf5\xbd\xc9HQbV\x811\xe6Q&gt;g\xc9kBH\x83\x810\xc6\x9b\xb7i\xd2\x7f\xcc\xcd~o\xe0&lt;\xb6~\x9e\xe6G#\xce\xf9\xd8i#w\xfd\xfb\xf3P\xa0\x82\x10\xa2Z\x90\xef\xb9\xe7\x1e\xd5\x92P\xbd?]s\xbe\xd1q;\xf9Po\xda\xb5\xd7^[TTd0\x18\xa3\xd1H\xcb\xf6]\x1e\xfe\xc7\xb6\x80\xd7\xfd\xbb\x8e\x8f\xe7\x8e\x94\x92R\x83\xdf\xeb\x9e6\xb0c\xd0\xe7\xa5\x94D\xa3l\xf4\xa0.\xab\x9e\xbf\x97\x1d\xf5TG\xf6\xf9\x1c\xe1BR\xa7\xf5\xae\t\xcf&lt;\xbb\xe6\x03\x83\x810&amp;\x00c.D\x93\x0bk\xdf;\xf6\xfa[{]\xd6\xbcq\x1dd5!\x82+\xedn\x84DRrw T\x11\xb5\xd9\xcc(\xc1^\x10\xc6\xb8\xa1\x8e\xf3\x85g\xb6\x8e\x9e\xbc\x8a\x12\x10\x08\t.\x16=?\xa7\xcb\xf5\x9d\xbc\xee\xf3\xd9\xfb\x7f\xda\x0b\x88\xb2Z\xf52W\xcc\xfb[\xc1\x8a\x97\xa9\x81r\xc6\xd3\xd3\xd3KKK\xd3\xd3\xd3\x11B\x89Y0\xd7\x9c\x0e\x9d\x02J2\xd4\xea\xbf~\xfd\xfa\xa2\xa2"U\xfb\xa5\x06\xe3\x90\x89s\x05g\xb1\xb1\xebR\x9e\x91\xb5\xb2\x1a\xf4\xbbs\x9a\xea\xa3\x07\x80\xb5\xaf}\xbc\xb3\xf8+\x92x*\xa1\x9c\t\x9aa\xfb\xdb3\xdb\x9e]\xf3\x81\x81\x12\xc6\xb8Z\xfd\xc7\r\xbff\xd7\xfb\x0f\xe7\xde\x7fK\xf3\xa6\xf5$\x13\xcc\x1d\x88\x1e\xf3G\x8fz\xa3G\xbd\xd1r?s\x05\x08!v\xbb%\xd1V\x7f)%\x18\xa9\xfbG\xd7\xbc\xfc\xcd\x18c\x04 \xb8\xe8v\xd3U\x9d\xaf\xeb\xe8s\xfbc\xb3\x01\'\x94x\xdd\xbe\x9cq\xfd\xea_XOY\x05\xb8\\.U\x8bJ\xb4\xdf\xbe\xe6w\xd1\x01 \x99P\xc75\xd5}\x81\x10\xc2\x18\x84\x10\x9do\xec\xd7\xe6\xcak\xcf]\xf6\xe7\xcc!\x84\x86|\xde\x1bs\xc6e]\xd8\x8csN\x08D",w\xee\xfaDS\x07\x12B\x12\x8b\xf1\x87}e\xf7\xcf\xdb\x00\x80+\xed-\x85\x983\xe5\xe6g\x9e\x1d\xef\xb4\x9a\xa2G\xbd\xbc"\x8a0"\x04(\x05J\t\xa5\x84\x12 \x04\x84\x90\tX\xd5\xe0L\x90\x0c{\xfe\x8a-\xa5\xdf\x1c%J\xf5\xd3@\xc7L\x19\xa2\xe6\xb3b\x03\xc6\x98EX\xedz\x99C&amp;\x0c\xa8T\t\x05X\xb9r\xe5\x9e={\xf4X@\xd2\xa1\x03@2\xa1Z?\x97.]\xbao\xdf&gt;\x83\xc1\xc0X\xd4\xe6\xcc\xc8\xb9\xe7\xa1P\xc0w^d\x7f\xce\x1c\xce\x99\xc9b\x1b6y\x01B\x88sI\x08\x14\x7f\xb8w\xfd\xba\x0fh\xa6#q&lt;#\xa5\x90\xd8j|\xf4\x897\xdd\xde `\x8c1\xe6\\\x8c\x1c\xd0y\xee#C\xa3\xc7\xfd&lt;\xca)%\xa7\x9b`\xc08\xe1\xfc\x8f\x85\x10\xd4a&gt;\xf0\xd9\xa1\xfc\xe7\xdeQ\xc1^\x08q\xfb\x9f\xfa\xb6\xbc\xb4\xf99\xaa~\xfeQ\x08%\xeerO\x9f\xc17\xb4\xedt\tg\x9cP\xc2\x18\x9b4i\x92.\x05\'\x1d:\x00$\r\xaa\xf6[ZZ\xbax\xf1b\x00\x90\x12I)\xb3\x07\xdfuA\xe3\xe6\x7f\xd4\xf1\xf1\xdc\x01B\x82&gt;O\xa7\xebnnse\x0f%\x10\x841zp\xe1+\xee\xc3nl\xa4\x89\xb0\n\x08)\xa9\xc5\xf8\xe3\xbe\x1f_\xd8\xf0!\xc6XJ$\x84\xbc\xa0\x9e\xf3\x89\x85\xc3\x84\xbf\x02\x10J\xa2\xe15\x85r}yp\xdez\x8f7\x04\x04s.2j\xa7\x0f\x1a{[0\x10\xaa\xbe\xd6\xcf\xd3_\r\xa2\x062\xea\xbe\x1c\x00\x10\x9c\x13J\n\x0b\x0b\xab\xcc\x88b}1\x9a\xb3E\x07\x80\xa4A\xc9\xfe\xcc\x9b7\xcf\xeb\xf5\x12B\x19\x8bf]\xd8\xec\xd61\xb9\x01\x8f+\x06\xb5\xdfS\\\x0fB\x82\x8b\xe1S\x16R\x83\x91\x0bA\x089x\xe8X\xfe\x8a-$\xc3\xceY\xfc\xf3\x00BHd3\xad\x7fc\xa7\xcf_\x01\x801FR\xca\xc9\xe3n\xc8hT\x8bWD\x92n\xf5\xafl\xfd\xdc\xba{\xc3\xe6\x12B@\n$\xa5\x1c\x93;\xb4^\x83:\xd5\xda\xfay:\x80\x80\xcf\xed\xefr\xfd\x15\xd7\xdd\xda\x8ds\xa1ZB\x95\x1d\xa9&gt;\x07$\x11:\x00$\x07\xaa\xf6[\\\\\xbcf\xcd\x1aB*\xa5\xd8\x87M^`\xb6\xda9\xe78f\t\xe0\x93\x00\x80P\xd0\xd7\xbcm\xa7^C\'(\xe7\x19\x00\x9c\xff\xdc;\xfbw}C\xec\xe6\xb87\xd1\x03`T\x11ye\xf3.\x8c\x11F\x88qa\xb3\x9a\x86\xf7\xbfB\xfa\xc3q\xd8/\x9f\x1b\x12!L \x1c\xa8\xc8\x9d\xbf\x01\xe3J\xc7\xc7\xb6\x9d.\xb9y\xe8\x8d^\xd7\xd9\x18\xbe\x9f\x17\x80@(\x18\x1a;m\xa4#\xdd\xce\xa2\x8cR\xbao\xdf\xbe\xa5K\x97\xeaJ@\x12\x91doB*\xc39\xcf\xcb\xcbS\x038B\xf06W\xf6\xe8t\xdd\xcdA\x9f\'.\xdb\x7f\x05\x00\t\x05|}F\xdc\xeb\xacU\x97sA\x08\xf1xC\xf3\x96m\x02\x8bQ\xc6u\t\x10B\x12\x93\xe1\x87\x83G?\xfe\xec\x1b)+]\xd1\xbatl\xda\xa0I=\x11\x8eB\xa5vB\x95\x0e(g\x8c3.\xb8\x10\x89\xb9sU\xaa\x9fk\xd7\xfe\xabd\xf7!\xb5\xbc\x02\xc0\xc8\xfbr(\x8d\xe7\x006\xc68\x1c\x8a4jZ\xbf\xff\xe8&gt;RJ\x89$\x06\xbcl\xd9\xb2\xb2\xb22\xdd\x11\x94,\xe8\x00\x90\x04(\xa9\xe7\x82\x82\x82\xe2\xe2bJ\r\x9c3B\xe8\xf0)\x0b\x05\x8f\xf36[\xb5\x84\xd6\xb9\xe0\xc2\x01\xe3gJ)\x84\x90\x84@\xc1\xab\x1f\x15m\xf9\x94\xa6\xdbx\xfc\xbah\xa4\x94\xc8l\xf8\xe4\xf3C\xc1PD\xb9\xa4!\x84zvk\x85L\x06.\x04\xe7\x02ID\xac\'t@\xeb\xa4\x19\xea\xa4\x192\xed\xd4n\x01\x82Y\x82\tAK)\x89\xd9x\xfc\xbb\xe3\xd3\x17\xbd\n\x80\x95\xea\xe7\xb5}\xaf\xeez\xc3\x95&gt;\xb7?\xbe\xa7\x19B\x88\xd7\xe5\x1b:a@\x83\xc6Y\xea\x10P^^&gt;c\xc6\x0c\x00H\xa8{\xa89\x1d:\x00$:J\xf5\xc1\xeb\xf5\xce\x9d;W\x89\xfc\x08!z\xf4\x1b\xd9\xb4M\x87\x8a`\xecZ?O\x07!\xd4\xefu]\xd3wX\xe3V\xed*\xfb,\xb9\x98\xb3\xe45\xc1D\x1c\xdbh\xa4D\x08\xa0d\xf7!\x84\x10@\xe5n\xf4\x8a\xcb/\x92Q\x06\x18\xd3\x0c;6\xc0\x97\x9f\x1fzq\xf5\xf6\xc7\x1e}\xf5\xe1\xbc\x17\x17\xce\xdb\xb0\xea\xd9w&gt;\xfa\xf7\x9e\x8a\x8a\xa8!\xd3\x0eF\x1a\xc7\xe8\xf5\x0b\x04\x17`7/_\xb1\xe5\xf0\x11/\x00\x08.l\x0e\xeb\x88I9\x15\xa1\xf3/\xf9\xf9\x87\xc1\x883n\xb5[GM\x1e\x8cNt\xa9\x15\x14\x14\x94\x94\x94h\xe3\xf8\xa4@KA$:\xea\xa5Z\xbcxqii\xa9\xda\xfe\xdb\xd2\x9c\x03\xc6\xcf\x0c\x87\x828\xb6\xad\x9f\xa7\x83s\xeep\xa6\r\xbe\xe7\xe1\xc7&amp;\xde\xce\xb9$\x84\x14\xef\xd8\xf7\xc2\x0bEc\xee\xba\x81\x1d\xab\x16e\xca\xdf\x05c\x848\xffj_\x99\xfa\xa3\x10\xd2d24mT\x1bcLL\xf4\xf9U\xef\xfdu\xd5\xfb\x9f|\xfa\xcd\xafW\xf9f\x17\xd5\xc9\xb9\xed\x8aIc\xaf\xcfj\\\'\x11$N\x85\x10\xc4n\xd9Sr`\xe9\xca\xad\xaap-\x84\xb8mT\xefV\x976;v\xb8\x9c\x1a\xe2\xff\xfe\x12J|\x1e_\xaf\x81\xd7\xbfQP\xf8\xf9\xc7_\x1b\x8c\x86H$2y\xf2\xe4\xf7\xde{/\xde\x97\xa6\xf9}\xe2\xbd\x83\xd0\xfc&amp;j\xf5?Q[\xabt|\xecw\xe7\xb4\xdaY\rc\xdf\xfay:\x08!~\xaf\xeb\xf2n\xd9\x9d\xae\xeb+\x04\xc7\x18c\x8c\xa7?\xfa\xca\xf1\xef\x8e\xc7\xcb3\x12\x00\xa3\x8a\xe8\xb7\xdf\x1f\xaf\xfaL\xa6\xd3\xda\xb0Q\xad#?\xbao\x1a\x9c?f\xe2\xdf\xff\xb3\xf3\x00B\xc8d\xa4\x95"\xa0&amp;\x83\x81\x12\x8cQ\xe97G\x1f}\xe2\xcd\x0e\xd7\xcf{\xe5\xe5\x1d4#\x9eY\xac\x13`L`\xe2\xecu\x91\x08\x03B8\x17Y\x8d\xea\xe6\x8c\xeb\xe7q\xc7\xad\xf6{J8\xe7\xe3\xa6\x8f"\x94\xa8\xd9\xe0\xed\xdb\xb7\x17\x14\x14\xe8\x96\xd0\xc4G\x07\x80\x84F\xad\x9e\xaa\xbbNy~5n\xd5.{\xf0\xf8\x80\xcfS\xad\xa2o\x7f\x1c,8\x1b|\xef\xc3V{\x9a\x10\x82\x108|\xc4\xbb|\xc5\x16\xb0\x9bc?O+%\x02\x02\x15\xfe\xf0\x91\xe3&gt;\xf5\t\x84P\xe3\x86\xb5\x02\x15\x91\x1bn[\\\xf8\xfe\x97&amp;\x93\x01!\xc4\xb9\x08GX\xa5\x08h8\x1ae\x1c\x00\x000\xa5\xe4\xc7#\x9e\x01w\xfc\xe5\x85\x7f\xbcO\xe3\xda\xd2\xca\xb9 i\x96\xc27K\xb6\x16}E\x08H!\xa5\x94w\xe4\x0e\xabU7\x83EX\x82\x84\x7f\xa4&lt;#}\xc1\xf6]\xdb\xf5\xce\xb9^\xcd$c\xc0s\xe7\xce\xf5x&lt;\xba%4\xc1\xd1\x01 qQ\xad\x9fEEEU\xf35R\xca\xc1\xf7&lt;l4[8g\xf1\xbe\xba\x9f\xa1TB/\xba\xe4\xb2\x1br\xc6\t!\xa4\xc4\x00x\xe9\xca\xad\xfbv\x1d\xa4q\x10\x08\x92\x08 \x10\x0c\xbb=!\x84*\xe5|\x0c\x06\xf2\xa7{\xff\xfe\xf9\x9e\xff\x01\xe0p8\xda\xb8a\xadQ\x83\xbb&gt;:\xeb\xf6\x15\x0b\x87-\x9a=\xe0\x8ea\xdd.jT\x8bs!\x84d\x8c\x03`\x00&lt;6\xf7\xf9\x9d\x1f\xee\xa1if\x1e\x0f\xdfc5\xf6\xc5\x82\x91\x89y\xeb0\xaal\xfd\xbc\xf4\x8aKz\r\xecYM\x96/\xe7\x02\x10\x08\xfa\x83c\xa6\x0c\xb5\xa7\xd98\xe3\x94\xd0\xd2\xd2\xd2\xfc\xfc|\x00\xd0\x87\x80DF\xc7\xe7\x04Ee{\xa2\xd1\xe8\xd5W_]RRB)\x8dF\xa3\x9dz\xde\x92\xbb\xac \xe8\xf7\xc6X\xf8\xe1L\x90R\x12 \x15\x15\xc19\xa3\xae=\xfa\xc3!JH\x94\xb1\x81};\xae_=\x89y\x83\xb1L\xa6\x0b)\x89\xc9p\xe8\xe0\x91V\xdd\xe7TTD1\xfe\x99\xa4[\xba\xc3\xf2\xc8\xac\xdbG\r\xee\xea\xa8\x9d\x86\x00#)\x11\xc6HH\x7f\xb9\xef\xcf\xcfl\x9b\xf5\xe8\xab\x08!)$\x10\xe0\\t\xbd\xa2\xd9\xf6\xb7f\xca\x8ah\xece\xae9\xe3\xb4\x96\xe3\xcf\xf9\x9b\'\xce^G\x08H\x89\x08\x85ek\xe7\xb7\xe9\xd8*\x14\x08\xc5\xbf\xfc\xfb+8\xe3\xce\xcc\xb4\x82\xbf\xbe\xfc\xf4#\xab\x94g\xa4\xc3\xee\xd8\xb9sg\xd3\xa6M\xb5gd\xc2\xa2\x7f+\t\x8a\xea\xf5^\xb7n\xdd\xce\x9d;\xd5\xf6\x9f\x1a\x8c\x03\xc6\xcfT#W\xf1\xbe\xbaS\x801\x8e\xb2Hf\xdd\x0bn\x19\x93+\xa5\x14R\x12\x02\x1b\xde\xd8Y\xb4m7M\xb7\xc5t\x1b(\x11\x02\x1c\xaa\x88\xb2\x93T\x89\x000F\xa8I\xa3\xda\xffzk\xe6=\xf7\xf5q\x98\x0c\xcc\xe5\x8f\x1e\xf3E\xcb+\xff\xd7F\xe9\xf4\xb99+\x17\x8fP\xe6\xba\x9c\x0b\x02\xf0\xef\x8fK\x8b\xde\xfd\x928,1.\x06H)\xc1lt}_&gt;g\xe9&amp;\x8c1\x06\x10B\xf4\xe8\xd3\xb5\xc3\xd5\xedb,\xfbs\xe6\x10B\xfc\xbe@\xbf\x91}\x1a6\xa9\xaf\x8c\xe3=\x1e\xcf\xbcy\xf3\xf4L@"\x93\x88O\x92F\xa9&gt;\xb8\\\xae\xe9\xd3\xa7\xab6v!D\xaf\xa1\x13\x9a\xb6n\x1fK\xd5\xcf?\n!\xd4\xe7:~m\xbfQ-/\xbf\x8as\x0e\x98`\x8cr\xe7m`\xa1H\xcc\x85B1\xe3\\\x9cH\xdd`\x8c\x91D6\x9bi\xd3\xf3\xf7\xb4\xbe\xfc\xa2\xf0a\xb7\x1aY\xa0\x14h\xa5\x0e(H)"?\x94\x8f\x9d\x90}\xf3\xf5\x97\xaa\xbf\xc5\x800F/\xbe\xfe\t\xa2\x10\xe3s\xb2\xe0\x12\x1c\xe6\xbcE\xaf\xba\xdcAB\x803\xeeH\xb7\xdf9mD\xc0\x17L\xdc1f\x8c\x04\x13f\xabi\xfc\xac\xd1H%0)Y\xb3f\xcd\xf6\xed\xdb)\xa5:\x11\x94\x98$\xea\xc3\x94\xda\xa8\xed\x7f^^^YY\x19\x00\xe1\x9c9k\xd5\xe93\xe2\xde\x8a\x80?\x01\x93?\'#\x91\xa4\xd4\xd0o\xdct%\xbc\x0c\x00%\xbb\x0f=\xfd\xcc6\xe2\xb4\x8a\xd8.\x01\'\xcbc\x10\x82\x85\x94\x93\xc6^\xdf\xb6k\xcb\xf0Q\xaf\xd1@\x7f\x9d\xd1\xc1\x18\x03\xc6R\x88\x89w\xf6D\x08)\xab\x03)\xd1\x8e\x9d\x07\x847Di\x0cSXB\x10\x87yg\xf1\xd7+Wo\x07\xc0\x12!)e\xff\xd1}\x1a5m\x10\x17\xd9\x9f3\x07\x08\xf8\xbd\x81n\xd9\x9d;\\\xddNp\x01\x188\xe7\x93\'O\x0e\x87\xc3\xba\x1a\x9c\x98\xe8\x00\x90p\xa8\xd5_9\xedU\xb5~\x0e\xb8{v\x9d\x0b\x1aE"\x15\x89\xfc\xfe#\x84\x00\x88\xdf\xeb\xea\xd0\xfd\xa6.\xbd\x06*\x95P\x00&lt;g\xd9&amp;\xd7\xf7\xe51m\t\x95\xd2h\xa4\'Vm\xcc\xb9\xa0\x94\x8c\x1c\xd0Y\xf8+\xe8\xe9\xcb\xa7\x00\x18\x87"W\\\xd68\xc3i\xad\xd22\xfa\xf6\x87r\xd7q?6\xc4Rt\x01cJr\xe7\xaeg\x8c\x13B8\xe3\r\x9b\xd4\x1f:a\x80\xd7\x15\x0b\xc3\xafsGp1a\xf6\x1d\x06\x03\xe5\x9cSJKJJ\xd6\xad[\xa7\x05\x82\x12\x13\x1d\x00\x12\x0e\x95\xffQ^\xdb\x84\x10\xceY\xcb\xcb\xaf\xea\xd9\x7f\xb4\xcfS\x9e`\xad\x9f\xa7\x06\x80\x84\x83\x81\x9c{\x1f\xb2938\xe7\x00\xc4\xe5\x0e\xe6-z\x15\xac&amp;\x11\x93v\x1a\x8c\x11\x12"\xcdn2\x19\r\xea\x8fR\xa2Z\x19\xb6\x06Y\x19\xc0\xf8o\x04P\x8c\xb1d"#\xc3\xd6\xa8A&amp;:\xe1n\xe8\x0f\x84\x8f\xbb\x03\x08b\x94\x05R\xb2?\xeb\x0b&gt;(\xfep/!\xc0\x85@\x08\x8d\x9f5\xdab\xb3p\x1e;\xd7\x97\xb3\x06\x00\x82\xfeP\xab\xcb[\xdc\xfe\xa7\xbe\xaa%\x14\x00\xa6O\x9f^^^\xae\x0f\x01\t\x88\x0e\x00\x89\x85j\xfd,,,,,,T\x8d\xff\x00\xa4\xdf\xb8\xe9\x84\x1a\x92\xe5\xe5\xc1\x18\x87\xc3\xa1\x0b\x1a7\xcf\x1e|\x97\x94RJ\x04\x80W\xae\xde\xbeg\xd7Ab7\xc7d\x1b\x88\x11\x97N\x87%#\xdd\x8aNr\xa9=\x93\x1b(\xa5\xc4\x06j\xb7\x9a\xaa&gt;\xc3\x18\x0f\x87\xa3(&amp;\xf2\xd1RJLI\xc4\x17\x9a\xb9x#BH\xc9\xfet\xb8\xba]\xb7\xec\xce~\xaf?\xeec\xc9g\x08\x10\x08\xfaC\x83\xc6\xde\x96Q;]U\x83\xcb\xca\xca\x96/_\xae\x0f\x01\tHr&lt;R)\x82\xda\xfb+s%\x840\x00\xe1\x9c_\x95\xdd\xbfc\xf7\xde~\xaf+\xc1\xb3\xff\'\x03\x84\x04&lt;\xae[\xc7\xe4\xd6k\xd4\x84sF\x800\xc6\'\xe6\xad\xc3\x04\xc7\xa0\x85\tc$87;,\x95\x1by\x84\x10BnO\xd0\xe5\t"\x02g\x12\x04N\xee\xf9\xc1\x80\t\x01\x14\x93\xe0+\xb8 \x19\xf6%\xf9\x9b\xf7\x1f&lt;B)\x11\\\x10J\xee\x9e}G\x02\x9aS\xfe\x06\x18\xe3HE\xa4^\xc3:cr\x87TzF\x12X\xb2d\xc9\xbe}\xfbt\x0cH4t\x00H T\xf6_\xd9\xabRJ8gV{\xdamc\xa7\x85+\x12\xb4\xf3\xeft`\x84\x19g\x16\x9b\xe3\xf6\xbbf \x84\xb8\x94\x84\xc0\xd6\xa2\xaf\n\xdf\xdcE\x9c\xd6\x18\xb4Tr.\x91\xd5x\xd9%\r1F\x08#\x00\x1c\x8e\xb0\xff\xee/\x93F*O\xaf\xa0*%\x02\x00V\x11u{\x83U\x9f4\x99\x0c\x0e\xbb\x19U\xbf\xe9\xae\x90\x12,\xc6\xb2\xfde\xcb\x9f\xdd\x86+\x05\xabE\xef\x9c\xeb[\xb5k\x1e\xf4\'b\xe3\xffo@(\xf1\xb9\xfd\xd9\x03z6o\xd3DpA\x08QF\xd6:\x0b\x94h$\xd3SU\xb3\x11B`\x8c\xcb\xca\xca\xf2\xf2\xf20\xc6\xaa\xf5\xf3\x86\x9cq\xcdZ\xb7\xaf\x08\xfa\x95\x0eh\x12A\x08\rx\xdd\xddo\x19\xde\xb2}\x17\xc19\xc6\x80\x11\x9a\x98\xb7.\xe2\xaf\xc0\xa4\xfa\x0b\xaa\x18!\x81\xbawi!%\x92\xa2\xd2\xfd\xb1\xb0\xe8+\xfc;\x02\xfa\x12Q8r\xcc\xf7\xfd\x8f.\xf5\'\x84P\xedL{\xedL;b\xd5\xee\xba#\xb9\x00\x9b\xf9\xc1\xf9\x1b\xca]\x01J\x81saO\xb3\x8d\x9924\x14\xacH\xdc\xd6\xcf\xd3\xc39\xb7\xda\xccc\xa7\x8d\x94R\xaa\x18\xb0~\xfdz\x95\xd8\xd4-\xa1\x89C\xf2=X5\x155-9c\xc6\x0c\x97\xcbE\xa9\x81qV\xa7A\xe3\x9bGL\xf4\xbb]\x90\x0c\xb5\xdf_#\x11\x12\x9c\r\x998\x97\x10\xca\x85 \x94\xec-=\xbc$\x7f3\xc9\xb0UwN\x83\x00F\xa1p\xcf\xae-\x9di\x16.\x84\x14\x08!\xf4\xe2k\x1f\xfb\xcb\\\xe4\xf4\x96\xc5\x9cKi6~\xf4\xe97\x81`\x84\x10P\x9d\xa4\x974\xcf\xb2d\xd88\x13\xd5\xda~U\xe9\xf8\xb8\xe5\xd3\xd5/\xef \x04\x84@R\xca\x11\x13\x07\xd5\xad_;\xc1[?O\x07!\xc4\xe7\xf6w\xbe\xaec\xb7^\x9d\x95\x8bQUk\x83&gt;\x07$\x0e:\x00$\x04*\xf9\xb3s\xe7\xce\xb5k\xd7V\n\xa9K9\xf0\xeeY\xe9u\xb2\xa2,)\xdf\x7ftB \xa8\xcd\x95=z\xf4\x1b\xa9\x06\x981\xc6\xcb\x9f\xddV\xb6\xbf\x0c\xcc\xc6j5\xdf\xc2\x18\xb3\x8ah\x9d&amp;uo\xb9\xf12\x84\x10\xc6\x88\x10\xf8\xa1\xcc\xbd\xec/\x85\x90i\x8fFO\xb1\x03\x95\x12I$1FO\xbfPT\xf9M\x10\x92\x08\xddp\xcd%\xc8h\xa8v\x87K\x8cy\x94\xcfY\xf2\x9a\x10R%\xca\x9b\xb7i\xd2\x7f\xcc\xcd~o )Z?O\rF\x9c\xf3\xb1\xd3F\xda\x1cV\xd5\xddp\xa2\xb9YW\x02\x12\x05\x1d\x00\x12\x02U\xfe\x9d:uj8\x1cV\x93_-\xdbw\xe9~\xcbp\x9f\xebxR\xb4~\x9e\x0e\x0c$\xe4\xf7\r\x18?\xcb\x96\xe6\xe4\x9cSJ\xca]\x81\xe9\xf37\x80\xc3"\xab\xbb\x12\x80\x11b|\xf2\xd8\x9e\x18c\xa9L"\x01\x16&gt;\xf5\xd6{\xaf\xef4\xd5\xcf`\x8c+\xe97\xf5\xc1\x98\x10B\x18\xebg\xaez\xf6\x9d\xb7\xdf\xff\x12\x00\x0b!\x85\x94&amp;\x93a`\xdf\x0e(\x14\xaeV\x13y\xc68\xad\xe5X\xb3\xba\xb8x\xc7&gt;J\x80\x0b!\xa5\x1c;m\xa4\xd9b\xe2\x9c\'~\xeb\xe7\xe9P*\xa1-\xda6\xbdmT\xefJ\x95P\x8c\xf3\xf2\xf2\\.\x97\xb6\x0cK\x10t\x00\x88?js\xb4~\xfd\xfa\xa2\xa2"J)\xe7\x8c\x1a\x8cC&amp;\xce\x15\x9c\xc5\xd1T\xeb\xbc\xa0&lt;#ke5\xe8w\xe745[\x0b\x00k_\xfbxg\xf1W\xa4\x9aUB\t\x00\xf3Ut\xec\xd6j\xf4\xc0\xab8\x17j\x188\x12a\xfd\xc6\xac\xd8\xb0z\xbb!\xd3N3l\xc4f"\x16#\xb1\x99\x0c\xb5\xec\xd4ay&amp;\x7f\xf3\xb8i\xab\x01c)%!X\x089r@\xe7&amp;m.d\xc1H\xf5\x05\x00)%\x18\xa9\xfbG\xd7\xbc\xfc\xcd\x18c\x04 \xb8\xe8v\xd3U\x9d\xaf\xeb\xe8s\xfb\x93x\xfb\x8f\x10B\x88P\xe2u\xfbr\xc6\xf5\xab\x7fa=e\x15\xe0r\xb9T\x95K\x1f\x02\x12\x01\x9d\x8c\x8b3RJ!\x04\xe7\xbcm\xdb\xb6\xfb\xf6\xed3\x18\x8c\xd1h\xe4\xea&gt;9\xf7=\xb6\xdaS~$\xa9\xb7\xffU`\x841\xe0\xe9\x83\xbb\x94}[j0\xd0h\x94u\xefrq\xd1\x96\xd9\xccS\xbd\x96[BJl\xa0.w\xa0\xd3\xf5\xf3\xbe\xf9\xfe8%\xc0\x85T\x0f\xfc\xad\xbd.\x1f:\xa0s\xabfYV\x13\xf5\xf8+v\x7f\xf5\xfd\x9a\x97w\xbc\xf7\xaf=\xea?$\x048\x17\xf5j;&gt;}\xff\xe1\xbau\x9d2\xcc\xaa/\x00\xb0(7d\xa5?&lt;\xb3`\xee\xf27(%J\x86\xe8\xafo,m\xd2\xb2qb\xaa~\xfeQ8\xe3\x19\xb5\xd3_Y\xb5y\xf9\x8c\xbf\x10J\xa4\x90\x00\xf0\xc5\x17_\\|\xf1\xc5Z%4\xee\xe8\x00\x10g\xd4\xf6\x7f\xe1\xc2\x85\xb3f\xcd2\x18\x0c\x8c1kZ\xfa\xc2\x82\x0f\xd2kg\xb1h\xb2f\xff\x7f\x81\xe0\xdc\x96\x96\xfe\xf1\xbb\xaf/\xcf\x1d\x02@0\x96\x9c\x8b\x97V\xde5hxwv\xbcz\xa5\xed\x05\x17\xc4a\xf9\xb4\xe4\xe0\xf5\x03\x96\x94\xbb\x83\x94\x12!\x84\x94?\r\x85\x19\r$r\xa2$\x00\x80\xa5D\x84`\xc6\x84\xd1@\xb6\xac\x9b|\xdd\r\xed\xb8\xa7\x1a\xf5\xd7\x84\x10`5\x1d\xdc\x7f\xb8\xc3\x8d\xf3|\xfe0\x00f\x8c\x0f\x1e\xdf\xef\xde\x87\xc6\xba\x8f{\x12M\xf4\xff\xac\x11B\x98-\xe6\xc99\xb3\xbe\xf8\xe4k\x83\xd1\x10\x8dD\xb3\xb3\xb3\xdf~\xfbm\xf5\xf0\xc7\xfb\xeaR\x1a\x1d~\xe3\x89\xaa\xfd\x96\x96\x96.^\xbc\x18\x00\xd4\xc2\x94=\xf8\xae\x0b\x1a7O\x1c\xc7\xc7s\x07\x08\t\xfa&lt;\x9d\xae\xbb\xb9\xcd\x95=\x94@\x10\xc6\xe8\xc1\x85\xaf\xb8\x0f\xbb\xf1\xe9{r\xce\xd3\x8f\x06\xe6\r]\xde\xa9\xe9\xb6W\x1eh\xd9\xac\x1ec\\\x08I\x086\x1a\xa9\xf2\x80\x8cD9`l0\x10\xa3\x81\x00`)%c\xa2n-\xc7\xa6\xd5\x93\xae\xcb\xbe\x8cU\xe7\xea\x8fN\xb8\xbe&lt;8o\xbd\xc7\x1b\x02\x829\x17\x19\xb5\xd3\x07\x8d\xbd-\x18\x08%c\xeb\xe7i\x91\x88\x1a\xc8\xa8\xfbr\x00@pN(),,\xac\xb29\x8a\xf7\xc5\xa545\xe8!KBT\xedw\xde\xbcy^\xaf\x97\x10\xcaX4\xeb\xc2f\xb7\x8e\xc9\rx\\P\xb3vF\x12!\xc1\xc5\xf0)\x0b\xa9\xc1\xc8\x85 \x84\x1c&lt;t,\x7f\xc5\x16R\xfd\x9e\x8b\x84\x02\xf3\x04\xdb\xb7o\xb2c\xcb\xac\xfb\xc6\xdd\xe0\xb0\x99\x19\x13\x91\x08\x8b2\xaeB\x8f\x902\x1a\xe5\x91(gLPJ\x86\x0f\xb8\xea?\x85\xb3{\xf5n\xcf\\\xd5\x9b\xa1\xaal\xfd\xdc\xba{\xc3\xe6\x12B@\n$\xa5\x1c\x93;\xb4^\x83:I\xda\xfay:\x80\x80\xcf\xed\xefr\xfd\x15\xd7\xdd\xda\x8ds\xa1ZB\x95\xd1\xa9n\t\x8d/\xfa\xee\xc7\ru\xfe-..\xee\xd9\xb3\xa7\xfaE\x08\xc1s\x97\xaf\xbb\xa2\xe7-\x01\xaf\xbb\x86\x05\x00\x84\x10\xe7\xcc\x99Q\xe7\xf9%\xd36\xbf\xf0\x04\xa5T\x08\xee\xb0\x9b?y;\xafi\x8b,\x19\xaa\xc6*\xabBpA\x8c\x14\xd9\xcc\xdf|\xfd\xfd+\x9bK\xb6\x16\x7f\xfd\xdf\xfde\xe5n\xbfZ\xf43\x9c\xd6\xe6M\xea\xf6\xe8rq\xff\xde\xed\xdbvh\x82"\x8c\x85"\xd5\xba\xfaK\x84$B\x0cp\xd7^\x0bv}~\x88P\xca\xa2\xacm\xa7K\xf2\xd7/\x08\x07\xc38&amp;\xd2C\xb1DJi0\xd2\xe3G\xdcw\xf5\x99\xe2\xf7\x04\x94\xc3\xdd\x82\x05\x0bf\xce\x9c\xa9\x13AqD\x07\x80\xb8\xa1\x0e\xbf={\xf6,..V\xb5\xdf6W\xf6\x98\xb5\xf2\x8d\x90\xdf\x87kbeLJI\xa9\xc1\xefu\xcd\x1cz\xb5\xb7\xfc\x18\xa5\x10\x8d\xb2\x91\x03\xafz\xe1\xf9{\xd9\xb1X\x98\xdc\xaa6$j1"\xab\x11\x85Y\xc8\x1d\xf4\xfaB\x91\x083\x99\xa8\xc3n\xb68m\xc8l@\x15Q\x1e\xa8@\x18Ww@b\x8c\x1bj\xa7\xadZ\xb9\xf5\x8e\xdc\xe7\x89R(\x92\xe8\xd1\xe7\xf3:_\xdb\xc1\xef\t\xd4\xa8\xfc\xcf\t8\xe3\x19u\xd2\x9fy\xf4\xf9\x17\x9ex\x89\x1a(\xe7&lt;#=\xe3\xcb/\xbf\xac[\xb7.BHW\x83\xe3\x82\xbe\xe9\xf1AI=\x17\x14\x14\x14\x17\x17Sj\xe0\x9c\x11B\x87OY(xuO\x1c\xc5\r\xd5\x12Z\xe7\x82\x0b\x07\x8c\x9f)\xa5P\xed.\x05\xaf~T\xb4\xe5S\x9an\x8b\x81@\x10\xc6\x98\x10\xe0\x15\xd1\xe81?\x0f\x84-\x16C\xbd\x0b\xd2\x1b]T\xa7nV\xba\xc5b\xe4\xc1p\xf4\x98\x8f\x07\xc3@\xa0\xbaW\x7f)%1\x1b\x8f\x7fw|\xfa\xa2W\x01\xb0R\xfd\xbc\xb6\xef\xd5]o\xb8\xd2\xe7\xf6\xd7\xc8\xd5\x1f!D\x08\xf1\xba|C\'\x0ch\xd08\x8bE\x19\xa5\xb4\xbc\xbc|\xc6\x8c\x19z&amp; \x8e\xd4\xccG-\xc1Q\xddo^\xafw\xee\xdc\xb9J\xe4G\x08\xd1\xa3\xdf\xc8\xa6m:T\x04\x13\xd7\xf1\xf1\xdc!\x84\xfa\xbd\xaek\xfa\x0ek\xdc\xaa\x9d\xf2\x0b\xe3\\\xccY\xf2\x9a`"f\x13\x0f\x00\x98R\x00\xc0\x82K\x11a&lt;\x1c\x15\x11&amp;\xb8\xac\xfa|\x0c\xaeAp\x01v\xf3\xf2\x15[\x0e\x1f\xf1\x02\x80\xe0\xc2\xe6\xb0\x8e\x98\x94S\x11\xaa\xa8\xc1\xbf}\x84\x11g\xdcj\xb7\x8e\x9a&lt;\x18)\xe33B\n\n\nJJJ*\xa7\xdf51\xa7\xe6&gt;m\t\x8cj\xfeY\xbcxqii\xa9\xb2|\xb1\xa59\x07\x8c\x9f\x19\x0e\x05q\xf2h&gt;\x9f\x1d\x9cs\x8b\xcd&gt;\xf8\x9e\x87\x91\x94\x9cKBH\xf1\x8e}/\xbcPD3\xed\x9c\xc5\xd63\x12W\xda@b\x1c\xd3\x82\xab\x10\x82\xd8-{J\x0e,]\xb9U\xc5\x1b!\xc4m\xa3z\xb7\xba\xb4Y\xc8\x1f\xaay\xd9\xff\x93!\x94\xf8&lt;\xbe^\x03\xaf\xbf\xf4\x8aK8\xe3@ \x12\x89L\x9e&lt;\x99s\xae\x0f\x01qA\x07\x80X\xa36&gt;\xfb\xf6\xed[\xbati\x95\xe3c\xbf;\xa7\xd5\xcejX\x93Z?O\x07!\xc4\xefu]\xde-\xbb\xd3u}\x85\xe0j\xf5\x9d\xfe\xe8+\xc7\xbf;\x1eS\xcf\xc8x\x821\x81\x89\xb3\xd7E"\x0c\x08\xe1\\d5\xaa\x9b3\xae\x9f\xc7\xed\xab1\x8d\xff\xbf\r\xe7|\xdc\xf4Q\x84\x125\x1b\xbc}\xfb\xf6\x82\x82\x02\xdd\x12\x1a\x17t\x00\x885j\x8dS=p\xca\xf3\xabq\xabv\xd9\x83\xc7\x07|\x9e\x9a1\xf7{\x06`\xc1\xd9\xe0{\x1f\xb6\xda\xd3\x84\x10\x84\xc0\xe1#\xde\xe5+\xb6\x80\xdd\x9c\\\xce\'g\x01\xe7\x82\xa4Y\n\xdf,\xd9Z\xf4\x15! \x85\x94R\xde\x91;\xacV\xdd\x0c\x16a5&gt;\xfc\xa3\x13\x02A\xed\xbb\</t>
        </is>
      </c>
    </row>
    <row r="58">
      <c r="A58" s="1" t="n">
        <v>56</v>
      </c>
      <c r="B58" t="inlineStr">
        <is>
          <t>triangle</t>
        </is>
      </c>
      <c r="C58" t="inlineStr">
        <is>
          <t>What is the missing number of the part denoted with a question mark?</t>
        </is>
      </c>
      <c r="D58" t="inlineStr">
        <is>
          <t>['8', '4', '5', '3']</t>
        </is>
      </c>
      <c r="E58" t="inlineStr">
        <is>
          <t>3</t>
        </is>
      </c>
      <c r="F58" t="inlineStr">
        <is>
          <t>There are three groups of numbers with a triangle arrangement in the image. The first group is [9, 6, 54], the second group is [2, 4, 8], and the third group is ['?', 1, 3].</t>
        </is>
      </c>
      <c r="G58" t="inlineStr">
        <is>
          <t>We observe that the number 54 is the product of 6 and 9. Similarly, the number 8 is the product of 4 and 2. Hence, the pattern is that the rightmost number in each group is the product of the other two numbers.</t>
        </is>
      </c>
      <c r="H58" t="inlineStr">
        <is>
          <t>Based on the pattern that the rightmost number in each group is the product of the other two numbers, the missing number of the group ['?', 1, 3] should be 3.</t>
        </is>
      </c>
      <c r="I58" t="inlineStr">
        <is>
          <t>b'\x89PNG\r\n\x1a\n\x00\x00\x00\rIHDR\x00\x00\x02\x00\x00\x00\x02\x00\x08\x02\x00\x00\x00{\x1aC\xad\x00\x00\xb5zIDATx\x9c\xec\x9dwx\x14\xd5\xd7\xc7\xcf\x9d\x99\x9d-)\xbb\x9bF\x0f5@\x80P\x02\xa1\x87\x0e\x06,\xa0TA\x94&amp;(\x88\x02*X\x90&amp;J\x11\x04\x05, Mi"\x02\n\n\xa1+]\x08-\xa1\x04B\x80PB\xfa\xf6:s\xef\xfb\xc7\x85}\xf3\x03D\xb2\taC\xee\xe7\xf1\xf1!\xb3\xb3\xb3w\xcb\x9c\xef\xb9\xe7\x9e{\x0e"\x84\x00\x83\xc1`0J\x1f\xdc\x93\x1e\x00\x83\xc1`0\x9e\x0c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xc2\x93\x1e\x00\xe3\xb1C\x08\xa1\xff\xa7\xff\xf0\x80\xee\xf2\x84\xc6\xc5`0\x9e0\xe8\x1e\xa3\xc0x: \x84`\x8c\t!\x08!\x9e\xe7\x1f\xf1L\x8e\xe3\x98\x1e0\x18\xa5\x07&amp;\x00O\x15\x84\x10Y\x969\x8e\xe3\xb8\xff\x0f\xee\xc9\xb2l6\x9bo\xdf\xbe\x9d\x9e\x9e\x0e\x80\x00\xee|\xe35j\xd4\x08\x08\x08\xd0\xe9t\xf9\xaf \xcb2\x000%`0J\x03L\x00\x9e\x120\xc6\x18cA\xb8\x13\xd3\xcb\xcd\xcd=u\xea\xd4\xfe\xfd\xfb\x8f\x1c9r\xe3\xc6\x8d\xdb\x19\x19&amp;\x93\xc9\xe5t\xe6\x7fJ@`\xa0J\xa9\xac^\xbdz\xc5\x8a\x15[\xb7n\xdd\xb2e\xcb\xbau\xebj4\x1a\xfa\xa8$I&lt;\xcf3\x19`0\x9eb\x98\x00\x94xh\x0c\x87\xc6y\xccf\xf3\xe6\xcd\x9b\x7f\xdd\xb8\xf1\xf0\xa1\xc3\x99\x99\x19\x05\xbdT\xd5\xaaU\xdb\xb7o\xdf\xaf_\xbf\x0e\x1d:\xd0\x0b\xd2\xf9\x04\x93\x01\x06\xe3\xa9\x84\t@\t&amp;\xbf\xe9OJJZ\xb9r\xe5\xfa_~I\xbbv\xcdsB@``\xb5\x88\xc82\xe5+\xd4\xa8U\xd7\xcf\xcf\xbfV\xbd\x06X\x96\xe8\xea\xaf\xe4v\x9fK&lt;\xe1\xb0\xdb\x93\xcf\x9e\xbe}\xeb\xe6\xb5\xd4K\xce|\xf3\x83\x86\r\x1b\x0e\x180`\xe0\xc0\x81e\xca\x94\x01\x00Y\x96\x1f\xbe\x90\xc0`0J"L\x00J*\x18c\x1a\xe8\xbfy\xf3\xe6\xa4I\x93\xd6\xae]k\xb7\xdb\xe9C\xe5+\x867\x8f\xed\xd0\xb6s\\\xedz\x8d*T\xaa\xa2T\x89\x82\x00\x98\x80,\xfd\xcf\x15\x04\x05\x00\x01I\x02\xab\xc5\x9cv%%\xf1d\xc2\xde\xf8-\xc7\x0f\xef7\x1a\xf2\xe8\te\xcb\x96\x1b5j\xe4\xf8\xf1\xe3EQ\xc4\x18\xb3\x94!\x06\xe3)\x83\t@\x89D\x92$A\x10\xdcn\xf7w\xdf}\xf7\xf9\xe7\x9f\xdf\xbe}\x1b\x00DQ\x8ci\xd5\xf6\xe5Ao4n\xde:\xacl\x18\xc6\xe0t\xba\\N\xe7\x9d$\x1f\x80\xfc\xe6\x9b\x00x\x0er\xbc\xa0T*\x95*A\x92\xe0\xc6\xb5\xcb\x07\xf6\xecX\xb7\xe2\xfb\xf3I\xa7\xe9\x99QQQ\xb3f\xcd\xea\xda\xb5+\xb0\xa9\x00\x83\xf1t\xc1\x04\xa0\xe4A\xad\xff\xa5K\x97\x06\x0f\x1e|\xf0\xe0Az\xb0\xdb\x8b}\x87\xbf3\xbeV\x9d\xfa\x82B\xb0Ymn\xb7\x0b\xe0\xd1\xd3:\t\xc6\x84\x10\x8c\x00\x89*\x95F\xa34\x9bm\t\x87\xff\xfez\xe6\x94\xd3\tG\xe9\x19\xc3\x86\r\xfb\xf2\xcb/\x03\x02\x02\xe8\xab?\xb67\xc7`0\x8a\x0f&amp;\x00%\t\xba\x99\x8b\xe3\xb8\xf5\xeb\xd7\x8f\x1a5*;;\x1b\x00\xeaG7}\xe7\xc3\xa9\xad\xda?C\x08\xb1Y-\xf4\x04\xafc5\x84\x10\x8ce\x8e\xe3\x03\x02\x03\xac\x16\xcb\x96\rk\x17\xcc\x9a\x92y\xfb\x16\x00DGG\xff\xf0\xc3\x0f\x8d\x1a5b\x1a\xc0`&lt;\x1d0\x01(1x\xac\xff\xd4\xa9S\xa7L\x99B\x0f\xbe9\xee\xe37\xc6}\xac\xf1S\x1b\rF\xba\x93\xab\xa8^\x8eF{\xb4:\xff\xebW\xaf}\xf6\xf1\xb8\x1d[6\x02@PP\xd0\xb7\xdf~\xdb\xa7O\x1f\xa6\x01\x0c\xc6S\x00\x13\x80\x92\x81\'\xe1g\xf8\xf0\xe1K\x96,\x01\x80\xd02e\xa7\xcf[\xd2\xe5\xf9\xe7\x0cy\x96\xc7\x17\x9a\x97$\xb7Z\xed\'\x8a\x8a\x1f\x16\xcc\x99\xf7\xf9D\xb7\xcb\x05\x00\x8b\x17/~\xfd\xf5\xd7\x99\x060\x18%\x1d&amp;\x00%\x00\xba\xbfW\x10\x04\x8f\xf5\xafS?\xfa\xdb\xd5\x9b\xcaW\x0c7\xe4\x19\x1e\xf7v-\x8c1\x00\x04\x05\x07\x1e\xd8\xbbo\xd4\xab/\x99\x0cy\xc04\x80\xc1x*`\x02P\x02\xa0v\xf6\x8d7\xde\xf8\xfe\xfb\xef\x01\xa0N\xfd\xe8e\x1b\xb6iuA\x16\x8bY\x10\x14\xc53\x06\xb7\xdb\x1d\x12\xaa\xff\xe7\xe0\xc1\xe1\xfd\x9e3\x19\r\x00\xb0b\xc5\x8a\xd7^{\x8di\x00\x83Qra\x02\xe0\xebP\x0b\xbbx\xf1\xe2\x11#F\xc0]\xeb\x1f\xa0\xd5\xd9\xad6\xbex-\xaf\xe4v\xebC\xf4\xc7\x0f\xdd\xd1\x00??\xbf}\xfb\xf65i\xd2\xc4\xb3#\x81\xc1`\x94,\x98\x00\xf84\xd4\xb6\x1e=z\xb4e\xcb\x96\x18\xe3\x88\xdau\x7f\xfa}O\x80Vg\xb7\xd9\x9fH&gt;\xbe\xe4v\x07\x85\xe8\xff9xph\xefglVk\xd5\xaa\xd5\x12\x12\x8e\xd3rrl\x8f\x18\x83Q\xe2`\x8e\x9b\xefB\xb59\'\'\xa7\x7f\xff\xfe\x84\x10\x8d\xc6o\xe6\xa2\x15A!!6\xab\xedI\xed\xc6\x12\x14\x8a\x9c\xec\xbc\x16m[\x8d\x9f\xf2\x05\x00\\\xb9\x92:|\xf8p\xba@\xfdD\xc6\xc3`0\n\x03\x13\x00\xdf\x85\xba\xff\xef\xbe\xfbnjj*!\xe4\xfd\xa9_D7mb\xc83&gt;\xd9\x98\xbbB\xa1\xc8\xce0\x0c\x1c\xfe\xe6\x0b\xbd_\x01\x80\r\x1b6\xfc\xf4\xd3O&lt;\xcf\xd3:\xd2\x0c\x06\xa3\x04\xc1B@&gt;\n\xcd\xec\xdc\xbf\x7f\x7f\xfb\xf6\xedeY\xee\xf2\xdcK\xdf\xad\xf957\xdbP\xccq\xff\x07B\x08\xe1y\xde\xedr\xbd\xd4\xa1\xf1\x8d\xb4\xabaaa\xe7\xce\x9d\xd3j\xb5\xacX\x10\x83Q\xb2`3\x00_\x84\xf6\xe7r:\x9dc\xc7\x8e\x95eY\x17\x14\xfc\xd1g\xf3\xacV\x07\xf2\x8d\xb5V\x84\x90\xdb\xe5\xd2\xeau\x1fL\x9f\x871\xbe}\xfb\xf6\xa4I\x938\x8ec\x81 \x06\xa3d\xe1\x13\x06\x85q\x0f4\xf8\xb3n\xdd\xba\x84\x84\x04\x00\x180tT\xe5j\xe1\x0e\xbb\xa30\xc96t3\x81\x07B\ne\xacyA0\x19L\x1d\xbb&gt;\xd7\xa2MG\x00\xf8\xfe\xfb\xef/\\\xb8\xc04\x80\xc1(Y\xb0\x10\x90/B\x8du\x83\x06\r.\\\xb8P5\xa2\xd6\x86\x9d\xff\x00\x02\xc0\x04\xbc\n\xb0`Y\x06\x84\x94*\x95(\x8aTA0\x01\x97\xd3\xe5t8\x80\x10\xce\xdb\xf5d\x8c\xb1F\xa3I&gt;\x97\xf4r\xb7\xd6v\x9bu\xd8\xb0aK\x96,a\xe5B\x19\x8c\x12\xc4\x93\x0f(3\xee\xc1\x13\xfd\xbfp\xe1\x02\xc6\xb8{\xef\x81:\xbd\x7fv\x96\xc1\xbb\xb5_Y\x96\x03\x02\xb5\x84\xe0k\xa9)\xa9\x97.\xe4de\x12B\x82BB\xab\xd7\x8c\xacR=\x02!\xcel2zg\xb29\x8e\xb3Z\xad\xf5\x1a6\x8ci\x19\xfb\xf7\xae\xed\xbf\xff\xfe\xfb\x8c\x193\x82\x83\x83i\xfc\xca\x8b\x0b2\x18\x8cb\x86\t\x80\x8f\xf2\xc3\x0f?`\x8c\x83C\xc3\x9e\xef5\xc0bvxg\xa3\t\xc1Z\xbd\xf6\xc0\x9e]\xcb\xbf\xf92\xe1\xf0~\xab\xd5\xe2yH\xe3\xe7\xd7\xa4E\x9b\xc1o\x8em\xdd\xa1\xb3\xd9d\x06\xaf\x12\xf9\x11\x00\x96q\xff!\xa3\x0e\xec\xd9\x99\x99\x99\xb9i\xd3&amp;V\x1f\x82\xc1(A\xb0\x10\x90oA\xdd\xe7\xf4\xf4\xf4\xda\xb5k\x9bL\xa6\xee}\x06\xce\xfb\xe1\xc7\x9clo\xdc\x7fB\x88\x9f\xbf\xdfW3\xa6|3\xe7\xd3\x87\x9c\xf6\xc6\xb8\x8f\xc6~\xf4\xa9\xd5j\xf5\xd6mG\x1cB/v\x88\xbe\x92r\xb1Y\xb3f\xb4?\x01\xdb\x18\xcc`\x94\x08\xd8\x8d\xea[\xd0l\xfa\x1d;v\x98L&amp;\x00\xe8\xd8\xf5\x05Y\xf6&amp;\xa2"\xcbr\xa06\xe0\xdb/?\xfff\xce\xa7\x9ejq\xd5kEv\xed\xde\xfb\xf9^\xfd\xa3\x1a5\xa1\xa7\xf1\x82\xf0\xdd\x97\x9f\x7f9}b\xa06\xc0\xbbD~Ir\x07h5\xb1\x1d\xbb\x12BN\x9d:\x95\x92\x92\xc2\x96\x82\x19\x8c\x92\x02\x13\x00\xdf\x82Z\xea\xbf\xfe\xfa\x0b\x00\xca\x96\xaf\xd8\xa4E\x1b\xbb\xad\xc0\xc9?\x18c??\xbfS\xc7\x8f-\x989E\x10\x14\x84\x10\xff\x80\xc0/\xbe\xfbq\xd3\x9e\xe3_\xadX\xff\xe5\x92\xd5?o?\xfc\xc3\xfa?\xcbW\x0c\x97%I\xa1\x10\xbf\x9f?co\xfc\xb6\xc0\xc0\x00\\p\r\xe0\x10r\xbbq\xc7\xb8\x17x\x9ew8\x1c\x87\x0e\x1d\x86\xbb\x05D\x19\x0c\x86\x8f\xc3\x04\xc0\xb7\xe08\xce\xedv\x1f=z\x14\x00\xea6h\x1cZ&amp;\xcc\xe5r\x15t\x06@\x08V\x88\xc2\x8f\xdf\x7f}\xd7\xa9G\xb3\xbe\xf9\xb1\xdf\xa0\x81n\xb7d2\x18\x8d\x06\xa3\xcdf\xed\xd8\xb5\xeb\xf7\xeb\xb6juzj\xac\x17\xcc\x9a\xe2r\xbb\xbd\xd8g\x808\xceaw\xd4\xaa[?\xac\\y\x00\xf8\xfb\xef\xbf\x81\xd5\x05b0J\x08L\x00|\x08\x8c1B(%%\xe5\xf2\xe5T\x00h\xd2"\x96\xe7\x01\n\xb8HC\x08Q\x88\xca\xcc\xdb\x19\x87\xfe\xda\x89\x10\x92$w\xeb\x0e]\x9ey\xfe\x85\xf4\x9by\x1c\x87\xf8\xbbd\xde\xce\x89j\x14\xf5\xc6\xb8\x8fdY\xe2\x05\xe1\xcc\x89\x7f\x12\x8e\x1c\xf4\xf3\xf7\xc3\xb8`\x93\x00\x84\x90\xdb\xed\xd6\x07\x07G5\x8c\x01\x80#G\x0e;\x1c\x85\xda\xaf\xc0`0\x8a\rv\xa3\xfa\x10tA\xfe\xea\xd5\xabN\xa7\x03\x00\xaa\xd7\x8c\x94\xa4\x02{\xd3\x84\x10\xa5\xa8\xbc\x96\x9a\x92\x9d\x99\xc1q&lt;\x00\xc4v\x8c#@8\x84\x00\xfe\xffR\nQ4\x19\xec\xcf\xbe\xf4\xb2V\x1fD#?\x7f\xef\xfcS\xa1\xe0\x08.pR\x00!D\xa1\x80j\x11\xb5\x01 =\xfd\xb6\xc9dB\x88%\x170\x18%\x00&amp;\x00&gt;\x045\x9a\xa7N\x9d\x06\x80@\xad\xb6R\x95jno\xe2?\x84\x17\xb8\xac\xcc\xdb\x00\x808\x04\x00\x15\xc3\xabb\xf9\xde*=\x08!\xb7\xdb\x15V\xb6\\\xdd\xfa\xd1\xf4u\xcf\x9c&lt;\xe6t\xc8\x1c_\xe0\x9f\x04\x87\x90$ADd=\x000\x99\x8c\xc9\xc9\xc9\xc0\x96\x01\x18\x8c\x92\x00\x13\x00\x9f\xc3j\xb5\x02\x00\xcf\x0b\xfe\xfe\x01\x18cov\xff"p:\xec\x00\x00\x04\x00@\xa9T=\xd0\x1d\'\x04\x04\x01U\x0c\xafB\xff\xbcu=\xcdl2\xf2\xbc\xe0\x85\xf3N\x08\x04ju\x00\x801\xb6\xdb\xed\x05\x1e0\x83\xc1x\x120\x01\xf0!h\xe8&lt;!\xe18\x00T\xaaRM\xab\x0f\x96$\xc9\x9b\x05U\x02*\xb5\x06\xe0N\xc8\xc7j5s\xdc\x83%\x00!\xe49n4\xe4Z\xadf\x1a5*\x10\xb46\\\xc5\xf0\xaa\x01\x81Z\x008v\xec8\xdc\x9d\xcd0\x18\x0c_\x86\t\x80\xcf\xe1v\xbb\x01\xc0? P\xa9Ry\x11HA\x08I\x12\x0e+S\x0e!D0\x06\x80\xe4\xb3gx\xfe\xce\xbf=\x10B8\xc4\xdb\xac\xce\x13\xff\x1c\xa2G$\xc9\xedt8\x10\x87\xeeL\x1c\n\xf2\x92\x18\xe3\x80\xc0@Q\x14=\xe3g0\x18\xbe\x0f\x13\x00\x9f\x83\xba\xfcX\x96\xbds\xa2\x11B.\xa7\xa3J\xf5\x9ae\xcaU\xa0\x11\xa4?6\xae3\x99\xacJ\x95Jr\xbbi)PI\x92\x08!ae\x03~Z\xb2\xe0r\xf29Zg\x82\x10 \x84 \xf02\x83\xd33`\x96\x03\xca`\x94\x14\x98\x00\xf8\x1c\xd4\x80z\x1d@\xa1\xab\xbb!a\xc1\x9d\x9f}\x91\x10"*\xc4+)\xc9\x9fNx\x9b\x17\xf8\xe0P\xbdV\xa7\xd5\xea\xb4\xc1!:\xb5Z\xbdh\xce\xbc9\xd3&gt;\x80\xbb\xe1\x1a\x9e\xe7\x14\n\x91\x10\x0c^i\x80g\xc0L\x00\x18\x8c\x92\x02+\xda\xe5sH\x92\x04\x00\x82 p\x9c\x97\x96\x94C\x9c\xcd\xe6\x18\xf2\xd6\xbb\x7fl\\\x97\x9b\x93\xa5\x10\x95\xbf\xae^v\xf6\xf4\x89\xb8\xee=+V\xae\x06\x84\\\xbf\x9a\xbao\xc7\x1f\xa7\x13\x8e\x8a\xa22*\xa6E\xc2\x91\x03\x00\xa0T\xa9Uj5.x\x1a(\x00\x10B\x04A@\x88\xf3\x8c\x9f\xc1`\xf8&gt;L\x00|\x08\xea\x89\x07\x07\x07\x03@F\xfa-\x93\xd1(\x08\x02\xdd\x1dV\xa0\xeb \x8es:\x9c\xe5+V\xfa\xf2\x875\xa3_\xebe6\x199\x8e\xbb\x90t\xeaB\xd2\xa9{\xce\x9c\xfc\xc5\x82\x9c\xecl*\x00\x81Z\xbdJ\xad\xc6X.\xa8\xec\x10B\x14\n\xc5\xed\xf4\x9b6\x9b\xc53~\x06\x83\xe1\xfb\xb0\x10\x90\x0fA\x05\xa0n\xddz\x00\x90\x9dy\xdbn\xb5x\xdd\\\x85\xe7y\xb3\xc9\xdc\xb2M\xa7U[\xfej\xff\xccs\xf7w}\x89\x8cj8w\xf1\x9a!\xa3^O&gt;{\x86\x1e\t-S\xd6\xcf?@\x96\xe5\x02\'\x9e\x12\xc2\x0bBNv\x96\xddf\x03\x80\xfa\xf5\xa3\x80\x05\x82\x18\x8c\x92\x00\x9b\x01\xf8\x1cz\xbd\x0e\x00\\NgvVFpX\x19\xb7\xcb\xe5]#0\x9e\xe7M&amp;cDd\xddoW\xffv!\xe9\xcc\xd9\xd3\t\xe97\xd2dY\xd6\x07\x87\xd4\xac\x13U?\xba\xa9\x7f@@f\x86=\xedJ\n=\xbfj\x8d\x9a\xa2\xc8[-\xb8\xa0n\x01\x01\xe08\xc8\xb8y\x1d\x00DQ\xf4\xf7\xf7\x07&amp;\x00\x0cFI\x80\t\x80\x0fA\x8df\x83\x06\r\x00\xc0f\xb3\xde\xbc\x9eV\xafa\xb4\x9d\x10\xafM)\xcf\xf3\xd4+\xafY\xa7^\xbd\x86\ri\x8a?\xc1 I\xc4j\xb1\xd8m\xb6\xac\x8c\xf4\xcb\x17/\xd0\xca\r\xf5\x1a\xc5x\xf7*\x84\x10\x9e\x87\xab\x97/\x02@@@`DD\x040\x01`0J\x02,\x04\xe4CP\xa3Y\xb5j\xd5\x80\x80@\x008w:\x81\xe7\x01\x17nG\x15\xc7q\x1c\xc7\xd9m6C\x9e17\xcb\x90\x93e\xc8\xcb5X\xccfY\x96\xfc\xfc5\xc7\x0e\xef\xb7Y-\x00 \x8a\xca\xc6M[;\x1cn\xba\x90[\xd0\x97p8\xe4s\x89\xa7\x00\xa0Z\xb5\xaa~~~\xac+$\x83Q"`\x02\xe0Cp\x1cG\x08\xa9T\xa9Rdd$\x00\x9c\xf8\xe7\xa0\xcbE\x8a\xa4\xb2&amp;\xc7q&lt;\xcf\xf3\x82 \x08\x02\xcf\x0b\x1c\xc7q\x88\x93$y\xfd\x8f\x8b\xa9\xa5n\xd4\xb4E\x8dZ\xb5\x1dv{A_\x8e\x10"\x8abv\xc6m\xba\x96\xd0\xbauk\x85B\xe1]o\x19\x06\x83Q\xcc0\x01\xf0-dY\xe68\xaeE\x8b\x16\x00p&gt;\xf1\xd4\x8dkW\x94JU\xd1\x96U\xc0\x18\xbb]\xae\xd0\xb2\xdaUK\xbe9\xf9\xcfaZ\xfc\xa7\xefk#x\x81\xf7\xe2\x850\xc6*\xb5\xf2\xd4\xf1#y\xb9\xd9\x00\x10\x1b\xdb\x06X\xfc\x87\xc1(!0\x01\xf0-\xa8\xe9\xec\xd4\xa9#\x00\x18\ry\x07\xf7\xedTkD/\x1auy\xaeF\x08\x91eI\x96$Y\x96dY&amp;\x84\xa8\xd4\xea\xb0rA\xbf\xfc\xb4f\xd6\xa4\xf7\x14\nQ\x92\xdcM\x9a\xc7\xc6\xbd\xf0\x92\xd9d\xf6.\xe9\x08qh\xd7\x1f\x9b\t!Z\xad\xb6Y\xb3\xa6\xf0D{\x02\x93\xfbxR#a0|\x1f&amp;\x00\xbe\x055\x9dm\xdb\xb6\xadP\xa1"Bh\xcf\xf6\xdf\x08\x01\xef\xb2\x80\x10 \xb7\xdb%*\x95\xfa ]P\x88N\x1f\xa4\xd3\xea\xb4\xa2(\xa6^&lt;\xff\xd1\xdb\xa3\xde\x1d&gt;\x00\x13\xecv\xbb\x02\xb5\xbai\xf3\xbe\x03\xaf\xca\xb7\xd1\xf8ONf\xce\xe1\x03{\x10Bm\xda\xb4)_\xbe\xbc\x17\x1b\x17\n\x03\xc6\x98\x16\xb7\x90e\x99\xbe\xf4=xN\x90$\tc\xcc$\x81\xc1\xf0\xc0\xb2\x80|\x0b\x84\x90$I\x01\x01\x01\xfd\xfa\xf5\x9d;w\xee?\x07\xff&gt;\x93\x90P\xbb^}{\x01\xa3\xf3\xb2,\xe9\x82\xb4\xdf\x7f\xb9(~\xcb\xaf\xb5\xeb5\xd0\xf8\xf9cY\xce\xcb\xcd\xbe\x92\x92|!\xe9\x8c$\xb9y^\x90%)P\xa7_\xb8\xf2\xd7\x1a\xb5"MF\x93\x17\xee?\x96e\x8d6`\xd3\xba\x95\x99\xe9\xb7\x00`\xf8\xf0\xe1P\\u@\xe9l\x86\xe7\xf9{&gt;\x16\xbb\xdd\xeep8\xee\x94\xd3 \x84\xe38\xadV{\xffs\x01\x80\xe38\x16\xaab\x94r\x98\x00\xf8\x1c\xd4\xa2\r\x1e&lt;\xf8\xeb\xaf\x17\xd8m\xd6\xcd?\xff8\xad\xf9WV\x8b\xb5`q\x15\x02&lt;\x8f\x8c\x86\xbc3\'\xfe9s\xe2\x9f\xfb\x1f\x97e\xa9Y\xebv\x13g|U\xabn}\x93\xd1\xc0\xf3\xde\xfc\x12\x10\xc7I\x12\xde\xb0j)B\xa8z\xf5\xea\x1d;v\xa46\xd7\x8bK="\x84\x10\x8c1]\xd3\xa6G\xae_\xbf~\xfc\xf8\xf1\xc4\xc4\xc43g\xce\x18\x8d\xc6\xcb\x97/\x9b\xcd\x16\x84\x80\x00\x00\x01^\xe0\xebDF\xaaT\xaa&amp;M\x9aT\xabV\xbdY\xb3\xa6\x11\x11\x11\x82p\xe7\xcd\xca\xb2\x8c\x10b\r,\x19\xa5\x16&amp;\x00&gt;\x07\xc7q\x18\xe3\xbau\xeb\xc6\xc6\xb6\xde\xbbw\xef\x1f\x9b~\x1e\xf4\xe6\xd8\xd02e\xddnw\x81&lt;V\x8cA\xa5R\xdd\x7f&lt;84\xaca\x93\xe6\xdd\xfb\x0c\xec\xd8\xf5\x05\xc4q&amp;\xa3\xd1;\xeb/\xcbr\xa06p\xd7\x1f\xbf\x9f;s\x92\x102p\xe0@\xb5Z-I\x92\xc7\xbc\x16-\xd4\xf4\xd3\x86\xc6\x00p\xe8\xd0\xa1M\x9b6\x1d8p\xe0\xdc\xb9s&amp;\x93\xe9!O\xcc\xb8}\x1b\x00\xb6m\xdb\x06\x00J\xa52"\xa2fLL\x93\xee\xdd\xbb\xc7\xc5\xc5)\x95J`2\xc0(\xc5\xb0\xde\xad\xbe\x88,\xcb&lt;\xcf\xef\xdb\xb7\xaf}\xfb\xf6\x00\xf0B\xef\x01_-[\x95\x9de(\x80m%\x84\xe3y\x93!\xef\xf2\xa5\x0b\xb9\xd9Y\x16\xb3\t\x10\n\x0c\x0c\x0c-S\xbeR\x95\xaae\xcaU\xe480\x9b\xcc\x85t\xd89\x8e\xeb\xd1\xae\xd1\x95\x94\x8b!!!III\xa1\xa1\xa14\xec\xee\xf5\x05\xff\r\xfa\x81\x00@FF\xc6\xef\xbf\xff\xbe\xf2\xc7\x1f\x0f\x1e8\x90\xff\x04\x9d&gt;(\xacl\xf9\xd02eC\xc2\xca\x85W\xa9\xeavK\x00\xc0\x0b\x82!/\xe7\xca\xa5d\x8b\xd9t#\xedJnvV\xfe\xa7\xd4\xa9[\xb7O\xef\xde}\xfb\xf6\xad]\xbb6\x00H\x92\xc4\xf3&lt;\x0b\n1J\x15L\x00|\x14j\xf2\xfa\xf4\xe9\xf3\xcb/\xbf\x88J\xe5\xcaM{\xa2\x9b63\x9b\x0bR\x1d\x88\x00/\xf0J\x95\x9a\xe3\xee\xac"\x13\x02\xb2L\\.\xa7\xdb\xe5$\x04\xbc.4\x04\x00\x92\xdb\x1d\x1c\xa6\xff~\xde\xdcY\x93\xdeC\x08\xcd\x993g\xdc\xb8qt\x89\xb50\x97\xbd\x1f\x9a\xc9\xc3q\x9c\xd1h\x9c7o\xde\xe2\xc5\x8b\xd3\xd3\xd3\xe9C\xa2RY\xafa\xe3\xe6\xb1\x1d\x1a6iQ3\xb2^\xa0V\xe7\x1f\x18\x88\x10\x08\n \xe4NIk\x8cA\x96\xc0\xe1p\x18\r\xb9\xd7\xaf\xa6\x9e9q\xf4\xd8\xa1\xbf\x8f\x1f\xdeo4\xe4\xd1\x8bh4\x9a~\xfd\xfaM\x980\xa1f\xcd\x9a\x00@\xe3KE8~\x06\xc3\x97a\x02\xe0\xa3\xd0\x84\x96+W\xae4j\xd4\xc8d2E\xd6k\xf8\xcb\xceCn\xb7\\\xa0M\xb6\x84\x10B\xfeg+\xb1\'7\xa6Pc\x93e\xb5\x9f\xdf\xd5\x94K\xbd\xbb4\xb5\xdbl\x18\xe3\xda\xb5k\xbf\xff\xfe\xfb\xaf\xbe\xfa*-_\nE\x94\t\xeaq\xfc\xd7\xad[7u\xea\xd4\x0b\x17.\xd0\xe3\xb5\xeaD\xbd\xd0g@\xabv\xcfDD\xd6QkD\xc9\rN\x87\x93f\xbb\x92\xff]\x85F\x08\x10B\x1c\xe2x\x85B\x14EQ\xe4$7\xa4]M9z\xe0\xaf?7\xff|p\xefNz\x9a&gt;(h\xdc\xd8\xb1\xe3\xc7\x8f\x17E\xd1\xf3\xa2\x0c\xc6S\x0f\x13\x00\xdf\x85Z\xa2\x193f|\xf4\xd1G\x00\xd0\x7f\xc8\xc8\xcf\xbeZ\x94\x9d\x99\'(\x14OpT\x84\x10\x04 (\x84\x97\x9fm\x93t\xf28\xcd\xa5\xa1y5-Z\xb4\x98:uj\xe7\xce\x9d\xa1("*t9\xe1\xd6\xad[\xc3\x86\r\xa3\x11|\x00h\xd1\xa6\xc3\x80ao5\x8f\xed\x10\x1c\xa2\xb5\xdb$\x87\xc3.\xcb2\x87\x10\xa2\xcd\x13\xfe\xfd\xe5\xeel\n\xc0\x18!\xa4T\xa9\xd4~J\xa7]:y\xec\xe0\x86\xd5\xcb7\xaf[Io\x82z\xf5\xea}\xf7\xddw\xadZ\xb5\xf2\xa4\x93z=x\x06\xa3D\xc0\x04\xc0\xa7\xa1\xeb\x93qqq;w\xee\x04\x809\xdf\xad\xea=p@Fz\xaeB\x14\x9f\xd4\x90$\xc9]\xa6\xac\xfe\x83\xb7F\xadY\xf6\r\x00|\xfa\xe9\xa7\xdd\xbau\xfb\xe0\x83\x0f\xe8\x08\x01\xa0\x7f\xff\xfe\x1f~\xf8a\xbdz\xf5\xe0\xae\x11/\xe8Kx\xc2&gt;\xf1\xf1\xf1C\x86\x0e\xbdu\xf3&amp;\x00T\xadQs\xe8[\xef\xbd\xf8\xf2kJ\xa5h6Y%\xc9M\xcb\x1cy\xf1\x16\x08!X\x96\x11\xc7\xf9\xfb\x07\x08\n\xb4og\xfc\x92\xaff\x1d\xd9\xbf\x17\x00D\xa5r\xd6\xcc\x99c\xc6\x8c\x01\x16\x0eb\x94\x02\x98\x00\xf84\xd4\x06edd\xd4\xaf\xdf 33C\xab\xd3\x7f\xbfvK\x93\x96\xad\xf2\xb2\x9f\xcc&lt;@\x92\xa4\xd00\xdd\xd2E\x0b\xa7\x7f0\x9a\x10\xe8\xd4\xa9\xd3\x8e\x1d;\xa8\xa7\xbcn\xdd\xba\x193f\x9c9s\x06\x004\x1a\xcd\xbb\xef\xbe\xfb\xee\xbb\xefj\xb5\xda\x82.\x0cx\xac\xff\xfc\xf9\xf3\xc7\x8e\x1dK\x0f\xf6\x1f2r\xccGSC\xc2B\xf2rM\x84`\x9e\xe7\xbd\xeb[y\x0f\x18\xcb\x04\x93@\x9dN\x96\xa5\x9f\x16/\xfcz\xe6d\x8b\xd9\x04\x00C\x86\x0c\x99?\x7f~@@\x00\xd3\x00\xc6\xd3\r\x13\x00_\x87\x06\x82\x0e\x1f&gt;\xdc\xbauk\x8cq\xa0V\xb7x\xdd\xd6&amp;-[\xe5f\xe7)\x8aS\x03\x08\x91$)\xb4\x8c~\xd9\xa2E\xd3&amp;\xbc\x05\x00U\xabV=v\xecXPP\x10\r\x98p\x1c\xe7r\xb9f\xcf\x9e\xfd\xcd7\xdf\xd0u\xda\xc8\xc8\xc8\xf7\xdf\x7f\x7f\xf0\xe0\xc1\xf0\xc8\xa9\x96\x9e\\\xcf\xe1\xc3\x87/Y\xb2\x04\x00\xb4\xfa\xa0I\xb3\xbe~\xe9\xe5\x01&amp;\xa3\xcd\xe5r=\x8e\x1cS:\xb6\xe0\x90\xc0\x84\xa3\xc7&gt;~\xe7\xf5\x0bI\xa7\x01\xa0i\xd3\xa6\xdb\xb7o\xd7\xeb\xf5L\x03\x18O1L\x00J\x00T\x03\x96,YB\xb7\xdaR\rh\x16\xdb*+\xa3\x984\x00c\x0c\x84\x84\x96\xd1\xfe\xb0\xe0\x8e\xf5\x0f\n\n\x8a\x8f\x8fo\xd2\xa4\x89\xc7&gt;z\xd6No\xdd\xba\xf5\xc9\'\x9f\xacX\xb1\x82\xae\x06w\xee\xdcy\xc2\x84\t\x1d;v\x84\xffZ\x18\xf0\xf8\xfe\x1e\xeb_\xa7~\xf4\x97\x8bWEDF\xe6\xe6\x18\x1ew\x8e\xa6\xe4v\x07h\xb5V\x8bi\xda\xf8\xb7\x7f[\xff\x13\x00\xc4\xc4\xc4\xc4\xc7\xc73\r`&lt;\xc50\x01(\x19\xd0`\xbaG\x03\xb4:\xfd\xeco\x7f\xec\xf2\xdcsy\xb9fB0\xc7=\xc6\xac\x15I\x92T*\x95R\xa5\\\xf2\xd5\x17_L\x9d\x00\x00AAA\xdb\xb7o\x8f\x89\x89\xb9\'a\x86\x10"\xcb2u\xd2w\xef\xde=k\xd6,\xba0\xc0q\xdc\xa0A\x83&lt;\xa9\x96\xff\x96fC\x8f\xe7\xb7\xfe\xcb6l\xd3\x07\x87\x98\x0c\xc6\xe2\x89w\xc9\xb2$\x8aJ\xb5F=~\xe4\xe0MkW\xc0]\r\xd0\xe9t\xc0J\x9c2\x9eF\x98\x00\x94\x18\xee\xd1\x00\x00xs\xdc\xc7o\x7f0\x95\x00\xb1\x9a\xcd\xbc \x14\xb9\x85\xc2\x18c,\xeb\x83\xf4\x99\xb7oOyo\xd4\x8e\xad\x1b\x01 88x\xdb\xb6m111\xff\xb6\xc0\xeb\t\xe3\x00\xc0\xf2\xe5\xcb\xbf\xf8\xe2\x8b\xf3\xe7\xcf\xd3\'\x8e\x1e=z\xcc\x981ta\x00\xfe7U\x94^\xcd\x13\xf7\xa7\xd6?@\xab\xb3Ym\x8fik\xf1\x03\xc1\x18s\x1c\xf2\xf3\xf7\x9f0j\x08\xd5\x80^\xbdz\xfd\xf2\xcb/\x8fo\x873\x83\xf1\x04a\x02P\x92\xa0f(&gt;&gt;\xfe\x95W^\xc9\xce\xce\x06\x80\x96m;}\xfc\xf9\xfc\xba\r\xea\x1a\r6\x97\xcbUTq\x12\x82\xb1\x8c\xb1F\xe3\xa7\xd6(v\xfd\xb9\xf5\xb3\x8f\xc6^KM\x01\x80\xa6M\x9b\xaeZ\xb5*""\xe2?\x93\xe5=A\x7f\xa3\xd18\x7f\xfe\xfc\x05\x0b\x16\xe4\xe4\xe4\x00@dd\xe4\xa4I\x93\xfa\xf5\xeb\x07w\x9b\x1f\xd0,R\x9e\xe7w\xee\xdc\xd9\xa5K\x17\x00\xa8\x13\xd5h\xd9\xaf\xdb\x03\xb4:\xbb\xcd^\xfc)\xf9\x04c\xc4!\x7f\xff\x80\xf1#\x07mZ\xb7\x12\x00\xa6L\x992y\xf2d\xa6\x01\x8c\xa7\x0f&amp;\x00%\x0cj+/]\xba4x\xf0\xe0\x83\x07\x0f\x02\x80V\xa7\x7f\xe5\xf5\xb7^\x196\xbal\xf9P\xb3\xc9\xe1t:\n\x95\x1f\x891\x00\xa85\x1a??\xc5\xd9\xd3\x89?,\x98\xfb\xdb\xfa\x9f\xe8\xc1a\xc3\x86\xcd\x9d;700\xf0\xd1\xb7Jy\xce\xbcx\xf1\xe2\xec\xd9\xb3\x97/_N/\xd5\xa5K\x97i\xd3\xa65k\xd6\x0c\x00\xdcn7\xcf\xf3\x99\x99\x99\r\x1b6\xca\xc8\xb8\x1d\xa8\xd3\xaf\xdf~\xa8j\x8d\x9a&amp;\x93\xe9I\x19\\:\x83Q(\x14\xfd\xba\xb6J&lt;y\x1c!\x14\x1f\x1f\xdf\xb9sg\xb6G\x8c\xf1\x94\xc1\x04\xa0\xe4A\xcd\x90\xdb\xed\x1e?~\xfc\xb7\xdf~\xebt:\x01\xa0j\x8dZ\x83G\x8ei\xdb\xb9[\xa5*\xe1.\'\xb1\xdb\xac\xb2$\xc1\xdd\xc4\x9b\x87L\x0b\xee\xf6M\xc1\x00\xa0P(5~j\x84\xe0|RR\xfco\xbf\xfc\xb4d\x01-\x99P\xa6L\x99\xe9\xd3\xa7\x0f\x1b6\x0c\n\x9e\x1d\x7f\xcf\xc2\xc0\'\x9f|r\xf8\xf0a\x00P\xa9T\xfd\xfb\xf7\x9f6mZ\x85\n\x15\x00 ...&gt;&gt;\x1e!\xf4\xc5\xb7?\xbd\xd8\x7f@NV\xf1\xe68\xdd\x87,\xcb\x1a\x8d\xe6ZjJ\xbf\xae\xad\x8c\x86\xbc2e\xca\x9e?\x7fN\xab\xd5\xb2\rb\x8c\xa7\t&amp;\x00%\x12\x8f\x15&gt;z\xf4\xe8\xc4\x89\x13w\xed\xdaE\x8f\x87\x95-\xf7\\\xcf\xfe\xed\x9fy\xae^\xc3&amp;Z\x9d\xbf,\x83\xd3\xe9\xa2\xcdP\xe0\x7f\x8bB \x00\xc4!\x04HP(\x04\x85BT\n\x08 \xe3v\xe6\x89#\xfbw\xfe\xb1y\xc7\x96\x8dv\xbb\r\x00\x10B\x83\x07\x0f\xfe\xf4\xd3O=\x9d^\xbc3\x7f\x18c\x8c\xb1 \x08\x92$\xfd\xf4\xd3O\x93\'O\xbe~\xfd:\x00\x94-[v\xc2\x84\t\xa1\xa1\xa1\xaf\xbc\xf2\n\x00\xf4y\xf5\xf5Y\xdf,\xce\xce,H\xd9\xbb\xc7\x86\xe4\x96\x82Cu\xbf\xfc\xf4\xe3\x84Q\xaf\x01\xc0[o\xbd\xb5`\xc1\x026\t`&lt;M0\x01(\xa9\xe4_k]\xb6l\xd9\xfc\xf9\xf3\x13\x13\x13=\x8f\xd6\x8c\xac\xd7\xa2M\x87\x86M[\xd6\x8d\x8a\xd6\xea\x83tA\xc1\x08A~\x97\x9a\x10p\xbbA\x96\xa5\xbc\x9c\xac\xec\xcc\xdbI\xa7\x8e\x9f8z\xf8\xc8\xfe=7\xaf_\xf3\x9c\xd3\xa5K\x97\xf1\xe3\xc7\xd3\x0c\xce"1|\x9e\x8bdff.\\\xb8p\xee\xdc\xb96\xdb\x1d\x99A\x08U\x08\xaf\xf2\xeb\xeecJ\xa5\x8a\xae\x1f\x14\xf2\xb5\x8a\x04Y\x96uz\xed\xc8Wz\xee\xd8\xbaQ\xa1P\x1c&gt;|\xb8q\xe3\xc6,+\x94\xf1\xd4\xc0\x04\xa0d\xe3\xf1\xca].\xd7\xf6\xed\xdb\x97-_\xbes\xc7\x0ejU)\xfe\x01\x81\xfa\xa0\xe0JU\xaai\xfc\xfck\xd5\xad/\xcb2\x10\x00\x04\x92[\xba\x90t\xca\xe9t\\\xbb|\xd1`\xc8s9\x9d\x9e\xa7\x94+_\xfe\xb9\xe7\x9e\x1b\xf4\xdak-[\xb6\x84|K\xb5E2\xe0\xfc\x11\xa1\xa4\xa4\xa4Y\xb3fm\xda\xb4\xc9\xe9rIn\xf7\xa7_.\x1e0\xec\xf5\x9cl\x9fp\xff)\x18c\x8dF}\xe9\xc2\xb9^\x9d\x9a\xb9\\\xce\xb6m\xdb\xed\xdb\xb7\x97\t\x00\xe3\xa9\x81\t\xc0\xd3@~\xf7&lt;99y\xcb\xd6\xad;\xe2\xe3O\x9f&gt;\x9d\x99\x99\xf9\xe8\x17\xa9Z\xb5jtt\xf4s\xcf=\xd7\xad[\xb7\xb0\xb00\xf8\xdfIF\xd1B\x08\x91$I\xa1PX,\x96\xea\xd5\xabgeg\xc74\x8f]\xb1i\x87\xdd\xeex\xa0m\xa5\r \x11\xc0\xbf\xfdX\xe9C\x05]\xfd\xa6E\x81\xe85\x11B\x0f|\xa7\x92$\x05\x05\xebfN\x9c\xb0d\xc1l\x84\xd0\x9e={\xda\xb5k\xc7\x02A\x8c\xa7\x03&amp;\x00O\t\xd4X\xe7/\xb7\x90\x9b\x9b{\xf2\xe4\xc9#G\x8f^N\xb9|\xfd\xfa\xf5\x8c\x8c\xdb\xe9\xe9\xb7\x11\x02\xb3\xd9"I\x92 \xf0\r\x1b6\xf4\x0f\x08\x88\xaaW\xafr\xe5\xca-[\xb6\xac[\xb7\xaeF\xa3\xa1\xcf-\x86&amp;Y\x92$q\x1c\xf7\xc3\x0f?\x8c\x181\x02\x00\x16\xac\xd8\xd0\xb5GOC\xae\x81\xbf\xcf\xfd\'\x84\xf8\x07\x04(\x14t\xea\xf2`\xe8CN\'\xb6Y\xad\x8f8Y\xa1\xbb\x8e\x03\xb5~\x80\x00\x01\xb8\xdd`1\x9b\xef\x7f.m|\x9fy;\xfd\xf9\xd8(\xab\xc5\xd2\xbf\x7f\xff\xd5\xabW3\x01`&lt;\x1d0\x01x\xda\xa0\xcb\xad\xf7\xfb\xc2\x18c\x83\xc1\xc0q\xdc\x8b/\xbe\xb8o\xdf\xbev\xed\xda\xed\xdd\xbb\xf7\x9e\xe7z:\xad\x17C\x08\x9e\xe6\x83\xb6l\xd9\xf2\x9f\x7f\xfe\xa9^3\xf2\xe7\xed\x079\xda\xc9\xe5\x7f!\x84(\x95\xca\xdf\x7fY}-5\x05q\x88\xe0\x07\xff\\\x11\xc7\x11\x8c\xeb5j\xd2!\xeeY\x87\xdd\x81\xd0\x7f\x17\x1d\xe2y\xde\xe9p\xac\xfaa\xa1\xcb\xe5\x04\x02\x15+W\xed\xd1\xefU\x97\xd3y\xff{\x97eY\xab\x0b|o\xc4k\xbf\xad\xff)00\xf0\xc2\x85\x0b\xe5\xca\x95+Pc\x06\x06\xc37\xf1\x95`+\xa3\xa8\xf0\x98~:\'\xa0v\x8a\xba\xf3AAA\x00@\xd3+\x15\n\x05\r\xc7\xd3g\xd1\x13\x8a\xcd\xab\xa5\x1e\xf4\xd1\xa3G\x8f\x1f?N\x08y\xa1\xf7+A\xa1\xba\x07&amp;\xff\x10Bx^X\xf9\xfdW\xb4F\xdb\xc3y\xf1\xe5\xd7\xba\xf5x\xd1f\xb5\xf1\xfc\x7f\x08\x80,\xcb:}\xc0\xdcO?\xfc\xf1\xfb\xaf\xe9\x91\xa8F1}^\x1d\xe6t8\xee7\xeb\x08\x00c\xd2\xfb\x95\xa1[6\xac1\x99Lk\xd6\xacy\xf7\xddw=+\x19\x0cF\xc9\x85\xade=\xb5\xd0\xa0\xb6 \x08&lt;\xcfs\x1cG\xcd=\xcd\xf9\x07\xda\xd7\x05!\x8e\xe3\x04A\xa0\xe7\x14\xa7?K\xc7\xb0a\xc3\x06Y\x96E\xa52\xb6c\x9c\xdd&amp;\xf1\x0f\x888\x11\x8e\xe3\xec\x0e\x1b\x00\x08\x82 \xfeW\x17\x04\xee\x11\xb7\xa7I\x92N\xaf\xdb\xf9\xc7\x1f?~\xff\xb5(*\x95J\xa5 \x08\x81Z\xdd\xbf\xcd\x869\x9e\xb7Y\xedu\x1aDW\xa9^\x03\x00~\xfd\xf5W\xba0\xfe(\xaf\xc5`\xf82\xcc\x85)-\x14I3\xc8\xa2\x82\xe7yY\x96\xff\xfa\xeb/\x00\xa8\xdb \xbaf\x9dz\x0e\xbb\x1d\xddgR\t\x01\x9e\xe7\xecv\x9b1/W\x92$\x84P\xad:Q\x95\xab\xd5p\xb9\xdd\xf7\xbc\x11\x8e\xe3%\xb7\xabn\xfdh\x97\xeb?RH\t\xc1\xa2R\x99\x95\x991\xf5\xfd\x91\x00\xe0r9\xe9`&lt;\x93\xa1\x07"I\xee\xe0\x10]\xdb\xce\xcf\xa6^JNLL\xba}\xfbv\x85\n\x15X\x14\x88Q\xd2a\x02\xc0(n\xe8\x12\xc5\xed\xdb\xb7\x93\x93\x93\x01\xa0ElG\x8dFa\xb3Z\x1f\x18Q\xe18\xcea\xb7[\xccf\x00 \x84\xbc\xfe\xce\x84\x01\xc3\x06\x18r\x1f\xbc\x06\xebv\xbbmV\xdb\xc3k\xa3bL4~\xea\x0fG\x0f\xb9u#M\xa9R\x07\x87\x86\xa5\xdfH\xfb\xcf1s\x08I\x12i\xd9\xb6\xd3\x8ao\xe7Y,\xe6c\xc7\x8eW\xa8P\xe11\xa5H1\x18\xc5\x06\x9b\xc62\x8a\x1b\x1ai9r\xe4\x88\xc9d\xe28\xaeaL\x0b\xb7\x9bp\x0fr\xa5\t!\x1c\xcf[\xcc&amp;\xa7\xc3N\x1f\xd7\xf8\xf9\x1b\xf3d\xb3\xc9h6\xde\xf7\x9f\xc9\xe8t\xd8\x1f\xee\x92K\x92\xa4\x0f\xd2\xfe\xb2j\xc5\x1f\x1b\xd7!\x84Z\xb5\xeb\xd4\xbaC\x97G\xc9\x83@\x1c\xe7t8kF\xd6\x0b\x0e\t\x05\x80={\xf6x\xf7\xde\x19\x0c\x9f\x82\t\x00\xa3\xb8\xa1\x067)\xe9,\x00\xf8\x07\x04\xd4\xa8U\xc7\xe5t\xdd\x1f\xff\xa1p\x1co6\x19].\'\x01\x04\x00Z}\x10\x00\xc7\xf3\x02\xc7\xf3\xf7\xfe\xc7\xf1\x0fO\xfe\xc1\x18k4\x9a\xd4K)3?y\x97\xe38 \xf0\xd6\x84)6\x8b\xe5Q\xc6L\xb7\xda\x85\x95\xad\x10^\xb5\x06\x00\x9c?\x7f\x0eX\x87\x00F\xc9\x87\t\x00\xa3\xb8\xa1\xcb\xa7\x89\x89g\x00\xa0l\xf9J:}\x10\x8d\xef?\xe0TBx\x9e3\x9b\x8c\xf4\xdf\n\x85" P\'\xcb\x92w\xaf\x8b\x00x\x81\x9b\xf4\xee\x1b\xc6\xbc\\\x8c\xf1+\xaf\xbf\xd5"6:3#\xfd\x11\x9fN\x08Q\x88\\\xe5\xea\x11\x00p\xf9\xf2e\xb3\xd9\x8c\x10\xcb\xa2f\x94l\x98\x000\x9e\x0c\x06\x83\x01\x00\xf4\xc1!~\x01\x81\xff\xb6\x00K\x008\x0e\x8cy9\xf4O\xa5Z\xed\xe7\xef\xefv\xb9\xb0,K\x92$K\x92,K\x18\xcb\x8fb\x85%I\xd2\x07\x07.]\xf0\xe5\xe1\xbfv\x03@\xedz\r\xc6}\xf2\x99\xc9 a\xe9Q\xe5\x84\x10"\x08P\xb6\\E\x000\x1aM\xbeS\xb0\x88\xc1\xf0\x1a\xb6\x08\xcc(Vh\xe6\x8c\xd9lNMM\x05\x80\xb2\xe5+q\x1c\xf9w\x0bN\x10\x02Cn.\xfd#0P\x17\x1aV\xd6?@M\x88\x1f\xc7\x01\x01\xc0\x18$7q:\xecn\xb7\x8b\xe3\xfe5\x93\x15\xcbr@@\xc0\x89\x7f\x8e\x7f=k\n\xc7\xf1\x82B\xf1\xe9\xbc\xc5J\x95\xda\xed\xc6\xf8_v\x96\xdd\x0fBH\x92\xa0L\xf9\x8a\x00`\xb1\x98SRR\x9a4i\xc2\x12\x81\x18%\x1a&amp;\x00\x8c\xe2\x06!\xe4v\xbb\r\x06\x13\x00\x84W\xa9\xa6P\xfc{ \x85\x00\xe2\xc0\xe0\x99\x01\xa8\xd4\xa7\x8f\x1f\xbdv%%\xf3\xf6-\x97\xd3)(\x84\x90\xd0\xb2\xd5j\xd6\xaeU\xb7~Hh\xb0\xc5l\xa3\xe5%\xee\xbd\x06!\x1c\xcf\xbb\\\xceO\xc6\x0ew:\xec\x000z\xfc\xf4\xc6\xcd\x9afg\xe6\xfa\x07\x06\x92\x7f-/t\xdf\xb0\x010\x86\xf0*\xd5\x00\xc0\xe5r\xd1\x19\x0c\x0b\x011J4L\x00\x18O\x00\x84\x90 \xf0\x00\xe0v\xbb\x1ffB\x11\x10\x0cFC.\xc7\xf1\x1c\xcf]\xbf\x96:\xb0{\xfb\xfb\xcf\xaaT\xb9\xda\xf3\xbd\x07\xbc\xf6\xc6;\x01\x81Z\x9b\xd5zOj&amp;\x96\xe5\xa0P\xdd\xf4\x0f\xde;w\xe6$\x004o\xd3\xf1\xf5\xb7\xdf3\xe4\x9a\xee/:\xf4(\xb8\xddn\xfa\x0f\xb6\r\x98\xf1\x14\xc0\xd6\x00\x18O\x86G\xf3\x9d\x11!\x90\x91~\x0bcYr\xbb\xa5\xbb\xc67?&lt;\xcf_\xbf\x96\xfa\xcd\x9cO\x07&lt;\xd7\xf6JJ\xb2\x9f\x9f\x1f\xc6\xff\xbf\xa2 KR\xa0N\xbbw{\xfc\xf2o\xe7q\x1c\xa7\xd5\xe9\xa7}\xf9\xad\x8c\xf1C\xea\xca\x15\xe9\xf8\x19\x0c\x9f\x86y1\x8c\'\x035\xa0\x0f\xf7\xa39\x8e\xb3\xdb\x1d\xc3\xdf\x1e\x9f\x97\x93u%\xe5b\x95\xea\x11\x15*U\x0e\t++\x8aJ\x87\xc3~\xfb\xe6\xf5\xb3gN\\\xbf\x9a\n\x00\nQL\xb9p\xf6\x8d\xfe/\xac\xdbv  PG\xd3\x8a\x08!\n\xa52/\'g\xf2{#iC\xb4\x0f&gt;\xfd\xb2zDDn\x8eA\x10\x04\x82\xb1\x17\xc3\xf6\x0c\x98\t\x00\xe3)\x80\t\x00\xe3\t\x80\x10\xa2\x96\xd4\x90\x97\x83\xf1\xbf\xae\xa3"\x84\xdc.w\xfd\xe8\xa6K\x7f\xd9n2\x1a\x82C\xcb\x88"\xcfq\x80\x10`\x02X\x06\x93\xd1\xb8\xf3\x8fM3&amp;\xbek\xcc\xcb\x15E\xe5\xf5\xab\xa9\x8b\xbe\xf8\xf4\xd3y\xdf\xe4\xe5\x1ay\x9e\xc7\x18\x07\xfa\xab\'\x8d{\xe3\xc6\xb5T\x00x\xf6\xa5~\xbd\x07\x0e\xca\xcb5z\x1d\xbdA\x08\x0c\xb99\x00\x80\x10\xc7B@\x8c\xa7\x00\x16\x02b\x14+\x08!\x8c\xb1V\xab\x8d\x8c\xac\r\x00)\xc9\xe7$\xe9a\x15\x8a\x10B\x16\x8b\x19c\xac\xd5\x059lVC\x9e17\xdb\x90\x9de\xc8\xcb6\x18\rF\x84\xb8\xfeC\x06\xcd_\xfa\xb3\xa8TR\xaf\xff\x8fM?\xdf\xbc~ST*%\xb7[\x1f\xa4\xdd\xbcn\xf5o?\xff\x08\x00e\xcaU\xf8p\xfa\\\xb3\xc9L\x08\x96\xf3\xe1q\xe4i\xb1\xbc{\x0e\xe6\x07\x13\xa2P@J\xf29\x00\xd0\xeb\xf5u\xea\xd4\x81\xbb{\x1a\x18\x8c\x12\n\xfb\xf92\x9e\x00\x08!\xb5Z\r\x006\xab\xd5\xe9xp\x170\x0f\xf4QIr#\x8e\xe3i\x81SA\xe0\x05\x81.\xf6\xde\xbe\x99\xdb\xaeK\xa7N\xddz`,\xf3\xbc`\xcc\xcb\xbdx&gt;Q\x14\x95*\xb5\xfaZ\xea\x95\xcf?\x1a\x8b\x10Rk\xfc\xe6/\xfb\xb9z\xcd\xf2j\x8d\xbf&gt;H\xaf\xd3kuz\xadN\xaf\xd7\xe9\x95\x82p\xa7Q\xb2\xa0P\xe8\xf4\x82V\xa7\xd7\xe9\xb5J\xa5\xea~\r@\x08\xc92\xa1\xbb\xd2DQT\xe4\xef\xb0\xcc`\x94L\xd84\x96Q\xdc\xd0bp\r\x1a4\xdc\xb6m\xdb\xf5\xab\x97\r\xb9\xd9\xfa\xe0\x10\xf7}\x05&gt;\xef\xe1\x81\x8f"\x848\x9e\x93%\xd2&lt;\xb6\xc3\x9f\x9b~\xa6R\x91\x91~\x93\xe7\x91\x8b\x90\xa9\xef\xbf\x95\x9b\x93\x05\x08\xd5\x8c\xac\x97\x93\x95\xb1\xe2\xdb\xe5&lt;\xcf\xff\xbf]\'D!*s\xb22\xe8_\x99\xe9\xb7\xd6\xff\xb8\xde\xe9t\x10Bj\xd7mP\xa3V\xa4\xcb\xe5\xca\xff\xa2\x08!\xb7\x1b]\xba\x90\x04\x00\x11\x115\x02\x03\x03Ys`FI\x87\t\x00\xe3\xc9\x10\x11Q\x03\x00,f\xf3\x8d\xb4\xabae\xcb\xdfcm\x0b\x02\xc2\x18\x05jupwa\xd6\xedr+\x14p=3\xe3\xf8\x91\xfd\xbc  \x803\'\xfey\xeb\xd5\x9e\x0f\xbf\xca\xa5\x0bIc\x86\xf6\xa5\xff~\xe7\xa3i\r\x1a7td\xd9\xf9|K\xbe\x82 \x18\xf3\xb2o]\xbf\x06\x00\xd5\xaaU\xa3\xb1,\xaf\x06\xcc`\xf8\n\xcc\x7fa\x147\xd4kn\xdd\xba\xb5R\xa9r\xbb]\xa7\x8e\x1d\x16\x95\\!\x8c)\xe18b1\x1b=\x7fku:B\x00\x108\x9d\x0eY\x92$I*|\xc6\x0e!D\xa9R]\xbex\xfe\xd6\x8d4\x00h\xdf\xbe=\xb0D F\xc9\x87\xcd\x00\x18\xc5\rmOV\xa5J\x95j\xd5\xaa\x9d?\x7f\xee\x9fC\x7f\r{\xfb\xbd\x7fu\xff\t\x911\xe68\xee\xdf\xcb&lt;`\x9eG\xa7\x8e\x1f\x05\x00\x19\xcb\x1c\xcf\x87W\xad\xe1r\x11\x85Bl\xd5\xae\xb3\xcdj\xf9\xd7\x92m\x048\x9e;w\xe6$\r\xeb\x07\xea\xf4u\xa2\x1a\x12\x02\x18\xcb\x15\xc3\xab\xba\xdd\xffS\xea\x07c,\x8a\xdc\xf1\xc3\x07dYV*U\xcd\x9b7\x07\xb6\x02\xcc(\xf90\x01`&lt;\x010\xc6\xa2(6o\xde\xec\xfc\xf9s\tG\x0e\xa4\xa5\xa6\x96\xadP\xf1\xfe(\x10!\xc0\x0bB\x80\x9f\xdaaw9\x9dv\x82\t\xe4kjF\x9b\x1e\x07\x87\x06\x9d;sv\xfbo\xbfp\x1cO0\xaeQ\xabN\x8dZulV\xab\x7f@\xe0\xf7k\xb6\xc0\xbf\x87\x95\x08\xc6j?\xbeg\xc76\tG\xf6\x03@T\xc3&amp;\xeb\xb6\xef0\x9bd\x8e\xe3\xdcn\x97\xc5l\xcb\xdf`\x92\xe7y\xbb\xcd\xb5{\xfbo\x08\xa1\xea\xd5\xabU\xadZ\x95\x10\xc2\x04\x80Q\xd2a\xbf\xe0\xa7\x19\x9a\xda(I\x92$I\xb2,c\x8ci\x9bx\xfa\x90\xe7\xf8\xbf%&gt;&gt;nz\xf6\xec\t\x00f\x93\xf1\xf0\xfe=\x1a?%\xfe\xdf\x9a\xa0\x18c??\xf5\x89#\x07\xe6\x7f&gt;%+3\xdd?@\x1b\x14\xa2\xd3\xea\xb4~\xfe\xfe\x1a\x8d\x9f\x9f\x7f\x80V\xaf\r\t\xd5\'\x9d&gt;\xf5\xce\x90&gt;\x16\xb3IP\x08\x84\x90\xbe\x83F\xf8\x07hhyQ\xab\xd5b\xb5\x98\x1f\xf2\x9f\xc5\xec\xc2w\x8bKK\x92d1\xcb\xf4\xb8\xfb\x7f\xa5\x88`\xacV\xabS\x92\xcf_H&lt;E\x08\xe9\xd6\xad\x9b(\x8a\x0fo!\xc9`\x94\x08\xd8\x0c\xe0i\x83\xfa\xc5\xd4?\xe58\xee\xfe\x9e\x85t\x07\x13\xed\x05\x9f\xff8\x95\x01\xfa\xac\xc7=H\x1a\x05\xea\xd0\xa1CDDDJJ\xca\xd6_\xd7\xf4\xec\xff\xda==a\x08!\xbc\xc0\x1b\x8dy\x0bgO\xfdq\xf1\xd7\r\x9b4o\xd8\xa4y\x8d\xdauCB\xcb(D\xd1\xe9p\xdc\xbaq\xed\xd0\xbe\x9d\xdb~\xdb\xe0t\xd8E\xa5\xd2\xe5t6k\xd5\xae\xefk\xaf\x9b\x0c\x16\xfa\xae\x1f\xfeF\x08=\xe1\xae\xa1G\x08qw\xb9\xe7L\x8c\xb1\xa8\x14\xfe\xdc\xfc\xb3\xd3\xe9\x14Eq\xd0\xa0A\xffyq\x06\xa3D\xc0\x04\xe0\xe9\x81\xfa\xfb\xc2\xdd\x04y\x00\xc8\xc9\xc99{\xf6\xec\xe5\xcb\x97\xaf_\xbf\x9e\x96\x96v\xf5\xda5\x0e\xa1\x93\'O\xf2&lt;\x9f\x90\x900n\xdc8\xadVW\xbf~T\xc5\x8a\x15\xeb\xd6\xad\xab\xd1h&lt;\xd7\xc1\x0f\r\xbb\x17\x1e\x84\x90$Ij\xb5\xba_\xbf~\x9f~\xfa\xe9?\x07\xff:q\xf4HL\xab\xd6\x16\x93\x99\xbb\xa7\x94\x1b\x96\x01\xc0d0\xfc\xbdk\xdb\xdf\xbb\xb6\xd1\x83\xb4\x8d\xbb\xe7R\x00\xe0r:\x9b\xb4l3o\xd9:\x00 \x04?\xbc5X~\xe8\xbe\x02\xfa\x8f\x07\x9e@\x08Q\x88bvf\xce\xc65\xcb\x11B\xad[\xb7\xae[\xb7.K\x00e&lt;\x1d0\x01x\x1a\xa0.?\xb5e\x18\xe3\xa3G\x8f\xee\xd8\xb1\xe3\xe0\xc1\x83\xa7N\x9f\xce\xca\xcc|\xe0S\xb2\xb3\xb3\xe7\xcd\x9b\xe7\xf9\xb3j\xd5\xaa\xd1\x8d\x1b\xc7\xb6n\xdd\xa5K\x97\xc8\xc8Hj\reY~|2@\x83N\xa3G\x8f\xfe\xfa\xeb\xaf\x8dF\xe3/\xab\x96\xb4l\xd7\x06\x13\xe21\xab\x08!\xa7\xd3U\xadF\xed\xc8\xa8F\xe7\x13O\xe6\x7fn\xfe\xf0\x0b!$4\xacl\xbf\xc1o\x0c}\xeb=A\x10\x9cN\xe7\xa3\x9bf\x84\x90\xd1\x90\'I\x12\x00\x98\x8c\x86\x07\xbeSY\x96u\xfa\x80\xdf~\xfe);\xe36\x01\x186l\x18\xdc\xdd\xca\xe0\xc5\xbbf0|\n\xd6\xd3\xaedC\xbduj\xafo\xdc\xb8\xb1n\xdd\xba\xd5\xabW\x9f:u*\xff9\x08APp\xa8J\xad\xa9\\\xad\x06]\x06\x00\x00Y\x96\xaf\xa5^\x92\xdcnC^n\xfe\x93\x95Je\xbbv\xed\x06\x0c\x18\xd0\xbd{\xf7\xc0\xc0@z\xe6\xbfy\xc7\xdeA\x07\xc0q\x9c\xcb\xe5Z\xbcx\xf1\x94)S\xcc\x16\x8b$IK\xd6\xfd\x19\xdb\xb1\x93\xc9h\xf6\xbc\x1c!\x84\x16u8\x9dp4\xe1\xc8\x81K\xe7\x93n\xdf\xbaa\xb1\x98eI\x12\x14\x8a@\xad\xaeZD\xed\xe8f\xadZ\xb6\xedT\xa1R\x05\xb3\xc9J\x15\xebQ\xc7A\x88\xa0P\xfc\xbaf\xc5\xed\x9b\xd7\x01\xa0b\xe5\xaa=\xfa\xbd\xear:\xff\'\xfaO\x88 \x08&amp;C^\x8f\xf6\x8ds\xb22"""N\x9f&gt;-\x8a"\xca\xb7\x16\xcd`\x94\\\x98\x00\x94`&lt;\xa69))i\xde\xbcy\x9b6m\xca\xcb\xcb\xa3\x0f)\x95\xca\xc8\xa8\x86\xf5\xa3\x9bE7mY\xa6|\x85\x8a\x95\xab\t\x82"($\x94~\xdd\x08\x01\x96qNv\xa6\xcb\xe5LK\xbdt#\xed\xea\xc9\x7f\x0e%\x9dJ\xb8x.\xd1\xf3k\x08\x0f\xaf&lt;x\xf0\xa0\x91#G\x86\x85\x85\x11B\x8a$\xe9%\xbf\\m\xdb\xb6\xed\x83\x0f&gt;8s\xe6\x0c}\x08\x014j\xd6j\xcd\x1f\x7fY-\xd6\xfc/D[ni4~\x82\x88\xb0\x0cn\x97\xe4t:\xe8E\x94*\x95B\xe4\x81\x80\xcd\xe6p9\x1d\x0f\xe9\x08\xf6\x90\xf1\x04\x04\x06\xd0\xa5\x10\xb7\x1b,f\xf3=W\x90\xdc\xee\xd02\xfaO?\x18\xbft\xe1\x17\x00\xb0~\xfd\xfa\xde\xbd{\x17\xb9"2\x18O\n&amp;\x00%\x12\x8f%5\x1a\x8ds\xe6\xcc\x99;w\xae\xddn\xa7\x0fE7k\xd5\xe1\x99\xe7b;\xc6\xd5\xa8UG\xa5\x11\xb1\x0c\xb2\x8c].\x17\xc1D\x92\\\xf9\xcb\xe0+\x14"BHT*y\x01\x10\x80\xc9hI:u|o\xfc\x96\xbfwmKI&gt;O\xcf\xa9X\xb1\xe2\xb4i\xd3\x06\x0f\x1e\x0c\x85\x9b\nx\xd6\'\x00 ))i\xc2\x84\t\x7f\xfe\xf9\'}\xa8O\x9f&gt;\x15*T\xa0\xf1\xa8\x0f&gt;\x9d\xfb\xc6\xb8qY\xb7\xf3\x84\xff\xad\xb4\x83\xb1Ls@iH\x8a\xa6\xf6c\x8c\t\xc1\x00\xa80q*O\x06\x14B\xe8\x9ew\'KR\xa06\xf0\xc4?G^\xed\xd1\xc1\xedru\xee\xdc9&gt;&gt;\x9eY\x7f\xc6\xd3\x04\x13\x80\x92\x87\'\x00\xbd~\xfd\xfaI\x93&amp;%\'\'\x03\x80R\xa9\x8a\xeb\xde\xeb\xb9\x9e/\xb7j\xdfE\xa9\x14\x9cN\xc9a\xb7cY\xa6\x89\xf3\xd4&gt;\xde\x97eO\xf3Aib(\xe2y^\xad\xf1\x13E\x94\x97k\xd8\xb1u\xf3\xd6\rk\x0e\xee\xdbI\xcf\xec\xd8\xb1\xe3\xec\xd9\xb3\xa3\xa3\xa3\xbd[\x15\xf0\x18\xcd\xcc\xcc\xcc\xcf&gt;\xfbl\xc9\x92%T\xae\xea\xd7\xaf?s\xe6\xcc\xae]\xbb\x12Bj\xd7\xae}\xe9\xd2%\x8d\x9f\xff\x8f\x9b\xf7\xd4m\xd8\xc8b2\xff{\xc7.B\xc8\x83K\x03\x15!\x84`\x9e\xe7%\xc9\xfdr\xd7\xd8K\x17\xcer\x1c\x7f\xf6lR\xcd\x9a5</t>
        </is>
      </c>
    </row>
    <row r="59">
      <c r="A59" s="1" t="n">
        <v>57</v>
      </c>
      <c r="B59" t="inlineStr">
        <is>
          <t>shape_morph</t>
        </is>
      </c>
      <c r="C59" t="inlineStr">
        <is>
          <t>What is the missing shape of the part denoted with a question mark?</t>
        </is>
      </c>
      <c r="D59" t="inlineStr">
        <is>
          <t>['pentagon', 'hexagon', 'square', 'triangle']</t>
        </is>
      </c>
      <c r="E59" t="inlineStr">
        <is>
          <t>hexagon</t>
        </is>
      </c>
      <c r="F59" t="inlineStr">
        <is>
          <t>There are eight shapes arranged in a grid. The top left shape is a circle and the bottom right shape is a ?. The other shapes do not appear to regular shapes.</t>
        </is>
      </c>
      <c r="G59" t="inlineStr">
        <is>
          <t>We observe that from the top left to bottom right direction, the shapes look like a circle but gradually change shape into something like a hexagon. Hence, the pattern is the the shapes are morphing between circle and hexagon shapes.</t>
        </is>
      </c>
      <c r="H59" t="inlineStr">
        <is>
          <t>Based on the pattern that the shapes are morphing between circle and hexagon shapes, the missing shape at the bottom right should be a hexagon.</t>
        </is>
      </c>
      <c r="I59" t="inlineStr">
        <is>
          <t>b'\x89PNG\r\n\x1a\n\x00\x00\x00\rIHDR\x00\x00\x02\x00\x00\x00\x02\x00\x08\x02\x00\x00\x00{\x1aC\xad\x00\x00\xb2\xa1IDATx\x9c\xec\x9dy\\TU\xff\xc7\xcf\xdd\xe6\xce\xce0,\x03\x81\x82\x02\x02"\x9b\x84\x88\xa9\xa8\xb8d\x9ai\xa9\xa9i\xdab\x9b\x9aK&gt;&gt;\x95\x8f\xd6\xd3\x93\xad\xa6\x8f[\xabOi\xe6\x92h\xa9I\xa6\x88\x8a\x9a\x08\xa8l\x9a,\xa2\xa0\x18;\x0c\xb3\xdf\xb9\xdb\xef\x8f\x13\xfcH\xcb\xacP`\xeey\xff\xe1\x0b\x99a\xe6\xdcs\xce\xfd~\xbe\xe7{\xbe\xe7{1Q\x14\x01\x02\x81@ \xa4\x07\xde\xd1\r@ \x10\x08D\xc7\x80\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Bvt\x03$\x87(\x8a\xb7x\x15\xc3\xb0\xbb\xd6\x12\x04\x02!q\x90\x00\xdcYDQ\x14\x04\x01\xfe\x80\xe38\x00\x00\xfe\xfb{\xc07\x0b\x82\x00\x95\x00\xc7q$\t\x08\x04\xe2\x0e\x81\xdd\xda!E\xfc\x05\x04A\x10EQ\x14E\x0c\xc3\x08\x82\xb8\xf9\xd5\xe6\xe6f\x0c\xfbU\xcf\xc3\xff\xba\xb9\xb9\xdd,\x0f&lt;\xcf\xc3\x8f\xc20\xec\xd6\xe2\x81\xb8\x05b\x0bm\x7f\xd3\xfas[\x95\xc5Z\xb8\xab\xedC :\x02$\x00\xed\x06t\xf6o0\xd36\x9b\xed\xc2\x85\x0bF\xa3\xf1\xd0\xa1Cg\xcf\x9e\x15E\xb1\xba\xba\xba\xa6\xa6\xe67?\xc1`0\xf8\xf8\xf8`\x18\x16\x17\x177r\xe4H\x9dN\x17\x11\x11\xa1T*[\xdf\x00\xa5\x05-\x0b\xfe\x10h\xeb\xe1r\xea\xafig\xab\x8a\x83\x96u\x18\xeas\x84\xeb\x81\x04\xa0\x1d\x80\xc6\xa2\xd5\xd9\xbf~\xfdzVVVAA\xc1\xd5\xabW\x0f\x1f&gt;|\xed\xda\xb5\xbf\xfc\xc9\xdd\xbau\x1b&gt;|x\xf7\xee\xdd\xa3\xa2\xa2\x12\x12\x12\xfc\xfc\xfc\xe0\xefy\x9eG\x0b\x82\x1bh5\xfa8\x8e\xdf\xdc3&amp;\x93\xc9d2\x95\x96\x96\xc2\xff\xb2,\x9b\x93\x93\xc3q\x1c\x00\x80$\xc9\xf8\xf8x\x8a\xa2\xe0K!!!Z\xadV\xab\xd5\xde\xf0\t\x82 \xc0\x0fGbp\x9b\xb4]u\xdd\xb0\xde\xba\xb9\x03oX\x9f\xc17\xa0\xd5\xd8\x9d\x06\t\xc0_\xa7\xd5\xc7\x84\xa6\x9f\xe7\xf9\x03?\xfc\xb0z\xd5\xaa3g\xce\x98L\xa6\xd6\xb7\x11\x04\xd1+0\xe0b\xd9e\x00@T\xaf^f\xab\xf5\xca\xf5\xeb\xbf\xf9\x81=\xfc\xfc4*UAI\t\x00 &lt;\xa8gIy\x05\xcf\xf3\xad\xafj\xb5\xda{\xef\xbdw\xe1\xa2E\xa3\xef\xbf\xbf\xf5\x1b\x81\xe4\xf7\tDQ\xe4y\x9e \x88\xb6\x9d\xd0\xdc\xdcl6\x9b\xd3\xd2\xd2***\n\x0b\x0bkkk/^\xbch\xb1X\x18\x86\xf9\xc3\x0f\xa4iZ\xadV\x87\x87\x87{{{GFF\x06\x04\x04\x8c\x181B\xa3\xd1\xb8\xb9\xb9\xdd\xfaK%N\xdb5\x13\xf4N\xda\xabs\xe0\x8d\xd6\xfa\xc9\xc8\xf5iG\x90\x00\xfcE\xe0\xfd\x0f\x7f\xce\xcc\xcc\xfc\xec\xb3\xcf\xb2\xb2\xb2\xae\\\xbadw:\xe1/\xc3\x83\x82\xea\x1a\x1b\xeb\x9b\x9a\xdc\xdd\xdcfO|$\xa7\xf0|\xbf\xc8\xc8\x90\x80\x80\x9e\xdd\xfc\x1d\x0c\x03\x00h\xdb\xef\xf0F\x91\xd3\xf4\xe5k\x95\xa5\x15\x15\xd9\x85\x85\xf1\x91}&gt;\xdb\xb5\xbb\xa9\xb9\xd9\xd3\xdd\xddK\xaf\xbfXV\x06\xdf\xa9\x90\xc9z\x04\x07\'$$\xcc\x9e=;11\xf1\xe6\xc6H\x04\xe8\x8f\xb7\xdde165U\xd7\xd4\xec\xdf\xbf\xff\x87\x1f~\xc8\xcb\xcb\xb3X\xad\x8c\xc3\xd1\xfa~\x85LF\xd3\xb4\xd1l\x86\xdb-\xe3\x86\r=\x9a\x95m\xb6Z\x01\x00\x1a\x95jhB\xbf}G\x8e\xc2\x97t\x1a\r\xc30\xad\xe3\x08\x00\xa0\xe5r\xb5J\x15\x13\x13s\xff\xfd\xf7\x8f\x1d;\xd6\xc7`\xd0\xb9\xbb\xc3\x97\xe0\x0e\xcdo\xae9\\\x9e\xb6{]\xbfi\xee\x8dFcuuuUU\x15\xc7q\xd9\xd9\xd9\x1c\xc7AkSQQQQQ\xd1\xba\r\x06\x7f\x08\x08\x08\x08\x08\x08\x80\xff%I\xb2_\xbf~$I\xfa\xfa\xfa\xfa\xf8\xf8\xe8t\xba\x1b&gt;\xb9U\x12\x90\x1e\xfcM\x90\x00\xfci\xa0\xdd\x81\xd3=--m\xfd\xfa\xf5\x87\xd3\xd2lv;\x00@\xa7\xd5F\x04\x07\x9f\xca\xcd\r\xef\xd9s\xd4\xc0\xfb\xee\xf1\xf2\xf6\xd0\xe9\x86%\xf6wW\xab5*\x15F\xd3\x80\xe3D\x9e\xc7~\xc7X\xff\xf2\x12I\x8a\x0cc\xb6Z\x9b,\x96#\x99\xa7\x1b\x8c\xc6\x9f\xebj\x0f\x9e\xfc\xf1\xe2\xe5\xcb\x03bc/\\\xbad4\x99\x00\x00J\x85b\xf8\x88\x11s\xe7\xce\x1d1b\x04h\xb9%\xa4 \x037\x04\xdc*++\xd7\xacY\x93\x91\x91Q\\Rb1\x9b\xe1\x9aL)\x97\xcbe\xb2F\x93):,\xf4B\xe9\xa5\xc4\x98\x98\x9f\xca\xca\x92\xe2\xe3\x8f\x9c&gt;-\xa3(\'\xcb\xce\x996\xb5\xa2\xba\xfa\xea\xf5\xeb\x00\x80\xee~~\x01&gt;&gt;\x1b\xb6m\x87/\r\xeb\xdf?#\'\xa7wPPf^^DHp~Q\xb1^\xabu8\x9d6\x87\x03\x00\x80\xe3\xb8Z\xa3\t\xed\xd5+))i\xfe\xfc\xf9\xfe\xfe\xfe\xb0\x19\xd2\t\xcaA\xe9\xbdy\xf5s\xed\xda\xb5\xd2\xd2\xd2\xc2\xc2\xc2\xea\xea\x9a\xb3\xe7\xce\xd6\xd5\xd5\x95\x95\x95Y-\x168"\x7f\r\x1c\xc7UjuPP\x90\x97\x97W\\\xdf8\x1f\x1fCdddHHH\xb7n\xdd\xda\xbe\r.\xc8\xa4)\xc3\x7f\x13$\x00\x7f\x028\xf5I\x92\x04\x00\xec\xdb\xb7\xef\xcd\x15+r\xb2\xb3\x01\x00\x91!!Mfseu\xb5\x8f\x97\xd7K\xb3f\x06\x07\x04\x0c\x8b\x8fW)\x95\x04A\x00\x1cw:\x1c\x1c\xcf\xf3&lt;/\x88"\x06\xfd\x9d\xdf\xf9|\x0cFB\x01\xc01\x8c \x08\x92 dr9\x10\x04\x9e\xe7\xad6\xdb\x91\x9c\x9cK\x15\x15\x1fl\xda\\]W\xe7\xef\xe3\xe3\xae\xd1\x14\x96\x96\x02\x00\xe2\xfb\xf5\xfb\xd7\xd2\xa5\xe3\xc6\x8d\x03\x00p\x1c\xe7\xda\xb7A\xebZ\xa7\xb2\xb22--\xed\xc4\x89\x13i\x87\x0eU^\xbf\x0e\x00\xf0ps\xb39\x1cv\x86\x01\x00\x18&lt;=\x06\xc4\xc4\x9c\xce/\x986v\x8cZ\xa1L\x8c\x89\xc60,\xacG\x0f\x1c\xc7q\x0c\x17\x81(\x97\xc9\xf4:\x1d4`"\x00\x8dF\xa3\xc3\xe9\xc4\x00&amp;\x88\x82 \x08EW\xae\x88\xa2\x98\x99\x97o\xb1\xdb\xb6\xedO\xed\x1f\x1du*/\xaf\xa6\xbe\x01\x00\xa0\xa0i\xa5\\\xde\xd0\xdc\x0c\x00\xf0\xf7\xf3\x1b1r\xe4\xa0A\x83F\x8e\x1c\t\xb7g\\~)\x06wA\xe0\xcfW\xaf^\xbdt\xe9RaA\xc1\xb1\xe3\xc7+**J\x8a\x8b\xadVk\xeb;=\xb4Z\x0c\xc7\xed\x0cc\xb5\xdb\x1fJ\x1ev\xe4t\x16\\o\xb5\xae\x8co\xf8\xe4\xb6+]\x8dJ5\xac\x7f\xc2\xde\xf4#*\x85BA\xd3\xa2 4\xb4\x89\xa9\xaaT\xaa^\xa1\xa1\x01\x01\x01C\x06\x0f\x8e\x8c\x8a\n\x0e\x0e\xee\xde\xbd\xfb\xcd\xcdC\xdc\x0eH\x00n\x8b\xb6\xfe\xf5\x85\x0b\x17\x16-Zt\xe8\xd0!\x83\xde\xbd\xa6\xb1\t\x00\xa0R(^}\xe6\x19\xadZ=r\xd0\xc0 \x7f\x7f\x82 l6\x1b\x0f\xa3\x96\x7f#i\xe7\x97=\x06\x0c\xc30\x8c\xc0q\xa5R\xc9\xf3|Ye\xe5\xa1\x13\'M\x16\xcb[\x9f~j\xb5\xdb\x01\x00\x06\xbd\xbe\xa6\xb1q\xd8\xb0aK_}uXr2\x00\x00zC.\x16\x9en\r\x17\\\xbe|y\xe3\xff\xfe\xb7n\xedZ\x8b\xc5\x02\x00\xf0ps\x0b\xf4\xf7?{\xe1\xc2\x80\x98\x18\x8e\xe7)\x92\x9c\xf4\xc0\xe8\xf0\xc0\xc0^\x81\x81J\x9a\xf6\xf6\xf4\x04\x04!\xb0,\x8e\xe3\x0c\xc3\x00\x0c\x03\xa2\x08\x00\x10D\x11\xee\x00CH\x92\xc4awa\x18\x10E\x9a\xa6\x05A\xc0)\n\xf0|m}\xbd\x8daJ\xca\xcb/\x96\x97\xa7|\x7f\x80\xe58\x92 N\xe5\xe5\xc5ED\x94WVB%P(\x95\xf3\xe6\xcd\x9b&lt;iR\\\\\\k;;\xa2\x93\xee,\x1c\xc7\x91$y\xe5\xca\x95\xdd\xbbw\x7f\xfb\xed\xb7\xf9\xf9\xf9\xad\x16\x1fN\xc2AqqW\xab\xaa\xfaF\xf4&gt;y\xf6\xdc\x83C\x86\x9c8wN\xadP\\\xb9~}\xee\xb4\xa9\xe5UUW\xaf_\xc7\x00\x16\x1b\x1e\xde\xc3\xcf\xaf\xb6\xb1\x11\xfc2\x14\x00\xc3\x00\x10\x81\xb7^\x7f\xe5\xfa\xf5\xdc\x8b\x17E v\xf7\xf3\x0b\xf4\xf5]\xbfm{\x0f??\x8b\xdd&gt;\xa8o\xdf\xef\x8e\x1d\x1b\x18\xd7\xf7\xdc\x85\x9f\xba\xfb\xfa\x9e8{\x16~\x1d\xfcj\x95J\x15\x1d\x1d=a\xc2\x84\xa1C\x87\xc6\xc5\xc5\xb9\xbc\x06\xb7/H\x00\xfe\x18\x18j\x04\x00deem\xd8\xb0!%%\xc5\xe1p\xe0\x04\x11\x1f\x11\xc18\x9d\x9e\xee\xba\x05\x8f?&gt;b\xc0\x00\x99\\\xce:\x1c\x0e\x86\x11E\x00SE\xda\xb7\r\x82 b\x18\x90\xd34%\x97;\x1d\x8e\xb4S\xa7\xfe\xfb\xe5\x96\x06\xa3\x11\xc3\xb1+\x95\xd7\x8d\xcd\xcd"\x00\x8f?\xfe\xf8\x0b/\xbc\x90\x90\x90\xd0\xb6\xd9.@\xabg\xb7n\xdd\xbae\xcb\x969\xacV\xb9\\\xdel\xb1\x00\x00p\x1c_\xfc\xc4,7\x8dvDb\x7f/\xbd^\xaf\xd5j=&lt;\x00\xc30,+\x8a"\xcb\xb2\xb0\x1f\xe0\xba\xea\xff?\xf1\xd7]\x03\xf3T\xfe\xff\xebD\x11k\xe9@\x8a\xa20\x0c\xa3)\n\xd0\xb4\xa9\xa1\xa1\xd1d\xaaklL\xcb&lt;\xddl6\xad\xfcb\x13\x8co\xf8xx\x08\x02_\xdbd\\\xbdz\xf5\x82\x05\x0b\x80+\xba\xa2\xd0\xfa\x7f\xfb\xed\xb7\xd3\xa7O\xb7\xd9l\xf0\x97\x8911\xcd\x16\xcbO\x97.\xad\x98?\x7f\xc5\'\x9f\x8c\x1d2\xc4\xd7\xcb\xcb\xc7\xd3C\xaePD\x05\x07\xcbd2?oo\x9a\xa2\xe86\xeb-\x8e\xe7I\x92\x04-9W\xff\x0f\xcbr\x1cG\x12\x04hY\x931N\'\xc3\xb2\xd7kk\x9dNg\xc1\xa5K\x0e\xbb\xbd\xba\xbe\xa1\xaa\xaen\xff\xb1cK\x9f}v\xe9\x9a5\xbd\x83\x83\xdd\xd4\xea\xcc\xbc\xbc\xd6\xcfHII\x998q"l\xea\xdd\xe8\x94\xae\x0f\x12\x80?\x00:\x14,\xcb\xaeX\xb1b\xc5\x8a\x15\x1c\xc7\x118\x1e\xe8\xefWv\xf5\xda\xf4\x07\x1f\\\xb1p\x81\x9f\x97\'A\xc9,f3\x0f\x13\x10\xef\xb0\xcd\x15\xe0Z\x04\xc7\xd5\x1a\r\xcf\xb2\x9555o}\xf2\xe9\x91\xac\xacKW\xafF\x85\x86\x16\x14\x17S$\xb9t\xe9\xd2W\x97.\xa5(\xca5\xbc!x\x15MMMS\xa7N=x\xf0 \x00@\xadR\r\xea\xdb\xf7Je\xe5\xf0\x01\x03\x06\xc5\xf5\x1d5p\xa0\x9bN\'0\x0c\xcb\xf3&lt;\xcf\xb3,\x8b\xb5\x0c\xc4\xdf\x97@\xb1e\xc5 \n\x02EQ\x04AP\x04\x81\xd3t\xb3\xd1x\xf0\xe4\xc9\x13g\xcf\x1d&gt;u*.\xa2\xf7\x8f\xb9y\xd7\xaa\xaby\x9e\x1f5j\xd4\xf6\xed\xdb\xdd\xdd\xdd]\xa3\xf3!&lt;\xc7\x11$\xb9c\xc7\x8e\xc5\x0b\x17\x02A\xb8^[\x0b\x00 \x08b\xd2\xa8\x91\x0f\x0c\x1a\x9c]X0g\xeaT\x11`n\x1a\xb5\x8f\x87\x87 \x8a$M\x0bN\'\x8e\xe3N\x96\x15E\xf1W\xeb-\x0c\x13EQ\x14D\xf0k\x05\xc6\xa0\xcf\xd4b\x8e\xe0\x9a\x0c\xc30\x19E\t\x82\x80\xcbd\x1c\xc3\xe0\x18V\xdd\xd0\xd0l\xb6`@\xdc\xb0}{\xbf\xc8\xa8\xefO\x1cO9x\x08\xa6\xc3\x05\xfa\xf9\xb1&lt;\xbfr\xf5\xea)S\xa6\xc0\x06\xdf\xddN\xea\x92 \x01\xb8\x15\xd0\x95hjj\x1a7n\xdc\xc9\x93\'I\x82\xe0x\x1e\x00\x90\x10\x15\xb5\xfc\x85\xe7G\r\x18\xc0\x8b"\xc30m\xf7$\xef\x1ap\xd7\x91\x96\xc9d4\xbd\xff\xc8\x91\xcd{\xf7Z\xed\x8e\x03\'N\xc0\x9d\xcc\x81\x03\x07\xee\xdb\xb7\xcf\xdd\xdd\xbd\xab{C\xad\xd6\x7f\xd4\xa8Q999\xb4L\xc68\x9d\xdez\xfd\xe7+\xde\x1c\x18\x17\xe7\xe6\xae\x03,g\xb3\xdbY\x8e\xc3[v\xe6\xef\xdc\xba\xa75\xa5]\x10E\x8a$\x95\n\x05\xa0(SS\xd3\xe9\xfc\xfcI\x0b\x17\x99,\x16\x99L\xe6t:\xe3\xe3\xe3\x0f\x1e&lt;\xe82\x1a\x00\xa7\xd0\xe1\xc3\x87a\xba\xc1\xcb\xb3gg\xe6\xe6\x0e\xbe\xf7\xdeG\xc7\x8e\xd1k4\x06\x0f\x0f\\&amp;s\xdal8\x8e\xf3&lt;\xefdY\x80a\x82 \xfcJ\x80\xff\xfc\x90\xb4\xae\xc9Z\x05\x18\xc7q \x8a2\x8a"\x08B\x10\x04\x99R)8\x9d5\r\r\r&amp;\xd3\xb7\x07\x0f\xed\xcf8\x16\x1f\x19\xb9a\xdbv\x00@ZZ\xda\xf0\xe1\xc3\xbb\xfa\xcc\xbf; \x01\xf8]\xe0*\xbe\xa4\xa4d\xfa\xf4\xe9999\x14E\xb1,\x1b\xdc\xbd\xfb\x8a\x85\x0bF&amp;&amp;\xea\xb4Z\xb3\xd5\nZ*\xfct\x14\xd0\x18iU*\x80\xe3\xa9\x19\x19\x0b\xdez\xfb\xd2\xd5\xab\xb0\xa9\xf1\xf1\xf1_}\xf5U\xaf^\xbd\xban8\x02\xde\xc3yyyO&gt;\xf9dnn.N\x10\x02\xcfO\x1a5\xea\xfd%K\x02|}l6\x1b\xcb\xf3p\x83\xa4C\x9a\xc7\x0b\x02\\\x16\xc8i\xba\xb2\xb6v\xf1\xbb\xef\xa5\x1c&lt;\x08\x1b\x19\x1b\x1b\xfb\xf9\xe7\x9f\xc7\xc4\xc4tu3\xd4\x1a\xf9\x99\xfd\xf4\xd3\xb1aa\x1999j\x85\xa2p\xdf^?\x83\x81\xe78\x96eY\x8e\x13D\x91\xc0q\x11\x00\xec\xceo~\xc0,\t\x0c\x00^\x10p\x0c\xa3H\x92\xa2(B&amp;\xbb^U\x15\xfe\xc0\x18\x07\xcb&amp;\xc5\xc7\xe7\x16\x15}\xb6q\xe3\x84\t\x13\xbaz\xe7\xdf\x05\x90\x00\xfc\x06\xad[\xbe\xeb\xd7\xaf[\xb6l\xb9\xd1h\x0c\xea\xde\xbd\xe2\xfa\xf5\xd9\x13\'\xfeg\xc1|\x0f\x0f\x0f\x9b\xd9\xccq\\\xe7q\xeexA\x00\xa2\xa8\xd5j\x1b\x8c\xc6e\xff]\xf3\xd9\xae]\x01~~eW\xaf\xeat\xba\xff\xfc\xe7\x8d\xb9s\xe7u\xc5max\xf7\xe6\xe4\xe4\x8c\x189\xb2\xd9h\x0c\x0e\x08hjn^\xfa\xec3\x0bg?\xcdX\xac\x0c\xc3\xe0\x04\xd1\x19\xae\x07j0-\x93\xd1*\xd5\xea\x8d\x1bW|\xf2\xa9\xbb\x9b\xdb\xa5\x8a\n7\x9d.\xed\xd0\xa1\xf8\xf8\xf8\xaek\x86\xa0\xebPWW\x17\x11\x11QWW\x97\x9c\x98\xf8\xc0\xa0\x81&gt;^\xde\x93\x1e\x18m3\x9b;\xc3\xa1hx\x10\x81\x17\x04\x95F\xb3\xeb\xc0\x0fU\xb55\xdf\x9f8\x99\x9e\x99\xe9\xe5\xe5u\xe1\xc2\x05//\xaf\xae\xeb\xfd\xdc\x1d\x90\x00\xdcHk\x9a\xff\x7fW\xaf^\xb8h\x11\x00\x00\xc30\x95\\\xbe\xf1\xcd\xff&lt;:n\x9c\xddlv\xb2,\xd9iL\x7f[x\x9e\xa7(J\xa1\xd1|\xbdo\xdf\xd3\xffZfu8\xe0\xe0\xae^\xb5j\xc1\xc2\x85\xf0V\xe9*7\x034\x9a{\xf7\xecyl\xc6\x0c\x81ear\xe7\xb6\xf7\xdf\x9b:~\xbc\xa9\xb1\xb1\x13f\xdc\xc3\xd3\tZ\xbd~\xfb\x9e=\xd3\xfe\xb1\x04\x00\xa0\xa0i\x9c\xa2\xb6n\xd9\xf2\xd0\xf8\xf1]Q\x03\xe0\x1e8\x0c\xbe\xe5\xe5\xe6\xea\xdc\xdc\xea\x1a\x1a\xf6mX\xff\xe0\x03\x0f4\xd7\xd6v\xb6[\x80\xe3y7o\xef\xef\xbe\xff~\xdc\x9c\xb9^\x1e\x1e\xc6\xe6\xe6\x98\xd8X\x18\x88s\xa5l\x88v\x07\t\xc0\xaf\x80\xfe\x82\xcdf\x9b9k\xd6\xae\x94\x94\xe9\xe3\x1e&lt;\x96\x9d]\xd7\xd8\xf4\xe9\x1bo&lt;6v\x8c\xd5f\xc3;\xda\xe5\xb95\xd0\x1bU)\x95[\xf7\xa7&gt;\xb3|\xb9\x97\xde}H\xbf~_\xed\xfbn\xe2\xa4I\x9b7mR*\x95]\xc2!\x82\xe6\xf2\xec\x993#F\x8e\xb4Y\xad^z\xbd\x9bJ\xf5\x9f\xf9/\x8e\x1b6\xccj\xb3\xe18\xde9\x07@\x04@\x10\x04\x95R\xb9\xef\xc8\x91ek\xd66[\xadu\x8d\x8dJ\x95*\xed\xd0\xa1\xb8{\xef\xedZ\x1a\x00\x8fV9\x1c\x8e\xe4\xe4\xe4\xec\xeclZ&amp;\x0b\xed\x11\xf8\xf4#\x8f&lt;?e\x8a\xcdn\xef&lt;k\xdf\xb6\xf0&lt;\xafT(&gt;\xda\xb1c\xe3\xee\xdd\xc5W\xca\x19\xa7\xb3_\xbf~\xe9\xe9\xe9r\xb9\x1c\x15\xed\xf8=:\xbb-\xb8\x9b@O\xa1\xb9\xb9y\xee\x9c9\xbbRR\x00\x00\'\xcf\x9e{\xf9\xa9\xa7\x0f\x7f\xf1\xf9\xe3\x93\'Ym6\xa2\xd3GQ`@\xdcj\xb3=&gt;y\xd2\xe1/&gt;\x7f\xf9\xa9\xa7O\x9e=\x07\x00\xd8\x95\x922w\xce\x9c\x9b\xcbPwBx\x9e\x87\xc9\xe6IC\x87655\xdd\xe3\xed\xedd\xd9e/\xbc0\xe1\xa1q\x16\xab\x95\xe8\xac\xd6\x1f\x00\x80\x01@\xe0\xb8\xc5j\x9d\xf0\xd0\xb8e/\xbc\xe0d\xd9{\xbc\xbd\x9b\x9a\x9a\x92\x86\x0e\xbdr\xe5\nI\x92m+;ur\xe0(\xbc\xfc\xf2\xcb\xd9\xd9\xd9\n\xb9\xdc\xc9\xb2O=\xfc\xf0\xbc\xa7\x9f\xee\xb4\xd6\x1f\x00@\x10\x84\xcdn\x9f\xf7\xf4\xd3O=\xfc\xb0\x93e\x15ryvv\xf6\xcb/\xbf\xdc\xb5z\xfe.\xd3\xd9\xcd\xc1]\x03\xc6\xfd9\x9e\x7fb\xe6\xcc\xed;v\xcc\x9e4\xa9\xe8r\xd9\xb5\xea\xea\xa3[\xb6\x04\xdes\x8f\xb1\xa9\x89\xba9s\xb9\x13\xc3\xb2\xac\xce\xdd\xbd\xfc\xe7\x9f\x87\xce\x98\xd1\xcd\xc7\'\xacg\xd0g))S\xa7L\xf9b\xf3f\x92 :\xed~\x00L\xab\xbfx\xf1\xe2\xac\x993\x8du\xb5\x97\xae^S\xd0\xf2#_|\xde/:\xcal6w\x15\x0f\x9a\xe38\x8dF\x93\x9d_0\xec\x89\'\xed\x8c#\xb8{7\x9d\x97\xf7\xa6\xcd\x9b\xc3\xc3\xc3\xc1\x1f=\x11\xa83\x00\x17+\x9b7o\x9e5k\x96V\xad6Y,\xd3\xc7\x8e\xdd\xb2~\x9d\xb1\xba\x9a\xea\xf4C\xc0r\x9c\xce\xc7g\xc6\xdcy_\xed\xdf\x0f\x1b\xbfi\xd3\xa6\x993gv\xad\x15\xd8]\x03\t\x00\x00-[I8\x8e\xdf?zt\xfa\xc1\x83OL\x9c\xb8\xe3\xfb\xef\xdf|\xf1\xc5\x19\x13\xc6\xab\x15\n\x9b\xd5\xda\x15\xa7\x0e\xc7qJ\x95\xcab\xb7o\xf9v\xcf\xbf\xd6\xae\x9d\xf2\xc0\x03_\xec\xda\x95&lt;j\xd4\x0f\x07\x0e\xb4-g\xd4yh\xad,\x16\x17\x17\x97\x9b\x9b;}\xdc8\xbdV\xab\xd3h\xfe\xbd\xe4\x1f\xc6\x9a\x9a\xceoz\xda\xc2r\x9c\xce`x\xed\xbd\xf7\x8dfs\xa3\xc9\xf4\xd5\xbe}\xb1\xb1\xb1\xf0\x81\x10\x9d\xb0\xe7\xdb\x02SW\xaf\\\xb9\x12\x11\x11\xc10LTh/\x0f7\xddG\xaf-\xef\xe6\xeb\xcb\xb2\xec\x9d&gt;\xe6\xf2\xf7\x11D\x91\xa2\xa8kUU\xcf\xff\xfb\x8d\x86fcAq\tM\xd3\x17.\\\xe8\xd1\xa3\x87kd\xe5\xb6/H\x00\x00hqyZw}\x87\xf6\xeb7&gt;999\xb1\x7fX\xcf\x9eV\xab\xb5\xebN\x1a\x9e\xe7U*U\xd1\xe5\xcb\xe9\x99\xa7\xf7\xa4\xa7\x1f\xcd\xce\x06-{\xc2\x9d\xcd!j\xcd\xbcz\xe6\x99g&gt;\xfb\xec3\x95Ri\xb5\xd9v|\xf0\xc1\xa3\xe3\x1e464t-\xeb\x0fa9N\xe7\xe1\xf1\xf5\xbe\xef\xa6\xbc\xf4\x12\xbc\x9c\xd9\xb3g\x7f\xfa\xe9\xa7\x9d9#\x0bZ\x03\xb8\xf1[\x90\x9f\xcfr\x1c\x86a?}\xb7/$ \x00\xee\xbett\x03o\x0b\xb8\x13SZQ\xd1\xfb\xc1q\xa2(R$\x19\x15\x1d\r7\x84\x81\x8bV\xe9\xf8\xcb \x01\xf8\xc5\xfa\xff\xe7?\xffY\xbe|\xf9c\xe3\x1e&lt;\x9d\x9bg\xb3\xdb/\xfep@#\x97[\xba\xb2\xf5\x87\xf0&lt;\xafV\xa9\xcc\x0eG\xf8\xfd\xa3\x95\nE\xff\xd8\x98\xad\xfb\xbe{\xe3\x8d7\x96-[\xd6\xa94\x006f\xd1\xa2E\xabW\xafV+\x95=\xfc\xfd#CB\xd6\xffk\xa9\x8c\xa2D\x00\xba\xe2-\x0b\x9b\xedd\xd9\xb9o\xae(,-\xbdRYi\xb1\xd9\x16.\\\xb8j\xd5\xaaN\xd5\xf3\xad@\r\x16\x04!)))33\xd3\xdb\xc3\xc3\xd7\xd3\xf3\xe1\x11\xc3\xff5g\x8e\xd9d\xeali?\xb7\x86\xe3y\x8dV\xfb\xe6\x86\r\xdf\xa4\x1d\xae\xaa\xaf\xafmhHLL\xcc\xc8\xc8\x80\xa5\x12\x91\x06\xb4"u\x01\x80\xab\xc2\xbc\xbc\xbc~\xfd\xfaa\x00t\xf3\xf1y\xf5\xd9g\xfa\xc7\xc4\x06\x07t\xb7\xdbl]k\xd2\xff\x1e\x1c\xcf+\x94\xcaK\x15WO\xe7\xe5\xbe\xf5\xc9\xa7\xd7\xaa\xabE\x00\xb2\xb3\xb3cbb:\xc9\xa2\x186\x03\x9e5\x85\x87i\x9f\x980\xfe\xf3w\xde\xb1\x9a\xcd]:\x87\x0f6^\xa5\xd1&lt;\xf9\xf2\xcb_|\xbb\x07^\x1a&lt;\xa7\xdaIz\xbe-P\x96\xfe\xfd\xef\x7f\xbf\xfe\xfa\xebr\x9av0\xccgo\xfc\xfb\xe9\xa9SMMM\x1du\xd4\xee\xef\xc0\x0b\x82\xd6\xdd}\xe3\xf6\xed\xb3\x97\xbf\x06/\xe7\xf5\xd7_\x7f\xed\xb5\xd7:\xa7\xfav\x14\x92\x16\x80\xd6L\xe7!C\x86\x14\x16\x16\xc2\xd5\xe2\x91/&gt;\x1f\x98\x90\xd0\xdc\xd8\xe8J\xb3\x84\xe387\xbd\xfedV\xd6\xb0\'\x9e\x84\xeb\xfa\xc8\xc8\xc8c\xc7\x8eu\x86,i\xb8!q\xf9\xf2\xe5\x84\x84\x04\xce\xe9t0\x8cR.\xbf\xf8}\xaaN\xadv:\x9d]%\xec\xf0{\x08\x82 \x93\xc9\x8c\x16K\xf8\x03cl\x0e\x87\x9c\xa6I\x99,++\xabg\xcf\x9e\x9d\xeaX\x06\xcc\x0f\xce\xcd\xcdMHH\x80\x0b\x97a\t\t\xe9\x9b7\x99L\xa6\xaeh\xfd!\xbc h\xb5\xda\xe4\x99\xb3\x8ede\xc1\xa5dVVVlll\x97H\x86\xbe;H\xb7\x17\xe0\x82\xd7b\xb1\xdc\x7f\xff\xfd\x05\x05\x05!\x01\x01\x06O\x8f\xb7\x16,\x188p`SC\x83+Y\x7f\x00\x00I\x92M\r\r\x03\x07\x0e|k\xc1\x02\x83\xa7GH@@AA\xc1\xfd\xf7\xdfo\xb1XZ\x1f\xb6\xd7Q@\x05z\xf6\xd9g\x1b\x1a\x1a0\x0cK\x8c\x89\xfeb\xc5\x9b\x9ez\xbd\x83a\\\xe0.\xc5q\xdc\xc10\x9ez\xfd\x17+\xde\x84\x8f%hhhx\xf6\xd9g;U&gt;.\xdc~g\x18\xe6\xa9\xa7\x9e\x82\x89Xj\xa5r\xdd\xd2W\x9dNgW]|\x01\x00`\x08\xce\xe9\\\xb7\xf4U\xb5R\t\x00\x10\x04\xe1\xa9\xa7\x9e\x82\xc5\xbb:O\xe7w,]\xfe\x06\xfb\xcb\xc0-G\x98\xe9L\xcbd\xe5\xd7\xaf\xaf_\xba\xf4\xc5\xc7g\x98\xeb\xebe]*\xe3\xf36\x91Q\x94\xb9\xbe\xfe\xc5\xc7g\xac_\xba\xb4\xfc\xfauZ&amp;\x83Y\xd2\xb0\xb4VG\xb5\nFB&gt;\xfc\xf0\xc3\xf4\xf4t\x9a\xa6\x8d&amp;\xd3\xa0\xbeq\x0f=\xf8`\x97\x0b:\xdf\x02\x92 \xcc&amp;\xd3C\x0f&gt;8\xa8o\x9c\xd1d\xa2i:==\xfd\xc3\x0f?$\x08\xa2\x93\xe4\xa7\xc3QHII\xc9\xcd\xcd\x85\x05\xdd\xde\x987\xb7wx\xb8\xddn\xef\xd2\x1a\x8c\xe3\xb8\xddn\xef\x1d\x1e\xfe\xc6\xbc\xb9N\x96\xe5y&gt;777%%\xa5\xf3\xf4|\x87\xd3\x89\xdc\x90\xbb\t\xcc\xc4\xc8\xc8\xc8\x18:t(\x8c\x0fN}\xe0\x81mk\xd7\x98\x1b\x1bq\x0c\x03]6\xe8\xfc\x07\x88\xa2 \x8a\x1a\xbd~\xda\x8b\xf3\xb7\x7f\xff=\xbc\xf0\xa3G\x8f&amp;%%u\xc8\xe3$[\x83?\xb1\xb1\xb1\x0e\x87\x83e\xd9\xe8\xd0\xd0\x1f\xb7o\x13x\xbeSgJ\xfeyD\x00DQ\xc4\t\xe2\xbe\xa9\xd3\xf2\x8b\x8b)\x8a\x92\xcb\xe5\xb9\xb9\xb9\x9d!\x10\x04G\xa1\xbc\xbc&lt;11q\xcc}\xf7\xa9\x14\x8a\xf2\xeb\xd7w\xaf]\xc30\x8ck\x0c\x82(\x8a4M?\xf2\xe2\xfc@??\xab\xdd\x9e\xfa\xe3\x8f\x99\x99\x99\x81\x81\x81\x1d\xde\xf3\x9d\x01\xe9^?\x86a\xef\xbd\xf7\x1eMQ\x1c\xc7y\xeb\xf5o\xbf\xb4\xc8a6\xc3\x17:\xbaiw\x0c\x0c\x03\x008\xcc\xe6\xb7_Z\xe4\xad\xd7s\x1cGS\xd4{\xef\xbd\xd7Q\xf79\x0c\xfe&lt;\xf3\xec\xb3f\xb3\x99\xc0q\x92 &gt;zm\xb9\x82\xa6EQt\xb11\x80\x8f\x97Q\xd0\xf4G\xaf-\'\t\x82\xc0q\xb3\xd9\xfcL\xe7\x08\x04\xfd2\n\xcf&lt;SSS\xb3\xf3\xe0\xc1\xd8\xf0\xf0}\x1f\x7f\xe4p\x15\xeb\x0f\x00\xc00\xcc\xc10\xfb&gt;\xfe(6&lt;|\xe7\xc1\x83555\xcf&lt;\xf3Lg\xe8\xf9\xce\x80\x14\x05\x00z\xbb\xb9\xb9\xb9\xc7\x8e\x1d\xa3(\x8a\xe3\xf9w_Z\x14\xd0\xad\x1b\xd3\xf5\xb7\x1c\xff\x10\x1c\xc7\x19\xa73\xa0[\xb7w_Z\xc4\xf1&lt;EQ\xc7\x8e\x1d\xcb\xcd\xcd\xbd\xfb\x81 \x18v\xc8\xc8\xc8\xc8\xc9&lt;\xa5Q\xa9\x1c\x0c\xb3\xe4\xa9\xa7\x12\xe3\xe3\xa1\x18\xdc\xcd\x96\xdc\x1d\xa0\xd1O\x8c\x8f_\xf2\xd4S\x0e\x86\xd1\xa8T9\x99\xa7222:6\x1c\x01Ga\xc3\x86\r\x87\x0f\x1f\x96\xd3\xb4\xc5j\xcd\xbbx\x11\xb4\x1c\xc9v\x19\xe0\xe5\xe4]\xbch\xb1Z\xe54}\xf8\xf0\xe1\r\x1b6\xa0@\x10\x90`\x08\x08\xee\xff\xb0,\x9b\xd0\xbf\x7f\xd1\x85\x0b\t\xd1\xd1\x1a\xa5\xf2\xab\xf7\xde\x95Q\x94t\xba\x02\xc30\'\xcbN_\xf2O\xb3\xcd\x96\x95\x9f\x1f\x16\x11\x91u\xfa4|\xf6\xe1\xdd\xf1\xfb\xe0(p\x1c\xd7\xbf\x7f\xffk\x97/?4|\xb8J\xa1x}\xce\x0br\x9a\xe6\x05\xc1E&lt;\xcf\x9b\x10\x01 p\xdc\xc10\xafo\xf8\xd0j\xb7\xef=|\xb8[\xcf\x9e\xa7O\x9f&amp;I\xb2C\x8e\x07\xb7\x1e\xfb\n\n\n2\x1a\x8d\x00\x80\x98\xb0\xb0\xcc\x1d\xdby\x8e\xeb\xf0\xdc\xb0\xf6\x05^\x0eA\x92\x89S\xa6\xe6\x15\x15\x01\x00t:]YY\x19:\x1a\xe6\x82\xae\xd6\xad\x81\x19`\xbbRR\n\xf2\xf2\x18\x96=~\xe6\xcc\x0b\xd3\xa6j\xb5ZNJ\xbe\x00\xc7\xf3Z\xad\xf6\x85iS\x8f\x9f9\xc3\xb0lA^\xde\xae\x94\x14\x1c\xc7\xef\x9a\xdf\x07G\xe1\xdd\xf7\xde\xcb\xcd\xcd5\xd9l\xff\xdb\xbd{|r\xb2N\xa7cY\xd6\x85\xefE\x0c\xd6h\xd2\xe9\xc6\'\'\xffo\xf7n\x93\xcd\x96\x9b\x9b\xfb\xee{\xef\xdd\xcd\x9eo\x0b\x8c\xfe\xbf\xbfr\xa5\x1c\xc7G\x0c\x18\xe0\xa5\xd7\xaf[\xbaT&amp;\x93\xf1\x82\xe0b6\x11\xc30^\x10d2\xd9\xba\xa5K\xbd\xf4\xfa\x11\x03\x06\xc8q\xfc\xfd\x95+1\x0cs\xb1\xb5\xce\x9fEZ+\x00x\xb1\x0c\xc3DFE\xa9q&lt;8 @\x10\xc5\xcfW\xbcI\xbab\xcc\xe1\x0f\xe1\x04\xe1\xc9\xa5\xff\xc21\xecRE\x85E\x10\n\x0b\nh\x9a\x06w\xe5\xa1N\x00\x80\xc6\xc6\xc6\xbe\xd1\xd1V\xab\xb5\xc1hL\xba7\xfe\xbb\x8f?\xc4\\\xcb\xeb\xfc=`\xc1\xa3\x07\x9f{!\xe3L\x8e\x87N\xa7R\xa9\xce\xe5\xe7\xeb\xf5zpw]Qh\xfd\x8b\x8a\x8a\xa2\xa3\xa31\x00\xe2""\xfe\xf9\xf4Sc\x87\x0c\xb1u\x9d\x92\x0f\x7f\x16A\x10\x94J\xe5\xfec\xc7\xde\xdd\xf8\xbf\xb3\x17.\x88\x00\xe4\xe7\xe7\x87\x85\x85Iy7XZ\x97\r\'}zz\xfa\xa5\xd2\xd2\xd2\xabW\xcb\xae][\xf3\xea+J\x9a\x96\xa0\x17 \x08\x82\x92\xa6\xd7\xbc\xfaJ\xd9\xb5k\xa5W\xaf^*-MOO\xbf;\x0e\x11\x1c\x85e\xcb\x97744\x8c\xbco\xc0s\x8f&gt;\xba\xe6\xd5\x97U\n\x85D|\x11Q\x14U\n\xc5\x9aW_~\xee\xd1GG\xde7\xa0\xa1\xa1a\xd9\xf2\xe5w\xdf\x15\x85\xa3\xb0q\xe3F\x9e\xe3p\x1c\xcf),\xec\xe6\xe3#\x08\x82k\'A\x08\x82\xd0\xcd\xc7\'\xa7\xb0\x10\xc7q\x9e\xe36n\xdc(\xf1E\x80\xb4\x04\x00zX\xabV\xad\x02\x00X\xedvw\xad\xd6]\xab\x95\xc2\xde\xef\xcd\xc0\xdd`\xd8\x03V\xbb\x1d\xb4t\xcb]p\xff\t\x82\xa8\xad\xad\xfdr\xd3&amp;\xab\xc3\xb1=\xf5\xfbn&gt;&gt;\xd1QQ&amp;\xb3Y"\xa3\x80\xe3\xb8\xc9l\x8e\x8e\x8a\xea\xe6\xe3\xb3=\xf5{\xab\xc3\xf1\xe5\xa6M\xb5\xb5\xb5\x04A\xdc5\t\x84y\x10\xa5\xa5\x97&gt;\xff\xe2\x0b\x83\xa7\xa7\x83a\xde\x987\xb7ol\xac\xcdf\xeb\xfc\xf5&gt;\xff28\x86\xd9l\xb6\xbe\xb1\xb1o\xcc\x9b\xeb`\x18\x83\xa7\xe7\xe7_|QZz\xa9c\x8f\xc2t,\x92\xb8\xe5 0\xf7\xff\xd0\xa1Cyg\xce\x8c\xba\xef\xbe\x80{|_\x9a5S\xa5V\x0b\xd2p&lt;oF\x10E\x95Z\xfd\xd2\xac\x99\x01\xf7\xf8\x8e\xba\xef\xbe\xbc3g\x0e\x1d:\x84\xe3\xf8\x1dM\x8d\x80w\xda\xfa\xf5\xeb\xbby{/\x9c\xf9xbl\xcc\xa8\x81\xf7\xb1\xaeRv\xe96!\t\x82\xb5\xd9F\r\xbc/16f\xe1\xcc\xc7\xbby{\xaf_\xbf\x1e\xdc\xc5\xdc\x1b\xb8)\xfa\xfe{\xef\x1a\x9b\x9a\x94\n\xc5\xa4Q\xa3\xa6\x8c\x19\xc3\x98\xcd\x9d\xad&lt;Q\xbbC\x10\x04c6O\x193f\xd2\xa8QJ\x85\xc2\xd8\xd4\xf4\xfe{\xefJ9%TB\x02\x00\xf9\xe8\xa3\x8f\x1aM\xa6\xf2\x9f\x7f\xfe\xc7\x93O&amp;\x0f\x18`\xe9\xca\xa5N\xfe&amp;\x04\x8e[L\xa6\xe4\x01\x03\xfe\xf1\xe4\x93\xe5?\xff\xdch2}\xf4\xd1Gw\xf4\x1ba\xb0\xd5f\xb3}\xf4\xd1GE\xe5\xe5?\x95]^\xf3\xca+\x91\xa1\xa1\xae\x94u~;\xc0\xcc\xf4\xc8\xd0\xd05\xaf\xbc\xf2S\xd9\xe5\xa2\xf2\xf2\x8f&gt;\xfa\x08\x06\xdf\xef\x82%\x82;\xf0\xc5\xc5\xc5[\xb7n\x1d\x91\x98\xd8\xd3\xdf?!*\xaaG@\x80\x14F\x01\xf6|\x8f\x80\x80\x84\xa8\xa8\x9e\xfe\xfe#\x12\x13\xb7n\xddZ\\\\\xdcQ\xfb\xf0\x1d\x8eTl_\xab\xe9\xc9\xcc\xcc\xa4H\xb2\xf8\xca\x95\x9fk\xebh\xa5\x92\x97\xe4\xa8\xb7\xc2\x0b\x02\xadT\xfe\\[W|\xe5\nE\x92\x99\x99\x99w\xd4\x0c\xc1\xb8\xf3\xd7_\x7fM\x08BH@\xc0\xc1\x93\'\x19\x86!p\x1cH\xd0\xff\x12E\x02\xc7\x19\x869x\xf2dH@\x00!\x08_\x7f\xfd\xf5\xdd\x89GC\xf7\xff\x9dw\xde\xf1\xd1\xeb/\x94\x95\xb9\xa9\xd5s\xa7?fin\x96\xc8"\x8c$\x08Ks\xf3\xdc\xe9\x8f\xb9\xa9\xd5\x17\xca\xca|\xf4\xfaw\xdeyG\xb2\x8b\x00\xa9\x08@\xab\xe9\x11\x9d\xce\xb8\x88\x88\xd8\xf0\xb0\x99\x0f\x8dc]7\xe1\xe16\xc1q\x9c\xb5\xd9f&gt;4.6&lt;,."Bt:\xef\xa8\x19\x82\xb7\xd9\xfa\r\x1b\xcc6[Th\xe8\'\xaf\xbf\xde?&amp;\xc6\x85\xd3Nn\x01tG\xfa\xc7\xc4|\xf2\xfa\xebQ\xa1\xa1f\x9bm\xfd\x86\rw!\xfb\x1eF\xffKJJ\xbe\xde\xb1\xc3d\xb5\x0e\x8a\x8b\x1b?b\xb8\x04m\x9f(\x8a\xe3G\x0c\x1f\x14\x17g\xb2Z\xbf\xde\xb1\xa3\xa4\xa4D\x9a;\x01R\xb9\xf1\xa0Q\xfb\xf0\xc3\x0fMV\xab\x97\xde\xfd\xc9\x87\x1f\xee\xee\xef\xcf8\x9d.\xbc\xe5u;\xe0\x18\xc68\x9d\xdd\xfd\xfd\x9f|\xf8a/\xbd\xbb\xc9j\xfd\xf0\xc3\x0f\x85;\x93\x06\x0e#\x0fEEE\xa5\xc5\xc5\n\xb9\xfc\xbb\xa3G=\xdd\xdd\t\x8a\x92\x9c\xediA\x04\x80\xa0(Ow\xf7\xef\x8e\x1eU\xc8\xe5\xa5\xc5\xc5EEEw:\x16\x01m\xfd\x1b\xff\xf9\x8fF\xa1\x18\x9a\x90p\xbd\xa6zdb\xa2\x04\xef\x01\x0c\x80\x91\x89\x89\xd7k\xaa\x87&amp;$h\x14\x8a7\xfe\xf3\x1f\xd0\xd29\x92B\x12\x02\x00M\xcf\xe5\xb2\xb2\xc2\xc2BO\xbd\xfet^\xbe\xbf\xc1\x87\xa6i\xc9n\xff\xb6E\x10E\x9a\xa6\xfd\r&gt;\xa7\xf3\xf2=\xf5\xfa\xc2\xc2\xc2\xcbeew\xc2\x0c\xc1\xbb\xeb\xfd\xf7\xdfW\x90\xe4\xe8A\x83&amp;\x8e\x1a98\xae\xafC\x92\xee?\x04\xc7q\x87\xcd68\xae\xef\xc4Q#G\x0f\x1a\xa4 \xc9\xf7\xdf\x7f\x1f\xdcI3\x04S\xb0jjj\xf6\xee\xd9cu8\xb2\x0b\x0b\xff=w\x9e\xbbN\xc78\x9d.\x1f\xfdo\x0b\x86a\x8c\xd3\xe9\xae\xd3\xfd{\xee\xbc\xec\xc2B\xab\xc3\xb1w\xcf\x9e\x9a\x9a\x9a\xbb\x99\x88\xd5I\x90\xc4\xbd\x07m\xd9\xb1\x8c\x0c\x86a*\xab\xab\x01\x00\xfd\xa2"\x9dv\xbb\xc4\xdd\x7f\x08\x8eaN\xbb\xbd_T$\x00\xa0\xb2\xba\x9aa\x98c\x19\x19\xa0\xbd3R\xa0\xe91\x9b\xcd\x07\x0e\x1c\xb02\xcc\x8f\xe7\xce\x8dON\xd6{x\xb0\x1c\'\xd91\xc0\x00`9N\xef\xe11&gt;9\xf9\xc7s\xe7\xac\x0cs\xe0\xc0\x01\xb3\xd9|\xe7\xcc\x10\x1c\xd3\x8f?\xfe\xd8b\xb1\x00\x0c\xe38\xae\x9b\x8f\x81\xe78\t\xde\x088\x86\xf1\x1c\xd7\xcd\xc7\xc0q\x1c\xc00\x8b\xc5\xf2\xf1\xc7\x1f\x03\x97+\x82\xf4\x87HB\x00 \xd7\xae]\xa3)*&gt;2r\xea\x98\x07\xbct:\xf8`\xac\x8enT\xc7\x83a\x18\xcbq^:\xdd\xd41\x0f\xc4GF\xd2\x14u\xed\xda\xb5v\xff\x16x_eddTWWk\xd5j\x92 \xba\xfb\xfa\x8a\x12\xb6\xfe\x10\x0c\x00\x91\xe3\xba\xfb\xfa\x92\x04\xa1U\xab\xab\xab\xab3\xee\x80\xfaB`\x1e\x04\xc30;\xb6o\x07\x00Xm\xb6\x99\xe3\xc7\x87H/\x05\x0b\x02\xd3\x81BBCg\x8e\x1fo\xb5\xd9\x00\x00;\xb6og\x18\xe6\xee$bu\x1e$!\x000\xc8\x90\x9b\x9b+\xa3(A\x10\x0c\x1e\x1e\x18IJj\x98o\x8d(\x8a\x18I\x1a&lt;&lt;\x04A\x90QTnn.h\xe9\xb4v\xfc\n\x00@zz:\x00\xa0\xaa\xae\xce]\xabM\x88\x8e\x96\xe6\xf6o[\xe0VpBt\xb4\xbbV[UW\x07Z\xba\xe8NLN\xb8\xb5\xb3e\xcb\x96\x9f++\x1f\x1d=z\xf4\xa0A\x93\xef\x1f\xc5Ix\x08p\x1c\xe7l\xb6\xc9\xf7\x8f\x1a=h\xd0\xa3\xa3G\xff\\Y\xb9e\xcb\x16\xa9\x1d\x0cv\xfd\xb1\x87\x8eOCCCFF\x86\x08@M}\xbd\xb7\x87\'A\x92\xc8\xfc\xb7"\x02@\x90\xa4\xb7\x87gM}\xbd\x08@FFFCCC\xfb\xbaB\x04A8\x9d\xce\xd4\xd4T\xbd\x9b[p\xf7\xee\xc9\x89\xfd\x05\x00D\xe99\x9e7#b\x98\x00@rb\xff\xe0\xee\xdd\xf5nn\xa9\xa9\xa9N\xa7\xf3N\x1c\xc8\x82n\xfeW_}e\xb2Z\xbf;z4\xb9\x7f\xff&gt;aa6\t\x07Bq\x0c\xb3\xd9\xed}\xc2\xc2\x92\xfb\xf7\xff\xee\xe8Q\x93\xd5\xfa\xd5W_\x01\x89\x15\x07u}\x01\x80z~\xf1\xe2E\x8b\xc5\xc2\xb2l\xbd\xd1\x98\x10\x15\xc9\xb3\xac\xa4\x86\xf9\xd6`\x18\xc6\xb3lBTd\xbd\xd1\xc8\xb2\xac\xc5b\xb9\xd8\xaeE\xe1y\x9e\xc70\xec\xfc\xf9\xf3\x97.]jlnn6\x9b\xa7\x8d\x1d+\xa0!\x00\x00\xc0\xfc4\x96\x9d6vl\xb3\xd9\xdc\xd8\xdc|\xe9\xd2\xa5\xf3\xe7\xcfc\x18\xd6\xbe\xe7\xb1\xa1\x1bTSS\x93\x9b\x97\xe7\xe3\xe9I\xcbd\x00\x00B\xf2\xeb`Q\x14\t\x92\x04\x00\xd02\x99\x8f\xa7gn^^MM\x8d\xa4\xa2@\xae/\x00\x90\xc6\xa6&amp;A\x10\xee\x8d\xec\xb3x\xd6,\x7f\x83\x81\x95|\x02h[p\x0cc\x9dN\x7f\x83a\xf1\xacY\xf7F\xf6\x11\x04\xa1\xb1\xa9\xa9\x1d?\x1f\xdeNG\x8e\x1c\xc11L\xadR\xe18\xee\xeb\xe5\xe5\xda\x95\x9fo\x1fX#\xda\xd7\xcb\x0b\xc7q\xb5J\x85c\xd8\x91#G@{G\x81\xa0\x9c\x1c8p\xc0f\xb1\xd444t\xf7\xf5}\xfc\xa1q\x0e\x8bE\xb2\xc7\xe0!\x04\x8e;,\x96\xc7\x1f\x1a\xd7\xdd\xd7\xb7\xa6\xa1\xc1f\xb1\x1c8p\x00\xb4t\x97\x14\x90\xca\xf0\xa7\xec\xdc)\xa3\xa8\xd2\x8a\x8aC\xa7N)\x14\nI\x85\xf9n\x07A\x10\x14\n\xc5\xa1S\xa7J+*d\x14\x95\xb2sg;~8\x8e\xe3,\xcb\xee\xdc\xb9\x13\xc30_O\x8f\x17\xa6L\x81\x0f`@+\x00\x00\x00\x86a\xbf&lt;\x9ea\xca\x14_O\x0f\x0c\xc3v\xee\xdc\xc9\xb2l\xfb\x86\xe6\t\x82`Y\xf6\xddw\xdf\x8d\x08\nzp\xc8\x90\x81q}==&lt;\x9c\x92\xcf\x83\xc00\xcc\xc9q\x9e\x1e\x1e\x03\xe3\xfa&gt;8dHDP\xd0\xbb\xef\xbe\xcb\xb2\xac\xcb\xd7Dj\xc5\xf5\x05\x00N\xf1\x8a\x8a\n\'\xcb\xd664\xde\x17\x1b+\xd7h8$\x00\xbf\x86\x13\x04\xb9Fs_llmC\xa3\x93e+**@;\x05C[\x8bp\x94\x96\x96\x8a\x00\x94V\\\x8d\x0e\x0f\xa3\xd0\x1eL\x1bD\x00(\x92\x8c\x0e\x0f+\xad\xb8*\x02PZZ\xda\xbe\x059`\x08\xee\xdc\xb9s\xc5EE\x15UU\x9555s\xa6McQ\x08\x0e\x00\x00\xb3\xe0Xv\xce\xb4i\x9555\x15UU\xc5EE\xe7\xce\x9dk\xf7\x10\\\xa7\xc5\xf5\x05\x00BR\x94\x97\xbb\xfb\xe0\xf8\xf8&gt;\xbdB8I\xe6\xbd\xdd\x1a\x0c\xc38\x86\xe9\xd3+dp|\xbc\x97\xbb;IQ\xed\xf5\xc9\xd0\x8a\xd5\xd4\xd4\x08&lt;?i\xe4\xc8\xcf\xdfZ\xd1\xb7wo\x87\x84\xf7\x1eo\x06\xc70\x87\xdd\xde\xb7w\xef\xcf\xdfZ1i\xe4H\x81\xe7kjj@\xfbE\x81\xe0\xe7\xec\xde\xbd[\x04@\xa7\xd5\xcae2/ww^\xf29\xb8\x10\x0c\x00\x9e\xe3\xbc\xdc\xdd\xe52\x99N\xab\x15\x01\xd8\xbd{7\x90\xcc\xa9`\x17\x17\x00X\\\xc5l6\x97\x96\x94\xd8\x19\xc6\xe6\xb0\xebu:)\x96\x1e\xbb\x1dDQ\xaf\xd3\xd9\x1cv;\xc3\x94\x96\x94\x98\xcd\xe6v\xa9\x90\x05\xa3m\xa9\xa9\xa9&amp;\xb3y\xc7\x81\x03\xeb\xb6l\xf1\x86\xd6\x07\t@\x0b\x18\x86\xf1\x1c\xe7\xed\xee\xben\xcb\x96\x1d\x07\x0e\x98\xcc\xe6\xd4\xd4T\xd0~\x9b\xf0\x04A0\x0c\xb3o\xdf&gt;\x0c\xc3\xca\xaf_\x1f\x93\x94\xe4i08\xd1\n\x00\x00\xd0\xf2|lO\x83aLRR\xf9\xf5\xeb\x18\x86\xed\xdb\xb7\x8fa\x18\x89D\x81\\\\\x00@\xcb\x12\xcfl6[l\xb63\x85\xe71Q\x94H\xd5\xc3?\x0bI\x10\x98(\x9e)&lt;o\xb1\xd9\xccfs\xfb\x86\x08\xaakj&lt;u\xba\xb1\xc3\x86\x8dH\x1c@\x12\x04R\xe0\x1b\x10\x01 \tbD\xe2\x80\xb1\xc3\x86y\xeat\xd555\xed\xf5\xc90\xfes\xe1\xfc\xf9\x92\x92\x12Q\x14i\x99\xec\x81\xc1\x838\xbb]\xb2\xe9\xff7\x83\xe38g\xb7?0x\x10-\x93\x89\xa2XRRr\xe1\x0e$buN$1\t0\x0c\x83z\x8e\xe3\xb8L&amp;C+\x80\xdfF\x14e2\x19\x8c\xcc\xe08\xde^\xd6\x1f\xc6\xb2s\xb2\xb3\x1d\x0c\xa3V(\xee\x1f8\x90\x03\x00\r\xc0\r\x88\x00p\x00\x8c\x1a8P\xadP\xd8\x19Gvv6,`\xd5\x0e\x9f\x0cS\xb0\x8e\x1e\xc50L\xa3Ry\xb8\xb9u\xf7\xf5e\x9dN\xe4\xfc\xb7\x82\x01\xc0:\x9d\xdd}}=\xdc\xdc40\x11\xeb\xe8Q \x8d(\x90$\x04\x00\xb4\x8c\xa5 \x08R\x18\xd4\xbf\tI\x10\xad\x92\xf97\x81;\xc0\xcd\xcd\xcd\x85\x85\x85\x16\xbb}Gj\xea\xb9\xa2\x8b\xb4\\\x8e\xb2\xb0n@\x10\x04Z.\xcf+.\xda\x91\x9ajs0\x17\xce\x9f\xb7Z\xad\xed\xb2\x0f\x8c\xe38\xc7q;w\xee$0\xcc\xe0\xe11{\xd2$\rJ\xc1\xfa50\x11K\xa3\xd5\xce\x9e4\xc9\xe0\xe1\x81aX\xca\xae]\x12yR\xbc\xeb_!\xe2v\x80\x81\xb2n&gt;&gt;z\x9d\xceC\xa7s:\x9d\r\r\r\xa0\x9d\x9c Q\x14\xe1j\x9a \x88\xe8\xd0P\x806\x00n\x02\xc7q\xd6n\x1f3x\xb0\x8f\xa7\xa7\xb7^o\xb7\xd9\xea\xeb\xeb\xc1\xdf\xee\x7fh\xc5L&amp;SII\t\xcb\xf3\x97\xae^\xbd7\xb2\x0fJ\xc1\xba\x19\x98\x88uod\x9fKW\xaf\xf2\x82p\xbe\xb0\xf0\xca\x95+RxL\x18\x12\x00\x04\x00\x00\x00Q\x84\xcf\x06h\xb6X\xdc\xd4j\x02\xc7,VkG\xb7IZ`8\xeed\xd9f\xb3\xd9M\xa3&amp;p\xdcb\xb1tt\x8b$\n\x86a\x1c\xc7\xd9l\xb6\x8en\xc8\xdd\x00\t\x00\x02\x80\x96r@5\r\r,\xcb^\xb9~\x9d\xa4d\x81\x01\x01\xa0\x9d\x8e\x02\xb4\x06\x94x\x9e\xcf/.\x06\x92\xaf@p3\x82 \x904\x9dv*\xd3\xce0\x97\xae^\xa3\x15\x8a\x1e=z\x80\xbf\xdd\xff\xb0\xb4\x99V\xab\xed\xd5\xab\x17E\x10\xc1\xdd\xbb\x9f)&lt;/\xe5\x12\xdc\xbf\x07,\xcd}\xa6\xf0|p\xf7\xee8\x86\xc5\xc6\xc6\xf6\xe9\xd3\xa7\xbd\xb6a:3.~y\xad`\xed\xbd\xb7\xe9\x92`\x18\x86\xe38\xcbq\x82 \xb0,\xdb.\x1f(\x08\x82\x9b\x9b[dd\xa4Z\xa1\x982fL\xdf\xb0p\xc6\xe1p\xf9\xfb\xea\xcf\x82\xe38\xe3p\xc4\x86\x85M\x193F!\x93\xf5\x8e\x88P*\x95\xed\xf2h6A\x10H\x92\x9c&lt;y2/\x8a5\r\r\x9f\xa5\xa4\x98M&amp;RzO&gt;\xb9\x05\xa2(\x92\x04a6\x99&gt;KI\xa9ih\x10Eq\xe2\xc4\x89@\x1a\xcf\x06\x90\xc4}\xd8\x1a\x83\x16\x04\xc1\xe9t\x02\xa4\x01\xbf\t\x869\x9dN8\xe9\xdbq\xeaC+\x16\xdf\xaf\x9f\x9c\xa6-v\xfb\x0f\'O\x92\x00\xa0\x01\xb8\x01\x0c\x00\x12\x80\x1fN\x9e\xb4\xd8\xed\n\xb9\xbc_\xbf~\xed\x15\x80\x86\x122l\xe8PQ\x14\xcdVkCs\xf3\xd5\xaa*J&amp;C\xe6\xbf\x15\x11\x00J&amp;\xbbZU\xd5\xd0\xdcl\xb6Z\x05Q\x1c6t(\x90FYP\xd7\x17\x00Q\x14)\x8a\xd2h4j\xa5\xf2\xde\xc8&gt;"\x86q\x12H\xef\xfd\x0bp&lt;/b\xd8\xbd\x91}\xd4J\xa5F\xa3\xa1(\xaa\x1d\x9dD\x1f\x83\xa1\xdeh\xdc\x7f\xe4HZ\xe6)\x8e\xe7]\xff\xc6\xfa\x93`\x00p&lt;\x9f\x96yj\xff\x91#\xf5F\xa3\x8f\xc1\xd0^\x9f\x0c\x9f/\x16\xd1\xa7O\xaf^\xbd\xe0\xa3\x10\xbf?~\x82D\xe5\xb0\xda \x08\x02\xa9P|\x7f\xfc\x04|4f\xaf^\xbd"\xfa\xf4\x81\xcf\xb0\xeb\xe8\xa6\xddq\\\\\x00\xe0YV\x8dF\x13\xd2\xab\x97\x82\xa6\x95rE\xa3\xd1\x88V\x00\xbf\r\x865\x1a\x8dJ\xb9BA\xd3!\xbdzi4\x1ax\x8e\xfao~*\x8c\xf6\x8c\x193F\xab\xd1L\x19=z\xde\x8c\x19\xb5MM\xa8\x10q[`Q\xe2\xda\xa6\xa6y3fL\x19=Z\xab\xd1\x8c\x193\x06\xb4\xdf3yx\x9e\xa7iz\xdc\xb8q\xa2(\x06\xfa\xf9\xa5fd\xd4\xd7\xd4\xc8\xdaU\xe0\xbb.\xa2(\xca(\xaa\xbe\xa6&amp;5##\xd0\xcfO\x14\xc5q\xe3\xc6\xd14-\x85S`\xc0\xe5\x05\xa0\x15\x8ee\xeb\x9a\x9a\x8e\xe7\xe4\x9c/)%i\x1aM\xfd\x1b\x10E\x91\xa4\xe9\xf3%\xa5\xc7sr\xea\x9a\x9a\xb8\xf6\xd8\x00\x80@\t1\x18\x0c8A\xa4\x1c:\xf4\xe4\xabK\xcf\xfd\xf4\x93\\\xa1\x10\xd0\x10\xb4 \x88\xa2\\\xa18\xf7\xd3OO\xbe\xba4\xe5\xd0!\x9c \x0c\x06\x03h\xbf\x10\x04\xfc\x9cG\x1ey\x04\x03\xc0h29\x9c\xce:\xa8\xc1\xed\xf2\xe9]\x1c\x98\xfeP\xd7\xd4\xe4p:\x8d&amp;\x13\x06\xc0#\x8f&lt;\x02\xa4\x11\xff\x01R\x10\x00h\xeb\x03\x02\x02d\x14\xe5\xed\xa1\xff17\xd7a6\x93h\x13\xf2\xd7\x908\xee0\x9b\x7f\xcc\xcd\xf5\xf6\xd0\xcb(*  \x00\xb4\xd3!\x00\xb8\x0f\xacT*CBB0\x00B\x02\xba\xe7_,B\x89(m\x81)(\xf9\x17\x8bB\x02\xbac\x00\x84\x84\x84\xb4\xd7\x0e0\x04F\x81\xfa\xf6\xed\x1b\x1a\x16\x16\xe0\xeb\xebo0l\xd8\xb6\xad}C|]\x17\x18"\xde\xb0m\x9b\xbf\xc1\x10\xe0\xeb\x1b\x1a\x16\xd6\xb7o_\x89\xc4\x7f\x80\x14\x04\x002i\xf2d\'\xcb\x86\x04\x04\x8c\x1c0\xc0\x8e\n\xa1\xdc\x04\x8e\xe3v\xbb}\xe4\x80\x01!\x01\x01N\x96\x9d4yr;~\xb8 \x08\x14EM\x9e&lt;Y\x14\xc5\xaa\xfa\x86\x0fw\xec0\xa1D\x94\x16`\n\x8a\xc9d\xfap\xc7\x8e\xaa\xfa\x06Q\x14\'O\x9eLQT\xfb\xc6\xe8y\x9e\xa7(\xea\x9f\xff\xfc\xe7\x85\xb2\xb2\xef\x8e\x1d;y\xf6\\}C\x83L\xf2\x818Q\x14e$Y\xdf\xd0p\xf2\xec\xb9\xef\x8e\x1d\xbbPV\xf6\xcf\x7f\xfe\x93\xa2(\x89\xc4\x7f\x80t\x04@\xef\xee\x8e\xe3\xf8\x99\xc2\xf3+7m\xaa\xac\xa9\xa1d2\x14\x82hE\x10EJ&amp;\xab\xac\xa9Y\xb9i\xd3\x99\xc2\xf38\x8e\xeb\xdd\xdd\xdb\xf1\xf3\x7fID\x196L\x10E\x8b\xd5*\x08BU]\x1dEQh\x00\x00LA\xa1\xa8\xaa\xba:A\x10,0\x05e\xd80\xd0\xde!\x08\xe8\xcf\x8e\x1e=Z\xa9V\x1b&lt;&lt;\xaeVU}\xb9w\x9f\\\xad\xe6\xa5\xbd\x15\xcc\x0b\x82\\\xad\xfer\xef\xbe\xabUU\x06\x0f\x0f\xa5Z=z\xf4h\xd0\xd2]R\xc0\xf5\x05\x00:\xfb\xe1\xe1\xe1j\xb5\x9a\xa2(O\x9d.\xab\xa0\x90@\xeb\xdf6\x88\xa2HPTVA\xa1\xa7NGQ\x94Z\xad\x0e\x0f\x0f\x07\xed\xb7\t\tC\x10}\xfa\xf4\t\x0e\x0e\xd6\xbb\xb9\xb9i4\xdb\xf6\xef\xc7\xd1\x10\x00\x00`\xb5\x06\x8a\xda\xb6\x7f\xbf\x9bF\xa3ws\x0b\x0e\x0e\xees\x07RP` \xce`0\xc4\xc6\xc4T\xd7\xd73N\'\x00\x00\x15\xe5\x86\x85\</t>
        </is>
      </c>
    </row>
    <row r="60">
      <c r="A60" s="1" t="n">
        <v>58</v>
      </c>
      <c r="B60" t="inlineStr">
        <is>
          <t>venn</t>
        </is>
      </c>
      <c r="C60" t="inlineStr">
        <is>
          <t>What is the missing number of the part denoted with a question mark?</t>
        </is>
      </c>
      <c r="D60" t="inlineStr">
        <is>
          <t>['8', '0', '5', '1']</t>
        </is>
      </c>
      <c r="E60" t="inlineStr">
        <is>
          <t>1</t>
        </is>
      </c>
      <c r="F60" t="inlineStr">
        <is>
          <t>There are 3 overlapping circles containing the numbers ['?', 7, 3]. The overlapping part between the first and second circle contains the number 8. The overlapping part between the second and third circle contains the number 10.</t>
        </is>
      </c>
      <c r="G60" t="inlineStr">
        <is>
          <t>We observe that the circles with 7 and 3 overlap to form the part 10, where 7 + 3 = 10. Hence, the pattern is most likely that the numbers in the overlapping parts are the sum of the numbers in the corresponding circles.</t>
        </is>
      </c>
      <c r="H60" t="inlineStr">
        <is>
          <t>Based on the pattern that the numbers in the overlapping parts are the sum of the numbers in the corresponding circles, the missing number of the circle where the overlapping part is 8 should be 1.</t>
        </is>
      </c>
      <c r="I60" t="inlineStr">
        <is>
          <t>b'\x89PNG\r\n\x1a\n\x00\x00\x00\rIHDR\x00\x00\x02\x00\x00\x00\x02\x00\x08\x06\x00\x00\x00\xf4x\xd4\xfa\x00\x00\x9f\xabIDATx\x9c\xec\xddu\xbc\x14U\x1b\xc0\xf1\xdf\xccl\xc7m:.\x9d\x82\x84\xa2\xa0\x84\x89\x81\x8a\n/\x18("!\xd8\x89\x05\x8ab\x0b\x16"\x16\xa2\x82\x82\x88\x81\x05\xa8\x80\xa4\x80\x92\xd2\xd2\x1d7\xb7cf\xde?f\xf7\x12\x16u\xe1\xee\xee\xf9~&gt;\xbe\xfa\xde\x9c\xbb\xcf\xce\x9c\xe7\x9c\xf3\x9cs$]\xd7u\x04A\x10\x04AH)\xf2\xa9\xbe\x00A\x10\x04A\x10N&gt;\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2\x9d\xea\x0b\x10N\r]\xd7\x0f\xf9\xef\x83\xff\xff\xe1\x9f\x8f\x93$\xe9/\xff}\xf8\xbf\x85\xb2!\x1e\xbf\xc3c\xfbwq=\xd8\xe11\x16\xf1-\x9b\x0e\x8e\xef\xc1\xff&gt;\xfc\xbf\x0f&amp;\xee_\xe1p\x92\xfe_O\x04!a\xc5C\xabiZ\xc9\x7f\xc7\x1f\xea\xb2|\xe2\x07\x7fTU\xfd\xcb\xef9\xb8\x11\x11N\xacx\xe3~p#\x1f\x8fmi\xbc\xe6\xf1\xf7\x91\xae\xeb%?\xbf\xb4~\x97\xf0\xcf\xf1-\x8d\xfbW\xd7\xf5\xbf}N\x88\xfb7\xb9\x89\x04 \x89\x1c\xfe\x80V\x14\xe5_\xbf\xde\xe7\xf3\xe1\xf1x(**\xc2\xeb\xf5\xe2\xf5z\t\x04\x02\xf8\xfd~\xa2\xd1(\xe1p\x04M\xd30\x99\x14\xccf3f\x8b\x05\x87\xdd\x8e\xc3\xe1\xc4\xe5r\xe2r\xb9\xc9\xc8H\xc7\xe9tb\xb7\xdb\xff\xf1\xf7\x1c\xfcp)\xcd\x06*\x99\xc5\xe3\xaai\x1a`4\xbc\xff\xd6\x08\xf8|&gt;"\x91\x08\xfb\xf6\xed#??\x9fP8L8\x14\xa6\xa0 \x1f\x8f\xc7C4\x1a%\x14\x0e\xa3\xeb:\x16\xb3\x19\xb3\xd9\x8c\xc3\xe1 33\x13\x87\xc3\x81\xc9d"==\x9d\x8a\x15+b\xb1Xp\xbb\xdd\xffzm"\xbe\xc7\xe7\xf0\xc6\xfe\xbf\xe2\xab\xaa*~\xbf\x9f\xa2\xa2"\x8a\x8b\x8b\xf1x\xbd\xf8}&gt;\xfc\xfe\x00\x81@\x00U\x8d\x12\x0e\x87\xd1u0[\xcc\x98L&amp;lV+v\x87\x03\xa7\xc3\x81\xcb\xe5\xc2\xedv\x93\x9e\x9e\x81\xd3\xe9\xc0b\xb1\xfc\xeb\xb5\xa9\xaa\n\x1cH\xf8D|\x93\x83H\x00\x12\xd8\xc1\r\xbe\xc9\xf4\xd7\xd9\x1c]\xd7\xd9\xb3g/[\xb6lf\xe3\xc6Ml\xd8\xb0\x81\x8d\x9b6\xb2m\xdb6v\xef\xda\xc5\xde\xbd{(**"\x14\n\x1f\xf358\x1cv222\xa9T\xa9\x12\x15+V\xa4F\x8d\x9a\xd4\xacY\x83:u\xeaP\xa3F\r\xaaW\xafNff\xe6\xdf^\xbb\xa6i\xa2\xc1\xf8\x07\x077\xf8\xff\x94\xccy\xbd^\xb6o\xdf\xce\x96-[X\xbdz5\xdb\xb7og\xed\xda\xb5\xe4\xe5\xe5\xb3u\xeb\x16&lt;\x1e\x0f\xc5\xc5\xc5\xc7u\x1dN\xa7\x13\xa7\xd3I\xd5\xaaU)W\xae\x1c5k\xd5"77\x97\xfa\xf5\xea\x91\x9b\x9bK\xcd\x9a5E|\x8f\xc1\x91\xc47\x14\n\xb1{\xf7\x1e6o\x8e\xdd\xbb\x1b7\xb2q\xe3Fv\xec\xd8\xc1\xee]\xbb\xd8\xbf\x7f?\xc5\xc5\xc5Dc\x8d\xf3\xd1\x92\x00\x97\xdbMvvv\xc9\xfd[\xabVmj\xd4\xc85\xee\xdf\x9a5\xa9Z\xa5\n.\x97\xeb/\xdf+\xe2\x9b\x1cD\x02\x90@\x0e~h(\x8a\xf2\x97\x9bn\xfb\xf6\xed\xacZ\xb5\x8a\xc5\x8b\x17\xb3d\xc9\x12V\xae\\\xc9\x86\r\x1b\x08\x06\x83\x7f\xfb\xf3\x14\x93\x19wZ:\xe9\x19\x99\xb8\xdci\xb8\xdcn\xecv\x076\xbb\xd1\x034\x9b-\xc8\x8aL4\xaa\x12\x8d\x86\x89\x84\xc3\x04\x03\x01\xfc~\x1f&gt;\x8f\x07\x8f\xa7\x88\xc2\x82|\xbc\x1e\x0f\xe8\xda\xdf\xfe\x8e\xf4\xf4t\xea\xd5\xabG\x93&amp;Mh\xd1\xa2%-Z4\xa7~\xfd\xfadee\x1d\xf2u\xf1\x07\xca\x7f\xf5|\x92\xd9\xc1=\xfc\xc3\x1b\x84`0\xc8\xbau\xebY\xb6|\x19K\x16/f\xe9\xd2\xa5\xacY\xb3\x86]\xbbv\xfd\xe3\xcf3\x99-8].\x9c.\x17\x19\x19Y\xb8\xd33Q\x14\x05\x93\xd9\x8c"\xcb\x98\xcc\x16$I"\x1a\x8d\xa0F\xa3D\xa3Q4M\xc5\xe7\xf5P\x98\x9f\x8f\xc7SD\xc0\xef\'\x18\xf0\xff\xe3\xef\xc8\xc8\xc8\xa0~\xfd\xfa4j\xd4\x88\x16-Z\xd0\xa2E\x0b\x1a6l\xf8\x97\xa4@\xc4\xf7\xd0\x91\x92\xc3\x13\xf6h4\xca\xa6M\x9bX\xbe|\x05\x8b\x17\xff\xce\xd2\xa5KY\xb5j\x15\xdb\xb6nE\xd5\xfe\xfe\xde\xb2Xm\xa4\xa5g\x94\xdc\xbf\x0e\xa7\x0b\xbb\xdd\x81\xd5nGQ\x94X\xaf\xde\x88o4\x1a%\x1c\n\x1a\xf7\xaf\xcf\x8b\xd7SLqQ\x11E\x85\xf9\x04\xfc\xbe\x7f\xbc\xe6\xf2\xe5\xcb\xd3\xa0A\x03\x9a6=\x9d\x16-Z\xd0\xac\xd9\xe9\xd4\xabW\x0f\xa7\xd3y\xc8\xd7\xc5\xa7\xffR9\xbe\x89H$\x00e\xdc\xbf=4\xb6n\xdd\xca\x82\x05\x0b\x98={6\xf3\xe6\xcdc\xf9\xf2\xe5D"\x91C\xbe\xc6\x9d\x9eA\xf5\x1a\xb5\xc9\xadU\x87j5jQ\xb5Z\r*T\xaeBVNy\xd23\xb3p:\xddXm6,\x16\x0bf\x8b\x05I\x92\x91$\x88\xe7\x16\x92\x04\xf1w\x88\xae\x1b\xffh\xaaJ8\x12&amp;\x1c\n\x11\n\x06\xf0z\x8a)\xcc\xcf#o\xdf^v\xed\xd8\xca\x8em\x9b\xd9\xb2\xf1O\xb6n\xda\xc0\xb6-\x9b\x08\x05\x03\x87\\SfF\x06\xcdZ\xb4\xe0\xdcs\xce\xa1m\xbbv\xb4h\xde\x9c\xec\xec\xecC\xbe&amp;\x1a\x8d\xa6\xc4\xc3\xe4\x9f\x1a\xfdh4\xca\xca\x95\xab\x98;w\x0e\xb3f\xcff\xd1\xc2\x85l\xdc\xb8\xf1/\xdf\x9f\x9e\x91I\xf5\x9a\xb5\xa9R-\x97\xdc\xda\xf5\xa8P\xb12Usk\xe1r\xbb\xc9)_\t\xa7\xcb\x85b2\x19\r\x83\xcd\x8e\x04%\xc1-\xc9\x1fu\xd0\xe3\xff\x01\x84Ca\x02\x01\x1f\x91p\x98p8\xc4\xbe=\xbb\xf0z&lt;\xec\xde\xb1\x8d\xdd;\xb6\xb1m\xcb&amp;\xb6m\xde\xc8\xd6-\x1b\xd8\xbbk\xe7_\xae);;\x9bf\xcd\x9aq\xce9\xe7\xd0\xae];Z\xb4hqHB\x10\x1fRN\xe5\xf8\xea\xba\xce\xda\xb5k\x997o&gt;\xb3g\xcf\xe2\xd7_\x7fe\xcd\x9a5\x7f\xf9\xfe\x9c\xf2\x15\xc9\xadY\x9b\xdc\xdau\xa9\x96[\x93\xca\xd5jP\xbeB%2\xb3\xcb\x91\x9e\x91\x89\xdd\xe9\xc4b\xb1b\xb1Z1\x9b\xccH\xb2t \xae\x92\xd1\xcb?\xfc\xfeU\xa3Q\xc2\xe1\x10\xe1P\x88`\xc0OqQ!\x85\xf9y\xec\xdf\xb7\x9b\x9d\xdb\xb6\xb0c\xdb\x166oX\xc7\xd6\xcd\x1b\xd9\xb1u\x0b\x9av\xe8\x08C\xe5\xca\x959\xe3\x8c38\xb7m[\xce=\xf7\\\x9a6i\x8a\xd3\xe98\xe4oK\x95\xf8&amp;:\x91\x00\x94Q\xf1\x1e\xd3\xc1\x8d\xbe\xaa\xaa,Y\xb2\x84i\xd3~d\xea\xd4),\xf8\xf5WB\xe1\x03\xc3\xf7i\xe9\x19\xd4k\xd4\x84\xd3\x9a\xb5\xa4Q\x93f\xd4\xa8\xd3\x80JU\xaa\x91\x91\x99\x85\xcdnCQb\x0f\x00\x15TUC\x8d\xf5\xf8\xe2\xbf\xcbx+\xe8\x075\x08\x87\x92\x0e\xfa\x1fc\xd8\xcf\xb8\xc1\x15EA1\x99P\x14\t9\xf6\x8c\x8bF\xc0\xef\xf3R\x90\xb7\x8f\xed[7\xb3q\xdd\x1aV\xadX\xc2\xcae\xbf\xb3v\xd5\x1fD#\x07\xae;;;\x9b\xb6m\xdb\xd2\xb1cG\xce;\xef&lt;\xea\xd7\xaf_\xf2\xb9\xf8\xc3\xe4\xefF&lt;\x12\xd5?5\nyyy\xcc\x9e=\x9b\xa9S\xa72s\xe6\xcc\xbf4\x08\x99Y9\xd4kx\x1a\x8d\x9b\xb5\xa0A\xe3\xd3\xa9Q\xa7\x1e\x95\xaaT#=3\x1b\xfba\xf1\xd54\x9dh4\x82\xa6j\xe8\xbaV\x12\xe3\xd8\x15\x1c\xf2/J^\xd6\x03\x15\xe1\xb2\xa2 K\x12\x92,c2\x99Q\x14\x19Y\x06Y\x01M\x85p(JqQ\x01\xfb\xf6\xecb\xcb\xc6?Y\xb7j\x05\xabW,e\xed\xea\x15l\xdd\xb4\xe1\x90\xeb._\xbe&lt;\xe7\x9e{.\x17_\xdc\x91\x0e\xe7u\xa0~\xbdz\x87\xbc\x16\xc9\x16_\xa0d\xce\xfc\xe0\xf8z&lt;\x1e\xe6\xcf\x9f\xcf\x94)S\xf9\xe9\xa7\x1fY\xb1b\xc5!\xdfS\xa1rU\x1a6nJ\xe3\xd3[P\xbfqSj\xd4\xaeO\xb9\x8a\x95HK\xcf\xc0j5#\xcb\xa0i\xc6?\xd1\xa8\x8a\xaaF\x0f\x89\xef\x91\xdd\xbf\x07\n\xfb\xe2\r\xb4\xac\x980\x99L\xc82%\xef\xa1HD\xc3\xeb\xf1\x90\xb7w7[7o\xe4\xcf\xb5+Y\xb5|\t\xabW,\xe5\xcf\xb5\xab\x0e\xf9\xb9\xd5\xaaU\xa3}\xfb\xf6\\t\xd1E\xb4o\xdf\x9e\xdc\xdc\xdc\x92\xcf\xc5\xafKL\x13\x94M"\x01(C\x0e\x9e\x13\x8cg\xce\x9a\xa6\xf1\xeb\x82\x05|\xfd\xd5W|\xf7\xddw\xac\\\xb9\xb2\xe4\xeb]\xeet\x9a\x9dq\x16g\xb6iG\xd3\x96\xad\xa8]\xaf\x119\xe5*`\xb5\x9b\xd05\xe3&amp;\x8eD\xc2\xa8\x91\x881\x8c\xa8\xeb%\r\xf8\xe1\x85&lt;\xc7rs\x1ex\xeb\xe8\xb1\xde\x85^\xd2\xdd\x90d\tY6\x86\x9b-\x16+&amp;\x93\xf1P\xf2\xfb\x82\xec\xde\xb1\x9d\xf5\xabW\xb0d\xe1&lt;\x16\xcd\x9f\xcd\x8a%\xbf\x1d\xd2\xcbh\xd3\xa6\rW]u\x15\x9d:u\xa2Q\xa3F%\x1f\xff\xbb\x87j"\x897v\x07\'u\xf9\xf9\xf9\xfc\xf4\xd3\xcfL\xfef2?\xfd\xf8#{\xf6\xec)\xf9\\fv\x0e\xcdZ\x9eE\xcb\xb3\xcf\xa5I\x8bV\xd4\xaa\xdb\x80\xecr\x15\xb0\xd9\x14\xb4R\x8e\xef_\x96\x95\xe9\xba\xd1\xa8\xe8:H\x12\xb2,\xa1(\xe6Xq\xa8\tE\x81h\x14\x8a\n\x0b\xd8\xb6y#\xabW,e\xf1\x829,Y4\x9f\x8d\xeb\xd7\x96\xfc,E\x96i\x1d\x8b\xef\xe5\x97_N\xc3\x86\rK&gt;\x97\x8c\xf1\xf5x&lt;\xcc\x9c9\x93\xaf\xbf\xfe\x9a\xa9S\xa7\xb2}\xfb\xf6\x92\xcfU\xa8\\\x95\x96\xad\xdapF\xeb\xb64nv\x065j\xd5%#+\x0b\xb3YBU!\x12\x89\x12\tG\x8c\x86\xbe$\xbe\xd2!\r9p\xc8\xa8\xce\xd1^\xef\x81\x7f\x1b\xf7p\xfc=$IFbo6[0[\xcc(&amp;#\xf1\xf3z\xbc\xec\xdc\xb6\x85\xd5\x7f,\xe3\xf7_g\xf3\xfb\x82\xb9\xac[u \x91\xb1Z\xad\xb4o\xdf\x81\xceWw\xe6\x92\x8e\x1d\xa9Y\xb3f\xc9\xe7TU-\xb5\x15H\xc2\xb1\x11\t@\x19\xf0w\x0f\x8e\xb5k\xd7\xf2\xf9\xe7\x9f3q\xe2D\x96-[V\xf2\xf1\xdc\x9auh\xdd\xfe\x02\xce9\xef"\x9a4;\x93\n\x95\xabb\xb1\xcaD#\x10\n\x05\x89F\xc2h\xaavH\xa6\x7f\xea2\xefxb\x10\xef\x9dH(\x8a\x8c\xd9b\xc5j\xb5 +\x10\xf0\x85\xd9\xb6y\x03K\x7f\xfb\x95\xb93\x7fd\xfe\xac\xe9\xe4\xed;\xd0\x08v\xe8\xd0\x81\xee\xdd\xbb\xd3\xa9S\'\xaaT\xa9R\xf2\xf1\xf8\x10c"\xf4*\xe2\xbd\xa0x\xc3\xa6i\x1a\xbf\xfc\xf2\x0b\x9f~:\x9eo\xbf\xfb\x96];\x0f\x0c\xa3\xd7m\xd0\x98\xb3\xdb\x9dO\x9b\xf6\x17\xd2\xf8\xf4\x96\x94\xafX\x19\x8bE"\x12\x81P0\x16_\xadl\xc4\xf7\x90%j\xf1\x95\'&amp;3V\xab\x15\x8bUA\xd7\xa1\xa8\xa0\x88?\xd7\xad\xe6\xb7\xf9\xb3\x98;\xe3G~\xfbu6\xe1P\x08\x00Y\x96\xe8\xd0\xe1|\xbaw\xef\xc6\xe5\x97_N\xe5\xca\x95K~v"\xc7\x17`\xde\xbcy\x8c\x1f?\x9e\xc9\x93\'\xb3e\xcb\x96\x92\x8f\x9f\xd6\xac%\xe7\x9e\xdf\x91\xd6m\xcf\xa7~\xe3\xa6d\xe5\x94CQ \x1c\xd6\x08\x87\x82D\xa3Q\xf42\x14_\xd0\xd1\xb5X\x8cc\xc5\x8a\x16\xab\r\xab\xd5\x84$\x81\xa7\xd8\xcf\xe6\r\xebX\xbc`\x0esfLc\xc1\x9c\x99\xf8\xbc\x1e\x00,\x16\x0b\x17w\xecH\xf7n\xdd\xb9\xe4\xd2K\xc8\x8e\xd5\xfd\xc4;:\x89\x12\xdfd&amp;\x12\x80S\xe8\xf0\x07G \x10\xe4\x87\x1f\xbeg\xcc\x981|\xf7\xddw%C\xb6\xd5k\xd6\xe6\x82K\xae\xa4\xc3\xc5\x97\xd3\xf8\xf4\x96dfg\xa0i\x10\x0c\x84\x08\x87C\xe8\xb1Q\x03)An\xa8\x92!p]GV\x14\xacV\x1bV\xbb\x19]\x83=\xbbv\xb1d\xd1|\xa6\xff\xf05\xb3~\x9eB\xde\xbe\xbd\x80QLx\xf5\xd5\xd7p\xd3M7q\xdey\x1dJ~V4\x1a-\xb3\xc3\xc7\x87\xf7x\xb6o\xdf\xce\xc4\x89\x13\xf9\xf8\xe3\xb1,Y\xb2\xb8\xe4\xeb\xea6h\xcc\xf9\x97\\A\xbb\x0b/\xa3a\xd3f\xa4g\xb8Q\xa3F\xe1_$\x1c6\xe2+K\xb1\xfa\x8c\xb2\xf7w\x1e\xec@R\xa0\x01\x12&amp;\x93\t\xab\xcd\x8e\xc5*\x13\x0eF\xd9\xbc\xf1O\x16\xce\xfd\x85\x19S\xbef\xfe\xac\x19\x84BF\x81jVV\x16\x9d;w\xa6G\x8f\x9b\xe8\xd0\xa1}\xc9\xcfK\xa4\xf8\xee\xd9\xb3\x87\xcf\'M\xe2\xa3\x8f&gt;b\xe1\x82\x05%_\xd7\xa4\xc5\x99\\t\xf9\xd5\x9c\xdb\xe1"\xea48\r\xa7\xdbF4\x02\xc1\x80\x9fh$\x82\x8e^\x12\xdb\xb2\xf8w\x1eN\xd74\xb4Xr\xa0(F|\xadV\x85hDg\xc7\xb6\xcd,\x9a?\x8b\xe9?|\xc3\x9c\x19\xd3J\x92\x81J\x95*\xd1\xa5kWn\xbc\xe1\x06Z\xb5jU\xf2\xb3\xcar|S\x81H\x00N\x81\xc3\x1b\xfe\x9d;w2v\xecXF\x8f\x1e\xcd\xda\xb5\xc6p\xa9;=\x9d\xf3;^\xc1eWw\xa3\xc5Y\xe7\x90\x95\x9dI4\n\x01\xbf\x8fh4\xc2\x81y\xf8\xc4\xbfq\xe2s\x98 a\xb1X\xb0;\xecH\x12\xec\xda\xb1\x93\xf9\xbf\xfc\xc4\x0f_Od\xe6\x8f\xdf\x1b=#\x8c)\x82[o\xbd\x95\xae]\xbb\x96\xacO/K=\xc6\xc3\xaf\xe5\xb7\xdf~c\xf4\xe8\xd1\x8c\x9f0\x81\x82\xfc|\x00\xca\x95\xaf\xc8\xf9\x97^\xc1%Wu\xe5\xf4\x96g\x93\x9e\xe9&amp;\x12\xd6\t\xf8\xfd\xa8\xd1Hl\x98\xbdl\xfc=\xc7E\xd7\xd1t=\x96\xc4\xc8\xd8lvlv3\x91\x88\xc6\xa6\xf5k\xf9\xe5\xc7\xef\x982y\x12K\x7f\xfb\xb5\xe4[\xce9\xf7\\n\xed\xd5\x8b.]\xba\x94\xc4\xb7,5\x14\x877\xfc\xcb\x97/\xe7\x83\x0f&gt;`\xdc\xb8q\xec\xdb\xb7\x0f\x80\xaa\xd5k\xd0\xf1\xca.\\\xdc\xe9\x1a\x1a6m\x8e\xd3e#\x1cT\t\x06\xfd\xa8Q5a\x12\xba#a&lt;\xcf4$I\xc6b\xb5b\xb7[\xd14\xd8\xb6y#\xb3\x7f\x9e\xca\x94\xaf\'\xf2\xeb\x9c\x19%_\x7f\xd1E\x17\xd1\xa7O\x1f\xae\xbc\xf2J\xacV+P\xb6\xe2\x9bJD\x02p\x12\x1d\xde\xf0\xaf[\xb7\x8ew\xde}\x971\x1f|@^^\x1e\x00\x8dOo\xc1U\xff\xbb\x91\x0b/\xbb\x9aj5k\xa0k\xe0\xf7\x19\x8d\xbe\xd1CH\x8e\x87\xc6?9\xb8@\xceb\xb1\xe2p\xda\x88F5\xd6\xadZ\xc1\xd4\xc9\x93\xf8\xfa\xb3\x8f\xd9\xbeu3\x005k\xd6\xa4o\xdf\xbe\xf4\xea\xd5\x8b\xf2\xe5\xcb\x03\xa7\xf6Arx\xc30}\xfatF\x8c\x18\xc1\x97_~Y\xf25-\xcf&gt;\x97+\xbb\xde\xc0\xf9\x97\\A\xa5\xaaUP\xe3I]$\x82\x94\x02U\xd3\xf1dO\x92\x0e$\x03~_\x90\xa5\x8b\xe6\xf3\xed\xa4O\x99\xfa\xcd$\n\x0b\x8c$\xa9v\xed\xda\xf4\xee\xdd\xbb\xcc\xc4\xf7\xe0M\x98\x00f\xcd\x9e\xcd\x9b#F0q\xe2\xc4\x92\xf9\xf4\xf6\x17^\xca\x95\xff\xeb\xc1\xb9\xe7]DN\xf9\x1c"a\x8d\x80\xdfg\xbc7R"\xbe\xb1:&amp;\xc0j\xb3awX\t\x05\xa3\xfc\xb1\xf47\xbe\xffj\x02\xdfM\x1a\xcf\xbe\xbd\xbb\x01h\xdc\xf84\xfa\xf5\xebK\x8f\x1e=\xc8\xc8\xc8\x00\xcaV"\x9f\nD\x02p\x12\x1c&gt;\xc7\xbff\xcd\x1a\xdex\xe3\r&gt;\x18\xf3\x01\x01\xbf\xb1D\xee\x82K\xaf\xa4\xeb\x8d\xbdi\xdd\xfe\x02\\n\x07~\x7f\x88Pl\xfd~\xaa\xde\x10\x07\x17E\xda\x1d\x0e\xac6\x13\xfb\xf7\xecg\xc6\xd4o\xf9\xec\xe3\xf7X\xbc`.\x00\x15+V\xa4_\xbf\xdb\xe8\xdf\xff6*T\xa8\x00\x9c\xdc\x07\xc9\xe1\x89\xdd\x8f?\xfe\xc8\xf0\xe1\xc3\x992e\n\x00f\xb3\x99\x8b\xaf\xb8\x86.7\xf6\xe6\xcc6\xed\xb0\xdb-\xf8\xbcA\xc2\xe1 \x12\x12\xb2"sP)~\xca\xd0\xe3{\x03(\nN\xa7\x0b\xc5,\xb1e\xe3f\xa6|\xfd\x19\x93\xc6}\xc0\xc6\xf5\xc6*\x88J\x95*\xd3\xb7o\x1f\xfa\xf7\xef_&amp;\xe2;c\xc6\x0c\x86\x0f\x7f\x85o\xbf\xfd\x06\x00\xa7+\x8d+\xba\\\xc75\xd7\xddL\xd3\x16ga2\xcb\xf8\xbc~"\xe1pJ4\xfa\xff\xc4\xb8\x7f\x8d8\xd9\x1d.,\x16\x99\x9d\xdbw\xf2\xe3\xb7_0q\xec\xfb\xac^\xb1\x14\x80\xdc\xdc\\\x06\x0c\x18@\x9f&gt;}J\x96\x8b\xc6W\x86\x08\xa5K$\x00\xa5\xec\xe07\xf2\xe6\xcd\x9by\xe5\xd5Wy\xf7\x9dw\x08\x04\x02(\x8a\x89+\xbb^O\xb7\x9e\xfdh~fk$I\xc2\xe7\xf5\xa2F\xa3\xc8b8\xec\x10\x9a\xa6\xa1k\x1af\x8b\x05\xa7\xcbA \x10b\xfe/?1\xee\xbd7\xf9\xe5\xa7\x1f\x00#\x11\xb8\xe3\x8e;\xb9\xfd\xf6\x01\x87\xf4(J\xebArxb7g\xce\x1c\x9e\x7f\xfey\xbe\xfb\xee;\x00\x9c.7\x9d\xbb\xddH\xd7\x1e\xbdi|z\x0b4\r|^O\xec\xa1(\xe2{0M36\x92\xb1\xda\xec8\x9cV\xf2\xf7\x17\xf0\xf3\x0f_\xf3\xe9\xe8\xb7X\xf6\xfbB\xc0\x88\xef\xed\xb7\xdf\xce\xed\xb7\xdf~R\x1a\x8a\xc3\xe3;\x7f\xfe|^x\xe1\x05\xbe\xfe\xfak\x00\xb2\xcb\x95\xa7k\x8f\xde\\\xd3\xfdfj\xd7\xafG$\xac\xe1\xf3y\xc5\xb2\xb7\xbf\x11\xbf\x7f-V\x1bN\x97\x8d\xe2"/\xb3~\xfa\x81O\xde\x7f\x93\x05s\x7f\x01\xa0z\xf5\\\xee\xb9\xe7n\xfa\xf4\xe9\x83\xcb\xe5:d\xd33\xa1t\x88\x04\xa0\x94\xc4{\xae\x92$QXX\xc8\xeb\xaf\xbf\xce\xab\xaf\xbeJAA\x01\xb2\xacp\xcdu7q\xc3\xad\xb7sZ\x8b\x96\xa8Q\r\x9f\xd7\xfb\x97Jb\xe1\xaf\x0e\xf4*\x14\\n7\xaa\xaa\xb1`\xcet\xc6\x8c|\x85\x99?~\x0f@\xadZ\xb5\x188p \xbdz\xf5\xc2d2\x95Jo\xf1\xe0\x86g\xcd\x9a5&lt;\xfb\xec\xb3|\xfc\xf1\xc7\x008\x9c.\xba\xdcp\x0b\xd7\xf5\xba\x8dz\r\x1b\x11\nE\xf1\xfb|H\x80,\xe2\xfb\xaft]GSULf3\xae4\'~\xaf\x9f\xe9S&amp;\xf3\xe1\xa8\xd7Y\xb2h&gt;`L\xfd&lt;\xf8\xe0\x83\xf4\xee\xdd\x1b\xb3\xd9\\*\xcb\xcb\x0e\x8e\xef\xfa\xf5\xeby\xf6\xb9\xe7\x18\xf3\xc1\x07\x00d\xe5\x94\xe3\xfa^\xfd\xe9r\xc3\xadT\xafY\x1d\xbf?L0\xe0/\xd9\x17C\xf8g\xf1\xf8*&amp;\x13.\xb7\x8bp(\xcc\xec\xe9S\xf9p\xd4\xab\xcc\x9f5\x1d\x80\x86\x8d\x1a\xf1\xf0\xc3\x0fsS\x8f\x1e\x80\x98\x16(M"\x018\xc1\x0e\xef5|\xf4\xf1\xc7&lt;\xfd\xd4S\xfc\xf9\xe7\x9f\x00\\\xd6\xf9\x7f\xf4\xba\xfd~\x9a\x9d\xd9\x8aHX\xc5\xe7\xf3\x8a\xb5\xb1\xc7(\xfe\xe0w\xb9\xd3\xd05\x8d93\xa6\xf2\xee\xeb/\xb2`\xceL\x00Z\xb7n\xcd\x90!C\xb8\xe8\xa2\x8bJ\xbe\xfex\x13\xac\x83\xe7\x81\x8b\x8b\x8by\xf9\xe5\x97y\xf5\xd5W\xf1x&lt;(\x8a\xc25\xd7\xf5\xa4g\xff{h\xd0\xe44\x82\xfe\x08\x01\xbf/\xa5\x87\x81\x8fU&lt;\xd1S\x14\x05W\x9a\x9b\x80?\xc0\xb4o&amp;\xf1\xfe\x88\x97Y\xbd\xc2X\x16{\xd6Yg\xf1\xe4\x93Or\xc9%\x97\x00F}\xc0\xdf\x9d\x89q4\x0e\x8e\xaf\xc7\xe3a\xf8\xf0\xe1\x0c\x1b&gt;\x1cOq1\x0e\xa7\x8b\xeb{\xf5\xe7\xfa[\x07\x90[\xab\x06~\xaf\xb1\x13\xa6\xac\x18\x9bb\tG\'\xde\xb0\xbb\xdcn"\x91\x083\xa7~\xc3{o\xbc\xc4\x92EFAh\x87\x0e\x1d\x182d\x08\xed\xda\xb5+\xf9z\xd1A:\xb1D\x02p\x02\x1d\xfc\x06]\xbcx1\x8f&lt;\xf2\x08\xd3\xa6M\x03\xa0\xd59\xed\xb9\xed\xbeG9\xf7\xbc\x8bQU\x15\x9fW4\xfc\'\x8a\xa6\xaa I\xb8\xd3\xd2\x08\x87\xc3L\xf9z"\xa3\x86?[\xb2cY\xcf\x9e\xb70d\xc8\x93T\xaf^\xfd/\x85\\G\xe3\xe0\x06f\xd2\xa4I&lt;&gt;h\x10kV\xaf\x06\xa0\xc3E\x97q\xdb\xfd\x8fq\xc6\xd9m\x08\x85"\x04|&gt;\xa3\xd7"\xe2{\xdc\xe2\rEZ\xba\x9b\xe2\xa2b\xbe\xf8d\x0c\xef\xbd\xfe"\xbbw\xed\x00\xe0\xc6\x1b{\xf0\xd4SC\xa8Y\xb3\xe6!\xa7\xe9\x1d\xcb\xef\x89\xdf\xbf_|\xf1%\x8f?\xfe8\xabW\x1b\xef\xa1\xce\xddz\xd0\xe7\xae\x87h\xd0\xe44\xfc\xbe\x10\xc1@@T\xad\x9f \xf1\xf8\xba\xd3\xdc\x04\xfc~\xbe\xf9\xfcS\xde~\xf5\xb9\x92\x1d%\xfb\xddv\x1bO\x0c\x1eL\xa5J\x95\x8e\xeb\xfe\x15\xfeJ$\x00\'\xc0\xc1\xbd\xfe@ \xc0s\xcf=\xc7\x8b/\xbeH(\x14\xa2r\xd5\\\x06&lt;\xf88\x9d\xbb\xf5\xc0b\xb6R\\\\$\x1a\xfeRrpCQ\x90_\xc0\xd8wG\xf0\xfe\x1b/\xe1\xf5z(W\xbe&lt;\xcf\x0c\x1dJ\x9f&gt;}\x80\xa3\xeb-\x1e&lt;\x17\xb9e\xcb\x16\x1e~\xf8a\xc6\x8f\x1f\x0f@\x9d\xfa\x8d\xb8\xfd\xc1A\\\xda\xf9\x7f\x00x=\xc5b(\xb8\x94\xa8j\x14\x93\xc9LZ\xba\x93\xed[\xb7\xf3\xfe\x88\x97\xf9\xe4\xfd\x91D"\x11rrr\x182d\x08\x03\x06\x0c\x00\x8e/\xbe\x8f&lt;\xf2(\x9f~\xfa\t\x00\xcd[\xb5\xe1\xce\x81O\xd0\xf6\xfc\x8b\x89\x84#\xf8|&gt;\xd1\xf0\x97\x92x\x02\x96\x96\xeeb\xef\x9e\xbd|8\xea5\xc6\x8c|\x85`0@\x95*Ux\xe6\x99g\xb8\xf9\xe6\x9b\x81\x133\xda#\x88\x04\xe0\xb8\xc5w\xb4\x02\xa3\x08\xec\x9e{\xee\xe1\xf7\xdf\x7f\x07\xe0\x86\xde\xb7\xd3\xff\xbeG\xa9T\xa52E\x85\x1eQ\xd0r\x92\xa8\xd1(&amp;\x8b\x85\xb44\x07\xabW\xfc\xc1k\xcf\rf\xda\xb7\xc6R\xbc\xcb/\xbf\x9cW^y\x85\xbau\xeb\x1e\xd1\xdc\xe2\xc1\xbd\xc21c\xc6\xf0\xf0#\x8f\xb0g\xf7n\xacV+=o\xbb\x97\xdew=Hfv\x16E\x85\xc5\x80\x8e,\x8b\xf8\x96\xa6x\xb2m\xb3\xd9p\xb8l,\x9a7\x8fW\x86&gt;V2\xeds\xf1\xc5\x17\xf3\xca+\xaf\xd0\xa8Q\xa3C\xeap\xfe\xc9\xc1\xf1\xfd\xe0\x83\x0fx\xe4\x91G\xd8\xb3g\x0f\xe9\x19\x99\x0cx`\x10\xd7\xf5\xba\r\x9b\xcdNq\x91H\xdcO\x165\x1a\xc5l\xb5\xe2v\xdbY\xbex\t\xaf&gt;;\x88\x99\xd3\x8c\xc2\xda\xab\xaf\xbe\x9aa\xc3\x86Q\xb3fMQ\x1bp\x02\x88\x04\xe08\xc4\xb3\xd0H$\xc2\xd0\xa1C\x19:t(\x9a\xa6\xd1\xa8Is\x1e\x1a\xf2"m/\xb8\xd0X\xee\x15\n\xa2\x88l\xf5\xa4\x8a7\x14N\x97\x13E1\xf1\xf5\x84\x8f\x19&gt;\xf41v\xef\xdcNVV\x16/\xbe\xf8"\xb7\xdez+\xf0\xcfs\x8b\xf1\xf8\xee\xd9\xb3\x87{\xef\xbd\x97O?\xfd\x14\x80\x96g\x9f\xc3\xc3O\xbdL\xcb\xb3\xcf\xc6Sl,\xf7\x12\xf1=\xb9\xe2\xf1u\xa7\xa5\xa3\xaa\x11&gt;y\xff-F\xbc8\x84\xa2\xc2\x02\xd2\xd3\xd3y\xf6\xd9gKF\x03\xfe.\xbe\x07\x8f\xda\xed\xda\xb5\x8b\xfb\xee\xbb\xafdT\xe7\xa2NWs\xff\xa0\xe7\xa8\xd7\xb0&gt;E\x85^1\xf7|\n\xc4\xe3\xe3r\xb9\x91$\xf8\xfc\x93\x0fx\xf5\x99\xc7\xd9\xbfw\x0f\xe5\xca\x95\xe3\xa5\x97^*\x19\r\x10\xf19v"\x018\x06\x07\x0f\x19\xae^\xbd\x9a~\xb7\xdd\xc6\xecY\xb3\x00\xe8}\xe7\x83\xf4\xbf\xffq\xdcii\x14\x17\x16\x8a\xe5|\xa7X|\xcb\xe1\x8c\xact\xb6m\xd9\xca\xcbC\x06\xf2\xed$\xe3A\x7f\xe3\x8d7\xf2\xea\xab\xaf\x92\x9d\x9d}\xc8\x90\xe2\xc1=\xc7\x1f~\xf8\x81\x01\xb7\xdf\xce\xe6M\x9b\xb0Zm\x0cx\xe01z\xdd\xfe\x00f\x8b\x05Oq\xb1\x18\x0e&gt;\xc5\xb4\xd8\x06;\x19\x99n\xd6\xae\\\xcds\x83\xeegVlYh\xd7\xae]y\xfd\xf5\xd7\xa9X\xb1\xe2?\xc6\xf7\xbb\xef\xbe\xe3\xf6\xdbog\xcb\x96-dfe\xf3\xc0\x13\xcf\xd3\xe5\xc6^D\xa3*~\x9fO\x0c3\x9fb\xf19\xff\x8c\xcc46o\xdc\xc8KO&lt;\xc4\x94\xc9\x93\x00\xe8\xd9\xb3\'\xc3\x87\x0f\'33SL\t\x1c#\x91\x00\x1c\xa5\x83\x1f\x1e\xe3\xc6\x8d\xe3\xce;\xef\xa4\xa0\xa0\x80\x9au\xea1\xe8\xf9\xd7i\x7fqG&lt;E\xbe\x92\x1d\xcb\x84\xb2!\x1a\x8db\xb3\xdb\xb1Z\xad|&gt;\xf6}^\x18\xfc E\x85\x05\xd4\xaf_\x9f\xf7\xde{\x8fs\xcf=\x17U5\xd6\xa2\xc7\x1f$\x83\x07\x0f\xe6\xe9\xa7\x9f\x06\xa0Q\xd3\xe6\x0c~q\x04\xad\xceiCQ\x81\xe8\x15\x965\xd1h\x14\xa7\xd3\x89$\xcb|8\xeaU^{v0\x81\x80\x9f\x9a5k\xf1\xee\xbb\xefp\xc1\x05\x17\x1cr\xc4\xb6\xa6i\x0c\x1a4\x88g\x9f}\x16\x80\xb6\xe7w\xe4\xb1\xe7^\xa3n\xc3\xfa\x14\xe6\x17\x03\xa2\xd0\xac,\x89F\xa3\xd8\x1d\x0e\xccf3\x13&gt;|\x87\x17\x9fx\x08\xaf\xa7\x98\x86\x8d\x1a\xf1\xfe{\xef\xd1\xbauk1%p\x0cD\x02p\x14\xe2\x0f\xfdh4\xca\x83\x0f&gt;\xc8\xab\xaf\xbe\n\xc0\x15]\xae\xe7\x91g\x86S\xae|\x05\n\x0b\nE\xaf\xb0\x8c\xd2c;\xbaef\xa7\xb3z\xc5\x1f&lt;\xf1\xc0\x00~\x9b?\x1b\x8b\xc5\xc2\xcb/\xbf\xcc\x9dw\xde\t\xc0\xae]\xbb\xe8\xd3\xa7O\xc9\x86&gt;\xdd{\xf6\xe3\xc1!/\xe0r\xa5Q\\T\x84\xc9\xa4\x90\x8a;\xf7\x95uFr\x0e\x19Yi\xfc&gt;\xffW\x06\xdf\xdf\x9f\xd5+\x96\xa2(\n\xcf&gt;\xfb,\x0f=\xf4\x10`\x1c\xca\xd4\xbbw\x1f\xa6N\x9d\x82$\xcb\xdc5\xf0I\xfa\xdd\xf3p\xec\xb8j\xd1\xeb/\xab\x8c\xd1\x00\x9d\xcc\xact\xfeX\xba\x8c\'\x1e\x18\xc0\x92\x85\xf3\xb0Z\xad\x0c\x1f&gt;\x9c\x01\x03\x06\x1c\xd7*\x90T$\x12\x80#\x14\x1fb\xda\xb1c\x07={\xf6\xe4\xa7\x9f~\xc2b\xb1\xf0\xe0\x90\x17\xe9y\xdb\xdd\x04\x02\x01\xc2\xc1\x90\x98\x0bN\x00\xd1h\x14\x97\xcbE$\x12f\xd8\xd3\x8f\xf2\xe1\xa8\xd7\x00\xe8?`\x00]\xbbt\xe1\xd6[oe\xd3\xa6M\xb8\xd3\xd2x\xec\xd9\xd7\xe8\xda\xa3\'\x9eb1\xaa\x93(\xa2\xd1(ii\xe9x&lt;E&lt;\xfb\xe8\xbd|\xf1\xe9\x18\xc0\x182\xee\xd6\xad\x1b}\xfb\xf6e\xdb\xb6mT\xa9\x96\xcb\xd3\xaf\xbcM\x87\x8e\x1d)\xcc\xf7\x88\x86#AD\xa3Q\\n7\xe1`\x90\x97\x9ez\x98\xb1\xef\x8e\x00\xa0_\xbf~\xbc\xfe\xfa\xebX,\x161Bw\x84D\x02p\x04\xe2\x8d\xff\xc2\x85\x0b\xb9\xee\xba\xeb\xd8\xb8q#\xd5rk\xf1\xdc\x88\xd1\xb4i\xdf\x9e\x82\xbc\xa2\x92\xe3x\x85\xc4\xa0\xa9*\xb2I!-\xcd\xc5g\x1f\x8d\xe6\x95g\x06\xb1w\xf7\xce\x92\xcf7i~\x06O\xbc\xf4&amp;-Z\xb5"\x7f\xbf\xa8\xe5H4\xaa\xaab6\x9bq8\x1d\x8c\x19\xf5\x1a\xa3\x86=K\xde\xfe\xbd%\x9f?\xafc\'\x1e\x7f\xee5\xaa\xd7\xacEaA\xa1\xe8\xf5\'\x98x\x01\xa7;\xcd\xc9\x84\x0fG\xf3\xf4\xc3w\x11\xf0\xfb8\xef\xbc\xf3\x187n\x1c\x95*U\x12u\x01G@\xb4X\xff!\xfe&amp;\x9a4i\x12\x17^x!\x1b7n\xa4u\xdb\xf3\xf9\xf8\x9b\x19\xb4:\xa7=y\xf1\xc6A4\xfe\tEV\x144U#?\xaf\x80[\xef\xe8\xc5\x85\x97w.\xe9\xfd\xd9\xecv\xeez\xe4)\xce=\xaf\x15{v\xedC1\x99D\xe3\x9f`\x14\x93\x89H$\x8c\xa7\xd8\xc3\x80\xfb\xef\xa6\xd59\xedKb\xe8r\xbb\xe9s\xd7@\xea7\xaeE\xde\xbe\xfd\xa2\x91H@\x8a\xa2\xa0i\x1a\x05\xf9\x85t\xef\xd9\x8b1_L\xa3z\xcd\xda\xcc\x981\x83\xf6\xed\xdb\xb3l\xd92L&amp;\x13\xd1h\xf4T_j\x99&amp;Z\xad\x7fp\xf02\xa1\x11#F\xd0\xa5K\x17&lt;\x1e\x0f\xd7^\x7f\x0bo\x8f\xff\x96\x9c\xf2\x15).\x14=\x87De\xac\xe2\x90IK\xcf\xe0\xc1\xfe\xf7\xf2\xc9\xfb#\x01\xa8Q\xbb\x1e\xc1@\x80\x81\x03n\xe6\xcb\xf1\x93\xa9P\xb9\x9cx\x88$ -\x1a\xc5b\xb1b\xb6\x98\xe9\x7fc\x0f~\xf8z"\x16\x8b\x95\xba\r\x1a\xe3\xf5x\x18\xd0\xa33\xdfN\xfa\x86\xf2\x95rD|\x13\x94$I(\x8a\x89\xbc\xfd\x854o\xd5\x86\x8f\xbf\x9e\xce\x99m\xda\xb1~\xfdz.\xb8\xe0B~\xfc\xf1G\x91\x04\xfc\x07\x91\x00\xfc\x8d\x83\x97\xf9=\xf1\xc4\x13%\xc5aw&lt;4\x98\xe7\xdf\x1c\x8d\xa6i\x84\x82\x011\xdf\x9f\xa0\xe2\x95\xe0f\x8b\x85\x87\xef\xb8\x85\x0fG\xbd\x8a,\xcb\x0c\x19&gt;\x8aof\xffF\xc7+\xbb\x90\xbf\x7f\x1fw\xdd\xd2\x95I\xe3\xc6\x92].\x03U&lt;D\x12\x86\xaa\xaaXm6"\x910w\xdct-\x93?\x1b\x8b\xc3\xe9d\xf8\xbb\x9f\xf0\xe5\xcc\x85t\xbc\xe2Z\n\xf3\xf3\xb8\xb3\xa7\x88o20\x99L\x14\x17\x16\x92S\xbe"\xefN\xf8\x8e\xcb\xae\xfe\x1fyy\xfb\xb9\xe2\x8a+\x988q\xa2H\x02\xfe\x85H\x00\x0e\x13\xaf"U\x14\x85{\xef\xbd\x97\xa7\x9ez\nY\x96y\xf2\xe5\x91\xdc\xf7\xf8\x10\x8a\x8b\x8ab\xbb\xff\x89\x02\x93D\xa4i\xc6\xdc\xb0$\xc1=\xb7^\xc7\x97\x9f~\x88\xd3\xe5f\xc4\x87\x93\xb8\xbeW\x1fTU\xe6\xb5\xd1\x13\xe8\xd1\xe7N"\xe10\x0f\xf6\xbf\x89\x8fF\xbdEV\xb9\x0cTU&lt;D\xca:UU\xb1;\x1cx=\xc5\xdcv\xdd\x95\xfc\xf2\xe3\xf7\x94\xabP\x89\xf7&gt;\xfb\x81\x8eW^M4\xa2\xf1\xda\x07\x9f\xc5\xe2\x1b:4\xbe\xa2\x91HX\x8a\xc9D0\x10@\x92d\x86\xbf\xfb)=\xfa\xdcI(\x14\xa2[\xb7n\xbc\xff\xfe\xfb"\t\xf8\x07\xa2\x08\xf0 \x07\xf7\xfc\xfb\xf7\xef\xcf\xa8Q\xa3\xb0\xdal&lt;\xf7\xc6h\xae\xee~\x1dy\xfbD1X"3\x1a\x7f\x0b\x9a\xa6rw\xaf\xee\xfc\xf2\xe3wde\x97\xe3\xb5\xd1\x13hs\xdeyF\xb1_l\x1dqZ\x86\x9b\xe1O\x0ff\xe4\xcb\xc6&gt;\x00\x8f&gt;\xf3\n\xbd\xef\xbc\x87\xfc\xbc"Q]\\F\x19\x8d\xbf\x9d\xa2\xfc|n\xbb\xe1*\x96/^H\xb5\x1a\xb5\x18\xf9\xf1\x9748\xad)\x85\x05\x05(\xb2\x02\x92DZ\xba\x9b\xe1O\x0fb\xe4\xb0\xa1\x80\x88o\xb2\x88\xef\xd3\x92\x96\xeef\xf8\xd0A\x8c|\xd9\x88\xef\xc8\x91#\xe9\xdf\xbf\xbf(\x0c&lt;\x8cH\x00b\x0en\xfc\xfb\xf6\xed\xcb\xbb\xef\xbe\x8b\xc3\xe9b\xf8\xbb\x9fp\xf1\x15W\x90\xb7O\xcc\xf7\'2M\xd30\x99\xcd\xa0k\xdcqs\x17f\xff&lt;\x85r\x15*2r\xec\xd74?\xb3\x15\x05\xf9\x05\x98Lf &gt;\n\xa4\x91\x99\x95\xce\x9b/=\xcf\xb0\xa7\x1f\x01\xe0\x91\xa1\xc3\xe9{\xf7\xbd\xe4\xed/DQ\xc4{\xa1,)i\xfc\x0b\xf2\xe9\xd3\xad\x13+\x97\xfdN\xad\xba\r\x18\xf5\xe9drk\xd6\x89\xed\xdf`\xc4\xec\xd0\xf8&gt;\xc7\xb0\xa7\x1f\x05D|\x93\xc5?\xc5w\xc4\x88\x11\xdc~\xfb\xed"\t8\x88H\x008\xb4\xf1\x1f0`\x00o\xbd\xf5\x16.w\x1a\xaf\xbe?\x81\xf3/\xb9\x84\xbc\xfd\x07\x1a\x07!\xf1h\x9a\x86bRPd\x99\xbbn\xf9\x1f3\xa6~K\xf9\x8a\x95y\xfb\xd3\xc9\x9c\xd6\xac%\x85\x05\x7f\x8do\xfc=\x91\x95\x93\xce\xa8\xe1/\xf3\xe2\x13\x0f\x020\xe8\x857\xb8e\xc0\x1d\xe4\xef+\x145 e\x84\x16\x9b\xf3\xf7z\x8b\xe9\xdb\xad\x13\xcb\x17/\xa4N\x83\xc6\xbc3\xfe\x1b*W\xad\x8e\xa7\xd8\xf3\x97\x07\xfe?\xc5w\xf0\x0b#\xe89\xe0v\x11\xdf\x04\xf7O\xf1}\xe7\x9dw\xe8\xd3\xa7\x8fH\x02bR&gt;\x018\xb8\xda\xff\x81\x07\x1e`\xd8\xb0a8\x9c.^\x1b\xfd\x19\x17\\z)y\xfb\n\x8c\x9e\xa3\x90\x90t]G\x92\x8c\xa5}\xf7\xf5\xbe\x9e\x1f\xbe\x9eHN\xb9\n\xbc3\xfe[\x9a\xb48\xe3o\x1b\xff\x83\xa9j\x94\xec\x9c\x0c\xde|\xe9\x05^~\xeaa\x00\x9e\x1b\xf1\x01\xddn\xeei\xbc7DbxJi\x9a\x86\xd9l&amp;\x1a\x8d\xd0\xa7\xdb\xe5\xfc\xfe\xeb\x1cj\xd5m\xc0{\x13\xbf\xa7R\x95\xea\xf8&lt;\x9e\x7fm\xc8\xff.\xbe\xcf\x8f\xf8\x80\xff\x89\xf8&amp;\x85\xbf\xc6W\xe2\x93O\xc6q\xddu\xd7\x89$\x00Q\x04X\xd2\xf8\x0f\x1d:\x94a\xc3\x86a\xb5\xdax\xf9\xed\xb1\xa2\xf1O\x02\xf1\x82N\x97\xdb\xcd\x13\xf7\xf5\xe7\x87\xaf\'\x92\x9e\x99\xc5\x9b\x1f\x7fa4\xfe\xf9\xff\xfd\x807\x96\x19\x151\xe0\x81\x81\xdc9\xf0I\x00\x06\xdf\xdb\x8f\x1f\xbe\xfa\x8a\xac\xecLQXt\n\xe9\xba\xb1\x94S\x96%\xee\xbd\xb5;\xbf\xff:\x87j5j\xf1\xf6\xa7\x93\xa9\\\xb5:\xde\xffh\xfc\xe1\xd0\xf8\xde\xf1\xd0\x93\x00\x0c\xba\xaf\x1fS\xbe\xfaZ\xc47\t\xfc\xf5\xfe\xd5\xe9\xd9\xb3\'S\xa6L\x11\x85\x81\xa4\xf8\x08@&lt;\x03|\xf7\xddw\xe9\xdb\xb7/\x8a,\xf3\xfc\x9bc\xb8\xf6\xc6\x1e"\xfbO\x02\xaa\x1a%+;\x83\x97\x9e|\x9c\xb7\x86?\x83\xc3\xe9d\xc4G_\xd0\xee\x82\x8b)\xc8;\xf2\xe4.&gt;\xa7\x98\x91\x99\xce\xd3\x0f\xdf\xc7\x98\xb7^\xc1\xe5N\xe3\xbd\xcf\xbe\xa7\xc5Y\xe7P\\(\x86\x8bO\xb6xr\xe7Ns\xf3`\xff\x9b\xf9z\xc2\xc7\x94\xabP\x89\xf7?\x9fB\xfdFM\x0e\x99\xf3?\xb2\x9fe\xc4\xf7\xa9\x81\xf7\xf2\xe1\xa8Wq\xa5\xa5\x1b\xf1m\xd5F\xc47\xc1\xfd]|\xd3\xd33\xf8\xf9\xe7\x9fh\xd9\xb2eJo\x1b\x9c\xb2\t@\xbc\xf1\xff\xfe\xfb\xef\xb9\xf2\xca\xabP\xd5(\x8f=\xfb*\xbd\xef\xba\x9b\xfd{E\xe3\x9f\xe8\xa2\xd1(\xd9\xe52\xf8\xf8\xedQ&lt;\xf1@\x7fdE\xe1\xe5Qc\xe9\xdc\xbd;y{\x8f~d\xc7\xb8Mt\\\xee4\x1e\xe8\xd7\x83\xc9\x13\xc7R\xb1rU&gt;\x9e&lt;\x83*\xd5s\xf1\xfb\xfc)\xfb\x109\x15\xe2\xc9\xdd\xf3\x83\x1e\xe1\x9d\xd7\x9e\xc7\xe5N\xe3\x9d\xf1\xdfr\xe69m)\xcc?\xfa\x82\xdd\x03\xf1us\x7f\xdf\x1e|\xf3\xf98*V\xa9\xca\xd8\xc93\xa9\\\xad\xba\x88o\x82;8\xbe\xc6\xfd;\x8e\xea\xd5s\x993g6\xd5\xaaU\x8b-\xedN\xbd\x01\xf1\x94L\x00\xe2\x19\xdf\x8a\x15+h\xdf\xbe=\x05\x05\x05\xf4\xb9\xeb!\x1e\x19\xfa\x02\xf9y\xa2\x028\xd1E\xa3Q223\x98\xf5\xd3T\xfa\xdfx\x15\xe1P\xa8\xa4\xc2{\xff14\xfeq\xba\xa6!+\n\x8aI\xa1_\xf7+\x98\xf7\xcbO4&gt;\xbd\x05\x1f}\xf53&amp;\x8b\x055\x1aE\x92R\xef!r\xb2E\xa3\xc6\xbc\xee\xd8\xf7\xdfa\xf0\xbd\xfd0\x99L\xbc\xf2\xdex.\xbb\xe6Z\xf2\x8f\xa3`7^\x08\xac\x98d\xfav\xbb\x82\xf9\xb3~\xe6\xb4fg\xf0\xe1\xd7?aR\xcc\xa8\xaa*\x96\x00\'\xb0\xbf\x8b\xefYg\x9d\xc5\xf4\xe9\xd3\xb1\xd9l%\xc7\xbc\xa7\x92\x94{Z\xc5O\xfc\xca\xcf\xcf\xa7k\xd7\xffQPP\xc0eWw\xe3\xc1\'\x9f\xa7\xb0\xa0Xl\xf0\x93\xe0TU\xc5\xe9r\xb2q\xfdZ\x06\xde~3\xe1P\x88\x1e}\xee\xa4\xf7]\xc6\xf2\xae\xe3\xa9\xe9\x90d\x19UU\x01\x89a\xef\x8c\xa5v\xbdF\xac\\\xb6\x98G\xee\xea\x8d\xcdf\'\xf5R\xe9\x93O\x8d%wsf\xcc\xe0\xd9G\xee\x01\xe0\x81\'^\xa0\xd3\xb5\xd7\x92\x7f\x9c\xd3vr,\xbe\x122\xc3\xde\x19K\xad\xba\r\xf8c\xe9o&lt;~W\x1f\xec\x0e;)\xd8WJ*\x87\xc7\xb7v\xbd\x06,X\xb0\x80&gt;}\xfa\x96|.\xd5\xa4T\x02\x10_\x1a"I\x127\xddt\x13k\xd7\xae\xe1\xf4\x96g\xf1\xcc\xeb\xef\x11\xf0\x07\xd0uR.\x03L&amp;\xba\xaec2\x99\x08\x05\x83&lt;\xd0\xaf\x07\xfb\xf7\xee\xa1\xfdE\x97\xf1\xe8\xb3\xc3).\xf0\x9c\x90\xe4N\x96eB\xc1 \x99\xd9\xe5x\xe5\xbdO\xc8\xc8\xccb\xda7\x93x\xe3\x85!df\xa7\xa5|QQi\xd2T\r\xbb\xc3\xce\xf6\xad\x9b\x198\xe0f\x82\xc1\x00\xd7\xf5\xeaO\x9f\xbb\xef;\xee\xe4.N\x96e\x82\xc1 Y9\xe5\x19\xfe\xee\'\xa4gd\xf2\xc3\xd7\x13y\xf3\xa5g\xc8\xcc\x12\xf1Mt\x07\xc7w\xd8;\x9f\x90\x9e\x99\xc9\'\x9f\x8c\xe3\xc5\x97^J\xc9\xa2\xc0\x94J\x00\xe2C\xff\x83\x07\x0f\xe6\xbb\xef\xbe\xa3B\xc5\xca\xbc\xfc\xf6X\xacV+\x91H$%\xe7\x80\x92\x89\xa6i\xb8\xdcN\x9e~\xf8nV,YD\xcd:\xf5y~\xc4h\xa2\x91(\x9a\xae\x9f\xb0\xe4NQ\x14&lt;\xc5\xc54&gt;\xfdt\x86\x0c{\x1bY\x96\x199l(S\'O&amp;3+#\xe5\x1e"\'\x85\xae#+F\xfc\x1e\xbe\xbd\x17\xbbvl\xe3\xec\xb6\xe7\xf1\xd8\xb3\xafP\\\xe8=\xa1#wF|\x8bh\xd2\xbc9O\xbe&lt;\x12I\x96\x19\xf1\xd2\x10~\xfa\xfe{22\xc5\x96\xc1\x89\xee\x90\xf8\xbe\xf4\x16\xb2,\xf3\xe8\xa3\x8f2}\xfatL&amp;SJ\x8d\x04\xa4L\x8b\x17_\xee\xf7\xddw\xdf1t\xe8P\xccf3O\xbf\xfa.5\xeb\xd4\xc1\xe7\xf5\x89\x02\x9f\x04\x17\x8dF\xc9\xcaNg\xdc\xfbo\xf3\xc5\'\x1f\xe0p\xbaxa\xe4\x18\xb2r\xca\x13\n\x06Oxrg2\x99\xc8\xcf+\xe4\xca\xae]\xe8w\xef#h\xaa\xca\xe0\xfbnc\xcb\xc6\x8d8\x1cv4M;\xa1\xbf/\xd5\xa9\xaaJz\x86\x9baO?\xc6\x8293\xa8T\xa5\x1a\xcf\xbf9\x0606\x02:\xd1#w&amp;\x93\x99\xfc\xbcB:w\xebN\xef;\x1eD\x8dF\x19|_?vl\xdd\x82\xcd.\xe2\x9b\xe8\x0e\xc4\xb7\x1b\xb7\xdei\xc4\xb7g\xcf\x9e\xec\xd9\xb3\x07Y\x96S&amp;\xbe)Q\x04\x18\x1f\xf6\xdf\xb9s\'g\x9cq&amp;\xbbw\xef\xe2\xae\x87\x87p\xcfc\x83\xc5r\xbf$\xa0i*\x0e\xa7\x93\xb5\xabVpc\xa7\x0ex=\xc5&lt;\xf9\xd2Hn\xba\xad\xff1U\xfc\x1f9\x1d]\x07\xbb\xc3N\x9fn\x9d\x983}*m\xda_\xc8\xfb\x13\xbf\'\x10\x08\x8a\xe9\xa4\x13D\x8dFI\xcf\xca`\xda\xe4/\xb9\xe3\xe6k1\x99\xcd\x8c\x1a7\x99v\x17v\xa4\xb0\xa04\xb7\xe86\xe2k\xb3[\xb9\xb5\xcbe\xcc\x9f\xf53\xed.\xbc\x94w\xc6\x7f\x83\xcf\xeb\x13#\x86\t/\x16_\x9b\x95[\xbb\x1a\xf1\xbd\xe2\x8a+\x98&lt;yr\xcal\x12\x94\x12\xef`=6\xfc\xdb\xbbwov\xef\xdeE\xbb\x0b.a\xc0\x03\x8fQ\x98W,\x1a\xff\x04g\x14u*\x84C!\x06\xdd\xd3\x0f\xaf\xa7\x98+\xba\xdc\xc0\x8d}\xfa\x93\xbf\xbf\xa8\x947r\x92Jv\x92|\xfa\x95\xb7\xa9P\xa9\n\xf3~\xf9\x89Q\xaf&lt;OF\xa6[L\x05\x9c\x00\xba\xa6a\xb5\xdb\xd9\xb1u+O\r\xbc\x13]\xd7\xe9w\xef#\x9c\x7fI\xc7\xd8.\x8e\xa5\xf9\x906\xe2\xabk0\xf4\xd5\xb7\xc9)_\x81Y?\xfd\xc0\xfb#\x86\x89z\x80\xa4\x10\x8b\xafn\xc4\xb7\\\xf9\x8a|\xf3\xcd7\xbc\xfe\xfa\xeb)S\x0f\x90\xf4\t@|\xde\xff\xf5\xd7_g\xca\x94)T\xa8X\x99!\xc3\xde"\x1a\x8d\x92\xf4C\x1f)@SU\xd23\\\xbc\xf1\xc2S\xacX\xb2\x88\x1a\xb5\xeb\xf1\xf8s\xaf\xe2\xf7\xf9OJ\x0fM\x96e\x02\xfe\x00\xd5rsy\xfc\xf9\xd7\x91e\x99Q\xaf&lt;\xc7\xc2y\xf3q\xa7\xa5\xa1\xa5\xd0|bi\xd0\x01\x8b\xc5\xc2\xd0\x87\xeff\xcf\xae\x1d\xb4nw\x01\xb7\xdf\xff\x18\x05\xf9\x9e\x93\x92\xbc\xcb\xb2\x8c\xdf\xef\xa7F\xed\xda&lt;\xfa\xcc\xabH\x92\xc4\x9b/=\xc5\xd2\xdf~\xc7\xe5v\xa3i"\xbe\x89\xec\xe0\xf8&gt;\xf2\xcc+H\x92\xc4\xa3\x8f&gt;\xc6\xaaU\xab0\x99LI?\x15\x90\xd4\t@|\xdd\xe7\xea\xd5\xaby\xf4\xd1\xc7\x90$\x89\x87\x87\x0e\xa7z\xcd\x1a\x04\xfd\x011\x84\x97\xe0TU\xc5\x9d\x91\xc6\x9c\x193\xf8p\xd4+\x98\xccf\x06\xbf\xf0\x06Y\xd99\x84C\xe1\x936\x04o2\x99(\xcc/\xe4\xf2\xab\xaf\xa1\xdb\xcd}\t\x05\x03&lt;\xf5\xd0\xed\x04\x03~dEA\xac\x0f&lt;6\xd1h\x94\x8c\xac4&amp;|\xf8.?}\xff\x15\x99Y\xd9&lt;\xf9\xf2H\xb4\xd8.\x80\'\x8b\xc9d\xa2 \xbf\x88\xab\xfe\xd7\x9d\xab\xbb\xf7\xc4\xef\xf3\xf1\xd4Cw\x10-)\x1c\x16\xf1Md\x07\xc7\xf7\x9a\xebz\xe2\xf3y\xe9\xdb\xb7/\xaa\xaa\x96\xec8\x99\xac\x92\xb6\x05\x8c\x07N\xd34\xfa\xf7\xef\x8f\xcf\xe7\xe5\xea\xee7sE\xd7n\x14\xe4\x8b\xad=\x13]|\xc9\x9f\xdf\xeb\xe3\x99G\xef!\x12\x89\xd0\xa3\xcf\x9dt\xe8x1\x85\xa7`\xebVYQ(.\xf6s\xdf\xa0g\xa9U\xb7\x01\xab\x96/\xe1\xedW\x9f\'=\xc3\x95RU\xc5\'\x8a\xa6\x19K\xfe6\xad\xdf\xc0+\xcf&lt;\x0e\xc0}\x83\x9e\xa3n\x83z\'mt\xe7`\xb2,\xe3\xf3\x06xh\xc8\xf3T\xabQ\x8b\xa5\xbf\xfd\xca\x07#_!=\xc3M4*\xe2\x9b\xe8\xe2\xf1}\xf0\xc9\xe7\xa9^\xa3\x16s\xe7\xce\xe5\xb5\xd7^CQ\x94\xa4\xb</t>
        </is>
      </c>
    </row>
    <row r="61">
      <c r="A61" s="1" t="n">
        <v>59</v>
      </c>
      <c r="B61" t="inlineStr">
        <is>
          <t>shape_size_grid</t>
        </is>
      </c>
      <c r="C61" t="inlineStr">
        <is>
          <t>What is the size of the missing part denoted by a question mark?</t>
        </is>
      </c>
      <c r="D61" t="inlineStr">
        <is>
          <t>['small', 'medium', 'large']</t>
        </is>
      </c>
      <c r="E61" t="inlineStr">
        <is>
          <t>small</t>
        </is>
      </c>
      <c r="F61" t="inlineStr">
        <is>
          <t>There are 9 shapes arranged in a grid with different sizes in the image, of which there is 1 missing shape. The first row is ['large triangle', 'medium triangle', 'small triangle'], the second row is ['large pentagon', 'medium pentagon', '?'], and the third row is ['large square', 'medium square', 'small square'].</t>
        </is>
      </c>
      <c r="G61" t="inlineStr">
        <is>
          <t>We observe that the columns contain large shapes, medium shapes, and small shapes respectively. On the other hand, the rows contain triangles, pentagons, and squares respectively. Hence, the pattern is that the shapes within each row are the same, while each column progresses the size of the shapes.</t>
        </is>
      </c>
      <c r="H61" t="inlineStr">
        <is>
          <t>Based on the pattern that the shapes within each row are the same, while each column progresses the size of the shapes, the size of the missing pentagon should be small.</t>
        </is>
      </c>
      <c r="I61" t="inlineStr">
        <is>
          <t>b'\x89PNG\r\n\x1a\n\x00\x00\x00\rIHDR\x00\x00\x02\x00\x00\x00\x02\x00\x08\x02\x00\x00\x00{\x1aC\xad\x00\x00M\xa6IDATx\x9c\xed\xddy|T\xd5\xf9?\xf0s\x97\x99\x90=\x91]\xad\xca&amp;\x15\x02\x85\xa0"\x04\x11\xac\x90(\x02\x82\x04\xb5\x15P[EA\x10\x05$\x18R@\xc0\x85MZ\xb5j\xcb\xaf\x16\xfc\x8a\x18pE*\x01\r\xb2\x04\x88JJ\x11P\x96\xe0\xd6\n\x84\x90d2\x13\x02\x99{\xef\xf9\xfd\xf1\x90\xeb\x98\x8d@f\xe6\xce\xdc\xf3y\xff\xe1K"f\xee\xdc\xb9s\x9es\x9e\xf3\x9cs$\xce9\x03\x00\x00\xf1\xc8V_\x00\x00\x00X\x03\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V\xe2\x9c\x1b\x86a\xf5U\x00\x80\xa0$\xce\xb9\xd5\xd7\x00\x00\x00\x16\xc0\x08\xc0\x1a\x86ap\xce\xf7\xec\xd9\xf3\xce;\xef0\xc6t]\xb7\xfa\x8a\x00@8\x18\x01XC\xd34UUG\x8d\x1a\xf5\xd9g\x9f\x1d?~\\\x96eI\x92$I\xb2\xfa\xba\x00@ \x18\x01X@\xd7uUU\xb7m\xdb\xf6\xc1\x07\x1f\x9c:uj\xe1\xc2\x85\xb2,c2\x00\x00\x82\x0c#\x80`\xe3\x9cs\xce\xbd^o\xdf\xbe}\x0b\n\ndYNHH\xd8\xbf\x7f\x7f\xabV\xad\x18c\xb2\x8c\x90\x0c\x00A\x82\xe6&amp;\xd8\x0c\xc3\x90ey\xf5\xea\xd5\x05\x05\x05\x8a\xa2\xc8\xb2\\RR2s\xe6LY\x96\x11\x8c\x01 \x980\x02\x08*\xea\xfe\x97\x95\x95u\xed\xda\xb5\xa8\xa8\x88~"I\x92\xaa\xaa;w\xeeLNN\xa6\xf0`\xf5e\x02\x80\x10\xd0\xd6\x04\x15\xb5\xefK\x97.=~\xfc\xb8$IT\x0b$IRUU\xd5\x94)St]G&lt;\x06\x80\xa0\xc1\x08 x\x0c\xc3\x90$\xe9\xc8\x91#III\x9a\xa6\xd1h\x80\xfe\x93\xaa\xaa\x9a\xa6\xad\\\xb9r\xcc\x981\xba\xae+\x8ab\xed\xa5\x02\x80\x080\x02\x08\x1e\xea\xecgffVUUI\x92D\x7f\xa4\xd2O\x8a\rs\xe7\xceu\xb9\\\xf4\x9f\xac\xbeX\x00\xb0?\x04\x80 \xa1~\xfd\xc6\x8d\x1b\xd7\xacY\xa3(\n\xad\xfc\xa2A\x00\xe5\x82\x14E),,\\\xb6l\x99,\xcbX\x17\x06\x00A\x80\xcef0PCo\x18FRR\xd2\xa1C\x87\xa8\xd7\xcf9\xef\xd63)e@\x9fW\x96\xfeMQ\x14\x1a\x04\xc4\xc6\xc6\xee\xde\xbd\xbb}\xfb\xf6\x9cs\xcc\x06\x03@@\xa1\x89\t\x06\x9a\xfb}\xed\xb5\xd7\x0e\x1e&lt;Hk\xbe(\xcf3e\xe6\xa4\xd9\xcff\xfe\xea\xca\xcb\rC\xa7t\x90\xcb\xe5z\xfa\xe9\xa7\x91\x05\x02\x80 @\x00\x088\xea\xcb\x97\x96\x96fee\x99\xd9\x1e]\xd7\xd3\x86\r\xbe\xe5\xd6\x9b5M\x9b:k\n\xe7L\x92$J\x13\xbd\xf9\xe6\x9b[\xb7n5\xd3D\x00\x00\x01\x82\x00\x10p\xd4\xdf\xcf\xca\xca*--\xa5\xd5^\x9cs\x87\xd3\xf1D\xe6c\x9c\xf3\xb22W\xfa\x98;\xaf\xefs\xadY\xfc\xa3\xebzVV\x16Z\x7f\x00\x084\x04\x80\xc0\xa2\xe4\xcf\xc1\x83\x07_{\xed5\x9a\xdd\xa5t\xff\x1f&amp;\xdc\xd7=\xb9\x9b\xc7\xedQ\x14E\xd7\xf4\x8cy\xd3\x9dN\'\xe7\x9c\xfe\xc2\xd6\xad[W\xadZ\xa5(\x8a\xa6iV\xbf\x03\x00\xb0-\x04\x80\xc0\xa2"\x9f\xc9\x93\'k\x9aFY~\xcey\xcbV-\x1e\x9c\xf4@\x85\xbb\x82\xb6\x82p\x97\xbb\xfb\r\xec;d\xc4\xad\x94\x1d\xa2\xffe\xee\xdc\xb9\xe5\xe5\xe5\xd8\x1f\x02\x00\x02\x07\x01 \x80\xa8;\xbff\xcd\x9a\x8d\x1b7RN\x9ff\x80\x9f\xc8|\xec\xf2+.;s\xe6\x0c\x95\x03)\x8a\xe2.\xf7\xcc\x9835&gt;!\xce\xe0\x06\xcd\x19\x14\x16\x16&gt;\xff\xfc\xf3\xd8%\x14\x00\x02\x07\xd5&amp;\x81B\xb9~M\xd3\x92\x92\x92\x8e\x1c9b.\xf8\xea\xda\xbd\xcb\xfb\xb9kj4\xeb\x9a\xa6\xb5h\xd9\xfc\xa5E\xaf\xcc{\xeaY\xca\x11\xc9\xb2\xac(\xca\xbe}\xfb:u\xea\x84\r\x82\x00 \x10\xd0\xac\x04\n\xb5\xda\x8b\x17/&gt;|\xf8\xb0Y\xe6/+\xf2S\xf3gD\xc5D\xd5\x98\xe3UU\xb5\xac\xd45v\xfc\xbd\xed:^E%\xa1\x8c\xb1\xaa\xaa\xaa\xcc\xccL\xc6\x18\x82t\x80\xf8\xee\xc6\x01  \x04\x80\x80\xa0\xd6\xff\xf8\xf1\xe3K\x96,1\xe7~u]\x1f:r\xc8-\xb7\x0e,+)\xab\xbd\xdb\x8f\xae\xebQQ\x91\xb3\x16\xcc\xf4-\t]\xb3f\xcd\x96-[P\x12\x1a 8\x85\r\x04\x87\x00\x10\x104\x91\x9b\x91\x91QRRb\xae\xfb\x8d\x8d\x8b\x9d&lt;cb\xe5\xe9\xca:\xf39\x8a\xa2\x94\xbb\xdc\xa9CoI\x19\xd0\x97Z\x7f\xfa%S\xa7N={\xf6,\x96\x86\xf9\x1d\xe7\xfc\xec\xd9\xb3\x1e\x8f\x07\xe3\x00\x10\x16\x02\x80\xff\x99\xa5\x9co\xbc\xf1\x06u\xde)\x054\xee\xa1{\xbb\'w\xf3x*\x1aH\xe8\xeb\xba\x91\xf5\xecLUUi\xeb\x08Y\x96w\xef\xde\xbdz\xf5j\xcc\x06\xfb\x17\x15e\xbd\xf6\xdak\xe3\xc6\x8d\xa3\xd5yV_\x11\x80\x05\xd0\xaf\xf4?J\xd7\xdc|\xf3\xcd\xb4\xa0\x97:\x98\x97_q\xd9\xfa\xed\xefGFF\xea\xba\xde@\xdaA\xd3\xf4KZ$L{8\xe3\xcd\x7f\xac6g\x0eZ\xb5j\xb5\x7f\xff\xfe\x84\x84\x04\xa4,\xfc\x82&gt;\x11\x8f\xc7\xd3\xb3g\xcf\xa3G\x8f\x16\x14\x14\xf4\xe8\xd1\x03\x9b/\x81\x80\xf0\xc4\xfb\x19\xf5\xf7W\xadZen\xe7@\xd9\x9biY\x8f\xb7j\xdd\x926\x82n\xe0\x7fW\x14\xf9\xb4\xa7\xf2\x89Y\x8f\xc5\'\xc4Q\xb7T\x92\xa4\xe3\xc7\x8f/]\xba\x14\x83\x00\x7f\xa1\xa1\xd5\xc2\x85\x0b\x8f\x1e=\xca\x18{\xfc\xf1\xc7\x91a\x031\xe1\xb9\xf7\'\xeaZ\xba\xdd\xee^\xbdz\x1d=z\x94:\xec\xba\xae_\xdf\xe7\xda\xf7r\xb3]e\xe5\x8d9\xe9E\xd3\xb4KZ$\xfeu\xf1kfI(\x9d\x19\xb9o\xdf\xbe\x8e\x1d;\xa2\xa3\xdaD\xd4\xfa\x1f&gt;|\x98\x8e\xe5\xa1\x0f(;;;==\x1dG\xf1\x80h\xd0\x94\xf8\x13-\xf5Z\xb6lYaa!\xb5\xdd\x9cs\xa7\xd3\x991o\xba\xae\x1b\x8d\xcc\xde(\xaa\xe2v\xb9\xabKB\r\x8a"T\x12\x8a\x8ej\xd3\xd1\r\xf4=\x96\xa7\xf6\x1f\x01\x04\x81\x00\xe07\xb4\x91\xc3\xd1\xa3G_x\xe1\x05J\xfe\xa8\xaaj\x18\xc6\x90\x11\xb7\xf6\x1b\xd8\xd7]\xeend\xcf]b\x92\xa6QIh\x06\x15\x02\xd5^Q\x1c\xe8\xf7bWt\'\xb7l\xd9b\x1e\xcbC\x9f\xda\xe1\xc3\x87\x17/^\x8c$\x1b\x88\x06]\x1e\xbf\xa1\xc6%==}\xed\xda\xb5\xd4\xfdg\x12\x8b\x8f\x8f\xfbx\xc7\xbaVmZz\xab\xbc\x174\x7f\xab\xebz|b\xfc\x1fF\x8f\xdf\xf0\xe1Fs&amp;\xf9\xea\xab\xaf\xde\xb7o\x9f,\xcb\x98\r\xbe\x08t\x0f\xbd^oJJJAA\x81Y\xfcC73!!a\xff\xfe\xfd\xad[\xb7F\x92\r\xc4\x81\x07\xdd?\xcc\xae%\xb5\xfe\x94\x0b\xe2\x06\xbf\xef\xe1\xb1\x1d:\xb5;Sy\xe6B\xdbkI\x924\xaf\xf6D\xe6c\x0e\xa7\x83Z.\xdf]E\xd1Q\xbd\x08\x94\xfd_\xbdz\xf5\xee\xdd\xbb\xcdcy$\xf9\xdc\xe1\xcc%%%\x19\x19\x19\xc8\x02\x81P\xf0\xb8\xfbA\xed\xae%\xfd\xf0\xaa\x0eW\xe6\xec\\\xc7\xf9\xb9ua\x17\xfak5Mk\xde\xb2\xf9\x9c\xe9\xf3^]\xf6\xf7sC\n\xc6\x12\x12\x12\n\x0b\x0b\x13\x12\x12\x18c\x18\x044\x1e}F.\x97\xabK\x97.EEE\xb5\x17\x7f\xd10k\xf3\xe6\xcd\xfd\xfb\xf7\xc7l0\x08\x02#\x00?\xa8\xb3k\xc99\x9f\xb5`ftLL\xc3\x85\xff\rP\x14\xa5\xc2]\xf1\xe0\xa4\x07Z\xb6jA\xadU\x8d\x93\xc5\xfc\xfd&gt;\xec\x8c&gt;\xa3\xac\xac\xac\xe3\xc7\x8f\xd3\xa7#IRtL\xf4\x15W\xfd\x8aU\x87R\xc30p\x14\x0f\x08\x05\x01\xa0\xa9|\x13\x08\xd4\xfaS\n(e@\xdf\xd4\xa1\xb7\x94\xbb\x1aU\xfaY\'I\x92\xce\x9c9s\xf9\x15\x97=\x91\xf9\x18\xb5_\x94Y\xf2=[\xd8\xbf\xef\xc5\xae\xea&lt;\x96\x87s~\xcf}\xa3\x97\xbf\xfd\xaa\xaa\xaa\xe6L\xbby\x14\x0f\xc2\x00\x88\x00\x01\xa0\xa9\xa8qY\xbat\xa9\xd9\xb5\xe4\x9c\xab\xaa\x9a\xf5\xecL]oj\x03M\xbb\x84\x8e\xfa\xfd\x88\xae\xbf\xe9B/$I\x92\xa6i\x93\'OF\xb6\xba\xf1\xea&lt;\x96\xa7E\xab\x16\x0fM\xfe\xe3\xb5\xd7\xf7\xaa}\x14\x8f\xcb\xe5\xc2\xed\x05\x11 \x004\x89\xd9\xb5\\\xb4h\x91\xef\x89\x8fw\x8d\x1d\xf5\x9b^\xdd&lt;\xee\x86\xb6\xfdi$]\xd7\xa3cb2\xe6L\xf3-\t\xdd\xb8q#JB\x1b\xa9\xf6\x1d\xa3\xc1\xd3\xd4\xcc\xc7~u\xd5\xe5\'O\x9e\x9c\xf9\xf4\xf4\x84\xc4x:\x8aGQ\x94\xc2\xc2\xc2e\xcb\x96\xd1\xa7i\xf5\xb5\x03\x04\x16\xba9MB\x8dKjj*5.\x94\xfd\x8f\x8d\x8b\xc9-\xc8IHH\xf0z/\xac\xf4\xb3\x81W\x89\x8b\x8f\xfd\xe3\xdd\x8f\xa0$\xf4B\x99\xc7\xf2t\xef\xde\xfd\xd0\xa1C\xe6\xfc|\x97\xee\xd7\xbc\xffi\xb6ap\xaf\xd7\xdb\xaau\xcbgf-\\\xf6\xdc\x8b?\x7f\x82\xb1\xb1\xbbw\xefn\xdf\xbe=JB\xc1\xde\xf0p_\xbc\xfa\xba\x96\x93\x9f\x9cx\xe9\xe5m\xcd\x13\x1f\x9bN\x92$C7P\x12z\x11\xcccy\x0e\x1e&lt;h\xb6\xef\x9c\xf3\x8c9\xd3h~\xde\xe1p\x94\x96\x94M\x98:\xfe\xaa\xf6W\xd2t\xbd$I.\x97\xeb\xe9\xa7\x9fF\x16\x08l\x0f\x8f\xf8E\xa2\x86\xd80\x8c\xa4\xa4\xa4\x1a]\xcb\x0f7\xaf\xd54\x9d3.1\xbfu\xcc\xa9$t\xf6\xb4\xa7_\xfb\xf3r\xb3!\x8b\x8f\x8f?p\xe0@\xabV\xad\x18c\xe8\xa8\xd6F\xa1\xb1\xa8\xa8\xa8k\xd7\xaeeee\x148u]O\x1d:\xe8\xff\xbd\xfdj\xb9\xcbM\xf3\xf3\x9a\xa6%6O\xcc^\xb9v\xca\x83\xd3\xcc\xed\xbb\x19c\xb9\xb9\xb9(\t\x05{C\xabq\x91\xa8k\xe9[\x90cv-#\xa3"u]\xf7c\xeb\xcf\xce\x1d\x1c\xef~t\xfa#W\xb6\xbb\xc2\xdc \xa8\xb4\xb4t\xe6\xcc\x99\xb2,#\x8a\xd7\x89Z\xfc\x993g\x96\x94\x94P\x80\xa4cy2\xe6N\xd3\xb4\x9fksUUu\x95\xb8\xd2\xc7\x8c\xbc\xbe\xcf\xb5fs\xaf\xeb:JB\xc1\xf6\x10\x00.\x065\xc1\xc7\x8f\x1f\xcf\xca\xca\xf2-\xfdL\x1b6x`\xeaMe\xa5.\xbf\xf7\x19%I\xaa:[\xd5\xaaM\xab\tO\x8c7g\x83eY~\xeb\xad\xb7\xcc\xc5\x07\xfe}\xc5pg\x1e\xa7\xf3\xd6[o\xc9\xb2\xaci\x9ay,OR\x8f\xae\x1e\xb7\xe7\x17c&amp;\x89\xe9\x9a\x911o\xba\xd3\xe9\xe4\x9c\xa3$\x14\x04\x81\x00p1\xcc\xaeeii)u\xc09\xe7\x0e\xa7\xe3\x89\xcc\xc7\x8cF\xef\xfay\xa1TU-).\xb9k\\\xfau}zQ\x0b%I\xd2\xd9\xb3g\xa7N\x9d\x8alum5\x0e\xd4\xa4\xe4\xcf\x95\xed\xaexh\xf2\x1f\xcaJ\\\xaa\xaa\xfa\xfeeY\x96\xdd\xe5\xee~\x03\xfb\xa2$4\x98(\x89j\xf5U\x08\r\x01\xe0\x82\xd5\xd7\xb5|\xe0\x91q\xdd\x93\xbb\xb9kt-\xfd\x8as\xeep\xa8\x8feL\x92\x15\x99\xd5\xb5\xb7e\x80^7\xec\xd0\x9dY\xbbv\xed\x96-[|\x8f\xe5\x99\xf0\xc4\xf8\xd6\x97\xb6\xae\xf3X\x1eEQ\xdc\xe5\x9e\'\xe7LEIh\xd0P`\xb6\xfa*\x84\x86\xbb\x7f\xc1jw-\r\xc3\xb8\xb2\xdd\x15\x8fN\x7f\xc4]\xee\x0e\xe8\x84\xa1\xa2(e\xa5\xaeA\xb7\xdd&lt;t\xe4\x10s9+\xc3v\xf6\xbfD7\xc1\xe5r\xcd\x981\x83\xee\t\xc5\x80\xeb\xfa\xf4\xbak\\zIqI\x8d\xee?\x91$\xe9L\xe5\x99\x0e\x9d\xda\xdd7~,7\xb8\xb9\xaa\xe3\x85\x17^8z\xf4\xa8\xb9\x17\x13\xf8\x05\x1d\x95\xb1g\xcf\x9ew\xdey\x87U\x9f\xa2\n\xc1\x87\x00pa\xcc\xad\xf9kw-[\xb5iUu\xf6&lt;\'&gt;6\x9d,\xcb\x95\xa7+\'\xcf\x98\x18\x1b\x17k\xae:\xc6v\xf6\xbe\xe83Z\xb6l\x99o\xc3-\xcb\xf2c\x19\x93\x1c\x0e\xb5\x81\x18\xa9(\x8aY\x12J\xd3&lt;\xec\x97\x81$x\xef\xc1\xee\xe8\xf6\xce\x9f?\x7f\xfc\xf8\xf1\xb4&lt;\x1b\xb7\xd7\x12\x08\x00\x17\x80\x9eQ:\x9c\x8b\xfe\xd8\x98\xae\xa5\x7f\xc9\xb2\xec\xf1TtO\xee6\xee\xa1{\xcd\xc9gY\x96\x97,YB{Q\x08\x1e\x03\xe8\x9e\x14\x16\x16\xbe\xf0\xc2\x0bf/^\xd7\xf5\xe1\xe9\xb7\x0f\xba\xed\xe6\x86\xe7\xe7i\x9b\x8d\x98\xb8\x98)3\'\xf9\xae\xbb\xf6M%\x05\xf3\xbd\xd8\x15\x9d\x95\xb4m\xdb\xb6\x0f&gt;\xf8\xe0\xd4\xa9S\x0b\x17.D\xdf\xc5*\x08\x00\x17\x80\x1a\x97\xc5\x8b\x17\x1f&gt;|\x98N\xfbb\x8c\xc9\xca\xf9\xbb\x96\xfe\xa5\xaajYI\xd9C\x93\xffpe\xbb+\xcc\xb5K%%%(\te\xd5\t\xba\xa7\x9f~\x9a&amp;o\x19c\x067\x12\x12\xe3g\xcc\x99V\xe19}\xde\x04\x9d\xaa\xaa\xaeRW\xfa\xbd#S\x06\xf45\x93l\xbe\x19?\xc1oo\xd3\xd1\xfd&lt;{\xf6\xec\x94)S4MC\xdf\xc5Z\x08\x00\x8dEs\xbf\x85\x85\x85\xcf?\xff&lt;u-UU\xd5u}\xe8\xc8!\xe7\xedZ\xfa\x17\x1d\x11\xdc\xfa\xd2\xd65JBW\xadZUPP r\xb6\xda,\xdf|\xf3\xcd7\x7fq,\xcf\xf8\xb1\xed;\xb5\xab\xac\xacld\x82N\xd3\xf4\xacgg\xaa\xaaJe*4\xe7\xbfz\xf5jtT\x9b\xce\xdc;\x9d\x9eUY\x96\xd1w\xb1\x10z4\x8dE\x8d\xcb\xb8q\xe3V\xae\\IM\xbf$IQ\xd1Q\x1fl^\xdb\xa1S\xbb\xca\xca3A\xaeg0\x0c#2*r\xd4\xe0{\xbe\xdc\xb5\xdb\\\xbbt\xe3\x8d7n\xde\xbc\x991&amp;\xe6\xe2U\xfaP\x06\x0e\x1c\xb8u\xebV\xea\xbc\x1b\x86qU\xfb+7\xe6\xaf\xa7\xf9\x92\xc6\x07\x80KZ$L{8\xe3\xcd\x7f\xac6\xd7]\xb7j\xd5j\xff\xfe\xfd\t\t\t\xd8|\xe9\xa2\xd1\xa7PVV\xd6\xb5k\xd7\xa2\xa2"V= p8\x1cyyy\xc9\xc9\xc9\xd8|)\xc8p\xaf\x1b\xa5F\xd7R\xd34Y\x91\r\xc3\xf8\xe3\xa3\xf7w\xeb\x99TQq:\xf8O-\xcd@d\xce\x9f\xe1t:h\xed\x12\xe5U\x85]\xbbD\x9f\xd1\x1bo\xbcA\xad\xbfy\x0e\xcf\x94\x99\x93b\xe2bh\xa6\xb1\x91\xbfJQ\xe4\xd3\x9e\xca\'f=\x16\x9f\x10g\x9e\x1b|\xfc\xf8\xf1\xa5K\x97b\x10\xd0\x145\xf6N\xa7Z ,g\xb1\x10\xeex\xa3P{z\xf3\xcd7\xd7\xd9\xb5\xb4\xea\xaa4Mk\xd9\xba\xc5\xf8\xdf=\xfa\xde\xdb\x1f\x98\xbb\x84\xb6o\xdf~\xf7\xee\xdd\xb1\xb1\xb1BuT}\xbb\x96\'N\x9c`\x8cQ\x9a\xee\xfa&gt;\xd7\xbe\xb7yMyi9\xad\x9ch&lt;M\xd3.i\x91\xf8\xd7\xc5\xaf\xcd{\xeaYs\x10\xa0\xaa\xea\xbe}\xfb:u\xeaD\rY`\xde\x8am\xd1=&lt;r\xe4HRR\x92\xa6i\xbe\xa7rR\xc0\xce\xce\xceNOO\xc7\xe6K\xc1\x84\x87\xf8\xfch\xa9\xd7\xaaU\xab\xea\xebZZuaX\xbbd\xf2\xedZ\x9ak\xb3UU\xcd\x987]\xd7\xf4\x8b\xd8\x96IQ\x15\xb7\xcb=v\xfc\xbd\xed:^e\x18\xe7f\xda}\x0b\xc0\xfc\xff\x1e\xec\x8e:\xfb\xbekV\xcc&gt;\n\x96\xb3X\x05\x01\xe0&lt;()Y^^&gt;w\xee\\\xdfUE\xd7\xf7\xb96}\xcc\x9d\xaeZ\x9b\n\x04S\x9dk\x97dY~\xe1\x85\x17\n\x0b\x0b\xc5\x99\r\xa6\xd6\xff\xf0\xe1\xc3\xb5\x8f\xe5I\x19\xd0\xc7]\xee\xbe\x88\xde\xba\xc4$M\xd3\xa3\xa2"g-\x98\xc993KB}\x97\x80\x04\xe2\xbd\xd8\x95\xb9w\xba\xef\xaausb\xc60\x0c,g\xb1\x04\x02\xc0yP\xe3\xf2\xfc\xf3\xcf\x17\x16\x16\xd2\xa3\xd9\xc4\xae\xa5\x7f\xf9\xae]\x12v;\xfb\x1a]KjP\xe2\x13\xe2\x9e\x98\xf5\x98\xa7\xbc\xe2\xa2\xf3\t\x8a\xa2\x94\xbb\xdc\xa9CoAIh\x13\xd1}\xf3=\xca\x94\x0e2\xfaM\xafn\x0fNz\xc0\xecT\xa1$4\xf8\x10\x00\x1aB\x85\xff\xd411w\x8aob\xd7\xd2\xbf|\xd7.\xd1\x1f\xe9"\xdf|\xf3M3ae\xed\x15\x06Z\xed\xae%\xa5\x80\xfcu,\x8f\xae\x1b(\tm\xa2\xfa\xf6N\x7f|\xe6\xe4\xa7\xe6\xcf\xf8\xd5\x95\x97\x9b;\x9c\xa3$4\xc8\xd0\x8bi\x085.\xa3G\x8f\xa6\xc6\x85\xbe\xf0q\xf1\xb1\xfe=\xf1\xb1\xe9\x0c\xdd\x88K\x8c\x1d1p\xf4\xe7;\xbf4KB\xfb\xf7\xef\x9f\x9b\x9b\xcbl]\x12Z\xdf\xb1&lt;Wu\xb8rc\xfezn\x18\x06o\xea\xb1&lt;(\tm"\xfa\x8c\\.W\x87\x0e\x1d\xca\xca\xcaX\xf5\xfc|\xda\xb0\xc1\xaf\xbd\xf9\xb2\xd3\xe9X\xf1\xb7\xff\xcb\x984\xcb\x0c\xde(\t\r&amp;\xdc\xdfz\xd5\xdek\xd3\xbf]K\x7fjp;{\x0b\xa7\xa9\x03\xad\xbe\xae\xe5\xac\x05\x19QQ\x91\x9a\xe6\x87cyP\x12\xdaD\xf4\x19eee\xd5\xde;\x9d1Vr\xaa\xf4\xeeq\xa3\xb1\xc3\xb9U\x10\x00\xeaff-\xcdgQ\x96e\xc3\xd0\xdbu\xbcj\xec\xf8{\xdd.\xb7\xa2\x86P\xb7\xba\x81\xed\xec\xcb\xcb\xcb\xed:\xa0\xa6\x0f\xa5\xb4\xb44++\x8b\xb2\xc6\xe6\xb1&lt;i\xc3S]e\xe5~\x19\xfaH\x92t\xe6\xcc\x99K/o;\xf9\xc9\x89\xd5\x8f\x81!\xcb\xf2\xa2E\x8b\xcc\xa8\xd3\xf4W\xb1+3iF\xe7W\x9bI\xd4?L\xb8\xaf{r7\x8f\xdb#I\x12v8\xb7\x10\x02@\xdd\xcc\xae\xa5y\xde\x96$I\x9c\xb3Y\x0bf\xfa\xabk\xe9_T\x12:c\xce\xd4\xf8\x848*\t\xf5\xdd\xb8\xc2\x96\x8d\x14}(uv-5\xef\x05,\xfb:\xaf_\x96\x84\x1afI\xa89\xa5\xe9\xaf\x17\xb2\x1fs\xda\x9c\x16\xe2Q\x9cn\xd1\xaa\xc5\x83\x93\x1e\xa8pW(\x8a\x82\x1d\xce\xad\x85\x00P\x07\xdf\xae\xa5\xef\x89\x8f)\x03\xfa\xa6\x0e\xbd\xc5&lt;L&lt;\xa4PIh\xbb\x8eWM~r"\x95\x84\xfan]g\xbf\x92P\x8a\xd0\x07\x0f\x1e\xac\xafk\xe9\xc7\xf4\xb1OIh\x86\xef.\xa1\x1b7n\xdc\xb8q#:\xaa\xf5\xa9]8Kqz\xea\xac)\x97_q\x99\x99D\xc5\x0e\xe7\x16B\x00\xa8\x83o\xd7\x92\xfa \xd4\xb5\xcczv\xa6\xae\x87\xee\xe3\xa8\xaajY\xa9\xcbw\xed\x12\xfb\xe5\xe6\xd5V_\xa0?QC&lt;y\xf2d\xb3k\xc99o\xe9\xd3\xb5\xf4\xef\xcb)\x8a\xe2*+O\x1b\x9e\x9a6l\xb0oI\xa8y\x016\xbb\xbdMG\xf7\xa7\xce\xbd\xd3\x7fw\xff\xe8\x92S\xa5\xe6\x02\x1a\xecpn!\x04\x80\x9a\x1a\xe8Z\xf6\xbc\xf67\xfe\xedZ\xfa\x9d\xae\x0b\xb1v\xc9|_f\x07\x9c\xba\x8aOd&gt;\xe6\xdb\xb5\xf4/I\x924\xaf\xf6D\xe6c\x0e\xa7\x83\xfa\x04\xbe\xcf\t\x1a\xa9\x1a\xe8{T\xe7\xde\xe9TS\xeb\xfb\x97\xb1\xc3\xb9U\xd0s\xa9\x89\x1a\x97\xd4\xd4Tj\\h4\xd0\xbc\xc5%\x1bv\xaeKH\x0c\xa1\xd2\xcf\xfa\x18\x86\x11\x1b\x17s\xd7mc\xf2&gt;\xdban\x10\x94\x9c\x9c\x9c\x97\x97\xe7p8lP\xb6H\xefH\xd3\xb4\xa4\xa4\xa4#G\x8e\xd0\xdb1\x0c\xa3k\xf7.\xef\xe7\xae\thC\xaciZ\xf3\x96\xcd\xe7L\x9f\xf7\xea\xb2\xbf\x9bY\xb5\x84\x84\x84\xc2\xc2\xc2\x84\x84\x04\xc6X\xb8\xdf[\x7f\xa1o\xcd\x89\x13\'\xbav\xedZVVF\xdd\x7fM\xd3\x86\xa7\x0f\xfd\xdb\xaa\x97\x8bO\x9e\xaa\xbd~^\xd3\xb4\x16\xadZ\xfc\xf3\x95\x953&amp;e\xa2$4hpO\x7f\xa1vn7\x08]K\xbf\xb3\xf7\xda%\xdf\xae\xa5\x19\xa1eE~j\xfe\x8c\xa8\x98\xa8\x80\x8er\x14E\xa9pW&lt;8\xe9\x81\x96\xadZP\xcf\xa9F\x19R\xe0^:\xbcP\xfe\'##\xa3\xa4\xa4\xc4\x8c\xd01\xb11\x93gL\xac&lt;]YgS\xae\xaajIq\xc9]\xe3\xd2Q\x12\x1aL\x08\x00?3\xb3\x96\xbe\x0b\xd6\r\xc3\xe8\xfa\x9b.\xa3~?\xa2\xac\xd4\xcam\x7f\x1aO\x96e\x8f\xbb\xe27\xbd\xba\xdd5v\x14eT\xa9\xc54\xbf\x8da\xfd]\xa2\xf7r\xfc\xf8\xf1%K\x96\xf8\x9e\xf88t\xe4\x90[n\x1dXVR\x16\xd0\xf9y*\t\xbd\xfc\x8a\xcb\x9e\xc8|\x8c\xae\x84\xba\x08\xbe\x0b\x11\x02\xf7\xea\xe1\xc2\\\x86\xf2\xc6\x1bo\x9c\xebE5n\xeft\xce9JB\x83\x0c\x01\xe0gf\xd7\xf2\xe0\xc1\x83f\xd7\x92s\x9e1gZtLL\x18=\x7f6^\xbbT\xbbk\xc99\x8f\x8d\x8bm\xa0k\xe9_4\xd3&gt;\xea\xf7#\xba\xfe\xa6\x0b=05v\xb9\t\xf4\x05\x84\x05]\xd7\xb3\xb2\xb2\xce\xe5\xfdeY\xd7\xf4\xab\xda_9\xe1\x89\xf1\xa5&gt;s\xbf\xb5\xa1$4\xf8\x10\x00\xce\xa1\xe6\xbev\xd72u\xe8\xa0\x81\xa97\x95\x95\x06\xb6k\xe9_\r\xac]:|\xf8p\xf8\xc6\x80\xda]K\x8a\xd3\xe3\x1e\xba\xb7{r7\x8f\xa7"8ib]\xd7\xa3cb2\xe6LCIhmM\xdc;\x1d%\xa1A\x86\xa0z\x0e}\x8d\xef\xbf\xff\xfe\x7f\xfe\xf3\x9f\xe6\x89\x8f\xd11\xd1\x1f~\xb6\xb6]\xc7v\xc1\xe9]\xfa\x11g\\\x96$I\x96\x07\xf7\x1e\xf2]\xe1\xf74\xf7\xab\xebzzzzvvv\x98\x9e\xb9Q\xfbX\x1e\xce\xf9\xe5W\\\xb6~\xfb\xfb\x91\x91\x91f[\x13\x9c+\x89\x8b\x8f\xfd\xe3\xdd\x8fl\xf8p\xa3y%W_}\xf5\xbe}\xfbhL\x10\x16sE~G\xf7\xc1\xe3\xf1$\'\'\x1f=z\xd4|\xea\xae\xefs\xed{\x9b\xb3\xcbK\xdd\x8d9\x96\xc7\xeb\xf5\xb6n\xdbz\xee\x93\xf3_Z\xfc\x8a\xf9MLHH\xd8\xbf\x7f\x7f\xabV\xad\x18c\xe1\xf5M\x0cq\xb8\x95\x8cU\xef\xfaYPP\xb0j\xd5*Y\x96\xa9\x17C]\xcb\xa4\x1e]C\xbc\xf4\xb3N\xf5\xad]\xf2-\x9d\xb4\xfa\x1a/\x0c]\x7f\x8d\xae%\xe7|Z\xd6\xe3\xadZ\xb7\xa4\x14A\xd0.F\x92$C7P\x12ZC\x9d{\xa7;\x9d\xce\x8cy\xd3u\xcdh\xe4\xday\x94\x84\x06\x13F\x00\x8cUw-\x07\x0e\x1c\xb8m\xdb6\xb3Cw\xc5U\xbfZ\xb7\xe5\xdd\xc8\xa8\xa0v-\xfdK\xd7\xf5\xf8\xc4\xf8?\x8c\x1e\x1f\xee\x1dU\xbar\xb7\xdb\xdd\xabW\xaf\x9a]\xcb\xdcl\x7fm\xfbsA\x1a(\t\x8d\x8f\x8f\x0f\xa3{\xeb/\xe6\xb1&lt;III\xba\xae\xd3!\xd5\x9a\xa6\x8d\xb8k\xf8k\xab^:y\xa2\xb8\xf15\x14(\t\r\x1a\xdc\xc7\x9f\xbb\x96\xdb\xb6m3\x87\x9c\x9c\xf3\tO\x8co}i\xeb w-\xfd\xcb6k\x97\xa8\tX\xb6l\x99y\xd2\xd9\xcf]K\xdd\xb0\xe4\x03j\xa0$4\xbc\xee\xad\xbf\xf8N\xd82:\x9a\xc2\xd0\xe3\x13\xe2f\xcc\x99\xea.\xf7\\P\x84FIh\xd0\x88\x1e\x00(=\xe2r\xb9\xe8\xc4Gs%\xfa\xb57\xf4\xbak\\zIqIX\x94~\xd6G\x96e\x8f\xdb\xd3=\xb9\xdb\x1f&amp;\xdcG\x1d\xb4\xda\x1b\xa8Y}\x8d\xe7G\x1f\xca\xd1\xa3G_x\xe1\x05\xfathe\xe9\x90\x11\xb7\xf6\x1b\xd8\xd7\xaacy\x1a(\t57\x10\x0c\xfeUY\xa5\xee\xbd\xd3\r&gt;\xf9\xc9\x89\xed:^u\xa6\xf2\x82\x17\xd0\xa0$48D\x0f\x00\xf5t-\x1d\x99\xf3g\x98Uha\xcd\x06k\x97(H\xcf\x981\xc3\xe5r\xd1OtCOH\x8c\x7f\xf2\xc2\xbb\x96\xfeU]\x12:\xb2k\xf7.\xf4 \xd5\xd8B\xdc\xaa\x0b\x0b\xb2\x86\xf7N\xbf\xb8\x054(\t\r\x0e\xa1\x03\x00u-\x0b\x0b\x0b_x\xe1\x05\xea\xc1Uw-oK\x19\xd8\xa7\xdceAf\xd9\xef\xc2}\xed\x92\xd9\xf5[\xbbv\xado\xd7\xf2\xbe\x87\xc7v\xe8\xd4\xee"\xba\x96~\xbf\xbc\xa8\x98\xa8\xa7\xe6\xcf\x90\x15\xd9\x9ci\x17\xad\xa3\xda\xf0\xde\xe9\x17}\x13P\x12\x1a\x04B\x07RM\xd3TU\x1d7n\xdc\xca\x95+\xcdy\xbc\xf8\x84\xb8\x8fw\xack\xd5\xa6\xa5\xb7*\xd4\xb7\xfd\xb9 \xb2,\xdd\xf1\xdb\xd1\x07\xf6~m\xce\xa0\x0e\x1e&lt;8\'\'\'\x94KB\xe9k\xef\xf5zSRR\n\n\n$\x9f\x13\x1fsv\xae\xe3\xfc\\\xdf\xd3\xda\x8b\xd44\xadE\xcb\xe6\x0f\xfdn\xe2\x07k\xd6QG\xd50\x8cN\x9d:\xed\xdb\xb7OUU\xdb\xcf\x06S\x03RVV\xd6\xa1C\x07\x97\xcbE\xdd\x7f]\xd7\xfb\xde\xd4\xe7\xed\x7f\xbd\xe1.oR\x05\x9d\xd7\xab\xb5n\xdbj\xee\x93\xf3_^\xf2*JB\x03A\xdc\xdbG\xfd\xfdm\xdb\xb6\xbd\xf9\xe6\x9b\xbe\x9b\x95\xdf7&gt;$\xba\x96\xfe\x15\xa6k\x97\xa8k\xb9z\xf5\xea_v-\xf9\xac\x053imv(|F\x82wTk\xec\x9dN?\x89h\x161o\xf1\x9fdYV\x1d\xaa\xa3\t"#\x9by\xdc\x9e\tS\xc7\xb7\xef\xd8\xce\xdc\xf7\x1b%\xa1~$\xe8\x08\xc0\xecZ\xf6\xed\xdb\xb7\xa0\xa0\x80\xfa\x11\x9c\xf3+\xdb]\xb11\x7f=\xfd\xd7Ph\\\xfc(\xec\xd6.\xd1\x15\x96\x95\x95u\xed\xda\xb5\xa8\xa8\xc8\xecZ\xa6\x0c\xe8\xdb\xf4\xae\xa5\x7f\t\xbbv\x89Z\xffC\x87\x0e%%%\xd1\xfc\x19}F\xf7?&lt;6c\xde\xf4\x92b\xda\xf8\xa1)-\x8c\xa4i\xde\x16-\x9b\xaf\xfc\xfb\xaay3\x9f17hAI\xa8\xbf\x08\x1a\x00\xa8\x0b\xbcb\xc5\x8a\xfb\xee\xbb\xcf\xdcT@\xd7\xf5e\x7f_&lt;z\xec\xa8\x86w,\tS\x86aDGG}s\xe0\xd0\x90\x1b\xef\xd05\xdd\xfc\xae\xbe\xf4\xd2K\x13\'N\x0c\xc1D\x10]\xd2\xacY\xb3\x16,X`\x0e\xd1dY\xfeh\xdb{\xd7$\xfd\xfat\xfd{\x8a\x05\x1fmw\\y\xbar\xe8M#\x7f\xf8\xeeG3\xc9v\xdf}\xf7\xbd\xfe\xfa\xeb!xo\xfd\xa5\xc6\xde\xe9\xe6P2!1\xc1\xe0\x06\xe3\x9c\xf9\xe7\xe4T\xce$\xa9\xbc\xac\x9c\xfe@/t\xd3M7}\xf6\xd9g6\xbe\xb7\xc1!b\x00h\xa0k\x99\xfd\xf1\xff\x95\xbb\xac)+\x0c\x02Z\xbb4{\xda\xd3\xaf\xfdy\xb9\xd9\x99\x8a\x8f\x8f?p\xe0@\xa8uT\xcd\xaee\xf7\xee\xdd5M3\xcbs\x7f\xff\xc0\xdd\x8b_}\xae\xa4\xb8LUC\xebk/\xe0\xda%3\x91\x98\x9a\x9a\x1a\xe4D"\xbd\\vvvzz:b@S\x88\x18\x00\xc2\xa8k\xe9_\x9csEU\xceT\x9e\xb9\xfd\xc6\x11!\xdeQ\xad\xf3X\x9e\xd8\xb8\x98\xdc\x82\x9c\x84\x84\x10=\x96\xc70\x8c\xc8\xa8\xc8\xf4\xd4{\xbe\xd8\xb9\x9b\xee\xa4\x8d;\xaa\xd4\x8b\xd2u\xbd{\xf7\xee\x87\x0e\x1d\xaaQR\x1c\x88O\xc7\xb7\xa5\xa2\xc9\x15\x9ai\xa7eb!\xf8&lt;\x84\x05{\xb6t\r0\x17\xac/Z\xb4\xc8\xf7\xc4\xc7\xbb\xc6\x8e\xfaM\xafn\x1ew\x90v\x94\xb4\x84$IUg\xabZ\xb5i5\xe1\x89\xf1\xe6l\xb0,\xcbo\xbd\xf5VH\xad]\xaa\xefX\x9e\xc9ON\xbc\xf4\xf2\xb6!{,\x8fPk\x97\xe8{\xf4\xcc3\xcf|\xf3\xcd7\x86a\xe8\xba\xce}\x18\x01\xe0\xfb\xfb\xe9\xe5\x0e\x1d:\xf4\xcc3\xcf\x84\xces\x1b\x8e\x84\x1b\x01\xd0\xd7r\xf4\xe8\xd1\xf4\xb5\xa4G\'.&gt;6\x94\xbb\x96\xfe\x15\xe2\x1dU\xb3\x05IJJ\xa2\xae%\xfd\xb0K\xf7k&gt;\xdc\xbcV\xd3t\xce\xb8\xe4\x9f\xcc\xb2\xff\tR\x12J\xbd\x87\x93\'O\xf6\xe9\xd3\xa7\xb4\xb4\x94\xfd\xb2{\x1e\x1ct\'\x13\x13\x13w\xee\xdc\xd9\xb2eK\xfbUm\x04\x87X\x01\xa0v\xd6\x92\xfe\x99\xf5\xcc\xcc\t\xd3\xc6W\x17-\xd8\x9c\xae\xeb\xf1\tq\x9b7n\x1d;\xf2\x01\x89I\xe6M\x08\x91\x8c*]\xc0\xcb/\xbf\xfc\xe8\xa3\x8f\xfa~Fo\xbc\xf7\x8f\xdf\xde:\xb0\xac\xd4ey\x88j\x80a\x18\x91\x91\xcd\n\x0f\x7f{\xc7\xcd\xe9\x15\x9e\n^}\x16\xee\x82\x05\x0b\x9ez\xea)\xcb\xef\xad\x7f\x9d={\xb6\xa2\xa2\xc2\xc2rL\xca;EGGGDDXr\x016 P\x00\xa8\xafkyU\x87+7\xe6\xaf\xe7\x86a\xf0\xd0\xedZ\xfaW\xc8vTi@VTT\xd4\xa5K\x17\xdfUEi\xc3\x06/_\xfdJ\xb9\xcb\x1d\xfa\rh\x03%\xa1\xad[\xb7\xb6\xe5l0\x84/\x81\x9eEs\xc1\xba\xb9\x05B\xf5\xaa\xa2\x8c\xa8\xa8HM\xd3\x05i\xfdY\x08\xaf]\xa2\xf6q\xe6\xcc\x99\xe6^u\x9cs\x87\xd3\xf1D\xe6c\x86E\xbb~^(UU\xcbJJ\x1f\x9c\xfc\x87+\xda\xfd\xcaw;\xfb\x8c\x8c\x0c\xfb\xed`\xc3C\x80\xd5\xf7 \xbc\xd9\xed\x89\xac\x0f=+.\x97\xabC\x87\x0eeee\x8c\x8e*\xd5\xf5\xb4a\x83\xff_\xf6k\xae\xd0N,\x04B\x08\xae]\xa2\x90\\PP\x90\x92\x92\xe2\xf5z\xcd\xd2\xcf\x07\'=0w\xf1\x9fN\x9d&lt;\x15.\t:\xb3$t\xe6cYf\x16\x8bs\xbey\xf3\xe6\xfe\xfd\xfb\xdb,\x11\x04aM\x94\x00@\xdf\xbaG\x1f}\xf4\xe5\x97_6\x0bK\x14UY\xbf\xed\xfd\xce]\xae\xb6q\xe9g}x\xe8\xad]\xa2\x17\x1d0`\xc0\x96-[\xcc\xc4\xd4\xaf\xbbv^\xbf\xed\xbdf\x91\x91\xba\xae\x85\xc5\x08\x80\xd6\xbd\x1a\x9cGF5K\x1f\xfc\xbb-\x9fn3g\xda\xfb\xf7\xef\x9f\x9b\x9b\xcb\x18C\x00\x80\x10!D\x000\xbb\x967\xdcp\x03\x95\x94Q\x0cxx\xca\x83s\x16e\x85Q\xd7\xd2\xbf\xea\\\xbb\xa4\xaa\xea\xce\x9d;\x93\x93\x93)c\x16\xb4\x8b1O\xac\x1c=z\xb4\xef\x89\x8f\x97_qy\xfbNW\x9d\xa9&lt;\x13^\x11\xda0xD3\xe7\x7f\xbf\xff\xdf\xb7\x85\xdf\xd1\x1b\xa17\xb5r\xe5\xca1c\xc6`\x10\x00!B\x88\x00P\xa3kI9\xee\xe6-\x9b\xe7\xec\\\x97\x90(D\xe9g}\xa8$t\xd4\xe0{\xbe\xdc\xf5sI\xe8\x8d7\xde\xb8y\xf3f\x16\xc4\x8e*u\xf6u]OJJ:|\xf8\xb0-+\xbbiJ\xa3}\xfb\xf6\xbbw\xef\x8e\x8d\x8d\xb5MI(\x84\xb5p\xeaU]\x1c\xb3kI\xad\xbf\xb9\xeb\xe7\xd4YS.\xbf\xe2\xb2\x90]U\x14\x1c\xd43\xcd\x9c?\xc3\xe9tp\xce\xcd\x1dRW\xadZ\x15\xcc\xb5K4&amp;[\xbcx\xf1\xe1\xc3\x87\xe9H\x06\xf3?I\x92\xa4\x84-\xdfG\xcb\xa8&gt;|b\xd9\xb2e4\xff\x14\x9c{\x0b\xd0\x00\x9b\x8f\x00h\xeeW\xd34\xb3kI\x99\xee\xeb\xfa\xf4Z\xbb\xf1\xad\xd3\x15\x95\xe1\x95X\x08\x04M\xd3Z\xb6n1\xfew\x8f\xbe\xf7\xf6\x07J\xf5.\xa1\xc1\xec\xa8R\xae\xe9\xdbo\xbf\xed\xd5\xab\x97\xdb\xedf\xd5\xc5\xa0\xf6#I\x92,\xcb\xb1\xb1\xb1_~\xf9e\xbbv\xed\x82\x9cd\x03\xa8\xcd\xe6\xcf\x1f}\xc7jt-eE~,c\x92\xaa\xaa\xf6\x0e~\x8d\xa4(\x8a\xbb\xdc\xf3\xe4\x9c\xa9\t\x89\xf1\x067hL\x10\xcc\x8e*\xe5\x7f\xa6M\x9bVZZ\xaai\x1am\xfdfK\xba\xae{\xbd\xde\x92\x92\x92i\xd3\xa6\x19\x86\x81\xc7\x0f,g\xe7\x11\x80a\x18\x92$\x9d8q\xa2k\xd7\xaeeee\xbczU\xd1\xf0\xf4\xa1\x7f[\xf5r\xb1\xa8s\xbf\xb5i\x9a\xd6\xb2U\x8bgf-\\\xf6\xdc\x8b\x8a\xb9\xf3Zl\xec\xee\xdd\xbb\xdb\xb7o\xcf\x03\xbfvI\xd7\xf5\xed\xdb\xb7\x0bR\xd6M\x83\xaa~\xfd\xfa)\x98\x07\x06\xab\xd99\x00P\xf6\xff\xbe\xfb\xee[\xb1b\x85\xd9\xaeE\xc7D\xbf\x9f\xbb\xa6C\xa7v\x95\xe1VX\x128\x9csj\x95\x06\xf7\x1e\xf2\xdd\xd1\xef\xcdD\xd9\xd8\xb1cW\xacX\x81\x92\x15\x00\xbb\xb2m\x00\xa0fk\xeb\xd6\xad\x03\x07\x0e\xa4\xe6LUUM\xd3\x1e\x9d\xf6\xc8\xec\x85\xb3N\x1c;\xe1p8\xac\xbe\xc6\x10\xa2iZb\xf3\xc4\xec\x95k\xa7&lt;8M\xa9^\xbb\xc4\x18\xcb\xcd\xcd\r\xce\xda%\xd1&amp;E\x11S!\x14\xd89\x000\xc6n\xbe\xf9\xe6\xad[\xb7*\xd5\xab\x8a\xda^\xd6f\xfd\xf6\xf7###u\xdd\x10\xb8\xf6\xa7n\x86n\xc4\'\xc6\xdd10\xbd\xe0\x8b=\n\xd6.\x01\x08\xc0\x9e\x01\x80z\xaco\xbc\xf1\xc6\xd8\xb1c\xcd\xfe\xac\xa2(\xcb\xdf~u\xf4\x1dw\x9e:[\xe2PU\x1b\xbe\xed\xa61t=\xda\x19]\xb0\xe7\xdf\xc3\x06\x8c\xf2\xb8=\xe6\x94\t\xad]\xd24\rS&amp;\x006c\xc3\x00@s\x89n\xb7\xbbW\xaf^G\x8f\x1e\xa5u\x98\x9c\xf3K\x9a\'\x8e\x1b?\xc6[\xe5\x95$)\x94\xf7\x94\xb7\x04\xdd\x10\xc30\xa2\xa2#\xdf\xfc\xc7\xea\x9f\xfe{\x8cf\x05\xa8$\xb4\xa0\xa0 &amp;&amp;\x06k\x97\x00l\xc6\x86\x01\x80\xfa\xaas\xe7\xce\x9d3g\x0e\xe5\xfd\xad\xbe\xa20F\xe3\xa7\xa7\x9ezj\xc1\x82\x05\x98\r\x06\xb0\x19\xbb\x05\x00*\xf5\xf9\xf6\xdbo\x93\x93\x93=\x1eO\x8djkUU\x18:\xfe\xe7C\xe7\xed\xd1\xbf\xd3\xda%EQ\xf6\xed\xdb\xd7\xa9S\'\x03k\x97\x00l\xc4n_f\xaah\x9c5k\x96\xdb\xedVUUQ\x14\xd5\x07Z\xff\xc6\xf0\xbdi\xf4\xef\xba\xae\xcf\x9e=\x9bYq\xf2\x1f\x00\x04\x8e\xadF\x00\x94\xa3x\xef\xbd\xf7F\x8e\x1ci\xf5\xb5\xd8\xd0\xbb\xef\xbe;b\xc4\x08$\x82\x00l\xc3Vu\x1d4E\xa9\xeb\xfa\x9c9s\xe8\xbcPLZ6\x1d\x95\x03\xd1Vq\xac\xfa&amp;\x03\x80\r\xd8j\x04\x00\x00\x00\x8dg\xab\x11\x00\xa1\x8d\xb7\xac\xbe\n\x1b\x92e\x193\xc0\x00v\x82\x11\x00\x00\x80\xa0\xd0\xa1\x03\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c0J\xba\xae\xeb\xban\xf5U\x00\x80\xa0T\xab/@P\x9cs\xc30\x14E\xa1\x7fg\x8cI\x92d\xf5E\x01\x80X0\x02\xb0\x80a\x18\x92$)\x8a\xf2\xc1\x07\x1f\xfc\xf9\xcf\x7f\x96$I\x92$\x0c\x05\x00 \xc8\x10\x00\x82M\xd7uY\x965M{\xfc\xf1\xc7\xef\xb8\xe3\x8e)S\xa6\xdc}\xf7\xdd?\xfd\xf4\x93\xa2(\x9a\xa6\xd1h\x00\x00 \x08$\xb48Ac\xa6}\x0e\x1d:\xf4\xc0\x03\x0f\xe4\xe5\xe5\xc9\xb2L\xc1\xa0m\xdb\xb6\xaf\xbf\xfezjj*c\xcc0\x0cYF`\x06\x80\x80CC\x13$\xba\xaeS\xdag\xf9\xf2\xe5\xd7_\x7f}^^\x9e\xaa\xaa\x86ah\x9a\xa6\xaa\xea\xb1c\xc7\xd2\xd2\xd2\xe6\xcc\x99\xa3i\x1a\x85\x04\xab\xaf\x17\x00\xec\x0f#\x80`\xa0V\xde\xe5rM\x9b6m\xf9\xf2\xe5\x8c1EQt]W\x14\x85IL\xd7uY\x92\x19c\x86a\xa4\xa4\xa4\xbc\xfe\xfa\xeb\x9d:u\xa2L\x11f\x86\x01 p\x10\x00\x02\xcb0\x0c\xc6\x98,\xcbyyy\x0f&lt;\xf0\xc0\xa1C\x87\x14E\xa1\x1f\xb2\xea\xfa\x1f\xfa\x0b\x86a\xa8\xaa\xaaiZ\xf3\xe6\xcd_z\xe9\xa5\xbb\xef\xbe\x9b1v.H\x00\x00\x04\x00R@\x01D\xf9\x1cY\x96\xe7\xce\x9d;`\xc0\x00j\xfdu]\x97d\x89s\xce9\x1fy\xf7\xf0\xc7f&lt;J\xad\xbf\xa2*\x9a\xa6)\x8ar\xea\xd4\xa9{\xee\xb9\xe7\xc1\x07\x1ft\xbb\xdd43l\xf5\xfb\x00\x00{\xc2\x08  8\xe7\xba\xaeSr\xff\xfe\xfb\xef\xcf\xc9\xc9a\xd5\xdd|EUtM\x8f\x8e\x8e\xcaz.s\xdcC\xbfWU\xf5\xb3O\xb6N{8\xe3\xfbo\x7fP\x14\xd908\xfdM]\xd7\x93\x93\x93\xff\xfa\xd7\xbf\xf6\xee\xdd\xdb\x1cFX\xfc\xae\x00\xc0^\xd0\xa6\xf8\x1f\xb5\xd7\xaa\xaafgg\xf7\xea\xd5+\'\'GUU\xc6\x18\xe7\\\x96e]\xd3\x7f\x93\xdc-{\xc3\xaa\xfb\x1f\x19Sz\xaa\xec\xc4\xf1\xa2\xbe\xfdox\x7f\xf3\x9a\xdbG\xde\xa6\xeb\x06\xe7\\\x92%\xca\xfc\x14\x14\x14\xf4\xeb\xd7o\xd9\xb2e4\x8c\xc0B\x01\x00\xf0/\x8c\x00\xfc\x8c\xdanM\xd3\xa6O\x9f\xbel\xd92\xe63\xdfK-\xf8\xfd\x8f\x8c\x9d\xb5`\xa6\xc3\xa1\xba\xdd\x1e\n\x0c\xba\xa6;#\x9c\xd1\xb1\xd1+^{c^\xc63\x15\x15\xa7i\x94 \xcb2e\x8aF\x8f\x1e\xbdl\xd9\xb2\xb6m\xdbR\x8e\x083\xc3\x00\xe0\x17\x08\x00~c\x96\xf9\x17\x14\x14L\x980!??\x9f\x926\xf4C]\xd7[\xb6j\xb1\xe8\x95g\xd3\x86\x0ev\x95\x95\xd7\x98\xdd\xe5\x067\x0c\xa3y\xabK\xbe\xdcY\xf0\xd4cY\xff)\xf8JVdnp\xce9\xcd\x0cc\xa1\x00\x00\xf8\x1d\xda\x11\xff\xf0-\xf3\x1f0`@~~&gt;\x95\xf93\xc6h\x9b\x87~\x03S&gt;\xda\xfa\xde\xe0!\x83N\x15\x97p\xcek\xd4\xf6H\xb2\xa4\xa8Jq\xd1\xa9n=\xba\xbe\xfb\xc9\xdb\xf7?2\xd6\xd0\r\xfakX(\x00\x00\x01\x82\x11\x80\x1fP\x1b}\xea\xd4\xa9G\x1f}t\xf5\xea\xd5\xec\x97i\x1fEQf&gt;=\xfd\xa1\xc7\xfe\xa8y\xb5\xca\xcaJJ\xfb\xd4\x87\xfe~Bb|\xf6\xff\xbd\xf3\xf4\x8c\x05\'\x8b\x8ai\x04`\x0e&amp;\xb0P\x00\x00\xfc\x05\x01\xa0I\xcc\xfa\x9c\x9c\x9c\x9c\xc9\x93\'\xfb\x96\xf9\xd3\xb4\xedU\xed\xaf\\\xf4\xcas\xfd\x7f\xdb\xaf\xa4\xb8\x845\xae\x92\x87*\x88.iq\xc9\x0fG\x7f\x98\xfaH\xc6\xf6\xcdy\xb4[\x1c\x16\n\x00\x80\x7f!\x05t\xf1|\xcb\xfc\xd3\xd2\xd2\x0e\x1d:\xa4\xaa\xaaY\xe6\xaf\xeb\xfa]cF\xad\xdf\xfe\xfe\r\xfd\xae/.*\xa6\xbf\xd9\x98_+I\x92\xaa\xaa%\xc5%-\xdb\xb4|\xf3\xc3\xd7\xb1P\x00\x00\x02\x04#\x80\x8ba\x96\xf9\x1f&gt;|x\xd2\xa4I999f\x8a\x86:\xe9\xf1\t\xf1\xf3\x96\xce\xbe\xf3\x9e;*O\x9f\xa9\xaa\xaa\xba\xb8N:\x8d$\x9a\xb7l\xbe\xe5\x93m\xd3\x1e\x9e\x81\x85\x02\x00\xe0_\x08\x00\x17\xcc\xcc\xbadggO\x980\xe1\xd4\xa9S\xd4\xe8\x9b\x89\x9a\xe4\xeb{.y\xf5\xf9k\xba\xfd\xba\xa4\xb8\xa4\xe9iz\xcd\xab%\\\x12_t\xe2d\xd6\x13s?z\xf7_\x8c1Y\x91\r\xfd\\e\x91\xaa\xaa\x8b\x16-\x9a2e\nC:\x08\x00.\x10\x02\xc0\x85\xa1\xf9^\xb7\xdb\x9d\x99\x99\xf9\xe2\x8b/\xb2Ze\xfe\x93\x9f\x9c8y\xc6\x04\x87\xd3\xe9)\xf7\xa8\x0e\xff\x1c\xb8\x86\x85\x02\x00\x10\x08\x08\x00\x8de\xa6Y\xf2\xf3\xf3\'L\x98PPP@\xf3\xbdT\xaci\x96\xf9\xdf6&lt;\xad\xb4\xa4\xcc\xd0\rY\xf1gB\x06\x0b\x05\x02\x01\x87q\x82\xe0\xd0L4\n\xd5\\\xca\xb2\xbcl\xd9\xb2~\xfd\xfa\x15\x14\x14\x9c\x9b\xef\xad&gt;\xcd\xf1\xd6\xe1\xa9\xeb\xb7\xbf?x\xc8-\'\x8b\x8a9\xe7\xfem\xfd\x19\x16\n\x04\x00\xe7\xdc\xcc\xdaY}-\x00\xd6\xc0\x08\xe0&lt;|\xb7u\x9b2eJvv\xb6\xd9j\x98y\x98\xa7\xe6=\xf9\xf0\xe3\x0fUUUU\x9e&gt;O\x99\x7f\xd3a\xa1\x80_P\xd44\x0c\xa3\xa2\xa2"66\x96\xfeh\xf5E\x01\x04\x1bF\x00\r\xa1\xd3\xdbUU\xcd\xc9\xc9\xe9\xd5\xabWvv\xb6\xaa\xaa\x94vW\x14E\xd7\xf4.\xdd\xaey\xef\xd3\xecG\xa7?\xe2.w\x9f=s6\x08\x8d\x88\xa2(\x9c\xf3\xe2\x93\xa7F\xfd~\xe4G[\xdf\xeb70\x85\xe6\x9fYu\rR^^^\x9f&gt;}V\xaf^M\x93\x01\xd8B\xae\x06\xce\xb99f\xba\xe5\x96[z\xf4\xe8\xb1c\xc7\x0e\n\x06\x18\n\x80h\x10\x00\xeae\x9e\xde&gt;g\xce\x9c\xb4\xb4\xb4c\xc7\x8eQ_\x9b\x9a`]\xd7\xc7=t\xef\x9a\x9cU\xbdz\'\x9f*.i|\x99\x7f\xd3a\xa1\xc0E\xf3\xdd\xa8\xf5\xdak\xaf\xdd\xbcy\xf3\xd1\xa3Go\xba\xe9\xa6\xb9s\xe7\x9a\xe73[}\x8d\x00\xc1\x83\x14P\x1d\xea&lt;\xbd\x9d\xfd\xb2\xcc\x7f\xc1\x0bs\xd2\xc7\x8c*/sy\xbd\x9aU\xc5\x97X(pA\xea\xdc\xa8\x95&gt;k\xc6Xjj\xea\xeb\xaf\xbf\x8eJ*\x10\x8a\xd0-B\x9d\xea;\xbd\x9d1F=\xc4~\x03S\xde\xff4{\xd4\xbdw\x16\x17\x15\xeb\xbaaa\xe9=uZO\x1e?\xd9\xb7\x7fo\x9c(\xd0\x00\x1a\xb1\xd5\xbe!T\xc4U;\xcb\x87\x99a\x10\x04F\x00\xbfP\xef\xe9\xed\xaa\xa2k:cl\xf2\x8c\x89SgM\xe1\x9cWx*Bg\xda\x10\x0b\x05\x1a`\xae\x8f[\xbe|\xf9\x13O&lt;\xe1v\xbb\xcdi\xf3sq\xddga\x1dcl\xca\x94)\x8b\x16-\xa2*/,\xac\x03{C\x008\xa7\x81\xd3\xdbeY\xd2u\xe3\xcavW&lt;\xbddv\xda\xd0A\xa5%et\xb6\x97\xd5\x97\xfc\x0bX(P\xa7\x867ju8\x1d1\xb11\xa5\xa7J\xe9\x8fT4\xa5\xebzJJ\xca?\xfe\xf1\x8f\xab\xaf\xbe\x1a\x95T`oB\xb4\x02\xe7en\xeb\xb6l\xd9\xb2\xda\xa7\xb7\xeb\xbaq\xfb\xc8\xdb\xde\xdf\xbcf\xf0\x90\xdf\x16\x17\x9d\x92$)\x04[O,\x14\xa8\x81\xaaz\xa8,\xaao\xdf\xbefY\x94y&gt;O\x97n\xd7\xbc\xf7I\xf6\xc6]\xeb\xfb\r\xecKy?\xc6\x18\x95\xfc\xe6\xe5\xe5]\x7f\xfd\xf5\xcb\x97/G%\x15\xd8\x9b\xe8#\x80\xc6\x9d\xde\xfe\xd4\xb8\xf1c*\xdc\x15g\xcf\x06\xa3\xd0\xb3\x89\xb0P\x80Uw\xfc\x19cs\xe7\xce\x9d?\x7f&gt;\xfdQ\xd34\xca\xf60\xc6\xee\x1a3j\xf6\xc2Y\xb1\xb11g\xab\xaa\x9cN\xe7\xdf\xfe\xbc\xfc\xd9?-2s}f:\xe8\x8f\x7f\xfc\xe3\xd2\xa5K\xb1P\x00\xecJ\xe8\x00@e\xfe\x92$eggO\x992\xc5,\xf4\x94$I\x92%C7~\x93\xdc\xed\x99?\xcf\xbb\xb6O\xf2\xa9\xa2\x12Y\x96%9&lt;\xdaJ\x91O\x14h \xa2\xd7\xd8\xa8\xf5\xf4\xe9Jo\x95W\x92d\xc6\xf8%-.\xd9\xfa\xe9vTR\x81h\xc4}\x9a\xa9\xff\xab\xeb\xfa\xe3\x8f?~\xd7]w\x1d;v\x8c\xb2%\xe7J\x03u\xe3\xfeG\xc6\xbe\xfb\xc9\xdb\xddzt-.:\xa5\xa8J\xb8\xb4\xfeL\xe0\x85\x02\xbee\xfe\xbdz\xf5\xca\xc9\xc9\xa1n;\xcd\xd9h\x9a\x96|}\xcf\xf7s\xd7\x8c\x1e3\xcaUVN=}Y\x96dY.&gt;Q\\\xb3\x92JB%\x15\xd8\x9f\x88#\x80\xc6\x9c\xde\xfe\xa7\xe73G\xdf{gY\xa9+\xac;\xc8B-\x14\xa8\xb3\xcc\xbf\xf1\x1b\xb5\xfaVR=\x9d\xf1\xcc\xe9\x8a\xd3f\xea\xacv%\x15\xd2A`\x0f\xc2\x05\x80\x06\x8a\x02\xe9{\xdeo`\xca\x92W\x9e\xbb\xa2\xfd\x15%\xc5%\xf6\xa8\x98\xb4\xfd\x89\x02\x8d\x89\xe8\x8d\xd9\xa8\xf5\\%U\xcbKv\xe7\x17L{d\xe6\x81\xaf\xbe67|\xadQIe\x83x\t\xc0DK\x01\xd5\x97\x00\xa1\xef\xb9,\xcb\xb3\x16d\xacZ\xb7\xa2e\xeb\x96%\xc5%\xb4 \xc8\xeaK\xf6\x03\xd5\xa1\xbaJ\xcbccc\xff\xbe\xfa\x95\xe7^\x9c\x1f\x1d\x1de\xe8\x86\xa2*\xf5%\xc1\xc2\xabO\xe0\xbbpo\xc0\x80\x01\xf9\xf9\xf9\xe6\xc2\xbd\x0b\xdd\xa8\xf5\xe7J\xaa\x9e\xdd\xd6\xe4\xac\x1a\xf7\xd0\xbd\xba\xae\xd7YI\x85}#\xc0\x1eD\x19\x01\x9c\xb7\xcc\xff"No\x0f/\xb6\\(\xd0p\x99\xffEo\xd4\xaa\xeb\xba\xc3\xa1\xc6%\xc4\xafycm\xe6\xe3s\\e\xae\x1a\x95T\xa9\xa9\xa9/\xbe\xf8b\xa7N\x9d\x04\\X\x07v\x12\x06_\xf2\xa6\xf3=\xbd\x9d\xca\xfc\xcd\xdd\xfc\xa9\xcc\x7f\xf4E\x9d\xde\x1e^l\xb6P\xa0Qe\xfe\x17\xbbQ\xab\xa2(\xban\x14\x17\x15\x8f\xba\xf7\xce\xf7?\xcd\xa6-W)IH/\x9a\x93\x93\xd3\xa7O\x1f\xda7\x82Uw/\x00\xc2\x8e\xcdG\x00\xb5Oog\xbf,\n\x8c\x89\x8d\x9e\xf5\xcc\xccq\x0f\xdd\xeb\xf1Tx\xab\xbc\xe1\x98\x01\xbfP6X(\xd0\xc82\xff\xb8\xf8XWYyS&amp;l5M\x8b\x8e\x89\x96$i\xc9\xbce\x7fY\xf82\xab5\xb1\x8c}# \xac\xd99\x00\x98y\x8c\x06Oo\x7f\xee\xd7]\x7f]ZR\x1a\x9a-]\x80\x84\xefB\x81\x0b+\xf3?\xebU\xd4\xa6^9-\x16\xb9\xa4y\xe2\xbf&gt;\xd80\xfd\x91\x99\'\x8b\x8a\xcf\xad\x12\xaf\xbec\xbd{\xf7\xfe\xeb_\xff\x9a\x9c\x9c\x1c\xb2\xf1\x12\xa0&gt;6\xccu\x10\xea\xd2\xba\xdd\xee\xc9\x93\'\xdfu\xd7]\xa7N\x9d\xfaE\x99\xbfaL~r\xe2\xdb\x1f\xff_\xfbN\xedKN\xd9\xa4\xda\xa7\xf1\xc2t\xa1\xc0\x05\x97\xf97\xb9\xf5g\x8cQ\x9b~\xb2\xa8x\xf0\x90[\xd6o\x7f\xff\xd6\xe1\xa9\xbe\xad\xbf\xaa\xaa\xf9\xf9\xf9\x03\x06\x0c\xc0\xbe\x11\x10\x8el8\x02\xf0-\n|\xf0\xc1\x07\xeb;\xbd\xfd\xd6\xe1ie\x018\xbd=\xbc\x84\xd1B\x81&amp;\x96\xf97\x9d\xa6i\x91Q\x91N\xa7\xf3\xd5\x17\xfe\xf6L\xd6Bs\xb2\xc1\xbc\x80\xbb\xef\xbe\xfb\xa5\x97^j\xde\xbc9\x16\n@\xb8\xb0[\x000\xf3\x15/\xbe\xf8bfff\xed2\xff[\x87\xa7\xce]\x94u\xf9\x15\x97\x95\x96\x94\x89\xd6\xf1\xafO\x88/\x14\xf0W\x99\x7f\xd3Q\x14L\xbc$!?\xef\x8b\x99\x93\xb3\xcc\x85\x02\xac:^^}\xf5\xd5\xff\xf8\xc7?RRR,\x8f\x97\x00\</t>
        </is>
      </c>
    </row>
    <row r="62">
      <c r="A62" s="1" t="n">
        <v>60</v>
      </c>
      <c r="B62" t="inlineStr">
        <is>
          <t>color_number_hexagon</t>
        </is>
      </c>
      <c r="C62" t="inlineStr">
        <is>
          <t>What is the missing number of the part denoted with a question mark?</t>
        </is>
      </c>
      <c r="D62" t="inlineStr">
        <is>
          <t>['2', '3', '5', '7']</t>
        </is>
      </c>
      <c r="E62" t="inlineStr">
        <is>
          <t>5</t>
        </is>
      </c>
      <c r="F62" t="inlineStr">
        <is>
          <t>There is a hexagon split into six parts with the colors ['yellow', 'blue', 'blue', 'yellow', 'green', 'green'] in an anti-clockwise order. The parts are denoted with the numbers [5, 2, 8, '?', 4, 6] respectively.</t>
        </is>
      </c>
      <c r="G62" t="inlineStr">
        <is>
          <t>We observe that the numbers in the blue parts add up to 10. Similarly, the numbers in the green parts also add up to 10. Thus, the pattern is that the numbers in the parts of the same color add up to 10.</t>
        </is>
      </c>
      <c r="H62" t="inlineStr">
        <is>
          <t>Based on the pattern that the numbers in the parts of the same color add up to 10, the missing number of the yellow part should be 5.</t>
        </is>
      </c>
      <c r="I62" t="inlineStr">
        <is>
          <t>b'\x89PNG\r\n\x1a\n\x00\x00\x00\rIHDR\x00\x00\x02\x00\x00\x00\x02\x00\x08\x02\x00\x00\x00{\x1aC\xad\x00\x00\xa5\xf4IDATx\x9c\xec\x9dw|\x94U\xd6\xc7o\x9b\xc9\xd4L\x12\xaa("M\x10\x10\xa5\xd8\x11\x14\x05\x14\x95"\xbd\xe3\n\xa2\xab\xb8\x14E\x8a\xa1\n\x82\x14Y\xcb*\x96WD\x9a\x14\xc5\x8e\x01u\x13t\xad\x80\x8b\xa0R\x02"\xa8\xa1e2=3s\xcf\xb9\xef\x1f7DWE\x11\xc8\xcc$\xb9\xdf\xcf\xfc\xa11\x98\x87\'\xcfs\xcf\xb9\xe7\x9c\xfb\xfbQ\xa5\x141\x18\x0c\x06C\xe5\x83%\xfb\x02\x0c\x06\x83\xc1\x90\x1c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13\x00\x0c\x06\x83\xa1\x92b\x02\x80\xc1`0TRL\x000\x18\x0c\x86J\x8a\t\x00\x06\x83\xc1PI1\x01\xc0`0\x18*)&amp;\x00\x18\x0c\x06C%\xc5\x04\x00\x83\xc1`\xa8\xa4\x98\x00`0\x18\x0c\x95\x14\x91\xec\x0b0$\x13\xa5\x94R*\xd9WaH\x1a\x94RJi\xb2\xaf\xc2\x904\xa8y\xff+-RJ!L\x06P\xd9\x91Rr\xceM\x18\xa8\x9c\x98\x00PIAD\xc6\xd8\xb7\xdf~\xfb\xf7\xbf\xff\x9d1\x86\x88\xc9\xbe"CB\x11BH)\x87\r\x1b\xd6\xbf\x7f\xffd_\x8b!i\x98\x04\xb0\xd2\xa1C~$\x12\x99?\x7f~FF\xc6\x07\x1f|\x90\xec+2$\x8d&amp;M\x9a\xfc\xf0\xc3\x0f7\xdcpC\xb3f\xcd\x94R\x8c\x99\xa6`\xe5\xc2\xec\x00*\x1d\x00\xc09\x7f\xf1\xc5\x17\x87\x0e\x1dJ)\xe5\x9c\x97&gt;\x03\x8c1B\xcc\xf3P\xb1\xa1Ja\xe9K\xcf9\x8f\xc5b\x83\x06\rZ\xb2d\x89)\tVBL\x00\xa8\\\xe8\xae\xaf\xcf\xe7k\xd2\xa4\xc9\xd1\xa3G\x11\xd1\x14\x7f*9V\xab\x15\x00&gt;\xf8\xe0\x83\xab\xaf\xbeZ\'\x07\xc9\xbe"C\xe20\x01\xbfr\x81\x88\x9c\xf3\xec\xec\xec\x82\x82\x02\xce\xb9R%s \x88x[\x9f+\x07\x0f\xb9&amp;\xee\x0bsn\xea\x00\x15\x13DdN\xdb\x7f7\xef\x1d\xf7\xd0\x1aD\xa5\x94\xa2\x94I)\x11q\xd4\xa8Q\xff\xf9\xcf\x7f,\x16\x8bR\xca4\x84+\x0ff\x07P\x89@DJ\xe9\xae]\xbb\x9a5k\x86z\x01P\x8a\x10\xc2\x18ETg\x9f\x95\xb9\xff\x8b9&lt;\xc3A\xe2\x92\x98%\xa0B\x82\x8ax\x1c7wz\xe8\xad\r\xdb8g\x00H\x08\xa1\x940\xc6\x01`\xf1\xe2\xc5C\x86\x0c1\x9b\x80J\x85\t\x00\x95\x08\xfdnw\xea\xd4)\'\'GX,2\x1e\xaf{\xc1\xc5\xbe\xc2#\x85\x87~\x14\x82I\tw\x0ej\xfb\xd4\x13\xb7G\x0b\x83f\x13P\xf1\x00@K\xa6k\xd5\xb2M\xfd\xee~N\xaf\xfe\x16\xabh\xd6\xfa\x82\xad\xff\xf9J\xf7~\xabW\xaf\xbec\xc7\x8e\x8c\x8c\x0cs8\xa0\xf2`\x02@eA\xaf\xfe999\x9d:u\xd2)\x1e*5m\xf1{\xdfn\xf9h\xf9\xc2\x079\x17J\x01cl\xfb\xfbS\xceoZ\x1b\xc3\xc5f \xa4"\xa1\xcb=@i\xd3\xab\x1e\xdc\xb3\xef\xb0\xb0\x08\x19\x97\x97\xb6k\xf1\xe0\xe3c\x07]\xf3w\xbf7 \x84\x88\xc7\xe3\x93&amp;Mz\xe8\xa1\x87\xcc&amp;\xa0\xf2`^\xf2J\x81.\xecJ)\xef\xbd\xf7^B\xa8\xde\xf2_\xde\xe1\xd6\xc6-\xafj\x7f\xebm5j\xd7\x05\x90\x9cq)ad\xf6J\xca)!&amp;\x01\xacP  \xcft\xcd]\xf8\xd6\x9e}\x87\x85\xe0\x08\xc8\x05\xbf\xed\xbe\x01g\x9d[c\xe8\xe8\xbeJ)T\xc88\x9b;w\xee\xee\xdd\xbb\xcd\xb9\x90\xca\x83\t\x00\x95\x02}\xeck\xd1\xa2E;w\xee\x14\x82\x03H\x87+\xbd\xfb\xf0q\xe1\xa0\xdf\xe9\xf6\xdcz\xc7\x04B\x08(\xc59\xdb\x90\xfbu\xce\xdb[\xb9\xc7\xa1\x0b\xc4\x86\n\x00*\xc5\xec\xd6\x82=\x05\x0b\x9e\xdd\xa8k;\x88xc\xef\xeb\x9a\xb4lTp\xf0\xf0\x8d\xbd\xafo\xd0\xb4.\x02\xea\x91\xd0I\x93&amp;Qj\n\x03\x95\x05\x13\x00*&gt;\xba\xf7[PP\x90\x9d\x9dM)%\x84"\xe2\xf5\xbd\x87\xd7k\xd2"\x1e\x8d\x84\x83\xfe\xb6\xb7\x0ch\xd4\xe2\n\x04\xa0\x94QBFf\xaf\x8c\x05\x8b\xe9/\xce\x07\x18\xca5\n\x909m\x0f\xccXS\xe8\r\t\xc1\x00\xd0\x95\xee\x1c:\xba_q\xb8X)ew\xda\x86\x8d\x1b\xa4\x94\xd21`\xf5\xea\xd5999\x9cs\x00H\xf6\x85\x1b\xca\x1c\x13\x00*&gt;\xfa\x84\xe7\x84\t\x13\xbc^\xaf\x10\x16\t\xb2\xda\xd9un\x1a82X\xe4e\\(\xa2\x10d\xdf\x91\xd38\x17\x80\xc8\x05\xdf\x95\x7fh\xee\xc2\xb7x\xa6\x13\xcd&amp;\xa0\xfc\x03\x80"\xc3\x99\xbb\xfe\xcb\xa5k?\xe1\x9c!\x12\xa5\xd4\xc0\x91\xbd\xaa\xd7\xaa\x1a+\x8e\t!\x02E\xc1\xcb\xaem\xd5\xa6\xd3e\x00\xc0\x18\xa3\x94\xde{\xef\xbdRJ\xb3\x0f\xa8\x0c\x98\x00P\xc1\xd1\xc5\x9f\xcd\x9b7\xafX\xb1\x82s\x8e\x88D\xa9\x9ewN\xca\xa8V3.c\x94R\xc6x$\x14hzi\xbbv\xdd\x06)D-\x10\xb9\xe0\xd9\x8d\x05{\n\x98\xcd\x8af\t(\xefP\nq\x98&lt;\xf75D\xa5\x8b\xfb\r\x9a\xd6\xed&gt;\xf4\xa6\xa0?T\xd2\xe9\xa5\x04\x00\x86\x8d\x1b\xe4t;t\xfbw\xe7\xce\x9d\x8b\x16-2\x9d\x80\xca\x80\t\x00\x15\x1c\xdd\xfe\x1d;vl4\x1ae\x8c\x03\xc8F-\xaeh{\xcb\x80\x80\xf7\x18\xe7%\xc7\x00)\xe3\x91`\xa0\xc7\x88I\xcet\x0f\x00\x08\xc1\x0b\xbd\xa1\xf13\xd60\xb7]\x99M@yFJ\x10U\xdc\xcb\x96\xe6\xe5}\xb2[p\x06\x88J\xa9a\xe3\x06\xd9\xeci\x00\xa0;\xfd\x8c\xb1p \xdc\xb0Y\xbd\xae\x83oDDB\t\xa54;;\xdb\xeb\xf52\xc6\xcc&amp;\xa0bc\x02@EF\'t\xabW\xaf\xce\xcd\xcd\x15B\x00Ha\xb1\xf6\x1d9\r\xe1\x7f\x8ezQJc\xb1\xe2*5\xcf\xeev\xfb8\xa5\x94N\x15W\xbc\xf6\xf9\xe6\xbc\xaf\xb9\xdbn\xd2\xc0r\x8aR\x8aYE\xd1O\xde\xe9\x0b\xdf\xa2\x94\x12\xc6\x10\xb0\xcd\r\x97_vm\xab@Q\xf0\x97\x83\x9e\\p\x7fQ\xa0\xf7\xf0n\xb5\xce\xad\x01\x12\x84\x10^\xafWw\x8c\xcco\xbfbc\x02@\x85E\xe7nz\xae\x83\x10B)C\xc4\xcb:tkz\xe95\xe1P\xe0Wc\xfe\x9c\x8bH\xc0\xdf\xa1\xf7\xf0\x9a\xe7\xd6\x07\x00\xceY,&amp;\xc7L[M97)`9\x05$\xf2L\xd7\xc2\'\xd7\xe7\x7fw\x84s\x86\x80\x16\x8b\x18:\xba\xafN\xf3\x7f\t\xa5T\xc6d\xd5\x1aY}\xef\xeaQ2\x12z|f\xcc\x14\x82*6&amp;\x00TX\xb4\xec\xcf\xbcy\xf3v\xef\xdem\xb1X\xa4\x8c;=\x99\xbd\xef\x9e\x12\t\x05\x18\xfb\x9dc&gt;\x002\xcd\xee\xec?j&amp;!\x04@q\xce\xf2&gt;\xde\xb5z\xe5\x87"\xcb\r\xd2\x0c\x84\x943\x10Q\xb8m{\xff\xbb\x7f\xe1s\xef\xe9`\x8f\x88\xb7\xfe\xed\xe6F\x176\x08\x07\xc2\xbf=\xe5\xc7\x05/*\xf4u\xees}\xb3\xd6\x17\x80\x04.\xb8&gt;5bZ\xc1\x15\x1b\x13\x00*&amp;\xba\xf7\x9b\x9f\x9f?g\xce\x1c\xc6\x98RD)\xd5\xb1\xcf\x1dg\xd5i\x10\x8bF~\xf7\xa0?\xe3&lt;\x1c\xf0\xb5\xbe\xf6\xa6\xa6\x97\xb6C\x04J\x19\xa5\xe4\x81Y\xaf\x14\x1d*\xa2VaV\x81\xf2\x85R\x84r\xfe\xc0\xf4\xd5&gt;\x7f\x84q\n\x80\x99U3z\r\xeb\x1a\x0eE\xd8\x89t&gt;\x14\x11\x16&gt;\xf8\x1f\xbd\x19c\x08\xc0\x05\xcf\xc9\xc9Y\xbdz\xb5\x19\t\xad\xc0\x98\x00P1\xd1\xbd\xdf\xe9\xd3\xa7\xfb\xfd~\xce\x85\x94\xf1\x9a\xe7\xd6\xef2tL\xc8\xe7e\'&gt;\xe5\xaf\x08A\xc0\x01\xa3g\t\x8b\x15\x109\xe7\xfb\xf6\x1f]\xf8\xe4z\x9e\xe9\x02i\xea\x00\xe5\x86\x92\xd1\xcf\r\xdb\xd6\xbc\xb5\x85s\xa6\x90(\xa5\x86\x8e\xe9W\xe3\xecj\xb1\xe2\xd8\x89t~\x18g\x81\xa2\xe0\x15\xd7]rm\x976\x00\xa8GB\'M\x9a\x14\x8b\xc5\xcc&gt;\xa0\xa2b\x02@\x05D\xf7~\xf3\xf2\xf2\x96-[\xc6\xb9\xd0\xe9[\xffQ3m\x0e\x17\x00\xd0\x13\xcb&lt;0\xc6"\xe1@\x83f\xad;\xf5\xbbK\x8f\x842F\x17&gt;\xf7\xde\x9e\xad\xdfq\x97\r\xd1,\x01\xe5\x00E\x08\xe5,\x1a*\x1e3c\r\xa5\x842\x06\x00\xcdZ_pS\xbf\x0e~o\x80\x8b?\x12\xf9a\x9cE\xc2\x91a\xe3\x06\xb93\\2.\x85\x10\xbbw\xef\x9e7o\x9e\xe9\x04TTL\x00\xa8\x98\x00@vv\xb6&gt;\xda\x83\x08M/m\xd7\xfa\xda\x9b\xc2\x01\xdf\x1f\xa4\xff\x1a},\xa0\xf3\xc0{&lt;U\xaa\x03 \xe7\xdc\xe7\x8fL\x9f\xff:\xb3[\x95Y\x02\xca\x03 \x81g8W\xac\xf8h\xcb\xb6\xfdz\xe1f\x8c\r\xfaGo!\xfe\xfch7\xa54\x1a\x89\xd5\xaeW\xab\xfb\x90\xceJ)E\x14et\xfe\xfc\xf9\x05\x05\x05f"\xa8Bb\x02@ECJ\xc99_\xbe|y^^\x9e\x10\x16\x00\xc9\xb9\x180z\x16\xc2I%\xf0z$\xb4\xdaY\xe7\xf6\x181Q)DT\x9c\xb3\xe5\xaf~\x96\xbb\xfeK\x91\xe14\x02A)\x8eR\x8a\xdb\xac\xc7\x0e\x1c\x1b?\xfbU\xc6(e\x0c\x01\xaf\xb9\xf9\xaa+\xaf\xbf4P\x14&lt;a\xf5\xff\x17p\xce\xfd\xde@\xbf\xbbz\x9c]\xa7\xa6\xde\x04\x14\x16\x16N\x980\xc1\x9c\t\xa8\x90\x98\x00P\xa1\xd0\xaa\x0f~\xbf\x7f\xda\xb4i\x94\x96\xcc~\xb4\xeb6\xa8^\xd3\x96\xc5\xe1_\x8f~\x9e\x08\xceE\xd0\xef\xbd\xfa\xe6\xfeu\x1a7\x07D\xc6\x18\x00N\x9e\xfb\x1aJ4F1)\x0e\x022\x97m\xc1\x93\xeb\x0f\x1d\xf63\xc6\x10\xd0\xe9v\x0c\xbc\xb7wq\xe4\xa4\xf5\xbd)\x01\t\x0e\x97c\xf0\xa8&gt;\xe4\xf8,\xd9\xf2\xe5\xcb\xb7l\xd9Rr\x92\xdcP\x810\x01\xa0B\xa1\xf7\xfbs\xe6\xcc\xc9\xcf\xcf\xe7\x9c\x03Hg\xba\xa7\xc7\x88\x89\xd1H\x98\xfe\xde\xe8\xe7\x89\x00\x00\xbb\xd3\xd5\xe7\xee\xa9D)\x00\xc59\xcf\xfbd\xf7\x92%\xb9"\xcbeFBS\x16D\xe4.\xfb\xce-{\xe7-\xda\xc0X\x89\xeag\xd7\xc176\xbe\xb0~$\x18\xa1\xecd\x837\x17&lt;\xe0\x0bt\xeay\xdd\x85\x97\\\x00\x12\x18g\xb1Xl\xd4\xa8Q\x00`6\x01\x15\x0c\x13\x00*\x0e:Y;\xde\xb5\xe3\xda\xf1\xb1\xdb\xed\xe3\xaa\xd6&lt;\xe7D\xa3\x9f\'\x82s\x1e\xf4{/n\xd3\xb1\xf5\xb57#\x82\xb6\x88\x1a\xff\xf0+\xc7\x0e\x1cc6\xabY\x05R\x15J9\x1b\xf9\xe0\xcaXL2\xce\x01\xb0f\xed\xea\xbd\x87w\xf3\x15\xfdI\xef\xf7w\x01\x80\xe1\xe3\x07s\xc1\xf5\xd9\xe0M\x9b6-_\xbe\xdc\x8c\x84V0L\x00\xa88\xe8uY\xcf\xedq\xce\x11\xa1N\xe3\xe6\x1d\xfb\x8c\x08\x05|\xa5\xb2?\x7f\x05\x8a \xfb\xdc3\xd5\xe1JGD\xce\xd9\xa1\xc3\xfe\x05O\xaeg.\x9bQ\tMA\x00\x90\xa7\xdbs\xde\xde\xb2!\xf7k\xce\x99B\xa5\x94\xbamL\xff*\xd53eL\xfeU\x8bG-\x10\xd4\xe2\xca\xe67\xf6\xbe\xaeD \x88\xd1i\xd3\xa6\xf9|&gt;3\x12Z\x910\x01\xa0\x82\xa0G?sssKO\xee(\xa5\xfa\xdc=\xd5j\xb3\x03\xc8S\xf8\x1f2\xc6"\xa1\xc0y\x17\\t}\xef\xe1\x88\xa8\x14e\x8c\xce[\xb4a\xf7\xd6}\xc2\x08\x04\xa5\x18\xfa\xd8\x97\x0c\xc7Ff\xaf\xa4\xa4d\xf4\xf3\xc2K.\xe8\xd4\xb3\xbd\xaf\xd0\x7f\n\xe9?!\x84q\x16\x0e\x86\x87\x8e\xee\xe7Jw\x82\x04\xc1E~~\xfe\xc2\x85\x0b\x19cf\x13Pa0\x01\xa0"\xa0\x8f}E\xa3\xd1\xb1c\xc7RJ\xf5\xe8g\xeb\xf6\xb7\\\xdc\xa6C(PtJ\xe9?!\x840.BE\xde\xce\x03GV?\xe7&lt;D\xe0\x8c\xc7br\xe2\xecu\x841\x93\x02\xa6\x14\x08\xc0=\xf6\xa7\x9f\x7foW\xfe!\xa6e\x7f\xacb\xf8\xf8\xc1\xa5\x92\x9f\xa7\x00\xa54V\x1c\xab^\xab\xea\xc0{{\x95zF&gt;\xfa\xe8\xa3\xba\xbdd2\x80\x8a\x81\t\x00\x15\x01\xdd\xfb]\xb9r\xe5\xe6\xcd\x9bu\xfa/,\xd6\x1e#&amp;\xea\xc3\\\xa7\xfc\xbf\xa5\x94\xc6e,\xab\xfaY\xb7\x0c\x1d\xa3\x94B\xa58gk\xde\xdc\x9c\xbbq\x9b\xc8p\x9a40EPJ1\x9b\xd5{\xb0p\xf2\xbc\xd7)\xa5\x941Dl\xd7\xf9\xca\x96W5\xff]\xd9\x9f\x93\x87s\x1e\x0c\x84\xba\r\xea|N\xddZ \x81s\xee\xf3\xf9\xa6O\x9fn\xce\x04T\x18L\x00(\xf7\xe8\xf4\xdf\xeb\xf5\x8e\x1f?\x9e1\xa6\x1d\x1f;\xf5\xbb\xab^\x93\x16\xbfU\xfd\xfc\xabp.\x02\xdec\xd7t\x1b\xdc\xe8\xe2\xcb\x01\x80QN)\x193}\x8d\x8c\xc4\x8cPh\x8a\x80\xa0\x98\xdb\x96=\xfbUoQ\x98s\x06\x12\xdc\x19\xae\xdb\xc7\r\x0c\x05\xc2\'3\xf8\xffGP\x82\x12m\x8e\xb4\x11\x93\x86\x10]f\x14|\xd9\xb2e\x9b6m\x12B\x98\x0c\xa0\x02`\x02@\xb9G\xa7\xff\xd9\xd9\xd9\x05\x05\x05\xda\xf2\xc5S\xa5Z\xe7\x81\xf7\x14\x87\x82\xbf\xab\xfa\xf9WQD\ta\xe96|&lt;cL\x1f\x0b\xd8\xb2m\xff\xd3\xcfl\xe4\x1e\x07\x9a% \xd9 "w\xdb6\xe7}\xb3h\xe9&amp;\xc6\xa8"D)\xd5}H\xe7\xda\xf5\xce\xfe\x03\xd9\x9f\x93\x87q\x16\xf4\x87\xdat\xbc\xac\xe5U\xcd\x11\x90Q\x06\x00\xa3F\x8d\x8aF\xa3\xa6\x1b\\\x010\x01\xa0|\xa3W\xff\xe3\x1e~%\xa3\x9f=\xee|\xb0\xdaY\xb5c\xb1\xe2\xd3\x7f\xff\t!\x8c\xf1\xa0\xdf\xdb\xb2\xed\rWt\xea\xa9UB\x19\xa3\x93\xe7\xbf\xee=XhFBS\x00J\x05\x1f3m\xb5\x94\xc09\x07\t\xe7\xd4\xad\xd5\xef\xae\x1e~o\x80\xff\x99\xec\xc7\xc9\x83\x80w=x\x9b\xc5"\x00@\x08\xb1e\xcb\x96\x95+W\x1a\x81\xa0\n\x80\t\x00\xe5\x1b]\xff\xd1.\xde\xfa\xe4W\xa3\x8b/o\xdf}H\xc0Wx\xca\xbd\xdf\xdf\xc2\x18\x8f\x86C\xbd\xef\x99\xe2\xf4d\x02\x00c\xdc[\x14\xce\x9e\xfd*s\xa4!\x94\x83\x00\xa0N\x89d_\xf5\x9f\xa3e\x7fV/\xff0\xef\xe3]\x9c3@$\x84\x8c\x984\xc4\xee\xb4\x03\xfc\xda\xf5\xe5\x94a\x8c\x85\x83\x91\xc6\x177\xbc\xf5o7\xeb\x91P\xc6\xd8\xf8\xf1\xe3\x0b\x0b\x0b\xcd&amp;\xa0\xbcc\x02@9F\x8f~\xe6\xe4\xe4\xe4\xe4\xe4\xe8\xc1\x7f\xc6x\xb7\xe1\xe3\xb9\xb0\x9c\xd9\xd7\x92R\x1a\x8dF\xce\xaa\xd3\xa0c\x9f;\xf4\xda\xc8\x18]\xb4t\xd3\xce\xad\xfb\xb8\xcb\x96\xe2i \xa5\x94Y\xc4)|R\\\xf6B)E\x05\x8f\x05"\x13\xe7\xac#\x84h\xd9\x9f\x96W5o\xd3\xf1\xb2\xa0?\xc8O\xb3\xfa\xff\xbf0\xce\xc2\xc1H\xafa]3\xabf\xe8npAA\xc1\x82\x05\x0b\xcc&amp;\xa0\xbcc\x02xyEg\xa9\x88\xd8\xacY\xb3\x9d;wY,\x96x&lt;v\xe5\r=G\xcd]\xe6\xf3\x1e9\x83\xe9\x7f\xc9\x8f#\x8a\x11J(\x1d\xdf\xe7\xf2C\x07\xf6Y\x84\x88K\xd9\xa1]\x93\x9c\xd7\xc6A\xa0\x98\x9d\xb4\xcc@\xa2\xa14\x16\x8d\x87#\xb1S\xf8\xa3\xe9n{\xea\xfe\xbd\x08\x01\t\xa2\x9ag\xe6\xd4U\x0f&gt;\xf2\x9a\x10\x1cQQF\x9fzc^\xfd\xc6u"\xe1\x93V\xfe\xf9+?.\xa3\xaa\xe7\x95\x17\xde|t\xe2\xd3\\p\xa5\x94\xe0b\xfb\xf6\xed\r\x1a4\xd0\nTg\xf6\xc7\x19\x12\xc3\x19^&amp;\x0c\tC\x0b?&lt;\xf5\xd4S;w\xee\xd4\x86\xef\x0eWz\xd7a\xe3\xa2\xc5\xa75\xf9w"(\xa1\x12\xa4\xdb\x93u\xeb\x1d\x13\x9e\xca\xbe\x03\x94\xe2\x9cm\xc8\xfd:\xe7\xed\xad\x1don%\x8bBg6\xe5&lt;#H\x89\x96\xaa\xae\xa7\xe7\xbf7u\xfe\x1b\x823yr\x07\x98)%J\x11\x8b\xe0\xffy\xe3\x81\x06\xe7\xd7\x82H,\x05\xc3\x00*\xc5\xec\xd6\x82=\x05\x0b\x9e\xdd\xa8;=\x88xs\xdf\x8e\x8d\x9b78\xe5\x93_\x7f\x0c\x17&lt;P\x14\xec\xd8\xa3\xfd\x1b\xcb\xde\xcd\xff\xfa;a\x11\xdanz\xd5\xaaUf\x13P~I\xb9\x97\xd6p2 "\xa5\xb4\xa0\xa0 ;;\x9bR\xaaG?\xaf\xef=\xbc~\x93\x16\xc5\xe1\xa0\xd6\x01=\xe3p.B\xfe\xa2\xb6\xb7\x0ch\xd4\xe2\n\x04\xa0\x94QBFf\xaf\x8c\x05\x8b)\xffs\xad\xf9$A\xbf\xff\xa1\xb0\xc8\x17&gt;Z\x18,\xf2\x85O\xe6\xe3-\n\x17\xf9\xc2G\x8f\x05 \x85\xdb\x1b\n\x909m\x0f\xccXS\xe8\r\t\xc1\x00\xd0\x95\xee\x1c:\xba_$\\|\xba\xa3\x9f\'\x06\x00\x1cN\xdb\xb0q\x83\x94R\x08\xc89_\xbdz\xb5.?\x9a\x91\xd0r\x8a\t\x00\xe5\x12\xbd\xe9\x9e0a\x82\xd7\xeb\x15\xc2"AV;\xbb\xceM\x03G\x06\x8b\xbc\xecL\x17\x7f\xfe\xe7\xe7\x12\x82 \xfb\x8e\x9c\xc6\xb9\x00D.\xf8\xae\xfcCs\x17\xbe\xc53\x9d)(\x10D)!\x88E\xbe0\xa5\xd4"8\xa5\x941j\xb1\xf0?\xfeX\xad\xdcb\xe1v\xbb5e\xab\x1a%\x8e\x8f\xeb\xbf\\\xba\xf6\x13\xce\x19"QJ\r\x1c\xd9\xabz\xad\xaagd\xf4\xf3Dp\xce\x03E\xc1\xcb\xaem\xd5\xa6\xd3e\xdak\xa8t\x00\xc1t\x83\xcb)\xa9\xfa\x8c\x1bN\x8c\x1e\xfd\xdc\xbcy\xf3\x8a\x15+J\x0e\xe5+\xd5\xf3\xceI\x19\xd5j\xc6e\x19\xbe\xff\xe4\xb8@P\xd3K\xdb\xb5\xeb6H\x1f3\xa6\x94.xvc\xc1\x9e\x02f\xb3b\n.\x01\xa8\x8e\x1c\x0b\xe8c\xccJ)D\x15\x8f\xc3\x1f\x7fb1\x88\xc7!\x1c\x89\x9dd\xc9(\tP\nq\x98&lt;\xf75D\xa5\xdb\xb0\r\x9a\xd6\xed&gt;\xf4\xa6\xa0?t\x06G?O\xf0\xa3\t\x00\x0c\x1b7\xc8\xe9v\xe8\x19\x84\xe3#\xc8\xa6\x1b\\.1=\x80\xf2\x87N\xff\xc7\x8e\x1d\x1b\x8dF-\x16k&lt;\x1ek\xd4\xe2\x8a\xb6\xb7\x0c\x08x\x8f\x9d\xf1\xde\xefo\xa1\x8cG\x82\x81\x1e#&amp;}\xba\xe1\x95p\xc0/\x04/\xf4\x86\xc6\xcfX\xb3\xf8\xc5{\xe4\x11\x1f)\x83\xea\xf3)C\x19%q(,\n\x13Bt\\\xac\x9a\xe5\x1a{g\x07\xce\xffH\xcbH\xf7\x008\xa35\xaa\xa6\x13\te\x1aPO\x01)\xc1R\xcd\xb3\xe4\x99\ry\x9f\xec\x16\x9c\x01\xa2Rj\xd8\xb8A6{\x9a\xbf\xe8L\xce\xfe\xff.Z%\xb4a\xb3z]\x07\xdf\xb8\xfc\xc9\xb5\x8c3Jivvv\xff\xfe\xfd322\xf4Pr\x99^\x80\xe1\xccb\x02@9C\xa7]\xabW\xaf\xce\xcd\xcd\xd5\xbd_a\xb1\xf6\x1d9\rA&amp;\xc6\xaeK{FV\xa9yv\xb7\xdb\xc7-{t\x92NBW\xbc\xf6\xf9\xc8\xbc\xaf[^\xda\x00Cg~\xfe\xe4\xd4P\x8apJ\xb18\xee\x0bD\xc8qE\xa4\xf3jW\x19?\xb9\'9\xc9\xe2\xbe?\xa2$\xa6\xd4\x82\xa6\x94bVQ\xf4\x93w\xfa\xc2\xb7(\xa5\x841\x8c\xcb67\\~\xd9\xb5\xad\x02E\xc12O\xff\t!\x84p\xc1\xfdE\x81\xde\xc3\xbb\xfd\xfb\x8d\x0f\x7f:pX\x08\xe1\xf5z\xb3\xb3\xb3\x9fx\xe2\t\xfdp&amp;\xe0\x1a\x0cg\x8a\x94xW\r\'\x89.\xb3\xea\xe9\x0bB\x08\xa5\x0c\x11/\xeb\xd0\xad\xe9\xa5\xd7\x9c\xbe\xec\xcf\xc9\xc3\xb9\x88\x04\xfc\x1dz\x0f\xafyn}\x00\xe0\x9c\xc5br\xcc\xb4\xd5)\xa7\x0e\xc4iqq\xac\xc8\x17.\xfdB\xba\xdb.\x83\xc5\xc5\x87}\xf1\xa3\x81?\xfd\xe0\x99;Ku\xa6\x00\x89&lt;\xd3\xb5\xf0\xc9\xf5\xf9\xdf\x1d\xe1Z\xf5\xd3"\x86\x8e\xee\xab\xcfg%\x06J\xa9\x8c\xc9\xaa5\xb2\xfa\xde\xd5\xa3D%\x94\xb1E\x8b\x16\xed\xdc\xb9\xd3\x14\x82\xca\x1d&amp;\x00\x94\'\xf4\xe8\xe7\xbcy\xf3v\xef\xdem\xb1X\xa4\x8c;=\x99\xbd\xef\x9e\x12\t\x05\xce\x88\xec\xcf\xc9\x03 \xd3\xec\xce\xfe\xa3f\x12B\x00\x14\xe7,\xef\xe3]\xabW~(\xb2\xdc)\xe3\x19\xa9\x08e\xa1H,\x10,.\xfdR\xb5*na\xb5\x08\xce\x84\xf8\xf3OJ\xe5\xfe\x84\x10D\x14n\xdb\xde\xff\xee_\xf8\xdc{:\xd8#\xe2\xad\x7f\xbb\xb9\xd1\x85\rNS\xf5\xf3\xaf\xc2\x05/*\xf4u\xees}\xb3\xd6\x17\x80\x04.\xb8\x94\xf2\xde{\xef5\xad\xe0r\x87\t\x00\xe5\x06\xdd\xfb\xcd\xcf\xcf\x9f3g\x0ecL)\xa2\x94\xea\xd8\xe7\x8e\xb3\xea4\xf8\xab\x8e\x8f\xa7\x0f\xe3&lt;\x1c\xf0\xb5\xbe\xf6\xa6\xa6\x97\xb6\xd3\x02A\x94\x92\x07f\xbdRt\xa8\x88ZE*\xac\x02J\x11\xc2\x99\xcf\x1f\t\x17\xff|\n\xacZ\x15\x17a4\xf9\x17wJh\xd7\x97\x07\xa6\xaf\xf6\xf9#\x8cS\x00\xcc\xac\x9a\xd1kX\xd7p(Rv\xa3\x9f\'\xbe\x1a",|\xf0?z3\xc6\x10\x80\x0b\x9e\x93\x93SjF\x94\xe8\x8b1\x9c*&amp;\x00\x94\x1bt\x87m\xfa\xf4\xe9~\xbf\x9fs!e\xbc\xe6\xb9\xf5\xbb\x0c\x1d\x13\xf2yY2\n\xaf\x8a\x10\x04\x1c0z\x96\xb0X\x01\x91s\xbeo\xff\xd1\x85O\xae\xe7\x99.\x90\xc9\xaf\x03(B\x08\xa7E\xfep&lt;\xfe\xb3)J\xb5,\x17a\x94\xa4@|\xfa\xab\x94\x8c~n\xd8\xb6\xe6\xad-\x9c3\x85D)5tL\xbf\x1agW+\xd3\xd1\xcf\x13\xc18\x0b\x14\x05\xaf\xb8\xee\x92k\xbb\xb4\x01@=\x12\xaa\xedH\xcd&gt;\xa0\x1ca\x02@\xf9@\xb7\xd7\xf2\xf2\xf2\x96-[\xc6y\x89\x14{\xffQ3m\x0e\x17\x00\xd0d\xd4\xaa\x19c\x91p\xa0A\xb3\xd6\x9d\xfa\xdd\xa5GB\x19\xa3\x0b\x9f{o\xcf\xd6\xef\xb8\xcb\x86\x98\xec%@)\xc2X\x91?L\x08a\x94\xe9%\xa9j\x157A\x95\x98n\xf9\x19D\x11B9\x8b\x86\x8a\xc7\xccXCi\x89\xe3c\xb3\xd6\x17\xdc\xd4\xaf\x83\xdf{*\x86\xefg\x04\xc6Y$\x1c\x196n\x90;\xc3%\xe3R\x08\xb1{\xf7\xeey\xf3\xe6\x99N@9\xc2\x04\x80r\x03\x00dgg\xeb\x038\x88\xd0\xf4\xd2v\xad\xaf\xbd)\x1c\xf0%%\xfd\xd70\xc6#\xa1@\xe7\x81\xf7x\xaaT\x07@\xce\xb9\xcf\x1f\x99&gt;\xffuf\xb7\xaaTX\x02\x18=V\x18"z\xb2\x93\x10BH\xb5*n\x9d\xfe\xeb\x02Zy\xd1\xfd\xd4\xaa\x9f+V|\xb4e\xdb~\xbd\xbc2\xc6\x06\xfd\xa3\xb7\x10\xc9&lt;\x80M)\x8dFb\xb5\xeb\xd5\xea&gt;\xa4\xb3RJ\x11E\x19\x9d?\x7f~AA\x81\xb1\x0c+/\x98\x00P\x0e\xd0R\xcf\xcb\x97/\xcf\xcb\xcb\x13\xc2\x02 9\x17\x03F\xcfBHr\x9a\xadGB\xab\x9dun\x8f\x11\x13\x95BD\xc59[\xfe\xeag\xb9\xeb\xbf\x14\x19NH\xeaA*E\x08a\xecha\x90\x94\x8c\xf6+BHF\xba\x1d\xe2@\x08a\x9c2\xc1\x99E0\xc1\x19\xa7\xa8\x94\x04\x04H\xc5\xa3lJ)n\xb3\x1e;pl\xfc\xecW\x19\xa3Z\xf5\xf3\x9a\x9b\xaf\xba\xf2\xfaK\x03E\xc1$T\xff\x7f\x01\xe7\xdc\xef\r\xf4\xbb\xab\xc7\xd9uj\xeaM@aa\xe1\x84\t\x13\x18c\xe5 \xae\x1aL\x00H}\xf4\xb1/\xbf\xdf?m\xda4-\xf2\x83\x88\xed\xba\r\xaa\xd7\xb4eq8q\xa3\x9f\'\x82s\x11\xf4{\xaf\xbe\xb9\x7f\x9d\xc6\xcd\xb5_\x18\x00N\x9e\xfb\x1aJLr\xa5E)B\xc91o\x88\x10B\tET\x94\xd2\x86u\xab\xf3t\xbb\xc5\xc2#\xe1\x98\xaf(\xe4=\x16\xf0\x15\x85\xa2\xd18\xb7Y-Y.\x91\xe1\xd4\xcd\xd5\x94Z\xbb\x10\x90\xb9l\x0b\x9e\\\x7f\xe8\xb0\x9f1\x86\x80N\xb7c\xe0\xbd\xbd\x8b#)p\xe4\x82\x12\x90\xe0p9\x06\x8f\xeaC\x8eO\xa9-_\xbe|\xcb\x96-\xc68\xbe\\`\x0e\x82\xa5:\xfa\xa5\x9a3gN~~\xbeN\xff\x9d\xe9\x9e\x1e#&amp;F#a\x9a\xd8\xd1\xcf\x13\x01\x00nOz\x9f\xbb\xa7&gt;2\xf2V\x00\xc59\xcf\xfbd\xf7\x92%\xb9C\xef\xb8^\x1e-\x13e\xca\x93\x82R\x82\xeaHa\x90\x10\xa2\xf7\x03B\xb0\x85\xcfn,\x98\x1d\xcc\xdf{\xe8\xc8\xb1`(\x1c\x95\x80\x16\xc1\xd2\xdd\xf6Z52Z\\x\xee\xf5m/\xb8\xee\xea\x0b\x1c\xd5\xd2\x89/\x0c\xa8RA\x04\x14\x11\xb9\xcb\xbes\xcb\xdey\x8b6\xe8\xebA\xc4\xae\x83ol|a\xfd\xa3\x87\n\x85%\xf9\xef/\x17&lt;\xe0\x0bt\xeay\xdd\x9b\xcbs\xbe\xfa\xfc\x1b\x8b\xd5\x12\x8b\xc5F\x8d\x1a\xf5\xc1\x07\x1f$\xfb\xd2\x0c\x7f\x8e\xe9\xd7\xa74\xba\xda\xbb{\xf7\xeef\xcd\x9aI\t\x94R\x009`\xf4\xcc.\xb7\x8d\xf1\x17%B\xf8\xe1$A\x04\x87\xcb\xb3`L\xdf/&gt;xS\xdb\x85W\xaf\xe6\xde\x917#3\xd3I\xe22)\xf2\x00zlf\xe0\xd0\'\x97\xbd\xf2)\xe7\xec$\xebQ\xf5\xcf\xabv\xf7\xed\xed\xef\xb9\xfd:\x8bU@8\x9a\xdc\x02\x0b!\x04Qq\xb7\xbdc\xd79\x1br\xbf\x16\x16\x01\x12j\x9cS\xed\xe97\xe6\xa7\xd9\xad\x08\x98"\xba\x0b\x88hw\xdawl\xfevt\x9f\x07\x15*\xc6\x98\x94r\xc9\x92%\x83\x06\r2g\x83S\x9cdo!\r\x7f\x88\x0e\xcfz\xbaN{~\xd5i\xdc\xbcc\x9f\x11\xa1\x80/uV\x7fB\x08!\x14A\xf6\xb9g\xaa\xc3\x95\x8e\x88\x9c\xb3C\x87\xfd\x0b\x9e\\\xcf\\\xb6d\xa9\x84RJ\t\xe0\xf7?\x1cc\x8c2F9cB\xb0\xb44a\xb5\n!\xb8\xfe\xa2\xe0\xcc"\xb8\xd5\xc2\x85\xe0B0\xc6X\xfewG\xc6d\xbf|M\xd79\xfb\xf6\x1f\xe1\xee\xa4]\xbc\x06\x00y\xba=\xe7\xed-\x1br\xbf\xe6\x9ciA\xbb\xdb\xc6\xf4\xafR=S\xc6\x92\x13V\x7f\x17-\x10\xd4\xe2\xca\xe67\xf6\xbeN\x9fI\xa6\x8cN\x9b6\xcd\xe7\xf3\x99\x91\xd0\x14\xc7\x04\x80\xd4EgO\xb9\xb9\xb9\xa5\xe7k\x94R}\xee\x9ej\xb5\xd9\x01d\xb2\xaf\xee\x7f\xd0*\xa1\xe7]p\xd1\xf5\xbd\x87#\xa2R\x941:o\xd1\x86\xdd[\xf7\t\xb7=i\xb5`T\r\xce\xab\xae\x15@\x01QJ\x8cFe,&amp;\xa5\x04D\x85\xa8$`\\B,\x0eR\x82\x9e\x0bb\x94Z\x04\xff\xcf\xe7\xf9\xd7v\x99\xf3\xdd\xde\xc3\xdc\x91\x96\xacyV}\xecK\x86c#\xb3WRR2\xfay\xe1%\x17t\xea\xd9\xbe\x8c,_N\x07\xc6Y8\x18\x1e:\xba\x9f+\xdd\t\x12\x04\x17\xf9\xf9\xf9\x0b\x17.d\x8c\x99sa\xa9\x8c\x89\xcf)\x8a\x9eO\x8c\xc7\xe3W]u\xd5\x96-[\x84\x10\xf1x\xbcu\xfb[\xc6\xcc_\x1e\x0e\xfa\x13,\xfcp2(\xa58\xe3\xc5\xc5\xe1\xc9\x83\xaf9\xf2\xc3~\xc1y\\\xca\x9e7\xb7Z\xbd\xf4^\xe9\x0f\'\xc5/L\x11B-|\xc9\x8a\x8f\xe6\xfe\xeb]O\xba\xbdy\xd3\xda\r\xcf\xab^\xafv\x95*Y\xae4\xab@T\xfe`d\xef\x81\xc2/\xb6}\xb7\xf1\xdf_\xef?x\x8c\x10\xa23V\x8b\x85\xc7\xe3p\xe9\xc5\xe7mzg"GE\x93qr\x00$\x88*\xee\'\x16\xbe5\xf2\xc1\x95Z\xbe\x94\x0b6\x7f\xc5\x8c\xa6\xad\x1aGB\x91\xe4\xb7\x7f\x7f\x03H\xf0d\xa5/\x7fj\xed\xd3\x0f-\xd6\x9e\x91n\x97{\xf3\xe6\xcd\xf5\xea\xd53\x9e\x91)\x8b\t\x00)\x8aN\xff_|\xf1\xc5\xa1C\x87\n!\x10\x91q1ci\xee\xb9\r\x9aD\xc2\xa1\xd4|\x9d\x00\xa4\'\xab\xda\xbb+\x17=\xff\xd0\xbd\x9csB\x14\x00\xfe{\xcd\xd8v\x1d/\x92\x89\xd2\xaa\xfc-\xd4m\x97\xbe\x90H\xb3\x12\xa7\x95\x10J\x00\x89R\x04\x15\xa1\x84PJ8#\x84\x04\x8e\xf8\x17/\xffp\xfcCk\xc3\x91X\xa9%d\\\xc2c3\xfa\x8c\x1css\xfchP\x88\x84\xdep\xa5\x14\xb1\x08\x9f7T\xff\xf2\tE\xbe\x08\x17\\\xc6\xe5\xf5\xdd\xdaN}\xfa\x01\xef\x91\xa2TK\xffKP\x840\xc2(\x1bv\xc3\xa8\x83\xfb~\xb4X-\xf1X|\xf0\xe0\xc1/\xbe\xf8\xa2\x94R\x88\x94\xaaX\x1aJH\xc5u\xc4\xa0U\x1f\xbc^\xef\xf8\xf1\xe3\x19c\xda\xf1\xb1S\xbf\xbb\xea5i\x91H\xd5\xcf\xbf\n\xe7"\xe0=vM\xb7\xc1\x8d.\xbe\x1c\x00\x18\xe5\x94\x921\xd3\xd7\xc8H,\x89B\xa1\xb2($8\xc7X&lt;~,\x18?\x1a\x90E!\xe9\x0b\xcb`D\x06"\xd2\x17\x8e\x17\x06\xe3\xc7\x82\xee4\xcb\xc8\xfb\xba\xac_1\xca\xe5L\xa3\x94RJ\x01\x91R\xfa\xd8\xff}\x10-\x0c\t\x0b\'\x89\xbdx\x04\xc5\xdc\xb6\xec\xd9\xafz\x8b\xc2\x9c3\x90\xe0\xcep\xdd&gt;n`(\x10Nz_\xfa\x84P\x82\x12m\x8e\xb4\x11\x93\x86\x10\x9d\xc1\x08\xbel\xd9\xb2M\x9b6\xe9\xb9\x80d_\x9f\xe1wH\xd5\x87\xa9r\xa3\x87\x7f\xb2\xb3\xb3\x0b\n\n\x18\xe3\x00\xd2S\xa5Z\xe7\x81\xf7\x14\x87\x82)X\xfc\xf9%\x8a(!,\xdd\x86\x8fg\x8c\xe9c\x01[\xb6\xed\x7f\xfa\x99\x8d\xdc\xe3\xc0$-\x01\x9c3}\x08@\x8b\x80r\xce8g\x9c1\xce\x18\xe7L\x7f\x11\x11\x8b\x7f(\xbc\xbas\x8b\x87\x1e\xe8\x86\xa8\x18\xa3\xba\xf4\xbfg\xdf\xe1\xcd[\xf6R\x87\x15T\xe2\xda\x18\x88\xc8\xdd\xb6\xcdy\xdf,Z\xba\x891\xaa\x08QJu\x1f\xd2\xb9v\xbd\xb3\x93"\xfbs\xf20\xce\x82\xfeP\x9b\x8e\x97\xb5\xbc\xaa9\x022\xca\x00`\xd4\xa8Q\xd1h\xd4t\x83S\x13\x13\x00R\x0e\xbd\xfa\x1fw\xda\xe3\xba\x19\xd0\xe3\xce\x07\xab\x9dU;\x16+N\xe5\xf7\x9f\x10\xc2\x18\x0f\xfa\xbd-\xdb\xdepE\xa7\x9eZ%\x941:y\xfe\xeb\xde\x83\x85\xccfM\xd6\x12\xf0\xa7\xf7\x8cRj\xb5r&lt;\x16\x18\xd6\xff\xea\xb3jx\x00\x90R\xca9%\x84|\xfe\xdf\xfd\xc4"\x12\xb8\xfe\x13B(\x15|\xcc\xb4\xd5R\x02\xe7\x1c$\x9cS\xb7V\xbf\xbbz\xf8\xbden\xf8uF@\xc0\xbb\x1e\xbc\xcdb\x11\x00 \x84\xd8\xb2e\xcb\xca\x95+\x8d@Pjb\x02@\xca\xa1\xeb?\xdak\x9bs\x0e \x1b]|y\xfb\xeeC\x02\xbe\xc2\x14\x1b\xfd\xfc}\x18\xe3\xd1p\xa8\xf7=S\x9c\x9eL\x00`\x8c{\x8b\xc2\xd9\xb3_e\x8e4&lt;I+\xaed@)\xc588\xab\xb9\xafl]\x9f\x10\xc2\x8f\x9f\x02\xfb\xee\xc0\xd1D^\x86\x96\xfdY\xbd\xfc\xc3\xbc\x8fwq\xce\x00\x91\x102b\xd2\x10\xbb\xd3\x0e\xa9gP\xf3[\x18c\xe1`\xa4\xf1\xc5\ro\xfd\xdb\xcdz$\x9416~\xfc\xf8\xc2\xc2B\xb3\tHAL\x00H-t\xef7\'\'\'\'\'G\x0f\xfe3\xc6\xbb\r\x1f\xcf\x85\xa5\xbc\xbc&lt;\x94\xd2h4rV\x9d\x06\x1d\xfb\xdc\xa1\xa5\xd6\x18\xa3\x8b\x96n\xda\xb9u\x1fw\xd9R9\rT\x8a(\xc1\xeb\xd7\xa9F\xc8\xcf\x02r\xfe@1\xc1\x04\x19C*\xa5\xa8\xe0\xb1@d\xe2\x9cu\x84\x10-\xfb\xd3\xf2\xaa\xe6m:^\x16\xf4\x07\x932Iu\n0\xce\xc2\xc1H\xafa]3\xabf\x80\x04\xceyAA\xc1\x82\x05\x0b\xcc&amp; \x05)\x1f\x8fT%A\xe7\xfe\xda\\\x89\x10\xca\x18\x07\x80\xcb;vo\xd5\xf6\xc6\xa0\xdf\x9b\xe2\xd5\xff_\xc28\x0f\xf9\xbc]\x86\x8e\xa9Q\xbb.\x80\xe4\x8cK\t#\xb3WRNIJ\'\xb1\x8aRb\xb5\xfe\xcf6\x8b\xf1\xc4]0\x02\xf2L\xd7\xdc\x85o\xed\xd9wX\x08\x8e\x80\\\xf0;\x1f\xbc-\xb9\xe7\xd1\xfe*\x94\xd2Xq\xac\xc69\xd5\x86\x8e\xe9[\xe2\x19\xc9\xd9\xdc\xb9sw\xef\xdemb@\xaaa\x02@\n\xa1\xab\xff\xda^U\x08\x0e \x1d\xae\xf4\xae\xc3\xc6E\x8b\x13j\xf8w\xfaPB%H\xbb\xd3}\xeb\x1d\x13\x08!\xa0\x14\xe7lC\xee\xd79oo\xe5\x1eGrUB\xff\x08J\x15*\x9f_{\x08+\x1d\xaa\xb2&lt;N\xc2X\x02v_\xa8\x14\xb3[\x0b\xf6\x14,xv\xa3\xee\xf4 \xe2\x8d\xbd\xafk\xdc\xbcA8\x98\x8a\x83\xff\x7f\x00\x17&lt;P\x14\xec\xd8\xa3}\x83\xa6u\x11\x90s\xae\x8d\xacM\x15(\xd5(OOU\xc5\x06\x11)\xa5\x05\x05\x05\xd9\xd9\xd9\x94R=\xfay}\xef\xe1\xf5\x9b\xb4(\x0e\x07\xb5\x0eh9\x82s\x11\xf2\x17\xb5\xbde@\xa3\x16W \x00\xa5\x8c\x1222{e,XLy2U\xec\xff\x00F\t\x8d\xc9\xafw\xfdD\xb4\xa3\xa4"\x84\x90z\xe7U#\t\x19\x02U\x80\xcci{`\xc6\x9aBoH\x08\x06\x80\xaet\xe7\xd0\xd1\xfd"\xe1\xe2\xd4\x1d\xfd&lt;1\x00\xe0p\xda\x86\x8d\x1b\xa4\x94\xd21`\xf5\xea\xd5\xba\xb0iFBS\x87\xf2\xf7`UT\xf4i\xc9\t\x13&amp;x\xbd^!,\x12d\xb5\xb3\xeb\xdc4pd\xb0\xc8\xcb\xcaC\xef\xf7\xb7(B\x10d\xdf\x91\xd38\x17\x80\xc8\x05\xdf\x95\x7fh\xee\xc2\xb7x\xa6315\r\xc4\xbf\xe0\xf6\x82\xa8h\x9a\xf5\x87\xef\x0e\x7f\xbau\x1f%\x04Qi\xb7\x85\xd6\x17\x9eKbP\xd6\xf9w\x89\xe3\xe3\xfa/\x97\xae\xfd\x84s\x86H\x94R\x03G\xf6\xaa^\xabj\x8a\x8f~\x9e\x08\xcey\xa0(x\xd9\xb5\xad\xdat\xbaL\xbb\x18\x95\x8e6\x98}@\xea`\x02@J\xa0\x8b?\x9b7o^\xb1bE\x89\x90\xbaR=\xef\x9c\x94Q\xadf\\\x96\xcb\xf7\x9f\x1c\x17\x08jzi\xbbv\xdd\x06i\xcfHJ\xe9\x82g7\x16\xec)`6k\x99\x8b\xee+\xc2]i\xcc"\xb4\xf2\xcf\x1f\xff4D\x05\x80\xccc\x9f\xf5\xd8;\xc1P\x94q\xa6oy\xa3\xfa5\x9a_x\xae\x8a\xc4XY\xef\xc0(\x858L\x9e\xfb\x1a\xa2\xd2\x85\xf2\x06M\xebv\x1fzS\xd0\x1f*\x17\xa3\x9f\xbf\x0f%\x000l\xdc \xa7\xdb\xa1\xa7\x1b\x8e\x0f7\x9bN@\xaa`\x02@J\xa0\xdb\xbfc\xc7\x8e\x8dF\xa3\xfa\xe4W\xa3\x16W\xb4\xbde@\xc0\x9bB\x9a\xcf\xa7\x00e&lt;\x12\x0c\xf4\x181\xc9\x99\xee\x01\x00!x\xa174~\xc6\x1a\xe6\xb6\xab\xb2\xdc\x04(E\x88`y\x1f\xec8r\xd8g\xa9\xee\xe1\xce4\xc6\x08\x00J\x89\x00\x08\x88Z\x0c\x0e\x00\xb5\x11\x18\xb7\n\xebY\x99\xcf=\xf6\xce\xbf\x16\xff[{\xdahO\xab\xdb\xfb\xb5\xb1d\xba\xe4/l\xe5\xcb\x02)ATq/[\x9a\x97\xf7\xc9n\xc1\x99\x8eW\xc3\xc6\r\xb2\xd9\xd3\x00\xca\xf6G\x97)Z%\xb4a\xb3z]\x07\xdfX\xa2\x12Jivv\xb6\xd7\xeb5\x96a)\x82\t\x00\xc9G\'G\xabW\xaf\xce\xcd\xcd\x15B\x00Ha\xb1\xf6\x1d9\rA\x96;\xfb\xf2_\xa1=#\xab\xd4&lt;\xbb\xdb\xed\xe3\x94R:\xbd]\xf1\xda\xe7\x9b\xf3\xbe\xe6e\xa9\x12\x8a\x88\xd4i\x9b\xfb\xaf\x9c\x8b\xae\x9b&gt;i\xd2\x8a/&gt;\xcf\x8f\x83\x12\x99NKU\xb7\xc8p\n\xb7\x9d;\xd3\xb8+Mx\x1c\x96,\x97\xc8t\xfex\xd87\xea\x9e\xe7\x87\xdf\xff\x12\xa3\x14\x119cR\xc2y\xb5\xab\xdc\xf9\xb7k\xd1\x1f\xe1e9\x08\xa4\x94bVQ\xf4\x93w\xfa\xc2\xb7(\xa5\x841\x04ls\xc3\xe5\x97]\xdb*\x90&lt;\x01\xa53\x05\x17\xdc_\x14\xe8=\xbc[\xadsk\x80\x04!\x84\xd7\xeb\xd5].\xb3\tH\x05L1.\xc9(\xa5\x10\x11\x00\x9a5k\xb6{\xf7n\x8b\xc5\x1a\x8f\xc7\xae\xea\xdc\xfb\x1f\x8f,\xf5\x15\x1e.\xd7\xe9\x7f)\x94P\xca\xe8\xf8&gt;W\x14|\x9fo\xb1\x88x\\\xb6\xbd\xe2\xfc\xdc\xf5\x0fJ_\xa8\x8cf\xdbuI}\xc0\x90\'\x97\xbf\xfa\xa9\xfeJ\xe3\x065[\xb78\xafE\x93\xda\r\xebU\xafV\xc5mO\xb3\x00\xaa"\x7fx\xe7\xbe\xc3\x1f~\xb2{\xfd\xfb_\x15\x16\x85um\x9as\x8aH(!\x1b\xd7\x8c\xbd\xf6\xfa\x0b\xa5\xafl\xa5Le\x1c,53\xa6N\\&gt;m\xc1\x9bBp\xed\xab\xfc\xd4\x9b\xf3\xea6\xaa\x93\x9a\xaa\x9f\x7f\x15\x90\x90Y5\xe3\x95\xc5o-\x98\xf0/.\xb8v\x8c\xd9\xbe}\xfb\xf9\xe7\x9foTB\x93NEX_\xca5\xa5\x8e\x8f\xbbw\xef\xb6X,R\xc6\x9d\x9e\xcc\xdewO\x89\x84\x02\xe5h\xf0\xff\x8f\x01\x90NgF\xffQ3\x17\x8c\xe9\x0b\xa08gy\x1f\xefZ\xbd\xf2\xc3^\x03\xda\xcace(m\x8fJY\x04\x17\x9cE\xa2\xf1o\xf7\x14|\xbb\xa7`)\xf9\xe4D\xdf\xcc9SJq\xce\xa5\x04F\xe9\x92\'n\xbf\xb6cs\xe9-\xdb\x1c\x1c\x11\x85\xdb\xb6\xf7\xbf\xfb\x17&gt;\xf7\x9e^\n\x11\xb1\xd7\xf0.\x8d.lPt\xcc\x97\xa2\xaa\x9f\x7f\x11.xQ\xa1\xafs\x9f\xebs\xd6~\xb0\xfd\x8bo\xb4J\xe8\xbd\xf7\xde\xfb\xee\xbb\xef\x9aM@\xd21\xe17\x99\xe8\xdeo~~\xfe\x9c9s\x18c\xda\x93\xa4c\x9f;\xce\xaa\xd3 \x16\x8d\x94\xd3\xde\xefoa\x9c\x87\x03\xbe\xd6\xd7\xde\xd4\xf4\xd2vZ \x88R\xf2\xc0\xacW\x8a\x0e\x15Q\xab(\xab=(\xa5\xb1X&lt;.!\x12\x8ds\xce\xac\x16\x91f\x15V\x8b\x10B\x0f\xa4\x10J)\xe7\xccb\xe1V\xab\xb0X\xb8\xaePI\t\r\xebV\x7fw\xcd\x98\x01\x83\xdbIo\x997`\xb5\xeb\xcb\x03\xd3W\xfb\xfc\x11\xedG\x9fY5\xa3\xd7\xb0\xae\xe1P\xa4&lt;\x8e~\x9e\x10E\x84\x85\x0f\xfeGo\xc6\x18\x02p\xc1srrJm\x8e\x92}q\x95\x9a\n\xf4\x90\x95Ct\xefw\xfa\xf4\xe9~\xbf\x9fs!e\xbc\xe6\xb9\xf5\xbb\x0c\x1d\x13\xf2yY9/\xfe\xfe\nE\x08\x02\x0e\x18=KX\xac\x80\xc89\xdf\xb7\xff\xe8\xc2\'\xd7\xf3L\x17\xc83\x9f\x062FU8:\xf9\xfe\xae\x03{^\x9e\x95\xe1\x04\xc0X\\Fc2\x16\x97R\xa2\x1e\nRJ\x01`&lt;\x0e\xb1\x98\x8c\xc7\x01Q\x9dW\xbb\xea\xf4\xf1\xdd&gt;\xdf\x90}\xfd\xf5:\xf7/\xdb\xb7\xa3d\xf4s\xc3\xb65om\xe1\x9c)$J\xa9\xa1c\xfa\xd58\xbbZ9\x1d\xfd&lt;\x11\x8c\xb3@Q\xf0\x8a\xeb.\xb9\xb6K\x1b\xdd`\xa7\x94j\xa3S3\x12\x9a\\\xcc\xddO\x1a\xba\xf7\x9b\x97\x97\xd7\xbe}{\xfd\x8b@\x841\x0bV^\xd2\xfe\x96\x90\xbf\xa8\x82\x05\x00\xa2\xedb2\xab\xbd8w\xdc[K\xfe)\x84@\x04\xb7\xcb\xf6\xc5\xbb\xd9\xf5\x1a\xd6T\x91\x18cgz\xbdS\x8a\xda\xd3\x88\x85\xff\xb8\xef\xf0\x87\x9f\xee\xfe\xf8\xf3\xfc\xed;\x7f\xf8\xe1\xa7\xa2c\x85\xc1H4\x0e\x80\x94\x12\x8bEde8j\xd7\xcajq\xe1\xb9\xd7]}\xc15W6r\xd5\xcc \x81\x88\x8c\xc9\xb2^\xfd\xf593\xc9\xe8\x95\x9dfn\xfdj?\x17B\xc6e\xb3\xd6\x17,\\=3\x1a\x8e\xd23~7\x92\x8dR\xcab\x15\xc7\x0e\x17\xdd\xd1yt\xd0\x17\xd2\x0ew3g\xce\x9c8q\xa21\x8eO"&amp;\x00$\r\xbd\xf9m\xdf\xbe}^^\x9e\xee\xfd6\xbd\xb4\xdd\xa4EoF\x82\x01Z\x11;cJ)!,A\xbfwb\xbf\xab\xfc\x85G\x85`\xf1\xb8\x1c\xd4\xf3\xf2%/\xde#\x8f\x96I\'@\x1f\x04\x136\x0b\xb1[\t\xa3$\x06\x10,\x0e\x85\xa3\xe1\xe2X&lt;\x0e\x94R\xbb\xcd\xe2r\xa4\xa5\xa5\xdb\x89\xcdJ\x00I\xa88\x1e\x03\xcei\x02\xb2o)\xc1R5}\xf1\xa2\r\xb7\x8dy\x91s\xa6\x08!\x8a&lt;\xfcb\xf6e\xd7\xb4\x0c\xfaB\x15\xaa\xfes\x1c\x90\x90Y-\xe3\x99\x87_\\\xf2\xcfU\xc2"\x00 3#s\xc7\x8e\x1d\xd5\xabW\'\x84\x98npR07=9h\xa9\xe7\xe5\xcb\x97\xe7\xe5\xe5\ta\x01\x90\x9c\x8b\x01\xa3g!$\xc9\x83\xbc\xec\xd1#\xa1\xd5\xce:\xb7\xc7\x88\x89J\xa1\x1ewY\xfe\xeag\xb9\xeb\xbf\x14\x19\xce\xb2\x10\x08b\x8cr\xce0&amp;\xa57\x14?\x1a\x84`1\xe7,\xdd\xe3\xa8yVf\xed:\xd5\xce9\xb7j\x95\xaa\xe9i6\x0b\x84c\xda)\x0c\x01\x85`\tX\xfd\x95R\xdcf=v\xe0\xd8\xf8\xd9\xaf2F\xb5\xea\xe757_u\xe5\xf5\x97\x06\x8a\x82\x15r\xf5\'\x84p\xce\xfd\xde@\xbf\xbbz\x9c]\xa7\xa6\x8cK!Daa\xe1\x84\t\x13\xcc\x99\x80$R1\x1f\xb5\x14GO\xbf\xf9\xfd\xfei\xd3\xa6i\x91\x1fDl\xd7mP\xbd\xa6-\x8b\xc3\xa9\xeb\xf8x\xfap.\x82~\xef\xd57\xf7\xaf\xd3\xb8\xb9\xf6\x0b\x03\xc0\xc9s_C\x89ew\xe2A7{u\xef\x17Q\xa1\x04\x8cI\x88\xc6!\x1a\xc7\xb8DP\x8cQ\xed\x14\x96\xb0\xb2;\x022\x97m\xc1\x93\xeb\x0f\x1d\xf63\xc6\x10\xd0\xe9v\x0c\xbc\xb7wq\xa4\xb8\x02\xff\xf6\t% \xc1\xe1r\x0c\x1e\xd5\x87\x1c\x9f\x7f[\xbe|\xf9\x96-[JN\xbf\x1b\x12N\xc5}\xdaR\x18=\xfc3g\xce\x9c\xfc\xfc|m\xf9\xe2L\xf7\xf4\x1811\x1a\t\xd3\x8a2\xfay"\x00\xc0\xeet\xf5\xb9{*Q\n@q\xce\xf3&gt;\xd9\xbddI\xae\xc8r\x81,\xf3\x81\x10=\xfcC)e\x942\xfdO\t/\xb6#"w\xd9wn\xd9;o\xd1\x06\xdd\xf9@\xc4\xae\x83ol|a\xfdH0R\xf1\xaa\xff\xbf\x84\x0b\x1e\xf0\x05:\xf5\xbc\xee\xc2K.\x00\t\x8c\xb3X,6j\xd4(\x000\x9b\x80\xa4`\x02@\xa2\xd1\x89\xcf\xee\xdd\xbb\xe7\xcd\x9bW\xea\xf8\xd8\xed\xf6qUk\x9eS\x91F?O\x04\xe7&lt;\xe8\xf7^\xdc\xa6c\xebkoF\x04\xbd\x06\x8f\x7f\xf8\x95c\x07\x8e%\xd132\xb1P\xca\xd9\xc8\x07W\xc6b\x92q\x0e\x805kW\xef=\xbc\x9b\xaf(P1\x06\xff\xff\x14\x00\x18&gt;~0\x17\\\x9f\r\xde\xb4i\xd3\xf2\xe5\xcb\xcdHhR0\x01 \xd1\xe85N\xcf\xc0i\xcf\xaf:\x8d\x9bw\xec3"\x14\xf0U\x8cs\xbf\'\x01E\x90}\xee\x99\xeap\xa5#"\xe7\xec\xd0a\xff\x82\'\xd73\x97\xad|9\x9f\x9c\x02\x00\xc8\xd3\xed9oo\xd9\x90\xfb5\xe7L\xa1RJ\xdd6\xa6\x7f\x95\xea\x992&amp;+|\xf8\'\xc7\x05\x82Z\\\xd9\xfc\xc6\xde\xd7\x95\x08\x041:m\xda4\x9f\xcfgFB\x13\x8f\t\x00\tEO\xbc\xe5\xe6\xe6\x96\x9e\x82QJ\xf5\xb9{\xaa\xd5f\x07\x90\xc9\xbe\xba\x04\xa1UB\xcf\xbb\xe0\xa2\xeb{\x0fGD\xa5(ct\xde\xa2\r\xbb\xb7\xee\x13e)\x10\x94t\xf4\xb1/\x19\x8e\x8d\xcc^I\t\xa1\x8c\x01\xc0\x85\x97\\\xd0\xa9g{_a\x19\x9e\x88N5\x18g\xe1`x\xe8\xe8~\xaet\'H\x10\\\xe4\xe7\xe7/\\\xb8\x901f6\x01\t\xc6\x04\x80\xc4\xa1\x8f}E\xa3\xd1\xb1c\xc7RJ\x19c\x88\xd0\xba\xfd-\x17\xb7\xe9\x10\n\x14U\x9a\xf4\x9f\x10B\x18\x17\xa1"o\xe7\x81#\xab\x9fs\x1e"p\xc6c19q\xf6\xba\xc4xo%\x0b\x04\xe0\x1e\xfb\xd3\xcf\xbf\xb7+\xff\x10\xe3\x0c\x01-V1|\xfc\xe0r-\xf9y\nh\xcf\xc8\xea\xb5\xaa\x0e\xbc\xb7W\xa9g\xe4\xa3\x8f&gt;\xaa[b\x158\x03HAL\x00H\x1c\xba\xf7\xbbr\xe5\xca\xcd\x9b7\xeb\xf4_X\xac=FL\xd4Z\xf9\xc9\xbe\xba\x84B)\x8d\xcbXV\xf5\xb3n\x19:F)\x85Jq\xce\xd6\xbc\xb99w\xe36\x91\xe1\xac\x90i\xa0R\x8a\xd9\xac\xde\x83\x85\x93\xe7\xbdN)\xa5\x8c!b\xbb\xceW\xb6\xbc\xaay8P\xce,?O\x1f\xcey0\x10\xea6\xa8\xf39uki\xe3x\x9f\xcf7}\xfat\xa3\x12\x9a`*\xd7c\x97Dt\xfa\xef\xf5z\xc7\x8f\x1f\xcf\x18\xd3\x8e\x8f\x9d\xfa\xddU\xafI\x8bp(\xb1\xa3\x9f\xaaD\x81\x14\x01\x10\x00\x11\xd4\x9f\x1a\xa6\x94\x01\x9c\x8b\x80\xf7\xd85\xdd\x067\xba\xf8r\x00`\x94SJ\xc6L_##1\xcay\xc5\xdb\x07 (\xe6\xb6e\xcf~\xd5[\x14\xe6\x9c\x81\x04w\x86\xeb\xf6q\x03C\x81pr\x07\xff\xf5\xd3\x80\xf0\x8b\x0f\xa2BU\xb6&gt;\x98\x94\xa0D\x9b#m\xc4\xa4!D\x97F\x05_\xb6l\xd9\xa6M\x9b\x84\x10\x152\x03HML\x00H\x10:\xfd\xcf\xce\xce.((\xd0\x96/\x9e*\xd5:\x0f\xbc\xa78\x14L\x90\xea\xa7Rz\xb9\xa7\x9c[\xd3\x1c\x0e\x97\xc7\x99</t>
        </is>
      </c>
    </row>
    <row r="63">
      <c r="A63" s="1" t="n">
        <v>61</v>
      </c>
      <c r="B63" t="inlineStr">
        <is>
          <t>grid_number</t>
        </is>
      </c>
      <c r="C63" t="inlineStr">
        <is>
          <t>What is the missing number of the part denoted with a question mark?</t>
        </is>
      </c>
      <c r="D63" t="inlineStr">
        <is>
          <t>['6', '1', '3', '8']</t>
        </is>
      </c>
      <c r="E63" t="inlineStr">
        <is>
          <t>8</t>
        </is>
      </c>
      <c r="F63" t="inlineStr">
        <is>
          <t>There is a 3x3 grid of numbers. The first row is [6, 3, 1]. The second row is [1, 1, 8]. The third and last row is [1, '?', 1].</t>
        </is>
      </c>
      <c r="G63" t="inlineStr">
        <is>
          <t>We observe that [6, 3, 1] sums to 10, and [1, 1, 8] also sums to 10. Thus, the pattern is that the numbers in each row add up to the same value.</t>
        </is>
      </c>
      <c r="H63" t="inlineStr">
        <is>
          <t>Based on the pattern that the numbers in each row add up to the same value, the missing number of the row [1, '?', 1] should be 8.</t>
        </is>
      </c>
      <c r="I63" t="inlineStr">
        <is>
          <t>b'\x89PNG\r\n\x1a\n\x00\x00\x00\rIHDR\x00\x00\x02\x00\x00\x00\x02\x00\x08\x02\x00\x00\x00{\x1aC\xad\x00\x00b|IDATx\x9c\xed\xddy|\x14\xe5\xfd\x07\xf0\xef\xf3&lt;\xb3G\xb2Iv7\'\xe1\xbe\x11E\x89\x9cr(^\x80\xa2\xb6*\x88\xa2x\xa0\x82\x8aG\xa3U\xab\xd6\n\xea\xaf\xf5l\xab\xe2AA\x05/\xbc\xd0\xaa\xf5\nPQ\x11\xcbY\xb9\x04\xe4&gt;C\x0e\x92\xec&amp;{\xcf&lt;\xcf\xf3\xfb\xe3!)\xa2h\x80\xdd\x9d\xec\xce\xf7\xfdj}i\x02:|v2\x9f\x99gf\x9e\x87H)\x01!\x84\x90\xf5P\xb37\x00!\x84\x909\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xb0\x00\x10B\xc8\xa24\xb37\xa0E\x90R\x9a\xbd\t&amp; \x84\x98\xbd\t\x07`\xfe\xe6\xc2\xfc-\xcb\xa2\x05 \xa5\x14BH)\t!\x84\x10J\xadx%db\x08\x98?`\xfef\xc3\x10\x00\x80X\xaa\xfc\xd5G\x0e\x00\x8c\xb1\x83\xbf\xee\xf7\xfb\x85\x10\x84X%\ru\xee\xe3\xf1x\x0e\xfe\xa2\xfaa\xa0\x94&amp;\xee\xcc\x08\xf3W0\x7fs\x99\x95\x7f\x0bd\x95\x8f\\J\xc99\xd7\xb4\x03W&lt;\r\r\r\xcb\x96-[\xb2t\xe9w\xff\xfdomm\xed\x86\r\x1b\x0c\x83\x03\x01\xb0D\x18\x00\x04\x00\xa0k\x97.\x1e\x8f\xa7_\xbf~}\xfa\xf4\x190`@\x9b6m\xd47\r\xc3\xa0\x94\xc6\xf7\x84\x08\xf3\xff\x11\xcc\xdf\\I\xcf\xbf\xe5\x92\x16`\x18\x86\xfa\x9bh4\xfa\xe1\x87\x1f\x8e\x1e=\xbaC\x87\x0ef\x07\xdf\xb2x\xbd\xde\xe1\xc3\x87\xcf\x9c9\xb3\xb2\xb2Re\xa5\xeb\xba:\'\xc2\xfc\x93\x00\xf37WB\xf3o\xc9\xd2\xfc\n@\xfd\xe9\x08!~\xbf\x7f\xe6\xcc\x99\xaf\xbd\xf6\xda\x9a5k\x9a\xbe\x9b\x95\x9d\xdd\xbam\x87\x82\xa2\xa2\x8e]\x8e\xf3\xe4\xe6q\xc3\xb0\xc2\xd5\x9f\x04I\t\xd5\xf5\xd8\xc6u\xab\xfd\xbe\xba\xdd;\xb6\xd6\xd5\xd64}\xb7\xb8\xb8\xf5\x15W\\~\xfd\xf5\xd7\xf7\xe8\xd1\x03\x00\x84\x10\xc7r*\x84\xf9\xff\x14\xe6o\xaed\xe6\xdf\xf2\xa5s\x01p\xce\xd5X\xe7\xacY\xb3\x1e\x7f\xfc\xf1\x8d\x1b7\xaa\xaf\xb7n\xdb\xfe\x94\xd3\xce\x1cv\xf6\xb9\xc7\xf5*),*vee3\r\xd2\xfaS\xfe\x19R\x82a@4\x12\xad\xa9\xae\xd8\xfc\xc3\xfao\xbf\x9c\xbfx\xe1\xfcM\x1b\xd6\xa9\xef\xe6\xe6\xe6\xdez\xeb\xad\xb7\xdf~\xbb\xdb\xed6\x0c\xa3i\xe8\xe0\x88`\xfe\xbf\x00\xf37W\x12\xf2O\ti[\x00j\xef///\xbf\xf6\xdak\xcb\xca\xca\xd4\x17\xbb\xf7\xecu\xd5\r\xb7\x0e?\xef\xa2\xbc\x82\x02)!\x1a\x8d\xe91]\x08.\xa5H\xd3\x18\x0e\x8b\x00\xa8G\x1fl6\xbb\xc3\xe9\xd04h\xa8\x0f-\xfb\xf6\xab\xd9\xcf\xff}\xf1\x97\xf3\xd5\xaf\xe9\xd1\xa3\xc7K/\xbd4d\xc8\x10u\x87\xf0\x88N\x0f1\xff_\x86\xf9\x9b+\xd1\xf9\xa7\x8a\xf4,\x00U\xdaeee\xd7^w]\xf9\xde\xbd\x00\xd0\xa9k\xf7\xebn\xb9\xf3\xbc\x8b.\xcd\xf1\xe4\x04\x1aB\xba\x1e\x03 \x94RB\xe0\xc0-!\xab\x92RJ!\xa4\x94L\xd3\\YY\x9c\x8b\xc5\x0b\xe7\xbd8\xed\xf1%\x8b\x16\x02\x80\xdd\xe1x\xec\xd1GKKK\x8f\xe8g\x00\xf3o&gt;\xcc\xdf\\\x89\xc8?\x85\xa4a\x01\xa8\xbd\x7f\xe6\xcc\x99\x93&amp;MR_\xb9\xfc\xda\xc9\xa5\xf7=\x98_\x98\xef\xf7\x05\xb8aP\xc6\xd2\xef\x83\x8c\x0b\xce9!$;\'\x87s\xe3\xb5\x19\xcf&gt;\xf3\xe8\x94@C=\x00L\x9c8q\xc6\x8c\x19\x9c\xf3\xe6&lt;$\x87\xf9\x1f5\xcc\xdf\\q\xc9?\xb5\xa4[\x01\xa8+\xdf\xa6\xbd\xdf\xed\xc9}\xe0\xf1i\x17\x8f\xbb\xbc\xde\x1f\x8a\xc5bi&lt;\x96\x17G\xea\xc7 /?g\xe5\xd2\xe5\x7f\xbcm\xe2\xc6\xefWC\xe3\xcf\xc0\xaf\x9e\x07a\xfe\xc7\x0e\xf37\xd7\xb1\xe4\x9fr\xd2\xaa\x00\x0e\xd9\xfb\xf3\x0b[M\x9b=w\xf0\xb0!U\x15uL\xd3\xd2\xe9cK\x02]\xd7=^oMu\xe5\x8d\x97\xffv\xf5\xca\xa5p\xd0y\xd0!\xaf\x115\xc1\xfc\xe3\x08\xf37\xd7Q\xe4\x9f\x8a\xd2\xa7\x00\xd4\x07\xb3`\xc1\x82\xe1\xc3\x87\x03\x807/\xff\x9d\xb2\xfft\xe8\xdc\xd5_W\xa7\xd9lfo]J\xe2\x86aw:\x18e\x13F\x8f\\\xb6\xf8K\x00\x98:u\xea\x94)S~\xf6\xb9\x08\xcc?\xee0\x7fs\x1dQ\xfe)*M\n@=\xae[YY\xd9\xbbwIUUe\x8e\xdb3}\xceG}O\x19\xe2\xf7\xf94\r\xf7\xfe\xa3\xc79w8\x1d\x01\xbf\xff\xba\xb1\xe7\xae_\xf3\x1d!\xa4\xac\xacl\xf8\xf0\xe1\x87\x9c\x07a\xfe\t\x82\xf9\x9b\xab\x99\xf9\xa7\xae4y\xfaWJ\xc99\xbf\xf2\xca++++\x00\xe0O\x8fN\x1b&lt;l\xa8\xaf\x0e\xf7\xfec\xc5\x18\x8b\x86#\xb9\x05\x85\x7f\x9b1\xc7\xed\xf1J\tW^yUEE\x05!D\xcd*\xa3`\xfe\t\x82\xf9\x9b\xab\x99\xf9\xa7\xaet(\x00\xd5\xc6s\xe6\xcc\x99?\x7f&gt;\x00\\r\xe5\xf5\xa3\xc7_QYQg\xc3+\xdfx`\x9a\xe6\xf7\xf9\xba\x1f\x7f\xdc}\x7f~\n@VVV\xdc{\xef\xbd\x94\xd2\xa6kG\xcc?\xa10\x7fs\xfdj\xfe)-\xe5\x87\x80\xd4\x8c\x16&gt;\x9fo\xe0\xc0\x81\xdb\xb6mk\xdb\xa1\xd3\xdc\x05\xcb\x1c\x0e\xa7\xba\x95o\xf6\xd6\xa5\x0f\xce\xb9\xc7\xeb\x9e&lt;~\xf4\xbc\x8f\xdfw8\x1c\x8b\x16-\xea\xd7\xaf\x9f\x94RM!\x89\xf9\'\x1a\xe6o\xae\xc3\xe5\x9f\xea\x13E\xa4\xf6\xd6\x03\x80z8w\xd6\xacY[\xb6l\x11B\\\x7f\xeb\xdd\xf9\x85\xb9\xb1X\x0c\xf7\xfe\xf8"\x84\xe81\xe3\xe6\xbb\x1ep8\x9d\xd1ht\xca\x94)\xea\xd0\x83\xf9\'\x07\xe6o\xae\xc3\xe5o\xf6v\x1d\xab\xd4.\x00)%c,\x1c\x0e\xcf\x9a5\x8b\x10\xd2\xa9k\x8f\x0b\xc6\x8c\xf3\xd7\x05\xd2\xe6\x1e}\xcbA)\r\x04\x02\xbdJz\x8f\xbc`4\x00|\xfd\xf5\xd7\x1b6l`\x8cQJ1\xff$\xc0\xfc\xcdu\xb8\xfcS\xfdN@j\x17\x80z/c\xc1\x82\x05\xdf\x7f\xff\xbd\x94r\xc2\xe4;r\xdc\xd9\xdc0\xcc\xde\xae\xf4D)\x8dE\xf5ko\xbe3#\xd3\x15\x0c\x06_|\xf1E\xf5E\xcc?90\x7fs\xfdl\xfeX\x00\xe6\x9b={6!\xa4\xb0\xb8\xf5\x88\xf3/\x0e4\x84hZ&lt;\x9e\xd5\x02QJ\x83\xc1P\xaf\x92\x92\x01CN#\x84\xcc\x9d;7\x10\x08\x00\x80:\xfd\xc4\xfc\x13\r\xf37\xd7O\xf3\x0f\x85B\x9a\xa6\xa5\xf4@P\n\x17\x80\x1a\xff\xf1\xfb\xfd\xcb\x96-\x97R\x0e&gt;\xed\xec\xfc\xc2|]\xd7q\xf43\x81\xa4$\x04\xce:\xf7B)\xe5\xde\xbd\xe5\xeb\xd7\xaf7\x0cc\xe9\xd2\xa5\x98\x7f\x92`\xfe\xe6\xfaq\xfe\xabW\xaf\x86\x14\xbf\x08H\xe1\x02P\xb9\xafX\xb1b\xcf\x9e\xdd\x000l\xf8(\xb3\xb7(\xfdQ\xc6\xc2\xe1\xd8)C\xcf\xc8\xca\xce\xe1\xdc\xf8\xfa\xeb\xaf\xd7\xae][^^\x0e\x98\x7fR`\xfe\xe6:$\xff\xcf&gt;\xfb\x1c\x1aW\xddIQ)\\\x00*\xf7e\xcb\x96\x03@\xa6\xcb\xd5\xb3W\xefh$\x96\xeaOe\xb5p\x84\x90X4Z\xdc\xb6}\x87\xce]\x01`\xf5\xea\xd5\x8b\x17/\x06\x00\x97+\x0b\xf3O\x02\xcc\xdf\\\x87\xe4\xbfb\xc5r\x00H\xe9\xccSx\xd3\xd5\xa5\xee\xca\x95+\x00\xa0m\xfbNE\xc5m\xf0\xfa7\t\x84\x10\x19\x99\x8e\x1e\'\x9c\x04\x00\xab\xd7\xac\xf9\xf4\xb3\xcf\x00\xa0u\xfb\x0e\x98\x7fr`\xfe\xe6:8\xff\r\x1b6\x04\x02\x81\x94~),\x85\x1f\x17S\xcf\xe1VWW\x03@n~AfVv\xa0\xa1&gt;\xa5\xdb8%H)\x19\x83\xa2\xe26\x00PW[\xab\x06\xe2r\xf30\xff$\xc1\xfc\xcd\xa5\xf2oU\xdc\x16\x00|&gt;\x7f8\x1c\xce\xca\xca2{\xa3\x8e^\xaa\x16\x80z\x07\xcf\xe7\xf3m\xda\xb4\t\x00\xbat?^\xd3d\xea\xf6p\n\xa1\x84\x18\x06t\xe9~&lt;\x00TVV\xee\xdf\xbf\x1f0\xff$\xc2\xfc\xcd\xa5\xf2\xef\xdc\xbd\'\x00\xd4\xd7\xfb7l\xd8PPP \x84H\xd1\xb9\xe1R\xb5\x00\x14)\xa5\xae\x1b\x00\xe0\xcd\xcd\xa34\x1d^\xccK\tR\x8277\x0f\x00\x0c\xc3Pg\xa0\x98\x7f2a\xfe\xe6j\xca_\x08a\xa4\xf8[\x17)\x7f\xc1\xa8\x06=S\xfdcH9*\xf0\xa6\xd5\x910\xff$\xc3\xfc\xcd\xd5\x14x\xaa\xdftI\xf9\x02PR\xfdcH9\x87\x04\x8e\xf9\'\x19\xe6o\xae\xb4\t&lt;M\n\x00!\x84\xd0\x91\xc2\x02@\x08!\x8b\xc2\x02@\x08!\x8b\xc2\x02@\x08!\x8b\xc2\x02@\x08!\x8b\xc2\x02@\x08!\x8b\xc2\x02@\x08!\x8b\xc2\x02@\x08!\x8b\xc2\x02@\x08!\x8b\xc2\x02@\x08!\x8b\xc2\x02@\x08!\x8b\xc2\x02@\x08!\x8b\xc2\x02@\x08!\x8bJ\xed\xf5\x00\xd2\x82l\x04\x00\x12\xd4\x8c\xee\x07\xa6\x1a$\x84\x00!4m\xa6\x1e4\x9d\x94RJ\xf1\x93\xa8\ti\x9aZ\x19\xa3FV\x82\x05`\x0e)\xa5Z\xca\x831\xcd\xee\xb0\xd9lvJ\x81\xd2\xc6C\xbf\x04)AJ\x10\\\xc6\xf4\x98\xa1\xeb\xe6nmJk\x8cZ2\xa6\xd9\xed\x0e\x9b\xddF)9$j!@\xd7u=\x16S\xf3\xbc\xa7\xe8\xeaN)Gp~H\xe3RJ\x9aN\x7fP\x12`\x01$\x9b\x94R\x08n\xb7;2]\x19\x00P\xefo\xd8\xb3s{E\xf9\x9e\x9a\xea*\x7f]m$\x12\x16\x82k6[f\xa6\xcb\xed\xc9\xcd\xcd/h\xdd\xaeCn^\x81\xd9[\x9d\x92\xa4\x94\x82s\xcdn\xcf\xca\xcef\x0c\x1a\x1aB\xe5{v\xee\xdb\xbb{\x7fU\xa5\xaf\xae&amp;\x1a\x0eK)m\x0eG\x8e\xdb\x93_PT\xdc\xb6}q\x9b\xb6\x1e\xaf[\x08\x08\x06\x02\x9cs\xac\x81\xc4Q\xd7\xbcY9\xeeCV1\x8bF"B\x18\xd8\x01I\x83\x05\x90T\xdc0\x9c\x19\x19\x19\x99\x8e\x8a\xf2\x8ay\xffz\xff\x9b\x85ekW\xad\xdc\xbbkG$\x1c:\xdcoq{\xbc\xaf\x7f\xfcU\xe7n\xc7E\xc2a\\\xf2\xbb\x99\xd4\xa1\xdf\x99\x91\x91\xe1r\xd4T\xd7.\xfeb\xdeW\xf3?Y\xb5r\xe9\xee\x1d\xdb\xc2\xa1\xe0\xcf\xfe\x16\x87\xc3\xd9\xa6}\xc7\x92\xfe\xa7\x9c=\xea\xa2\xc1\xc3\xcer{\xdc\xf5&gt;?\xa18\xfe\x16\x7fBp\xc6\xb4\xec\x1c\xd7\xeb/N\xff\xf8\xbd7\t\xa1RJB@Jy\xf7\x83O\x9c\xd0\xbbo$\x14$\xb8\xab\'\x05\x16@\x92\x08!\x08!\xde&lt;\xcf\x8e\xad\xdb\xdf\x9a=\xfd\xa3w\xdf\xa8\xdc\xb7\xb7\xe9\xbb\x84\x10B)\x018\xe8\xdcGJ Rp\xbf\xaf.\x16\x8d\x12\x82?\x0f\xcd\xc59\xb7\xdb\xed.o\xf6\xf6\xcd\xdb\xfe\xf9\xd6+\x1f\xbd\xfb\xfa\xee\x1d\xdb\x9a\xbe\xfb\x93\xa8%\x00H)\xa3\xd1\xc8\xb6\xcd\x1b\xb7m\xde\xf8\xfe\x9c\xd9\xc7\x9f\xd4\xe7\x86\xd2?\x9c{\xe1\xd8P0(8\xc7\x83Q\x1cq\xc3\xc8t\xb9\x0cC\xbf\xff\xf6\xc9o\xbe\xfc\xc2!\xdf\xf5\xd7\xd5j\x1a\x93Rb\xeb&amp;\x07\x16@2p\xce\x9d\xce\x0c 0\xe3\xe9\'\xff\xf1\xd4\xa3\xbe\xda\x1a\x00\xa0\x8c\x91\xc6ka\x00u\xc0\'\x00\x07_\x11K\x00`\x8c\xe1I\xe8\x11\xf1x\xddU\x15\x95\xcf&gt;\xfe\xd0\xdb\xaf\xfc\xc3\xef\xab\x03\x00J)!TJq\xe0V\xbb\x10\x07G\xad&gt;\x02\xd2HJ\xb9~\xcd\x7f\x7fw\xed\xa5\x8b\xbf\\p\xff\xa3O\x13B8\xe7\xf8\x11\xc4\x85a\x18\x1e\xafg\xc7\xd6-\xf7\xdc&lt;a\xe5\xd2o\xd4 \xdb\x81\x9b\xf1\x84H)5M\xc3\x95\xed\x93\t\x0b \xe18\xe7\xae\xac\xac\xea\xca\xf2{o\xbd~\xf1\xc2y\x00\xc0\x98&amp;\x04\x17\x9c7\x1e\x98\xf8\xffj\xe0\xe7\xe0\xd1\xe7\x88\xfck\xee[\x7f}\xe8\xbe=\xbb\xb6\x83\x8aZ\n!\x04!\x92R\xaa\x8e\xe6\x00pH\xda\x07\x7f\xab\xf1\x1f\xe9;\xaf\xce\xdc_U\xf9\xcc\xac\xb7\xd5=d\x1c\x98&gt;\x16R\x08\t\x90W\xe0\x99\xff\xf1\'\x7f\xfc\xdd\xf5\xfb\xab*\x98\xa6\xf1\x83\xd6\xb2W\x05\xf0\x0b?\x05(\x11\xb0\x00\x12K\x1d\xfdwn\xdb&lt;\xe9\xb2\x0bvm\xdf\xc24Mp\xce\xb9A\x08\xa1\x8c\t\xce\x01\x04\x00\xe4x\xbc\xadZ\xb7\xf5\xe6\xe5ge\xe7h\x9a\xcd\xd0\xf5@\x83\xbf\xae\xb6\xa6b\xef\xeez\xbf\xcf0\x0c\xec\x80_%\xa5\xd4l\xb6\xda\xfdU\xf7\xdc&lt;!\x1a\x8dh6\x1b7\x0c\x155c\x8cs\xdet|\xcf\xcd+\xf0\xe4\xe6:32\x01 \x18\x08\xec\xaf\xaa\x08\x06\x1a\xd4\xb7\xd4aH\x08\x01 l6\xdb\x17\x9f\x7f\xf4\xd8\x03wMyb\x9a\xaf\xce\x8f\xf7\x84\x8f\x9a\x1a\x94s8\x9d\xd3\x1e\xfd\xf3S\x7f\xf9\x93\x94\x921v\xf0\xd1\x1f\x99\x05\x0b \x81\x84\x10\xce\x0cgUE\xf9\xc4K\xcf\xdf\xbdc\xab\xa6i\xea)CJ\xa9\x10Br\xde\xbeS\x97\x91\xbf\x193\xe8\xb4\xb3:w\xeb\xe1\xf1\xe6932\xd5MG)A\x08\x19\t\x87|u5[6\xae/,*\xd6c1\xec\x80_F\x08\x89E\xa3m\xda\xb5\xbf\xff\xd1g\xfet\xfb$)\x0e\x0c\xa0\xa9C\xbf++{\xd0ig\r=sd\xaf\xde}\x8aZ\xb7\xcdte\xd9l6\x00\x88\xc5b\xfe\xba\x9a\x8d\xdf\xaf\xfe\xd7\xdc9\x9f\x7f8W\x8d\x05\xa9\xf3P\xdd0\x18c\xaf\xcd|\xf6\xec\xf3.&gt;e\xe8i\x81@\x80R\xec\x80#f\x18zv\x8e\xdb\xef\xab\xbd\xfb\xa6\xab&gt;\xffh\xae\xba\x07\xc39W?\x05fo\x9d\xd5a\x01$\x8c\x94\x94R)\xc4\xed\xd7\x8f;\xf8\xe8\xaf\x0eI\xde\xdc\xfc\xdb\xeey\xf07\x97\\\xee\xc9\xf3\x18:\xc4\xa2\x11\xc30\x82\x81\x0656\xa1^N\xa2\x94\xe6\xe5\x17\x15\x9f\xd5&gt;\x12\t\x1b\x86\x8e\x05\xf0\xab\x18c\xf5\xfe\xfaq\x13&amp;~\xfb\xd5\x82\xcf&gt;xG\r2\xe4\x15\x14]&gt;\xe1\xc6\x0b.\xb9\xa2c\x97n\x94\x81\x1e\xe5\xba\xae\x0bq\xe0\x82@\xd3\xb4\xc2\xe26\xed:v&gt;\xe77\x17}\xf1\xf9\xa7\xf7\xdc&lt;\xa1f\x7f\xd5\x81\x0eh\x1c\x8e\x98\xf5\xfc_\x07\x9dv:\xe0\xe0\xc4\x11RO&lt;\xe7\xe6{W-_q\xf7\xe4\xab\xb7\xfe\xb0\x9e1\x8dsC\xfdh\x08!(eBp\xb37\xd3\xd2\xb0\x00\x12\x85s\xee\xcd\xf7&lt;\xf6\xa7{\xfe\xbbt\xb1\xa6\xd9\x0cC\x87\xc6\xa3\x7f\xef\xbe\x03\x9f\xfc\xc7\xeb]zt\xad\xf7\x05\xeb\xf6\xfb\x08%\xeau\xdf\x9f&gt;\xe5\xa9\xeb\xb1X4\x82\x0f#6\x1f!\x10\n\x86\xa7&lt;&gt;\xed\xbb\xe5\xff\xa9\xd8\xbb\xfb\x9a\xc9\xa5\x13n\xba\xa3]\x87v\xa1`\xac\xc1\xef\x97 U\xd4\x8d\xef\xff\x82\x10B\xc4b\xd1HD\n1\xfc\xfcQ\x19\x99\xef^?\xf6\x9ch4J\x0ezYo\xe97\x0bwl\xdd\xda\xba]\xfbX4\x8a\x1fD3\t!(\xa5\xde\\\xcf\xbb\xaf\xce~\xf0\xee[\xc2\xa1\xa0:\xfa\xab+\x00\xc1\xf9\x15\xd7\xdd\xbc\xf6\xbb\xe5k\xfe\xbb\x0c/\x05L\x84\xcf\xb7%\x84\x10\xc2\x95\x9d\xf5\xdd\xb2\x15/?\xff7\xca\x18\xe7\x07F~8\xe7\xfdN9\xf5\xe5\xf7\xcb\xda\xb6\xefXSU\'\x85`\x9aF\xe9a\x9f\xf3Q\xb7\n\xf0\xa0\xd3|\x84P=\x16\xf3\xe6\xe5=\xf6\xdc+/\xbe\xf3\xd9\xd4\'\xfe\x9e\x9bWP\xb3\xdf\x17\x8bE)c\x8ci\xea~o\xd3\x0b\xa8\xea\xc9\x1f\xc6\x98f\xb3U\xee\xab=\xf5\xcc\xd3\xc6^5Q\n\xa1F{\xa4\x94\x94\xd2p(\xb4a\xdd*\x87\xc3\x8e\xc7\xa9f\x92Rfdfj6\xed\xa1\xbbK\xef\xb9eB8\x14\xa4\x94qn\xa8S\x1c\xc1\xf9\r\xa5\xf7&gt;\xf0\xf8\xb4P0`\xf6\x96Z\x1d\x16@bH`\x8c=\xf7\xc4C\x86\xae\x93\xc6\xe3\x88\x10\xa2]\xc7\xce\xcf\xcc~\xd7\xe9\xc8\x08\x06\x02\x9a\xcd\x863\xcf$\x02e,\xd0\x10\xec?\xf8\xd4\xa1g\x8e\xdc_\xe9\xd3u]\xd3\xb4\xe6\x94\xa8\xa6\xb1P\xc8\x18u\xd1e\x84\x92\xa6\xa1\t\xf5\x12\xc0\xee\x1d\xdb(\x03\xc0gT\x9aAJ\xc94\xb6{\xc7\xb6\x89c\xcf{\xe5\x1fO\xab\xe7\x98\x85\xe0\x8c1!\x04\xa1t\xea\x93\xcf\xdf\xf3\xf0_\xeaj\xf6\x87\x82A\x00\x1cZ3\x13\x16@\xfc\t!2\xb3\\\xdf-[\xf2\xd5\xfcO\xd4\xfd.\xf5uJ\xe9\xd4\'\x9e/(*\n\x85BL\xc3\xc1\xb7\x04R\xa7\xed\xc1@\x03k\xde\xa1_!\x84\xea1\xbdM\xbb\x8e\x1eo\x9e\xba\x1b\x0c\x8d\xcf~\x06\x1a\xfc\x94\xe0\xa1\xaaY\xa4\x94v\x87\xfd\xc1;\'/Y\xf4\x85\xcdn\xe7\x9cK)\x99\xa6q\xce\xf3\xf2\x0bg\xbc\xf9\xf1\x95\x93n\xf2\xd56p.t=\xaa~\x83\xd9\x9bl]X\x00\xf1\'\x85\xb0;\xd8?\xdfzE\x08A\t\x05\x00u\xee3\xf2\x821\xa7\x8f\x18\xe9\xab\xf3ix\xf4O&lt;J\xe9Q\xcc\x9c!\xa5t8\x1c\xae\xacl\x80\x037\t\xd4\xc1\x891\x86/\x024\x9f\xe0\xe2\xf7S\x1e\xc9v{\x0c\xdd \x942\xa6q\xc38\xe1\xa4&gt;o|\xf2\xd5\xe9#\xce\xa9\xa9\xaee\x9a&amp;\xa50\xf0IP\xb3a\x01\xc4\x99\x94\xd2fwT\xed\xab\xfa\xf7g\x1f\x01\x80\x1aI\x10B0\xc6\xae\xba\xf16]\xe7\x14\x87}Z2B\x0c\xc3\x88F\xc2\x00\x8d\xc7~\t\x00\xe0\xcd+\x90\x02\x1b\xa0Y(\xa5\xe1P\xf8\xe4\x01\xfd\x1fxl\x9a\x94\x82R\xca\xb9q\xee\x85c_\xfd\xf0\xdf\xed;u\xad\xab\xf5i\x9a\r\x08\x11B\x08\x8e\xf7TL\x86\x05\x10gR\x88LW\xc6\x7f\x97.\xae\xae\xdcG)\x95RR\xc6\xa4\x94\'\xf4\xee{R\x9f\xfe\xa1`\x88\xe2\xfbD-\x96\x946M\xdb_YQWS\xa3\xfe\x11\x1a+\xbcc\x97n\xdc\x00l\x80fb\x8c\xd5V\xfbF_1~\xc2\xe4;\xb8a\xdcz\xcf\xd4\xa7^~K\xb39B\xc1\xe0\xc1\x97\xbfRb\x01\x98\x0c\xc7"\xe2LJI),\xfer\xbez\x92\x1f\x84 @\x00\xe0\x8c\x91\xe7gd\xd8\xc3A\x1c\xfdo\xb9\xb8\xe0\xce\x0c\xdb\xd2\xc5\x0b\rCW\x0f\xec\x12B\x01\xa47/\xff\xb8\x13zG"8\x1b\xeb\x11`\x8c5\xf8\xc37\xde~\xdf\xd03F\x9cz\xf6\xc8`}\x83\x04\xd9\xf465\x81\x9fL\xc7\x81\xcc\x80;t\x9c1M\x0b\x06"\xdf-\xff\x0f\x80\x94B\x80:\x85$\xd0\x7f\xc8\xb0XL4\xcd+)\xa5\xe4\x9cs\xc3\x10\x9c\x8b\x03\xf8\x81\xaf\x08\x8e?\x1a\xc9\'\x84\xb0\xd9\xec\xf5\xfe\xc0\x9b\xb3\xa6C\xe3\xd1I]\xc3\x9du\xceo\x8a\xdb\x14\xe3K\x00G\x86\x10\xce\r\x87\xd39\xe4\x8c\x11\r&gt;\xbf\x9a\x85\xd5\xecmB\x87\xc2\xb3\xd1x\x92R\xd8\x1d\xce\xf2\xdd\xbbvl\xdd\x0c\x00RJB\x89\x14\xb2\xb0Uq\x97n\xc7E#QB\x88\x10BJ\xe9p:32\x1c\x94\x82\xc1AMRI\x08a\x0c\x08\x05C\x87p8d\xe8\xb1_x?\x00\xc5\x91*c\x9b\xcd\xe6\xf6\xba\xee\xbd\xe5\xa6m\x9b7\xaa7T\xd5\xfb\xc0Ng\xc6\x84\xc9wD"1\x9c\x14\xfaH\xa9\xbd=\x18\xa8\xc7a\xcf\x16\x0b\x0b \x9e\x84\x94v\x9b}\xd7\xf6\xcd\xe1PP\x1d&gt;\x18e\x1cx\xe7n=\xbd\xb9\xf9\xc1`\x83\x942\xd3\x95m\xb3\xb1]\xdb\xb7\xffw\xd9\xe2\xf5k\xbe+\xdf\xbd\xb3\xde_g\x18\xdc\xe9\xcc\xc8/*\xea\xd4\xa5\xfb\x89\'\xf7?\xa1\xa4_^\xbe7\x14\x8cD\xa3\x11\xc6\xf03:Vj)\xe0\x83\xd7Z8\xb0$\xb0\x94@\x88\xcdf\xcf\xf1d7\xf8\x1b\xee\xbd\xf5\xa6\xb7fOW\x93\xf4\x11B\x18\xd3\x0cC\xbf\xfd\xfe?\x1f\xd7\xeb\x84\xba\x1a\x1f\x8e\xdd\x1d\x05\xf5\x9a\x9d\xd9[\x81\x0e\x0b\xf7\xe9\xb8\x92\x92i\xb0c\xdb\x16\x00P\xaf&gt;\xaaG\t;w;N\xb3Q!\x847\xcf\xbbz\xc5\x8aW\xff\xf1\xcc\xc2y\x1f\xd7\xfb\xea\x0e\xf7\xafi\xdf\xb1\xcb\xf9\xa3\xc7]6\xe1\x86\xd6m\xdb\xe2&lt;\x94\xc7HJi\xb7\xdbmv{\xd3\xb8\x1a\x01 \x94\xa8E\x98\r\x03\xf6WU|\xfa\xcf\xb7^~\xee\xaf\x9b7~\xaf\xa6oR7\x00\x0cC\xbf\xfa\xc6\xd2\t\x93o\xf7\xd5\xd5\xe3\xd1\x1f\xa5%\xdc\xad\xe3J\x02!\xb0w\xd7v\x80\xa6\xf5\xa6$\x00\xb4i\xdf\x811pfd&gt;\xf5\xe7)3\x9ez,\x16\x8b\x82Z\x10\x86\xa8\x97\x8b\x9aF\xfc\xd5\xec4|\xd7\x8e\xad\xcf\xff\xf5\xff\xe6\xbe\xf1\xf2]S\x1f\xbb\xe8\xb2\xf1\xf5\xbe\xfa\x83g/@\xcd\'\xa5\xd4l\xda\xde\xdd\xbb*\xca\xf7\xa8\xa5\xa6\x00@\x08\x11\x8dF}5\xd5\xbbwn\xdf\xb0n\xd5\xea\x15K\xab*\xca\x01@\xb3\xd9\xa4\x90B\x18\x9cs\x87\xc3\xf9\xbb\xfb\x1e\xba\xfe\xd6\xbb\x02\r\r8\x10\x87\xd2\x15\x16@\\\x11\xc29T\x94\xef\x058p\xe8W\x87\xf6V\xad\xdbR*\xef\xbe\xe9\xaa\xcf&gt;x\x07\x00\xd4\x93pR\x82\x14BM/s`e\x18\x90\x82s\x00 \x94RJ\xab*\xca\xef\xba\xf1\xcam\x9b\x7f\xb8\xe3\xfe\x87\xeb\xfd\xf5\xf8\x02\xc1Q\xe0\x9c{s\xb3\x9f}\xe3\xe5\x19O?\xfa\x0b\xbf\x8c2&amp;\x850t\x1d\x00\x08!g\x8f\xba\xf0\xa6;\xfexR\xbf\xbe\xfe\xbaz5YP\xb2\xb6\x17\xa1\xa4\xc2\x02\x88\'B\x087DMU%4\xbdE$\x04\x00t\xe8\xd4m\xca\xef\x7f\xff\xd9\x07\xef\xd8l6!\xe5O_\x80T+\x90\xa8\x7f\x05%D\x08\xc1\x85\xa0\x94\x12J_\xf8\xeb\xffe\xba\\\x93\x7f\x7f\x0f\x0eC\x1f55\x01\\\xd3\x8c\xdc\xa0\x16YSGvu\x7f\x80s\xa6i\xfd\x07\x9dv\xe69\x17\x9cy\xce\x05]{t\t\x06\xf4\x9a\xea\x1a\xbb\xdda\xee\x96#\x94Px@\x89\'Ji4\x1ai\xa8\xf7\x034^\x01Hi\xb7;\xde\x9c\xf5\xc2{sf\xa9\x91e!D\xa6+\xeb\xb4\xb3\xce\xe9?xX\x87\xce]\xb3\xb2s\x84\x14\xf5&gt;\xdf\xd6M\x1b\x16/\x9c\xf7\xedW\x0bD\xe3\xccqB\x08"%c\xec\xef\xff\xf7\xc7\x93\xfb\x0f\xea?hhCC\x00\xef\x07\x1c\x85\x9f\x9e\xc2\xab\xe9\xfe\xc5\xc1\x8f\xdbJ0\xf4\xd8\xbe\xbd\xbbW\xfcgQ0\x18\xe8\xd6\xe3\x04on^C}=!\x80\xcf/\xa2t\x85\x05\x107j\xca\xcfX,\x16\n\xfdh\x92\xdbX,\xfa\xde\x9cYM\xb3\xc2]|\xf957\x94\xde\xd3\xb9[\x0fu\x07R\n\x01\x04(\xa5\xc3\xcf?\xff\xfa[\xee\\\xf2\xcd\x17\x0f\xdeu\xcb\xb6\xcd\x1b\x0f\xac\x1a\xd68f\xfd\xf8\x94\xbb\xe7|\xfa5\xbe\x88tt\xd4|d\x86\xae\x1f\xf2z\xc5\x815\x18\x08\x91Rrn\xacX\xf2\xcd\x8a%\xdf\x00\x80\xdd\xe1\x188\xf4\x8cq\x13n&lt;\xf3\x9c\x0b\xf4\x98\x1e\x8bF\xf0AF\x94\x96\xf0\x80\x12O\x84Pn\xe8\xd1H\x04~&lt;\xc5\xa1:|\xd8\xec\x8eG\x9f\x9b\xfd\xe4\xf4Ym\xdbw\xf2\xfb\xfcu\xb5\xbe@\xbd?\x18\x0c\x04\x03\x81\x06\xbf\xbfn\xbf\xaf\xa1\xa1~\xc8\xe9g\xbd\xf6\xaf/\xba\x1dw\x82ZO\x03\x008\xe7\x94\xb25\xff]\xf6\xd5\xfc\xcf\xb2\xb2\xb3\x9a\xe6\x16E\xcd$\xa5\xcc\xc8\xc8\xccv{&lt;\xb9y\xd9nO\xb6\xdb\x93\x9d\xe3\xcetei6\xdb\xc1\xaf\xe3\x01\x80\xcdf\xd74\x8d1\x16\x8bF\x17\xfd\xfb\xf3\xc9\xe3/\xbc\xf5\x9aK\xeaj\xab3].\x8c\x1d\xa5%\xbc\x02\x88\'B@=&gt;\x08\x00?\x9a\xe7\\J\x90\xf0\xd8\xf3\xb3G_~YUE\x1d\xa5\xecp#9\xb55\xb5\x05E\xc5\x7f\x996k\xfc\x05\xa7\xc5\xa2Q \x04\xa4T\xf7!?\x9e;g\xc4\x05\x17\xe2\xed\xc8#\xa2iZ\xbd?4\xee\xba\x9bF_1A\x85\t\x00BJ]\x8f\x85\x83\x01_]]\xc5\xde\xdd?\xac_\xb3j\xc5\x925+\x97\xe9z\x0c\x00T\xefR\xc6\x08\xc0\xfc\x8f\xdf\xdf\xb4~\xcd\xcc\xb7?i\xdb\xa1S8\x14\xc25\x81Q\x9a\xc1\x02\x883)\xe1\x90u\xa3\xd4\x8bEW\xddp\xdb\xe8q\x97U\xee\xabSk\x91\x1f\x8e\xcdf\xf7\xd7\xd6\xf5=\xa5\xff\xf9\x17\x8f{o\xce,\xb5\x8a\x9e\x90BJ\xb9b\xc97\xd5\x95U.W\xb6ZW/\xc1\x7f\x8e\xf4\xa1\xae\x00\\\xae\xac\x83\xe7s&amp;\x84\xa8\x1af\x1a\xa1\x14"ac\xdb\xe6\r\xff|\xeb\xd5\xd7_|.\x1a\tSJ\xc5\x81\x15\x83m;\xb7m\x99&lt;\xfe\xa27?]dw89\xe7\x98&lt;J\'8\x04\x14g\x94\x92\x83\xcf\x13\t!\x82sOn\xde\xf5\xb7\xde\xed\xf7\x87\x9b\xb3\x12\x00\xa5T\x8f\x8a\x0b.\xb9\x02\x1a\xa7\xa2\x94B\x10B\xaa++vn\xdd\xecp:p\xa6\xa0#%\x04\xd7u\xdd\xd0\xff\'\x16\x8b\x85\xc3\xa1@\xa0\xdeW\xe7\xaf\xdd\xef\x0b\x87C\x9d\xba\x1dw\xff#O\xbc\xf1\xf1\x97\xed:v\x16B\xa8\x1b\xbf\x86\xa1k6\xdb\x96\x1f\xd6O{\xfc\xa1\xac\xecL\\\x12\x12\xa5\x19,\x80xR+\x1f\xd9\x1d\x0e\x80\x03\xcb\x89\xa82\x18z\xc6\xc8\xd6m\xdb\xc4"\xcd\x9aM\x8cP\x1a\x89D\xbb\x1d\xd7+\xbf\xb0\xa8i]*J)\x80\xdc\xbds\x9b\xa6Q,\x80#G~\x8aR\xdax\x11\xa0QJ#\xe1puU]I\xbf\x01\xff\x98\xf3/On\x1e\xc0\x81\xe4\xb9aPJ\xe7\xbe\xfe\xd2\xb6\xcd[\x9c\xce\x0c\x0c\x1f\xa5\x13,\x80\xb8QS_\xd9\xed\x0e\x97+\x0b\x9aF\x1b\x08\x00@\x8f\x13N$\xb4\xb9\x07\x0eB\x08\xe7\x86\xc7\x9b\xdb\xa6]Gh\\\x93V\xfd\x8b\xaa+\xf7\x11\x8aK\xe8%\x04\xa5\xd4f\xb3\xd5\xec\xaf=\xbe\xf7\xf1\x13o\xfb\x83z\xa6\x0b\xd4\x8c~\x84\x84\x82\x81\xaf\xe6\x7f\x9a\x91ioZ+\x18\xa14\x80\x05\x10OR\x08gF\xa6\xdb\x9b\x0bp\xe0\n@\xdd\tv8\x1c I\xf3W\x13\x91Rh6[\x8e\xc7\x0b?.\x92`\xa0\x81\xe0\xca\xb4\x89d\xb3\xd9\x1a\xea\xa3#\xcf\xbf8\xc3\xe5:h\xc4\x9f\x10BV.],$\xe0\x9a0(\x9d`\x01\xc4\x93\x90\xd2f\xa3\xadZ\xb7\x03\x80\x03\xc7{\x02\x00\xa0\xde\':\x82#\xb7\x04B\xe0\xe0\x1b\x06\xea\xa8#\x84\xc0\xc3OB\x11B\x0c]/hU\xdc\xbec\x17h|\x83LJ!\xa5\xdc\xbbkG4\xa2\xe3\xab\x18(\x9d\xe0\xde\x1cWRR\n\x9d\xbb\xf5\x00h\x9a\x0c\x0e\x00`\xef\xee\x1d\xe2\x88\xd6\x14\' %\xa8\xf7\t\xe0\x7f\xff\x1a\xb0\xdb\x1d\xb84y\xa2\t!\x1c\x0egN\x8e\x07\x00\x0e\x9e\x80/\x18h\x88E\xc3\x94R\x1c\x82Ci\x03\x0b \xae\x081\x0c8\xaeWoh\x9c\x05H\xadz\xfa\xc3\xba5\xe1P\xb4\xf9O\x91SBc\xd1\xa8\xdfW\x07M\x03\xfeR\x02\x80\xdb\x9b\x8bK\x93\'\x81\x90\xc2\xe0\x87\xce\xd7\x04x\xf3\x05\xa5\x1d,\x80x\xa2\x94F\xa3\xd1\xe3N\xe8\x9d\x95\x9d#\x84 \x84\xa8\xd9f6\xff\xf0\xfd\xcem[\x1c\x0egsV\xc1\x96R2\xcd\xe6\xf7\xd5\xee\xdb\xbb\x0b\x1a+D=|R\xdc\xba\x1d\x17\x80\r\x90@R2\xc6B\xc1`\xed\xfej\xf5\x8fM\xdf\xc9t\xb9\x1c\x0e\xa7\x10\x02\xe7\xe5Fi\x03\x0b \x9e\x08!\xb1h\xb4u\xbbv\xbd\xfb\x9dr`\x9e\x19)\xd5\xd4\x02\xff\xfe\xf4\x83\x8cL\x1b\xe7\xcd*\x00\xbb\xc3\xbe}\xcb\x0f\xb5\xfb\xab\xd5\xb2b\xea\xf9"\x9b\xcd\xde\xaeSg#f\xe0\xbc\xd0\x89#A\xda\xec\xf6}{w\x97\xef\xde\t\x00\xaa\xbf\xd5\x9d\x80V\xad\xdb:\x9cv|\x15\x00\xa5\x13,\x808\x93R\xd8ll\xc4\xf9\x17K\xd94x#\x01\xe0\xedWf\xec\xaf\xaa\xb5\xd9\xed\xbf\xfa \xb9\xe0\xdc\xee\xa0\xff\xfe\xec#h|\x8d@\x1d\x80:t\xee\xda\xaeC\xe7h4\x82\x8b\xd3\xfe\x02\xd1\xb8\xc4\xc2\xd1\xe1\x06\xcf\xcc\xb4-,\xfb\x97\xae\xc7\x18\xd3\x1a\xaf\x00\x08\x00\xf4&lt;\xe9d\xcap\x18\x08\xa5\x15&lt;\x94\xc4\x19\xa5,\x18\x88\x9cu\xeeor\xf3\x0b\xa4\x10\x84R!\x04e\xac|\xcf\xae\xe9\x7f\x7f\xc4\xeb\xcdl\x9c)\xe8\xe7\t\xc1323wm\xdf\xfd\xe1;\xaf\x11B\xd4S\xe7\xea\xad\xd4A\xc3\xce\xcav\xbb\xf8O\xd6\x12@M\xa4\x94\x19\x99\x99\x19\x99\x99\x9cs\xc1\xf9\x91\xbe\xb4\xc5\xb9\x91\x91\x99Y\xbe\xa7\xe2\xf5\x99\xcf\x12BD\xe3x\x9dZ ~\xe0\xd03\xf4\xa8\xc0\xf6E\xe9\x04\xf7\xe68#\x84\xc4\xa2\x91\xe2\xb6\xc5\x97\\y\xbd\x94\x92\x12\n\x00\x82sJ\xd9\xec\x17\xfe\xf6\xc1;s\x8b\x8as\r]\xff\x99\xb3T)\r\xc3`Lsd8\xfe|\xef\xef\xeaj\xf6\x13z\xe0\xa5_!\x05\xa5t\xd4E\x97\xc5\xa2\x1c\x0f@\x87#\x85p8\xed\xdf-\xfb\xcf\x865\xabr\xf3\xdd\xd9n7\xa5\x94sC\xad\xc1\xf0\x0be \xa5\x14B\x18\x86\x9e\x91\x91\xc94v\x7f\xe9\xc4\xaa\x8arB\x88\xba\x8d\xaffr=\xbew\x9f\xde}\x06\x84BA|\x0c\x14\xa5\x13\xdc\x9b\xe3\x8f2\x16l\x08_5\xe9\xb6\x82\xa2b!x\xe3\x0b\xa5BJy\xf7MW\xbe\xfb\xda\x1by\x85\xde\x8c\x8cL)\x84\x9a\x8b\x98sCpN(\xf5\xe6z(%\x7f\xb8i\xc2\xfcO\xfe\xa9\xa6\x90\x03\x00\xc6\x98\x14b\xe8\x99#\xfb\x0c8%\x14\xc0\x03\xd0a\t!2]\x8e\xaf\xe6\x7fz\xd9\xb9C\xee\xb8\xfe\xaa/\xe7}\x12\x8b\xc5&lt;\xb9\x1e\x8f\xd7\x9d\x91\x91\xc9\x18\x13*pnp\xc30\x0c\x83\x1b\x07\xba\x812\x96\xe9\xca\xca\xcb\xf7VU\x94\xdfx\xf9\x85\x0b\xcb&gt;\xa6\x9455\xb4\xba\r3\xe1\xa6;\x9c\x19\x0e\xbc\x01\x80\xd2\x0c\xce\x06\x1a\x7f\x84\x90X,ZT\xdc\xea\x0f\x0f=q\xe7\r\xe3\xd5\x11\\\xdd\xcb\x8dF"w\xde0\xfe?_\xff\xfb\xea\x1b\x7f\xd7\xa5\xfb\xf1\x0e\x87M=V\xce9\xf8\xebj?\xfb\xf0\xf3\x17\xfe\xfa\xe7\xf5k\xbe\xa3\xf4\xc0\xd1_\x8d\xfe\xdb\xec\xf6\xd2\xfb\x1e\x16\\\xe0\xe3?\xbfL\n\xc8t\xb9t=\xf6\xc1\xdb\xaf}\xf0\xf6k\xed:t\xee?d\xd8\x80\xc1\xa7\xf5&lt;\xb1\xa4U\x9bv99\x1e\xcd\xc6(\x85\x03\x0b|I\x10\x02\x0cC\xd4\xfb|\x1b\xd7\xaeZ\xf0\xe9\x07s_\x7f\xd9WWC)k\x9a\xefA\xad"9\xf4\x8c\x91\xe7_&lt;\xd6\xef\xab\xc7\xe5\xd8P\x9a\xc1\x02H\x08\xc64\x7f\x9d\xff\xc2K\xafX\xb5|\xc9\xeb/&gt;\xab\xd9l\x86\xae7\xcd\xec\xf6\xde\x1b\xb3&gt;x\xeb\xb5\x13O\xee\xd7\xa5{\xcf\x1c\x8f7\x16\x8bV\xec\xdd\xbd\xf1\xfb5{w\xed\x00\x80\xff\x1d\x80\x08a\x9af\xe8\xfa\xed\xf7\xff\xa5w\xdf\xbeu5~\xa6\xe1\x01\xe8W\xa8\xa7omv\xbb\x1e\xd3w\xef\xdc\xb6{\xe7\xb6\xf7\xe7\xccb\x9aVT\xdc\xa6u\xdb\xf6\xadZ\xb7\xf5\xe6\xe6gd\xba\x08!\xd1h\xc4_W[Q\xbe{\xd7\x8em*y88\xfc\xc6\xa3\x7f\xdb\xf6\x9d\xfe\xfc\xccL\xdd\xe0\xf8\xec\x15J?X\x00\x89B)m\xa8o\xf8\xe3_\xfe\xee\xaf\xab\xfd\xd7{s\x18cj\xac\x19\x00\x18c\x9c\x1b\xabV,Y\xb5b\xc9!\xbf\x05\x1a\xa7\x80V\xeb\x98\x1b\xba~\xd957N\xfa\xdd\xdd\xbe\xbaz&lt;\xfa7\x87z\xfaV\x08!\xa5\xa0\x94\x12B\x01$7\x8c\xf2\xdd;\xd5\x93\x9d\x87\xc3\x98&amp;\x04\xffQ\xf8\x86\xd1\xb1K\xb7\xe7_\xff\xa0\xb0U\xeb`\x00WcFi\x08\x0b a\x08\x91RF\xa3\xd1\xc7^x%\xb7\xa0\xf0\x95\xe9O\x01\x00c\x9a\x94\x82\x0b\xa1&amp;$&amp;\xa4q\x868)\x85\x94\xea\xec\x95R\xa6&amp;\x04\x05\x80\x89\xbf\xbb\xfb\xce?=\x12\x0c4\xe0:$\xcdA\x08\xc4\xa2Q\xce9p\xae\x96\xf4R\xb7^\x08!\x07&amp;\x84\x86\xff\xad\x10/\x1b\xff/\xa4\x94R\xaaG}\xd4\xe8\xbf\xea\xe9s~;\xe6\xfeG\x9e\xce+(\xc2\xa3\x7f\x824M\xcd\r\xff\xfbXPR\xe1\x1d\xc5\x04R/pE#\x91?=\xfa\xf7\xa7_~\xbbS\xd7\x1e\x9c\x1bB\x08\x90\x92RJ(\x01\x90 %H\t@\xd4\xec\xf4\xeaH\xc4\xb9\xd1\xa5{\xcf\xe7^}\xff\x0f\x0f&gt;\x16\x0c\x06\xa5\xc4\x1f\x8f_G\x19\r\x04"\xe7]|\xe9\xe8+&amp;\xe4\xe6\x17\xa8\x1b\xbe\xa2\xf1\xee\x0b=p\xa0! \x0f8\xf0D?!\x94PJ\xa8\xba&gt;\xe3\xdc\x90R\x94\xf4;\xe5\x99\xd9\xef&gt;\xf5\xf2;nOn\x08\x8f\xfe\t\xa3\xc6E\xd5g\xa4\xfe\x8a\xcb-$\x19^\x01$\x96z\x86\xc4W\xe7\x1fu\xd1\xd8A\xc3\xce\xfex\xee\x9c\x8f\xde}c\xdd\xaa\x15\xc6a\x1e\xe7\xb7\xd9\xed\'\xf5\x19p\xc1\x98+\xce\xbb\xf8R\x8f\xd7\xeb\xab\xf3\xe3\xd1\xa7\x99\x08\xa1zL\xef\xd4\xf5\xb8\xc7\x9e{y\xcf\xae]K\xbe^\xb8\xf8\xab\xf9\xeb\xbe[\xbeg\xd7\x0e=\x16\xfb\xd5\xdf\xae\xd9l\xed;v\xe97\xe8\xd4\x91\x17\x8c\x1e0d\x983\xc3Y\xef\xaf\'\xe4\xc0c\xa0(\xee\x08!\x9e\xdc&lt;\xa6iM\xaf\xbbK)5\xcd\x86\x1d\x90LX\x00\tG\x08a\x8c\xf9}~\x87\xc3y\xf5\x8d\xb7\\r\xd5\xc4\xad?\xac\xff~\xf5\x7f\xb7\xfc\xf0}U\xc5\xbep(D\x19\xcd\xca\xce)l\xd5\xbak\x8f\xe3{\xf6*\xe9\xd4\xad\x873\xc3\x1e\xa8\x0f\xfa}x\xf4?2\x84\x90h4\x1c\x0e\x87\xf2\xf2\x0b\xc7\x8c\xbfz\xcc\xf8\xab\xfdu\xfe\xf2\xbd\xbbvm\xdf\xbaw\xd7\xce\xaa\x8a\xbd\xbe\xba\x9a`\xa0!\x16\x8dI)4\xcd\x96\x91\x99\xe9\xf6\xe6\x15\x14\xb5j\xd7\xb1K\xa7.\xdd\xdbu\xec\xe4\xf6\xe4\x18\x06\x04\x03\r\xd1h\x14\xc3O\x10u\x7f\xc5\x95\x9d\xf3\xd6g\x8b\x0fy\xb3:3++\x12\x0ea\xe9&amp;\r\x16@\x920\xc68\xe7u\xb5&gt;JY\xf7\xe3O\xecUr2\xa5\xc0\xf9\x81\xfd\x9fR\xa0\x14\x84\x80h\xd4\x88F\xc2\x91pH\xadVh\xf6V\xa7\x1eB(c\xa0\xebz\xb4.\n\x00\x9a\xa6u\xeev\\\x8f\xe3Od\x0c\x08\x01!\xa0i\xec\x07\x00\x08\x05J\x81\x00p\x0ez\xcc\x88\xc5\xa2u\xb5&gt;\x02D\xad\x14i\xe6\x1f\xc3\x02\xd4\x15\xc0!#\x9b\xfc\xc8\xdf\xdfF\xc7\x02\x0b y\x08!\x8ci\x00\x10\x0e\x85BA\t\x07\r\xedK\x00\xf5\x8fT\xdd\x88d\xf8\xb9\x1c\x13u\xd5\x05\x00R\x88h8\x1c\x0e\x85\x00$\xc8\x03\xf3\xfb7\x1dt\x0e\xc4\x0e\x07nG\xd2\xc6\x0f\x08%\x87\xa1\x1f:-\n\xde\xebJ2\xdc\xddM\x80o\xf3&amp;\x0f!\x84\x10&lt;\x99o\x99\xf0po:&lt;\x12!\x84\x90Ea\x01 \x84\x90Ea\x01 \x84\x90Ea\x01 \x84\x90Ea\x01 \x84\x90Ea\x01 \x84\x90Ea\x01 \x84\x90Ea\x01 \x84\x90Ea\x01 \x84\x90Ea\x01 \x84\x90E\xa5I\x01\xe0;\xe5IvH\xe0\x98\x7f\x92a\xfe\xe6J\x9b\xc0S\xbb\x00\x9a\x16Y\xd4\xf5\x18\xce!\x98L\xba\x1e\x03\xcc\xdf&lt;\x98\xbf\xb9T\xfe\x00\xa0\xf2O]\xa9Z\x00j\xf9\x88\x9c\x9c\x9cn\xdd\xba\x02\xc0\xc6u\xabu\x03\'YK\x06!\xa5\xcd\x06\x1b\xd7\xad\x06\x80\xa2\xa2\xa2.]1\xff\xa4\xc2\xfc\xcd\xa5\xf2\xffa\xdd\x1a\x00\xc8\xc9qw\xeb\xd6\rR\xf9\x82 \x85\xf7\x18)\xa5\xa6i\xf9\xf9\xf9\x00\xe0\xf3\xd5\xc6"\xd1\xd4\xfd\x18R\x8b\x90P\xb3\xbf\n\x00\xb2\xb3\xb3\x8b\x8a\x8a\x00\xf3O.\xcc\xdf\\M\xf9\xbb\\\x99^\xaf\x17\xb0\x00L\xa1.\xbeN:\xa97\x00\xec\xda\xb6e\x7f\xe5&gt;\xbb\xdd\x8e\xabI$\x1a\xa54\x1a\xe1\xea\x0c\xb4W\xaf^#G\x8c\x00\x80\xdd\xdb\xb7b\xfe\xc9\x81\xf9\x9bK\xe5\xbfa\xdd*\x00\xe8\xd6\xad\x9b\xcb\xe5\x12B`\x01\x98@\x85\xde\xaf__\x00h\xa8\xf7o\xdd\xbc\xd1\xee\xb0\xcb\x14\x1f\x92k\xe1\xa4\x94v\xbb\xbd\xa6\xaab\xc7\xd6M\x00\xd0\xeb\xc4\x13\x87\x0e\x1d\n\x98\x7f\xb2`\xfe\xe6:$\xff\x92\x92\x12JiJ\xdf\x06H\xe1\x02P#\x9e\x83\x06\r\xca\xcd\xcd\x15B,\xfer\xbe\xa6\x11\x81g@\x89$\x85pf8V\xadXR\xbb\xbf\x9aRz\xea\xd0\xa1\x03\x06\x0c\xf0x&lt;\x98\x7fr`\xfe\xe6:$\xff\x11#F@*\x8f\xff@J\x17\x00!D\x08Q\\\\\xdc\xbbwoB\xc8W\xf3?\xa9\xf7\x874\r\xd78K !%cd\xc1\xa7\x1fJ)=\x1eO\xdf\xbe}333KJJ0\xff\xe4\xc0\xfc\xcduH\xfeC\x86\x0c\x81\x14_\xe0/\x857\x1d\x1ao\x03\\z\xe9eR\xca\x1d[7/[\xbc\xd0\x95\xe5\xe2\x9c\x9b\xbd]\xe9IJ\xe9t:w\xef\xdc\xf3\xcd\xc22\x00\x189\xf2\x1cu\x07\xec\xb2\xcb0\xffd\xc0\xfc\xcd\xf5\xd3\xfc\xddn7\xe7\x1c\xaf\x00L\xa3\x16\xfe\x1e3ftQQ\x91\x94\xf2\xc5iO\xa4\xf4\r\x99\x16\x8es\xee\xcav\xbe\xf9\xf2\xf35\xd5U\x8c\xb1I\x93&amp;\xaa\x87q\xc7\x8c\x19\x83\xf9\'\x01\xe6o\xae\x9f\xcd\xdf\xec\x8d:V\xa9]\x00\x84\x10\xc30\xf2\xf2\xf2\xc6\x8f\x1f/\xa5\\\xfe\xed\xd7_/\x98\x97\x93\x93\x8d\'Aq\'\xa5t8\x9d{w\xee}\xfb\xd5\x99\x84\x90\x93O&gt;\xf9\xf4\xd3O\x17Bp\xce1\xff$\xc0\xfc\xcdu\xb8\xfc\xd59h\xeaJ\xed\x02\x00\x00J\xa9\x94r\xd2\xa4I\x1e\x8f\x07\x00f&lt;\xf5\x08\xc7\x93\xa0\x04\xe0\x86\x91\x93\xe3|e\xfa\xd3u5\xfb\x01\xe0\xae\xbb\xee\x02\x00)%\xe6\x9f\x1c\x98\xbf\xb9\x0e\x97\xbf\xd9\xdbu\xac\xd2\xa1\x00\x84\x10\xdd\xbbw/--\x95R\xaeX\xb2h\xf6\x0bO\xe7\xe5\xe7\xe8\xban\xf6\xa6\xa5\x0fn\x18n\x8f{\xc9\xa2o_\x9d\xf9\x0c\x00\x9cv\xda\xb0\xb1c\xc7\xaa\xd3\x1f\xcc?\t0\x7fs\xfdB\xfefo\xda\xb1"iPbjF\x94@ \xd0\xa7O\x9fm\xdb\xb7\xbb\\\xaeW?Xxb\x9f\xbe\xf5&gt;?\xc3\x87"\x8e\x99\x14B\xb3\xd9\x0c=v\xd9\xb9C7o\xfc\x9eR\xb6t\xe9\x92&gt;}\xfa\xa8\xd3O\xc0\xfc\x13\x0c\xf37\xd7\xaf\xe6\x9f\xd2R\xfe\x0f\x00\x00\x84\x10B\x88\xdb\xed\x9e3g\x8e\xc6X(\x10\xb8\xe7\x96kj\xf7W\xdb\x9d\x0e\x1c\x0c=FRJ)\xa5\xd3\xe9x\xe0\xf7\x937mX\'\xa5|\xf2\xc9\'\xfa\xf6\xed+\x84h\xda\xfb1\xff\xc4\xc1\xfc\xcd\xd5\x9c\xfcSZ:\xfc\x19\x00\x80Rj\x18\xc6\xc0\x81\x03\x9fx\xe2\t\t\xb0y\xe3\xf7\x13/=\x9fQ\xeap:\xb9a\x98\xbdu\xa9J\x08!\xa5(,vO\xbd\xfb\xd6\x8f\xdf\x9b\x03\x00c\xc6\x8c)--5\x0c\xe3\x90\x8b_\xcc?\x110\x7fs5?\xff\xd4\x95&amp;\x05\x00\x00\x9a\xa6\x19\x86QZZ:q\xe2D\x00X\xfb\xdd\xf2\xeb.\x19\xd5\xe0\xf7e\xbb\xdd8\x1ez\x14\xb8a\xd8l\xb6\xac\xac\xec{n\xb9\xe5\xadY/\x00@\xff\xfe\xfdg\xcc\x98q\xb8\xa1O\xcc?\xbe0\x7fs\x1di\xfe)*}\n\x00\x00\x18cB\x88\x193f\xa8\x9f\x81%\x8b\xbe\x98x\xe9\xa8\xed\x9b7\xe6\x17x9\xe7)=eG2I)\r]\xcfv\xbbu=z\xf7\xe4k\xdex\xf19!d\xff\xfe\xfd\xcb\xca\xca~y\xeeC\xcc?.0\x7fs\x1du\xfe\xa9(\x1dn\x02\x1fL\xdd\x10c\x8cM\x9a4i\xe6\xcc\x99\x00\xe0\xf1\xe6\xfd\xf1\x91\xa7.\xbct\xbc\xae\xf3P\xa0\x81P\x9a\x1e\x83w\x89 \xa5\xe4\x9c;\x9c\xce\xecl\xe7\xb2\xc5\xdfN\xb9s\xb2\x9aur\xc0\x80\x01\x9f\x7f\xfe\xb9\xd7\xeb\xfd\xd5\xa1O\xcc\xffX`\xfe\xe6:\xf6\xfcSN\xba\x15\x004\xde\xb7\xa1\x94&gt;\xf8\xe0\xd4\xa9S\x1fT_\x1cu\xe1\xd8\x1b\xef\xb8\xf7\xf8\x93Jb1#\x14\x0c\x02HJY:5\xf9\xb18\xb0\xb0\x94\x94\x0e\xa7\xd3\x95\xe5\xdc\xb3k\xef\x1b/=7\xeb\xb9\xbf\xc6b1\x00\x18;v\xec\xf4\xe9\xd3\x9b\xbf\xf7c\xfeG\n\xf37W|\xf3O-iX\x00p\xd0\xcf@YY\xd9\xb5\xd7^W^\xbe\x17\x00\x9cN\xe7\xa8\x8b.\xbd\xea\x86\xdbN\xe8\xdd\x87\x10\x88\x84c\xb1XT\x08!\xa5$\xd6\xfbQ\x90\x00RJB\x80\x10j\xb3\xdb32\x9c\x8c\xc1\xee\x9d{\xdeyu\xc6;\xaf\xce\xac\xae\xac\x00\x00\xbb\xdd\xfe\xd8c\x8f\x95\x96\x96\x02\xc0\x11\xed\xfd\x98\xff\xaf\xc2\xfc\xcd\x95\xd0\xfcSHz\x16\x80b\x18\x86\xa6i\xe5\xe5\xe5\xf7\xdf\x7f\xff\x9c9oF\xa3\x11\x00\xc8\xc8\xc8\x1c|\xfa\xd9g\x8c\xbc`\xe0\xd0a\xc5m\xda;3\x1c\x8c\x81a@\xfa\xc6pX6\x1b\x08\x01\xb1\x18\xaf\xae\xacX\xbd\xe2?_\xce\xfbt\xd1\x17\x9fWU\xecS\xdf\x1d&gt;|\xf8\xc3\x0f?&lt;p\xe0@5\xbd\xccQ\x1c"0\xff_\x86\xf9\x9b+\xd1\xf9\xa7\x84t.\x00\x00\xe0\x9c\xab[\xf6K\x97.}\xe4\x91G\xe6\xcf\x9f\x1f\n\x85\xd4\xb7\xb2sr:w\xeb\xd9\xa5{\xcf\xd6\xed\xdau\xecr\x9c77\xcf0\x8ct\xfd\x98\x7fL\x12Bu=\xb6q\xdd\xea\xda\x9a\xeaM\xeb\xd7n\xdd\xb4\xa1\xa6\xba\xaa\xe9\xdb\x83\x87\x0c\xb9\xe5\xe6\x9b\xc7\x8d\x1b\x07\x07\x05xt0\xff\x9f\x83\xf9\x9b+y\xf9\xa7\x00\x99\xee\x84\x10\x86a\xa8\xbf_\xbbv\xed\x9dw\xde\xd9\xb1S\'\xb3So\x89\n\x0b\x0b\xaf\xba\xfa\xeay\xf3\xe6\xa9\xac8\xe7\x9cs\xcc?i0\x7fs%(\xff\x16.\xcd\xaf\x00\x9a\xa8\xb1NU\xe6\r\r\r\x1b6lX\xbcx\xf1\xca\x95+\xd7\xae]\xeb\xf3\xf9\xf7\xed+\xb7\xde;\x93\xa4\xb0\xa8\xd0\xe5r\x95\x94\x94\x9c\xd8\xab\xd7\xc0\x81\x03\xfb\xf6\xed[PP\x00\x07=I\x12\xc7\xff\x18\xe6\xff\x13\x98\xbf\xb9\x92\x9a\x7f\x8be\x95\xa9B\xd4\xf2aRJBHvvv\xff\xfe\xfdm6\x1b\xa5\xb4\xae\xae\x8e2VUUi\x91"lD\x00\xc0\x9d\x93\x93\x97\x97\xd7\xb7O\x9fA\x83\x06\xf5\xed\xdb7;;[}\x8fs\x1e\xf7\xfb]\x98\xff\x8fa\xfe\xe6Jv\xfe-\x97)\xd7\x1dI\xd6t\t\x1c\x8dF?\xfc\xf0\xc3\x8b/\xbe\xb8m\xdbvf\x07\xdf\xb2\xe4\xe4\xe4\x9cu\xf6\xd93f\xcc\xa8\xac\xacTY\xe9\xba\xae\x0e\x19\x98\x7f\x12`\xfe\xe6Jh\xfe-Y\x9a\x0f\x01\xa9?\x1d!\xc4\xef\xf7\xcf\x9c9\xf3\xb5\xd7^[\xb3fM\xd3w\xb3\xb2\xb3\x8b\xdb\xb4/(*\xea\xd8\xe58On.7R{u\xb7f\x92 \t!\x86\xaeo\\\xb7\xda\xef\xab\xdb\xbdc\xab\xaf\xae\xb6\xe9\xbb\xc5\xc5\xad\xaf\xb8\xe2\xf2\xeb\xaf\xbf\xbeG\x8f\x1ep\xccO\xbfa\xfe?\x85\xf9\x9b+\x99\xf9\xb7|\xe9\\\x00Mw\xf0g\xcd\x9a\xf5\xf8\xe3\x8fo\xdc\xb8Q}\xbdu\xdb\xf6\xa7\x9cv\xe6\xb0\xb3\xcf=\xaeWIaQ\xb1++\x9bi\x90\xd6\x9f\xf2\xcf\x90\x12\x0c\x03\xa2\x91hMu\xc5\xe6\x1f\xd6\x7f\xfb\xe5\xfc\xc5\x0b\xe7o\xda\xb0N}777\xf7\xd6[o\xbd\xfd\xf6\xdb\xddn\xb7z\x9a\xf0(\xfe\x13\x98\xff/\xc0\xfc\xcd\x95\x84\xfcSB\xda\x16\x80\xda\xfb\xcb\xcb\xcb\xaf\xbd\xf6\xda\xb2\xb22\xf5\xc5\xee={]u\xc3\xad\xc3\xcf\xbb(\xaf\xa0@J\x88FczL\x17\x82K)\xd24\x86\xc3"j\x1aaJm6\xbb\xc3\xe9\xd04h\xa8\x0f-\xfb\xf6\xab\xd9\xcf\xff}\xf1\x97\xf3\xd5\xaf\xe9\xd1\xa3\xc7K/\xbd4d\xc8\x90\xa3x\x14\x1a\xf3\xffe\x98\xbf\xb9\x12\x9d\x7f\xaaH\xcf\x02P\xa5]VVv\xedu\xd7\x95\xef\xdd\x0b\x00\x9d\xbav\xbf\xee\x96;\xcf\xbb\xe8\xd2\x1cON\xa0!\xa4\xeb1\x00B)%\x04\xd4\x1d!\xcb\x92RJ\xf5\x88\x88\xa6\xb9\xb2\xb28\x17\x8b\x17\xce{q\xda\xe3K\x16-\x04\x00\xbb\xc3\xf1\xd8\xa3\x8f\x96\x96\x96\x1e\xd1\xcf\x00\xe6\xdf|\x98\xbf\xb9\x12\x91\x7f\nI\xc3\x02P{\xff\xcc\x993\'M\x9a\xa4\xber\xf9\xb5\x93K\xef{0\xbf0\xdf\xef\x0bp\xc3\xa0\x0cgA\xf9y\x9csBHvN\x0e\xe7\xc6k3\x9e}\xe6\xd1)\x81\x86z\x00\x988q\xe2\x8c\x193\xd4\xd3\x11\xbf\x1a\x1d\xe6\x7f\xd40\x7fs\xc5%\xff\xd4\x92n\x05\xa0\xae|\x9b\xf6~\xb7\'\xf7\x81\xc7\xa7]&lt;\xee\xf2z\x7f(\x16\x8b\xa5\xf1X^\x1c\xa9\x1f\x83\xbc\xfc\x9c\x95K\x97\xff\xf1\xb6\x89</t>
        </is>
      </c>
    </row>
    <row r="64">
      <c r="A64" s="1" t="n">
        <v>62</v>
      </c>
      <c r="B64" t="inlineStr">
        <is>
          <t>circle_size_number</t>
        </is>
      </c>
      <c r="C64" t="inlineStr">
        <is>
          <t>What is the missing number of the part denoted with a question mark?</t>
        </is>
      </c>
      <c r="D64" t="inlineStr">
        <is>
          <t>[4, 6, 2, 5]</t>
        </is>
      </c>
      <c r="E64" t="inlineStr">
        <is>
          <t>2</t>
        </is>
      </c>
      <c r="F64" t="inlineStr">
        <is>
          <t>There are 6 numbered circles with varying sizes arranged in a ring with number ['?', 6, 5, 6, 2, 5] in a clockwise order.</t>
        </is>
      </c>
      <c r="G64" t="inlineStr">
        <is>
          <t>We observe that the size of the circle is related to the number in the circle. The circle with the largest value 6 seems to be the biggest and the circle with the smallest value 2 seems to be the smallest. Thus, the pattern is that the larger the number the larger the circle.</t>
        </is>
      </c>
      <c r="H64" t="inlineStr">
        <is>
          <t>Based on the pattern that the larger the number the larger the circle, the missing number of the circle denoted with a question mark should be 2.</t>
        </is>
      </c>
      <c r="I64" t="inlineStr">
        <is>
          <t>b'\x89PNG\r\n\x1a\n\x00\x00\x00\rIHDR\x00\x00\x02\x00\x00\x00\x02\x00\x08\x02\x00\x00\x00{\x1aC\xad\x00\x00\xa6\x81IDATx\x9c\xec\x9dw\\S\xe7\xf7\xc7o6#!\tSq\xa0\x82\xca\x94\xe5@\x05\xf7(\x0e\xc4\xbd\x17\xb5\xee\xd9\xaa\xad\xad\xb5\xb5Uq\xd6\xba\xadU\xdb\xba\xc5\x89\xbbu\x0bNd\xa9,\x11\xc5\xc9\x08$\x01\x12\xb2\xee\xf8\xfdq~\xe6\xc5W\xabE\x85\xe4\xde\xe4y\xff\xd1\x97\xd5\x10\x9e\xe4\xde{&gt;\xe7\x9c\xe7\x9c\xf3\xb0(\x8a\xc2\x10\x08\x04\x02a}\xb0\xcd\xbd\x00\x04\x02\x81@\x98\x07$\x00\x08\x04\x02a\xa5 \x01@ \x10\x08+\x05\t\x00\x02\x81@X)H\x00\x10\x08\x04\xc2JA\x02\x80@ \x10V\n\x12\x00\x04\x02\x81\xb0R\x90\x00 \x10\x08\x84\x95\x82\x04\x00\x81@ \xac\x14$\x00\x08\x04\x02a\xa5 \x01@ \x10\x08+\x05\t\x00\x02\x81@X)H\x00\x10\x08\x04\xc2JA\x02\x80@ \x10V\n\x12\x00\x04\x02\x81\xb0R\x90\x00 \x10\x08\x84\x95\x82\x04\x00\x81@ \xac\x14$\x00\x08\x04\x02a\xa5 \x01@ \x10\x08+\x05\t\x00\x02\x81@X)H\x00\x10\x08\x04\xc2JA\x02\x80@ \x10V\n\x12\x00\x04\x02\x81\xb0R\x90\x00 \x10\x08\x84\x95\x82\x04\x00\x81@ \xac\x14$\x00\x08\x04\x02a\xa5 \x01@ \x10\x08+\x05\t\x00\x02\x81@X)H\x00\x10\x08\x04\xc2JA\x02\x80@ \x10V\n\x12\x00\x04\x02\x81\xb0R\x90\x00 \x10\x08\x84\x95\x82\x04\x00\x81@ \xac\x14$\x00\x08\x04\x02a\xa5 \x01@ \x10\x08+\x05\t\x00\x02\x81@X)H\x00\x10\x08\x04\xc2JA\x02\x80@ \x10V\n\x12\x00\x04\x02\x81\xb0R\x90\x00 \x10\x08\x84\x95\x82\x04\x00\x81@ \xac\x14$\x00\x08\x04\x02a\xa5 \x01@ \x10\x08+\x05\t\x00\x02\x81@X)H\x00\x10\x08\x04\xc2JA\x02\x80@ \x10V\n\x12\x00\x04\x02\x81\xb0R\x90\x00 \x10\x08\x84\x95\x82\x04\x00\x81@ \xac\x14$\x00\x08\x04\x02a\xa5 \x01@ \x10\x08+\x05\t\x00\x02\x81@X)H\x00\x10\x08\x04\xc2JA\x02\x80@ \x10V\n\xd7\xdc\x0b@ \x10\x9f\nEQ\x18\x86\x91$Y\xf5\x7f\xdf\x86\xc5b\x19\xff\x00\x98fy\x08\xda\xc2z\xd7\xbd\x82@ \xe8\tU\x05\xb0\xe3l\xf6G\x86\xf2$I\x82l\xc0\x9b I\xb06\x90\x00 \x10\x0c\x80\xa2(\x92$\xc1\xe2s8\x9c7\xfeU.\x97\xeb\xf5\xfa\xe4\xe4d\x82 p\x1c\xbf~\xfd:\x8e\xe3o\xbfChh\xa8T*\xa5(\xca\xdf\xdf\xdf\xc1\xc1\xc1\xc5\xc5\xe5\x8d\xd7\x80\x1e 1\xb0\x1e\x90\x00 \x10\xf4\x05\x8c&gt;\x86aU\x8d~EEEnn\xee\xbd{\xf7RSS\xb3\xb2\xb2\xca\xca\xcaJJJ(\x8a\x92H$ \x0f\xfe\xfe\xfe\\.\xb7\xea\xa3MQ\x14\x87\xc3\xc9\xce\xce\xae\xa8\xa8\xe0p8eee8\x8eK$\x12;;\xbb\xc0\xc0\xc0\xa6M\x9b\x06\x05\x05\x05\x04\x04899U\xfd\xd5$I\xb2\xd9\xec\x8f\x0e/\x10\xf4\x07\t\x00\x02A;\xc0\xdf\xaf\x9a\xdbQ\xab\xd5IIIW\xae\\\xb9q\xe3\xc6\xf3\xe7\xcf9\x1c\x8e\x9b\x9b\x9b\x97\x97W@@\x80\x9b\x9b\x9b\xbf\xbf\xbf@ \xa8_\xbf&gt;\xe8\xc4\xdb!\x02`t\xf0_\xbdz\xa5\xd7\xeb\xb3\xb2\xb2d2YJJ\xca\xd3\xa7O\x9f&gt;}\xaaV\xab]]][\xb5j\xd5\xa5K\x97v\xed\xda\x19\xe3\x03X\x0c\x8a\t,\x12$\x00\x08\x04\x8d\x00\x1b\xcd\xe5\xfe\x7fu\xc6\xd3\xa7O\xaf\\\xb9r\xf2\xe4\xc9\x94\x94\x14\xb1X\xec\xeb\xeb\x1b\x1e\x1e\xde\xb6m\xdb\x06\r\x1a\x18\xbdu\x92$5\x1a\rEQ:\x9d\xce\xf87\xff\xfa\xe6\xc6\x8d_\x1e\x8f\xc7f\xb3mll8\x1c\x0e\xfc\x8dJ\xa5z\xf9\xf2\xe5\xdd\xbbw\xaf^\xbd\x9a\x96\x96VTT\xe4\xe9\xe9\x19\x15\x15\xd5\xa9S\xa7\xa0\xa0 \xf8q\x82 \xb0w\xab\x0b\x82\x89 \x01@ h\x01A\x10F\x97\xbf\xbc\xbc\xfc\xd4\xa9S\xdb\xb6m{\xf8\xf0\xa1\x97\x97W\xaf^\xbd:t\xe8\x10\x14\x14dgg\x87aXee\xa5^\xaf\xc7q\x1c\xb6\x040\x0c\x83\x9f\xaa\xbe\x87\x0eO}\xd5\x9dd\x0e\x87\xc3\xe7\xf3\xed\xec\xecX,\x16\x8e\xe3YYY\xd7\xaf_?{\xf6ljj\xaaT*\x1d=z\xf4\xe0\xc1\x83=&lt;&lt;0\x14\x10X\x16H\x00\x10\x083C\x10\x84\xd1\x9e\xa6\xa6\xa6n\xd9\xb2\xe5\xef\xbf\xff\xae[\xb7\xee\xc0\x81\x03{\xf7\xee\xed\xed\xed\xcdf\xb3\xb5Zmee\xa5Q$j\xc3\xf8\x1a\xf7\x99\xd9l\xb6\xad\xad-\x88\xcd\x8b\x17/\xce\x9f?\x7f\xf8\xf0\xe1\xb4\xb4\xb4V\xadZ\xc5\xc4\xc4DEE\xbd\xbdl\x04CA\x02\x80@\x98\x8d\xaa6\xf4\xc4\x89\x13\xeb\xd6\xad{\xf2\xe4\xc9g\x9f}6f\xcc\x98\xe0\xe0`\x81@\xa0V\xab!\xbdc\xe2\xcdX\x10\x03\x0c\xc3\xf8|\xbe\x83\x83\x03\x86aYYYG\x8f\x1e\xdd\xbd{\xb7H$\x1a3f\xcc\xa4I\x93\xf8|&gt;\x86d\x80\xe1 \x01@ \xcc\x00l\xc6\x82\xdd&lt;~\xfc\xf8\xbau\xeb\n\n\nbbbF\x8d\x1a\xe5\xee\xee\xae\xd3\xe9T*\x15I\x92\xc6\x1c\xbd\xb90*\x81\xad\xad\xad\xbd\xbd}EE\xc5\x993g\xd6\xae]\xab\xd1hbbb&amp;O\x9e,\x10\x080\x0c#\x08\x02\xed\r0\x11$\x00\x08\x84I\x01\x93\n\xe6\xf2\xe4\xc9\x93\xbf\xfc\xf2\x0bA\x10S\xa7N\xed\xdd\xbb\xb7H$*//\xd7\xe9t4,\xbe\xa4(\x8a \x08.\x97+\x16\x8b\t\x82\xb8q\xe3\xc6\xaf\xbf\xfe\xfa\xe4\xc9\x93\xcf?\xff|\xca\x94)\\.\x17t\x82n\xcbF\xbc\x1f$\x00\x88\xff\xc7x\'\xbc\xab\x86\xc4\xf8l\xa3x\xff\xa31z\xcaiii\xd3\xa7O/,,\xfc\xe1\x87\x1f\x86\x0f\x1f\xcef\xb3\xa16\xdf\xec.\xff\x7f\x02\xfb\x10"\x91\x88\xcf\xe7\'$$\xcc\x9f?\xbf\xb4\xb4t\xc5\x8a\x15\xfd\xfb\xf7\xc70\x0c\xc7qc\t\x13\x82\xfe \x01\xb0^`\xc7\x0fn\x80\x0fr9\x8d?\xc8\xaaBm\xae\xd4\x12\x80o\x8c\xcdf\x97\x97\x97\xcf\x9a5\xeb\xfc\xf9\xf3\xb3g\xcf\x9e0a\x82X,\x96\xcb\xe5\xd0\xa8e\xee5~\x00P\xae*\x16\x8b\xd9lv||\xfcO?\xfddoo\xbfs\xe7Nooo\xf8W\x14\n0\x02$\x00\xd6\x85\xb1\x15\xe8msC\x10\x84\\.g\xb1X\x19\x19\x19J\xa5\xf2\r\x9b\xce\xe5rCBB8\x1c\x8e\xad\xad\xadP(|\xfbg\xc1\xba!1\xf8W\x8c\x8e\xff\xb1c\xc7f\xcd\x9a\x15\x11\x11\x11\x1b\x1b\xdb\xb0aC\xa5R\t^\xbf\xb9\x17\xf8\x91@\xb0(\x95J+++W\xaf^\xbd}\xfb\xf6)S\xa6,X\xb0\x80\xcdf\xa3P\x80\x11 \x01\xb0\n\xc0\xee\xbf\x91^x\xfc\xf8\xf1\x83\x07\x0fRRR\xf2\xf3\xf3srrT*Uee%I\x92"\x91H \x10@\xa4\x8fa\x18x\xfa\x14E)\x95J\x0c\xc3\xf8|\xbeD"\xa9W\xaf^\xe3\xc6\x8d\xdb\xb6m\xeb\xe5\xe5\xe5\xe7\xe7W\xf5Q\xc7q\x1c\r\x93\xa9\n\x98\xc2\xf2\xf2\xf2\x98\x98\x98\xec\xec\xec%K\x96DGG\xabT*\x8dFc\x19&amp;\x12\xe4M*\x95\xa6\xa5\xa5\xcd\x9d;\xb7\xb8\xb88..\xce\xdb\xdb\x1b\x15\x08\xd1\x1f$\x00\x96\x8cq\xe3\xce\xf87\x8f\x1e=:}\xfa\xf4\xd5\xabW\x9f&gt;}ZRR\xe2\xe8\xe8\xe8\xed\xed\xdd\xa8Q\xa3\x80\x80\x80\xbau\xeb6j\xd4\xc8`0\xb8\xbb\xbb\xdb\xd9\xd9U\xdd\t`\xb1X\x04A&lt;\x7f\xfe\x9c\xc5b\xc9\xe5\xf2G\x8f\x1e=~\xfc\xf8\xd1\xa3GYYY\x85\x85\x85"\x91\xc8\xcd\xcd-&lt;&lt;\xbco\xdf\xbeAAA\xc6\xd8\x1f\xc7q\x1anf\x9a\x12\xe3~\xef\x95+WF\x8f\x1e\x1d\x15\x15\xb5b\xc5\n;;\xbb\xd2\xd2R\xfa\xe7\xfa?\x14\x1c\xc7\x85B\xa1\xad\xad\xed\x96-[\x16/^\xbc`\xc1\x82Y\xb3fa\xa8@\x88\xde \x01\xb0L Mo|\xf0RRR\x8e\x1c9r\xfa\xf4i\x95J\xd5\xa0A\x83\xb0\xb0\xb0\xf0\xf0p???www\xa8\xe6\xa6(\xca`0\xe8t:\x16\x8be0\x18\xfeu\x1f\x18\n\xfe8\x1c\x8e@ \x00\xb3N\x10\x84L&amp;\xcb\xcd\xcd\xbdy\xf3\xe6\xf5\xeb\xd7\xf3\xf2\xf2\xf4z}\x87\x0e\x1d\x86\x0e\x1d\xda\xb9sg\x10\x1eco\x91\x85\xd9\xbb\xff\xc4h\xf8~\xfa\xe9\xa7\r\x1b6l\xdc\xb8q\xe8\xd0\xa1\n\x85\xc2\x82s#\x10h\xba\xb8\xb8\xa4\xa5\xa5\r\x1f&gt;\xdc\xcf\xcf\xef\xaf\xbf\xfe\xb2\xb7\xb7\xb7\xe0\x8f\xcct\x90\x00X\x1aU\xe3\xee\x82\x82\x82\xcd\x9b7\x9f={V\xab\xd5\x86\x86\x86FFF\xb6m\xdb\x16\x1a\xfaq\x1c\xd7h4z\xbd\xde8\x0e\xde\x98\xbe\x7f\x97\xa5\xae:?\x00\xfe\xc0f\xb3y&lt;\x9e@ \x00m(--MJJ\xbap\xe1\xc2\x95+W\xb4ZmXX\xd8\xd4\xa9SCBB\xde^\x98\xc5\x03&amp;\xaf\xac\xacl\xd0\xa0A\xa5\xa5\xa5\x87\x0e\x1d\xf2\xf4\xf4,..\xe6r\xb9\x16\xff\r\x18\x0c\x06(\x15\x9d0aBRR\xd2\xbe}\xfbZ\xb5j\x854\x80\x9e \x01\xb0\x1c\xaa\x16b\xdf\xb9sg\xf5\xea\xd5)))M\x9b6\x1d;v\xecg\x9f}&amp;\x91HH\x92T\xab\xd5:\x9d\xae\x067l\x8d\xf3d0\x0c\xe3r\xb9\xf6\xf6\xf6&lt;\x1eO\xab\xd5\xde\xbcy\xf3\xcf?\xffLHHh\xdc\xb8\xf1\xf4\xe9\xd3\xa3\xa3\xa3\xe1wYCB\x00\x8c]VVVttt\xc7\x8e\x1d\xb7l\xd9\xa2\xd3\xe9\xd4j\xb5\xf5X@\xe3\xae\xc0\x96-[\x16-Z\xb4m\xdb\xb6\xfe\xfd\xfb\x1b\x0c\x06\x1e\x8fg\xee\xa5!\xfe\x07$\x00\x96\xc0\x1b\xbdE\xb1\xb1\xb1\x15\x15\x15\xbd{\xf7\x1e5j\x94\xbf\xbf?I\x92\xe5\xe5\xe5\x06\x83\xc1\x04{\xb3\xc6\xddf\xa1P\xc8\xe7\xf3_\xbe|\x19\x17\x17w\xec\xd81\x99L6u\xeaTk\xe8\x18\x02\xeb\x7f\xe3\xc6\x8d\xbe}\xfb.X\xb0`\xee\xdc\xb9\xa5\xa5\xa5\x98\xe5~\xdewAQ\x14\x8e\xe3\xae\xae\xae\x97/_\x1e&lt;x\xf0w\xdf}7g\xce\x1c\xab\x8a\x02\x19\x01\x12\x00\xc6c\xf4\xa9\xaf]\xbb\xf6\xf5\xd7_\x97\x96\x96N\x9c81&amp;&amp;\xc6\xd1\xd1\x11&amp;\xc9`\xe6\x18\xe1\x0bJ \x10\x08\x1c\x1c\x1c\xf4z}||\xfc\x9a5k\x14\n\xc5\xfc\xf9\xf3?\xff\xfcs\xccB3B`\xfdw\xed\xda5g\xce\x9c\x03\x07\x0et\xef\xde\xbd\xb8\xb8\xd8\x9a\xdd^\x83\xc1\xe0\xe8\xe8XTT\xd4\xb1c\xc7\xbe}\xfb\xae]\xbb\xb6\xea\x0c\x0c\x84\xd9A\x02\xc0`\x8c\xae\xf4\x8b\x17/f\xcd\x9a\x95\x91\x911a\xc2\x84\t\x13&amp;H$\x12\xa5Ri0\x18\xcc^j\x02eHl6[*\x95\x92$y\xfc\xf8\xf1_~\xf9\x85\xa2\xa8\x15+Vt\xe8\xd0\x01\xb3\xac\x8c\x10\xa48\xd6\xad[7\x7f\xfe\xfcs\xe7\xceu\xee\xdc\xb9\xa8\xa8\x08\xf6\xd8\xad\x19\x1c\xc7E"\x91R\xa9\x0c\x0b\x0bk\xd5\xaa\xd5\xa1C\x87,R\xfb\x19\n\x12\x00\xa6b4\x9d\xcb\x96-\xdb\xb9sg\xaf^\xbd\xbe\xf9\xe6\x1bwwwz\xd6\x99@W\x81T*\xd5\xeb\xf5\x9b6m\xda\xbaukxx\xf8\xfa\xf5\xebE"\x11#\xe6\x1f\xfc\'`\xfdW\xaf^\xbdq\xe3\xc6+W\xae\xd4\xaf__\xa1P\xd0\xed*\x98\x0b\x82 \xa0R **\xca\xce\xce\xee\xe8\xd1\xa3H\x03h\x02\x12\x00\xe6a\xcc\xf8ggg\x8f\x1d;\x16\xc7\xf1m\xdb\xb6\x85\x86\x86\xc2\x1c1:\x1b\x1d\x90\x01\'\'\xa7\xa2\xa2\xa2/\xbf\xfc2!!a\xe3\xc6\x8d0_\x9e\xd1\xc3\x03\xc0\xfa\xff\xfa\xeb\xafk\xd7\xae\xbdu\xeb\x96\xa3\xa3cyy9\x9d/\x84\xe9\x81c\xce\xc4b\xf1g\x9f}&amp;\x12\x89\x0e\x1d:d\x19\xc2\xcft\x98\xfa\xc8Y-`C9\x1c\xce\xfa\xf5\xeb;w\xee\xdc\xabW\xaf\xdb\xb7o\xfb\xf9\xf9\x15\x17\x17\xd3\xd0\xf1\x7f\x03\x0e\x87\xc3f\xb3e2\x99\xad\xad\xed\xde\xbd{W\xaf^=e\xca\x94\x98\x98\x18\xa8J\xc2q\xdc\xdc\x0b\xfc\x18p\x1c\xe7\xf1x[\xb6lY\xb8p\xe1\xad[\xb7\xa4R)\xb2\xfeo\x03\xd7W.\x97\x9f;w\xee\xd9\xb3g\x83\x07\x0f\xe6r\xb9p\xc6$\xc2\x8c\xa0\x08\x80I@\xdaG\xa5R\x8d\x1b7.33s\xdf\xbe}AAAL,2\x81\xbd\x01gg\xe7\xd2\xd2\xd2\x98\x98\x98\'O\x9e\x1c&gt;|\xb8y\xf3\xe6\xf4\xd7\xb07\x80+\x92\x98\x98\xd8\xb3g\xcf\xd3\xa7O\x87\x87\x87\xa3\xcc\xcf{ I\x92\xcf\xe7k4\x9a\x90\x90\x90Y\xb3f\xcd\x9b7\x0f\xd5\x86\x9a\x17&amp;Y\r+\x07B\xe6\xbbw\xef\x86\x84\x84\xf0\xf9\xfc\xbbw\xef\xfa\xf8\xf8\x14\x17\x173q\xdc\x02\x8b\xc5\xe2r\xb9%%%|&gt;\xff\xc4\x89\x13\xa3G\x8f\x8e\x88\x88\xd8\xb5k\x17\xb3\xbcB\xb0\xfe\xa9\xa9\xa9QQQ\xf1\xf1\xf1\x9d:uB\xd6\xff\xfd\xb0\xd9l\x9dN\'\x14\n\xef\xde\xbd\xbba\xc3\x86\xcd\x9b7\xf3x&lt;\x86F~\x96\x01\x8a\x00\x98\x01\xb8\xc6W\xae\\\x198p\xe07\xdf|3o\xde&lt;\x85Ba\x01%4\x10\n\xb8\xb8\xb8\\\xbat\t\xaa\xc5\xbf\xfc\xf2KF\xec\x10B\xfb\x9bB\xa1\x08\n\nZ\xb0`\xc1\xd4\xa9SQ\xcdO5\xc1q\\*\x95fdd\x84\x87\x87\xff\xfd\xf7\xdf\xed\xda\xb5c\xf4\x0e\x10\xa3A\x02\xc0\x00\x8c\xf5\x85\x0b\x16,8u\xeaT\x97.],l\xa8\x00T\x8b\xcbd\xb2\xf6\xed\xdb\xb7l\xd92..\x8e\xfe\x1a\x00\x92\x1c\x1a\x1a\xda\xb9s\xe7\xd5\xabW[y\xbd\xff\x87b0\x18\x9c\x9d\x9d\xcf\x9c93b\xc4\x88\x87\x0f\x1f\xba\xb9\xb9\xc1&gt;\x90\xb9\xd7eu \x01\xa0;`\xfd\xd7\xacY\xb3~\xfd\xfaS\xa7N\xf9\xfa\xfa\x96\x96\x96Z\x9e\xad\xc1q\xdc\xde\xde^\xa7\xd3\r\x1b6L(\x14\x1e9r\x84\xce\x1a\x00\xd6\x7f\xce\x9c9\xb7o\xdf\xbeq\xe3Fii)2^\x1f\x8a\xc1`puu\xfd\xe6\x9bo\xce\x9f?\x9f\x9c\x9c\xcc\xb8\xed\x1f\xcb\x00\t\x00\xad1V\x97o\xd8\xb0\xe1\xd6\xad[...\x16\x9ce&amp;\x08\x82\xcf\xe7;88DFF\xda\xda\xda\xd2\xb6Z\x1c2o\xa7N\x9d\x1a3fLFF\x86P(\xd4\xeb\xf5H\x00&gt;\x02\x92$\x1d\x1d\x1d\xdb\xb7o\xdf\xa6M\x9b\xb5k\xd7"\r0=H\x00\xe8\x0b&lt;\x0fF\xeb/\x91HT*\x95e?!\x90\x0b\x96J\xa5F\r\xa0\xdb\xe4\x00X\x8fL&amp;k\xda\xb4\xe9\x81\x03\x07z\xf4\xe8!\x97\xcb-\xfb\xa2\xd4\x1eP\x14\xa4R\xa9\xfc\xfc\xfcv\xef\xde\xdd\xbbwo\x0b\xd8\xd6b\x16\xc8m\xa1)`\xfd\xd7\xad[\xb7q\xe3F+\xb1\xfe\x18\x86\xb1\xd9l\x92$\x15\n\xc5\xd9\xb3g5\x1a\xcd\xd0\xa1C\xa1~\x9c&gt;n\n\x8c\xdf\x189r\xe4\xa4I\x93"##KKK-\xfe\xa2\xd4\x1el6[\xab\xd5\xba\xb9\xb9\xed\xda\xb5k\xf2\xe4\xc9\xc5\xc5\xc5\xd8\xeb\xa9\xe3\x08\xd3\x80"\x00:\x02\xd6\xff\xd4\xa9SQQQ\x8f\x1f?\xae[\xb7\xaeU\xf5\x16\x19\xe3\x80f\xcd\x9aEFF\xae[\xb7\x8e&amp;\xd5\xe2p]6o\xde\xbcq\xe3\xc6\x07\x0f\x1e(\x14\n\x94\xf9\xf9t`3`\xc2\x84\t\xa5\xa5\xa5\xc7\x8e\x1dC\x89 S\x82\x04\x80v\x80\xf9\xbbu\xebV\x9f&gt;}\xe2\xe2\xe2"""\x94J\xa5\xb5=\x12$I\xf2x&lt;\xb5Z\xdd\xbe}\xfbY\xb3f\xcd\x9a5\xcb\xec\xc9\x01H\xfe\x14\x17\x17\xfb\xf8\xf8\x9c9s&amp;88\xb8\xa2\xa2\x02\xe5+&gt;\x1d8t\x9a\xcb\xe5z{{\xff\xf6\xdbo}\xfa\xf41\xfb\xb5\xb6\x1e\x90\x00\xd0\x0b\xa8./++\xf3\xf2\xf2Z\xb2d\xc9\x94)S\xac\xb6\xbe\x10\xc7q\x89D\x92\x95\x95\x15\x12\x12r\xf5\xea\xd5\xf6\xed\xdb\x9b\xd7.\xc0o\xff\xec\xb3\xcf&lt;&lt;&lt;~\xfb\xed7\x99Lfm\xaa\\{\x10\x04!\x95J\xe3\xe2\xe2\xbe\xfa\xea\xab\xac\xac,\xa1PH\xc3\xcd\x7f\x8b\x04\t\x00\xbd\x80\xf8\xb7K\x97.M\x9b6\xfd\xed\xb7\xdf\xac\xbc\xb7\x08\x92\x03\x07\x0f\x1e\x9c&gt;}\xfa\xc3\x87\x0f\xc5b\xb1\xb96\x84\xc1\xfa\xff\xfd\xf7\xdf\xa3G\x8f\xce\xcb\xcb#\x08\x02\x02\x02\xd3\xaf\xc4R\xc1q\xdc\xc5\xc5\xa5{\xf7\xee\xfe\xfe\xfe\xa8"\xc8d \x01\xa0\x11`e\x96,Yr\xe0\xc0\x81\xb4\xb4\xb4\xb2\xb22\x94b\x06\r\x988qb^^\xde\xc5\x8b\x17\xcdb\x17 ,\xc3q\x1c\x9a~G\x8e\x1c)\x97\xcbQ\x8e\xa2f\xa1(\n\x8e\x90\xeb\xd8\xb1\xe3\x95+W\x9a5k\x861m\xc2\x15\x13A\x02@\x17 \xf5\x7f\xe7\xce\x9d.]\xba\xa4\xa7\xa7\xd7\xa9SG\xab\xd5\xa2\x07\x00\xc30\x92$%\x12I@@\xc0\xd8\xb1c\xbf\xfe\xfak\xd3\'\x82\xe07n\xdc\xb8q\xd3\xa6M\x19\x19\x19h\xef\xb7\x960\xee\x06\x17\x16\x16\x9e:u\n\xed\x04\x98\x00$\x00\xb4\x00F\xfcS\x14\xd5\xbcy\xf39s\xe6L\x9f&gt;\x1d\xa5\x98\x8d\x10\x04!\x14\n\xb3\xb2\xb2"""RRR\x9a5kf\xca\xd11\xe0\xfe\xebt\xba\xc0\xc0\xc0u\xeb\xd6u\xed\xda\xb5\xbc\xbc\x1c\x19\xa6\xda\x80\xa2(.\x97\xabR\xa9\xda\xb5kw\xe2\xc4\x89\x80\x80\x004\x1f\xa2\xb6A_.-\x80\x03^\xe6\xcf\x9f_\xaf^\xbd\xe9\xd3\xa7\x97\x94\x94 \xebo\x84\xc3\xe1\x94\x97\x97\x07\x07\x07\xcf\x993g\xf8\xf0\xe1`\x91M\xf6\xdbAl\xb6m\xdb\xe6\xe9\xe9\x19\x19\x19YVV\x86\xac\x7f-\xc1b\xb1t:\x9d\xbb\xbb\xfb\xc4\x89\x13\x17-Z\xc4b!\xf7\xb4\xd6A_\xb1\xf9\x81\xed\xc4\xcc\xcc\xcc\xf0\xf0\xf0\xbbw\xef\xba\xb9\xb9\xe9t:\xe4\xf8\xbc\x01$\x82\x82\x82\x82\xa6L\x992u\xeaT\xd3\xe4\x07\x8c\xee\x7fhh\xe8\xd6\xad[[\xb7n\xadV\xab\xd1\xa5\xa9UX,\x16A\x10\xed\xdb\xb7?x\xf0`\x8b\x16-P\x10P\xab\xa0o\xd6\xfc@\x1d\xf4\xb8q\xe3\xbe\xfe\xfakOO\xcf\xca\xcaJt\xc7\xbf\rl\xc3n\xdb\xb6\xed\xfb\xef\xbf/))1\x8d{\x08\xee\xff\xef\xbf\xff.\x14\n;t\xe8\xa0R\xa9\xd0\xa5\xa9m\x0c\x06\x83\x93\x93S\xaf^\xbd\x16.\\\x88\x82\x80\xda\x06\xdd\xcdf\x06&lt;\xd9\xf8\xf8x\x85B1u\xeaT\x85Ba\x9dU\xff\xff\t$\x82\xda\xb6m\xdb\xb1c\xc7\xc5\x8b\x17\xc3\xd0\x88\xda\xfe\xa5l6\x9b \x88u\xeb\xd6\xcd\x993\x07\x9d[b\x1a\xe0\xcc\xbb\xa9S\xa7\xde\xbcy\xf3\xe1\xc3\x87\x1c\x0e\xc7\x04\x17\xdajA\x02`N\xc0\xf7\xd7\xeb\xf5\xd3\xa7O_\xb6l\x99P(DV\xe6=\x80iX\xbbv\xed\xee\xdd\xbb322j[\x03\xe0\xf8\xe5\xd3\xa7O\xf3\xf9\xfc\x81\x03\x07\xa2\xbd_\xd3\xc0b\xb14\x1a\x8d\x97\x97W\xcf\x9e=\xd7\xaf_\x8f\xa1\xe9@\xb5\t\x12\x00sb\xcc0H$\x92\x01\x03\x06X\xf0\xa8\xe7\x1a\x01L\x83\x87\x87\xc7\xd0\xa1C\xbf\xfd\xf6[\xd3\xe4\x07V\xaf^=j\xd4(&gt;\x9f\xcf\xa0\xb3*\x99\x0e\x0c\x89\x9b&lt;y\xf2\xb1c\xc7***\xd8l6\xd2\x80Z\x02\t\x80\xd9\x80\xdd-\x8dF\xb3|\xf9r\x94\xee\xac&amp;\x10\x04|\xf3\xcd7\xd7\xae]\xbbw\xef^\xed\x05\x01P\x97\x95\x99\x99\xf9\xe8\xd1\xa3\x98\x98\x18\xe4\xfe\x9b\x126\x9b\xadR\xa9"""\x1a4h\xb0g\xcf\x1e\xd8\x166\xf7\xa2,\x13$\x00f\x03\x8a\x7fN\x9e&lt;\xe9\xec\xec&lt;`\xc0\x00\xa5R\x89L\xcc\x7f\x02A@\xe3\xc6\x8d\x07\r\x1a\xb4~\xfdz\x16\x8bU{\x02\x80a\xd8\xbe}\xfbBBB\xea\xd6\xad\xab\xd3\xe9\xd0\xe0\x07\x13CQ\xd4\x80\x01\x03\xf6\xef\xdf\x8f\xa1\x96\xe0Z\x03}\xadf\x03\x0c\xca\x9a5k\xa6M\x9b\xc6\xe5r\xd1NW5\xe1p8j\xb5z\xce\x9c9\x7f\xff\xfdwQQ\x11\x87\xc3\xa9\x8d\xc8\x89\xc3\xe1\x18\x0c\x86\xb8\xb8\xb8\x89\x13\'\xe28\x8e\xac\xbf\x89\x81 `\xe4\xc8\x91\x8f\x1f?\xce\xcc\xcc4\xcd\x9e\xbf\x15\x82\x04\xc0&lt;@\xf6?55\xb5\xa0\xa0\xa0_\xbf~V5\xee\xff\x13\x81 \xc0\xc7\xc7\xa7i\xd3\xa6\xbbw\xef\xae\x8d\xfc\x00l\xff&amp;$$h4\x1a\xa8\xfeD\xc1\x99\x89a\xb1XZ\xad\xb6^\xbdzpX\x18\xf6:&amp;C\xd4,H\x00\xcc\x038\xadK\x96,\x89\x8c\x8ctqq\xd1\xeb\xf5\xe6^\x11\xc3 \x08b\xe2\xc4\x89\x9b6m\xd2\xeb\xf55n\x9d\xe1\xea\xc4\xc7\xc7w\xe8\xd0A"\x91\x18\x0c\x86\x9a}\x7fDu\x80]\xb1A\x83\x06]\xb8p\x01CY\xa0\xda\x01}\xa7f\x80\xa2(\x0e\x87SVVv\xeb\xd6\xad\x98\x98\x184\xf4\xedC\xe1p8\x15\x15\x15\xbdz\xf5b\xb1X7n\xdc\xa8\xf1 \x00\x12\x0e7o\xde\x1c4h\x10\xca\xff\x98\x0b\xc8\x02\xf5\xec\xd9\xb3\xac\xac\xec\xd9\xb3g\xa8\x16\xa86@v\xc7\x0c@0{\xe6\xcc\x99F\x8d\x1a\xb5l\xd9\x92V\xfd\xa5\x14E\x11\x04\x81\xff/0\xa8\xce\xdcK\xfb\x1fp\x1cwpp\xe8\xd7\xaf\xdf\x9e={\xb0\x1a-\x15\x87\xec\\ff\xe6\x8b\x17/\xda\xb6m\xcb\x94\xc6l\xea\xc31\xf7\x92\xff\x03\x18\r\xd4\xa0A\x03\x17\x17\x97\xf8\xf8x\x0c\xc3P-P\x8d\x83\xf2\xcef\xe3\xd0\xa1C\xbdz\xf5\xaa\xa5=\xcc\x0f\x05\xc6\x91\xb2X,\x1b\x1b\x1b\x81@\x00\x1b\x12\xd0\xa7FQ\x94^\xaf\xd7h4\x06\x83\x81\xc3\xe1\xd0\xc4\x1df\xb3\xd9:\x9d.::z\xca\x94):\x9d\xae\x06\x8f\xcd\x01\x01\xb8p\xe1B``\xa0\x9b\x9b[ii)\xfd7\x00\xe0H\xc5\x0f\xfa\x11P\xfaZZOM\x01w\xe0g\x9f}v\xe9\xd2\xa5\x193f\xd0\xe4\xde\xb3$\x90\x00\x98\x1a\xc8\xff\xc8\xe5\xf2\xe4\xe4\xe4E\x8b\x16i4\x1a\xb3\xdb\x17\x1c\xc7\xf9|\xbeD"\xd1\xeb\xf5\x8f\x1f?\xce\xc8\xc8x\xf4\xe8QII\x89^\xaf\xb7\xb7\xb7o\xd0\xa0\x81\xbf\xbf\x7f@@\x80\xb3\xb3sYY\x19A\x10t\xf0\x88\xd9l\xb6Z\xadn\xdd\xba5\x86a\t\t\t\xdd\xbau\xab\xa9\xf1p`e\xae^\xbd\x1a\x1e\x1e\xce\x88\xe6\x0c\x16\x8b\x85\xe3\xb8R\xa9\xfc\xa0\x9fb\xb3\xd9"\x91\xa8vVTc\xb0\xd9l\xbd^\xdf\xa1C\x87}\xfb\xf6\xd5\xac\xcc#\x00$\x00\xa6\x06:\x8cn\xde\xbc)\x14\n\x9b7o\xae\xd1h\xcc\xe8\xd7@2\xca\xc9\xc9I&amp;\x93\x1d8p\xe0\xc8\x91#\xb7n\xdd\xaa\xa8\xa8x\xfb\x95\x01\x01\x01c\xc6\x8c\xf9\xfc\xf3\xcf\xed\xec\xec\xd4j\xb5\xd9E\x0b\xc30\x82 lmm\x83\x83\x83O\x9d:\xd5\xad[\xb7\x9a\xb2\xd4\x10[dgg\xcf\x9e=[\xaf\xd7\xd3A\xed\xde\x03A\x10\x12\x89\xe4\xc4\x89\x13111\xd5\xbc(\xb0\xc3\xd1\xa8Q\xa3s\xe7\xce\xf1x&lt;:\x9fm\xc9f\xb3+++\x03\x02\x02\x08\x82\xc8\xce\xce\x0e\x0c\x0c4\xe5Q\x10\xd6\x00\x12\x00S\x03v\xea\xf8\xf1\xe3\x11\x11\x11\xb6\xb6\xb6*\x95\xca\\\x05\xa0$I\xda\xdb\xdbS\x14\xf5\xfb\xef\xbf\xaf]\xbb6\'\'\x07\xfe\xbe^\xbdz^^^\xae\xae\xae&lt;\x1e\xaf\xbc\xbc\xfc\xc9\x93\'\x19\x19\x19\xf7\xef\xdf\x9f7o^\\\\\xdc\xf6\xed\xdb\x9b7o^QQav\r\x80.\xb0&gt;}\xfa\xac\\\xb9\xb2\xa6\xec\x02\xbcOVV\x16I\x92\x01\x01\x01\xf4\xdf\x00\x80\x80\xf2\xd5\xabWeee\x1f\xf4\x83f\xbf|\xd5\x04\xc7qgg\xe7\xa6M\x9b^\xbat\t\t@\x8d\x83\x04\xc0\xd4p8\x1c\x82 \x12\x13\x13\xbf\xff\xfe{3:_p\x04kvv\xf6w\xdf}w\xe6\xcc\x19\x0c\xc3$\x12\xc9\xa0A\x83\x06\x0c\x18\xd0\xa2E\x0bGGG\x1e\x8f\x07\x16V\xa5Reddl\xd9\xb2e\xdf\xbe}III\x91\x91\x91\xff\xfc\xf3O\xe3\xc6\x8d5\x1a\x8dy\x1fEp\x0f[\xb5jUPP\xf0\xf4\xe9\xd3\xc6\x8d\x1b\x7f\xbau\x00yNII\xa9[\xb7\xaeT*e\xca\x06\x80\\.g\xb1X\x8d\x1b7^\xbatiu^OQ\x94\xbd\xbd=\xec?\xd1\xd6\xfd\x07\xe0\x8a\x04\x04\x04\xa4\xa4\xa4\x98{-\x16\x08\x12\x00\x93\x02\xcf\x9bL&amp;\xd3h4\xadZ\xb52\xa3\x83\t\xee\xff?\xff\xfc\x03\xd6\x7f\xec\xd8\xb1\xf3\xe6\xcd\xf3\xf5\xf5\xc5q\\\xa3\xd1TVV\x1a3*\x1c\x0e\xa7e\xcb\x96{\xf7\xeem\xd7\xae\xdd\x9c9s^\xbdz5~\xfc\xf8\x8b\x17/\x9a\xdd\x11\x83*\x11\x0f\x0f\x8f\xfa\xf5\xeb\xa7\xa4\xa44n\xdc\xf8\xd3\xb3@\xf0\x0eIII\xfe\xfe\xfe\x18s\xe6P\x96\x96\x96R\x14U\xbf~\xfda\xc3\x86\x19\x0c\x86\xea\\\x1a\x90v\x13\xac\xed\x13\x01/$$$\xe4\xe2\xc5\x8b\xc8\xfd\xafq\x90\x00\x98\x14\xd8\x00\xb8}\xfb\xb6T*\xf5\xf0\xf0\x80I\x87fY\t4"\xcc\x981\xe3\xd1\xa3G\xad[\xb7\x9e0a\x82Z\xad\x86\x83V\xd8l\xf6\x1b\xabR\xa9T\xe5\xe5\xe5\xd3\xa6M+,,\\\xb2dIRR\xd2\xee\xdd\xbb\xa7L\x99bv\x07\x99$I\x1e\x8f\x17\x10\x10p\xed\xda\xb5\x81\x03\x07~\xba\xbd\x86\x0f\x9e\x91\x911z\xf4h\x16\x8bEs\xef\x18{}~VII\t\x86a\x12\x89D\xa7\xd3U\x7f\xa8\x14\xfd\x83\x1b\x0c\xc3``\xa2\xaf\xafoiiiEE\x85X,\xa6\x7f\xd4\xc2 \x90\x9c\x9a\x14\xb0P7n\xdch\xdc\xb81\x9f\xcf7{w\xbbV\xab\xdd\xb0a\xc3\x981cJJJ\xb4Z-\x97\xcb\xfd\xd7BO\x0e\x87\xc3\xe5r\x15\n\xc5\xec\xd9\xb3===Y,\xd6\x9e={\xcc\x9e\x02\xc2^W\xec\x04\x05\x05\xdd\xbd{\x17\xfb\xe4fQ\xb0,j\xb5Z.\x977k\xd6\x8c\x11\x03\xe0\xaa\n\x80\xb3\xb33\x8f\xc7\xe3T\x1bs\xaf\xbdZ\xb0X,\x83\xc1P\xa7N\x1d\x1b\x1b\x9b\xbc\xbc&lt;\x8c9a\x19#@\x02`R\xc0\xa0&lt;z\xf4\xa8e\xcb\x96\xe6^\xcb\xff\xa3R\xa9`G\xf7\xfd\xd6\x13j\r\x1d\x1d\x1d{\xf5\xeaEQ\xd4\x83\x07\x0f\xf2\xf3\xf3\x05\x02\x81y\x9fF8N\'88\xb8\xac\xac\xac\xb2\xb2\xf2\xd3\xed5\x0c\x1a\xaa\xa8\xa8\xa8_\xbf\xbe^\xafg\x84\x00\xe8t:\x85B\x81a\x98\x93\x93\x93E\xb6\xcb\x12\x04\xe1\xe8\xe8hcc\xf3\xfc\xf9s\x0c\t@\x8d\x82\x04\xc0\xa4@B3??\xbfY\xb3f4)\xbf{;\xe1\xf3.`\xf3\xb0E\x8b\x16\x18\x86UTT&lt;{\xf6\xcc\xecA\x8cq\x1b@\xadV+\x14\x8aO,\xdb\x87\x9f}\xf0\xe0\x81D"quu\xa5\xff\x10\x08\xe3\x91\x12\xd0\x04\xe0\xe4\xe4d\x91\xc6\x11&gt;T\xb3f\xcd\xd2\xd2\xd20$\x005\n\x12\x00\xd3\x01\x8fkYY\x99B\xa1\xf0\xf1\xf1\xa1C\n\xe5C!I\xd2\xc9\xc9\t\xfe\\QQav\xfbh\xcc\x0f\x88\xc5\xe2\x8c\x8c\x0c\xec\xd3fF\x82e\x81\xb3_\xec\xed\xed\xcd\x9e\xa0\xab\x0e\x1c\x0e\xa7\xb2\xb2\x12"\x00ggg\x8b\xcc\x8f\xc3\x83#\x12\x89JKK\xcd\xbd\x16K\x83a\x06\x88\xd1\x80}\x81\x8dS\xb1XL\xffF\xfc\x7f\xa5ju\x90yW\x02\xc0&gt;\xb0D"y\xf5\xea\xd5\'\xbe\x15|\xb4\xd4\xd4\xd4f\xcd\x9a1\xa2\x07\x18\x9a\x00\xca\xcb\xcb\xd5j5\x86aNNN\x8c\x10\xad\x0f\xc5\x18zB\xab\n\xe3\xdc&amp;:\x83\xbeJ\xd3\x01\x06\xe5\xde\xbd{\x12\x89\xa4n\xdd\xba\x06\x83\x81q\xce\x1a\x9b\xcd\x06g\x93\xc5b988\xd0\xc1\xdc\x80{\xe8\xed\xed\x9d\x94\x94\x84\xd5D~\xa0\xb8\xb8X"\x910B\x000\x0c\xe3p8J\xa5R\xab\xd5b\x18&amp;\x91H\xe0$\x03s/\xaaVpqq\x91\xcb\xe5\xe6^\x85\xa5\x81\x04\xc0\xd4\xd8\xd9\xd9\xe9\xf5z:\x98\xce\x0f\x05L-Tb\x88D"ww\xf7j\x96\x9c\x9b\x00\xadVkkk[#o%\x10\x08\x98r&lt;\x03D\x00\n\x85\x82\xa2(\x1b\x1b\x1b\x10\x00s/\xaaV\x80\xcd\x1e\x1e\x8fg\xee\x85X\x1a\xb4xz\xad\x8a\x9c\x9c\x9c\x06\r\x1a\xd0d\x08\xe8\x07\x01\x0faRR\x12\x8b\xc5\xf2\xf4\xf4\xa4I\x9d\x0c\xb8\xea^^^\xf9\xf9\xf9\xd8\xeb:\xab\x8f~+\x0c\xc3\x1e&lt;x\x10\x12\x12\xc2\x94d:\x9b\xcd\x86\xcc\xb8\xbd\xbd\xbdH$\xd2\xeb\xf5\xc4k\xc8\xd7\xc0|o\x82 \x18w\xcb\x01P\x9a\xe5\xef\xef_ZZ\xaaT*\x99\x12\x9c1\x02\xd4\x08f:\xe0\xae\x05\x01`\\\xb9\x1eI\x92\xb6\xb6\xb6\x0f\x1f&gt;\xbcu\xeb\x16EQ]\xbatqpp\x90\xc9d49\xc9\xb2i\xd3\xa6\xc7\x8f\x1f\xc7jB\x00\x14\n\x85q\xa3\x9b\xe6@L\x06M\x00b\xb1\xd8\xd1\xd1Q,\x16c\xafG=W\xdd\xad\x81\x01$\x95\x95\x95\xd0\xdc@\x93\xb8\xad\x9a@\t\xb2T*\xd5\xe9t\xe0s0\xeb\xd9\xa13\xb4xz\xad\n&gt;\x9f\xcf\x88\x16\xfc7\x80\xd1\x11\x7f\xfe\xf9\xa7J\xa5\xb2\xb1\xb1\x196l\x18\xad\xaa\x98\xf4z}M\xe5\x07\xb8\\.\x8e\xe35\xf2V\xa6\x01\x06\x01\x89\xc5\xe2W\xaf^]\xbcx1;;\xfb\xd9\xb3g\xc5\xc5\xc5j\xb5\x9a \x08&gt;\x9f\xef\xe4\xe4\xe4\xe1\xe1\xd1\xa2E\x8b\xd6\xad[{xx\xe8\xf5z3\x8e \xfc8@\x03\x18\xd1\x9b\xcd,\x98t\x13X\x06L\xc9-T\x05\xac\x7fFF\xc6\xce\x9d;1\x0c\x1b4hPHHHii)}\x8cH\rz\x85\x0c\xba@\xd0V\xf2\xf8\xf1c\x8a\xa2\x1e&gt;|\x18\x14\x14\xf4~\xe9rss\x8b\x8c\x8c\x9c6mZHH\x08\xb4M0\xe5\x93b\x9f\x16\xdb!\xde\x05]\x1e`\x04\x9d\x81\xd1\xa1_\x7f\xfd\xb5R\xa9\x94H$\x0b\x16,\xa0\x95\xfbo\xb5\x80_\x1c\x1a\x1az\xe8\xd0!\xb5Z-\x95J\x9b6m\xda\xa4I\x93z\xf5\xeaI$\x12\x1b\x1b\x1b\x98\xf8\xf6\xea\xd5\xab\x8c\x8c\x8c\xf4\xf4\xf4\xa2\xa2\xa2?\xff\xfc\xf3\xd0\xa1C\xdf~\xfb\xed\xbcy\xf3***\x18\xa4v\x88\xda\x00\t\x00\xe2?0\x18\x0c\xae\xae\xae+V\xac8}\xfa4\x86a\x8b\x17/\xf6\xf1\xf1)))\xa1\x8f\xfbo\xb5\xc0\xb1\xe9s\xe6\xcc\t\x0c\x0c\xc4q\x1c\xe6x\xdb\xda\xdaB\x8b\x86\xd1\xb8\x93$\xa9\xd1h\xf2\xf2\xf2\xe2\xe2\xe26m\xda\xa4T*\xbf\xfb\xee\xbb\x97/_\xfe\xfa\xeb\xaf\xe5\xe5\xe5H\x00\xac\x19\xf4\x0c\x9b\x1af=o\x06\x83\xc1\xd9\xd9\xf9\xc4\x89\x13\x8b\x16-\xc20l\xe8\xd0\xa1S\xa7N\xa5U\xf2\x07\xa8AO\x96Y{\x8c,\x16\xab\xa2\xa2\xa2s\xe7\xcel6[\xab\xd5\xea\xf5z\xadV\xfb\xc6\xfaa\xd7\xd7\xd3\xd3s\xc9\x92%\x03\x06\x0c\x189rdvv\xf6\xe6\xcd\x9b\x9b6m:s\xe6L\x1a^\xcd\x7f\x85A\x17\x85A\xa0(\xde\xd4\xe08\xce\x94\xe4\t\x8e\xe3\x12\x89$%%%&amp;&amp;F\xaf\xd7\xb7l\xd9r\xcb\x96-j\xb5\x9a\x86\xeb\xe7r\xb95U\x02o0\x18\x98u\xf6,\xc4\x01eee\xd0Z\x08\xa3[\xab\x02\x13^\xb5ZmQQQ``\xe0\xb1c\xc7\xea\xd4\xa9\xc3f\xb3\x7f\xfc\xf1\xc7\xbc\xbc&lt;[[[\xfa\xdbV\x8a\xa2\xe0\xf4J&amp;6\xd0\xd0\x19\xda=\xc9\x16\x0c\xb8\xa8\xadZ\xb5\xca\xc9\xc9\xa1\xc9\xd1\xea\xef\x81 \x08\xa1P\xf8\xfc\xf9\xf3\xa1C\x87\x96\x96\x966j\xd4\xe8\xc0\x81\x03\x02\x81\x80n\r\xcc\xe0\xfb\xa7\xa4\xa4\xf8\xf9\xf9a\x9f\xe6\'\xc2\xcf6j\xd4\xe8\xd1\xa3G\xb4\xfa\x8c\xff\t\x9b\xcd\xfe\xd79\xdeo\xbc\x86\xcf\xe7\x97\x94\x94x{{/^\xbc\x98$\xc9\xb2\xb2\xb2\xdd\xbbw\x0b\x85B\x9a\xb7\x8fQ\x14%\x10\x08\x9e&gt;}\xea\xe0\xe0 \x12\x89\xd0\xbeE\rBk\x1bd\x918;;\x97\x95\x95\xd1\xdc\xe7\x82\xf3\xd6\x15\n\xc5\xc0\x81\x03\x1f?~\xec\xec\xec\x1c\x17\x17\xd7\xa0A\x03\x9a\x1c\x07\xff6\xa5\xa5\xa5\x12\x89\x04\xab!\x01x\xf8\xf0\xe1\'\xbe\x15m\xe1\xf3\xf9pY\xe1\\\x87\xbf\xff\xfe\x9b\xb6\xd7\xd4\x08\xd4 &lt;y\xf2\xc4\xc1\xc1\xc1\xce\xce\xce"\xaf\x8b\xb9@\x02`\x06\xd8l6\x9dg\xb6\x10\x04acc\xa3\xd1h\x06\x0e\x1c\x98\x9e\x9e.\x12\x89\x0e\x1c8\x10\x12\x12RVVF\xcfd1X\x84\x9a\x8a\xa8\xd4j\xb5\xbd\xbd}\x8d\xbc\x15=\x81\xa6\xaa\x88\x88\x08\x8a\xa2\xf2\xf2\xf2\n\n\n\xf8|&gt;\xcd\xad*\x1cb\x0c#\x8f\x105\x08\x12\x00\xd3\x01\x16*88X.\x97\x17\x14\x14\xf0x&lt;\x1a&gt;u$I\xf2\xf9|\x1c\xc7\x07\x0f\x1e|\xeb\xd6-;;\xbb\xbd{\xf7v\xe9\xd2\x85\xb6[\x85\xb0g\x9b\x91\x91\x11\x16\x16\x86\xd5D\'\xb0\xb7\xb7\xf7\xb3g\xcf\xe8\xac\xd0\x9f\x0e\x8b\xc5\xf2\xf6\xf6\xc60\xac\xac\xac\xac\xb8\xb8\x98\xcb\xe5\xd2\xf0V|\x83\x87\x0f\x1f6i\xd2\x04\xb3\xd0\xc8\xcc\\ \x010)\xe0\xc8@*\x96\x86O\x1dI\x92\\.\x97\xc5b\r\x1f&gt;\xfc\xca\x95+\x02\x81\xe0\xaf\xbf\xfe\xea\xdb\xb7\xafL&amp;\xa3\xed\x1c.\x0e\x87\xa3V\xab5\x1a\x8d\x9b\x9b\x1bV\x13EVM\x9a4y\xf9\xf2%\xb3\x9a\xa4&gt;\x08\x90L\xa9T\x8aa\x18\x8e\xe3\xf4o\xe9\x80\xa4\x7f~~~\xdd\xbau1$\x005\n\xad/\xbc\x85\x01\x0f\x9eX,\x96H$\xd9\xd9\xd9666\xb4\xba\x95\xe1\xc0z&gt;\x9f?f\xcc\x98s\xe7\xceq\xb9\xdc\x1d;v\x0c\x1a4\xa8\xb8\xb8\x98\xb6\xd6\x1f\x8aC\n\x0b\x0b\xcb\xcb\xcb}}}\xb1\x9a\x88\x00\xea\xd5\xab\xa7\xd7\xeb!\xe2\xa1\xd5\x05\xaaY\xa0\x9c\x06\xaa\x86h\xfe1\xa1\xe1\xb9\xa8\xa8\x08"\x00K\x15f\xb3\x80\x04\xc0\xa4\xc0\x93\xd6\xbcy\xf3\x8c\x8c\x0cZ\xd5\x9b\xc3X1;;\xbb\x98\x98\x98\xe3\xc7\x8f\xb3\xd9\xec\xdf~\xfbm\xe4\xc8\x91t\xb6\xfe\x18\x86\xc1\x18\xe4\xdc\xdc\\\x89D\xe2\xe0\xe0\xf0\x89\xf5!\xf0\xb3\x8d\x1a5R\xa9T\n\x85\x82\xe6[\xa3\x1f\r\\k\x98!\xca\x88!\xd2\xf0\xa4&lt;\x7f\xfe\xbci\xd3\xa6\xe6^\x8b\xa5\x81\x04\xc0\xa4\x80\xc5\xf7\xf4\xf4LMM\xc5h\xe3\xcb\xc0\xaaD"\xd1\xe4\xc9\x93\x0f\x1c8\x80a\xd8\x86\r\x1bbbb\xe8\x9c\xf9\x01 g\x95\x9a\x9a\xea\xe8\xe8\xf8\xe9\x07\x14\x83\xa1\x11\n\x85R\xa9\xf4\xd1\xa3Gt\x0b\xd1j\np\xa83331\x0csss\xabS\xa7\x0e\xddJ{\xab\x02A^QQ\x91Z\xad\x06\x01\xa0\xedR\x99\x08\x12\x00\x93\x02\xc9\xd6.]\xba\xbcx\xf1\x82&amp;\x1dU\x14EQ\x14%\x91Hf\xce\x9c\xf9\xc7\x1f\x7f`\x18\xf6\xcb/\xbfL\x9d:\x95&gt;\xa3\x9e\xff\x93\xf4\xf4\xf4\x8e\x1d;b5\x91\x1d\x86=pWW\xd7G\x8f\x1eYd\n\x08\xeciqqqbb"\x8b\xc5\n\x0c\x0ctvv\xa6\xbf\x00\xc0y\x9f\xb0\x07@\xdb\xa52\x11\xf3\x1b \xab\x02\xee\xdd\x80\x80\x80\xf2\xf2\xf2\xdc\xdc\\\xb37aR\x14E\x92\xa4\xa3\xa3\xe3\xbcy\xf3\xb6l\xd9\x82aXll\xec\x9c9s\x98b\xfd9\x1c\x8eF\xa3\xb9\x7f\xff\xfe\xa7\x97\x00\x01p9\x82\x82\x82\x92\x93\x93A\x1ak`\x95\xb5\xc9\x87\xae\xd0`0\x88\xc5\xe2C\x87\x0e={\xf6\x8c\xa2\xa8\xfe\xfd\xfb\xd3\xdc\x9eB\x96/==\xbdN\x9d:"\x91\x88$I\x9a/\x98Y \x010)\x10}\x8b\xc5b\x17\x17\x97\x1b7n\xc0\xbcF3\xae\x87$Igg\xe7\xef\xbf\xff\xfe\x97_~\xc10\xec\xc7\x1f\x7f\xfc\xe6\x9bo\x982\xe8\x8d\xa2(8\xa3F\xa1P\x04\x07\x07c5\xd1\nP\xb5[\x9b$I:\x84h\xef\x07f`T\xf3.\xd2\xeb\xf5R\xa94;;{\xe9\xd2\xa5\x18\x86\xf9\xf9\xf9\xf5\xeb\xd7\xaf\xbc\xbc\x9c\xce\xbb\x1d\xb0\xaf\x93\x9a\x9a\xea\xef\xef\x8f\xbd\xde\xbbF\xd4\x14t\xbf\xbf-\x0fpaz\xf6\xec\x99\x90\x90`\xde}`\x82 \x9c\x9d\x9d\x97.]\n\xe6`\xee\xdc\xb9\xdf}\xf7]aa!EQx\xf50\xef\xe6!I\x92666\xd7\xaf_\xf7\xf6\xf6vuu\xad\x11\xdf\x10\xde!$$\xa4\xa4\xa4\xa4\xb0\xb0\x90\x9e\xbd\x1aF(\x8a\x82\x01\xdd\xf6\xf6\xf6$I\x1a\xcf}|\x03\xf8\'\x92$\xdd\xdc\xdc\x9e?\x7f&gt;l\xd8\xb0\xa2\xa2"\x0c\xc3V\xadZeooO\xff\x1d`\x92$\x1f&lt;x\xd0\xbauk\x0c\xe5\x7fj\x1a\x068z\x16\x06\xdc\xc1\xbd{\xf7\x1e5j\x94R\xa94\x97\x89!\x08B*\x95\xfe\xf2\xcb/\x0b\x17.\xe4\xf3\xf9\x0b\x17.\xfc\xfe\xfb\xef\t\x82pss\xab\xce3\x06k&amp;I\xb2\xbc\xbc\xbc\xf6\x17\xfbNX,\xd6\xc9\x93\';w\xee\x0c\x8b\xf9t\x87\x1d\x8e\xeal\xd4\xa8\x91P(LII\x89\x8c\x8c,++\xa3\xa7\xd1\xa1(\n\xaa\xb6\\\\\\&amp;M\x9a\xe4\xeb\xebkggg0\x18\xe0X`c\x95\'\x8c\x00\xe2\xf3\xf9\x95\x95\x95{\xf7\xee\xfd\xee\xbb\xef\x9e&gt;}\x8aa\xd8\xaaU\xabz\xf6\xec)\x97\xcbi\xee\xfe\xf3\xf9\xfc\x82\x82\x82\xe7\xcf\x9fw\xea\xd4\t\xab\xb9~o\x04\x80\x04\xc0\xd4@\xd9uHH\x88@ HOOo\xdb\xb6mEE\x85\x89ok\x82 \xc4bq\\\\\xdc\xdc\xb9s\xf9|\xbeD"Q\xa9T\xb3g\xcf\xae~\x19%\xf8eu\xea\xd4\x99&lt;yrm\xaf\xf6]p\xb9\\\xb9\\\xfe\xe8\xd1\xa3\xd8\xd8X\xac\xe6L\x03A\x10\\.7(((!!\xa1o\xdf\xbe\xb4M\x04Q\x14\xc5\xe5r\x9f={\x16\x1f\x1f\xbfk\xd7\xae6m\xdat\xee\xdc\xb9e\xcb\x96\x8d\x1b7\x86\x9a(6\x9b\x8d\xe3\xb8J\xa5z\xf6\xec\xd9\xed\xdb\xb7\x8f\x1f?~\xeb\xd6-\x0c\xc3\xec\xec\xecV\xacX1u\xeaT\x9a[\x7f\xec\xb5\xc8]\xbbvM$\x125l\xd8\x10\x8d\x81\xabq\x90\x00\x98\x01\x18\xb5\x16\x11\x11q\xec\xd8\xb1\x8e\x1d;\x9a\xde\xc4@e\xc5\x8d\x1b7(\x8a\xd2\xeb\xf5\xc5\xc5\xc5+W\xae\xfc\x88\xf7qrr\x9a2e\x8a\xb9"\x18\x89Dr\xe2\xc4\t\x07\x07\x87\x16-Z\xd4\xe0w\x08&amp;\xa6K\x97.[\xb6l\xa1\xf9\xecn\x83\xc10u\xea\xd45k\xd6dgg\'$$$$$`\x18fkk\xeb\xe8\xe8(\x12\x898\x1c\x8eN\xa7+--U(\x14\xc6\x1f\x89\x8c\x8c\xfc\xfe\xfb\xef\xdb\xb4iC\x7f\xeb\x8f\xbd.\xf3=\x7f\xfe|`` \x87\xc3\xc1q\x9c\x11\xbbS\x0c\x02}\x9bf\x00L\xcc\xb0a\xc3\xe6\xcc\x99SYYi\xfa\xe7\x90\xc5b\x19\x0c\x86\x80\x80\x80\x88\x88\x08\x0e\x87\x03=\xc0\x1f\xfa\x0e\x14Eyxx\xd4\xd2\n\xff\x13\xf0\x7f\x8f\x1c9\xd2\xb3gOpuk\xcaR\xc3\xfbt\xea\xd4\xe9\x9bo\xbey\xfa\xf4\xa9\x9b\x9b\x9b^\xaf\xa7\xa1\xe3\xc9f\xb35\x1a\xcd\xb8q\xe3\xa2\xa2\xa2\xae^\xbdz\xfe\xfc\xf9\xbbw\xef&gt;~\xfc\xb8\xac\xac\xec\xe5\xcb\x97U_ioo\xdf\xb4i\xd3\x88\x88\x88\xe8\xe8\xe8\xf6\xed\xdbS\x14E\xdb\xc9No\x00W\xf6\xea\xd5\xab_\x7f\xfd5\x866\x00j\x01\x1a5\xa3Z\x15\x14E\x19\x0c\x86\xa6M\x9bn\xdc\xb8\xf1\xb3\xcf&gt;+++3\xb1\x0c@v\xf5\x13O&gt;\x81\xb3\x06kjI\xd5\x07\xac\xbfJ\xa5\n\n\n\xbat\xe9\x92\xbf\xbf\x7f\xcdFQ\xf0n]\xbbv\x1d6l\xd8\xe7\x9f\x7fNgg\x19\x12VB\xa1\x90\xc3\xe1\x94\x97\x97\x17\x15\x15\x15\x15\x15)\x14\x8a\xca\xcaJ\xd8$\x17\x8b\xc5\xee\xee\xee\xee\xee\xee\x0e\x0e\x0e\x06\x83\xa1\xa2\xa2\x02cH&amp;\x1d\n@\xf3\xf2\xf2\x06\r\x1at\xeb\xd6-\xa9T\x8aR@5\x0e\x03\xbc\x00\x8b\x04\x1a\x8e\x06\x0c\x18\xb0}\xfb\xf6\xbe}\xfb\x9a^\x86Y,\x96^\xaf\xd7\xe9t\x9f\xf8&gt;f1%\xb0\x83\xbd}\xfb\xf6F\x8d\x1a\xf9\xf9\xf9\xd5x\x0e\r\xde0""\xe2\xc8\x91#_|\xf1\x05\x9d\x9d$\x08\xe0\x94J%\x88\xa2\xbb\xbb\xbb\x87\x87\x87\xf1p\x18(\x01\x82\x9d\xe1\x92\x92\x126\x9b\xcd\x08\xd3\x0f\x10\x04aggw\xf2\xe4Iwww\xa9TJ\x10\x04me\x98\xb9 \x010\x0f\xf0\x1c\xce\x9d;\xb7e\xcb\x96\x8f\x1e=\xaaS\xa7\x8e\xe9\xf3\x0c\xcc\x1dx\xc9f\xb3\r\x06\xc3_\x7f\xfd\xf5\xed\xb7\xdf\xc2vt\x8d\xbf?\x86a\x03\x07\x0e\xdc\xbcy\xf3\xcb\x97/E"\x11\x8e\xe3\xb4\xfd\xae`\xa0\x1b\xfc\x19D\xbd\xaab\xb1^\xc3\x88\x9cOU\xe0\xca\x1e?~|\xe4\xc8\x91\x18\x1a\x02Z;0\xc6\x1d\xb00X,\x16A\x10\xf5\xea\xd5\x0b\x0b\x0b\xdb\xb7o\x1f\xfd\x8f\xe5\xa3\x0f$I\n\x85\xc2\x1b7n\xe8t\xba&gt;}\xfa\xc0h\xb3\x9a\xfd\x15l6\x9b$I\x7f\x7f\xff\xc6\x8d\x1b\x9f9sF(\x142\xa5\xff\x08\xea&gt;9U`\xb3\xd9\xb4\x95\xae\xf7\x00\xf5?\x99\x99\x99\x85\x85\x85C\x87\x0e\xc50\x0c\xb9\xff\xb5\x01\x12\x003\xf3\xd5W_\xfd\xfe\xfb\xef\xd0\x10`\xee\xb50\x03\x92$\x05\x02All\xec\x90!C\xa0\x8f\xa96\x0c\x1c\xb4\x95\x8d\x1e=\xfa\xf7\xdf\x7f\xaf\xf17G\xfc\'\x90\xff\xd9\xb1cGppp\x9d:u,\xfb|\x1e3\x82\x04\xc0l@\xf6\xb6}\xfb\xf6...[\xb7n\x95H$8\x8e\x9b{Qt\x87$I\x91Ht\xf3\xe6\xcd\xa4\xa4\xa4i\xd3\xa6Q\x14UK\x8e!\xb4k\x0c\x1c8\xf0\xd5\xabW\xd9\xd9\xd9\xe8(Z\x13\x035\xac\xff\xfc\xf3\xcf\x84\t\x13\xd07_{ \x010\'P\xd5\xb0l\xd9\xb2u\xeb\xd6\x95\x95\x95\xa1 \xe0?\x81\xca\x96\x1f~\xf8a\xec\xd8\xb1nnn\xb57\x1a\x0c\x12\xd0u\xeb\xd6m\xdb\xb6\xed\xfa\xf5\xeb\xed\xec\xecP\x8e\xced\x10\x04\xe1\xe0\xe0p\xfc\xf8q\xadV\x1b\x19\x19\x89\xa1\xfcO\xad\x81\x04\xc0\x9c@\x10\xf0\xd9g\x9fyxxl\xd9\xb2\x05\x05\x01\xef\x87$I\x07\x07\x87\x1b7n\xa4\xa5\xa5}\xfb\xed\xb7\xb5\xdd@\x07\xbd\x0e\x0b\x16,8{\xf6\xac\\.\xff\xc4\x92YD\xf5\x81\x8a\xa6\xdf\x7f\xff}\xca\x94)0\xed\xce\xdc+\xb2X\x90\x00\x98\x1f\x8a\xa2\xb6o\xdf\xber\xe5\xca\xa7O\x9fZ\xea!$5\x0240O\x992e\xd1\xa2E...\xb5]\x15\x0es\x81BBB G\xe7\xe0\xe0\x80\xe4\xd9\x04@\x96/111--m\xec\xd8\xb1\xb5\x97\xe5C`H\x00\xcc\x8e\xb1\xe0\xa4W\xaf^\x8b\x17/\x86\x8aCs/\x8a\x8e\xe08\xee\xe4\xe4\xb4o\xdf&gt;\xadV;q\xe2D\x82 LP\xd2\x0eb\xfc\xe3\x8f?\xee\xda\xb5\xcb`0 Kd\x02\x08\x82\xb0\xb1\xb1\xd9\xbcy\xf3\xc8\x91#]\\\\\xd0\x01\x00\xb5\n\xea\x046?0\xb3W\xa9Tzzz\x1e:t\xa8C\x87\x0e4\x1f\xd1nz\xc0\r\xd4\xeb\xf5&gt;&gt;&gt;\x07\x0e\x1c\xe8\xd6\xad\x9b\xc9\xda\x82 \xd1\xd4\xae]\xbb\xa9S\xa7\x0e\x1f&gt;\xdc\x82\xcf\n\xa6\x03\xd0\xa0\xfe\xea\xd5\xab^\xbdz%&amp;&amp;\xba\xb9\xb9ah\x02Dm\x82"\x00\xf3\x03\xb9fGG\xc7\xb5k\xd7\xc6\xc4\xc4\x80\xa7\x89\x84\xb9*8\x8e\x8b\xc5\xe2\x89\x13\'\xf6\xec\xd9\xd3\x94\xd6\x1f{\x1d\x04,X\xb0`\xed\xda\xb5\x182F\xb5\x0c\x8e\xe3B\xa1p\xf5\xea\xd5\xbd{\xf7\xaeS\xa7\x0er\xffk\x1b\x14\x01\xd0\x050j=z\xf4h\xdc\xb8\xf1o\xbf\xfdV\\\\\x8c\x8a\x82\x00\x1c\xc7]\\\\\x0e\x1e&lt;8s\xe6\xcc\xbc\xbc&lt;[[[\x1377A\x10\xd0\xbau\xebQ\xa3FM\x9f&gt;\x9d)\x93\xd4\x18\x07I\x92\xb6\xb6\xb6\x99\x99\x99QQQ\xa9\xa9\xa9\xae\xae\xae\x18R\xdcZ\x06\t\x00]\x80^S\x99L\xe6\xed\xed\xbdo\xdf\xbe\x1e=z\xc8\xe5rdh`h\x92J\xa5\xf2\xf7\xf7\xdf\xbd{w\xaf^\xbdL?\x13\x06~\xe3\xd9\xb3g\xc7\x8c\x19\xf3\xe4\xc9\x13\x83\xc1`\xca\xdfn=\x80\xd2w\xeb\xd6\xcd\xcf\xcfo\xdd\xbauh\xf8\x8f\t@\x02@#\xe0\x8e?u\xea\xd4\x981c222\x84B\xa1^\xafg\xd0\xf4\xae\xda\x00\xce\xaco\xdf\xbe}\x9b6m\xd6\xae]k\xae\x89\xf0pi&gt;\xfb\xec\xb3\xd0\xd0\xd0\xa5K\x97\xcad2\xa4\xcd5\x0b\xd4\xfe_\xbe|y\xd2\xa4I\xa9\xa9\xa9b\xb1\x98\xb9\xb3\xaa\x18\x04\x12\x00z\x01\x06n\xce\x9c9\xb7n\xdd\xba~\xfd\xba\\.g\xe8,\x97\x1a\xc1`0\xb8\xba\xba~\xfd\xf5\xd7\x17/^\xbc{\xf7\xae\x19\xcf\x03\x81dtvvv\xcb\x96-\xef\xdd\xbbW\xa7N\x1d\xadVk\xe5\xda\\\xb3\x90$)\x91H|||f\xcf\x9e=u\xeaT\xe4\xfe\x9b\x06$\x00\xb4\x03\xcc\\ppphh\xe8\xf6\xed\xdb\xadv3\x00\xac\xff\x81\x03\x07\xc6\x8e\x1d\xfb\xfc\xf9s(\xfc7\xa3\xcd\x05\x93\xf4\xd5W_%%%]\xbdz\xb5\xb4\xb4\x14Y\xa8\x9a\x02\x92?\x0b\x17.\xfc\xfb\xef\xbf\xef\xdc\xb9\xf3\x11\'\x14!&gt;\x0e\xe4\xc2\xd0\x0eh\x0f\xbex\xf1bBBBll\xac\xab\xab\xab\x15&amp;\x9dq\x1cwtt\xbc|\xf9\xf2\xf4\xe9\xd3\xaf\\\xb9\xe2\xea\xeaj^\xeb\x8fa\x18\x9b\xcd&amp;\x08b\xc5\x8a\x15\x05\x05\x05{\xf6\xecqrrB\x1d\x1b5\x02\xec\xfd\xe6\xe6\xe6n\xdd\xbau\xf7\xee\xdd(\xf3cJP\x04@G\xa0\xec$//\xafy\xf3\xe6\xf1\xf1\xf1\xbd{\xf7\xb6\xaa8\x00\xc7q\x91H\xa4P(\xbc\xbc\xbc\xb6l\xd92f\xcc\x18\x9a\x1c\x06\x0bA\xc0\x85\x0b\x17\x86\r\x1b\x96\x93\x93\xc3\xe3\xf1\xe8|N\x00S\x00\xf7?"""&lt;&lt;&lt;66\x96&amp;\xd7\xdaJ@\x11\x00\x1d\x01g\xd3\xd3\xd3311q\xcc\x981\xe7\xcf\x9f</t>
        </is>
      </c>
    </row>
    <row r="65">
      <c r="A65" s="1" t="n">
        <v>63</v>
      </c>
      <c r="B65" t="inlineStr">
        <is>
          <t>size_grid</t>
        </is>
      </c>
      <c r="C65" t="inlineStr">
        <is>
          <t>What is the size of the missing part denoted with a question mark?</t>
        </is>
      </c>
      <c r="D65" t="inlineStr">
        <is>
          <t>['medium', 'small', 'large']</t>
        </is>
      </c>
      <c r="E65" t="inlineStr">
        <is>
          <t>medium</t>
        </is>
      </c>
      <c r="F65" t="inlineStr">
        <is>
          <t>There are circles arranged in a grid formation with varying sizes in the image. The sizes in the first row are ['medium', 'large', '?'], the sizes in the second row are ['large', 'small', 'large'], and the sizes in the third row are ['medium', 'large', 'medium'].</t>
        </is>
      </c>
      <c r="G65" t="inlineStr">
        <is>
          <t>We observe that the circles at the corners are medium size, while the circles directly adjacent to the center are large size. Only the center circle is small size. Hence, the pattern is that the circles alternate in size depending on if they are at the corner or adjacent to the center.</t>
        </is>
      </c>
      <c r="H65" t="inlineStr">
        <is>
          <t>Based on the pattern that the circles alternate in size depending on if they are at the corner or adjacent to the center, the size of the missing part that is at the corner should be medium.</t>
        </is>
      </c>
      <c r="I65" t="inlineStr">
        <is>
          <t>b'\x89PNG\r\n\x1a\n\x00\x00\x00\rIHDR\x00\x00\x02\x00\x00\x00\x02\x00\x08\x02\x00\x00\x00{\x1aC\xad\x00\x00n\x97IDATx\x9c\xed\xddy|\x14E\xda\x07\xf0\xa7\xba{f2\xb9\'\x07\xb7\\\x92\x03C\x08\x84\x84[$\xdc,^\xbb \x87r%B\xe4Eq\x83"\x82\xebz\xbb\xab\x1c\x82\xae\xa0\x12$(",\xae+(,\x84C\x94S\x8c\x04L\x02\x81!\x1c\x81\x90\x0b\xc859g\xba\xaa\xde?Jf\xb3\x80J d\x8e~\xbe\x9f\xf7\xe3g\xdfd\x12:3O\xd7\xaf\xaa\xba\xba\x9ap\xce\x01!\x84\x90\xf6H\x8e&gt;\x00\x84\x10B\x8e\x81\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85\x01\x80\x10B\x1a\xa58\xfa\x00\x10jj\x9c\xf3\x1b~\x9d\x10\xd2\xc4G\x82\x90ca\x00 w\xc6\xeb\x01\x00I\x92\xec\xff\xbd\x1ec\xcc\xfe_RO\x13\x1e/BM\x8a\xfcZo\x08!\x17%\x9a{\xc6\x18!D\x96\xe5\xeb_\xc0\x18+//\'\xe4\x97\xe2\x17\xff\xc3\xc3\xc3\xc3h4\xde\xf0\xc5\xe2WI\x92\x84a\x80\xdc\x0c\x06\x00r\x13\xa2\xd1\xe7\x9c+\xca\x7f\xc7\xb5\x94\xd2\xfc\xfc\xfc\x9c\x9c\x9c\xcc\xcc\x8c\xcb\x97/\xa7\xa5\xfd\xa4\xaajQaaaQ!\x01\xc2A\x14?\x01\xe0\xde^\xde\x9dB:q\x0e\x91\x91\x91AAA111w\xdduW\xbbv\xed&lt;==\xeb\xff6\x00\xc0$@n\x03\x03\x00\xb9&lt;\xce9\xa5\xd4\xde\xeeSJ\xcdfsjj\xea\xbe}\xfb\xccfsn\xee\xb9\x8a\n\xcb-\xfcZ\x83A\xdf\xaaU\xab\xb0\xb0\xb0\xde\xbd\xfb\x0c\x1b6,**\xca\x1e\x06\xaa\xaaJ\x92\xf4kSI\x08\xb9\n\x0c\x00\xe4\xc2D\x97\\\xcc\xf3PJ\x0f\x1d:\xb4q\xe3\xc6\xad[\xb7\x9e:e\xae\xab\xb3\xd6\x7f\xa5\x8f\x8f\x97\x97\x97\xe7=\xa1\xed%E\xf6\xf3\xf1\xea\xda5\x94S&amp;\xba\xf1\x9cs\xa2\xe8r\xcf\xe5\x9d\xcf+$\xb2\x9c\x93s\xbe\xa2\xa2\xf2JI\xd95\xffV\x87\x0e\xed\xe3\xe2\x06=\xf4\xd0C\x03\x07\x0e\xf4\xf5\xf5\x85\xabc\x0e\x1c\x10 \xd7\x85\x01\x80\\\x12\xa5\xd4\xde\xf2\xe6\xe5\xe5\xad_\xbf~\xed\xda\xb5G\x8f\x1e\xfd\xef+\x08i\xdf\xaeu\x8f\xee\x9d\xa3\xa3\xc2b\xba\x85w\x0e\xeb\xe8\xeb\xe7\xed\x17l\x02I\x06\x89\x00\xe8\x00\xeaW&gt;\x01P\x81Q \xa4\xe6riUU\xcd1\xf3\xb9#\x19\xe6\xcc\xacSi\x87\x8f\x9d\xca\xc9\xad\xad\xad\xb3\xbf\xb4]\xbbvc\xc7\x8e\x9d8qb\xd7\xae]\xed\x07s\xc3\x8b\r\x0899\x0c\x00\xe4b\xc4D\xbfhp\x0f\x1c8\xf0\xf1\xc7\x1f\x7f\xf5\xd5\xbfKK\xcb\xc4wM&amp;\xdf\x98\xe8\x88\xe1\x83{\x0f\xb87&amp;"\xbc\xbdgP\x00\x80\x02\xa0B\x9d\x15(c6\x1b\x00p\x0e\x9c3\x80\xfa\xddv\xfe\xcb\x82\x1f\x0e\x92N\x01Y\x02\x83\x1e\x88\x02\xc0i\x85\xc5|\xfa\xc2\xa1\xb4\x8c\xcd\xa9\xfb\x0e\x1f&gt;~.\xf7\xa2\xf8\x01\xbd^?p\xe0\xc0\x993g\x8e\x1c9R\xaf\xd7\x8b\xd1\x00\xc6\x00r-\x18\x00\xc8e\xd4\x9f\xeb\xdf\xb5k\xd7\x82\x05\x0b\xb6o\xdfn\xffn\xff\xbe\xdd\x1fz n\xfc\x98\xe1m:\xb6\x01I\x07\xcc\x065u\xd4\xa6r\xce\xed\xeb9of\xaeF\x9c\x11\x8cq\xce9! +2\x18\x0c\xa0\xd3\x030KQ\xc9\xc6-\xbb\xff\xbd\xf1\xdb\x1d\xdf\x1e\xac\xaa\xaa\x11\xaf\xef\x1a\x19\x994{v||&lt;\xfc\xef\xb8\x04!\xe7\x87\x01\x80\\\x83\x98m\x07\x00\xb3\xd9\xfc\xf6\xdbo\xafNIa\x9c\x03\x80\xd1\xe8\xf1\xe8\xd8\x91\tS\xff\xd8\xb7O\x14\x18\x8cPW\xc3j\xeb\x18\xe3D"Rc\xac\xe2\x17\xc3\x05\xc69\x01\x90\xf5:\xf0\xf4\x02\xceNd\x99\xff\xf9E\xea\x8a\x95_\xe4\x17\\\x12/\x1b2d\xc8\xbcy\xf3\x06\x0f\x1e\x0c8#\x84\\\x07\x06\x00r\x01\xaa\xaa*\x8ab\xb5Z\x17,X\xb0d\xc9;%%\xa5\x00\x10`\xf2K\x88\xff\xe3\x94\t\xa3\xba\xc4D\x01\xb3\xf1\xcajJ\x99,\xdf\xc1\x0e\xf8/\xb7\x17\x00H^F\xd0\x19\x8br\xcf\xafY\xbfuU\xca\x97\xd9\'\xcf\x02\x00!$&gt;&gt;\xfe\xf5\xd7_o\xd5\xaa\x15\x0e\x05\x90K\xc0\x00@NM\xdc\x97+I\xd2\xfe\xfd\xfbg\xcc\x98\x91\x95\x95\x05\x00F\x83a\xc2\xf8\x91s\x9fI\x08\xeb\x1a\x01\xb6*ZUC\x80Hr\xd3-\xcad\x8c1\xc6\x15\x0f=\x18}\xcb\x8b\x0b\x97\xbe\xff\xd9G\xc9_\x14\x14^\x06\x80\x16-\x9a\xbf\xfe\xfa\x1b\xd3\xa6M\x03\x1c\n \xa7\x87\x01\x80\x9c\x97\xbd\x01}\xe5\x95W\xdez\xeb\xefbe\xe7\x90\xb8^o\xbc6\xabW\xff^`\xadQ+\xab%\xd9a\xeb\xf19\xe7T\xa5\x8aA\x0f^\xbe\xf9g\xce\xfe\xf5\xd5e\xab\xd7l\x12\x13S\xe3\xc7\x8f\x7f\xff\xfd\xf7\x03\x03\x03\xc5\xd8\xc5!\x87\x87\xd0\xef\xc2\x00@NJ\xb4\xfe\x05\x05\x05\xf1\xf1\xf1\xa9\xa9\xa9\x00`\xf2\xf7y\xf5\xa5\'g=5\x11$B+,\xc49n\xc5\xfa\xe5\xd2\xb4\xd1\x03&lt;\xbcR\xbf\xd9\xf9\xe7g\xdf:y*\x17\x00BCCW\xadZ\xd5\xaf_?\x1c\x07 \xa7\x85\x01\x80\x9c\x91\xe88\xef\xdf\xbf\x7f\xec\xd8\xb1\xf9\xf9\xf9\x00\xd0\xbfO\xb7\x8f\x93_\x0f\x8d\x08g\xe5e\xc0ySN\xf8\xdc\x0c\xce9\xa5L1\xf9\x95_)\x9b3\xe7\xed\x95\xab\xbf\x02\x00\x83A\xff\xee\xbb\xef=\xf1\xc4\x13xI\x009\'\xe7:\x8b\x10\x82\xab\xad\x7frrr\\\\\x9ch\xfd\x93\x9ezl\xf7\x8e\x94\xd0\xd0\xf6j\xe9\x15Ij\xd2\xe9\xfe\x9bD\x08Q\x14\x99\x96\x96\xfb\x19\xf5\xc9)o%\x7f\xf0\x8a\xbf\xafw]\x9du\xc6\x8c\x193f\xcc\x90eY\xdc\xbe\xe0\xe8\xc3D\xe8\x7f\xe0\x08\x009\x17{\xeb\x9f\x98\x98\x08\x00~&gt;^\xef,\x9a\x9b\x908\x91[J9eN\xd8\xf4_\x83s\xce(\x93M\x81?\xee;4i\xea&lt;\xf3\xe9\x0b\x000}\xfa\xf4\x15+V\xe08\x009\x1b\x0c\x00\xe4D\xaei\xfd\x03M\xbe[\xbf\xfe \xb6\x7f/\xb5\xe4\xb2\xac\xc8.\xd4t\xaa6U\xf1\xf7-).\x199*\xf1\xc7\xf4\xe3\x80\x19\x80\x9c\x92\xb3\xf7\xa7\x90v\\\xd3\xfa\xf7\x8c\xbe\xe7\xe0\xfeu\xb1}\xbb\xab%\x97\x15\x9d\xe2Z\x8d\xa6\xa2Sh\xb9%\xc0\xe4\xb3s\xe7\xea\x84\x89\x0f\x02\x80\xf8\xbbp.\x089\x15\x1c\x01 \xa7p}\xeb\xbf\xed?\xc9\xa6`\x7fZn\x91]v\x19%\xa3L\xd2\xeb\xc0\xe8\x91\x18??\xf9\x93\x8dpu\x1c \x9e0\xe3Z\x91\x86\xdc\x12\x06\x00r&lt;\xb1P\xd2\xde\xfa\xc7v\xef\x9c\xbau\xa5\xc9\xe4C\xabjd\xc5\xb5\x17P2\xc6\xb8$\xc9\xde^\xd7d\x00\xae\rE\xce\x00\x03\x009\x98h\n\x0f\x1e&lt;\xd8\xbf\x7f\x7f\xc6X\x80\xbf\xefO\x07\xd6u\x08kO\xcb+]\xbd\xf5\x178c\\\x96\x89N\xd7\xef\xdeG\x0f\xa6e\x01\xc0\x92%K\x92\x92\x92\xf0\x1e1\xe4p\x18\x00\xc8\x91\xc4dHqqqTT\xd7\xa2\xa2b/O\xe3\xee\xd4\xe4\xd8\xbe\xd1\xb4\xdc\xe2\x1e\xad\xbf\xc0\x18\x03\x9d\xae\xccR\x1d7hr\xc6\xf1\xd3\x00\xb0}\xfb\xf6\xa1C\x87\xe28\x009\x16^\x04F\x8e$\xb6\xfa\x994iRQQ1\x00,{\xe7\xf9\xd8\xfe\xbd\xd5\xb2\nwj\xfd\x01@\x92$^g\r\x086}\xb6\xfa\xad\x00\x93/\x00L\x9e&lt;\xa9\xa8\xa8H\x92$\xf1\x0e \xe4\x10\x18\x00\xc8a\xc4\x1c\xc8k\xaf\xbd\xb6c\xc7\x0e\x00H\xfa\xbf\xf1S\x9e\x98d+\xb9\xac\xe8\xdcpbDVd\xb5\xac"2\xb6\xfb\x8a\xf7^\x04\x80\xc2\xc2\xa2I\x93&amp;\x11\x82Cp\xe4HX\x7f\xc81\xc4\xfe\xfe?\xfc\xf0\xc3\x80\x01\x03l6[\xef\x98.\xfb\xf6|\xc6m\xaa\x0c\xdc\x8d\x97\xc7\xa8\xaa\xaa\x98\x02g\xcf\xfc\xeb\xd2\x0f\xd6\xc3\xd5\x8b\x018\x11\x84\x1c\x05\x03\xa0I\xf1z\xae\xf9\x16\xa9\xc7!\xc7\xd6\x94\xc4\xc6\xfa\x94\xd2\xc8\xc8H\xb3\xd9\xec\xe3\xe3u\xf4\xe0\xfa\x8e\xa1\xedYU\x8d\xf3\xdf\xeb{;8\xe7\x8c\x10P\x94\x9e}\xc6\xa5\xfflV\x14)+\xebXhh(\xe7\xdc\x196\xb6CZ\x835\xd7\x14\xc4\x86\x91\x94RB\x88$I\xb2,+\xd7\x91eY\xdc#J)UU\xd5\xbd\xa7\x86\xc5\xe3s\x17-Zd6\x9b\x01\xe0\xad\x97\x9f\xec\x18\x11\xaeZ\xaa\xdc\xbb\xf5\x07\x00B\x08P&amp;\xebt+\x97\xbdd0\xe8(eO?\xfd4N\x04!G\xc1\xca\xbb\xb3\xea?\xc1\x1c\x00(\xa5\x17/^&lt;}\xfatnn\xee\xf9\xf3\xb9\x84\x10\xce\x01\x80\xfb\xfb\x9b"##[\xb4h\xd1\xbe}{\xa3\xd1X\xffg\xddo\xe7\x00\xb1\xf2\xe7\xcc\x993=z\xf4(//\x1f\xd0\xaf\xfb\xf7\xdf}F\xab\xaad\xcdt\x81UUULA/\xcey\xf3\xcd\xc5)\x00\xb0a\xc3\x86G\x1ey\x04\'\x82P\xd3\xc3\x00\xb8S\xea\xdf\xedYTT\xb4\x7f\xff\xfe-[\xb6\xa4\xa5\xfd\x98\x9b{\xbe\xa2\xa2\xe2\x86?b0\xe8[\xb7n\x1d\x1d\x1d=j\xd4\xfd\xbd{\xf7\x0e\x0f\x0f\x17_w\xb3\xa6A\xfc9S\xa6L\xf9\xf4\xd3O=&lt;\x0c\xfbw|\x1c\xdd\xbb\x1b\xab\xacv\xfb\xee\xbf\x1d\xe7\x9c\xc9rUumL\x9f\xf1\xa7\xcf^\xe8\xd4)$33SQ\x14\x8dL\x00"\xe7\x81\x01\xd0\xf8\xc4\x04\xb7h\xb2322\x96-{\x7f\xf3\xe6-b[\xe3\xfa\x82\x83\x03\x813\x0e@\x88T^n\xb1Z\xad\xf5\xbf\xeb\xe5\xe59t\xe8\xd0\x993\x9f\x1c4h\x90\xd8@\x06\x00\xdc`\x9aX\xb4\xfe{\xf6\xec\x194h\x10\xa5t\xca\x84Q\xab?\x7f\x97\x96^v\xdd\xfd\x1en\x8d\xaaR\xc5\x14\xf0\xe9Gk\xa7\xccx\x05\x00\xde|\xf3\xcd\x17^x\xc1\xcd\x92\x1e9?\x0c\x80F&amp;\x16\xb7\x00@VV\xd6\xf3\xcf?\xbfs\xe7N{\xcb\xde\xaem\xab\x98\x98\x88\xe8\xa8\xb0\x98\xa8p\x93\xc9\xb7\xd3\xddmAL\xf4\xcbJa~Q\xc1\xa5\x92\xcc\xe3g22\xcdi\x87\x8fef\x99\xed\xbf0**\xea\xef\x7f\xff\xfb\xc8\x91#\xc1-\x86\x02"\xc9\x86\x0c\x19\xb2{\xf7\xee\xc0\x00\xbf\x1f\xbe_\xd31\xa4=\xd4\xd6I\x92\xb6z\xbe\x1c\x80\x03\xd8\x80\x0c\x88\x9b\x9c\x96~&lt;  \xe0\xf8\xf1\xe3\xc1\xc1\xc1 \xae\x13 \xd4$0\x00\x1a\x93X\xd8n\xb1X\xfe\xf2\x97\xbf\xac\\\x99\\SS\x0b\x00\x9eF\x8fGF\x0f\xfb\xd3\xc3C\x06\xf6\x8f\xf6m\x1e\x04 \x03\xa8\xc0\x18\xd4Y\x01\xc4\xa9\xceA\xa7\x80\xa2\x00\xc8\x00\x9cZ,\x87\x0e\x1f\xdb\xf8\xcd\xee\xb5\xeb\xb6\xe4\x17\\\x12\xbfy\xe4\xc8\x91K\x97.\r\r\ru\xe9\xfd\x03D\x80\xfd\xf4\xd3O={\xf6\xe4\x9c\xcf\x995q\xe1{\xaf\xa9%\xc5n\xb9\xf0\xffwQ\x95\xca&amp;\xffm_n\x1b9\xe6\xcf\x00\xb0x\xf1\xe2g\x9ey\xc6\xa5?_\xe4r0\x00\x1a\x8d8u\xd3\xd3\xd3\xa7O\x9f\x9e\x9e\x9e\x0e\x00F\x0f\xc3\x84q#g\xcf\x9a\xd4\xa5G\x17\x00\x0e\xd5\xd5\xd4j\xe3\x1c\x08!@@\xaa\xd7\xd1\x13\xebB9\xe7\x84\x80,\xcb\xe0e\x04\xc9Pt\xe1\xc2\x87\xc9\x1b&gt;J\xfe\xa2\xa0\xf02\x00\x04\x05\x05-[\xb6l\xec\xd8\xb1\xae\xbb\x97\xa4\x08\x80\x84\x84\x84\x94\x94\x14\x0f\x0f}\xfa\xde\xb5\xe1]\xc3x\x8d\xe6\xba\xff\x02\x07\xe0\x04jU\xd6\xa3\xf7\xd8\x93\xe6\xdc{\xee\xb9\'--\xcd\xc3\xc3\x03p\x10\x80\x9a\x8a\xcb\xcf);\t\xd1\xfa\xafZ\xb5*..N\xb4\xfe#\x86\xf4M;\xb0\xee\xe3\xd5ow\xe9\x1aJK\xcbhY9W\xa9,\xcbb\xc1\xa7,I\xf5\x17\xfeK\x92$\xcb\x92\xa2\xc8\xb2,s\x00f\xa9RK/7\x0f2\xbd\xfc\xda\xec\xa3i_\xce\xfa\xbf\t\x12!\x97/_\x1e7n\xdc\xec\xd9\xb3%I\xba\xe1\x9d\x04NN\xac\x86*((\xf8\xd7\xbf\xbe\x00\x80\tcFt\x8e\x89b\xd55\xdal\xfd\x01\x80\x00p\x1b\xf5\xf4\xf7\x9f?{*\xe7\xfc\xd8\xb1c\xbbv\xed"\x84\xb8\xf7\n`\xa8w7\x8cX\xe7\xe6r\x95\xecN0\x00\x1a\x81}/\xfb\xc7\x1f\x7f\xbc\xa2\xa2\xc2\xa0\xd7-y{\xce\xd6\xad\xc9\x11\x91\xa1\xb4\xb4\x8cU\xd7\xc8\x8a,\xcb7\xfb@+\x02 I\x92\xa2(\xdcfSKK\x9a\x05\xfa\xbd\xb7\xfc\xd5\xfflZ\xd6\xbaE\x10\x00,]\xba411Q\xec!\xe3Zg\x0e\xa5\x14\x00\xd6\xad[g\xb1T\xca\xb2&lt;s\xda\x18\xcelW\'\xc14J\x92%^]9\xfaO\xc3\xda\xb4nN\x08IN^\x01n\xda\xfd\x17\xcd\xbd\xaa\xaa\xe2n\x18{\xbfG\xfc\x0f\xce\xb9\xf8\x96k\x95\xb4\x1b\xc0\x00\xb8]\xd7&lt;\xc9$\xc0\xdfg\xd7\xb6\x95Is\x9f`U\xd5\xac\xb2ZV\xe4[^\xbaC\x08\xb9\x1a\x03\xa5\xc3\x1f\x18\x94vhCl\xf7{\xa0\xde\xb3\xa5\\\xeb\x84\x91e\xd9j\xb5~\xb2z5!\xa4g\x8f\x88\xe8\xdeQ\xbc\xb2Z\xd6\xcc\xd2\xcf\x1b"\x84\xd0:\x9bWp\xd0\x84\xd1\xc38\xe7\xbbv\xed:u\xea\x94\x9b\xed\x10\'\x1aw\xd1\xdc\x8b\x1b\x1e\x01\xc0b\xb1\x14\x15\x15]\xb8p\xa1\xb0\xb0\xd0b\xb1\x88R\x17\x9d$\xd1Q@MC\xd3\xa7\xdf\xed\xa3\x94*\x8a\xf2\xc9\'\x9f\x88\xd6\xff\x9e\xb0\x0e;\xb7\xa7\xf4\x8b\xeb\xad\x96\\\x91$\xd2(\x0b\xdb\t!\x8a"\xab%e-[6K\xdd\x96\xfc\xf0\xa8\xfb\x00 99y\xc6\x8c\x19\x8a\xa2\xb8\xca\xd9"\xfa}G\x8e\xa4gfeq\xceG?\x18\'\x19&lt;\x19u\x9ff\xee\x96\x11B\x80\xd9F?4X\x92\xa4\xaa\xaa\xea\x8d\x1b7\xc2\xd5\xb5Rn\x80s.\x1aw\x00HOO_\xbcx\xf1\x981c\xbau\xeb\x16\x12\x12\x12\x12\x12\x12\x1e\x1e.\xfeGll\xec\x13O&lt;\xb1y\xf3fq\x95\xc8U\xaa\xda\r\xe0E\xe0[\'V|fff\xf6\xe9\xd3\xbb\xaa\xaa:\xd0\xe4\xbb{\xfb\xaa\xc8\x98\xaej\xc9\x15E\xa7k\xf4\x7f\x8e\xaaT\xf62\xd6\xd6Z\x07\x0c\x9c\x94v$\x1b\x00V\xadZ\x15\x1f\x1f\xef\x12kC\xc58\xe9\xf9\xe7\xe7.X\xb00\xc0\xe4\x97\xf5\xe3\x86\x96w5\xe7u6\xb7\x9c\xeeh(\xc69\x18\x0c\xf7\xc5M\xde\xff\xc3\xcf}\xfb\xf4\xd9\xb3w/\xb8\xc5=\x1f\xa2\xf5\xcf\xcf\xcf_\xb3f\xcd\xfa\xf5\xeb\x8f\x1e=\xfa\xbb?\xd2\xa3G\x8f\xbf\xfd\xedo\xc3\x86\rs\x89\xaav\x03._d\x8e".^Y,\x96\x89\x13\x1f\xab\xaa\xaaV\x14y\xf3\xbf\xde\x8b\x8c\x89TK\xae(\xfa\xc6o\xfd\x01@VdV]\xe3\xa1WR\xb7&amp;wl\xdf\x9a\x102k\xd6\xac\x8c\x8c\x0c\xfbmb\xceL\x96e\x9b\xcd\xbay\xf3\x16\x00\xe8\xd65\xb4e\xc7\xbbX\xad\x15[\x7f\x81Q&amp;\x19\x8cC\xe2zr\xce\x0f\xa7\xa7\xe7\xe4\xe4\xb8\xc1,\x90\x18\xf3\xad]\xbb622r\xde\xbcy\xa2\xf5\xd7\xe9t\x06\x83A\xaf\xd7\xdb7\xbf\x92eY\xa7\xd3\xe9t:\xf1\x95\xc3\x87\x0f\x0f\x1f&gt;|\xe9\xd2\xa58\x0eh\x1a\x18\x00\xb7H\xdc\xeb;\x7f\xfe\xfc\x8c\x8cL\x00X\xf8\xfa\x9f{\x0f\xeao+)Ut:\xb8cc*I\x96iM\x9d\xa9Y\xe0\xe7\xab\xde\xd4)rUU\xd5\xd4\xa9S\xc5\x8df\xce&lt;\x92\x13\xebVO\x9f&gt;s\xe6\xcci\x00\x181\xa4/H\nc\xce{\xc0M\x8c\x10\x02\xcc:,\xae\xb7"\xcb\xb5\xb5\xb5\xfb\xf7\xef\x07w\x99\x05j\xd3\xa6MII\x89^\xaf\xd7\xe9t\xb2,\xdbl\xb6\xba\xba:\xab\xd5*.\xf9\x8a\x1dam6\x9b\xcdf\x13\xff\xaf,\xcb\xb2,\xcf\x9e={\xc3\x86\r\x98\x01M\x00\x03\xe0V\x88J=y\xf2\xe4\x8a\x15+\x08!C\xe2z&amp;=7M-/\xd1\xdd\xf9\x1b\x9adEVK\xcb{\xc5\xdd\xfb\xc2\xb3\xf1\x00p\xe4\xc8\x91u\xeb\xd69y\x87Q\x1c\xdb\xb6m[kk\xeb\x14Y\x1e|_,0\x9c\xfc\xf9/I"PS\x1b\xd5\xbds\xeb\xd6\xcd\x00\xe0\x9bo\xbe\x06\xd7_\x0b$\x06\xa6\xf7\xddw\xdf\x88\x11#\xacV\xabh\xe2\x9b7o\xfe\xc8#\x8f,^\xbc\xf8\x9bo\xbe\xd9\xbbw\xef\xc1\x83\x07w\xec\xd8\xb1t\xe9\xd2A\x83\x06\x89!\xb5X\xd7@\x08y\xea\xa9\xa7\xae\\\xb9"V&lt;;\xfaOqgx\r\xe0V\x88.\xed\xc8\x91#SSS=&lt;\xf4?\x1fX\x1f\x1a\x19\xdad\xdb\x99\x89=\xe5\x19\x91\xba\xf6\xf8\x939\xe7|\xf3\xe6\xcd322\x02\x03\x03\xc1Y[\r1\x9f;\xe6\x911_\xfe\xeb\xcbvw\xb5&lt;v\xf8_^\x9e\x1e\x9c2\xe7&lt;Z\x87\xa0\x94\xc9~&gt;\xa3\x1f\x9e\xf9\xef\xafw\xb7o\xd7\xee\xd8\xf1\xe3\x9e\x9e\x9e\xa2)t\xf4\xa1\xdd:J\xa9$I;v\xec\x18&gt;|\xf8\xe0\xc1\x83\xa7N\x9d:r\xe4HQ\xa8\xd7[\xbf~}BBB]]\x9d\xb8_DU\xd5w\xdf}\xf7\xe9\xa7\x9f\xc6[\xa3\xef(\x1c\x014\x98h\xfd\xb3\xb3\xb3w\xed\xda\x05\x00\xe3\xfe4,\xb4{\x17\xda\x84{\xd9\x13B\xb8Ju\xde\xde\xf3gOe\x8c\x15\x14\x14l\xdc\xb8\xd1\x99\xd7\xcfI\x92d\xb5ZOdg\x03@l\x8f\x08\xaf\xa0\x00j\xa3.\xdd\xb45:\xce9\x10y`\xff\x1e\x00PT\\t\xe1\xc2\x05p\xeei\xbd\x9b!\x96u\x0e\x1c8\xf0\xf0\xe1\xc3;w\xee\x9c8qb``\xa0x\xdc\x05\xadGUUUU\xc7\x8f\x1f\xbfp\xe1B\xb1\xb0B$\xdf\x96-[\xc0-.\x86;3|s\x1bLT\xe7\xd2\xa5KUU5\x1a=\xe6\xcf\x89\xe7\xb6:\xd2\xb4\xb7\xb3\xca\x8a\xcc*+\xc6=z\xff=\xe1\x1d\x08!\xef\xbe\xbbTUU\xe7\\5!\xf2\xb2\xa0\xa0\xe0\xfc\xf9\xf3\x00\xd0\xa3[8\x10\xc5\xd5\x9b\xb6FG\x08\x01\xaev\x8f\n\x97$\xa9\xa6\xa66##\x03\\?\x00\x04\xbd^\x1f\x1d\x1dm\x9f\xde\x11OC\x92\xebQ\x14E\x92$Ji|||\xf3\xe6\xcdE?\x86s\x9e\x93\x93c\xb5Zq\x16\xe8\x8e\xc2\x00h\x18Q\xc1EEE\x9b6m"\x04\xc6&lt;4(\xac{$\xab\xacn\xe2~\n\x01`6j\xf0\xf5}\xf6\xa9\x89\x9c\xf3\xe3\xc7\xb3\xbf\xff\xfe{\xe7\x1c\x04\x88\xb3\xf7\xec\xd9\xb3\x16K%\x00t\xeb\x1a\x06\x80\xdd\xffkI\x12\x81:kX\xa7v\xfe~&gt;\x00p\xe2D6\xb8K\x00\xc0\xd5N\xc0o\xdc\x0c/I\x92$I\x9e\x9e\x9e\x9d:u\x82\xab3\x99\xe5\xe5\xe5555Mz\xa0\xda\x83\x01\xd00\xa2\x85=x\xf0`qq1\xe70~\xf4p\xce\x198\xa29\x93e\x89\xd7V\x8f\x1aq\xaf\xbf\x9f\x0fcL\\9t\xc2&amp;C\x1cRff\x06\x00\xf8\xf9\xfaDt\xee\x08uu\x18\x00\xd7 \x84p\xab\xcd\xd4*8\xa4S[\x00\xc8\xcc\xcc\x02g\xbd\xa2s\x0bn\xa6{$\xea\xa4\xfe\x9f\xec~\xcf\xc2sB\x18\x00\r#*r\xf3\xe6\xcd\x84\x906\xad\x9b\xf7\xbf7\x9a\xd4T;d;3B\x08\xaf\xb56\xef\xd0f@\xbfh\x00\xd8\xb5\xeb[\xab\xd5\xea\x9c\xb3@\x00PXX\x08\x00\x9e\x9e\x1e~~&gt;@)\x9e\xd7\xd7\xe3\x9c+\x06}`\x80\x1f\x00\x14\x15\x15\xb9\xfa\x15\xe0\x06\x11\x8f&gt;\xb5\xd9l\x17/^\xb4\x7f\xd1d2yzz:\xf0\xa8\xb4\x00\x03\xa0a\xc4\xf5\xcc\x03\x07\x0ep\xce\xfb\xf4\x8c\xf4m\x1eL\xad\x0e[\xd1\xc88\x07I\x19\x1a\xd7\x13\x00rrN\x9d={\xd6\t\xf7\x92\x14\xbd\xbf\xf4\xf4#\x00\x10\x1e\xd6\xde;\xd8\xc4l\xaav\x9a\xb6\x9b\xc7\x18\x07\xa2\xf4\x88\n\x07\x00\xb3\xf9dYY\x99v\xa6\xbfE\xd1\xa6\xa5\xa5\x9d;wN\x14\x0c!$&lt;&lt;\\lv\x82\xd5r\xe7`\x004\x80\x98\xca\xcc\xcf\xcf\xcf\xcb\xbb\x00\x00\xd1Q\xe1\x00\xb2\x03\xcfPq\xe5\xb0[\xd70I\x92jk\xeb\x9c\xf9\xca\xe1/\x03|\\\xd4\xf1;\x88\x18M\xda\x1f)\xaa\x05\xf6.\xcb\xbcy\xf3D\x9d\x88{\x02F\x8f\x1e\r\xceZ\xcfn\x03\xcf\xc6\x06\x10\xb5x\xfe\xfc\xf9_\xaegF\x86:\xf6z\xa6\xb8r\x18\xda\xa9\x9d\x9f\xaf\x0f\x00\x98\xcd\'\xc1\xf9N\x18BHmmm\xfe\xc5\x8b\x00`\xf2\xf7\x05 \xceu|\xce\x85\x9b\xfc}\x01\xa0\xaa\xaaJL\x868\xdb\xa7\xd9\xe8D\xeb/\xcb\xf2\xcc\x993\xf7\xee\xdd+\xe6\xfd)\xa5aaa\x8f&lt;\xf2\x88Xs\xe1\xe8ctg\x18\x00\rv\xf6\xec\x19\x00\xd0\xe9tAA&amp;`\x0e\x9e\xce\xe6\x94y\xfax\xfa\xfb{\x03\xc0\xd9\xb3g\xc1\xc9\xae\x1c\x8a\x89\xec\xea\xea\xea\xbc\x8by\x00\xd0\xbdk(H:\x8e\x9b@\xdc\x08!\x04\x80v\x8f\n\x03\x80\xaa\xaa\xea\xbc\xbc&lt;p\xf7\x00\x10w\x8a\x11B\xa6O\x9f\xfe\xc1\x07\x1f\xd8\xdbzB\xc8G\x1f}d4\x1a\xc5\x98\xdb\xb1\x07\xe9\xde0\x00\x1a@\x9c\x8d999\x00`\xf2\xf7\r\xb9\xbb-\xd49rG3B\x08WU\xef S\xc8\xddm\x01 \'\xe748Y\x00\x08\x84\x10\x9dN\x07\x00\xaa\xea\\\xd7\'\x9c\x90\xfd-\xd2\xdd\x81\re\x9d\x8a\xb8?\xbc\xb4\xb4\xf4\x81\x07\x1eX\xb9r\xa5\xa2\xfcrw\x08\xa5t\xc5\x8a\x15\xf7\xddw\x1fn\x08\xda\x04\xf0\x1e\xeb\x06\xd3\xeb\xf5p\xf5\tG\x8e&gt;\x16\x00\x00\xb8z$\xe2\xc0\x9c\xd3\xd5E~\x8e&gt;\x0e\xa7g\x7f\x8b\xdc\xbe\xef/\xcbrvv\xf6\x981c\x8e\x1f?.Z\x7fq\xe5c\xf5\xea\xd5S\xa6L\xc1\x1d \x9a\x06\xbe\xc5\xb7\xceyNQ\xe79\x12\x84~\x97h\xe8\x7f\xf8\xe1\x87\x07\x1ex\xe0\xf2\xe5\xcb\xa2\xf5\xa7\x94\x06\x05\x05}\xf6\xd9g\xc3\x87\x0f\xc7\xd6\xbf\xc9\xe0\xbb\xdc`\xaa\xaa\x02\x80$\x11\x9d\xa2\x803\xb4\xbc\x92\xa4S\x14\xb8z`\xceILLaP\xfd.\xfb[\xe4\x84Sy\x8dB\xec\xf6\x93\x9d\x9d=j\xd4\xa8\x92\x92\x121\xc9C)\xed\xd6\xad\xdb\xfa\xf5\xeb\xc3\xc2\xc2\xb0\xf5oJx\r\xa0\xc1\x02\x03\x83\x00\xa0\xb2\xb2\xfa\xc2\xc5"\xd0\xeb\x1c\xd8\xa8q\xce\x89,\xd7\x94Y\xf2\xf2\x8b\x01\xe0\xd7\xf6Yt8\xce\xb9JU\x00\xd0\xbb\xfb\xbc\xf6\xed\xb3\xbfE\xce\x1c\xe7\xb7L\x9c,uuu\x8f=\xf6XII\x89r\xb5\xe32l\xd8\xb0\xef\xbe\xfb\x0e[\xff\xa6\x87\x01\xd0\x00\xa2S\xd6\xa5K\x17\x00\xa8\xaa\xae)(\xbc\x04\x8a\xe2\xd8N-\x91\xa5\xda\x8a\xca\xfc\x82\xcb\x00\xd0\xa5K\x048\xdf\x83D8\xe7:\x9d\xce\xcf\xd7\x0f\x00r\xce^\x00\x8e\xf7\xf5\xfc\x06)\xe7\xec\x05\x00\xd0\xe9t~~~\xe0v\xe3\x00\xb1\xec\xe7\xf3\xcf??r\xe4\x88\xa2(\xe2\x810C\x86\x0c\xf9\xfa\xeb\xaf\xfd\xfc\xfc\xc4\x13\xb6\x1d}\x8c\xda\x82\x01\xd0\x00\xe2ll\xd1\xa2\xb9\xd1\xe8\x01\x00\'O\xe5\x02\xc8\x8e\x1d\x01\x80Aw\xeeBAeU\x15\x00\xb4is\x97\xa3\x8e\xe4\xd7\x10B8\xe7&gt;&gt;&gt;\xa1\xa1a\x00p\xfa\xecE\xe0\xaa{\xb5i\x8d\x86s\x0e \x9d&gt;\x93\x07\x00&amp;\x93\x7fhh(\xb8]\x00\x88\xdb\x00\xd7\xacYC\x08\x11\xb5\xd1\xb6m\xdb\r\x1b6\x18\x0c\x06\\\xf3\xe3\x10\x18\x00\r \xce\xc6\x0e\x1d:6o\xde\x1c\x00\x0e\x1f=\x01\xc0\x1dx\x862\xc6A\xd2gf\x9d\xb2Zm\x8a\xa2DGG\x83\xb3\xdej+\x9e[\xe9\xe1\xa1\x07\xe2\x8c\x87\xe7&lt;\x8c\x1e\x06\x00\x10\x1b\xe5;\xfaX\x1a\x99\xd8\xf0\xc7b\xb1\x1c;v\xcc~\xc7\xef\xdc\xb9sM&amp;\x93\xcdf\xc3\xd6\xdf!\xf0ll\x00q\x8f\xa2\xd1h\xec\xde=\x9a\x10r\xf0\xc7L\xab\xc5")\x0e+\\qau\xf7\xbe\xc3\x00\xd0\xaaU\xab\x90\x90\x10p\xbe&gt;\xa3\x98\x92\x8a\x8a\x8a\x02\x00s\xce\x85\xca\xcb\xa5D\xc1\xe7\x01\xdc\x80\xd8\xd8\xe3H\xa6\x19\x00:u\n\xf1\xf5\xf5u\xb3\xfd\xe0\xc4\x87^TTTZZ\n\x00\xe2\t\x16\x83\x07\x0f\xc6\xdb}\x1d\x08\x03\xa0aD\x11?\xf0\xc0\xfd\x9cssN\xee\x91\x1f3\xc1h\xa4\xd4\x01\xd3\xee\x9csI\xaf\xab(*\xde\xb9\xfbG\x00\x88\x8b\x1b\xe8\xed\xed\xed\xb4;g\xb5l\xd9\x02\x00\xca\xca,\xd5\x96j\xd2T\x8fNs-D\x02F\xd5\xa2K%\x00\x10\x1c\x1c\xac\xb8iL\xd6\xd4\xd4\x88e\xa0\x84\x10??\xbff\xcd\x9a\x89\xe9 G\x1f\x97F\xe1\xa9\xd80b\x82\xe5\xde{\x07xyyQJ\xbf\xfcf7\x91\r\x0e9Q\x19\xe5\xc4\xd3s\xdf\xde\xf4\xbc\x8bE\x000l\xd8pp\xcau\x96\xe2\xdc\x8e\x8c\xec\n\x00\xe5\x15\x16sN.\x18\xf4\x0cw\x83\xf8_\x9csIQ,\xc5%\xa7O\xe7\x81\xb3^\xcfo\x14\xf6\'A2\xc6jkk\xb1\xef\xefX\x18\x00\r#\x9e]\xd7\xa9S\xa7\xb8\xb88\x00X\xb3~\xcb\x95\x0b\x17d\x0f}\xd3\xb7\xbcD\x02P\xe9\x92\xe5k\t!-[\xb6|\xf0\xc1\x07\x01\xc0\tO\'\x11\x00\xed\xdb\xb7\xf7\xf0\xf0`\x8c\x1d\xcd0\xe3#!\xaf\xc79\x07\x0f\xc3\x993\x17.].\x01\x00q\xcd\xdc\xcd\x88J\xe8\xd4\xa9\xd3\xb7W\xa5\xa6\xa6zyy\x81\xf3\xcd[j\x07\x06\xc0-JJJ\x92\x08),\xba\xf2\xfe\x07\xeb\x88\xd1\xbb\x89g\x81(e\xc4\xc7\xfb\xbb\xd4\xbd;w\xff\xc89\x9f&gt;=\xd1i\xe7\x7f\xec\x01\xd0\xaaeK\x008\x92q\xd2\xb1W\xce\x9d\x13c\x1c$%\xf3X\x8eMUu:]\xb7n\xdd\xc0Y\xaf\xe7\xdf2Q\t\xde\xde\xdeqW\xf5\xef\xdf\x1f\xd7}:\x96[UX\xd3\x90e\x99s~\xdf}\xf7\x85w\x0e\'\x84,K\xfe\xa24?_j\xeaA\x00\'\x84\xbc\xb6`%!\xc4`0L\x992\x19\x9c\xb5\x1b%\x9eQc4\x1aC\xc3\xc2\x00\xe0\x87\xb4L\xab\xc5"9\xdfH\xc5\xb1\xc4G\xf7\xdd\xbe\xc3\x00\x10\x18\x18\xd0\xb1cGp\xd6\x0f\xf46q\xcem6[]]]]]\x9dX\x1b\x86\x1c\x08\x03\xe0V0\xc6\x14EY\xb2d)\xe7\xfc\xd2\xe5\xd2\xbf\xbe\xf2\xbe\xd4\x84\x83\x00\xaaR\xd9\xdf\xf4\xc5\xa7\x1b\xbf\xdb{\x98s&gt;g\xce\x9c\x8e\x1d;\x8a[l\x9a\xe6\x00\x1aJ\xcce\xc7\xc6\xc6\x02\xc0\x99\xb3\x17\xcf\x9d\xca%F\x03^\x06\xa8O\x92e\x9b\xc5r\xe8\xa7c\x00\xd0\xb9\xf3=&gt;&gt;&gt;\xee\xba\x13\xb2\xb81\xd0`0\x18\x0c\x06\xbd\xde\x01s\xa7\xa8&gt;\'m2\x9c\x9c,\xcb\x8c\xb1a\xc3\x86\r\x1b:\x14\x00\x96\xaf\xfc\xd7\x8e\xaf\xb7+&amp;?\xd5v\xc7o\xdfg\x8cIFC\xd1\xb9\x0bO=\xb7\x90s\xde\xacY\xf03\xcf&lt;#VX\xdf\xe9\x7f\xfa\x96\x89\x86l\xe4\xc8\x91\x8a\xa2\xd4\xd6\xd5\xed?\xf43(z\xb7\xbc\xc2yk\x18\xe3\xc4h8}\xf2\xdc\x99s\x17\x01\xe0\x0f\x7f\x18)I\x92[\xbe?\xa2P\x8f\x1e=\xbax\xf1\xe27\xdf|\xf3\xdbo\xbfu\xcb\x90s!\xce\xdbj8?\xce\xf9\xf2\x0f&gt;\x08\x080q\xce\'O\x7f\xa9\xf8|\xbe\xe2\xe3E\xd5;x\xff\x0eg\x9cK\x121\x18&amp;%\xcc/\xbeT\x02\x00\xcb\x96-\x0f\x08\x08p\xf2\xde\xa2\x08\xa7\xa8\xa8(q\x19\xe0\x9b\xad{\x813\'&gt;\xde\xa6\xc6\x18\xe3\x8a!u\xd7\xc1\xda\xda:Y\x96\x06\r\x1a\x0c\xee8\xff#\xaat\xd9\xb2e111s\xe6\xccy\xf1\xc5\x17\x07\x0f\x1e&lt;}\xfat\xc6\x98[\xa6\x9dK\xc0\x00\xb8E\xa2\x8fv\xf7\xddw\xafX\x91\x0c\x00\x85\xc5W\x1e\xf8\xe3Se\xa5\x15\xb2\xa7\xf1\x0e\xdd\xc3\xc9\x19g\x12\x91\xbd\xbd\x12\xe3\xe7\xef\xd8\xfd#\x00$%%\x8d\x193\xc6\xf9\xef\xa1\x177\xd0yzz\x0e\x1a&lt;\x18\x00~:\x92]y\xb9Dv\xe8&gt;zNE"@8\xdd\xbd\xf70!$,,,""\xc2\xfd\xee\x8d\x12}\xff\xf2\xf2\xf2\x17_|\x91R\xaa\xd7\xeb\x15E\x91ey\xe5\xca\x95\x07\x0f\x1e\x14\x8b\xeb\x1c}\x8cZ\x84\x01p\xebdYVUu\xf4\xe8\xd1III\x00\xf0c\xfa\xf1\xf8\x84\x17,\xb5V\xd9\xc3\xa3\xd1\xc7\x01\x8c2\xd1\xfa\xbf\xf9\xd2{\xc9\x9fl\x04\x80&gt;}\xfa,Z\xb4\xc8\x99\xa7\xfe\xaf\xf7\xc8#c\x00\xe0B^\xe1\xa6M\xdf\x82\xd1\x8b\xe2e\x00\x00\xc6\xb8\xe4e&lt;\xf5\xf3\x89\x9d\xbb\x0fq\xceG\x8d\xba_l\x8c\xe3\xe8\xe3jd"\xec\xcf\x9e=[^^N\x08\xb1Z\xad\xaa\xaa\x12B$I\xfa\xf9\xe7\x9f\xc1)oa\xd1\x02\x97i;\x9c\x93\xc8\x80%K\x96L\x9f&gt;\x1d\x006n\xf9~\xc8\xa0\xc9%e\x16\xd9\xdfW\xb5\xa9\x8dU\xd3\xaa\xaaJ\x1e\x06\xd1\xf7\x7f\xf1\x8d\x0f\x00 66v\xf3\xe6\xcd\x92$\x89G\xaa6\xca\xbfrG\xd9o\xa0k\xd3\xa65!\xb0\xfe\xcb\xed\x00L\x02&lt;\xe7\x811\x06:\xe3\xa6-\xdfUU\xd7\xc8\xb2&lt;z\xf4hp\xc7\xf9\x1f\xe1\x86\xc3\x1a\x17\xea\xc1\xb8\x1f|\xebo\x0b!D\\\x10^\xb1b\x85\xc8\x80\x1f\xd3\x8f\xf7\xe9\xff\xe8\xfe\xef~T\x02\x82\x08!\xaaJo\'\x05(\xa5\x8c2\xc5\x14PPti\xc4\xd0x\xd1\xf7\x8f\x8d\x8dMMM\r\x08\x08p\xa1\xbdb\x08!\xaa\xaa\xfa\xf8\xf8\x8c\x1f7\x9es\xd8\xbd\xf7\xa73Yf\xe2e\xc4\xb5@\xb2"\xa9U\x965\xeb\xffC\x08\x89\x8d\x8d\x89\x8d\x8d\x15;%8\xfa\xb8\x1a\x99\xd8\xfb\xb3C\x87\x0e\xc1\xc1\xc1\x9cs\xbd^\xaf\xd3\xe9\xc4\xec\x7fLL\x0c`\x0c8\x08\xbe\xe9\xb7K\xecd"\x9ed\xfd\xc4\x13O\x00\x80\xf9\xf4\xf9\xc1#\xa6\xbf\xfa\xe2"+!\x8a\xc9\x9fH\xa0\xaa\xb4A\xa3\x01\xf1\x84&lt;\xc6\x98\xec\xe7#\xf9z\xaf_\xf3Ul\x9f\t\xa9\xbb~\x00\x80~\xfd\xfa\xa5\xa6\xa6\x9aL&amp;\xf1d\xa5;\xf5W\xdd\x01\xe2h\xa7\xc6\xc7\xebu\xba\xaa\xaa\x9aO\xd7m!:O\xae\xed\xab\x7f\x942\xe2\xed\xbdw\xf7\xa1\xccc9\x9c\xf3\x84\x84\xc7\xddu\xfd\x8f\xb8\x1d\xc4\xdb\xdb{\xd1\xa2Ez\xbd\xdej\xb5\xdal6\xc6\xd83\xcf&lt;\x13\x13\x13\xe3r\xc5\xec6\x08N\xbd5\n\xfb#\xadW\xae\\\xf9\xdc\x9c9e\xe5\xe5\x00\x10\x19\xd1i\xf6\xd3\x93\x1e\x1b7J\xef\xe7\x0b\xb5\xd5\xac\xd6\xca8\'\x84H\x12\x81\xff\x1d\xe6\x8bO\x81q\xce\x19\'\x00\xb2^\x07^\x9e@\xe9\x8e\xed\xfb\x16\xbd\xb3z\xfb\xce\x83\xe2eIII\x0b\x17.\x14O\xd2p\xc5\x13F\x1c\xf6\xd0\xa1Cw\xed\xda\x15\x14\xe4\x9f\x95\xf6\xaf\xe0f\x01`S]e\x1c\xd3\xe8\x18c\xdc\xc38lx\xc2\xb7\xdf\xa7\xb5h\xde&lt;3+K&lt;\xd6\xcd]\xdf\x101f=v\xecXjjjMM\xcd\xbd\xf7\xde;`\xc0\x00\x17\x1a\xc8\xba\x1f\x0c\x80\xc6$\x16\xe4\xa4\xa7\xa7?\xf9\xe4\xcc\x1f~8$\xbe\xd8\xb5K\xe8\xac\x99\x13F\x0c\xed\xd7\xe6\xee6@\x14\xe0*\xd4Y\x812fSA\x94=\x07I\x91A\x96@\xaf\x07Y\x01\x80\x8a\xa2K\xdf\xedO_\xfe\xe1\xfa\xd4\x1d\x07\xc4/i\xdd\xba\xf5;\xef\xbc3v\xecX\xb8z\x169\xe4\x0f\xbcM\xe2\xfd\xf9\xcf\x7f\xfe3j\xd4(\x00X\xfcf\xd23/\xccRK.):-\xee\x07@)\x93\xfd\xbc\xd3\xf7\x1e\x8e\x198\x99s\xfe\xec\xb3\xcf.Z\xb4\xc8\xed\x9f\x89xM\xdf\xc5u\x8b\xd9=`\x0042\xd1\xc6\xa9\xaa\xfa\xe9\xa7\x9f\xbe\xf2\xf2\xcb\x17\xf2\xf2\xc4\xd7M&amp;\xbf\xfb\xee\xed1p@L\xf7\xc8\xd0{B\xdb{y\x19\x8dA&amp;\xe0\x1c8\x80$\xd1rKEeu\xce\xb9\x8b\xc7\xb2O\xef;pd\xd7\xee\x1f\xcf\xe5^\x14?h4\x1a\x9f}\xf6\xd9Y\xb3f5k\xd6L\xac\xf9q\xdd\x13F\x14[mmmtt\xb4\xd9l\x0e\xb9\xbb\xed\xa1}k}\xbc\x8c\xc4)w1\xba\xd3(c\xb2\xb7\xf7\xf8qI\x1b\xfe\xbd\xc3\xa0\xd7\xa7\x1f9\x12\x1e\x1e\xee\xe4\xf7\xf45\n\xfb\xc2\x7fq\t\xcd\xd1\x87\xa3i\x18\x00\x8d\xcf\xde\xc7)..\xde\xb4i\xd3\xf2\xe5\xcb\x8f\x1e=Z\xff\x05\x81\x01\xfe\xbe\xbe^w\xdf\xdd\x16\x18\x03\x0e\xa0\xc8\x85\xf9\xc5E\x97J.]*\x85z\x0bc\xda\xb5k\x1b\x1f\x9f0n\xdc\xb8\xf0\xf0p\xb8\x1a-M\xfb\xa74&gt;\xf1W|\xfa\xe9\xa7S\xa6L\x01\x80W\xe6M\x7f\xf9\xef\xcf\xab\xa5\x97\xdd\xbb\xdb{=J\x99\xec\xe7\xf3\xdd\x7f\xbe\x8f\xbb\x7f\x06\x00L\x9d:5%%\xc5=&gt;b\xe4B0\x00\xee\x08\xfb%\x01\x00\xa0\x94\xee\xda\xb5k\xdb\xb6\xad;w\xee2\x9bO\xd6\xd5\xfd\xce\x06X\x1d;v\x1880n\xe0\xc0\x81\x0f=\xf4\x90\xaf\xaf/\\}\x94\xb6\xdb\xf4\x91\xc5"\xf7\xc1\x83\x07\xef\xd9\xb3\'(\xd0?\xe3\xc7\r\xcdZ\x04\x83\xcd&amp;\xb9\xcb\x1fx3(c\xc4h\x1c&lt;d\xea\xf7\xfb\xd2\x03\x03\x022\xb3\xb2\x9a7o\xae\x85\xee?r*\x18\x00wP\xfd\x18\x00\x00J\xa9\xd9l\xce\xce\xce\xce\xca\xca:\x7f&gt;77\xf7\xbch\xd39\xe7\xfe\xfe\xfe\x91\x91\x91m\xdb\xb6\x8d\x88\x88\x88\x88\x88\xf0\xf4\xf4\xb4\xff\x88\xb8Y\xc6a\x7f\xc3\x1d \xfa\xb9{\xf6\xec\x194h\x10\xa5t\xea\xa3\xf7\xa7\xac]\xa2\x96^\xd1\xce @UU\xc5\x14\xf8\xc9\x87\x9fM\xfd\xbfW\x01\xe0\xcd7\xdf|\xe1\x85\x17\xb0\xfb\x8f\x9a\x1e\x06\xc0\x1d\'b\x80s~\xf3\r\x1c\xa5Tl\x06\xe06\xbd\xfek\x88\xc6.&gt;&gt;~\xf5\xea\xd5\xb2,\xa7n\xfc\xc7\xe0\xfb\xe3hi\x85\xec\xb8\x07,7\x19\xc68\xe8u\x97\x8bK\xba\xf5\x1e[T\\\x12\x1a\x1a\xf2\xf3\xcf\x19\x8a\xa2\xe0\x93\x11Q\xd3\xc3\x00h:\xbc\x9ek\xcev\xf1E\x00\x10\xfd}\xb7o\x08\xc45\xc0\xe2\xe2\xe2\xce\x9d;\x97\x95\x95u\xea\xd8\xe6\xe8O_z\xe8u\x92\x06\xae\x06\xab*UL\xa6q\x7f\x9a\xb9\xe1\xab\x9d\x00\x90\x9a\x9a:l\xd80\xec\xfe#\x87p\xab\xb9\x05\'\'\x1awY\x96\xc56XR=\xe2\x8b\xe2\xebn\xdf\x02\x02\x80$I\x9c\xf3\x16-Z,^\xbc\x18\x00r\xce\xe4=\xfd\xf4\x1b\xb2WS?X\xad\xe9\xa96U1\x05\xa4,_#Z\xff\x84\x84xl\xfd\x91\x03\xe1\x08\x009\x8cX\xf3&gt;n\xdc\xb8\r\x1b6\x00\xc0\xaae/\xc5\xcf\x9c\xac\x96\\v\xd7\xdb\x02\xa8Je?\x9f\xcc\xc3\xc7\xfa\xc4M\xae\xae\xae\xe9\xd0\xa1cFF\x86\xd1h\xc4\xc9\x1f\xe4(\x18\x00\xc8a\xc4\xd5\x91\xf2\xf2\xf2\xd8\xd8\xd8\xb3g\xcfzzz|\x97\xba2\xa6OwZnq\xbf\x8b\x01\x8c1\xd0\xe9\xca+\xab\x07\x0e\x9a\x92q\xec\xb4\xa2\xc8\xfb\xf6\xed\xeb\xd5\xab\x97\x8b\xde\xd4\x8d\xdc\x03V\x1er\x18\xd1\xf3\r\x08\x08\xf8\xfc\xf3\xcf\t!UU5\xe3\x1e{\xae\xf4R\x89l\xf4`\xee5\x17\xc49g@$Oc\xe2\xf4\x173\x8e\xe5\x00\xf0\x85\x0b\x17\xf6\xea\xd5KUUl\xfd\x91\x03a\xf1!G\x92$IU\xd5^\xbdz}\xf0\xc1\x07\x00p&amp;7\x7f\xf8\x1f\x12\xabk\xeb@\xafs\xa7=\xd1(c\x8a\x9f\xdf\x8c\x84\xf9\xff\xfaz7\x00L\x992%))\xc9\xedw}@\xce\x0f\x03\x009\x98\xa2(\xaa\xaa&amp;&amp;&amp;\x8a\xbdT\xd3\xd2\x8f?9\xf3U\xc9\xd3\xc8\x89\xc4\xddb\xb3h\x9b\xaa*\xfeA\x1f\xbd\x9b\xf2Q\xcaW\x00\x10\x1b\x1b\xbb|\xf9r\xb7\xdc\xf3\x19\xb9\x1c\x0c\x00\xe4xb\xf7\xa4\x0f?\xfcP&lt;Sa\xf5\xba-\x89S\xe7\xc9&gt;^ \xbb\xf8\xde\xc8\x9cSJu\xa6\xe0\xe4\xf7Sf$\xfd\x1d\xae&gt;\xcbA\xdc\xe8\x87\x17~\x91\xc3a\x00 \xc7\x13\x9b\x82\x89g*\x88\x0cH\xfedcb\xfc|\xaa(\x92N\xd7\xe8\xcf\xd7l\x1a\x8c1\xcaA\xf6\xf7\xff\xe8\xbdU\x89\xb3\xde\x00\x80\x9e=c]\xf4Y\x0e\xc8]\xe1* \xe4,\xec;g$&amp;&amp;&amp;\'\'\x03@\xbf^]\xbf\xd9\xb4\xdc\xd4,@-\xadp\xad\xb5\xa1T\xa5\xb2\x87\x1e\x8c\xc6\x19\xd3\xfe\xf2\xd1\xc7_\x02@\xcf\x9e=\xb7m\xdb\x86\xad?r*X\x88\xc8Y\x88\x1b\xe5\xea\x8f\x03\xf6\x1f\xca\x18&lt;\xec\xf1#?\x1dS\x02\x82\x1a\xf1\x19\xcbw\x9ajSe\x7f\xdf\xd2\x8a\xeaq\x7fz\n[\x7f\xe4\xccp\x04\x80\x9c\xcb\xf5\xe3\x80@\x93\xef\xf2\x7f\xfcu\xecc\x0fsK9s\xee\x9bf9\xe3\x8c3\xd9?\xe0H\xda\xd1i\xd3^L\xcf8\t\xd8\xfa#\'\x86\xe5\x88\x9c\x8b\x18\x070\xc6V\xacX\xb1d\xc9\x12\x00\xb8RZ1n\xe2s\xb3g\xbdBeY\xf6\xf1VU\'\x1d\n\xa86\x95\x18t\xb2\xbfi\xe5\x87k\x07\r\x89\x17\xad\x7fBB\xc2\xce\x9d;\xb1\xf5G\xce\tG\x00\xc8\x19\x89\xdd\xf1$IJMM}\xfc\xf1\x84\x8b\x17\xf3\x01\xa0wl\xe4\xd2w\xe6\xf5\xea\xdf\x0b\xaa*T\xab\xd5y\x16\xd1\xff\xb2k\xb7\x9f)\xff\xdc\xf9g\xe7.\\\xff\xc56\x000\x18\x0co\xbd\xf5VRR\x12\\\xf7\x1cD\x84\x9c\x04\x06\x00r^\xe2V\xa9\x82\x82\x82\xf8\xf8\xf8\xd4\xd4T\x00\xf00\xe8\x9f\x9b=\xf5\xd9g\xa6\xf8\x057\x03K9U\xa9\xa4\xc8\x0e\\MI)#\x00\x92\xbf\x0f\xd4\xd9R&gt;\xf9\xea\xa5W\x97\xe5\xe5\x17\x03@XX\xd8\xc7\x1f\x7f\xdc\xaf_?\xc6\x18n\xf5\x83\x9c\x16\x06\x00rj\xf6\x9d2\x97.]:\x7f\xfe\xfc\xda\xdaZ\x00\xe8\x1c\xd6\xe1\xb9g\xe3\'\x8e\x1b\xa5\xf3\xf5\x06\x8b\x85\xaaT\x92\x9bt\x0fm\x0e\xc0D\xaf\xdf\xd7\x1b8\xecH\xdd\xbbpa\xca\x8e\xdd?\x88\xefN\x9b6m\xd1\xa2E~~~x\xaf/rr\x18\x00\xc8\xd9\xd9;\xd1YYYs\xe7\xce\xdd\xbau\xab\xf8z\x9f\x9e]\xe7=?}\xf8\xa0\x9e\x06\x7f\x13TU\xaaV\x1b!D\x96\xef\xecL\x0bc\x8c1\xae(2\xf8x\x81\xd5v\xf0\x87\x8c\x7f,[\xbbn\xc3/\x87\x14\x19\x19\xf9\xf6\xdbo\x8f\x1c9\x12\xdc\xe5\x19\xce\xc8\xbda\x00 \xd7`oO\xd7\xaf_\xff\xb7\xbf\xfd-33S|\xbdk\x97\x90\xa4Y\x13G?&lt;\xd4\xb7Y\x100\x1b\xaf\xac\xa6\x94\xfe\xf2T\x9dF\x1a\x13p\x00\xce\x18c\\"D\xf2\xf2\x00\x9d\x91VY\xbe\xdd\x93\xb6\xf8\x9dORw\x1e\x10\xafi\xd9\xa2\xc5\xcc\'\x9f\x9c;w\xae^\xaf\xc7i\x1f\xe4*0\x00\x90\xcb\x10\xdbBH\x92d\xb5Z\x17,X\xb0|\xf9\xb2\x82\x82B\xf1\xadvm[\x8d\x1d=\xf4\xe1\x07\x07\xf5\xed\xdb\x1d\xf4F`V\xa8\xa9\xa36U&lt;|M\xa4A\x83\xfe-\xce9\xe3\x9c3N\x08\xc8\x8a\x0c\x06\x03\xe8\x0c\x00\xf4\xc4\xcf\'6o\xdd\xfb\xf9?\xb7\x1e9\x9a-^i4\x1a\'L\x98\xf0\xdak\xaf\xb5n\xdd\x1a\xb0\xe3\x8f\\\n\x06\x00r1\xf6\x16\xb6\xa8\xa8h\xcd\x9a5k\xd6\xac\xc9\xc8\xc8\xb0\x7f\xb7\x7f\xbf\xe8!q\xbd\x86\xc5\xf5\x8c\x8a\n\xf7\x0c\xf4\x07\x90\x81\xabPg\xe5V\x1bg\x9cq\x0e\xc0\xc5F\xd4\xd7\xfc\xda\xab\'\x02\'D"\x04$\x9d\x0e\x0cz\x90\x15\x00\xa0\x16\x8b\xf9T\xee\xf6\xdd\x87\xbe\xdfs8u\xe7\x81\xea\xea\x1a\xf1#\xadZ\xb6|\xf4\xb1\xc7\xa6L\x99\xd2\xa5K\x17\x00PUU#\x0ftCn\x03\x03\x00\xb9\x1e\xfb\xcdb\x00`\xb5Z\xb7m\xdb\x96\x92\x92\xb2}\xfb\xf6\xea\xeaj\xfbk:th\x13\xdd-\xfc\xde\xbe\xdd\xbbG\x85\xdd\x13\xd2&gt;\xa8E\x10x\x18\x00\xc4%Y\x0ep\xfd\xfeB\xd2\xd5\xdbbTP\xd5\xb2\xe2\x12\xf3\xe9\xbcc\xd9\xa7\xf7\x1d8\x92v\xf8\x98\xf9Tn]]\x9d\xfd\xa5\xfd\xfb\xf7\x9b2e\xea\x03\x0f&lt;\xd0\xbcys\x00\xa0\x94j\xe1I\xce\xc8\xfd`\x00 W\xc59\xa7\x94\xda\x97\xd9\x9c8qb\xf3\xe6\xcd\x9b6mJKK\xab\xdfX\x03@`\x80\x7fH\xa7\xb6\xfe&amp;\xdf\xd8n\xe1\x8a\xa2\xf8\xf9xu\x8d\n\xe3\x94\x12 \xe2\xf7\x10E\xc9=\x97\x97{\xa1\x90(rf\x86\xf9JI\xf9\x89S\xe7\n\n.]\xf3/FFv\x191b\xc4\xc3\x0f\xff\xb1o\xdf\xbe\xe2+\xe2\x89.\xb8\xc6\x1f\xb9(\x0c\x00\xe4\xda\xc4h@\xdc?,\xbe\x92\x9d\x9d}\xe8\xd0\xa1\xcd\x9b7\xa7\xa7\xa7\xe7\xe7_\xac\xab\xb3\xde\xce\xefo\xd1\xa2ydd\xe4\xf0\xe1#\x06\x0c\x18\x10\x1d\x1d-\x86\x1d\xe2\x1f\xc5^?ru\x18\x00\xc8M0\xc6\xc4\xbc\x90\xbdQ\xae\xae\xae\xce\xcd\xcd=q\xe2Dfffff\xe6\x95+W\xb2\xb3\x8fSJ+\xca+\xea\xac7H\x85\xe0\xe0 \x00\xb8\xfb\xeeN&amp;\x93)&amp;\xa6G\xc7\x8ewGDD\x84\x84\x84\xf8\xfb\xfb\xdb_\xa3\xaa\xaa\xd8\xbc\xbaI\xfe&amp;\x84\xee,\x0c\x00\xe4nD\x12\xdc\xb0\x99.//g\x8c\x15\x16\x16\x16\x16\x16\x12\x02\xf5k\xdf\xdb\xdb;$$\x84sn2\x99~\xed\x17b\x97\x1f\xb9\x19\x0c\x00\xe4\xb6x=ba\xfe\xcdL\xd6\x8b\xe9\x1dq^`\xa3\x8f\xdc\x1b\x06\x00\xd2\x10Q\xed"\x12\xae\xff\xae\x88\x07l\xee\x91v`\x00 \x84\x90F\xe1\xf25\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c5\xd1\x07\xa0E\xbf\xf6\x1cf|\x1c9\xd2\x02\xac\x7f\xe7\x81\x01pg\xf1z\x00@\x92$\xfb\x7f\xaf\xc7\x18\xb3\xff\x97\xd4\xd3\x84\xc7\x8bPc\xc2\xfawr\xe4\xd7\xd2\x18\xdd2Q\xee\x8c1B\x88,\xcb\xd7\xbf\x801V^^N\xc8/o\xbe\xf8\x1f\x1e\x1e\x1eF\xa3\xf1\x86/\x16\xbfJ\x92$&lt;\x19\x90\xf3\xc3\xfaw!\x18\x00\x8dF\x14=\xe7\\Q\xfe;\xae\xa2\x94\xe6\xe7\xe7\xe7\xe4\xe4dff\\\xbe|9-\xed\'UU\x8b\n\x0b\x0b\x8b\n\t\x10\x0e\xe2\xcd\'\x00\xdc\xdb\xcb\xbbSH\'\xce!222(((&amp;&amp;\xe6\xae\xbb\xeej\xd7\xae\x9d\xa7\xa7g\xfd\xdf\x06\x00x&amp; \'\x84\xf5\xef\x8a0\x00\x1a\x01\xe7\x9cRj\xaf{J\xa9\xd9lNMM\xdd\xb7o\x9f\xd9l\xce\xcd=WQa\xb9\x85_k0\xe8[\xb5j\x15\x16\x16\xd6\xbbw\x9fa\xc3\x86EEE\xd9O\x06UU%I\xfa\xb5\xa14BM\t\xeb\xdfua\x00\xdc\x16\xd1%\x11\xe3\\J\xe9\xa1C\x876n\xdc\xb8u\xeb\xd6S\xa7\xccuu\xd6\xfa\xaf\xf4\xf1\xf1\xf2\xf2\xf2\xbc\'\xb4\xbd\xa4\xc8~&gt;^]\xbb\x86r\xcaD7\x86sN\x14]\xee\xb9\xbc\xf3y\x85D\x96sr\xceWTT^))\xbb\xe6\xdf\xea\xd0\xa1}\\\xdc\xa0\x87\x1ezh\xe0\xc0\x81\xbe\xbe\xbep\xb5\xcf\x85\x1d"\xe4(X\xff\xae\x0e\x03\xe0\x16QJ\xed\x95\x97\x97\x97\xb7~\xfd\xfa\xb5k\xd7\x1e=z\xf4\xbf\xaf \xa4}\xbb\xd6=\xbaw\x8e\x8e\n\x8b\xe9\x16\xde9\xac\xa3\xaf\x9f\xb7_\xb0\t$\x19$\x02\xa0\x03\xa8\xff\xce\x13\x00\x15\x18\x05Bj.\x97VU\xd5\x1c3\x9f;\x92a\xce\xcc:\x95v\xf8\xd8\xa9\x9c\xdc\xda\xda:\xfbK\xdb\xb5k7v\xec\xd8\x89\x13\'v\xed\xda\xd5~07\x9clE\xe8\x0e\xc1\xfaw\x0f\x18\x00\r&amp;&amp;:E\xc1\x1d8p\xe0\xe3\x8f?\xfe\xea\xab\x7f\x97\x96\x96\x89\xef\x9aL\xbe1\xd1\x11\xc3\x07\xf7\x1epoLDx{\xcf\xa0\x00\x00\x05@\x85:+P\xc6l6\x00\xe0\x1c8g\x00\xf5\xbb-\xfc\x97\x05\x0f\x1c$\x9d\x02\xb2\x04\x06</t>
        </is>
      </c>
    </row>
    <row r="66">
      <c r="A66" s="1" t="n">
        <v>64</v>
      </c>
      <c r="B66" t="inlineStr">
        <is>
          <t>color_size_circle</t>
        </is>
      </c>
      <c r="C66" t="inlineStr">
        <is>
          <t>What is the missing color of the part denoted with a question mark?</t>
        </is>
      </c>
      <c r="D66" t="inlineStr">
        <is>
          <t>['dark orange', 'dark red', 'dark blue', 'light orange']</t>
        </is>
      </c>
      <c r="E66" t="inlineStr">
        <is>
          <t>light orange</t>
        </is>
      </c>
      <c r="F66" t="inlineStr">
        <is>
          <t>There are circles of various sizes and colors in the image. The circles are ['medium', 'extra large', 'large', 'small'] size, and their colors are ['medium orange', 'very dark orange', 'dark orange', '?'].</t>
        </is>
      </c>
      <c r="G66" t="inlineStr">
        <is>
          <t>We observe that the largest circle is very dark orange color, and the smaller circles change color from dark orange to medium orange. Hence, the pattern is that the circles become lighter as they become smaller.</t>
        </is>
      </c>
      <c r="H66" t="inlineStr">
        <is>
          <t>Based on the pattern that the circles become lighter as they become smaller, the missing color of the smallest circle denoted with a question mark should be light orange.</t>
        </is>
      </c>
      <c r="I66" t="inlineStr">
        <is>
          <t>b'\x89PNG\r\n\x1a\n\x00\x00\x00\rIHDR\x00\x00\x02\x00\x00\x00\x02\x00\x08\x02\x00\x00\x00{\x1aC\xad\x00\x00\xe5\xf7IDATx\x9c\xec\x9dw|\x95\xd5\xfd\xc7\xbfg&lt;\xcf\xdd\xb9\xd9!a\x84\x00\t{\x88\x80\x0ce(\xe0\xde\x1bg]\xb5\xeeV\xabm\xb5uT\x7f\xad[[W\xa5\xc5\xbd\xf7VPQ\x94!{\x8f\x04\x08+\t\xd9\xb9\xfb&gt;\xe3\x9c\xf3\xfb\xe3$\xd7\x08h\xd5\n97y\xde/K\xf3\\Br\xees\xcf\xf3\xfd\x9c\xf3]\x07\t!\xc0\xc1\xc1\xc1\xc1\xa1\xeb\x81;z\x00\x0e\x0e\x0e\x0e\x0e\x1d\x83#\x00\x0e\x0e\x0e\x0e]\x14G\x00\x1c\x1c\x1c\x1c\xba(\x8e\x008888tQ\x1c\x01pppp\xe8\xa28\x02\xe0\xe0\xe0\xe0\xd0Eq\x04\xc0\xc1\xc1\xc1\xa1\x8b\xe2\x08\x80\x83\x83\x83C\x17\xc5\x11\x00\x07\x07\x07\x87.\x8a#\x00\x0e\x0e\x0e\x0e]\x14G\x00\x1c\x1c\x1c\x1c\xba(\x8e\x008888tQ\x1c\x01pppp\xe8\xa28\x02\xe0\xe0\xe0\xe0\xd0Eq\x04\xc0\xc1\xc1\xc1\xa1\x8b\xe2\x08\x80\x83\x83\x83C\x17\xc5\x11\x00\x07\x07\x07\x87.\x8a#\x00\x0e\x0e\x0e\x0e]\x14G\x00\x1c\x1c\x1c\x1c\xba(\x8e\x008888tQ\x1c\x01pppp\xe8\xa28\x02\xe0\xe0\xe0\xe0\xd0Eq\x04\xc0\xc1\xc1\xc1\xa1\x8b\xe2\x08\x80\x83\x83\x83C\x17\xc5\x11\x00\x07\x07\x07\x87.\x8a#\x00\x0e\x0e\x0e\x0e]\x14G\x00\x1c\x1c\x1c\x1c\xba(\x8e\x008888tQ\x1c\x01pppp\xe8\xa28\x02\xe0\xe0\xe0\xe0\xd0Eq\x04\xc0\xc1\xc1\xc1\xa1\x8b\xe2\x08\x80\x83\x83\x83C\x17\xc5\x11\x00\x07\x07\x07\x87.\x8a#\x00\x0e\x0e\x0e\x0e]\x14G\x00\x1c\x1c\x1c\x1c\xba(\x8e\x008888tQ\x1c\x01pppp\xe8\xa28\x02\xe0\xe0\xe0\xe0\xd0Eq\x04\xc0\xc1\xc1\xc1\xa1\x8b\xe2\x08\x80\x83\x83\x83C\x17\xc5\x11\x00\x07\x07\x07\x87.\x8a#\x00\x0e\x0e\x0e\x0e]\x14G\x00\x1c\x1c\x1c\x1c\xba(\x8e\x008888tQ\x1c\x01pppp\xe8\xa28\x02\xe0\xe0\xe0\xe0\xd0Eq\x04\xc0\xc1\xc1\xc1\xa1\x8bB;z\x00\x0e\x0e\x07\x08!\xc4\x8f\xfcN\x84\xd0~\x1d\x89\x83\x83"8\x02\xe0\x90\xc6\xa4l:\xe7|\x8fW\x10B\xed\xed\xf8\x1e\x97\xff\xf5\xc7\xb6W\x8b\xf6\x97\xa9\x1f\x821\xde\xe3\x15\x07\x87\xb4\x03\xfd\xf8e\x91\x83CG!g\xa9\xb4\xf2\xf2ki\xd0SV\xf8\xc7\xd0\xdc\xdc\x8c\xd0\x7f\x99\xf0\xf2\x1b\xb2\xb2\xb2~\xfc\x8f\xe5\x9c\xa7\x14B\x8a\x81\x1c\x95#\x0c\x0e\xea\xe3\x08\x80\x83r\x88v\x00\x00B\x88\x10\xb2\xcf\xefd\x8c\x85\xc3a\xce\xf9\xbau\xeb\x18c\xb6m/^\xbc\xd8\xb2,\x84\xd0\xf6\xed\xdb\xb7m\xdb\x96\xb2\xf8\xd1ht\xf3\xe6\xcd?r\x00\xfd\xfa\xf5\xf3\xfb\xfd\xd0\xa6\x07\xbd{\xf7...\x16Bh\x9a6f\xcc\x18J)!d\xf0\xe0\xc1\x18\xe3\x8c\x8c\x8c\x1f\x18[{\xad\xfaI[\x10\x07\x87\x03\x83#\x00\x0e\x1d\x8f\x10"\xb5\xba\xc7\x18\xef\xbd\xaeg\x8cE"\x91\x8a\x8a\x8ah4\xbaj\xd5\xaaP(\xb4j\xd5\xaa\x96\x96\x96\xda\xda\xda\x9a\x9a\x1a\xc1yK(t\x80\xc7\x9c\x19\x0c"\x8c\x0b\x0b\x0b\x0b\n\n233\x87\x0f\x1f\x1e\x0c\x06\x87\x0f\x1f\xee\xf7\xfbKKK\x03\x81\xc0\xde\xc2\xc09\xe7\x9c\xa7v\t\x8e\x1e8t8\x8e\x008t\x00\xed\xd7\xf8{[\xfcD"\xd1\xd0\xd0\xb0y\xf3\xe6\xd5\xabW\xd7\xd7\xd7/Y\xb2d\xe7\xce\x9d\xbbw\xefnnn\xfe\xfe\x1f\x89\xda\xfd)\xda\xfd\xf9K\xf1\x13~~VVV\xb7n\xddz\xf6\xec9z\xf4\xe8\xbc\xbc\xbca\xc3\x86\xf5\xeb\xd7/77\xd7\xe3\xf1\xb4\xff\xb6\x94\x1e8\xfb\x03\x87\x8e\xc2\x11\x00\x87\x03\x84\\\xe6\x0b!\xf6v\xe9\x84B\xa1\xf2\xf2\xf2]\xbbv-_\xbe|\xf1\xe2\xc5\x1b6lhll\x8c\xc7\xe3\xfb\xfa1\x08\x00\x01\x88=\xec\xafG\xc7n\rs\x0e%y\xee\x0c\x0f\xb1\xb9\x08z\xe8\x90\x1e&gt;\xce\x05 \x04\x00\x14\xc3\x88b\xbf\x86\xb1\xf8Aa@\x80,\xceWn\x8f\xda\xbcu\xd0\x18\xa3\xb5\xbbb\xa1\x84M1\n\'Xe}\x12cHZ&lt;a\xf2\x1f30\x89\xd7\xeb\xcd\xc9\xc9\x198p\xe0\x981cF\x8e\x1c\xd9\xa3G\x8f\xb2\xb2\xb2`0\xd8\xfe{\xa4\xcbH\x066\x1c1p808\x02\xe0\xb0\x1f\xf9&gt;\xa3\xcf\x18+//\xdf\xb8q\xe3\xf2\xe5\xcb\x17.\\\xb8j\xd5\xaa\x86\x86\x86\xbd\xfe\xf5\x9e&amp;\x95`\x94\xe1!y\x01\xad[P/\xcct\xf5\xceuyt2\xac\xa7\x8fqQ\x92\xe7\xcepS\xc6E\x8e_sk\x98\x0b\x811\xd2\tj?\xb9m\xf6\xa3\xe6:\x02\xa0\x04\xb5\xbf4\x99\xe0\\`\x84\x92\x16o\x8cZ\x04\xa3p\xd2\xae\xacO\x12\x8cV\xef\x8c%L\xb6\xad\xc1\xa8i1v\x87\xcc\xfa\x88\x15N0\xc6E\xbb\x7f\xbdoU\xc8\xcd\xcd\x1d&gt;|\xf8\xb8q\xe3F\x8e\x1c9`\xc0\x80\xb2\xb2\xb2=\xee\x8f#\x06\x0e\x07\x00G\x00\x1c~y\xa4\xd1\x07\x80\xf6F-\x1e\x8f\xaf]\xbbv\xc1\x82\x05\xabW\xaf\xfe\xe6\x9bo\xca\xcb\xcbm\xdbN\xfd-BH\x88\xef\xd8\xca\x80\x9b\x14f\xba\n3\xf5\xd2\x02OI\x9e{@\xa177\xa0\x15f\xea\x1e\r\x07\xbd\x14\x01h\x04q\x016\x17\x00`\xda\x82q\x81\x10XLp.\x10\x02!@\x886\x9f\x8d\xfc\x15?z\xfc\xe2\xbb\x17\x08\x81\xfc\x81\x18#\x8d !\x80`\xa4S\xb9\xb1@\x18\x81\xc5\x84\x00\x08\xc5\xed\x84\xc5kZ\xcc\x86\x88\xb5\xb1&amp;^Y\x9f\xac\xa8M\xd4\xb4\x985-F$\xc9\xda\x8dB\x86\x96\xbf\xfd%\x94\xd2\xb2\xb2\xb2C\x0e9d\xd8\xb0a\xe3\xc7\x8f\x1f2d\x88\xd7\xebM\xfd-cL\xde\x9f\x9f\x94\xf2\xe4\xe0\xf0cp\x04\xc0\xe1\x97!\xb5\xd8o\xef\xd3g\x8c-_\xbe|\xfe\xfc\xf9_}\xf5\xd5\xd2\xa5Kw\xec\xd8\x91\xfa~\x04 \x00\xb7\xb7\xf89~\xad\xac\x9bgh\x0f\xdf\x90\x1e\xbe\xde\xb9\xee\x92&lt;w\xb6O\x0b\xb8\t!\x08\x01\xd8\\\xd8LXLp!l&amp;\x00Z\xed\xbb4\xeb\xb8m\x99\xbc\xbf\x97\xcb\xa9\xc7\x85\x0b\x01r\xe8\xadN&amp;\xa0\x04a\x844\x82(A\x14#\x01\xc0\x98\x88$YS\xcc\xaa\xacOnkH\xae\xdd\x15[\xb3+V\xbe;\xd1\x18\xb5\xda\xdd\x06\x84\x80\xb7\x7f\x08{\xf5\xea5j\xd4\xa8\xc3\x0e;l\xc2\x84\t#G\x8eL\x89h*f\xe0l\x0b\x1c~)\x1c\x01p\xf8\x9fH\xd9}J\xbf-*\xdc\xb5k\xd7\xe2\xc5\x8b\xdf\x7f\xff\xfdo\x16-Z\xbfaC\xea\xf5\xb6e~\xab\xf7&lt;\xcbK\x07\x16y\x87\xf4\xf0\r\xe9\xe1\x1bP\xe8\xed\x9d\xeb\xce\rhn\r\x0b\x016\x17\xa6\xcdm&amp;\xe4\x02_\xb4\xad\x9c\x11|k\xf4UC\x0eT\xc8\x10w\xdb\x86\x83bD\t\xd2)\xa6\x18!\x04I\x8b7D\xacm\r\xc9\x8d5\xf1\xb5\xbbbkw\xc56T\xc7\x9b\xe3\xa9\x9d\x10\xdecs0h\xe0\xc0C\xc6\x8e=\xee\xb8\xe3\xc6\x8c\x19\xd3\xa3G\x8f\xd4\xeb\xb6m;J\xe0\xf0\xbf\xe3\x08\x80\xc3\xcfao\xbb/\x17\xfb_~\xf9\xe5\xc7\x1f\x7f\xbcd\xc9\xe2p8"_\xdf\xc3\xe8\xf7\xc8v\r\xef\xe5\x1f\xd77cH\x0f_i7OQ\xa6\xee\xa2X\x08\xb0\x187\xec\xd6\x05\xfe\xb7\x8bzUm\xfd\x8fG\xaaBj\xbb \xb7\x08.\x8a4\x82\x11\x02\xc3\xe6\xd5-f\xc5\xee\xc4\xda]\xb1\x85[\xc2\xabvDw5\x19m\xff\xf4;b\x90\x91\x11\x18=z\xccQG\x1d5i\xd2\xa4\xf6\xdb\x02G\t\x1c\xfe\x17\x1c\x01p\xf8\t\xec\xd3\xee\x7f\xf3\xcd7o\xbd\xf5\xd6\x87\x1f~\xb8~\xfd\xfao\xbf\x15a\x10\xad\xee\x9d\x1e\xd9\xae\x11\xbd\xfcc\xfbf\x8c*\t\xf4/\xf4\xe4\xfa5\x82\x91\xcdD\xd2\xe6\xa6\xddj\xf1\xa5\xb5\xef\nFL\x08\x10 \x84h\xd5\x03\x9d"7\xc5\x94 \xc6EC\xd4\xdaT\x93XZ\x19Y\xb4%\xbc\xf2[1\x90!\x88o\x93\x8e\x06\r\x1at\xcc1\xc7\x9c|\xf2\xc9\x87\x1cr\x88\xa3\x04\x0e\xff\x0b\x8e\x008\xfc(\xa4\x03\xfa\x87\xed~\xfb\xc5~\xc0M\x0e*\xf6O\x1e\x98yhi\xb0\xb4\xc0\x93\x1b\xd0\x08F\xa6\xcd\x93\x16\x97!S\x04\x80\x9d\xdcw\x00!\x80\xb7\xb9\x8c4\x82\xdc\x1a\xd6)f\\4D\xac\x8a\xda\xc4\xd7\x15\xa1/6\xb4\xac\xd8\x1em\x0b#\x7fg[\xf0}J\xb0\xcfb:\x07\x87\xbdq\x04\xc0\xe1\x87\x90K\xfe\xd4\xba\xf2\xbf\xda\xfd\xfe\x85\xde\x83{\x07\xa6\x0f\xc9\x1a\xde\xcb\xd7\'\xcfC\t\xb2\xda\x19}\x8c\xc0\xb1\xf9?\x80\x8c\x1fp\xf1\xad\x18h\x14\xdbLl\xadO\xac\xda\x11\x9b\xbd\xb6y\xd9\xb6\xc8\xa6\x1aY\x1e\xf1_\x94`\x8f\x0f\xce\xc1a\x9f8\x02\xe0\xb0od\xf6aj]\xb9~\xfd\xfa\x0f?\xfc\xf0\xb9\xe7\x9e[\xbdz\xb5|\x05#\xd4\x16\xa0\x85\xfe\x85\xdei\x83\xb3\x8e\x1e\x96}P\xb1?\xe8\xa1\x02D\xc2\xe4\x86\xcdEk\x0e\xa5c\x84~2\xad\xc1d\x01\x08\x81\x8bb\x8f\x8e\x11\xa0P\xc2^\xb1=\xfa\xd1\xea\xa69\xeb\x9a\xdb\x94\x00a\xd4\x1ac\x00\x80a\xc3\x86\x9dw\xdey\xc7\x1cs\xcc\xa0A\x83\xe4+{|\x8e\x0e\x0e\xedq\x04\xc0\xe1;\xec\xb1r\x0c\x87\xc3\xef\xbc\xf3\xces\xcf=7w\xee\\\x99\xb6\x8f\x11\xe2m\xeb\xfd\xd1}\x02\xc7\x0e\xcf\x19\xd7/cHw_\xb6\x9f\x1a\xb6\x88\x1b\xadeP\x8e{\xe7\x17D\xb4\x85\x91\tF^\x17qQ\xd4\x14\xb5\xd7V\xc5\x16n\x0e\x7f\xb0\xaaq\xc9V\x19o\xc7\x18\t\xf9m\x94\xd2)S\xa6\x9cw\xdey\'\x9exbFF\x068\x1b\x02\x87\xef\xc1\x11\x00\x87Vdt7\xb5T\\\xb0`\xc1\xd3O?\xfd\xd1G\x1f\xed\xda\xb5\x0b\x000\x02.p\xca\xcf#\xd7\xfb\x87\xf4\xcd\xf0\xea\xd8\xb4y\xc2\xe4\x16\x17\x18\x00c\xc7\xbe\xec_8\x17\x1c@\xc3\xc8\xa3c\x9d\xe2\xb8\xc9\xbf\xd9\x12\xfe\xee\x9e\x00c\xc4eeA\x8f\x1e=\x8e&gt;\xfa\xe8\x0b/\xbcp\xfc\xf8\xf1\xf2\x9f3\xc6\x9c\x9a2\x87\x14\x8e\x008|\xc7K\x90Z\xf2\xcf\x993G\xfe-\xc6X\xb6\xea,\xcat\x1d18\xf3\xec\xb1\xf9#z\xf93\xbd\xd4d"\x96dL\x08\x8c\xbe\xad\xc3r8`p!\xb8\x00\x82\x90\xcfMt\x82Z\xe2\xf6\xca\x1d\xd1\x97\x16\xd5}\xb6\xae\xa5\xba\xc5\x80v\x1f\x1c\x00L\x9b6\xad\xfd\x86\xc0\xf1\x0b9H\x1c\x01\xe8\xba\xec\xe1\x16\xd8\xb8q\xe3+\xaf\xbc\xf2\xef\x7f\xff[.\xf9\t\xc1\x8c\x01\x00wQ|\xf8\xa0\xcc\xe3F\xe4\x1c=,;?Cg\\\xc4\x0cf;\xeb}e\x90{\x02\x8a\x91\xcfE\x08Fua\xf3\xa3\xd5M\xef\xafl\xfc|}\x8bas\x00L\x080\xc6\x01\xa0G\x8f\x1e\x97\\r\xc9\x99g\x9e9`\xc0\x00p\xfcB\x0e\x8e\x00tM\xe4\x93\x9fZ\x00\xce\x993\xe7\xf9\xe7\x9f\x7f\xe5\x95W\x0c\xc3\x00\x00L\x08g\x0c\x00J\x0b&lt;\xa7\x8c\xca=\xe9\xe0\xbc\xc1\xdd\xbd\x18\xa1h\x92Y\x8c#\xc7\xee\xab\n\xe7B\x00h\x04\xfb\xdd\x84\x0b\xb1\xae*\xfe\xf6\xb2\xfa7\x976T\xd4&amp;\xa0\xdd\xc7\xear\xb9\xce&lt;\xf3\xccs\xcf=w\xda\xb4i\xf2\x1f2\xc6\x1c\x19\xe8\x9a8\x02\xd0\xb5ho\xfaM\xd3\xfc\xf8\xe3\x8f\x1fy\xe4\x11\xe9\xed\xc1\x088`\x10\x9c`4\xb1\x7f\xf0\xe2I\x85\x93\xfa\x07s\xfcZ\xc2\xe2q\x83\x01\x00v\x1c=\xe9\x80\x00\x90\x11\x00\xaf\x8bx4\xdc\x18\xb5\xbe\xdc\x14\xfa\xcf\x975\xf36\x85\x18\x17\x800n\xfd{\x986m\xdaUW]u\xd4QG\xe9\xba\x0e\x8e\x0ctI\x1c\x01\xe8*\xeca\xfa_x\xe1\x85\x07\x1ex`\xed\xda\xb5\x00@\t\xb6\x19\x00\xf0\xbc\x80v\xe6!\xf9\xa7\x8d\xce\x1d\xde\xcb\xaf\x11\x14I0\x8b\x0b\x8c\x90\xb3\xe2OG\xb8\x00.\x84\x86Q\xc0C,&amp;V\xed\x88\xbe\xbe\xa4\xe1\x95o\xea\xea#\x16\x00\xa6\x04l\xc6\x01`\xc8\x90!\xbf\xfb\xdd\xef\xce9\xe7\x1cG\x06\xba \x8e\x00t~~\xc8\xf4Sb\xdb\x0c\x00\x06\x14z\xcf\x1e\x97\x7f\xda\xa8\xbc\xbe\xf9\xee\xb8\xc9\xe3\xa6\xec\xeb\xe9\x98\x81\xb4Gn\x08\x10B^\x1d{u\xbc\xa5.\xf9\xfa\xd2\xfa\x97\x16\xd6m\xac\x89C\xbb\t\xe0\xc8@\xd7\xc4\x11\x80\xce\xcc\x0f\x98~\x8d\x12\xcbf\x000y@\xe6\x19\x87\xe4\x9dpPN\x8e_\x8b$X\xd2\xe2\x18;K\xfeN\x08\x17\xc0\xb9pk8\xe0!\x8dQ\xeb\xdd\x15\x8d\xaf~S\xff\xc5\xc6\x16h7\x19\x1c\x19\xe8j8\x02\xd0ia\x8c\xed\xd3\xf4\xa7\x82\x81\x93\x07d^5\xad\xfb\x11\x832u\x82\xc3\t\xdbb\x828\x0f{gG\x08`\\h\x04ex\xa8\xc9\xf8g\xeb[\x1e\x99S%e 51\xf6\x96\x01\'a\xb4\xb3\xe2\x08@\'$U\xec\xb3\x87\xe9\'\x840\xc64\x82O\x19\x95{\xfa\x98\xbc#\x06e\x12\x8c\xc2\t[\x1eq\xd5\xd1\xa3v8\xa0\xc8\x03\xd42&lt;\x94q\xf1\xd9\xfa\x96\xd7\x16\xd7\xbf\xb9\xb4\xc1b\\N\x12\xf8\xae\x0c\xecQ$\xe8\xd0ip\x04\xa0S\xd1\xfeA}\xf9\xe5\x97\xef\xba\xeb\xae\xf6\x0e\x1f\x8d\xa0\xd3\xc7\xe4\xfd\xe6\xf0\xa2\x91\xbd\x036\x13\x91$\x13B8\xa6\xbf+\xc3\xb8@\x08\x05\xdc\x84\x12\xb4|[\xe4\xf1\xcf\xab_[\\o1\xd1\xde)t\xf3\xcd7\x9fu\xd6Y\xe0T\x11wF\x1c\x01\xe8$\xb4w\xf7\x7f\xf6\xd9gw\xdf}\xb7L\xee\xd4(\xb5l\x1b\x00N&gt;8\xf7\x86cz\x8e\xe8\xe93l\x115\x18\x02g\xd5\xef\xd0\n\xe3B\x00\xf8]\xc4E\xd1\xca\x9d\xb1\xfb&gt;\xdc\xf9\xd6\xb2\x06h7y\xa6M\x9bv\xd3M7\x1dq\xc4\x11\xe0\x04\x06:\x17\x8e\x00t\x06R^\xda\xb5k\xd7&gt;\xf8\xe0\x83\xb3f\xcd\x82\xef\x86y\xaf\x9a\xd6}\xda\xe0,.D$\xc9\x9c\xb4N\x87}"\xd3F\x03n\x82\x11\x9a\xb3\xae9\x15\x1bHM\xa4\x8b.\xba\xe8\xb7\xbf\xfd\xed\x90!C\xc0\t\x0ct\x16\x1c\x01Hod\xb3\x17\x8cq(\x14\xba\xef\xbe\xfb\xee\xb9\xe7\x1e\xd34)\xc16\x13\x00\xe2\xe0\xde\x81\x9bO\xe85e`&amp;\xc1(\x1c\xb7\xc1i\xda\xe3\xf0\xdf\xe0B\x80\x80\x0c/e\\\xcc\xdd\xd0r\xd7\xbb;\x96m\x8b\x00 J\x90\xcd\xb8\xae\xeb7\xdex\xe3\r7\xdc\x10\x0c\x06Ss\xaf\xa3\x87\xec\xf0\xf3q\x04 ]i\xef\xf3y\xf9\xe5\x97o\xbd\xf5\xd6\xf2\xf2r\x82\x11\x13\x18\x04\x1bP\xe8\xbd\xe2\x88\xa2\xd3\xc7\xe4\xf9]$\x14\xb7\x85\xe3\xf0q\xf8)0.\x10@\xd0K\xa3\x06{mq\xfdc\x9fUo\xac\x89\x03"\x04q\xc6EYY\xd9\xed\xb7\xdf\x9e\n\x0c8\x1e\xa1\xf4\xc5\x11\x80\xb4\xa4\xbd\xcf\xe7\xc6\x1bo\xfc\xe8\xa3\x8f\x00@\xd3\xa8e\xd99~\xed\xb2)\x85WO\xed\x1e\xf4\xd2P\xdcf\xdc\t\xf3:\xfcL\xe4\xe4\x91\x13\xe9\x9f\x9fV=9\xb7\xa61j\xc9i\x06\x00G\x1f}\xf4=\xf7\xdc\xe3x\x84\xd2\x1aG\x00\xd2\x8c\xd4\xc2\xbf\xbd\xcf\'\xe5\xa5={\\\xfe\x9f\x8e\xeb\xd5\xaf\xc0\xd3\x1c\xb3m.\xa8c\xfa\x1d\xfeg\xe4D\xca\xf2\xd1\xcd\xb5\x89\xff{\x7f\xc7K\x0b\xeb\xa0-0\xd0\xde#\xe4l\x05\xd2\x11G\x00\xd2\t\xdb\xb6\xe5\xb1\xec\x1f}\xf4\xd1u\xd7]\xd7\xe6\xf3A \xf8\xc8\xde\x81\xbf\x9cX&lt;mHV\xdc`\t\x93\x13\xe2&lt;\x88\x0e\xbf\x18\x02\x801\xe1\xd1\xb1\xd7E\xe6\xacm\xbe\xe3\x9d\xed\xcb\xb7E\x00a\x82\x84\xf4\x08=\xf4\xd0CG\x1f}4\xb4\x9b\xa2\x0ei\x81#\x00\xe9Aj\xe1_]]}\xfd\xf5\xd7\xbf\xfc\xf2\xcb\xd0\xce\xe7s\xc3\xd1=/\x9a\xd8\xcd\xa3\xe3\x96\x98\xedT\xf3:\xec\'d\x15q\xa6\x8f&amp;L&gt;k\xde\xee\xfb&gt;\xda\xd9\xde#t\xd6Yg\xdd\x7f\xff\xfdEEE\xceV \x8dp\x04 \rH\xad\xaa^~\xf9\xe5\xeb\xaf\xbf\xbe\xba\xbaZ\xd7\x88i}\xeb\xf3\xe9\x9b\xefiq\xdc\xfd\x0e\x07\x049\xcd2\xbdtK\xdd\xb7\x1e!9!\x8b\x8a\x8a\xee\xbf\xff~\x19\x1cv\xb6\x02i\x81#\x00J\xb3\xcf\x85?\xa5\xd4\xb6\xed&gt;\xf9\x9e\xbf\x9fQr\xfc\x88\x9cH\x92%-\xee\xb8\xfb\x1d\x0e$\xb6\xec+\xe7&amp;\xef\xadl\xfc\xc3\xab\x95[\xeb\x12rZ\x82\xb3\x15H+\x1c\x01P\x97Tf\xc5\x1e\x0b\x7f\x82\xd1\xb5\xd3\xbb_5\xad{^@k\x8e:&gt;\x1f\x87\x8eAz\x84\xb2\xfc\xb4&gt;b=2\xa7\xea\xe1\xd9U\x8c\x8b\xbd\xb7\x02N\x82\x90\xca8\x02\xa0"B\x08\xc6\x18\xa5\xb4\xb1\xb1\xf1\xaa\xab\xaej\xbf\xf0\x1fY\x1c\xf8\xfb\x99%\x87\x95\x05C\xf1\xd6\xfe\x9d\x1d=X\x87.\x8d\xec-\x1a\xf4\xd2\xaf\xcaC\x7fx\xa5r\xf9\xf6H\xfb\xad\xc0#\x8f&lt;\x92\x93\x93c\xdb6!\xc4Y\xa7(\x88#\x00\xca!\xcf\xe9\x06\x80O&gt;\xf9\xe4\x9ak\xae)//\xd75jZ6\xc1\xe8wG\xf5\xb8\xfe\xe8\x9e\x1e\r\x85\xe2\xccY\xf8;(\x82\xdc\n\x04\xbd$a\x89\xfb?\xda\xf9\xc0\xc7\xbb\x18\x17r\xd2\x96\x95\x95\xfd\xe3\x1f\xff8\xf2\xc8#\xa1\xdd\xc4vP\x07G\x00\xd4B\x86\xcel\xdb\xfe\xfd\xef\x7f\xff\xd0C\x0f\x01\x80|\x90R\x0b\xff\xe6\x98\x13\xecuP\x119-\xb3|\xdfn\x05\xe4\xd4\x05\x80\xeb\xae\xbb\xee\xde{\xef\x95\x13\xdb\x89\x0c+\x85#\x00\xaa\x90r\xfbTTT\xfc\xeaW\xbf\x9a?\x7f\xbeN\x89is\x00\xf1\xeb)E\x7f=\xb5\xb7NQ8\xce\x9c\x04\x7f\x07e\x91\xe5\x02\x19^b\xda\xe2\xcfol\xfb\xd7\xdcj\x00\xa4Sl\xdal\xc2\x84\tO=\xf5Tii\xa9\xe3\x0eR\nG\x00\x94 \xb5;~\xf5\xd5W\xaf\xb8\xe2\x8a\xc6\xc6F\x97\xae\x19\xa6\x95\x9f\xa1\xff\xf3\xbc~\xc7\x8d\xc8q\x9a:8\xa4\x0b\xa9\x06\x12\xef\xafl\xbc\xfa\xb9\xcduaSN\xe6\x9c\x9c\x9c\xc7\x1e{\xec\x8c3\xce\x00\xc7\x1d\xa4\x0c\x8e\x00t&lt;{\xbb}(!6c\'\x1c\x94\xf3\xf73\xfa\xf4\xccq5Gmg\xe1\xef\x90F\xc8\xad@\x96\x9f\xeel4\xfe\xf0\xea\xd6wW4\xca)\r\x8e;H1\x1c\x01\xe8`\xe4c\xf0\xad\xdb\xa7-\xd1\xf3\xb6\x93\x8b\xaf\x9d\xde\xc3\xb0x\xc2\xe4\x948\xc6\xdf!\xfd\xb0\x99\xf0\xe8\xd8\xa5\xe1\x87g\xef\xba\xed\xad\xed\xa9$\xd1\xf6\xee G\x03:\x16G\x00:\x8cT\x91\xd7\x1en\x9f\x92&lt;\xf7\xa3\xe7\x97N\x19\x98\xd9\x18\xb5\x00\x9c\xc3[\x1c\xd2\x18.\x00@\xe4\xf8\xb5\xb9\x1bZ\xae|\xb6\xa2\xb2&gt;\xb9\x87;\xc8)\x16\xebX\x1c\x01\xe8\x18R\xd51\xb7\xdf~\xfbm\xb7\xdd\x06\xed\xdc&gt;\x0f\xcc\xe8\x9b\x9f\xa1\xb7\xc4lg\xe1\xef\xd09\xb0\x99\xc8\xf4\xd1\xba\xb0\xf9\xbb\x17\xb7\xb4w\x07\xddv\xdbm\xb7\xdez+8\xc5b\x1d\x87#\x00\x1d\x80\xdc\xf9677_~\xf9\xe5\xaf\xbe\xfa\xaaF\x89es\x82A\xba}\x92&amp;O\xdaNk\x07\x87N\x85\xcd\x85\x9bb\xb7\x9er\x07\x81F\xb1e\xb33\xce8\xe3\x89\'\x9e\xc8\xca\xcar\xdcA\x1d\x82#\x00\x07\x1a\xb9\xd8\xa9\xa8\xa88\xe7\x9cs\x96,Y\xe2v\xe9I\xc3\xcc\xcf\xd0f]2\xe0\x88A\x8e\xdb\xc7\xa1\xd3\x92r\x07}\xb6\xbe\xe5\xa2\x7fo\xac\x0b[r\xf2\x8f\x1e=\xfa\x85\x17^(--u\xf6\x01\x07\x1eG\x00\x0e(r\x993\x7f\xfe\xfc\x13N8\xa1\xa9\xa9I\xfaCG\x97\x04\x9e\xbel@\xcf,WK\xdcq\xfb8trl&amp;2\xbdtg\xb3q\xe1\x93\x1b\x97TF\xe4#\x90\x9d\x9d\xfd\xee\xbb\xefN\x980\xc1\xd9\x07\x1c`\x9cT\xdc\x03D\xaa\xcek\xe6\xcc\x99\x93\'Onjj\xd2)5L\xeb\xfc\t\xdd&gt;\xbcahA\x86\x16J8\xd6\xdf\xa1\xf3C\t\n%\xec\x82\x0c\xed\xc3\x1b\x86\x9e?\xa1\x9baZ:\xa5MMM\x93\'O\x9e9s&amp;\xa5\x941\xe6\xacJ\x0f\x18\xce\x0e\xe0@\x90*{\xf9\xedo\x7f\xfb\xd0C\x0f\x11\x8c\xb8@B\xf0{\xcf\xeas\xc5\x11\xddCq\x9b\x0b\x81\x9dD\x88_\x029\x9d\x05\x88\xb6/R\x7f\x01\x08\xc1\x8f\xb9\xc7B\x80\x10\x00m\xdf)\xff\x1f!@\x80\xe4\x17\x0e\xff;r\xc2\x07\xbd\xf4\xb1\xcf\xaa~\xff\xf2V\x840F\x82qq\xddu\xd7=\xf8\xe0\x83\xe0T\x8a\x1d(\x1c\x01\xd8\xef\xc8\xa9l\xdb\xf6\x15W\\1s\xe6L\xd9 %\xc3C\xff}q\xd91\xc3\xb2[b6BN\x16\xdcOFN[.\x84\xfc\x1a!@\x00\x08#\x8d !\xc0E[\xad\x07m\xcb0D\x00\\\x80\xc9\xfe\xfbl\xd7\t\xc2\xa8U9\x84\x00\x9b\x0b\x00\xe0\x1c\x0c\x9b#\x04\x16\x13\x82\x0b\xd1\xf6K\x01@*\xb7\xf3\t\xfeT\x84\x00!D\xa6\x8f~\xb8\xba\xe9\x92\xff\x94\x87\x13\xb6|4.\xbd\xf4\xd2\xc7\x1e{\x8cR\xeah\xc0\x01\xc0\x11\x80\xfd\x8b\x8ck577\x1f\x7f\xfc\xf1\xf3\xe7\xcfw\xbb\xb4\xa4a\xf5\xceu\xcf\xbc\xa8\xec\xb0\xb2`m\xd8\xd2\x1c\xb7\xcf\x8fC\x08\xe0\xa2ui\x8e\x10\xd2\x08"\x18\xe9\x14\x11\x84\x08\x06\x8b\t! i\xf3\xc6\x88\x851\xdaR\x97\x88\x19\x8c`\xb4fW,\x9c`\x00@\x104\xc7\xec\xf5\xd5\xf1\xff\xfa\x8b\x06\x15y\xb3|T*E\x86\x87\x0c\xed\xe1c\\\xf8\\\xa4o\xbe\x87s\x91\x13\xd0\xdc\x14#\x04\x1aA\x8c\x03\x13\xc2\xb4\x05\xe3\xc2bB\xb4\r\x0f;\x8a\xfe\xa3\xb1\x98(\xc8\xd0\xbe*\x0f]:\xab|[CR&gt; \x13&amp;Lx\xef\xbd\xf7\xb2\xb2\xb2\x9c\xb0\xf0\xfe\xc6\x11\x80\xfd\x88\x9c\xbe555\'\x9ex\xe2\x92%K\xe4\xe4\x1e\xd1\xcb\xff\xfa\xd5\x83\xf3\x02\xb4%\xce\x1c\xeb\xff\x03\xb4\xb7\xf8\xd2\xd6\xeb\x14K\xb3k\xda\xbc1j\xb5\xc4\xed]\xcdFe\xbdQ\x1b2\xb65\x18\xd5-F4\xc9\xb6\xd6%\x11\x82\x96\xb8\xfd\x8b\x8f\'\xd3K\x85\x80&gt;\xf9n\xbf\x9b\x14e\xbaz\xe7\xba\n\x82\xae\x92&lt;W\x8f,W\xa6\x97\xe6\xf85\x9db)E\xa6\xcd\xa5*8z\xf0c\xb0\x98\xc8\xf4\x92\xfa\x88}\xda?\xd7\xad\xdc\x11\x95\x8f\xc9\xe8\xd1\xa3\xdfy\xe7\x9d\xc2\xc2BG\x03\xf6+\x8e\x00\xec/d&gt;\xc3\x92%KN&lt;\xf1\xc4\x9a\x9a\x1a\xb7N\x93\xa6}\xd6!\xf9\xf7\x9e\xdd\xc7\xa3\xe1\xb8\xe9d\xfa\xef\x03.@\xae\xa3\tB.\r\xb9(\xa6\x04\xd9LD\x92\xac\xa6\xc5,\xdf\x1d_\xbb+\xbe\xa5.\xb1\xad!\xb9\xb9.\x11M\xb2\xa4\xc5;z\xc8\xe0\xd6\xb0\xdfM\xfa\xe5{z\xe7\xba\xfb\xe6{\x86\xf4\xf0\x96u\xf3\x16f\xea\x017\x91\x837lnX\x82\t!\xf7.\xce\xc7\xbe76\x17^\x1d\',\xfe\xfb\x97\xb6\xbe\xfcM\x9d|X\n\x0b\x0b\xdfy\xe7\x9d\xd1\xa3G;\xa9A\xfb\x0fG\x00\xf6\x0b)\xeb\x7f\xe4\x91G677K\xe7\xe69\xe3\x0b\x9e\xb8\xa04nr\xd3\xe6N_\xcf\x14\xa9\x95&gt;\xc5\xc8\xada\x17\xc5\x08A\xdcd\xdb\x1b\x8c\xf2\xda\xf8\xea\x1d\xb15\xbbb\xe5\xbb\x13;\x9b\x92\t\xf3\xc7\x9a{\x8f\x8bzt\xca\xb9\xe8\x96\xed-\xcc\xf1s\xc6\x01 \xe8s\r\xef\x93\xc79\xff^\x87\xbd\x10\x18\xe3U[\xebC1\x03\x000\xc15\x8d\xd1\xddMq\x8cQ\xc2\xb4\x13\xc6\x8f\xddUxt\xdc3\xdb]\xd6\xcd3\xb4\x87oX/_Y\x81\xb78\xd7\xe5\xd5\x89\x10`\xd8&lt;iq\x9b\x0bgg\xb0\x07\x8c\x0b\x9db\xaf\x8e/\x7f\xa6\xe2\x85\x05\xb5\xf2\x91\xc9\xca\xca\xfa\xe4\x93O\x1c\r\xd8\x7f8\x02\xf0\xcb\x93J\xf6?\xfe\xf8\xe3\x9b\x9b\x9b5J,\x9b\xddqJ\xefk\xa6w\x8f\x1b\x9c\x0bp\x8c?\x00p!d\x1c\xd5E\xb1G\xc7\x04\xa3\xe6\x98]Y\x9f\\\xb6-\xb2\xae*\xbedkxCM\xfc\xbfZ\xfc\x0c\xaf\x1e\xf4\xb9\xfa\x15\x053&lt;\xfa\xb0&gt;y\x01\x8f6\xa2o\x9e\xcdx\xbf\xa2\xcc\x0c\x9f\xce\x99\xc8\xf0\xea&gt;\x9f\xab5d\x8c\x10h\x18~x\xbe#\x00\x8b\xa7\xbe?\x163\xc2q\x13\x13\x14\x8e\x99\x9b\xab[(\xc1+\xb7\xd4G\x12\xd6\xea\xad\xf5\xe1\x84\xb9\xb9:\x14\x8a\x19\xe1\xb8\xf9\xc3\x83\xf4\xe8x`\xa1wt\x9f\x8c\xc1\xdd\xbd\x07\xf7\x0e\x94\xe4\xb9\xb3|\x94q\x910\xb9asy\x13\x9c\x1c0\x00\x90\x8f\x86\xd7\x85\xff1\xbb\xea/on\x93\x0fNVV\xd6{\xef\xbd\xe7\x94\x08\xec\'\x1c\x01\xf8\x85\x91\xd3t\xe6\xcc\x99W\\q\x85m\xdbr\x12\xdfwv\xdfk\xa6u\xaf\x0b\x9b\x08\xba\xfa\xa2\x8fs\xc1\x014\x8c&lt;:\xd6(\xb6\x99\xa8\xacO\xac\xd8\x1e\xfdfkd\xee\x86\x96-\xb5\t\x99u\xb3O\x82&gt;\xbd_Qf\xaf\xfc\xc0\x90\xe2\xdcA\xbd\xb2\xf33=\xa5\xdd3\xfdn-+\xe8\x01@\xa0a\xe0\x02\x98\x00\x04\xdcb\x8c\x0b\x00`\x9c\xdbL\xc8[.\x00~\xcclO\xad\xcb\x05\x00%\x88`\x0c\x00\x04#\xac\x11\x10\x00\x04\x01F`q\x00\xd1\x1cJD\x93VEUK]Kb\xfd\x8e\xa6\xb5\xdb\x1bv\xd4E6W\xb7\x84b\xdf+\t\x14\xa3\xbe\x05\x9e)\x033\x0f\xe9\x138\xa8\xd8_\x92\xe7\xa1\x04Y6O\x98\xdc\xe2\x02\x03\xe0\xae\xbd:\x10\x02\x04\x88\xfc\x0c\xfd\x1fs\xaanxi\x8b||(\xa5\x8f=\xf6\xd8\xa5\x97^\xeah\xc0/\x8e#\x00\xbf$)\xeb\x7f\xd9e\x97\xa5\x92\xfd\xef;\xbb\xefUS\x8bjC\x16\xed\xc2=\xfd\xa5\xdd\xa7\x18y]\xc4EQS\xd4^W\x15\x9b_\x11\x9a\xbb\xa1e\xc5\xf6h$\xc9\xe4\xb7!\xf4\x9d\t\xe9ui\x83\x8b\xb3\x07\x15\xe7\x0c-\xc9\x1d^\x92;\xa0GV\xb7l/\xd5)\x10\x0c\x8c\x83\x10\xb6\xc9\x98\x10\x96\xcd\xa1\xcd\xb8\xa3\xb6\xa4L\x99\xb6\xdf\xf6\x7f?\x13\xd1\xfa\xbfv\x85\x05\xed~\x8bF1A\x88\xea\x04\x10\x92C\xb2M{wS|\xe3\xae\xe6U\x95\rk*\x1b\xd6oo\\\xb7\xbd)nX\xa9\x1f\xd8\xfe\r\x06\xdc\xe4\xa0b\xff\x94\x81\x99\x13J\x83\x83\xbb\xfb\xb2\xfd\xd4\xb0E\xdc`v\xd7V\x02\x01`3Q\x10\xd4\x1e\xf9\xb4\xfa\x86\x97\xb6\xa4J\x04\x9e|\xf2IG\x03~q\x1c\x01\xf8\xc5ho\xfd5J-\x9b\x05=d\xe6\xc5e\xc7\x0c\xcbn\x8e\xd9]\xd3\xe9\xcf\x05p!\xa4\xdd\xd7\tj\x89\xdb+\xb6G?Z\xdd4g]\xf3\xa6\x9aTF&amp;j_\xb0\x95\x1dp\x0f+\xc9=tp\xd1\xd8\x81\xdd\xfaw\xcf*)\x0c\x12\x9d\x02F`3\xdbd\xa6\xcd\xb9\x10B\x08i\x82\xb1\xb4\xf6\x1dtke\x11\x02o\x13\x06\x84\x10FH\xa7\x98\xea\x04(\x01.\x98iW\xd6\x846U5/\xda\xb0\xfb\xebu\xd5\xab+\x1b\x9a"\xc9v?\xe0\xdb7\xde\xbf\xd0;mp\xd6\xd1\xc3\xb2\x0f*\xf6gz\xa9\xc9\xda\x94\xa0\xab\x06\x8d\x19\x17Y&gt;\xfa\xe1\xea\xa6K\xffS\x1eJ0\x8d\x12\xcb\xb6\x1d\r\xf8\xc5q\x04\xe0\x97a\x9f\xd6\xff\xb5\xab\x07M\xec\x1f\xac\x0bY]\xad\xc7\x83\x10\xc0\x84\xc0\x08yu\xec\xd2ph_v\x1f!HM\xbd\x80G\x1fU\x96?aP\xd1\x84\xc1E\xc3Jr\x8br\xfc\xa0\x13`\x9cY\xcc\x90&amp;\xbf-\x7fF}\x0f\x9a\x10B\xe62!\x00\x8c\x91K\xa7D#@0\x98\xac\xba1\xba\xba\xb2a\xfe\xba\xea\xf9\xeb\xab\x97\x96\xd7E\x12\xad\x9e\xa2\xf6\xb7\xa2\xbd\x12\x04\xbd\xd4\xb0x\xdc\xe4\\\x08\xd2\xf5"\xc66\x13\xf9Am\xde\xa6\xd0\xe9\xff\\\xefh\xc0~\xc2\x11\x80_\x80\xbd\xad\x7f\x86\x87\xbc~\xf5\xa0\t\xfd\x82\r\xd1\xaeU\xea%\x97\xfcn\x8a\xfdn\x92\xb4\xf8\xc6\x9a\xf8\xdb\xcb\x1b\xdeY\xde\x98\xb2\xfb\x18!\xde6\xe5z\xe5\x07\xa6\x0c\xefy\xcc\x98\x92Q\xa5\xf9}\n\x83\xa0\x11\xb0\xb9e\xda\xa6\xc5\xb8\x10\xb2@:\xdd\xa3\xa32\xd6-\x84\xc0\x08\xe9\x1a\xd1t\n\x14\x83\xc5\xb6\xd6\x84\x96V\xd4}\xb8\xb8r\xee\xaa\x9d;\xea"\xf2\x9b\xdb\xdf\x9c\xfe\x85\xde\x13G\xe6\x9c42w@\xa1\xd7\xad\xe1h\x92%m\xde\xd56\x04\x16\x13\xb9~m\xfe\xe6\xd0i\xff\\\x1fv4`?\xe0\x08\xc0\xff\x8ac\xfd%\x8c\x0b\x84\x90W\xc7n\rW6$?_\xdf\xf2\xe6\xd2\xfa\xaf6\x85dP\xb7\xbdi\x1b\xd8+\xfb\xa8\xd1\xbdO\x1a\xd7gX\xef\xdc\xccL/\x80`\x86\x9d4[\x8d~\'N\x8elMx\x15\x02#\xe4\xd6\tqQ\x00\xd4\xd2\x12_\xbd\xad\xe1\xed\x85[?^\xb2m\xc3\x8e&amp;\xf9\x9d\xa9\xdbE1:\xac\x7f\xf0\x94Qy\x87\x0f\xca,\xc9u\'-\x1e7\xb9\x10\xa2\xebx\x14\x1d\r\xd8\xaf8\x02\xf0?\xe1X\x7f\xe9\xed\xd10\xca\xf0P\x93\xf1\xd5;c\xff\xf9r\xf7G\xab\x1b\xeb#\x16\xec\xd3\xee\x8f\xed3\xaa\xac\xc0\xebw\x83\xcd\x0c\xc3\xb6\x18\x93\xe7\x1ftZ\xab\xff=HO\x11\x80\xd0\x08q\xb9(P\x12\x8f&amp;\x97\x96\xd7\xbe\xbdh\xdfJ\x90\x17\xd0\x8e\x1e\x96s\xf1\xa4n\xc3z\xfat\x82\xc3\t\xdb\xe2]\xc5/\xe4h\xc0\xfe\xc3\x11\x80\x9f\x8f\x9c|\xff\xfe\xf7\xbf/\xbd\xf4\xd2.h\xfd\xb9\x00\xce\x85[\xc7~\x17i\x8aY\xef\xaehzmq\xdd\xbcM!\xd6\xba\xe4\x97\x07\x80@\xf7\\\xff\x99\x13\xcbN\x1c\xdfgTi\xab\xddO$-\x9b\xf1\xce\xbd\xd8\xff\xf1\xa4\xb6\x05\x94`\x8f[kU\x82\x8a\xdaw\x16l}e^yUC\x14\xda\xddL\x82\xd1\xc4\xfe\xc1\xd3\xc7\xe4\x9fpPv\xb6O\x8b\x1a,ir\x8c;\xbf_h\x9f\x1a0s\xe6\xccK.\xb9\xc4\xd1\x80\xff\x05G\x00~&amp;r\xda-Z\xb4h\xfc\xf8\xf1\x04c\x9bq\x19\xf5\xed\n\xd6_\x069}.\xe2\xd1\xf1\xb6\x86\xe4\xd3_\xed~siCEm\x02\x00\x08FR\x00t\x8d\x1cyp\xf1\x85\xd3\x06M\x1c\xda=7\xd7\x0f\xd6\xb7v\xbf\xeb\xb8/~*\x8c\xb7S\x02\x8d44D\xe7\xad\xa9zz\xce\xfaO\x96m7-\x06\xednoi\x81\xe7\x94Q\xb9\x17\x1e\xd6\xadw\xae;a\xf2\x98\xc1:}\x93\x89\x94\x06\xc8\x980%\x98q\xbe`\xc1\x82\xb1c\xc7:\x1a\xf0\xb3q\x04\xe0\xe7 \x1bT-Y\xb2\xe4\xa8\xa3\x8e\n\x85Z\x10@\xc0\x85_\xb9j\xd0\x84\xd2`C\xa43[\x7f\x19\xe3\xf5\xbb\x88K\xc3K+#\xaf-\xae\x7f\xe5\x9b:\xe9\xed\x91}o\x00\xa0\x7f\xcf\xac3&amp;\x96\x9d9\xa9lpI.\x00\x98I\xcb\xb0\x98c\xf7\x7f\x12R\t\\\x1a\xd1\xdd\x1a\x00\xac\xablx\xe5\xcb\xf2W\xe7\x95o\xda\xd9\x0c\xednu^@;\xf3\x90\xfc\xd3\xc7\xe4\x8d*\t\x18\x16\x8f\x1a\xacsG\x89-&amp;r\x03\xda\xfc\x8a\xd0\x99\x8f\xac\x8f\x18\\\x00\x04\x83\x99\x1f\x7f\xfc\xf1\xe8\xd1\xa3\x9d\x9eq?\x0fG\x00~2)\xeb/\xfb\xfc\xc8b\xc5W\xaf\x1ct\xc2\xc8\x9c\xda\x16K\xa3\x9d\xf3\xf9\xfb\xd6\xf4S\xbc|{\xe4\xf1\xcf\xab_[\\o\xb1\xefx{\xa6\x1e\xd4\xeb\xdc#\x06\x9c&lt;\xa1_F\x86[\x98v,i\x83\xd3\xf1\xe6\x7f@z\x87\x00\xc0\xe7\xa6H\xa7\xe1p\xf2\xad\xf9\x9b\x9f\xffl\xe3\xa7+v@\xbb\xdb\xae\x11t\xfa\x98\xbc\xdf\x1c^4\xb28`\xd8\x9d\\\x06,[\x14dj\xef.o&lt;\xe3\xd1\xf5\xa9^\x11\xb2_\x90\xa3\x01?\x03G\x00~\x1a\xf2\x90\x8a\xfa\xfa\xfa\xc1\x83\x07\xd7\xd7\xd7k\x94Z\xb6}\xdf\xd9}/\x9fR\xd8\x14\xed\x9cg:J3\xe4\xdb\xcb\xf4\x7f\xeb\xed\xa1\xe4\xec)\xfd/&gt;j\xf0\x84AEX\'\xc9\x98a\xd9\xd21\xdd\t\xefF\x87\xc0\x85\xe0\\h\x14\xbb}.n\xb2\xf9\xeb\xab\xff\xf3\xf1\xba\x97\xe6n2\xedo\xfdB{\xc8@\xcc`\x9dUzm&amp;\xb2\xfd\xf4\x89\xb957\xbc\xb4E&gt;\x80yyy\xeb\xd6\xad\xcb\xcb\xcbs\xce\x90\xf9\xa98\x02\xf0\x13\xe0\x9c\x03@KK\xcb\xd1G\x1f\xbdx\xf1b\x97N\r\xd3\xbe\xef\xac\xbeWM\xeb^\x1f6;\x9f\x8bC\x08`\\\xb8u\xec\xd5\xf1\x8a\xed\xd1\xbdM\x7f~\xa6\xf7\xf2c\x87\x9e1\xa9lp\x9f&lt;`&lt;\x9609\x17\xa4\xf3\xdd\x085\x10\x00\x8cq\x8c\x91\xcf\xa3\x03\xc1\xeb\xb6\xd6\xbf\xfae\xf9\x13\x1f\xac\xa9k\x89\xc3^2pP\xb1?n\xf2\xa4\xc9\t\xee\x842\xc0\xb8\xc8\xcb\xd0\x1f\x99Su\xc3\xcb[\xe4c8f\xcc\x98\x8f&gt;\xfa(33\x13\x00\x1c\r\xf8\xf18\x02\xf0c\x11m\x1d\x08&amp;L\x98\xb0p\xe1B\xb7\xae%M\xeb\xb6\x93{\xdf||\xaf\xea\x16\xb3\xf3\xf9\xfdm&amp;t\x8a2&lt;tg\x93q\xdfG;\x9f\xfej\xf7\xde\xa6\xff\xb2c\x87v\xef\x16\x14\x86\x15KZ\x00\x8e\x97\xff\x00\xc1\xb8\x00\x10&gt;\xb7\x86\\Z\xd5\xee\xd0\x93\x1f\xac\xd9[\x06.&lt;\xac\xdb\rG\xf7\xec\x99\xed\n\'l\xd3\x16\x9dooj1Q\x94\xa9\xdf\xf5\xde\x8e\xdb\xde\xda&amp;\x1f\xc6q\xe3\xc6\xcd\x9f?_\xb4\x96\x10v\xb6\xf7\xbb\x9fp\x04\xe0G!\x84`\x8cQJ/\xbb\xec\xb2\x993g\xba]z\xd20g\x8c+x\xfc\x82\xd2H\xd2\xeed\xd3M\x96t\xe5\xf8iu\x8b\xf9\xaf\xb9\xd5\xb3\xe6\xedn\x88X\xfb4\xfdV\xdcL\x9a\xb6\xe3\xed\xe9\x10\xa4_\xc8\xadS\xcd\xab\xefS\x06r\x03\xdaE\x13\xbb\xfdzJQQ\xa6\xde\x18\xb5;Y\xf9\x98\xec\xed\x1ap\xd3\xdf&lt;S\xf1\xe2\xc2Z\xf9H^z\xe9\xa5O&gt;\xf9\xa4m\xdb\x84\x90\xce\xf5P\xee/\x1c\x01\xf8Q\xc8&lt;\xb3\xdf\xfe\xf6\xb7\x0f=\xf4\x90\x9cj\xa7\x8f\xce\x9bui\xffH\x82\xa5\x0e\x07\xef\x04H\x9fO\x86\x872.^\\T\xfb\xd0\'U[\xea\x12\x00\x08c\xc19\xe4gz.?vX{\xd3O:\xab\x9b9}\x10B\xb0=e`u]K\x02c\xe0\x1c\x01\x88\xbe\xf9\x9e\xeb\x8e\xec&gt;cl\x01\xc1(\x9c\xb0;\x93GH&gt;z\x01\x0f\xb9h\xe6\xa6\xd7\x96\xd4\xcb\x07\xf3\xba\xeb\xae{\xf0\xc1\x07\x9d\xc4\xd0\x1f\x89#\x00\xff\x9d\xf6\xe5\xbe.]3LkxO\xff\x07\xd7\x0f\xd1\x08\xb6\x18\xef4\x8b_\x9b\xb7\xf6\xf0\xf9\xaa&lt;t\xe7\xbb\xdb\xbf\xda\x14\x02\x00\x8d \x8b\t\x8d\xe2\x1bN;\xf8\xaa\x13F\x14u\xcbpL\xbf\x82\xb4\x97\x81\xea\xdd\xe1G\xde]y\xdf\xeb\xcb,\x9b\xcb\x8f\x0f\x00\x0e\xeb\x1f\xbc\xe5\x84\xe2\xc3\xca\x82\xb2\xa7P\xa79\x8e\x94\x0b!\x1f\xc3c\xef_\xbbjgT&gt;\x9eN\x91\xf0\x8f\xc7\x11\x80\xff\x82\xcc-kW\xf0\xc5zf\xbb\xbe\xf8\xd3\x88\x0c\x0f\x91\x11\xb6\x8e\x1e\xe0/\x00\x17\x00Bd\xfahU\xb3y\xdfG;g\xcd\xdb\xcd\xb8pi\xd8\xb08\x00\\0m\xd0u\xa7\x1c4\xa2\xac\xc0JX\x8e\xe9W\x99oe\xc0\xa3\xad,\xaf}\xe8\xcd\x15\xcf\xccY\x0f\x00\xf2\xa3$\x18]4\xb1\xdb\rG\xf7\xec\x9e\xa5\xb7\xc4l\xe8,\xa9\xa22O!\x9c`\x93\xffo\xe5\xce&amp;\x83\x12\x92*\x10s\x12C\xff+\x8e\x00\xfc\x102\xab\xac\xb2\xb2r\xd4\xa8Q\xa9\x82\xafW\xaf\x1a4\xa6OF(aw\x8ee\x94\xcd\x84\xcfM4\x8c^\xfe\xa6\xee/on\xdb\x1d2\tA\x8c\t\x00\x982\xbc\xc7\x1f\xcf\x1c=\xed\x90&gt;\xc2\xb4\xa3\t\xd31\xfdi\x81\x94\x01\xbfGG:\x9d\xf3\xcd\xd6\xbf\xbd\xb2d\xee\xaa]\x00 ?\xd6nA\xfd\x8eSz\x9fuH\xbe\xc5E,\xc9:Gp\xd8\xe6"\xe8\xa1\x8b\xb7\x86\xcfhW \xb6t\xe9\xd2\x92\x92\x12\'1\xf4\x87q\x04\xe0{\x91w\xa6\xa5\xa5e\xfa\xf4\xe9K\x97.\x95\xa7T\xb7\x16|\x85:C\xb9\xafl\xb3\x9f\xe3\xa7\xabv\xc6n~\xad\xf2\xb3\xf5\xcd\xd0\x16?,\xcc\xf6\xddq\xfe\xb8\x0b\x8f\x1cD)\x89D\x92\x18\xa1.{@U\x9a\xc2\xb9\xe0B\x04\x02n\xdbfO\x7f\xb2\xfe/\xcf.\xaci\x8a\xa5"\xf9G\x0c\xca\xba\xeb\xf4\x92\xe1=}\x8dQ\x1b@t\x027\xa6\xc5DA\xb0\xb5@L&gt;\xaa\xa3F\x8d\x9a={\xb6L\x0cu\x16.\xdf\x87#\x00\xdf\x8b\xf4!\x9e~\xfa\xe9\xaf\xbf\xfe\xba\xf4-\xfe\xfd\x8c&gt;WO\xed\xde9Z\xfd\xd8L\xf8\xdd\x04!xbn\xcd\xff\xbd\xbb=\x92d:\xc5\xa6\xcd)F\xbf&gt;n\xd8\xcdg\x8f)\xcc\x0f\xc4#I.\xa0s\xb8\xb9\xba&amp;\x8c\x0b\x8c\xc0\x1bp\xd7\xd4E\xeezi\xf1\xbf\xde_ms!?\xe8\x80\x9b\xfc\xe9\x84\xe2\xcb\xa7\x14\n\x01\xd1N\xb1\x15\x90\xcd\x82\xfe\xf9i\xd5\x1f^\xdd*\x1f\xd8\xd3N;\xed\xb5\xd7^s\x82\x01?\x80#\x00\xfbFN\x9a\xdbo\xbf\xfd\xb6\xdbn\x93\xd9\x05\xe7\x8c/\x98\xf9\xab\xb2\xa6\xa8\x95\xeeka\xd9? \xc7OW\xef\x8c\xdd\xf4\xea\xd6/6\xb4 \x84\xe4\x86gt\xff\x82\x87~3y\xfc\xd0\xee\xd2\xddO\x89\xb3w\xee\x0c\xd8\x8c\xcb\xc0\xc0\x825U\xd7=\xfe\xc5\x92M\xb5\xf2\xe0d!\xc4\xe4\x81\x99w\x9f\xd1gX\xebV\x00\xd2|j\x03\xe7"\xdb\xaf]\xfaT\xf9\x0b\x0bZ\x13Co\xbb\xed\xb6[o\xbd\xd5\xd1\x80\xef\xc3\x11\x80} cGo\xbc\xf1\xc6i\xa7\x9d&amp;\x97\x12#{\x07f\xff~\xa8i\x8btO\xfa\xb4\x99\xf0\xba0%\xe8\xf1\xcf[\x17\xfe2B\x98\xe1\xd5\xef8\x7f\xdce\xc7\x0e\xf5\xe84\x123\x1cw\x7f\'C\x06\x06\x02&gt;W\xc2\xb4\x9f\xfc`\xcd_\x9e]\x18\x8e\x9b\xf2\xa3\x97[\x81\xdf\x1c^h3\x117xZo\x05\xe4\xe3\xa9S4\xfd\xde5\xcb\xb7E\xe4\xc3\xfb\xfa\xeb\xaf\x9fz\xea\xa9N@x\x9f8\x02\xb0\'\x9cs\x84\x90\x0c\xfc\x86C!\x01"\xdbK\xe7\xdd&lt;"/\xa0\x19\x16O\xeb\xe5\xbf\xcdD\x96\x9f\xeel4\xfe\xf0\xea\xd6wW4\xa6\x16\xfe\xd3F\xf6z\xf87\x93\x07\xf6\xcdKD\x92\x8cw\xaar!\x87\xf6\xc8\x0f\xd7\x13po\xd8R\x7f\xed\xe3_\xccY\xbe#\xb5\x158\xe1\xa0\x9c\xbf\x9f\xd1\xa7g\x8e\xab9\xcd[Zq.\\\x1a\xae\x8fX\x13\xefZ\xd9\x14\xb7\x11\xa0\x8c`P\x06\x84\x85\x10N@x\x0f\x1c\x01\xf8\x0eB\x08\xd9\xf0\xe7\xd0C\x0f]\xb4h\x91F\tg\xfc\x9d\xdf\x0e\x9eX\x96\xd9\x92\xcei?\\\x00\x02\xc8\xf6\xd3wW4^\xfd\xdc\xe6\xba\xb0\xe9\xd6H\xd2b~\x8fv\xe7\x85\xe3\xaf:q\x04\x16\x10M\x98\x8e\xcf\xa7+`3\xee\xf7\xe8\x1c\xc1#\xef\xac\xbc\xe5\xe9\x05\xd1\x84%\'C~\x86\xfe\xcf\xf3\xfa\x9dpPNS\xd4\x16\xe9\xec\x0e\xb2\xb9\xc8\xf4\xd0y\xe5-\'&gt;\xb8\x0e\x13l\xd9l\xec\xd8\xb1_\x7f\xfd5\x00`\xdc\x89\n\xe1~\t\x9c\x07\xfe;\xc8}\xe2\r7\xdc\xb0h\xd1"\x97\xaeY6\xfb\xf3I\xc5S\x07g\xb5\xc4\xd3\xd8\xfa\xdbL\xb85\xe4q\xe1?\xbf\xb1\xed\xccG\xd7\xd7\x85M\x8d\xe2\xa4\xc5F\x97\x15|~\xcfi\xd7\x9e1:\x99\xb0\xe2I\xcb\xb1\xfe]\x04Jp&lt;i%\x13\xd6\xb5g\x8c\xfe\xfc\x9e\xd3F\x97\x15$-\xa6Q\\\x176\xcf|t\xfd\x9f\xdf\xd8\xe6qa\xb7\xd6z\xe4@:B1j\x89\xdbS\x07g\xfd\xf9\xa4b\xcbf.][\xb4h\xd1\r7\xdc@\x08a\x8cu\xf4\xe8\xd4\xc2\xd9\x01|\xcb\xde\xae\xffc\x86\xe7\xbcr\xc5\xc0P\xc2N\xdf&lt;9\xd9;w[\x83q\xd5\xb3\x15_ll\xd1(\xb6l\x0e\x00\xb7\xcc\x18s\xf3\xd9c\xdc\x1a\x8d\xc4\x0cJ\x1d\xd3\xdf\x15\xb1m\x1e\xf0\xb9\x92\x96}\xd7K\x8b\xef|q1\x00\xc8\xe91y@\xe6#\xe7\x97\xf6\xceu\xa5u\x87s.D\xd0C\xcf|l\xc3\x87\xab\x1a\x9d`\xc0\xf7\xe1\x08@+\xed]\xff\x91p\x88\x0b\xd1#\xcb5\xf7\x8f\xc3\x03nb\xda"\x1dW\xff2\xdb\'\xdbG\xdf[\xf9\x1d\xb7O\xb7,\xef\xbf\x7f7\xed\xd8\t\xfd\x1c\x8f\xbfC**\xf0\xc1\xfc\xcd\x97&lt;0gws\xbc\xbd;\xe8\xf8\x119M\xb1t\xcd\x0e\xe2\x02t\x8a"I6\xe5o\xabv5\x1b\x18\xa1@\x86\x13\x0c\xd8\x13G\x00\x00\xbe\xc7\xf5\xff\xeeo\x87\x1c\xd6?\x98\xa6\xce\x1f\xc6\x85N\xb1[C\x0f\xcf\xae\xfa\xcb\x9b\xdb\x00@\xa3\xc8\xb2\xc5\xd4\x83z\xcd\xba~Z\xcfn\xc1H8Ap\xfanl\x1c~1\x84\x00\xc6y \xc3\xb3sw\xe8\xa2\xfb\xe7|\xbab\x87\x9c*\x00p\xc7)\xbd\xaf\x9d\xde=i\t\xd3N\xcb\xae\'6\x17\x99^\xfa\xd5\xa6\xd0\t\x0f\xaeu\x82\x01\xfb\xc4\x91A\x80\xefq\xfd\x1f&gt;(\xb3%\x96\x96\xd6\xdf\xe6\xc2\xeb"&amp;\xe3\xbf~\xba\xe2/on\xd3\x08\x06\x00\xcb\x16\xb7\xcc\x183\xfbo\'\x17e\xf9"\xe1\x04%\x8e\xf5w\x00\x00@\x08(\xc1\x91p\xa2(\xcb7\xfbo\'\xdf2c\x8c\xb4\xfe\x1a\xc1\x7fys\xdb\xaf\x9f\xae0\x19\xf7\xba\x88\xcd\xd3o\xa5H1j\x89\xd9\x87\x0f\xcat\x82\x01\xdf\x87\xb3\x03h\xb5\xfe\x9f}\xf6\xd9\xd4\xa9S\xa5\xaf\xf0\xd8\xe19/]10\x9c\x9e\xae\x7f\x9b\x89\x0c/\xa9n6g&lt;\xbea\xe5\x8e\xa8\xdc\xd1g\xf9]\xcf\xdft\xd41\x13\xfa\xc5\xc3I!DZ\'\xb3:\xec\'8\x17\x08!o\x86\xfb\xc3\xf9\x9b\xcf\xbd\xfb\xe3\xe6\xa8!\'\xcf\x88^\xfe\x17\x7f3\xb0(K\x0f\xc7\xd3\xb2`\x98\x0b\x91\xe1\xa1g?\xb6\xe1\x83\xb6`\xc0\xa7\x9f~z\xc4\x11G8\xc1\x00p\x04@\x9e\xf3\xd5\xd2\xd22f\xcc\x98\xca\xcaJ\x00\xc8\xf1\x91y7\x8f\xc8\xf5kF\x1a\xba\xfem&amp;\xf2\x83\xda\x97\x1bC\xe7=\xb1\xa1.\xd2\x9a\xdewpi\xfe\xf3\x7f8z@qN$\x94p\xe2\xbd\x0e?\x8cm\xf3@\xd0\xb3q{\xe3\xb9\x7f\xffhYE]kH \xa0=w\xf9\xc0I\x03\x82u!+\xed4\x80\x0bpQ\xd4\x10\xb5&amp;\xde\xb5\xb21\xc6\x00\xa0\xa4\xa4d\xf1\xe2\xc5\x99\x99\x99\xce\xd9a]\xdd\x1c0\xc60\xc6\xbf\xf9\xcdo\xb6l\xd9\xa2\x11\xcc9\xff\xe7\xf9\xa5=\xb2]\t\x93\xa7\x97\xf5\x97g\xb9\xe4ehO\xce\xad9\xe5\x1f\xeb\xea"\x96Nq\xd2b\xe7O\x1d\xf8\xd9=\xa7\xf5\xef\x9e\x19\t;\xd6\xdf\xe1\xbfC)\x8e\x84\x13\xfd\xbbg~v\xcfi\xe7O\x1d\x98\xb4\x98Nq]\xc4:\xe5\x1f\xeb\x9e\x9c[\x93\x97\xa11\x9ef\x8bF\x8c a\xf2\x1e\xd9\xae\x7f\x9e_\xca9\xd7\x08\xde\xb2e\xcbo~\xf3\x1b\x8c\xb1\xe3\x08\xea\xd2\x16A\x9e\xf2\xf8\xea\xab\xaf\xbe\xfa\xea\xab\xba\xae\x19\x96}\xc9\xa4\xc2\x13F\xe44\xc7\xd2,\xfbM&gt;\x90\xd9~\xed\x91O\xab\xaey~s\xdc\xe4\x08\x81i\xf3{/9\xec\xe9\x1b\x8f\xf4h$\x16w\xd2\xfc\x1d~,\x94\xe0X\xdc\xf2h\xe4\xe9\x1b\x8f\xbc\xf7\x92\xc3L\x9b#\x04q\x93_\xf3\xfc\xe6G&gt;\xad\xca\xf6k\xd06\xe5\xd2\x05JPs\xcc&gt;aD\xce%\x93\n\r\xcb\xd6uM&gt;\xf5\x94\xd2.\xae\x01]\xd7\x05$\xd3~\x1a\x1a\x1a\x86\x0e\x1d\xda\xd8\xd8\xc0\xb8\x18\xd2\xdd;\xf7\x8f\xc3\xadtk\xf8\xc3\x85@\x08\xf9\xdd\xe4\xeag7?;\x7f\xb7\xec\xf5\xe8wk\x0f^&gt;\xe9\x92\x93F\xc4\x9a\xe3\x80 \x1d\x83\x19\x0e\x1d\x0b\x17\x02\x04\xf8\xb2\xbc\xff~{\xe5o\x9f\xf82\x9a\xb4\xe4\xd4:\x7fB\xb7\x7f\x9e\xdf/\x9adB\xa4S\x1fi\xf9Pk\x14M\xf9\xdb\xaa\xb5Uq\x82QNN\xee\x9a5krss\x01\xa0\xcbf\x85v\xd1\xb7\rm\x87\xbd\\}\xf5\xd5uuu\x18c\x8a\xe0\x81\x19}5\x8c\x18\x17\xe93\xab\x81q\xa1\x11\x1c\xf4\x90+\x9e\xaexv\xfen\x97\x86M\x9bg\xf9]\x9f\xfc\xed\x94KN\x1c\x11n\x8c9\'\xb6;\xfc&lt;\xe4!\x10\xe1\xc6\xd8%\'\x8e\xf8\xe4o\xa7d\xf9]\xa6\xcd]\x1a~v\xfe\xee+\x9e\xae\x08z\x88F0K\x9f\xd4 \x84\x80q\xa1a\xf4\xc0\x8c\xbe\x14\x01\xc6\xb8\xae\xae\xee\xea\xab\xaf\xc6\x18\xcb\xb5`\xd7\xa4\x8b\n\x80t\xfe\xbc\xf6\xdak\xaf\xbe\xfa\xaa\xaeQ\xcb\xb2\xaf\x99\xde\xfd\xb0\xb2`8\xc1\xd2(\xdf\x99q\xe1\xd5I\xd4`g?\xbe\xe1\x85\x85\xb5n\x9d\x18\x16\x1f\xd9/\x7f\xc1\xc3g\x8d\x1fT\x18i\x8ai\x8e\xd3\xdf\xe1\x7fC\xa38\xd2\x14\x1b?\xa8p\xc1\xc3g\x8d\xec\x97oX\xdc\xad\x93\x17\x16\xd6\x9e\xfd\xf8\x86\xa8\xc1\xbc:I#\r \x18\x85\x13\xec\xb0\xb2\xe05\xd3\xbb[\x96\xadk\xf4\xd5W_}\xed\xb5\xd7\xba\xb2#\xa8+\xba\x80d\xd1o}}}{\xe7\xcfg\x7f\x18\xceX:9\x7f\xa4\xf5\x0f%\xec\x93\xff\xb1n\xd5\x8e\xa8[\'I\x93\x8d\xec\x97\xff\xf1\xdfN\xce\xcb\xf0Db\x86\xe3\xf4w\xf8\xa5\xb0\x19\x0f\xf8\\\xf5\xe1\xc4Q\x7f|k\xf9\xe6:9\xd9\x86\xf7\xf2\xbfu\xcd\xe0\xa0\x87\xc6\xcd\xb4Y6\xc9\x07\x9c\x10t\xc4\xdf\xbf\xe3\x08\xca\xcb\xcb\xeb\x9a\xe5\xc1]\xee\r\x03\x80\x10\x02!\x94r\xfeh\x18\x1e\x98\xd1\xd7Mq\x1a9\x7f\xbe\xb5\xfe\x0f\x7fk\xfd\xa7\x1e\xd4\xf3\xe3\xbbN\xca\xf6\xbb\x1d\xeb\</t>
        </is>
      </c>
    </row>
    <row r="67">
      <c r="A67" s="1" t="n">
        <v>65</v>
      </c>
      <c r="B67" t="inlineStr">
        <is>
          <t>grid_number</t>
        </is>
      </c>
      <c r="C67" t="inlineStr">
        <is>
          <t>What is the missing number of the part denoted with a question mark?</t>
        </is>
      </c>
      <c r="D67" t="inlineStr">
        <is>
          <t>['2', '1', '3', '7']</t>
        </is>
      </c>
      <c r="E67" t="inlineStr">
        <is>
          <t>7</t>
        </is>
      </c>
      <c r="F67" t="inlineStr">
        <is>
          <t>There is a 3x3 grid of numbers. The first row is ['?', 1, 1]. The second row is [2, 4, 3]. The third and last row is [3, 2, 4].</t>
        </is>
      </c>
      <c r="G67" t="inlineStr">
        <is>
          <t>We observe that [2, 4, 3] sums to 9, and [3, 2, 4] also sums to 9. Thus, the pattern is that the numbers in each row add up to the same value.</t>
        </is>
      </c>
      <c r="H67" t="inlineStr">
        <is>
          <t>Based on the pattern that the numbers in each row add up to the same value, the missing number of the row ['?', 1, 1] should be 7.</t>
        </is>
      </c>
      <c r="I67" t="inlineStr">
        <is>
          <t>b'\x89PNG\r\n\x1a\n\x00\x00\x00\rIHDR\x00\x00\x02\x00\x00\x00\x02\x00\x08\x02\x00\x00\x00{\x1aC\xad\x00\x00j\x1eIDATx\x9c\xed\xddw\x9c\x14E\xfa?\xf0\xa7\xaa{\xc2\xee\xec\x84M\xe0\x02\x12$\x89\x87\xc2\x11%\x9c\x98\x10\xc5p\x06\x0eD1\x90\x95\xa0\x8bb&lt;\x14D=\x04\xf5\x0c\xa8_\x0eP0\x1cb\xf8yz&amp;\x92\xa2 \n\x08\'\x99\x15$\xc3\xb2ygv\xf2tW\xd5\xef\x8f\xda]W\x82\xc223\xbd3\xf3\xbc_\xf7\xba\x97\xce\xecb\xf3\x99\x9ez\xba\xab\xaa\xab\x88\x10\x02\x10B\x08\xa5\x1ej\xf4\x01 \x84\x102\x06\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a5\x1a}\x00\r\x82\x10\xc2\xe8C0\x00!\xc4\xe8C\xa8\x86\xf9\x1b\x0b\xf3OY)Z\x00\x84\x10\x9cs!\x04!\x84\x10Bi*\xde\t\x19\x18\x02\xe6\x0f\x98\xbf\xd10\x04\x00 )U\xfc\xe5G\x0e\x00\x8a\xa2\xd4}\xdd\xe3\xf1p\xce\tI\x954\xe4\xb5\x8f\xcb\xe5\xaa\xfb\xa2\xfc2PJcwe\x84\xf9K\x98\xbf\xb1\x8c\xca\xbf\x01J\x95\x8f\\\x08\xc1\x18S\xd5\xea;\x1e\xaf\xd7\xbb~\xfd\xfa\xb5\xeb\xd6\xfd\xf4\xbf\xffUTT\xec\xdc\xb9S\xd7\x19\x10\x80\x94\x08\x03\x80\x00\x00\xb4i\xdd\xda\xe5ru\xeb\xd6\xadK\x97.=z\xf4h\xda\xb4\xa9|S\xd7uJit/\x880\xff\xdf\xc0\xfc\x8d\x15\xf7\xfc\x1b.\x91\x02t]\x97\xff\x10\x0e\x87?\xf9\xe4\x93\x9bn\xba\xa9E\x8b\x16F\x07\xdf\xb0dff\xf6\xef\xdf\x7f\xde\xbcy\xc5\xc5\xc52+M\xd3\xe45\x11\xe6\x1f\x07\x98\xbf\xb1b\x9a\x7fC\x96\xe4w\x00\xf2oG\x08\xf1x&lt;\xf3\xe6\xcd{\xfb\xed\xb7\xb7l\xd9R\xfbn\x86\xdd\xde\xa4Y\x8b\xdc\xc6\x8d[\xb6&gt;\xd7\x95\x95\xcdt=\x15\xee\xfe\x04\x08J\xa8\xa6E\n\xb6m\xf6\xb8+\x0f\xed\xdfSYQ^\xfbn^^\x93[o\xbde\xd4\xa8Q\xed\xdb\xb7\x07\x00\xce\xf9\x99\\\na\xfe\xc7\xc3\xfc\x8d\x15\xcf\xfc\x1b\xbed.\x00\x8c1\xd9\xd7\xb9`\xc1\x82Y\xb3f\x15\x14\x14\xc8\xd7\x9b4k~\xe1E\x97\xf6\xbb\xfc\xaas;vn\xd48\xcf\x96aWTH\xeaO\xf9\x04\x84\x00]\x87p(\\^Z\xb4\xfb\xe7\x1d\xdf\x7f\xb3|\xcd\xca\xe5\xbbvn\x93\xeffeeM\x9c8q\xd2\xa4IN\xa7S\xd7\xf5\xda\xae\x83\xd3\x82\xf9\xff\x0e\xcc\xdfXq\xc8?!$m\x01\x90g\x7faa\xe1\x88\x11#\x96.]*_l\xd7\xa1\xe3\xedc\'\xf6\xbf\xfa\x86\xec\xdc\\! \x1c\x8eh\x11\x8ds&amp;\x04O\xd2\x18N\x8a\x00\xc8\xa9\x0f&amp;\x93\xd9b\xb5\xa8*x\xab\x02\xeb\xbf\xffv\xe1k/\xac\xf9f\xb9\xfc\x99\xf6\xed\xdb\xbf\xfe\xfa\xeb}\xfa\xf4\x91#\x84\xa7uy\x88\xf9\xff&gt;\xcc\xdfX\xb1\xce?Q$g\x01\x90E{\xe9\xd2\xa5#F\x8e,&lt;r\x04\x00Z\xb5i7r\xc2\xe4\xabo\x18\xe2p9|\xde\x80\xa6E\x00\x08\xa5\x94\x10\xa8\x1e\x12JUB\x08\xc1\xb9\x10BQU[F\x06c|\xcd\xcae\xf3g\xcfZ\xbbz%\x00\x98-\x96\x99\xcf&lt;\x93\x9f\x9f\x7fZ\xdf\x01\xcc\xff\xd4a\xfe\xc6\x8aE\xfe\t$\t\x0b\x80&lt;\xfb\xe7\xcd\x9b7f\xcc\x18\xf9\xca-#\xc6\xe5?\xfaDN\xa3\x1c\x8f\xdb\xc7t\x9d*J\xf2}\x90Q\xc1\x18#\x84\xd8\x1d\x0e\xc6\xf4\xb7\xe7\xbe\xf2\xf23S}\xde*\x00\x18=z\xf4\xdc\xb9s\x19c\xa72I\x0e\xf3\xaf7\xcc\xdfXQ\xc9?\xb1$[\x01\x90w\xbe\xb5g\xbf\xd3\x95\xf5\xf8\xac\xd97\x0e\xbd\xa5\xca\x13\x88D"I\xdc\x97\x17E\xf2k\x90\x9d\xe3\xd8\xb8\xee\xc7\xbf\xdf3\xba`\xfbf\xa8\xf9\x0e\xfc\xe1u\x10\xe6\x7f\xe60\x7fc\x9dI\xfe\t\'\xa9\n\xc01g\x7fN\xa3\xb3f/\xfc\xb0w\xbf&gt;%E\x95\x8a\xaa&amp;\xd3\xc7\x16\x07\x9a\xa6\xb923\xcbK\x8b\xef\xba\xe5\xaf\x9b7\xae\x83:\xd7A\xc7&lt;FT\x0b\xf3\x8f"\xcc\xdfX\xf5\xc8?\x11%O\x01\x90\x1f\xcc\x8a\x15+\xfa\xf7\xef\x0f\x00\x99\xd99\xef/\xfd\xa1\xc59m&lt;\x95\x95\xaa\xc9d\xf4\xd1%$\xa6\xebf\xabE\xa1\xca\xf0\x9b\x06\xac_\xf3\r\x00L\x9b6m\xea\xd4\xa9\'\x9c\x17\x81\xf9G\x1d\xe6o\xac\xd3\xca?A%I\x01\x90\xd3u\x8b\x8b\x8b;u\xea\\RR\xecp\xba\xe6,\xfao\xd7\x0b\xfbx\xdcnU\xc5\xb3\xbf\xfe\x18c\x16\xab\xc5\xe7\xf1\x8c\x1c|\xd5\x8e-?\x11B\x96.]\xda\xbf\x7f\xffc\xae\x830\xff\x18\xc1\xfc\x8du\x8a\xf9\'\xae$\x99\xfd+\x84`\x8c\xddv\xdbm\xc5\xc5E\x00\xf0\xd83\xb3{\xf7\xeb\xeb\xae\xc4\xb3\xffL)\x8a\x12\x0e\x86\xb2r\x1b\xfds\xee"\xa7+S\x08\xb8\xed\xb6\xdb\x8b\x8a\x8a\x08!rU\x19\t\xf3\x8f\x11\xcc\xdfX\xa7\x98\x7f\xe2J\x86\x02 \xab\xf1\xa2E\x8b\x96/_\x0e\x00\x7f\xbbm\xd4M\xc3n-.\xaa4\xe1\x9do4(\xaa\xeaq\xbb\xdb\x9dw\xee\xa3O\xbf\x08 \x8a\x8b\x8b\x1ey\xe4\x11Ji\xed\xbd#\xe6\x1fS\x98\xbf\xb1\xfe0\xff\x84\x96\xf0]@rE\x0b\xb7\xdb\xdd\xb3g\xcf\xbd{\xf76k\xd1\xea\xc3\x15\xeb-\x16\xab\x1c\xca7\xfa\xe8\x92\x07c\xcc\x95\xe9\x1c7\xec\xa6e\x9f}d\xb1XV\xaf^\xdd\xad[7!\x84\\B\x12\xf3\x8f5\xcc\xdfX\'\xcb?\xd1\x17\x8aH\xec\xa3\x07\x0099w\xc1\x82\x05\xbf\xfc\xf2\x0b\xe7|\xd4\xc4\x07s\x1aeE"\x11&lt;\xfb\xa3\x8b\x10\xa2E\xf4\xf1\x0f&lt;n\xb1Z\xc3\xe1\xf0\xd4\xa9Se\xd3\x83\xf9\xc7\x07\xe6o\xac\x93\xe5o\xf4q\x9d\xa9\xc4.\x00B\x08EQ\x82\xc1\xe0\x82\x05\x0b\x08!\xad\xda\xb4\xbfv\xd0PO\xa5/i\xc6\xe8\x1b\x0eJ\xa9\xcf\xe7\xeb\xd8\xb9\xd3\x80ko\x02\x80U\xabV\xed\xdc\xb9SQ\x14J)\xe6\x1f\x07\x98\xbf\xb1N\x96\x7f\xa2\x8f\x04$v\x01\x90\xcfe\xacX\xb1b\xfb\xf6\xedB\x88\xe1\xe3\xees8\xedL\xd7\x8d&gt;\xae\xe4D)\x8d\x84\xb5\x11\xe3\'\xa7\xa5\xdb\xfc~\xff\xfc\xf9\xf3\xe5\x8b\x98\x7f|`\xfe\xc6:a\xfeX\x00\x8c\xb7p\xe1BBH\xa3\xbc&amp;W\\s\xa3\xcf\x1b\xa0I1=\xab\x01\xa2\x94\xfa\xfd\x81\x8e\x9d;\xf7\xe8s\x11!\xe4\xc3\x0f?\xf4\xf9|\x00 /?1\xffX\xc3\xfc\x8du|\xfe\x81@@U\xd5\x84\xee\x08J\xe0\x02 \xfb\x7f&lt;\x1e\xcf\xfa\xf5?\n!z_tyN\xa3\x1cM\xd3\xb0\xf73\x86\x84 \x04.\xbb\xeaz!\xc4\x91#\x85;v\xec\xd0u}\xdd\xbau\x98\x7f\x9c`\xfe\xc6\xfam\xfe\x9b7o\x86\x04\xbf\tH\xe0\x02 s\xdf\xb0a\xc3\xe1\xc3\x87\x00\xa0_\xff\x81F\x1fQ\xf2\xa3\x8a\x12\x0cF.\xec{I\x86\xdd\xc1\x98\xbej\xd5\xaa\xad[\xb7\x16\x16\x16\x02\xe6\x1f\x17\x98\xbf\xb1\x8e\xc9\xff\xcb/\x97@\xcd\xae;\t*\x81\x0b\x80\xcc}\xfd\xfa\x1f\x01 \xddf\xeb\xd0\xb1S8\x14I\xf4YY\r\x1c!$\x12\x0e\xe75k\xde\xe2\x9c6\x00\xb0y\xf3\xe65k\xd6\x00\x80\xcd\x96\x81\xf9\xc7\x01\xe6o\xacc\xf2\xdf\xb0\xe1G\x00H\xe8\xcc\x13\xf8\xd0\xe5\xad\xee\xc6\x8d\x1b\x00\xa0Y\xf3V\x8d\xf3\x9a\xe2\xfdo\x1cp\xce\xd3\xd2-\xed\xfft\x01\x00l\xde\xb2\xe5\x8b/\xbf\x04\x80&amp;\xcd[`\xfe\xf1\x81\xf9\x1b\xabn\xfe;w\xee\xf4\xf9|\t\xfdPX\x02O\x17\x93\xf3pKKK\x01 +\'7=\xc3\xee\xf3V%t5N\x08B\x08E\x81\xc6yM\x01\xa0\xb2\xa2Bv\xc4eec\xfeq\x82\xf9\x1bK\xe6\x7fV^3\x00p\xbb=\xc1`0##\xc3\xe8\x83\xaa\xbfD-\x00\xf2\x19&lt;\xb7\xdb\xbdk\xd7.\x00h\xdd\xee&lt;U\x15\x89[\x87\x13\x08%D\xd7\xa1u\xbb\xf3\x00\xa0\xb8\xb8\xb8\xac\xac\x0c0\xff8\xc2\xfc\x8d%\xf3?\xa7]\x07\x00\xa8\xaa\xf2\xec\xdc\xb9377\x97s\x9e\xa0k\xc3%j\x01\x90\x84\x10\x9a\xa6\x03@fV6\xa5\xc9\xf0`^B\x10\x022\xb3\xb2\x01@\xd7uy\x05\x8a\xf9\xc7\x13\xe6o\xac\xda\xfc9\xe7z\x82?u\x91\xf07\x8c\xb2\xd33\xd1?\x86\x84#\x03\xaf\xdd\x1d\t\xf3\x8f3\xcc\xdfX\xb5\x81\'\xfa\xa0K\xc2\x17\x00)\xd1?\x86\x84sL\xe0\x98\x7f\x9ca\xfe\xc6J\x9a\xc0\x93\xa4\x00 \x84\x10:]X\x00\x10B(Ea\x01@\x08\xa1\x14\x85\x05\x00!\x84R\x14\x16\x00\x84\x10JQX\x00\x10B(Ea\x01@\x08\xa1\x14\x85\x05\x00!\x84R\x14\x16\x00\x84\x10JQX\x00\x10B(Ea\x01@\x08\xa1\x14\x85\x05\x00!\x84R\x14\x16\x00\x84\x10JQ\x89\xbd\x1f@\xc2\x115\x00\x04\xc8\xc5\xdb\t\x00\x10\x02@(M\x9a%\x06\x11B\t\x01\x0b@\xcc\t!\x04\xe7\x02\x04\xa5\x8a\xc9l6\x99\xcc\x8aB\x08\x85\xea\xd6^\x80\x10\xc0\x18h\x91H$\x12\xe6\x9cQJ\t\xc1;\xb3x\xe0\x8c\xc1o\x8b.\xa5D\xd6d\x14\x07\x98\xbf\xe1\xb0\x00\xc4\x10\xe7\\\x08n2\x99\xd3\xecvE\x81\x80?TZt\xb4\xa8\xf0piIQeyY0\xe0g\x8c\x99L&amp;WfV\xeeYM\xcen\xd1*\xafi\xf3\xb4ts0\x18\t\x05\x03\x94*xC\x10;\xf2&gt;,\xc3\xe1&lt;f\x17\xadp(\xc4\xb9\x8emP\xaca\xfe\r\x04\x16\x80\x98\x90W\xfd\xe9\xb6\x0c\xb3E)+)\xffa\xd5W\xdf\xad\\\xfe\xd3\xfa\xef\x0f\xee\xfb\xc5[\xe59\xe1\xaf\xa4\xdb2\xdau\xf8S\xbf+\xae\x19x\xfd\x906\xed\xdbz\xab\xfc\x8c1\xdc\xe3;\x168g\x8a\xa2\xda\x1d\xb6w\xe6\xcf\xf9\xec\xff\xbdK\x08\x15B\x10\x02B\x88\x07\x9fx\xf6O\x9d\xba\x86\x02~\x82\xc9\xc7\x0c\xe6\xdfp`\x01\x88&gt;!\x84\xc5j5\x99L[\xfe\xf7\xe3\xa7\x1f.\xfa\xea\x8b\x8f\x0f\x1f\xdc_\xf7\x07(U\x08\x81\x9a\xcb\x1c!\x00\x04\xe7\x01\xbfo\xd3\x86u\x9b6\xac{\xe3\x95\xe7n\x1d9n\xec\xa4G,Vk(\x18L\xd0\xcd\xa6\x1b,\xa6\xeb\xe96\x9b\xaekS&amp;\x8d{\xf7\x8d\xff;\xe6]Oe\x85\xaa*B\x08\xbc\x04\x8d\x11\xcc\xbfA\xc1\x02\x10eBp\xb3\xd9\xbcg\xd7\xceWf&gt;\xf1\xd5\x92\xff2\xb9w+\xa5\x94P!\xb8\xbc\xe1\x15\x82\x0b\x01\xd5\xbd\x9f\xd5\xaf\x08R\x8dz\xab&lt;s^\x98\xb1\xf6\xbbo^|}qn\xe3\xb3B\xc1\x10\xde\x07D\x8b\xae\xeb\xaeL\xd7\xfe=\xbf&lt;&lt;~\xf8\xc6u\xdf\xc9\xe2Z=\x18O\x88\x10BUU\xdcY=v0\xff\x86\x06[\x96(\x13B\xa8&amp;sey\xd9\xb2\xcf&gt;b:ST\x95\x10*8\xe7\x9c\x11B(U\xa0v.\x10\xe7\x82s\xf9\x8f\x8a\xa2\x10B8\xe7\x8c\xe9\x84\x10\xd5d\xda\xf4\xe3\x0f\xa3\x07\x0f\xac\xf2\xb8M&amp;\x93\xc0\xef\xc4\x19\x13\x9cs\xce\xb3s]_/\xf9|\xe8\xc0\xbfl\\\xf7\x9d\xa2\xaa\x8c1\xc6\x18\xaf\xf3?\x8c:F0\xff\x86\t\x0b@\x94Q\xaa\xf8\xbc\xde&gt;\x17_z\xc9\x95\xd7\x12\x02 \x04!\xa0(\x8a\x10\x821\xc6\x98.\x84\xb0\xa6\xa5g\xe76nzv\xcb\xa6g\xb7pee\x03\x00c\x8cs.\xaf\xf4\x85\x10\xba\xa6\xa9&amp;\xd3\xee\x82\xedS\xef\xbb\xdbb\xb5\xe0\xb7\xe2\x0c1\xc6T\x93)\xc3n\x9f\xfd\xcc\xd3w\xddrmYI\x91\xa2(\xf2\xe6\x0c\xc5\x01\xe6\xdf`a\x17P\xf4\x11\x00\xce\xc5-\xc3\xc7\xad\\\xfa\x19\x10\xc2\x19\x03\x80\xb4t[\xb7^\x7f\xe9u\xd1e\xe7\x9d\xdf9\xafY\xf3\x0c\xbbS5\xa9\x00\x10\x0e\x85J\x8a\n\x7f\xfa\xf1\xfb\x8f\x16-\xdc\xb9u\x13\xa1Tp\x0e\x00\xba\xa6)\x8a\xba\xec\xb3\x8fV.\xfd\xe2\xd2+\xaf\xf6z\xaa(\x0e\x06\xd4\x8b\xaekv\x87\xd3\xe3\xaex\xf0\xee\xdb\x97\xfc\xf7CB\x08\xa1T\x0e\xb0s\xce\x8d&gt;\xba\xe4\x87\xf97dX\x00\xa2\x8f*\x8a\xcf\xeb\xebs\xc9e\x1d;u\xdd\xb6iC\x87\xf3;_{\xd3-\x97^u]\xcb\xd6\xedLf\xa2k\xa0i\x91\xda\xbb\xdd\xb44[N\xa3\xb3\xfe\xdc\xbd\xfb\xcdw\x8e}u\xd6\x93s^\xf8G\x9d/\x86 \x84,^8\xe7\xd2+\xaf6\xf6o\x94\xa0\x84\x10\x9c\xb3\xac\x9c\xccM?nxp\xdc\x1d{~\xde\xa1(*c:\x08!C\xa6T\xe1\x9c\x19}\x98I\x0b\xf3o\xf8\xb0\x00\xc4\x84\x10\x82R\x92\xff\xe8\x93\xa5\xc5G\xaf\xb9\xe9\xe6\xf4\x8c\xb4` \xe2\xf7y\x05\xe7\x84\x92\xdf&gt;\xe7\xc54-\xe2\xf7qEQ\x1e\xfd\xc7\xd3^\xaf\xe7\xdf\xf3_\x95_\x0c\xce\xb9\x10b\xe3\xda\xef\x8e\x1c&lt;\x98\xd3\xe8,M\x8b\xe0\x93\x01\xa7Nv\xa9ef\xb9&gt;xk\xe1\x13\x0fN\x08\x06\xfc\xb2\xf5\x91W\xa0\x9c\xb1[G\x8e\xdf\xfa\xd3\x8f[\xfe\xb7\x1e/Ec\x01\xf3O\x088\x06\x10\x13\x94\xd2\x80/\xd8\xbb\xdf\xe5\x83\x86\r\xd7uVY\xe6\x8e\x84C\x94REU\xe5\x13^uQJUU\x15B\xb8+Bw\xe5?\xea\xca\xcc\x92#\xc6B\x089)h\xdf/?\x9b-f\x81_\x92S&amp;\x84HKOWM\xea\xf4\x07\xf3\x1f\x9e0&lt;\x18\xf0S\xaa0\xa6\xcbQ\x16\xce\xd8\xd8\xfcG\x1e\x9f5;\xe0\xf7\x19}\xa4\xc9\t\xf3O\x14X\x00b\x85P\x12\x0c\x06&lt;n\x0f\x00\xc8\xb9@\xbf\xff\xf3\x94\xd2H$\xdc(\xafI\xa7n\x17\xca\x7f\x85\xea\'\xe3\xa1\xa8\xf0\xb0\xa2\x10\x1c\x08&gt;EB\x08EU\x0e\xed\xdf;z\xf0\xd5o\xfe\xeb\xa5\x9a\x19VLQ\x14\xce9\xa1t\xdas\xaf=\xfc\xe4?*\xcb\xcb\x02~?\xd4LCD\xd1\x82\xf9\'\x10\xec\x02\x8a\xa1\xd3\x9f\xbf/\x14\x05\xf2\x9a6\x07\x80\xbak\xa4\xf8}&gt;B\x00\xbf)\xa7H\x08a\xb6\x98\x9f\x98&lt;n\xed\xea\xafMf\xb3\x16\x89\x00\x80\xa2\xaaL\xd7\xb3s\x1a\xcd|\xed\xcdK\xae\xbc\xd2]\xe1e\x8ckZX\xfe\x82\xc1G\x9c\\0\xff\x04\x82w\x00\rJ\xcd\xfap\xbf\x85\x0f\x03\x9f.\xce\xf8\xfdSg\xd8\x9d.]\xd3\t\xa5\x8a\xa22]\xff\xd3\x05]\xfe\xfd\xf9\xb7\x17_qeyi\x85\xa2\xaaBp\x1dg"\xc6\x06\xe6\x9f(\xb0\x004,\x8cCi\xf1Q\x80\xda\'\x84\x01\x00\\Y\xd9\x9c\x03\xae\x90u\x8a(\xa5\xc1@\xf0\xcf=\xba?&gt;s\xb6\x10\x9cR\xca\x98~\xd5\xf5\x83\xdf\xfa\xe4\xab\xe6\xad\xdaTV\xb8U\xd5\x04\x84p\xce9\xc3a\x95\xe8\xc3\xfc\x13\x08\x16\x80\x86B&gt;\x07\xef\xa9\xac\xdc\xbe\xe5\x7f\x00\xc0\x05\x07\x009\x1a\xdc\xacyK]\xe78\x05\xe8\xd4)\x8aRQ\xea\xbe\xe9\xd6a\xc3\xc7\xdd\xc7t}\xe2\xc3\xd3^|c\xb1j\xb2\x04\xfc~U\xfd\xb5\xdbS\x08l\x80b\x02\xf3O\x148\x06\xd0P\xe8\xba\x9e\x93\x9b\xf9\xee\xc2\xc5EG\x0e\xd7\xcc\x92\xa6B\x88&amp;g7o\xd5\xb6}8\x14\xa2X\x00N\x87\xa2(^O\xf0\xaeI\x8f\xf6\xbd\xe4\x8a\xbf\\&gt;\xc0_\xe5\x15 j;\xd3\x08\x00\xe0\x03\xd6\xb1\x84\xf9\'\x04\xbc\x03h\x10\x98\xaegdd\x1c\xda\x7f\xe8\xe5\x19\x8f\xd7^\xe9\xcber\xfb\x0f\xbc!+;S\xd7"\x80\x05\xe0\xb4\x10\xc2\x98n\xb1Z\xfb\\r\x85\xd7\xed\x01Bp\x9b\x9d\xb8\xc2\xfc\x13\x01~$\xc6c\xba\x9e\x96\x9e\x1e\x08\xf8\xef\x1d1\xb8\xf8h\xa1\\\x15\x8e\x10"\x04\xcf\xb0;n\x1d5&gt;\x18\x08\xe3:\x10\xf5 \x93\xf4\xfbp\x15\rc`\xfe\r\x1f\x16\x00\x83\xe9\xba\x9e\xe1px\xdc\x95\xa3\x07_\xbdi\xc3Z9W\x1a\x00\x14U\xe5\x9c\xdf\xfb\xc8\xf4s\xda\xb6\t\x05\x838\x00P?\xb5+\xb0"C`\xfe\r\x1c\x16\x00#\xe9\xba\x96\x99\xe5\xda\xbb\xbb\xe0\xb6\xbf^\xfa\xd3\x8f\xdf+\x8a\xca\x18\x03\x00U5\xe9\x9av\xc3\xd0;\xef\xb8\xeb\x1ewe\x95\xa2\xe2P\rB(\xfa\xb0\x00\x18C\xae\x0e\x9d\x9d\x93\xf9\xed\xf2\xa5\xc3\xae\xbdd\xcf\xcf;\x14E\x91+\xa5(\xaa\xaa\xeb\xda\xd57\xde\xfc\xd4\x8b\xff\xf2\xfb\xfdx\xed\x8f\x10\x8a\x11,\x00\x06\x90\x9b\xc0df9\x17\xbc6{\xf4\xcdWW\x94\x95PEa\x8c\x11B\t!L\xd7\x87\x0e\xbf\xeb\xb9\x7f\xbd\xadE4\xc1\x05\x16\x00\x84P\x8c`\xdfB\xfc\t!\x84\xc3\xe5xv\xda\xa3s^\x98!\x17\x83\xe35\xcb\xa3\x0b\x01\xf7M\xf9\xc7\xdd\xf7?\xe2\xf3\xfa\x04\xe7\xb856B(v\xb0\x00\xc4\x1bc\xdc\x95\xe5\xfc\xe7\x93\x8f\xcdya\x86\xa2\xa8r\xd9gEQ\x18c\x0eW\xe6\xd3/\xcd\xbf\xfa\x86\x1b++&lt;\x84Pl\xfd\x11B1\x85\x05 \xae\x18\xd3\x9d.\xd7\'\xef\xbd\xfb\xdasO)\xaa*\xb7\x85\x91\xad\x7f\xf3Vmf\xbf\xf9a\xc7N\x9d\xca\xcb*U\xd5d\xf4\x91"\x84\x92\x1f\x16\x80\xf8\x11B\x98\xcd\x96\xe2\xa3\x853\xfe&gt;\x89\x10"w\x84\x97\xbd\xff\x1d\xce\xef&lt;g\xd1\x7f\xcfj\xd2\xac\xa2\x1c[\x7f\x84P\x9c`\'C\xfcp\xce2\xeci\x1f\xbc\xfdzYi1\xa5\x8a\\\xec\x813\xd6\xba]\x87\xf9\xef}\x91\xdb8\xcf\xeb\xf1`\xeb\x8f\x10\x8a\x1b,\x00\xf1\xa3(\xaa\xcf\x17\\\xf6\xe9G5\xbb}\x11!D\xba-\xe3\xf9\xb9\x8br\x1a\x9f\xe5\xf7\xf9p\xbe?B(\x9e\xb0\x00\xc4\x89\x10\xdcl\xb6\x14\x1e&lt;\xb0\xf7\x97\x02!\x84\x10\x9c*\x8a\x10\xe2\xe6;\xc7v\xee\xd6\xd9\xe3v\xab\xd8\xfa#\x84\xe2\x0b\x0b@\x9c\x08.T\x93z\xf4\xc8\xa1p($\xa7\xf6\xcb\xa9\x9fW\xfd\xf5o\xc1\x80\x8e[\xbe \x84\xe2\x0f\x0b@\x9c\x08\x00J\x89\xbb\xa2\x1c\x00\x08\xa5\x00D\x08\x91\x95\x93\xdb\xf4\xec\x96\x91\x88\x86O{!\x84\xe2\x0f\xbb\x1d\xe2\x87\x10\x88D\xc2\xaa\xaaRE\x01!8\xe7Y9\x8d\xacii\x9csl\xfe\x11B\xf1\x87\x05 ~\x08\x81p(\xac\xeb:\xd4l\x85\xea\xad\xf2\xc8\x91\x00\\\xeb\x1f!\x14\x7fX\x00\xe2\x84R\x1a\nE:\\\xd0\xf9\xaeI\x8f\x12J\x84\x00\x10"+\xb7\x11n\x8b\x84\x102\n\x16\x808!\x84\x84C\xe1\x0e\xe7w\xeeva\x0f\xd9\xe4\x13\x00\xc6\xc0[\xe53\xf8\xc8\x10B\xa9\n\x0b@\xfc\x10B"\xe1p0\x10 \x00\xa2\xe6\x15\x9c\xff\x83\x102\n\x16\x80\xb8"\x84\xa8\xaa*\x04\x97\xdd\xfe\xb8K*B\xc8@X\x00\xe2Jn\xf6k\xb6X\x15EeL\x8f\x84B\x02\x80\xe2\xaa\x9f\x08!#`\x01\x88\x1f\xceyz\xbaM\x08qp\xff\x1eOe\x8533\xaby\xab\xd6\x00$\x18\xf0c\r@\x08\xc5\x1f\x16\x808\xe1\x9c\xa7\xdb\xd2\xb7o\xfe\xdf\xf3\xd3\x1f\xde\xb4a]0\xe0OK\xb7u\xe9\xd1\xfb\xfe\xc7gt\xe8\xd89\x805\x00!\x14wX\x00\xe2A\x08a\xb6X\x8e\x1e9&lt;z\xc8\xc0\xca\xf22\xf9b0\xe0_\xf3\xcd\xf2\x9d[7}\xb0|m\xa3\xbc\xa6Z$\x82\xcf\x03#\x84\xe2\t\xaf:\xe3\x813f\xb3Y\xbe\xfc\xcf\xfb\x95\xe5e&amp;\xb3Y6\xf4\x84\x10\x93\xd9RQ^\xfa\xe9\x87\xef\xdal\x16\xce\x98\xd1\x87\x89\x10J-X\x00\xe2\x82\x10.`\xdf/?\x13B8\xe3\xf2\xe1/!\x04g:!d\xcf\xae\x9d\x9c\x03&gt;\x0c\x8c\x10\x8a3,\x00\xf1"@\xd7\xb5\xe3\x9f\xfb\x15B0]\xc3\xc7\x81\x11B\xf1\x87c\x00q!\x04\xa5\x90\xd3\xe8,BH\xdd\x8e~B(!&lt;\xb7q\x9e\xa2\x00`\x11\x88;RC\xfe\xb3\xd1\x87\x93r0\x7f\xc3\xe1\x1d@&lt;\x10J#\x11\xd6\xaf\xff@!\x04c\xba\xaa\xaa\x8a\xa2\xa8\xaa\xca\x98.\x84\xb8\xf4\xaa\xeb"\x11Fp\x16P\xdc\xe9\x9a&amp;\x84\xe0\x9c\xd7\xfe?.\xcd\x14O\x98\xbf\xe1\xf0\x0e \x1e(\xa5~\x9f\xbf{\xef\xbfLxp\xea+\xb3\x9e\xd0kV\x03%\x84\xdc\xf3\xf0\x13=\xfb\xf6\xf3\xfbp\x1ah\xbc\x11B\\Y\xd9\x8a\xaa\xd6\xdd\xa1SUM\xd8\x06\xc5\x07\xe6\xdf\x10`\x01\x88\x13Ji\xd0\x1f\x98\xf8\xd0\xb4\x0b\xfb^\xf2\xcd\xf2\xcf\xcbJ\x8as\x1a5\xbe\xf4\xca\xeb\xba\xf5\xea\xeb\xf3z\xb1\xf5\x8f\'B\x88\xae\xeb6\xbbc\xf1\x97k\x8e\xe9yK\xcf\xc8\x08\x05\x03\x14\x17h\x8a%\xcc\xbf\xe1\xc0\x02\x10G\x84\xf8\xbcU\xddz\xff\xa5\xd7\xc5\xfd8\x03\xaa\x80\x16\xe6\xde*\x0f\xa5x\xba\x1b@^\x81\x1e\xd3\xf1\xcc\x18\xc3+\xd0\xf8\xc0\xfc\x1b\x02,\x00qE)\xf5\xfb|\x82s \x04\x84 \x94b\xebo ]\xd3\x8ey\x05\x87"\xe3\t\xf37\x1c\x16\x80x\xa3\x94\x02v\xf84\x0c\xd8\xdc\x18\x0b\xf37\x1c\xb6D\x08!\x94\xa2\xb0\x00 \x84P\x8a\xc2\x02\x80\x10B)\n\x0b\x00B\x08\xa5(,\x00\x08!\x94\xa2\xb0\x00 \x84P\x8a\xc2\x02\x80\x10B)\n\x0b\x00B\x08\xa5(,\x00\x08!\x94\xa2\xb0\x00 \x84P\x8aJ\x92\x02\x80\xcf\x94\xc7\xd91\x81c\xfeq\x86\xf9\x1b+i\x02O\xec\x02 \xf7\x91\x00\x00M\x8b\xe0\x1a\x82\xf1\xa4i\x11\xc0\xfc\x8d\x83\xf9\x1bK\xe6\x0f\x002\xff\xc4\x95\xa8\x05@n\x1f\xe1p8\xda\xb6m\x03\x00\x05\xdb6k:\xe0\xaa\xfaq\xc0\x850\x99\xa0`\xdbf\x00h\xdc\xb8q\xeb6\x98\x7f\\a\xfe\xc6\x92\xf9\xff\xbcm\x0b\x008\x1c\xce\xb6m\xdbB"\xdf\x10$\xf0\x19#\x84PU5\'\'\x07\x00\xdc\xee\x8aH(\x9c\xb8\x1fCb\xe1\x02\xca\xcbJ\x00\xc0n\xb77n\xdc\x180\xff\xf8\xc2\xfc\x8dU\x9b\xbf\xcd\x96\x9e\x99\x99\tX\x00\x0c!o\xbe.\xb8\xa0\x13\x00\x1c\xdc\xfbKY\xf1Q\xb3\xd9\x8c\xbbI\xc4\x1a\xa54\x1cb\xf2\n\xb4c\xc7\x8e\x03\xae\xb8\x02\x00\x0e\xed\xdb\x83\xf9\xc7\x07\xe6o,\x99\xff\xcem\x9b\x00\xa0m\xdb\xb66\x9b\x8ds\x8e\x05\xc0\x002\xf4n\xdd\xba\x02\x80\xb7\xca\xb3gw\x81\xd9b\x16\t\xde%\xd7\xc0\t!\xccfsyI\xd1\xfe=\xbb\x00\xa0\xe3\xf9\xe7\xf7\xed\xdb\x170\xffx\xc1\xfc\x8duL\xfe\x9d;w\xa6\x94&amp;\xf40@\x02\x17\x00\xd9\xe3\xd9\xabW\xaf\xac\xac,\xce\xf9\x9ao\x96\xab*\xe1x\x05\x14K\x82sk\x9ae\xd3\x86\xb5\x15e\xa5\x94\xd2\xbf\xf4\xed\xdb\xa3G\x0f\x97\xcb\x85\xf9\xc7\x07\xe6o\xacc\xf2\xbf\xe2\x8a+ \x91\xfb\x7f \xa1\x0b\x00!\x84s\x9e\x97\x97\xd7\xa9S\'B\xc8\xb7\xcb?\xaf\xf2\x04T\x15\xf78\x8b!.\x84\xa2\x90\x15_|"\x84p\xb9\\]\xbbvMOO\xef\xdc\xb93\xe6\x1f\x1f\x98\xbf\xb1\x8e\xc9\xbfO\x9f&gt;\x00\x89=\xf6\x9e\xc0\x87\x0e5\xc3\x00C\x86\xdc,\x84\xd8\xbfg\xf7\xfa5+m\x196\xc6\x98\xd1\xc7\x95\x9c\x84\x10V\xab\xf5\xd0\x81\xc3\xdf\xad\\\n\x00\x03\x06\\)G\xc0n\xbe\x19\xf3\x8f\x07\xcc\xdfX\xc7\xe7\xeft:\x19cx\x07`\x18EQ\x00`\xd0\xa0\x9b\x1a7n,\x84\x98?\xfb\xd9\x84\x1e\x90i\xe0\x18c6\xbb\xf5\xdd7^+/-Q\x14e\xcc\x98\xd1r2\xee\xa0A\x830\xff8\xc0\xfc\x8du\xc2\xfc\x8d&gt;\xa83\x95\xd8\x05\x80\x10\xa2\xebzvv\xf6\xb0a\xc3\x84\x10?~\xbfj\xd5\x8ae\x0e\x87\x1d/\x82\xa2N\x08a\xb1Z\x8f\x1c8\xf2\xde[\xf3\x08!\x7f\xfe\xf3\x9f/\xbe\xf8b\xce9c\x0c\xf3\x8f\x03\xcc\xdfX\'\xcb_^\x83&amp;\xae\xc4.\x00\x00@)\x15B\x8c\x193\xc6\xe5r\x01\xc0\xdc\x17g0\xbc\x08\x8a\x01\xa6\xeb\x0e\x87\xf5\xcd9/U\x96\x97\x01\xc0\x03\x0f&lt;\x00\x00B\x08\xcc?&gt;0\x7fc\x9d,\x7f\xa3\x8f\xebL%C\x01\xe0\x9c\xb7k\xd7.??_\x08\xb1a\xed\xea\x85\xff\xf7Rv\x8eC\xd34\xa3\x0f-y0]w\xba\x9ckW\x7f\xff\xd6\xbc\x97\x01\xe0\xa2\x8b\xfa\r\x1e&lt;X^\xfe`\xfeq\x80\xf9\x1b\xebw\xf27\xfa\xd0\xce\x14I\x82"&amp;WD\xf1\xf9|]\xbat\xd9\xbbo\x9f\xcdf{\xeb\xe3\x95\xe7w\xe9Z\xe5\xf6(8)\xe2\x8c\t\xceU\x93I\xd7"7_\xd5ww\xc1vJ\x95u\xeb\xd6v\xe9\xd2E^~\x02\xe6\x1fc\x98\xbf\xb1\xfe0\xff\x84\x96\xf0\x7f\x01\x00 \x84\x10B\x9cN\xe7\xa2E\x8bTE\t\xf8|\x0fO\xb8\xb3\xa2\xac\xd4l\xb5`g\xe8\x19\x12B\x08!\xacV\xcb\xe3\xf7\x8f\xdb\xb5s\x9b\x10\xe2\xb9\xe7\x9e\xed\xda\xb5+\xe7\xbc\xf6\xec\xc7\xfcc\x07\xf37\xd6\xa9\xe4\x9f\xd0\x92\xe1\xef\x00\x00\x94R]\xd7{\xf6\xec\xf9\xec\xb3\xcf\n\x80\xdd\x05\xdbG\x0f\xb9F\xa1\xd4b\xb52]7\xfa\xe8\x12\x15\xe7\\\x08\xde(\xcf9\xed\xc1\x89\x9f\xfd\xbfE\x000h\xd0\xa0\xfc\xfc|]\xd7\x8f\xb9\xf9\xc5\xfcc\x01\xf37\xd6\xa9\xe7\x9f\xb8\x92\xa4\x00\x00\x80\xaa\xaa\xba\xae\xe7\xe7\xe7\x8f\x1e=\x1a\x00\xb6\xfe\xf4\xe3\xc8\xbf\r\xf4z\xdcv\xa7\x13\xfbC\xeb\x81\xe9\xba\xc9d\xca\xc8\xb0?&lt;a\xc2\xe2\x05\xff\x07\x00\xdd\xbbw\x9f;w\xee\xc9\xba&gt;1\xff\xe8\xc2\xfc\x8du\xba\xf9\'\xa8\xe4)\x00\x00\xa0(\n\xe7|\xee\xdc\xb9\xf2;\xb0v\xf5\xd7\xa3\x87\x0c\xdc\xb7\xbb \'7\x931\x96\xd0Kv\xc4\x93\x10B\xd74\xbb\xd3\xa9i\xe1\x07\xc7\xdd\xf9\xef\xf9\xafr.\xbaw\xef\xbet\xe9\xd2\xdf_\xfb\x10\xf3\x8f\n\xcc\xdfX\xf5\xce?\x11%\xc3 p]r@LQ\x941c\xc6\xcc\x9b7\x0f\x00\\\x99\xd9\x7f\x9f\xf1\xe2\xf5C\x86i\x1a\x0b\xf8\xbc\x84\xd2\xe4\xe8\xbc\x8b\x05!\x04c\xccb\xb5\xda\xed\xd6\xf5k\xbe\x9f:y\x9c\\u\xb2G\x8f\x1eK\x96,\xc9\xcc\xcc\xfc\xc3\xaeO\xcc\xffL`\xfe\xc6:\xf3\xfc\x13N\xb2\x15\x00\xa8\x19\xb7\xa1\x94&gt;\xf1\xc4\xb4i\xd3\x9e\x90/\x0e\xbc~\xf0]\xf7=r\xde\x05\x9d#\x11=\xe0\xf7\x03\x08J\x95d\xaa\xe4g\xa2zc)!,V\xab-\xc3z\xf8\xe0\x91\x7f\xbf\xfe\xea\x82W\x9f\x8fD"\x000x\xf0\xe09s\xe6\x9c\xfa\xd9\x8f\xf9\x9f.\xcc\xdfX\xd1\xcd?\xb1$a\x01\x80:\xdf\x81\xa5K\x97\x8e\x181\xb2\xb0\xf0\x08\x00X\xad\xd6\x817\x0c\xb9}\xec=\x7f\xea\xd4\x85\x10\x08\x05#\x91H\x98s.\x84 \xa9\xf7U\x10\x00B\x08B\x80\x10j2\x9b\xd3\xd2\xac\x8a\x02\x87\x0e\x1c~\xff\xad\xb9\xef\xbf5\xaf\xb4\xb8\x08\x00\xccf\xf3\xcc\x993\xf3\xf3\xf3\x01\xe0\xb4\xce~\xcc\xff\x0fa\xfe\xc6\x8ai\xfe\t$9\x0b\x80\xa4\xeb\xba\xaa\xaa\x85\x85\x85S\xa6LY\xb4\xe8\xddp8\x04\x00ii\xe9\xbd/\xbe\xfc\x92\x01\xd7\xf6\xec\xdb/\xafisk\x9aEQ@\xd7!yc8)\x93\t8\x87H\x84\x95\x16\x17m\xde\xf0\xc37\xcb\xbeX\xfd\xf5\x92\x92\xa2\xa3\xf2\xdd\xfe\xfd\xfb?\xf9\xe4\x93={\xf6\x94\xcb\xcb\xd4\xa3\x89\xc0\xfc\x7f\x1f\xe6o\xacX\xe7\x9f\x10\x92\xb9\x00\x00\x00cL\x0e\xd9\xaf[\xb7n\xc6\x8c\x19\xcb\x97/\x0f\x04\x02\xf2-\xbb\xc3qN\xdb\x0e\xad\xdbuhr\xf6\xd9-[\x9f\x9b\x99\x95\xad\xebz\xb2~\xcc\xbf%\x08\xa1\x9a\x16)\xd8\xb6\xb9\xa2\xbct\xd7\x8e\xad{v\xed,/-\xa9}\xbbw\x9f&gt;\x13\xc6\x8f\x1f:t(\xd4\t\xb0~0\xff\x13\xc1\xfc\x8d\x15\xbf\xfc\x13\x80Hv\x9cs]\xd7\xe5?o\xdd\xbau\xf2\xe4\xc9-[\xb52:\xf5\x86\xa8Q\xa3F\xb7\xdfq\xc7\xb2e\xcbdV\x8c1\xc6\x18\xe6\x1f7\x98\xbf\xb1b\x94\x7f\x03\x97\xe4w\x00\xb5d_\xa7,\xe6^\xafw\xe7\xce\x9dk\xd6\xac\xd9\xb8q\xe3\xd6\xad[\xddn\xcf\xd1\xa3\x85\xa9\xf7\xcc$i\xd4\xb8\x91\xcdf\xeb\xdc\xb9\xf3\xf9\x1d;\xf6\xec\xd9\xb3k\xd7\xae\xb9\xb9\xb9Pg&amp;I\x14\xffc\x98\xffq0\x7fc\xc55\xff\x06+U\x96\n\x91\xdb\x87\t!\x08!v\xbb\xbd{\xf7\xee&amp;\x93\x89RZYYI\x15\xa5\xa4\xa48E\na\r\x02\x00N\x87#;;\xbbk\x97.\xbdz\xf5\xea\xda\xb5\xab\xddn\x97\xef1\xc6\xa2&gt;\xde\x85\xf9\xff\x16\xe6o\xacx\xe7\xdfp\x19r\xdf\x11g\xb5\xb7\xc0\xe1p\xf8\x93O&gt;\xb9\xf1\xc6\x1b\x9b5;\xdb\xe8\xe0\x1b\x16\x87\xc3q\xd9\xe5\x97\xcf\x9d;\xb7\xb8\xb8Xf\xa5i\x9al20\xff8\xc0\xfc\x8d\x15\xd3\xfc\x1b\xb2$\xef\x02\x92\x7f;B\x88\xc7\xe3\x997o\xde\xdbo\xbf\xbde\xcb\x96\xdaw3\xec\xf6\xbc\xa6\xcds\x1b7n\xd9\xfa\\WV\x16\xd3\x13{w\xb7S$@\x10BtM+\xd8\xb6\xd9\xe3\xae&lt;\xb4\x7f\x8f\xbb\xb2\xa2\xf6\xdd\xbc\xbc&amp;\xb7\xdez\xcb\xa8Q\xa3\xda\xb7o\x0fg&lt;\xfb\r\xf3?\x1e\xe6o\xacx\xe6\xdf\xf0%s\x01\xa8\x1d\xc1_\xb0`\xc1\xacY\xb3\n\n\n\xe4\xebM\x9a5\xbf\xf0\xa2K\xfb]~\xd5\xb9\x1d;7j\x9cg\xcb\xb0+*$\xf5\xa7|\x02B\x80\xaeC8\x14./-\xda\xfd\xf3\x8e\xef\xbfY\xbef\xe5\xf2];\xb7\xc9w\xb3\xb2\xb2&amp;N\x9c8i\xd2$\xa7\xd3)g\x13\xd6\xe3?\x81\xf9\xff\x0e\xcc\xdfXq\xc8?!$m\x01\x90g\x7faa\xe1\x88\x11#\x96.]*_l\xd7\xa1\xe3\xedc\'\xf6\xbf\xfa\x86\xec\xdc\\! \x1c\x8eh\x11\x8ds&amp;\x04O\xd2\x18N\x8a\xc8e\x84)5\x99\xcc\x16\xabEU\xc1[\x15X\xff\xfd\xb7\x0b_{a\xcd7\xcb\xe5\xcf\xb4o\xdf\xfe\xf5\xd7_\xef\xd3\xa7O=\xa6Bc\xfe\xbf\x0f\xf37V\xac\xf3O\x14\xc9Y\x00d\xd1^\xbat\xe9\x88\x91#\x0b\x8f\x1c\x01\x80Vm\xda\x8d\x9c0\xf9\xea\x1b\x868\\\x0e\x9f7\xa0i\x11\x00B)%\x04\xe4\x88P\xca\x12B\x089EDUm\x19\x19\x8c\xf15+\x97\xcd\x9f=k\xed\xea\x95\x00`\xb6Xf&gt;\xf3L~~\xfei}\x070\xffS\x87\xf9\x1b+\x16\xf9\'\x90$,\x00\xf2\xec\x9f7o\xde\x981c\xe4+\xb7\x8c\x18\x97\xff\xe8\x139\x8dr&lt;n\x1f\xd3u\xaa\xe0*(\'\xc6\x18#\x84\xd8\x1d\x0e\xc6\xf4\xb7\xe7\xbe\xf2\xf23S}\xde*\x00\x18=z\xf4\xdc\xb9s\xe5\xec\x88?\x8c\x0e\xf3\xaf7\xcc\xdfXQ\xc9?\xb1$[\x01\x90w\xbe\xb5g\xbf\xd3\x95\xf5\xf8\xac\xd97\x0e\xbd\xa5\xca\x13\x88D"I\xdc\x97\x17E\xf2k\x90\x9d\xe3\xd8\xb8\xee\xc7\xbf\xdf3\xba`\xfbf\xa8\xf9\x0e\xfc\xe1u\x10\xe6\x7f\xe60\x7fc\x9dI\xfe\t\'\xa9\n\xc01g\x7fN\xa3\xb3f/\xfc\xb0w\xbf&gt;%E\x95\x8a\xaa&amp;\xd3\xc7\x16\x07\x9a\xa6\xb923\xcbK\x8b\xef\xba\xe5\xaf\x9b7\xae\x83:\xd7A\'{F\x06\xf3\x8f"\xcc\xdfX\xf5\xc8?\x11%O\x01\x90\x1f\xcc\x8a\x15+\xfa\xf7\xef\x0f\x00\x99\xd99\xef/\xfd\xa1\xc59m&lt;\x95\x95\xaa\xc9d\xf4\xd1%$\xa6\xebf\xabE\xa1\xca\xf0\x9b\x06\xac_\xf3\r\x00L\x9b6m\xea\xd4\xa9\'\x9c\x17\x81\xf9G\x1d\xe6o\xac\xd3\xca?A%I\x01\x90\xd3u\x8b\x8b\x8b;u\xea\\RR\xecp\xba\xe6,\xfao\xd7\x0b\xfbx\xdcnU\xc5\xb3\xbf\xfe\x18c\x16\xab\xc5\xe7\xf1\x8c\x1c|\xd5\x8e-?\x11B\x96.]\xda\xbf\x7f\xffc\xae\x830\xff\x18\xc1\xfc\x8du\x8a\xf9\'\xae$\x99\xfd+\x84`\x8c\xddv\xdbm\xc5\xc5E\x00\xf0\xd83\xb3{\xf7\xeb\xeb\xae\xc4\xb3\xffL)\x8a\x12\x0e\x86\xb2r\x1b\xfds\xee"\xa7+S\x08\xb8\xed\xb6\xdb\x8b\x8a\x8a\xe4\xd2\x02\xb5?\x86\xf9\xc7\x08\xe6o\xacS\xcc?q%C\x01\x90\xd5x\xd1\xa2E\xcb\x97/\x07\x80\xbf\xdd6\xea\xa6a\xb7\x16\x17U\x9a\xf0\xce7\x1a\x14U\xf5\xb8\xdd\xed\xce;\xf7\xd1\xa7_\x04\x10\xc5\xc5E\x8f&lt;\xf2\x08\xa5\xb4\xf6\xde\x11\xf3\x8f)\xcc\xdfX\x7f\x98\x7fBK\xf8. \xb9\xa2\x85\xdb\xed\xee\xd9\xb3\xe7\xde\xbd{\x9b\xb5h\xf5\xe1\x8a\xf5\x16\x8bU\x0e\xe5\x1b}t\xc9\x831\xe6\xcat\x8e\x1bv\xd3\xb2\xcf&gt;\xb2X,\xabW\xaf\xee\xd6\xad\x9b\x10\x82\x10\x82\xf9\xc7\x01\xe6o\xac\x93\xe5\x9f\xe8\x0bE$\xf6\xd1C\xcd\xd2}\x0b\x16,\xf8\xe5\x97_8\xe7\xa3&amp;&gt;\x98\xd3(+\x12\x89\xe0\xd9\x1f]\x84\x10-\xa2\x8f\x7f\xe0q\x8b\xd5\x1a\x0e\x87\xa7N\x9d*\x9b\x1e\xcc?&gt;0\x7fc\x9d,\x7f\xa3\x8f\xebL%v\x01\x10B(\x8a\x12\x0c\x06\x17,X@\x08i\xd5\xa6\xfd\xb5\x83\x86z*}I3F\xdfpPJ}&gt;_\xc7\xce\x9d\x06\\{\x13\x00\xacZ\xb5j\xe7\xce\x9d\x8a\xa2PJ1\xff8\xc0\xfc\x8du\xb2\xfc\x13}$ \xb1\x0b\x80|.c\xc5\x8a\x15\xdb\xb7o\x17B\x0c\x1fw\x9f\xc3ig\xban\xf4q%\'Ji$\xac\x8d\x18?9-\xdd\xe6\xf7\xfb\xe7\xcf\x9f/_\xc4\xfc\xe3\x03\xf37\xd6\t\xf3\xc7\x02`\xbc\x85\x0b\x17\x12B\x1a\xe55\xb9\xe2\x9a\x1b}\xde\x00M\x8a\xe9Y\r\x10\xa5\xd4\xef\x0ft\xec\xdc\xb9G\x9f\x8b\x08!\x1f~\xf8\xa1\xcf\xe7\x03\x00y\xf9\x89\xf9\xc7\x1a\xe6o\xac\xe3\xf3\x0f\x04\x02\xaa\xaa&amp;tGP\x02\x17\x00\xd9\xff\xe3\xf1x\xd6\xaf\xffQ\x08\xd1\xfb\xa2\xcbs\x1a\xe5h\x9a\x86\xbd\x9f1$\x04!p\xd9U\xd7\x0b!\x8e\x1c)\xdc\xb1c\x87\xae\xeb\xeb\xd6\xad\xc3\xfc\xe3\x04\xf37\xd6o\xf3\xdf\xbcy3$\xf8M@\x02\x17\x00\x99\xfb\x86\r\x1b\x0e\x1f&gt;\x04\x00\xfd\xfa\x0f4\xfa\x88\x92\x1fU\x94`0ra\xdfK2\xec\x0e\xc6\xf4U\xabVm\xdd\xba\xb5\xb0\xb0\x100\xff\xb8\xc0\xfc\x8duL\xfe_~\xb9\x04jv\xddIP\t\\\x00d\xee\xeb\xd7\xff\x08\x00\xe96[\x87\x8e\x9d\xc2\xa1H\xa2\xcf\xcaj\xe0\x08!\x91p8\xafY\xf3\x16\xe7\xb4\x01\x80\xcd\x9b7\xafY\xb3\x06\x00l\xb6\x0c\xcc?\x0e0\x7fc\x1d\x93\xff\x86\r?\x02@Bg\x9e\xc0\x87.ou7n\xdc\x00\x00\xcd\x9a\xb7j\x9c\xd7\x14\xef\x7f\xe3\x80s\x9e\x96ni\xff\xa7\x0b\x00`\xf3\x96-_|\xf9%\x004i\xde\x02\xf3\x8f\x0f\xcc\xdfXu\xf3\xdf\xb9s\xa7\xcf\xe7K\xe8\x87\xc2\x12x\xba\x98\x9c\x87[ZZ\n\x00Y9\xb9\xe9\x19v\x9f\xb7*\xa1\xabqB\x10B(\n4\xcek\n\x00\x95\x15\x15\xb2#.+\x1b\xf3\x8f\x13\xcc\xdfX2\xff\xb3\xf2\x9a\x01\x80\xdb\xed\t\x06\x83\x19\x19\x19F\x1fT\xfd%j\x01\x90\xcf\xe0\xb9\xdd\xee]\xbbv\x01@\xebv\xe7\xa9\xaaH\xdc:\x9c@(!\xba\x0e\xad\xdb\x9d\x07\x00\xc5\xc5\xc5eee\x80\xf9\xc7\x11\xe6o,\x99\xff9\xed:\x00@U\x95g\xe7\xce\x9d\xb9\xb9\xb9\x9c\xf3\x04]\x1b.Q\x0b\x80$\x84\xd04\x1d\x002\xb3\xb2)M\x86\x07\xf3\x12\x82\x10\x90\x99\x95\r\x00\xba\xae\xcb+P\xcc?\x9e0\x7fc\xd5\xe6\xcf9\xd7\x13\xfc\xa9\x8b\x84\xbfa\x94\x9d\x9e\x89\xfe1$\x1c\x19x\xed\xeeH\x98\x7f\x9ca\xfe\xc6\xaa\r&lt;\xd1\x07]\x12\xbe\x00H\x89\xfe1$\x9cc\x02\xc7\xfc\xe3\x0c\xf37V\xd2\x04\x9e$\x05\x00!\x84\xd0\xe9\xc2\x02\x80\x10B)\n\x0b\x00B\x08\xa5(,\x00\x08!\x94\xa2\xb0\x00 \x84P\x8a\xc2\x02\x80\x10B)\n\x0b\x00B\x08\xa5(,\x00\x08!\x94\xa2\xb0\x00 \x84P\x8a\xc2\x02\x80\x10B)\n\x0b\x00B\x08\xa5(,\x00\x08!\x94\xa2\xb0\x00 \x84P\x8aJ\xec\xfd\x00\x12\x91\x10\\p\xb9p\xbb\x00\x01@\x00\x80\x10\x00B\t!X\x8fQ2\x13B\x88\xea\xb3_\x80\xdc\xbc\xa0\xf6\xfc\x97K[\'\xcb*\x9b\x89\x02\x0b@\x9cp\xce\x84\x10\x8a\xa2Z,i&amp;\xb3\x89Ry\xd6\x03\x08\x10\x028\x07-\xa2E"a\xc6tB(n\xec\x17\x7f\xb2m\x92\rR\xad\xda\x05\xf7Q\xbd\t!8\xe7\x00BQT\xb3\xd9b2\x9b(%\x94\xd6$]{\xfek\x9a\x16\x89\xc8u\xf6\x13tw\xadD\x84\x05 \xc6\x84`\x9c)\x8a\x9aaw\xaa*x\xbd\xfe\x83\xfb\xf7\x1c9\xb4\xbf\xb4\xb8\xa8\xca]\xa9i\x9a\xaa*v\x87+\xb7q^\xb3\x16\xad\x9a4k\x9e\x99\xe5\x8aDX\xc0\xef\x03 X\x06\xe2F\xee0\x9a\x96n?fS-\xc6\xf4p(\x845\xa0~\x84\x10\x9c1\xd5l\xce\xb0\xdb\x15\x05\xbc\xde@\xe1\xe1\x03G\x8f\x1c*+)vW\x96\x87\x83A!\x84\xc9bq8]9\xb9\x8d\xf3\x9a5\xcfk\xda\xcc\x95\xe9\xe4\x1c\xfc&gt;\x1fc\x0c\xcb@\x1c`\x01\x88!\xc6\x98\xa2\xa8\xaeL\xbb\xdf\x17\xfc\xfe\xdb\x15_}\xf9\xc9\xfa5\xdf\x1e\xdc\xfbK(\x14&lt;\xfe\x87-\x16k\xcb\xd6m{_\xdc\x7f\xe0\xf5\x83;u\xeb\xa9iZ0\xe0W\x14\xfc\x80bN\xb6\xfeB\x88\xc9co-*&lt;L\x08\x15\x82S\xaap\xcez\xf4\xee7\xf1\xe1\xa9~\x9f\x1f\x8b\xf1i\x91M\xbf5--\xcdf)/\xadX\xf3\xf5\xb2o\x97\x7f\xbei\xe3\xbaC\xfb\xf7\x06\x03\xfe\x13\xfe\x8a\xc5bm\xda\xbce\xe7\xee\x17^&gt;\xf0\x86\xde\xfd.s\xba\x9cUn\x0f\xa1\x14\xaboLa\xfb\x12\x13\xf2\xb6\xd7\xe1t\xfa}\xbew\x17\xcc]\xbcp\xee\xf6\xcd\x1bk\xdf%\x94\xd2\xea\xd3\x9a\xd4\xfc\xb8\x08\x87C?\xef\xd8\xfa\xf3\x8e\xado\xceyi\xc0u7M|hj\xdb\x0e\xe7y*=x\x1d\x14k\x8c1W\x96}\xe6\xe3\x8f~\xfa\xe1\xa2c\xde\xca\xc8\xb0\xab\xaa\x82{\xed\x9e\x16\xc6\x98\xd9l\xb6e\xda\xf7\xed\xde\xfb\x9f\xc5o\xfe\xf7\x83w\x0e\xed\xdf[\xfb.!\x84PJ\x00~\xed\x03\x02\x90\xe7\xff\xde\xdd\x05{w\x17|\xb4h\xe1y\x17t\x19\x9b\xff\xd0U\xd7\x0f\x0e\xf8\xfd\x9c1\x82\xd57f\xb0\x00D\x1fc\xccd29\x9c\xf6\x15_|\xfa\xf2\x8c\xc7wl\xdd\x04\x00\x84\x10J\x15!\xb8\x90\xc5\xe1\xd7\x02P\xfd\x05 \xd5(c\xfa\x97\x1f\xbf\xff\xdd\xd7K\xa7\xcez\xe5\xfa\xa1\xc3\xdc\x15X\x03b\x881\xe6t:\xbf\xfbj\xe5\xfc\x97g\xa9\xaa*D\xf5\xe8\xa4\xa2(\x8c\xb1\xb4t\x1b6\xfe\xa7\xcb\x95\xe9,)*~e\xd6\xf4\xf7\xde\xfc\x97\xc7]\t\x00\x94Ry_%K\xa9\xe0\x1cH\xf5\x99\x0f\xd5\xa3/\xb5\xe7?\x11B\xec\xd8\xf2\xbf{G\x0cY\xf3\xcd\x8a)\xcf\xbcD\x08a\x8c\xe1}@\x8c`\x01\x882y\xe1\xef\xae\xacx\xea\xd1{?xk&gt;\x00(\x8a"\xdb|\xc6tJ\x15J\xa9\x1c\x10\x06\x80\xda\xef@\xed\xcf\x00p\x00P\x14\xd5[\xe5\x99|\xd7m&gt;\x9fw\xd8\xa8\xbb\xdd\x15\x1eE\xc5\x1a\x10}B\x08\x93\xc9\xe4\xf1\xb8\x1f\xbf\x7f,c\x8cR\xca9\x97o\x11\x00\xceX\xed\xbf\xa2S\xf7\xe9\x87\x8b\x9f\x9f\xfe\xe8\xe1\x83\xfb\x00@QT.8\xe7\x9c\x10A)\x95\xad9\x00\x1csSU\xf7\xad\x9a\x7f\xa5\xef\xbf5\xaf\xac\xa4\xf8\xe5\x05\xef\xc91\xe4c\xc6\xe7QT`\x01\x88&amp;!\x84\xd9b\xde\xb0v\xf5\xb4\xc9\xe3w\xed\xd8*;\x8e\xe5iM\x15Ep\xcey\xf5)\x9e\x96\x9e\x9en\xcbPUS8\x14\xf4\xb8+\xab\x7f\xa6\xa6\x01bL\x97\xbf\xfb\xc4\x03\xe3[\xb4j\xd3\xfb\xe2\xcb\xbcU^\xbc\x0f\x88:\xce\x983\xd3\xfe\xd0\xdd\xf7\xec\xdf\xb3[^\xf2\x1b}D\tL\x08\xa1\x9aL\x15e%\x0f\x8f\x1f\x1e\x0e\x87T\x93\x89\xe9:c:!Df[\x1boVv\xae++\xcb\x9a\x96\x0e\x00~\x9f\xaf\xac\xa4\xc8\xef\xf3\xca\xb7\xe4\x1d\x80\xbc\x122\x99L_/\xf9\xef\xcc\xc7\x1f\x98\xfa\xecl7\xf6\x85\xc6\x06\x16\x80h\xe2\x9c\xa7\xa5YW|\xfe\xdf];\xb6\x9a-\xd6H8\x04\x00\xb2\xc7\x933\x06\x00]/\xec{\xf1\x15W\x9f\xff\xe7\xeeM\x9a5\xb7e\xd8)U4-RZ\\\xb4y\xc3\x0f\x1f\xbd\xbbp\xdb\xa6\x8d\xf2\x0b \xff(929\xed\x81\xf1\x1f}\xb5^UM57\xce(:\x18\xd3]Y\xaeO?x\xff\xc3\x7f\xbf.[\xa8\xda\xf0Q=\x10B"\xe1p\xd3\xb3\x9bOy\xe6\xe5\xc7&amp;\x8d\x11\xfc\xd7\x9e4\xc6\x98-\xc3\xde\xeb\xa2\xcb\xfa^:\xa0c\xa7.\x8d\x9b4K\xb7e\x98L&amp;\x00\x88D"\x9e\xca\xf2\x82\xed\x9b?\xfdp\xd1\x92O&gt;\x94}A\xf2S\xd0t]Q\x94\xb7\xe7\xbdr\xf9\xd57^\xd8\xf7"\x9f\xcfG)\xd6\x80(\xc3\x02\x10M\x8a\xa2x\xab|\x93\xa7\xfe\xe3\x97\x82m\xab\xbeZ\xa2(*\x80`\x8c\t\x80~\xfd\x07\x8e\x9c0\xb9\xdb\x85\x7f\xb1\xa4\xa9\xba&amp;\xb4\x88\xc69\x13\x02\x08%9\x8d\xce\xea\xdc\xad\xeb\xe0;F\xbf\xfe\xca\xf3/&gt;=E\xb6\xfb\xf2:HQ\xd4\x03{w\xffg\xf1[\xc3\xc7\xddSY\xeeVT\xfc\xbc\xa2Cpn\xb1\xa6\x1d9t\xe8\xa9G\xee\x95-\x0e\xb6\xfegNQ\x94*O\xd5\xd0\xe1\xa3\xbf\xffv\xc5\x97\x1f\xbf\xaf\xa8*\xd3\xf5\xec\xdc\xc6\xb7\x0c\xbf\xeb\xda\xbf\xdd\xda\xb2u[\xaa\x80\x16f\x9a\xa6q^}C\xa0\xaaj\xa3\xbc\xa6g\xb7&lt;\xe7\xca\xebn\xf8z\xc9\x17\x0f\x8f\x1f^^VR\xfdY\xd4|\x1c\x0b^{\xbe\xd7E\x17\x03~81\x80\xc3\xebQ&amp;8g\x8c\xcf|ma\x8bVm\x18\xd3\x19c\xcd[\xb6~y\xe1\x07s\x17\x7f\xd6\xb3\xef\xc5\xa1`\xa0\xb2\xcc\xed\xf3VE"a]\xd7\x19\xd3uM\x0b\x06\xfc\x15\xe5\xeep(|\xdf\x94G\x1f\x9a\xfe\x1c\xe7\xbcv\xc8K\x80 \x84|\xfc\xfe\xdb\xc1@\x98\xe2-p\xf4\x08\x00\x8b\xc5\xfc\xc4\x03\xe3\xcbJ\x8a\x08\xa5\\\x08!\xc4%W^+\xfb%P\xbd\x11\x02\x01\x7fp\xea\xac\xd9g5=\x9b\xe9\xfa\x9d\xe3\xf2?\xfa\xfa\xc7IS\xa65i\xd6\xc2\xeb\xf1\xb8+\xdc\x81\x80_\xd75Q3\xb8\xc29\xd7"\x91*\x8f\xa7\xa2\xac\xb2\xff5\x03_Z\xf0\x815-\rj\x9e\xbf\x93=\xa2\xeb\xbe[\xb9\x7f\xcf\x1eKZ\x1aV\xe8\xa8\xc3\x02\x10e\x84\xd2p(\x94\x95\xd3\xe8\x9f\xf3\xdf\xb5e\xd8\xaf\xbe\xf1\xe6\x0f\x96\xff0\xf0\xfaA&gt;o\x95\xaf\xaa\x8aP\xaa\xa8*\xa5\n\xa9\x83R\xaa\xaa*!\xa4\xf8\xa8g\xc4\xf8I\xdd\xfb\xf4\xe3\x9c\xcb\xe6^p.\x84\xf8y\xfb\x96}{v[\xacV\x81c\x92\xd1\xa0\xebzf\x96\xe3\x9dy\xaf}\xbd\xe4SEQA\x08\x02\xd0\xb2u\xbb\xa1w\xde\x15\x0e\xe3c_g\x84\x10\xaaE"\x99\xd9\xd93_}s\xfe\xfb_N{\xf6\x85\xac\xec\xdc\xf22w$\x12\xa6\x8a\xa2(\xaa\x1c\xef\xad\xed\xcc\x94_\x01EQT\x93\xa9\xf8h\xc5_.\xbdh\xf0\xed\xa3\x05\xe7\xb2\xb7G&gt;\xa2\x11\x0c\x04vn\xdbd\xb1\x98qL&gt;\xea\xb0\x00D\x9f\xa2(&gt;\xaf\xb7C\xc7N\x8b\x97\xac\x991{\x81\xcd\xeetW\xb8)U~\xff\x12\x9e\x10\x02BPJ\xfe6ld\xed\x8b\xf2\x0b\xa0E"{w\xed4\x9bM\x1c\xaf\x80\xce\x18\xe7&lt;#\xc3\xb6c\xcb\xb6\xe7\xa6?,gd\xc9\x0e\x87\xd1\xf7&lt;\x94\x9e\x91!\xea\xdc~\xa1\xfa\xa1\x8a\xe2\xf3\xfa\xbb\xf7\xfeK\xdfK\x07\x94\x15\xbb5M\x93\xd77\x7f\xf8\x8b\xaa\xaa\x04\x02\xfa\xc0\x1bn&amp;\x94\xd4N\x97\x90\x0f\x01\x1c\xda\xbf\x97*\x00x\xfeG\x1b\x16\x80\x98\xa0\x94\x06\x83\xc1s\xda\x9c\xab\xebZ$\x14:\xc5\xbe{\xaa\xd0pH;\xef\x82.&amp;\xb3\x99\xd7\xcc}\x96+\xc4\x15\x15\x1e\x92\x97D1=\xec\x14 (!\x9c\xf3\xc7\xee\x1b\x1b\xf0\xfb\xa0\xfa\xc1\x0bvN\xdb\xf6C\xee\xb8\xbd\xe8\xc8!\x00\xc0\x91\xf63\'/\xdb\xfd&gt;\xafrjM\xbfD\x08\xd5"Z\xd3\xb3[\xba2\xb3\xe5\xa8\x0c\xd4\xcc\xfd\xf4y=\x94\xe0\xd9\x1f}X\x00b\x85R\x1a\x0e\x05e\x17\xcf)\xff\x12aL\xcf\xcc\xcav8]u^\x03\x00\xf0\xfb|\x04\xb0\xfd?S\xba\xce\x9cY\xf6\xd7\x9e\x7f\xfa\xa7\xf5\xdf+\xaa\xca\x19\x93\xad\xd3C\xd3\x9f</t>
        </is>
      </c>
    </row>
    <row r="68">
      <c r="A68" s="1" t="n">
        <v>66</v>
      </c>
      <c r="B68" t="inlineStr">
        <is>
          <t>grid_number</t>
        </is>
      </c>
      <c r="C68" t="inlineStr">
        <is>
          <t>What is the missing number of the part denoted with a question mark?</t>
        </is>
      </c>
      <c r="D68" t="inlineStr">
        <is>
          <t>['8', '6', '9', '3']</t>
        </is>
      </c>
      <c r="E68" t="inlineStr">
        <is>
          <t>3</t>
        </is>
      </c>
      <c r="F68" t="inlineStr">
        <is>
          <t>There is a 3x3 grid of numbers. The first row is [6, 6, 3]. The second row is [1, 6, 8]. The third and last row is [6, '?', 6].</t>
        </is>
      </c>
      <c r="G68" t="inlineStr">
        <is>
          <t>We observe that [6, 6, 3] sums to 15, and [1, 6, 8] also sums to 15. Thus, the pattern is that the numbers in each row add up to the same value.</t>
        </is>
      </c>
      <c r="H68" t="inlineStr">
        <is>
          <t>Based on the pattern that the numbers in each row add up to the same value, the missing number of the row [6, '?', 6] should be 3.</t>
        </is>
      </c>
      <c r="I68" t="inlineStr">
        <is>
          <t>b'\x89PNG\r\n\x1a\n\x00\x00\x00\rIHDR\x00\x00\x02\x00\x00\x00\x02\x00\x08\x02\x00\x00\x00{\x1aC\xad\x00\x00r\xdcIDATx\x9c\xed\xddwxTU\xfa\x07\xf0\xf7\x9cs\xa7$\x932\x93J\xe8-\x14\x05A\xaa\x08+6D]\xf0\xa7\x80\x14;\n\xd8]t\xd5\xb5\xedbYWQwm\xab\xb2\xa0\x82\r\x1b\xbav\xa5\xac\xd8P@T:Ho\t\xe93\x93L\xbf\xf7\x9c\xf3\xfb\xe3$1"`\x80\x99\xb9\x99\x99\xf7\xf3&lt;\xeb\xb3\xce\x10\xbc\xf9\xce\x9d\xfb\xde{*\x91R\x02B\x08\xa1\xd4C\xcd&gt;\x00\x84\x10B\xe6\xc0\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4\xb3\x0f\xa0E\x90R\x9a}\x08&amp; \x84\x98}\x08\xf50\x7fsa\xfe)+E\x0b\x80\x94R\x08!\xa5$\x84\x10B(M\xc5\'!\x13C\xc0\xfc\x01\xf37\x1b\x86\x00\x00$\xa5\x8a\xbf\xfa\xc8\x01\x801\xd6\xf4u\xaf\xd7+\x84 $U\xd2P\xf7&gt;N\xa7\xb3\xe9\x8b\xea\xcb@)\x8d\xdd\x9d\x11\xe6\xaf`\xfe\xe62+\xff\x16(U&gt;r)%\xe7\\\xd3\xea\x9fx\xea\xea\xeaV\xae\\\xb9|\xc5\x8a\x9f~\xfc\xb1\xa6\xa6f\xd3\xa6M\x86\xc1\x81\x00\xa4D\x18\x00\x04\x00\xa0k\x97.N\xa7s\xc0\x80\x01\xfd\xfa\xf5\x1b4hP\x9b6m\xd4\x9b\x86aPJ\xa3{C\x84\xf9\xff\n\xe6o\xae\xb8\xe7\xdfr\xc9\x14`\x18\x86\xfa?\xe1p\xf8\xfd\xf7\xdf\x1f;vl\x87\x0e\x1d\xcc\x0e\xbeeq\xb9\\#F\x8c\x983gNyy\xb9\xcaJ\xd7uuO\x84\xf9\xc7\x01\xe6o\xae\x98\xe6\xdf\x92%\xf9\x13\x80\xfa\xed\x08!^\xafw\xce\x9c9\xaf\xbc\xf2\xca\xda\xb5k\x1b\xdf\xcd\xc8\xccl\xdd\xb6C~aa\xc7.=\x9c9\xb9\xdc0R\xe1\xe9O\x82\xa4\x84\xeazd\xf3\xfa5^\x8f{\xef\xae\xed\xee\x9a\xea\xc6w\x8b\x8aZ_|\xf1ES\xa6L\xe9\xde\xbd;\x00\x08!\x8e\xe5V\x08\xf3\xff-\xcc\xdf\\\xf1\xcc\xbf\xe5K\xe6\x02\xc09Wm\x9ds\xe7\xce}\xe4\x91G6o\xde\xac^o\xdd\xb6\xfdI\xa7\x9c&gt;\xfc\xccsz\xf4\xea[PX\xe4\xc8\xc8d\x1a$\xf5\xa7|\x10R\x82a@8\x14\xae\xae,\xdb\xfa\xf3\xc6o\xbfX\xbcl\xe9\xe2-\x9b\xd6\xabwsrrn\xbc\xf1\xc6\x9bo\xbe9;;\xdb0\x8c\xc6\xa6\x83#\x82\xf9\x1f\x06\xe6o\xae8\xe4\x9f\x10\x92\xb6\x00\xa8\xb3\xbf\xb4\xb4\xf4\xca+\xaf\\\xb8p\xa1z\xb1[\xcf^\x97]}\xe3\x88?^\x90\x9b\x9f/%\x84\xc3\x11=\xa2\x0b\xc1\xa5\x14I\x1a\xc3!\x11\x005\xf4\xc1b\xb1\xda\xec6M\x83\xba\xda\xc0\xcao\xbf\x9c\xf7\xec\xe3\xcb\xbeX\xac\xfeL\xf7\xee\xdd_x\xe1\x85\xa1C\x87\xaa\x1e\xc2#\xba=\xc4\xfc\x0f\x0f\xf37W\xac\xf3O\x14\xc9Y\x00T\xd1^\xb8p\xe1\x95W]UZR\x02\x00\x9d\xbav\xbb\xea\x86[\xffx\xc1\x84,g\x96\xaf.\xa0\xeb\x11\x00B)%\x04\xea\xbb\x84R\x95\x94R\n!\xa5d\x9a\xe6\xc8\xc8\xe0\\,[\xba\xe8\xf9\xa7\x1fY\xfe\xf5R\x00\xb0\xdal3\x1f~x\xfa\xf4\xe9G\xf4\x1d\xc0\xfc\x9b\x0f\xf37W,\xf2O IX\x00\xd4\xd9?g\xce\x9ci\xd3\xa6\xa9W.\xba\xf2\xba\xe9w\xdd\x97W\x90\xe7\xf5\xf8\xb8aP\xc6\x92\xef\x83\x8c\n\xce9!$3+\x8bs\xe3\x95\xd9\xff~\xea\xe1\x19\xbe\xbaZ\x00\x98:u\xea\xec\xd9\xb39\xe7\xcd\x19$\x87\xf9\x1f5\xcc\xdf\\Q\xc9?\xb1$[\x01PO\xbe\x8dg\x7f\xb63\xe7o\x8f&lt;=f\xd2E\xb5\xde@$\x12I\xe2\xb6\xbc(R_\x83\xdc\xbc\xac\x1fV|\x7f\xf7MS7oX\x03\r\xdf\x81\xdf\xbd\x0f\xc2\xfc\x8f\x1d\xe6o\xaec\xc9?\xe1$U\x018\xe0\xec\xcf+h\xf5\xf4\xbc\x05\'\x0f\x1fZQ\xe6f\x9a\x96L\x1f[\x1c\xe8\xba\xeet\xb9\xaa+\xcb\xaf\xb9\xe8\xff\xd6\xfc\xb0\x02\x9a\xdc\x07\x1d0\x8d\xa8\x11\xe6\x1fE\x98\xbf\xb9\x8e"\xffD\x94&lt;\x05@}0K\x96,\x191b\x04\x00\xb8r\xf3\xdeZ\xf8]\x87\xce]\xbdn\xb7f\xb1\x98}t\t\x89\x1b\x86\xd5nc\x94M\x1e;r\xe5\xb2/\x00\xe0\xde{\xef\x9d1c\xc6A\xc7E`\xfeQ\x87\xf9\x9b\xeb\x88\xf2OPIR\x00\xd4p\xdd\xf2\xf2\xf2&gt;}\xfaVT\x94ge;g\xcd\xff\xa0\xffIC\xbd\x1e\x8f\xa6\xe1\xd9\x7f\xf48\xe76\xbb\xcd\xe7\xf5^5\xfe\x9c\x8dk\x7f"\x84,\\\xb8p\xc4\x88\x11\x07\xdc\x07a\xfe1\x82\xf9\x9b\xab\x99\xf9\'\xae$\x19\xfd+\xa5\xe4\x9c_z\xe9\xa5\xe5\xe5e\x00\xf0\xd7\x87\x9f&gt;y\xf80\x8f\x1b\xcf\xfec\xc5\x18\x0b\x07C9\xf9\x05\xff\x9a=?\xdb\xe9\x92\x12.\xbd\xf4\xb2\xb2\xb22B\x88ZUF\xc1\xfcc\x04\xf37W3\xf3O\\\xc9P\x00T5\x9e?\x7f\xfe\xe2\xc5\x8b\x01\xe0\xc2K\xa7\x8c\xbd\xe4\xe2\xf22\xb7\x05\x9f|\xa3\x81i\x9a\xd7\xe3\xe9v\\\x8f\xbb\x1e|\x02@\x96\x97\x97\xddy\xe7\x9d\x94\xd2\xc6gG\xcc?\xa60\x7fs\xfdn\xfe\t-\xe1\x9b\x80\xd4\x8a\x16\x1e\x8fg\xf0\xe0\xc1;v\xech\xdb\xa1\xd3\x82%+m6\xbb\xea\xca7\xfb\xe8\x92\x07\xe7\xdc\xe9\xca\xbe\xee\x92\xb1\x8b&gt;z\xd7f\xb3}\xfd\xf5\xd7\x03\x06\x0c\x90R\xaa%$1\xffX\xc3\xfc\xcdu\xa8\xfc\x13}\xa1\x88\xc4&gt;z\x00P\x83s\xe7\xce\x9d\xbbm\xdb6!\xc4\x94\x1bo\xcf+\xc8\x89D"x\xf6G\x17!D\x8f\x18\xd7\xdf\xf67\x9b\xdd\x1e\x0e\x87g\xcc\x98\xa1.=\x98\x7f|`\xfe\xe6:T\xfef\x1f\xd7\xb1J\xec\x02 \xa5d\x8c\x05\x83\xc1\xb9s\xe7\x12B:u\xed&gt;z\xdc$\xaf\xdb\x974}\xf4-\x07\xa5\xd4\xe7\xf3\xf5\xea\xdbg\xe4\xe8\xb1\x00\xf0\xd5W_m\xda\xb4\x891F)\xc5\xfc\xe3\x00\xf37\xd7\xa1\xf2O\xf4\x9e\x80\xc4.\x00j^\xc6\x92%K6l\xd8 \xa5\x9c|\xdd-Y\xd9\x99\xdc0\xcc&gt;\xae\xe4D)\x8d\x84\xf5+\xaf\xbf5-\xdd\xe1\xf7\xfb\x9f\x7f\xfey\xf5"\xe6\x1f\x1f\x98\xbf\xb9\x0e\x9a?\x16\x00\xf3\xcd\x9b7\x8f\x10RP\xd4\xfa\xacQc|u\x01\x9a\x14\xc3\xb3Z J\xa9\xdf\x1f\xe8\xd5\xb7\xef\xa0\xa1\xa7\x10B\x16,X\xe0\xf3\xf9\x00@\xdd~b\xfe\xb1\x86\xf9\x9b\xeb\xb7\xf9\x07\x02\x01M\xd3\x12\xba!(\x81\x0b\x80j\xff\xf1z\xbd+W~/\xa5&lt;\xf9\x943\xf3\n\xf2t]\xc7\xd6\xcf\x18\x92\x92\x108\xe3\x9c\xf3\xa5\x94%%\xa5\x1b7n4\x0cc\xc5\x8a\x15\x98\x7f\x9c`\xfe\xe6\xfau\xfek\xd6\xac\x81\x04\x7f\x08H\xe0\x02\xa0r_\xb5j\xd5\xbe}{\x01`\xf8\x88s\xcd&gt;\xa2\xe4G\x19\x0b\x06#\'\r;-#3\x8bs\xe3\xab\xaf\xbeZ\xb7n]ii)`\xfeq\x81\xf9\x9b\xeb\x80\xfc?\xfd\xf43h\xd8u\'A%p\x01P\xb9\xaf\\\xf9=\x00\xa4;\x1c={\xf5\t\x87"\x89&gt;*\xab\x85#\x84D\xc2\xe1\xa2\xb6\xed;t\xee\n\x00k\xd6\xacY\xb6l\x19\x008\x1c\x19\x98\x7f\x1c`\xfe\xe6: \xffU\xab\xbe\x07\x80\x84\xce&lt;\x81\x0f]=\xea\xfe\xf0\xc3*\x00h\xdb\xbeSaQ\x1b|\xfe\x8d\x03!DZ\xba\xad\xfb\xf1\'\x00\xc0\x9a\xb5k?\xf9\xf4S\x00h\xdd\xbe\x03\xe6\x1f\x1f\x98\xbf\xb9\x9a\xe6\xbfi\xd3&amp;\x9f\xcf\x97\xd0\x93\xc2\x12x\xb8\x98\x1a\x87[YY\t\x009y\xf9\xe9\x19\x99\xbe\xba\xda\x84\xae\xc6\tAJ\xc9\x18\x14\x16\xb5\x01\x00wM\x8dj\x88\xcb\xc9\xc5\xfc\xe3\x04\xf37\x97\xca\xbfUQ[\x00\xf0x\xbc\xc1`0##\xc3\xec\x83:z\x89Z\x00\xd4\x1c&lt;\x8f\xc7\xb3e\xcb\x16\x00\xe8\xd2\xed8M\x93\x89[\x87\x13\x08%\xc40\xa0K\xb7\xe3\x00\xa0\xbc\xbc\xbc\xaa\xaa\n0\xff8\xc2\xfc\xcd\xa5\xf2\xef\xdc\xad\'\x00\xd4\xd6z7m\xda\x94\x9f\x9f/\x84H\xd0\xb5\xe1\x12\xb5\x00(RJ]7\x00\xc0\x95\x93Ki2L\xccK\x08R\x82+\'\x17\x00\x0c\xc3Pw\xa0\x98\x7f&lt;a\xfe\xe6j\xcc_\x08a$\xf8\xac\x8b\x84\x7f`T\x8d\x9e\x89\xfe1$\x1c\x15x\xe3\xeeH\x98\x7f\x9ca\xfe\xe6j\x0c&lt;\xd1;]\x12\xbe\x00(\x89\xfe1$\x9c\x03\x02\xc7\xfc\xe3\x0c\xf37W\xd2\x04\x9e$\x05\x00!\x84\xd0\x91\xc2\x02\x80\x10B)\n\x0b\x00B\x08\xa5(,\x00\x08!\x94\xa2\xb0\x00 \x84P\x8a\xc2\x02\x80\x10B)\n\x0b\x00B\x08\xa5(,\x00\x08!\x94\xa2\xb0\x00 \x84P\x8a\xc2\x02\x80\x10B)\n\x0b\x00B\x08\xa5(,\x00\x08!\x94\xa2\xb0\x00 \x84P\x8aJ\xec\xfd\x00\x92\x82l\x00\x00\x12\xd4\x8a\xee\xf5K\r\x12B\x80\x10\x9a4K\x0f\xb6H\x98\x7f\xfcH)\xa5\x14\xbf\x89\x9a\x90\xc6\xa5\xad1\xea\xf8\xc2\x02`\x0e)\xa5\xda\xca\x831\xcdj\xb3X,VJ\x81\xd2\x86K\x8f\x04)AJ\x10\\F\xf4\x88\xa1\xeb\xe6\x1em\xf2\xc1\xfc\xe3\xa6!j\xc9\x98f\xb5\xda,V\x0b\xa5\xe4\x80\xa8\x85\x00]\xd7\xf5HD\xad\xb3\x9f\xa0\xbbk%",\x00\xf1&amp;\xa5\x14\x82[\xad\xb6tG\x1a\x00\xd4z\xeb\xf6\xed\xdeYV\xba\xaf\xba\xb2\xc2\xeb\xae\t\x85\x82Bp\xcdbIOwd;sr\xf2\xf2[\xb7\xeb\x90\x93\x9bo\xf6Q\'\x0f\xcc?n\xa4\x94\x82s\xcdj\xcd\xc8\xccd\x0c\xea\xea\x02\xa5\xfbv\xef/\xd9[UQ\xeeqW\x87\x83A)\xa5\xc5f\xcb\xcav\xe6\xe5\x17\x16\xb5m_\xd4\xa6\xad\xd3\x95-\x04\xf8}&gt;\xce9\x96\x818\xc0\x02\x10W\xdc0\xeciii\xe9\xb6\xb2\xd2\xb2E\x1f\xbe\xfb\xcd\xd2\x85\xebV\xffP\xb2gW(\x188\xd4\x8fd;]\xaf~\xf4e\xe7\xe2\x1e\xa1`\x10\xb7\xfc&gt;F\x98\x7f|\xa8K\xbf=--\xcda\xab\xae\xacY\xf6\xf9\xa2/\x17\x7f\xbc\xfa\x87\x15{w\xed\x08\x06\xfc\x07\xfd\x11\x9b\xcd\xde\xa6}\xc7\xbe\x03O:\xf3\xdc\x0bN\x1e~F\xb63\xbb\xd6\xe3%\x14\xdb\xdfb\x0b\x0b@\x9c\x08!\x08!\xae\\\xe7\xae\xed;\xdf\x987\xeb\x83\xb7_+\xdf_\xd2\xf8.!\x84PJ\x00\x1a\x9b\x9f\x01\xa4\x04"\x05\xf7z\xdc\x91p\x98\x10\xbc\xf4\x1c\x13\xcc?n8\xe7V\xab\xd5\xe1\xca\xdc\xb9u\xc7\x7f\xdfx\xe9\x83\xb7_\xdd\xbbkG\xe3\xbb\xbf\x89Z\x02\x80\x942\x1c\x0e\xed\xd8\xbay\xc7\xd6\xcd\xef\xce\x9fw\xdc\t\xfd\xae\x9e\xfe\x97s\xce\x1f\x1f\xf0\xfb\x05\xe7\x04\xebn\xcc`\x01\x88\x07\xce\xb9\xdd\x9e\x06\x04f?\xf9\xd8\x7f\x9ex\xd8SS\r\x00\x941\xd2\xd0\x05\t\xa0.8\x04\xa0\xe9\xbe\xde\x12\x00\x18cx\x13t\x8c0\xffxr\xba\xb2+\xca\xca\xff\xfd\xc8\xfdo\xbe\xf4\x1f\xaf\xc7\r\x00\x94RB\xa8\x94\xa2\xbe\xab]\x88\xa6Q\xab\x8f\x804\x90Rn\\\xfb\xe3\x9f\xae\x9c\xb0\xec\x8b%\xf7&lt;\xfc$!\x84s\x8e\x1fA\x8c`\x01\x889\xce\xb9##\xa3\xb2\xbc\xf4\xce\x1b\xa7,[\xba\x08\x00\x18\xd3\x84\xe0\x82\xf3\x86/\x06\xff\xe52t0x\xf6\x1f\x0b\xcc?\xce&gt;\\\xf0\xc6?\xef\xbfk\xdf\x9e\x9d\xa0\xa2\x96B\x08A\x88\xa4\x94\xaa\xab9\x00\x1c\x90v\xd3\xb7\x1a\xfe\x95\xbe\xf5\xf2\x9c\xaa\x8a\xf2\xa7\xe6\xbe\xa9\xfa\x90\x9b&lt;\x9c\xa1\xa8\xc1\x02\x10[\xea\xea\xb3{\xc7\xd6i\x13G\xef\xd9\xb9\x8di\x9a\xe0\x9cs\x83\x10B\x19\x13\x9c\x03\x08\x00\xc8r\xbaZ\xb5n\xeb\xca\xcd\xcb\xc8\xcc\xd24\x8b\xa1\xeb\xbe:\xaf\xbb\xa6\xba\xacdo\xad\xd7c\x18\x06^\x83\x8e\x0e\xe6\x1f7RJ\xcdb\xa9\xa9\xaa\xb8\xe3\xfa\xc9\xe1pH\xb3X\xb8a\xa8\xa8\x19c\x9c\xf3\xc6\xeb{Nn\xbe3\'\xc7\x9e\x96\x0e\x00~\x9f\xaf\xaa\xa2\xcc\xef\xabSo\xa9\'\x00!\x04\x80\xb0X,\x9f\x7f\xf6\xc1\xcc\xbf\xdd6\xe3\xd1\xa7=n/\xf6\t\xc7\x02\x16\x80\x18\x12B\xd8\xd3\xec\x15e\xa5S\'\x8c\xda\xbbk\xbb\xa6ij\x94\x1b\xa5T\x08!9o\xdf\xa9\xcb\xc8\xf3\xc6\r9\xe5\x8c\xce\xc5\xdd\x9d\xae\\{Z\xba\xea\xf4\x92\x12\x84\x90\xa1`\xc0\xe3\xae\xde\xb6ycAa\x91\x1e\x89\xe05\xe8Ha\xfe\xf1D\x08\x89\x84\xc3m\xda\xb5\xbf\xe7\xe1\xa7\xfez\xf34)\xea\x1b\xd0\xd4\xa5\xdf\x91\x919\xe4\x943\x86\x9d&gt;\xb2W\x9f~\x85\xad\xdb\xa6;2,\x16\x0b\x00D"\x11\xaf\xbbz\xf3\x865\x1f.\x98\xff\xd9\xfb\x0bT[\x90z&gt;\xd0\r\x831\xf6\xca\x9c\x7f\x9f\xf9\xc71\'\r;\xc5\xe7\xf3Q\x8a5 \xca\xb0\x00\xc4\x8c\x94\x94R)\xc4\xcdS&amp;5\xbd\xfa\xa8\xaf\x84+\'\xef\xa6;\xee;\xef\xc2\x8b\x9c\xb9NC\x87H8d\x18\x86\xdfW\xa7\x9e\x8d\xd5\xe4\x18Jin^a\xd1\x19\xedC\xa1\xa0a\xe8x\x01:2\x98\x7f\xdc1\xc6j\xbd\xb5\x93&amp;O\xfd\xf6\xcb%\x9f\xbe\xf7\x16\xd34n\x18\xb9\xf9\x85\x17M\xbef\xf4\x85\x17w\xecRL\x19\xe8a\xae\xeb\xba\x10\xf5\x0f\x04\x9a\xa6\x15\x14\xb5i\xd7\xb1\xf3\xd9\xe7]\xf0\xf9g\x9f\xdcq\xfd\xe4\xea\xaa\x8a\xfa\x1a\xd0\xd0L4\xf7\xd9\x7f\x0e9\xe5T8d\x13\x1d:zX\x00b\x85s\xee\xcas\xce\xfc\xeb\x1d?\xaeX\xa6i\x16\xc3\xd0\xa1\xe1\xea\xd3\xa7\xff\xe0\xc7\xfe\xf3j\x97\xee]k=~w\x95\x87P\xa2\xa6\x9b\xfev\x94\xa1\xaeG"\xe1\x10\x0e\x86;\n\x98\xbf)\x08\x81\x80?8\xe3\x91\xa7\x7f\xfa\xfe\xbb\xb2\x92\xbdW\\7}\xf2\xb5\xb7\xb4\xeb\xd0.\xe0\x8f\xd4y\xbd\x12\xa4\x8a\xbaa\xfe/\x08!D$\x12\x0e\x85\xa4\x10#F\x9d\x9b\x96\xfe\xf6\x94\xf1g\x87\xc3a\xd2d\xb2\xde\x8ao\x96\xee\xda\xbe\xbdu\xbb\xf6\x91p\x18?\x88\xe8\xc2\x02\x10\x13B\x08Gf\xc6O+W\xbd\xf8\xec\xbf(c\x9c\xd7\xb7&lt;p\xce\x07\x9c\xf4\x87\xff\xbc\xf9az\x9a\xa3\xba\xc2\xadi\x1a\xd3\x0e\xf7\x11\x10B\x086}\x1e9\xcc\xdf,\x84P=\x12q\xe5\xe6\xce|\xe6%=\x12&gt;\xf3\x8fg\xd7yC\xd5U\x1e\xc6\x18=X\x92\xea\x82\xce\x18\x03\xc6\xca\xf7\xd7\xfc\xe1\xf4S\xc6_6\xf5\xe5\xff&lt;\xc5\x98\xc6\xb9!\xa5\xa4\x94\x06\x03\x81M\xebWw\xea\xda5\x14\x0cbO@t\xe1\x00\xdb\xd8\x90\xc0\x18{\xe6\xd1\xfb\r]W\xf72\xaa\xdd\xb9]\xc7\xceO\xcd{\xdbnK\xf3\xfb|\x9a\xc5\x82+\x9f\xc4\n\xe6o\x1e\xca\x98\xaf\xce?\xf0\xe4?\x0c;}dU\xb9G\xd7uM\xd3\x9as\xe7\xaei,\x100\xce\xbd`"\xa1D\x88\xfa\x1ec5\t`\xef\xae\x1d\x94\x01\x1cz\xa4\x16::X\x00\xa2O\x08\x91\x9e\xe1\xf8i\xe5\xf2/\x17\x7fL(m:\xb8\xed\xdeG\x9f\xcd/,\x0c\x04\x02\x87\xbf\xf1D\xc7\x02\xf37\x9d\xbam\xf7\xfb\xeaX\xf3.\xfd\n!T\x8f\xe8m\xdaut\xbarUo04\x8c\xfd\xf4\xd5y)\xc1^\x80\xe8\xc3\x02\x10}R\x08\xab\x8d\xfd\xf7\x8d\x97\x84\x10\x94P\x00`\x8c\t!F\x8e\x1ew\xeaY#=n\x8f\x86W\x9fX\xc2\xfc[\x02J\xe9Q\xac\x9c!\xa5\xb4\xd9l\x8e\x8cL\x80\xfaN\x02u\xd1g\x8c\xe1D\x80X\xc0\x02\x10eRJ\x8b\xd5V\xb1\xbf\xe2\x7f\x9f~\x00\x00\xeaIV\x08\xc1\x18\xbb\xec\x9a\x9bt\x9dSlv\x88%\xcc?\xb1\x11b\x18F8\x14\x04h\xb8\xf6K\x00\x00Wn\xbe\x14X\x01\xa2\x0f\x0b@\x94I!\xd2\x1di?\xaeXVY\xbe\x9fR*\xa5\xa4\x8cI)\x8f\xef\xd3\xff\x84~\x03\x03\xfe\xc0A\xbb\xc2P\xb4`\xfe\tLJ\x8b\xa6U\x95\x97\xb9\xab\xab\xd5\xbfBC\t\xef\xd8\xa5\x98\x1b\x80\x15 \xea\xb0\x00D\x99\x94\x92RX\xf6\xc5b5\x92\x1c\x00\x08\x10\x008m\xe4\xa8\xb44\xabhh\x8fF1\x82\xf9\'..\xb8=\xcd\xb2b\xd9R\xc3\xd0\x19cj\xcc(\x00\xb8r\xf3z\x1c\xdf\'\x14\xc2\xd5X\xa3\x0f\x1bC\xa3\x8ci\x9a\xdf\x17\xfa\xe9\xfb\xef\x00\xa4\x14\x02\xd4-\x0c\x81\x81C\x87G"\xa2q]\xc3\xfa1\xce\xaa\xa7\xab\xbeQBJ\t e\xe3\xb0t\xf3~\x89\x04\x86\xf9\'(!\x84\xc5b\xad\xf5\xfa^\x9f;\x0b\x1a\x16\x0b\xa2\x94rn\x9cq\xf6yEm\x8a\xdc\xd5\x1e\xec\xba\x8f:\x0c4\x9a\xa4\x14V\x9b\xbdt\xef\x9e]\xdb\xb7\x02\x80\x94\x92P"\x85,hU\xd4\xa5\xb8G8\x14&amp;\x84\x08!\xa4\x946\xbb=-\xcdF)\x18\x1c\xd4"\x89j\xc49\xa1`\xe8\x10\x0c\x06\x0c=B)\xaeCyd0\xffD$\xa5\xe4\x9c[,\x96l\x97\xe3\xce\x1b\xae\xdd\xb1u3\xa5L\x08\xae\xe6\x03\xdb\xedi\x93\xaf\xbb%\x14\x8a\xe0\xa2\xd0\xb1\x80\x05 \x9a\x84\x94V\x8bu\xcf\xce\xad\xc1\x80_\x9d\xbe\x8c2\x0e\xbcsqOWN\x9e\xdf_\'\xa5LwdZ,l\xcf\xce\x9d?\xae\\\xb6q\xedO\xa5{w\xd7z\xdd\x86\xc1\xed\xf6\xb4\xbc\xc2\xc2N]\xba\xf5&gt;q\xe0\xf1}\x07\xe4\xe6\xb9\x02\xfeP8\x1cb\x0c?\xa3\xe6\xc2\xfc[&amp;\xb5\x15p\xd3\xbd\x16\xea\xb7\x04\x96\x12\x08\xb1X\xacY\xce\xcc:o\xdd\x9d7^\xfb\xc6\xbcYj\x91&gt;B\x08c\x9aa\xe87\xdf\xf3`\x8f^\xc7\xe3\xed\x7f\x8c`\xa6Q%%\xd3`\xd7\x8em\x00@)\xe3\xdcP\xcd\x0b\x9d\x8b{h\x16*\x84p\xe5\xba\xd6\xacZ\xf5\xf2\x7f\x9eZ\xba\xe8\xa3Z\x8f\xfbP\x7fM\xfb\x8e]F\x8d\x9d4q\xf2\xd5\xad\xdb\xb6\xc5u\x10\x8f\x00\xe6\xdf\xf2H)\xadV\xab\xc5jm\x9c\xc5E\x00\x08%j\x13f\xc3\x80\xaa\x8a\xb2O\xfe\xfb\xc6\x8b\xcf\xfcs\xeb\xe6\rj\xf9&amp;\xb5b\x87a\xe8\x97_3}\xf2u7{\xdc\xb5x\xf5\x8f\x11\x8c5\xaa$\x10\x02%{v\x024\xeew$\x01\xa0M\xfb\x0e\x8c\x81=-\xfd\x89\x07g\xcc~bf$\x12\x06\xb5!\tQ\x93[\x1a\'\xb8\xa8\xd5Q\xf8\x9e]\xdb\x9f\xfd\xe7\xdf\x17\xbc\xf6\xe2m\xf7\xce\xbc`\xe2%\xb5\x9e\xda&amp;M\xd5\xe8\xd00\xff\x16FJ\xa9Y\xb4\x92\xbd{\xcaJ\xf7i\x1a\x93\xf5\x03{D8\x1c\xf6TW\xee\xdd\xbds\xd3\xfa\xd5kV\xad\xa8(+\x05\x00\xcdb\x91B\nap\xcem6\xfb\x9f\xee\xba\x7f\xca\x8d\xb7\xf9\xea\xea\xb0!.v\xb0\x00D\x15!\x9cCYi\t@\xfd\xa5G]ZZ\xb5nK\xa9\xbc\xfd\xda\xcb&gt;}\xef-\x00P\x13\x91\xa4\x04)\x84Z\xee\xaa~g\x12\x90j\x98\n\xa1\x94RZQVz\xdb5\x97\xee\xd8\xfa\xf3-\xf7&lt;P\xeb\xad\xc5\x01\xec\xbf\x0f\xf3oa8\xe7\xae\x9c\xcc\x7f\xbf\xf6\xe2\xec\'\x1f&gt;\xcc\x1f\xa3\x8cI!\x0c]\x07\x00B\xc8\x99\xe7\x9e\x7f\xed-w\x9f0\xa0\xbf\xd7]\xab\xb6\t\x8b\xd7\xf1\xa6\x1c,\x00\xd1D\x08\xe1\x86\xa8\xae(\x87\xc6Y,B\x00@\x87N\xc53\xfe\xfc\xe7O\xdf{\xcbb\xb1\x08)\xd5\xba\xc4M\xa9\x1d0\xd4_A\t\x11Bp!(\xa5\x84\xd2\xe7\xfe\xf9\xf7t\x87\xe3\xba?\xdf\x81\xcd\xa0\xbf\x0b\xf3o\x99\xd4\x86_\x8d+r\x83Z\x03N]\xd9U\xff\x00\xe7L\xd3\x06\x0e9\xe5\xf4\xb3G\x9f~\xf6\xe8\xae\xdd\xbb\xf8}zue\xb5\xd5j3\xf7\xc8\x93\x1e\x9e\xd0\xd1D)\r\x87Cu\xb5^\x80\x86;P)\xadV\xdb\xebs\x9f{g\xfe\\\xd5\xb2)\x84Hwd\x9cr\xc6\xd9\x03O\x1e\xde\xa1s\xd7\x8c\xcc,!E\xad\xc7\xb3}\xcb\xa6eK\x17}\xfb\xe5\x12\xd1\xb0r\x99\x10\x82H\xc9\x18{\xfc\xefw\x9f8p\xc8\xc0!\xc3\xea\xea|\xd8\x1e}\x18\x98\x7f\xcb\xf4\xdb[x\xb5\xdc\xbfh\xba\xb8\x9b\x04C\x8f\xec/\xd9\xbb\xea\xbb\xaf\xfd~_q\xf7\xe3]9\xb9u\xb5\xb5\x84\x80\x9a\r\x80b\x01\x0b@\xd4\xa8%\'#\x91H \xe0k\xfaz$\x12~g\xfe\xdc\xc6U\xc9\xc6\\t\xc5\xd5\xd3\xef\xe8\\\xdc]\xf5\x80I!\x80\x00\xa5t\xc4\xa8QSn\xb8u\xf97\x9f\xdfw\xdb\r;\xb6n\xae\xdf\xb5\xaa\xa1\xcd\xf4\x91\x19\xb7\xcf\xff\xe4+\x9c\x08s\x18\x98\x7f\x8b\xc59\x97R\x1a\xba~\xc0jn\xf5{0\x10"\xa5\xe4\xdcX\xb5\xfc\x9bU\xcb\xbf\x01\x00\xab\xcd6x\xd8i\x93&amp;_s\xfa\xd9\xa3\xf5\x88\x1e\t\x87p\xfev\x8c\xe0\t\x1dM\x84Pn\xe8\xe1P\x08~\xbdr\xad:}-V\xdb\xc3\xcf\xcc{l\xd6\xdc\xb6\xed;y=^w\x8d\xc7W\xeb\xf5\xfb}~\x9f\xaf\xce\xebuWy\xea\xeaj\x87\x9ez\xc6+\x1f~^\xdc\xe3x!\x84\xba\xdcp\xce)ek\x7f\\\xf9\xe5\xe2O3238\xcee=4\xcc\xbf\x05\x92R\xa6\xa5\xa5gf;\x9d9\xb9\x99\xd9\xce\xcclgfVv\xba#C\xb3X\xd4\x0c\x00n\x18\xaa\xeb\xc5b\xb1j\x9a\xc6\x18\x8b\x84\xc3_\xff\xef\xb3\xeb.9\xff\xc6+.t\xd7T\xa6;\x1c\x18{\x8c\xe0\x13@4\x11\x02j\xf8\x1a\x00@\xd3\xc5k\xa5\x04\t3\x9f\x9d7\xf6\xa2\x89\x15enJ\xd9\xa1Z\x12j\xaak\xf2\x0b\x8b\xfe\xf1\xf4\xdcKF\x9f\x12\t\x87\x81\x105[\x95\x10\xf2\xd1\x82\xf9g\x8d&gt;\x1f\xbb\xc3\x0e\x03\xf3oi4M\xab\xf5\x06&amp;]u\xed\xd8\x8b\'\xab0\x01@H\xa9\xeb\x91\xa0\xdf\xe7q\xbb\xcbJ\xf6\xfe\xbcq\xed\xeaU\xcb\xd7\xfe\xb0R\xd7#\x00\xa0\xea.e\x8c\x00,\xfe\xe8\xdd-\x1b\xd7\xcey\xf3\xe3\xb6\x1d:\x05\x03\x01\xdc\x138\xea\xb0\x00D\x99\x94\xaaG\xf1\x17jb\xcbeW\xdf4v\xd2\xc4\xf2\xfdn\xb5\x17\xf6\xa1X,Vo\x8d\xbb\xffI\x03G\x8d\x99\xf4\xce\xfc\xb9j_$!\x85\x94r\xd5\xf2o*\xcb+\x1c\x8eL\xce\r\x1c\x17q(\x98\x7fK\xa3\x9e\x00\x1c\x8e\x8c\xa6\xeb9\x13BT\x19f\x1a\xa1\x14BAc\xc7\xd6M\xff}\xe3\xe5W\x9f\x7f&amp;\x1c\nRJE\xfd\x8e\xc1\x96\xdd;\xb6]w\xc9\x05\xaf\x7f\xf2\xb5\xd5f\xe7\x9cc\xf2\xd1\x85M@QF)iz\x9fB\x08\x11\x9c;sr\xa7\xdcx\xbb\xd7\x1bl\xceJ\xf4\x94R=,F_x14,\x85(\x85 \x84T\x96\x97\xed\xde\xbe\xd5f\xb7I\xdc\x17\xe9\xd00\xff\x16H\x08\xae\xeb\xba\xa1\xff"\x12\x89\x04\x83\x01\x9f\xaf\xd6\xe3\xf6\xd6Ty\x82\xc1@\xa7\xe2\x1e\xf7&lt;\xf4\xe8k\x1f}\xd1\xaecg!\x84\xea\xf85\x0c]\xb3X\xb6\xfd\xbc\xf1\xe9G\xee\xcf\xc8L?\xa0\xb4\xa3c\x87\x05 \x9a\xa4\x94L\xd3\xac6\x1b@\xfdv\x16\xeab4\xec\xb4\x91\xad\xdb\xb6\x89\x84\x9a\xb5\xa55\xa14\x14\n\x17\xf7\xe8\x95WP\xd8\xb8/\x12\xa5\x14@\xee\xdd\xbdC\xd3(^\x80\x0e\x05\xf3o\xa9\xc8oQJ\x1b\x1e\x024Ji(\x18\xac\xacp\xf7\x1d0\xe8?\xf3?t\xe6\xe4\x02\xd4\'\xcf\r\x83R\xba\xe0\xd5\x17vl\xddf\xb7\xa7a\xf8\xd1\x85\x05 j\xd4BcV\xab\xcd\xe1\xc8\x80\xc6\xa7]\x02\x00\xd0\xfd\xf8\xde\x846\xf7\xc4%\x84pn8]9m\xdau\x84\x86=Q\xd5_TY\xbe\x9fP\xdc\x19\xf5\xe00\xff\x84F)\xb5X,\xd5U5\xc7\xf59n\xeaM\x7fQc\xba@\xad\xe8GH\xc0\xef\xfbr\xf1\'i\xe9\xd6\xc6\xbd\x82QT`\x01\x88&amp;)\x84=-=\xdb\x95\x03P\x7f\x07\xaaz"m6\x1bH\xd2\xfc\xdd,\xa4\x14\x9a\xc5\x92\xe5t\xc1\xaf/d~_\x1d\xc1\x9dQ\x0f\r\xf3Ot\x16\x8b\xa5\xae6&lt;r\xd4\x984\x87\xa3I\x8b?!\x84\xfc\xb0b\x99\x90\x80{\xc2D\x17\x16\x80h\x12RZ,\xb4U\xebv\xd0\xb0\x0f\x89\xfa\x87\x9a\xcfr\x04W\x0e\t\x84@\xd3\x06ku\xd6\x0b!\xf0\xf4?\x0c\xcc?\xd1\x11B\x0c]\xcfoU\xd4\xbec\x17h\x98A&amp;\xa5\x90R\x96\xec\xd9\x15\x0e\xe98\x15#\xba0\xcd\xa8\x92\x92R\xe8\\\xdc\x1d\xa0q12\x00\x80\x92\xbd\xbb\xc4\x11\xediM@JP\xe3\xd9\xe1\x97\xbf\x06\xacV\x1bn\x8d}8\x98\x7f\xe2\x13B\xd8l\xf6\xac,\'@\xc3c\x1c\x00\x00\xf8}u\x91p\x90R\x8aMpQ\x84\x05 \xaa\x081\x0c\xe8\xd1\xab\x0f4\xacB#\xa5\x00\x80\x9f\xd7\xaf\r\x06\xc2\xcd\x1f\xc5L\t\x8d\x84\xc3^\x8f\x1b\x1a\x1b\x9c\xa5\x04\x80lW\x0en\x8d}8\x98\x7fR\x10R\x18\xfc\xc0\xf5\x9a\x00;_b\x00\x0b@4QJ\xc3\xe1p\x8f\xe3\xfbddf\t!\x08!j\xb5\x93\xad?o\xd8\xbdc\x9b\xcdfW\xd7\xa3\xc3\x93R2\xcd\xe2\xf5\xd4\xec/\xd9\x03\r\x9705\xf8\xa1\xa8u;.\x00\xaf@\x87\x82\xf9\'&lt;)\x19c\x01\xbf\xbf\xa6\xaaR\xfdk\xe3;\xe9\x0e\x87\xcdf\x17B\xe0\xba\xdcQ\x84\x05 \x9a\x08!\x91p\xb8u\xbbv}\x06\x9cT\xbf\xce\x89\x94jj\xfb\xff&gt;y/-\xdd\xc2y\xb3.@V\x9bu\xe7\xb6\x9fk\xaa*\xd5\xb6Vj|\x8b\xc5bm\xd7\xa9\xb3\x111p]\xe2C\xc1\xfc\x13\x9d\x04i\xb1Z\xf7\x97\xec-\xdd\xbb\x1b\x00T\xfdV=\x01\xadZ\xb7\xb5\xd9\xad8\x15 \xba\xb0\x00D\x99\x94\xc2bag\x8d\x1a#ec\xe3\x81\x04\x807_\x9a]UQc\xb1Z\x7fw \xb3\xe0\xdcj\xa3\xff\xfb\xf4\x03h\x18\xc6\xae\xbe\x00\x1d:wm\xd7\xa1s8\x1c\xc2\xcdQ\x0f\x03\xf37\x97h\xd8b\xe1\xe8p\x83\xa7\xa7[\x96.\xfcP\xd7#\x8ci\rO\x00\x04\x00z\x9ep"e\xd8\x0c\x14ex*G\x19\xa5\xcc\xef\x0b\x9dq\xcey9y\xf9R\x08B\xa9\x10\x822V\xbao\xcf\xac\xc7\x1fr\xb9\xd2\x1bV\xaa98!xZz\xfa\x9e\x9d{\xdf\x7f\xeb\x15B\x88\x1a\xf5\xacfE\x0e\x19~Ff\xb6\x83\xfff-{\xd4\x14\xe6o")eZzzZz:\xe7\\p~\xa4\x93\xb687\xd2\xd2\xd3K\xf7\x95\xbd:\xe7\xdf\x84\x10\xd1\xd0^\xa76\x88\x1f&lt;\xec4=,\xb0\xfaF\x17\xa6\x19e\x84\x90H8T\xd4\xb6\xe8\xc2K\xa7H))\xa1\x00 8\xa7\x94\xcd{\xee_\xef\xbd\xb5\xa0\xb0(\xc7\xd0\xf5\x83\xdc%Ii\x18\x06c\x9a-\xcd\xf6\xe0\x9d\x7frWW\x11Z?\xe9THA)=\xf7\x82\x89\x910\xc7/\xc0\xe1a\xfef\x91B\xd8\xec\xd6\x9fV~\xb7i\xed\xea\x9c\xbc\xec\xcc\xeclJ)\xe7\x86\xda\x83\xe10\xc5@J)\x840\x0c=--\x9di\xec\x9e\xe9S+\xcaJ\t!\xaa\x1b_\xad\xe4z\\\x9f~}\xfa\r\n\x04\xfc8\x0c4\xba0\xcd\xe8\xa3\x8c\xf9\xeb\x82\x97M\xbb)\xbf\xb0H\x08\xde0\xa1QH)o\xbf\xf6\xd2\xb7_y-\xb7\xc0\x95\x96\x96.\x85Pk\xe1rn\x08\xce\t\xa5\xae\x1c\'\xa5\xe4/\xd7N^\xfc\xf1\x7f\xd5\x12f\x00\xc0\x18\x93B\x0c;}d\xbfA\'\x05|\xf8\x05\xf8}\x98\xbf)\x84\x10\xe9\x0e\xdb\x97\x8b?\x99x\xce\xd0[\xa6\\\xf6\xc5\xa2\x8f#\x91\x883\xc7\xe9te\xa7\xa5\xa53\xc6\x84\n\x9c\x1b\xdc0\x0c\xc3\xe0F}m\xa0\x8c\xa5;2r\xf3\\\x15e\xa5\xd7\\t\xfe\xd2\x85\x1fQ\xca\x1a+\xb4\xea\x86\x99|\xed-\xf64\x1bv\x00D\x1d\xae\x06\x1a}\x84\x90H$\\X\xd4\xea/\xf7?z\xeb\xd5\x97\xa8+\x88\xeaK\x0c\x87B\xb7^}\xc9w_\xfd\xef\xf2k\xfe\xd4\xa5\xdbq6\x9bE\rk\xe6\x1c\xbc\xee\x9aO\xdf\xff\xec\xb9\x7f&gt;\xb8q\xedO\x94\xd6_}T\xeb\xb3\xc5j\x9d~\xd7\x03\x82\x0b\x1c~\xd2\x1c\x98\xbfY\xa4\x80t\x87C\xd7#\xef\xbd\xf9\xca{o\xbe\xd2\xaeC\xe7\x81C\x87\x0f:\xf9\x94\x9e\xbd\xfb\xb6j\xd3.+\xcb\xa9Y\x18\xa5P\xbf\xc1\x97\x04!\xc00D\xad\xc7\xb3y\xdd\xea%\x9f\xbc\xb7\xe0\xd5\x17=\xeejJY\xe3z\x0fj\x17\xc9a\xa7\x8d\x1c5f\xbc\xd7S\x8b\xdb\xb1E\x1d\x16\x80\x98`L\xf3\xba\xbd\xe7O\xb8x\xf5\xf7\xcb_}\xfe\xdf\x9a\xc5b\xe8z\xe3\xcab\xef\xbc6\xf7\xbd7^\xe9}\xe2\x80.\xddzf9]\x91H\xb8\xacd\xef\xe6\rkK\xf6\xec\x02\x80_\xbe\x00\x840M3t\xfd\xe6{\xfe\xd1\xa7\x7f\x7fw\xb5\x97i\xf8\x05h\x16\xcc\xdf,j\xf4\xad\xc5j\xd5#\xfa\xde\xdd;\xf6\xee\xde\xf1\xee\xfc\xb9L\xd3\n\x8b\xda\xb4n\xdb\xbeU\xeb\xb6\xae\x9c\xbc\xb4t\x07!$\x1c\x0ey\xdd5e\xa5{\xf7\xec\xda\xa1\x92\x87\xa6\xe17\\\xfd\xdb\xb6\xef\xf4\xe0Sst\x83\xe3\xd8\xabX\xc0\x02\x10+\x94\xd2\xba\xda\xba\xbb\xff\xf1\xb8\xd7]\xf3\xe1;\xf3\x19c\xaa\xad\x13\x00\x18c\x9c\x1b\xabW-_\xbdj\xf9\x01?\x02\rK\x10\xab}\xb4\r]\x9fx\xc55\xd3\xfet\xbb\xc7]\x8bW\x9f#\x82\xf9\x9bB\x8d\xbe\x15BH)(\xa5\x84P\x00\xc9\r\xa3t\xefn5\xb2\xf3P\x18\xd3\x84\xe0\xbf\n\xdf0:v)~\xf6\xd5\xf7\nZ\xb5\xf6\xfbp7\xe6\x98\xc0\x02\x103\x84H)\xc3\xe1\xf0\xcc\xe7^\xca\xc9/xi\xd6\x13\x00\xc0\x98&amp;\xa5\xe0B\xa8\x05q\tiX\xa1LJ!\xa5\xba{\xa2\x94\xa9\x05)\x01`\xea\x9fn\xbf\xf5\xaf\x0f\xf9}u\xb8\x0f\xc6\x11\xc3\xfc\xe3\x8e\x10\x88\x84\xc3\x9cs\xe0\\m\xe9\xa5\xba^\x08!\xf5\x0bB\xc3/;\xc4\xcb\x86\xff\t)\xa5\x94j\xa8\x8fj\xfdWu\xfa\xec\xff\x1bw\xcfCO\xe6\xe6\x17\xe2\xd5?v\xb0G+\x86\xd4\x04\xa2p(\xf4\xd7\x87\x1f\x7f\xf2\xc57;u\xed\xce\xb9!\x84\x00))\xa5\x84\x12\x00\tR\x82\x94\x00D\xad\x8e\xae\xbe\t\x9c\x1b]\xba\xf5|\xe6\xe5w\xffr\xdfL\xbf\xdf/%\xe0\x05\xe8(`\xfe\xf1D\x19\xf5\xf9B\x7f\x1c3a\xec\xc5\x93s\xf2\xf2U\x87\xafh\xe8}\xa1\xf5\xd7\x7f\x02\xb2^\xfd\x88~B(\xa1\x94P\xf5|\xc6\xb9!\xa5\xe8;\xe0\xa4\xa7\xe6\xbd\xfd\xc4\x8boe;s\x02x\xf5\x8f%|\x02\x88-5\x86\xc1\xe3\xf6\x9e{\xc1\xf8!\xc3\xcf\xfch\xc1\xfc\x0f\xde~m\xfd\xeaU\xc6!\x86\x93[\xac\xd6\x13\xfa\r\x1a=\xee\xe2?\x8e\x99\xe0t\xb9&lt;n/\x9e\xfd\xc7\x02\xf3\x8f\x1bB\xa8\x1e\xd1;u\xed1\xf3\x99\x17\xf7\xed\xd9\xb3\xfc\xab\xa5\xcb\xbe\\\xbc\xfe\xa7\xef\xf7\xed\xd9\xa5G"\xbf\xfb\xe3\x9a\xc5\xd2\xbec\x97\x01C\xfe0r\xf4\xd8AC\x87\xdb\xd3\xec\xb5\xdeZB\xea\x87\x81\xa2\x18\xc1\x02\x10s\x84\x10\xc6\x98\xd7\xe3\xb5\xd9\xec\x97_s\xc3\x85\x97M\xdd\xfe\xf3\xc6\rk~\xdc\xf6\xf3\x86\x8a\xb2\xfd\xc1@\x802\x9a\x91\x99U\xd0\xaau\xd7\xee\xc7\xf5\xec\xd5\xb7Sqw{\x9a\xd5W\xeb\xf7z\xf0\xea\x13\x05\x98\x7f\xdc\x10B\xc2\xe1`0\x18\xc8\xcd+\x18w\xc9\xe5\xe3.\xb9\xdc\xeb\xf6\x96\x96\xec\xd9\xb3s{\xc9\x9e\xdd\x15e%\x1ew\xb5\xdfW\x17\tG\xa4\x14\x9afIKO\xcfv\xe5\xe6\x17\xb6j\xd7\xb1K\xa7.\xdd\xdau\xec\x94\xed\xcc2\x0c\xf0\xfb\xea\xc2\xe10\x86\x1f\x07X\x00\xe2\x841\xc69w\xd7x(e\xdd\x8e\xeb\xdd\xab\xef\x89\x94\x02\xe7\xf5\xcf\xc1\x94\x02\xa5 \x04\x84\xc3F8\x14\x0c\x05\x03j\xb7&lt;\xb3\x8f:y`\xfe\xf1A\x08e\x0ct]\x0f\xbb\xc3\x00\xa0iZ\xe7\xe2\x1e\xdd\x8f\xeb\xcd\x18\x10\x02B@c\xdb\x0f\x00\x10\n\x94\x02\x01\xe0\x1c\xf4\x88\x11\x89\x84\xdd5\x1e\x02D\xed\x14i\xe6\xaf\x912\xb0\x00\xc4\x0f!\x841\r\x00\x82\x81@\xc0/\xa1I\xd3\xb2\x04P\xffJUG\x18\xc3\xcf%\xfa0\xff\xb8QO]\x00 \x85\x08\x07\x83\xc1@\x00@\x82\xac_\xdf\xbf\xb1;\xa5&gt;v\xa8\xdf3\x986|@(n0n\x13\xe0lRsa\xfe\xf1C\x08!\x04o\xe6[,\xfc&amp; \x84P\x8a\xc2\x02\x80\x10B)\n\x0b\x00B\x08\xa5(,\x00\x08!\x94\xa2\xb0\x00 \x84P\x8a\xc2\x02\x80\x10B)\n\x0b\x00B\x08\xa5(,\x00\x08!\x94\xa2\xb0\x00 \x84P\x8a\xc2\x02\x80\x10B)*I\n\x00.\xd7\x1eg\x07\x04\x8e\xf9\xc7\x19\xe6o\xae\xa4\t&lt;\xb1\x0b@\xe3&amp;\x7f\xba\x1ei\\b\x10\xc5\x81\xaeG\x00\xf37\x0f\xe6o.\x95?\x00\xa8\xfc\x13W\xa2\x16\x00\xb5\xd1GVVVqqW\x00\xd8\xbc~\x8dn\xe0"_\xf1 \xa4\xb4X`\xf3\xfa5\x00PXX\xd8\xa5+\xe6\x1fW\x98\xbf\xb9T\xfe?\xaf_\x0b\x00YY\xd9\xc5\xc5\xc5\x90\xc8\x0f\x04\t|\xc6H)5M\xcb\xcb\xcb\x03\x00\x8f\xa7&amp;\x12\n\'\xee\xc7\x90X\x84\x84\xea\xaa\n\x00\xc8\xcc\xcc,,,\x04\xcc?\xbe0\x7fs5\xe6\xefp\xa4\xbb\\.\xc0\x02`\n\xf5\xf0u\xc2\t}\x00`\xcf\x8emU\xe5\xfb\xadV\xab\xc4\'\xe1\x18\xa3\x94\x86C\\\xdd\x81\xf6\xea\xd5k\xe4Yg\x01\xc0\xde\x9d\xdb1\xff\xf8\xc0\xfc\xcd\xa5\xf2\xdf\xb4~5\x00\x14\x17\x17;\x1c\x0e!\x04\x16\x00\x13\xa8\xd0\x07\x0c\xe8\x0f\x00u\xb5\xde\xed[7[mV\x99\xe0Mr-\x9c\x94\xd2j\xb5VW\x94\xed\xda\xbe\x05\x00z\xf5\xee=l\xd80\xc0\xfc\xe3\x05\xf37\xd7\x01\xf9\xf7\xed\xdb\x97R\x9a\xd0\xdd\x00\t\\\x00T\x8b\xe7\x90!Crrr\x84\x10\xcb\xbeX\xaciD\xe0\x1dP,I!\xeci\xb6\xd5\xab\x96\xd7TURJ\xff0l\xd8\xa0A\x83\x9cN\'\xe6\x1f\x1f\x98\xbf\xb9\x0e\xc8\xff\xac\xb3\xce\x82Dn\xff\x81\x84.\x00\x84\x10!DQQQ\x9f&gt;}\x08!_.\xfe\xb8\xd6\x1b\xd04\xdc\xe3,\x86\x84\x94\x8c\x91%\x9f\xbc/\xa5t:\x9d\xfd\xfb\xf7OOO\xef\xdb\xb7/\xe6\x1f\x1f\x98\xbf\xb9\x0e\xc8\x7f\xe8\xd0\xa1\x90\xe0\x1b\xcc%\xf0\xa1CC7\xc0\x84\t\x13\xa5\x94\xbb\xb6o]\xb9l\xa9#\xc3\xc197\xfb\xb8\x92\x93\x94\xd2n\xb7\xef\xdd\xbd\xef\x9b\xa5\x0b\x01`\xe4\xc8\xb3U\x0f\xd8\xc4\x89\x98\x7f&lt;`\xfe\xe6\xfam\xfe\xd9\xd9\xd9\x9cs|\x020\x8d\xdaxz\xdc\xb8\xb1\x85\x85\x85R\xca\xe7\x9f~4\xa1;dZ8\xce\xb9#\xd3\xfe\xfa\x8b\xcfVWV0\xc6\xa6M\x9b\xaa\x06\xe3\x8e\x1b7\x0e\xf3\x8f\x03\xcc\xdf\\\x07\xcd\xdf\xec\x83:V\x89]\x00\x08!\x86a\xe4\xe6\xe6^r\xc9%R\xca\xef\xbf\xfd\xea\xab%\x8b\xb2\xb22\xf1&amp;(\xea\xa4\x946\xbb\xbddw\xc9\x9b/\xcf!\x84\x9cx\xe2\x89\xa7\x9ez\xaa\x10\x82s\x8e\xf9\xc7\x01\xe6o\xaeC\xe5\xaf\xeeA\x13Wb\x17\x00\x00\xa0\x94J)\xa7M\x9b\xe6t:\x01`\xf6\x13\x0fq\xbc\t\x8a\x01n\x18YY\xf6\x97f=\xe9\xae\xae\x02\x80\xdbn\xbb\r\x00\xa4\x94\x98\x7f|`\xfe\xe6:T\xfef\x1f\xd7\xb1J\x86\x02 \x84\xe8\xd6\xad\xdb\xf4\xe9\xd3\xa5\x94\xab\x96\x7f=\xef\xb9\'s\xf3\xb2t]7\xfb\xd0\x92\x077\x8clg\xf6\xf2\xaf\xbf}y\xceS\x00p\xca)\xc3\xc7\x8f\x1f\xafn\x7f0\xff8\xc0\xfc\xcdu\x98\xfc\xcd&gt;\xb4cE\x92\xa0\x88\xa9\x15Q|&gt;_\xbf~\xfdv\xec\xdc\xe9p8^~oi\xef~\xfdk=^\x86\x83"\x8e\x99\x14B\xb3X\x0c=2\xf1\x9ca[7o\xa0\x94\xadX\xb1\xbc_\xbf~\xea\xf6\x130\xff\x18\xc3\xfc\xcd\xf5\xbb\xf9\'\xb4\x84\xff\x05\x00\x80\x10B\x08\xc9\xce\xce\x9e?\x7f\xbe\xc6X\xc0\xe7\xbb\xe3\x86+j\xaa*\xadv\x1b6\x86\x1e#)\xa5\x94\xd2n\xb7\xfd\xed\xcf\xd7m\xd9\xb4^J\xf9\xd8c\x8f\xf6\xef\xdf_\x08\xd1x\xf6c\xfe\xb1\x83\xf9\x9b\xab9\xf9\'\xb4d\xf8\x1d\x00\x80Rj\x18\xc6\xe0\xc1\x83\x1f}\xf4Q\t\xb0u\xf3\x86\xa9\x13F1Jmv;7\x0c\xb3\x8f.Q\t!\xa4\x14\x05E\xd9\xf7\xde~\xe3G\xef\xcc\x07\x80q\xe3\xc6M\x9f&gt;\xdd0\x8c\x03\x1e~1\xffX\xc0\xfc\xcd\xd5\xfc\xfc\x13W\x92\x14\x00\x00\xd04\xcd0\x8c\xe9\xd3\xa7O\x9d:\x15\x00\xd6\xfd\xf4\xfdU\x17\x9e[\xe7\xf5dfgc{\xe8Q\xe0\x86a\xb1X222\xef\xb8\xe1\x867\xe6&gt;\x07\x00\x03\x07\x0e\x9c={\xf6\xa1\x9a&gt;1\xff\xe8\xc2\xfc\xcdu\xa4\xf9\'\xa8\xe4)\x00\x00\xc0\x18\x13B\xcc\x9e=[}\x07\x96\x7f\xfd\xf9\xd4\t\xe7\xee\xdc\xba9/\xdf\xc59O\xe8%;\xe2IJi\xe8zfv\xb6\xae\x87o\xbf\xee\x8a\xd7\x9e\x7fF\x089p\xe0\xc0\x85\x0b\x17\x1e~\xedC\xcc?*0\x7fs\x1du\xfe\x89(\x19:\x81\x9bR\x1db\x8c\xb1i\xd3\xa6\xcd\x993\x07\x00\x9c\xae\xdc\xbb\x1fz\xe2\xfc\t\x97\xe8:\x0f\xf8\xea\x08\xa5\xc9\xd1x\x17\x0bRJ\xce\xb9\xcdn\xcf\xcc\xb4\xaf\\\xf6\xed\x8c[\xafS\xabN\x0e\x1a4\xe8\xb3\xcf&gt;s\xb9\\\xbf\xdb\xf4\x89\xf9\x1f\x0b\xcc\xdf\\\xc7\x9e\x7f\xc2I\xb6\x02\x00\r\xfd6\x94\xd2\xfb\xee\xbb\xf7\xde{\xefS/\x9e{\xfe\xf8kn\xb9\xf3\xb8\x13\xfaF"F\xc0\xef\x07\x90\x94\xb2d\xaa\xe4\xc7\xa2~c))mv\xbb#\xc3\xbeoO\xc9k/&lt;3\xf7\x99\x7fF"\x11\x00\x18?~\xfc\xacY\xb3\x9a\x7f\xf6c\xfeG\n\xf37Wt\xf3O,IX\x00\xa0\xc9w`\xe1\xc2\x85W^yUii\t\x00\xd8\xed\xf6s/\x98p\xd9\xd57\x1d\xdf\xa7\x1f!\x10\nF"\x91\xb0\x10BJIR\xef\xab \x01\xa4\x94\x84\x00!\xd4b\xb5\xa6\xa5\xd9\x19\x83\xbd\xbb\xf7\xbd\xf5\xf2\xec\xb7^\x9eSY^\x06\x00V\xabu\xe6\xcc\x99\xd3\xa7O\x07\x80#:\xfb1\xff\xdf\x85\xf9\x9b+\xa6\xf9\'\x90\xe4,\x00\x8aa\x18\x9a\xa6\x95\x96\x96\xdes\xcf=\xf3\xe7\xbf\x1e\x0e\x87\x00 --\xfd\xe4S\xcf&lt;m\xe4\xe8\xc1\xc3\x86\x17\xb5ioO\xb31\x06\x86\x01\xc9\x1b\xc3!Y, \x04D"\xbc\xb2\xbcl\xcd\xaa\xef\xbeX\xf4\xc9\xd7\x9f\x7fVQ\xb6_\xbd;b\xc4\x88\x07\x1ex`\xf0\xe0\xc1jy\x99\xa3\xb8D`\xfe\x87\x87\xf9\x9b+\xd6\xf9\'\x84d.\x00\x00\xc09W]\xf6+V\xacx\xe8\xa1\x87\x16/^\x1c\x08\x04\xd4[\x99YY\x9d\x8b{v\xe9\xd6\xb3u\xbbv\x1d\xbb\xf4p\xe5\xe4\x1a\x86\x91\xac\x1f\xf3\xafIB\xa8\xaeG6\xaf_SS]\xb9e\xe3\xba\xed[6UWV4\xbe}\xf2\xd0\xa17\\\x7f\xfd\xa4I\x93\xa0I\x80G\x07\xf3?\x18\xcc\xdf\\\xf1\xcb?\x01\xc8d\'\x840\x0cC\xfd\xffu\xeb\xd6\xddz\xeb\xad\x1d;u2;\xf5\x96\xa8\xa0\xa0\xe0\xb2\xcb/_\xb4h\x91\xca\x8as\xce9\xc7\xfc\xe3\x06\xf37W\x8c\xf2o\xe1\x92\xfc\t\xa0\x91j\xebT\xc5\xbc\xae\xaen\xd3\xa6M\xcb\x96-\xfb\xe1\x87\x1f\xd6\xad[\xe7\xf1x\xf7\xef/M\xbd9\x93\xa4\xa0\xb0\xc0\xe1p\xf4\xed\xdb\xb7w\xaf^\x83\x07\x0f\xee\xdf\xbf\x7f~~&gt;4\x19I\x12\xc5\xff\x18\xe6\xff\x1b\x98\xbf\xb9\xe2\x9a\x7f\x8b\x95*K\x85\xa8\xed\xc3\xa4\x94\x84\x90\xcc\xcc\xcc\x81\x03\x07Z,\x16J\xa9\xdb\xed\xa6\x8cUT\x94\xa7H!l@\x00 ;++77\xb7\x7f\xbf~C\x86\x0c\xe9\xdf\xbf\x7fff\xa6z\x8fs\x1e\xf5\xfe.\xcc\xff\xd70\x7fs\xc5;\xff\x96\xcb\x94\xe7\x8e8k|\x04\x0e\x87\xc3\xef\xbf\xff\xfe\x981c\xda\xb6mgv\xf0-KVV\xd6\x19g\x9e9{\xf6\xec\xf2\xf2r\x95\x95\xae\xeb\xea\x92\x81\xf9\xc7\x01\xe6o\xae\x98\xe6\xdf\x92%y\x13\x90\xfa\xed\x08!^\xafw\xce\x9c9\xaf\xbc\xf2\xca\xda\xb5k\x1b\xdf\xcd\xc8\xcc,j\xd3&gt;\xbf\xb0\xb0c\x97\x1e\xce\x9c\x1cn$\xf6\xeen\xcd$A\x12B\x0c]\xdf\xbc~\x8d\xd7\xe3\xde\xbbk\xbb\xc7]\xd3\xf8nQQ\xeb\x8b/\xbeh\xca\x94)\xdd\xbbw\x87c\x1e\xfd\x86\xf9\xff\x16\xe6o\xaex\xe6\xdf\xf2%s\x01h\xec\xc1\x9f;w\xee#\x8f&lt;\xb2y\xf3f\xf5z\xeb\xb6\xedO:\xe5\xf4\xe1g\x9e\xd3\xa3W\xdf\x82\xc2"GF&amp;\xd3 \xa9?\xe5\x83\x90\x12\x0c\x03\xc2\xa1pue\xd9\xd6\x9f7~\xfb\xc5\xe2eK\x17o\xd9\xb4^\xbd\x9b\x93\x93s\xe3\x8d7\xde|\xf3\xcd\xd9\xd9\xd9j4\xe1Q\xfc\'0\xff\xc3\xc0\xfc\xcd\x15\x87\xfc\x13B\xd2\x16\x00u\xf6\x97\x96\x96^y\xe5\x95\x0b\x17.T/v\xeb\xd9\xeb\xb2\xabo\x1c\xf1\xc7\x0br\xf3\xf3\xa5\x84p8\xa2Gt!\xb8\x94"Ic8$\xa2\x96\x11\xa6\xd4b\xb1\xda\xec6M\x83\xba\xda\xc0\xcao\xbf\x9c\xf7\xec\xe3\xcb\xbeX\xac\xfeL\xf7\xee\xdd_x\xe1\x85\xa1C\x87\x1e\xc5Ph\xcc\xff\xf00\x7fs\xc5:\xffD\x91\x9c\x05@\x15\xed\x85\x0b\x17^y\xd5U\xa5%%\x00\xd0\xa9k\xb7\xabn\xb8\xf5\x8f\x17L\xc8rf\xf9\xea\x02\xba\x1e\x01 \x94RB@\xf5\x08\xa5,)\xa5TCD4\xcd\x91\x91\xc1\xb9X\xb6t\xd1\xf3O?\xb2\xfc\xeb\xa5\x00`\xb5\xd9f&gt;\xfc\xf0\xf4\xe9\xd3\x8f\xe8;\x80\xf97\x1f\xe6o\xaeX\xe4\x9f@\x92\xb0\x00\xa8\xb3\x7f\xce\x9c9\xd3\xa6MS\xaf\\t\xe5u\xd3\xef\xba/\xaf \xcf\xeb\xf1q\xc3\xa0\x0cWA98\xce9!$3+\x8bs\xe3\x95\xd9\xff~\xea\xe1\x19\xbe\xbaZ\x00\x98:u\xea\xec\xd9\xb3\xd5\xe8\x88\xdf\x8d\x0e\xf3?j\x98\xbf\xb9\xa2\x92\x7fbI\xb6\x02\xa0\x9e|\x1b\xcf\xfelg\xce\xdf\x1eyz\xcc\xa4\x8bj\xbd\x81H$\x92\xc4myQ\xa4\xbe\x06\xb9yY?\xac\xf8\xfe\xee\x9b\xa6n\xde\xb0\x06\x1a\xbe\x03\xbf{\x1f\x84\xf9\x1f;\xcc\xdf\\\xc7\x92\x7f\xc2I\xaa\x02p\xc0\xd9\x9fW\xd0\xea\xe9y\x0bN\x1e&gt;\xb4\xa2\xcc\xcd4-\x99&gt;\xb68\xd0u\xdd\xe9rUW\x96_s\xd1\xff\xad\xf9a\x054\xb9\x0f:\xd4\x1c\x19\xcc?\x8a0\x7fs\x1dE\xfe\x89(y\n\x80\xfa`\x96,Y2b\xc4\x08\x00p\xe5\xe6\xbd\xb5\xf0\xbb\x0e\x9d\xbbz\xddn\xcdb1\xfb\xe8\x12\x127\x0c\xab\xdd\xc6(\x9b&lt;v\xe4\xcae_\x00\xc0\xbd\xf7\xde;c\xc6\x8c\x83\x8e\x8b\xc0\xfc\xa3\x0e\xf37\xd7\x11\xe5\x9f\xa0\x92\xa4\x00\xa8\xe1\xba\xe5\xe5\xe5}\xfa\xf4\xad\xa8(\xcf\xcav\xce\x9a\xffA\xff\x93\x86z=\x1eM\xc3\xb3\xff\xe8q\xcemv\x9b\xcf\xeb\xbdj\xfc9\x1b\xd7\xfeD\x08Y\xb8p\xe1\x88\x11#\x0e\xb8\x0f\xc2\xfcc\x04\xf37W3\xf3O\\I2\xfaWJ\xc99\xbf\xf4\xd2K\xcb\xcb\xcb\x00\xe0\xaf\x0f?}\xf2\xf0a\x1e7\x9e\xfd\xc7\x8a1\x16\x0e\x86r\xf2\x0b\xfe5{~\xb6\xd3%%\\z\xe9eeeeji\x81\xc6?\x86\xf9\xc7\x08\xe6o\xaef\xe6\x9f\xb8\x92\xa1\x00\xa8j&lt;\x7f\xfe\xfc\xc5\x8b\x17\x03\xc0\x85\x97N\x19{\xc9\xc5\xe5en\x0b&gt;\xf9F\x03\xd34\xaf\xc7\xd3\xed\xb8\x1ew=\xf8\x04\x80,//\xbb\xf3\xce;)\xa5\x8d\xcf\x8e\x98\x7fLa\xfe\xe6\xfa\xdd\xfc\x13Z\xc27\x01\xa9\x15-&lt;\x1e\xcf\xe0\xc1\x83w\xec\xd8\xd1\xb6C\xa7\x05KV\xdalv\xd5\x95o\xf6\xd1%\x0f\xce\xb9\xd3\x95}\xdd%c\x17}\xf4\xae\xcdf\xfb\xfa\xeb\xaf\x07\x0c\x18 \xa5$\x84`\xfeq\x80\xf9\x9b\xebP\xf9\'\xfaB\x11\x89}\xf4\xd0\xb0t\xdf\xdc\xb9s\xb7m\xdb&amp;\x84\x98r\xe3\xedy\x059\x91H\x04\xcf\xfe\xe8"\x84\xe8\x11\xe3\xfa\xdb\xfef\xb3\xdb\xc3\xe1\xf0\x8c\x193\xd4\xa5\x07\xf3\x8f\x0f\xcc\xdf\\\x87\xca\xdf\xec\xe3:V\x89]\x00\xa4\x94\x8c\xb1`08w\xee\\BH\xa7\xae\xddG\x8f\x9b\xe4u\xfb\x92\xa6\x8f\xbe\xe5\xa0\x94\xfa|\xbe^}\xfb\x8c\x1c=\x16\x00\xbe\xfa\xea\xabM\x9b61\xc6(\xa5\x98\x7f\x1c`\xfe\xe6:T\xfe\x89\xde\x13\x90\xd8\x05@\xcd\xcbX\xb2d\xc9\x86\r\x1b\xa4\x94\x93\xaf\xbb%+;\x</t>
        </is>
      </c>
    </row>
    <row r="69">
      <c r="A69" s="1" t="n">
        <v>67</v>
      </c>
      <c r="B69" t="inlineStr">
        <is>
          <t>shape_reflect</t>
        </is>
      </c>
      <c r="C69" t="inlineStr">
        <is>
          <t>What is the missing shape denoted by a question mark?</t>
        </is>
      </c>
      <c r="D69" t="inlineStr">
        <is>
          <t>['square', 'pentagon', 'triangle', 'hexagon']</t>
        </is>
      </c>
      <c r="E69" t="inlineStr">
        <is>
          <t>triangle</t>
        </is>
      </c>
      <c r="F69" t="inlineStr">
        <is>
          <t>There are six shapes in the image separated by a line. In the top part there are ['pentagon', 'hexagon', '?']. In the bottom part there are ['pentagon', 'hexagon', 'triangle'].</t>
        </is>
      </c>
      <c r="G69" t="inlineStr">
        <is>
          <t>We observe that the hexagon is reflected across the line as a hexagon. Similarly, the pentagon is reflected as a pentagon. Hence, the pattern is that each shape in the top part is reflected in the bottom part.</t>
        </is>
      </c>
      <c r="H69" t="inlineStr">
        <is>
          <t>Based on the pattern that each shape in the top part is reflected in the bottom part, the missing shape which is reflected from a triangle part should be a triangle.</t>
        </is>
      </c>
      <c r="I69" t="inlineStr">
        <is>
          <t>b'\x89PNG\r\n\x1a\n\x00\x00\x00\rIHDR\x00\x00\x02\x00\x00\x00\x02\x00\x08\x02\x00\x00\x00{\x1aC\xad\x00\x00b\x01IDATx\x9c\xed\xddg\\\x14\xd7\xfe\x06\xf0\xdf\xcc,\x0b\x08\xcbRT\xb0\xa4\xa8\x114\xd1\x14%W\xec\xb1`K\xf4\xe6o\'\x89&amp;\x12\xa3I\x0c\x06\x8dQ\xa3\xc4\x86\xa8\xd8\x05K\x8c5j\xa2\xc6\x92j%\xf6\x06\t\x18\x0b\xc6\xder-\x80Jo\xbb;\xe5\xff\xe2\\\xf7\x12\xa3\xc6\x02l9\xcf\xf7s_\xdc\x00\xc2\xec\xec\xecy\xce\xfc\xce\x99s\x04M\xd3\x08\x00\x00\xf8#\xda\xfa\x00\x00\x00\xc06\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80-\xa9\xaa\xaa\xaa\xaa\xad\x8f\x82_\xaa\xaa*\x8ab\xeb\xa3\xe0\x82\xa6i\x9a\xa6\xfd\xe3\xd9f\x9f\x08M\xd3\xca\xe7\xa8@\xc0\xb9\xb6\x15EQ$I*\xf9\x7f\xa0\xdc\xb0\xc6H\xa7\xd3\x11\x91\xa2(\x82 \x88":C\xa5I\xd34kS.\x8a\xe2\xc3\x9e^\xf6o5Mco\x8d \x08es\x98\xbc\xc3Eo\x03\x9a\xa6\xc9\xb2,I\xd2\xa5K\x97\x92\x92\x92$I\xc2\xad@yb-\xbeN\xa7KMM\xfd\xe5\x97_$I\x12EQ\x96et\x86J\x05\xbb\xaf\x12\x04A\x92$\x9dN\xa7\xd3\xe9DQ,**\xbaq\xe3\xc6\xa1C\x87dY\xbe\xeb\xbfb\'\xff\xc8\x91#\x97.]\xca\xcd\xcd\x15E\x91\xfdsI\x92\x04A\xc0\xbdZ\x19\xc1\x1d@ySU\x95\xf5\x86\xbe\xfd\xf6\xdb\xc8\xc8\xc8\x8c\x1b\x19c&gt;\x1f3f\xcc\x18"\x92e\x99\xf5I\xa1\x8cX;\xfb999\xb3g\xcf\x9e={vvv\xf6\xbb\xef\xbe;|\xf8\xf0\xc0\xc0@\xc2\xddX\xe9)((\xf8\xe3\x8f?N\x9c8q\xec\xd8\xb1\xd4\xd4\xd4\xf3\xe7\xcf\xe7\xe4\xe4\xe4\xe7\xe7_\xbe|\xd9\xdf\xdf\x9fu\xedK\xfe&lt;\xfb\\\xbc\xf8\xe2\x8b\xe7\xce\x9d\xf3\xf6\xf6\x0e\n\nz\xfa\xe9\xa7\x9f\x7f\xfe\xf9\x17_|\xb1^\xbdz~~~\xb6z!NN\x83rd\xb1X4M\xcb\xcd\xcd\x8d\x88\x88(\xf9.t\xe8\xd0\xe1\xda\xb5k\xec\x07\xac7\xbfP\x8aTUe}|M\xd3\x96.]Z\xb7n\xdd\x92\xe7\xdf\xd7\xd7w\xec\xd8\xb1\xd9\xd9\xd9\x9a\xa6)\x8a\xa2(\x8aM\x0f\xd6Q)\x8a\xa2\xaa\xea\xf6\xed\xdb\xc3\xc3\xc3k\xd6\xacy\xd7\xba\xcd\xec\xd9\xb3\xb5\xdb\x1f\x84\x92\xffP\xd3\xb4\xdf~\xfb\xed\xaem\x94\xbf\xbf\xff\xeb\xaf\xbf\xbeh\xd1"\xeb\x08\x01\x94\x16\xdc\x01\x94\x13M\xd3TU\x95$\xe9\xf0\xe1\xc3\x03\x06\x0eHIN!\xa2f\xad\x9a&lt;\xf1\xf4\x13\xab\x97\xad%\xa2j\xd5\xab\xcd\x9c1\xb3g\xcf\x9eT\xe2.\x01\x1e\x9fV\xa2\xdc\xbfc\xc7\x8e\xd8\xd8\xd8\x84\x84\x04\xf6\xad\x9e}\xba\x93\xa6}\xbbj\x03\xfb\xcf:u\xea\x8c\x1d;\xb6w\xef\xdeD\xa4(\nJ\xcf\x0f\x8b\xdd\xc2.X\xb0\xe0\xc3\x0f?\xb4~1  \xa0n\xdd\xba/\xbe\xf8b\xc5\x8a\x15\x83\x83\x83+U\xaa\xf4\xd2K/i\x7f\xbd\x03`\xffy\xe9\xd2\xa5\x0b\x17.\xa4\xa6\xa6\xde\xb8q#%%\xe5\xd4\xa9S\xd7\xae]3\x99L\xecg\xbav\xed\xbaa\xc3\x06\xdc\xa2\x952\x9b\xc6\x0f/\xac}\xcf\xb8\xb88o\x1fo"\x12H\x18&lt;b\xd0\xd9\x9b\'\xd2,\x7fN\x89\x9fh\xf46\xb2\xb7#"""77W\xfb[\x17\t\x1e\x8d\xf5\xcc_\xbdz5&lt;&lt;\xdc\xda\xe84{\xa5\xc9\xd7?.O3\xff\x99f\xfe\xf3\xeb\x1f\x977m\xd9\xd8\xfa\x89h\xd7\xae]bb\xa2\xf5\x9f\xa3\xcb\xf9w\xac\xa7\xff\xf7\xaf\xb3\xb3\xbdw\xef\xdej\xd5\xaau\xef\xde}\xd6\xacY\xbf\xfe\xfa+\xbb\xafz\x04\x05\x05\x05\'N\x9cX\xbat\xe9{\xef\xbdW\xa7N\x9d\xc9\x93\'k\xf7\xfe\\\xe0\xa6\xed\xd1 \x00\xca\x96\xaa\xaa\xec\x92\xbdz\xf5j\xaf^\xbdX\x13S\xe3\x99\xa7\xbf\xda\xb8$\xdd\xf2\xe7\xe9\x8c\xe3\'\xae\xfd~\xddty\xd7\xe1m\xc1!\r\xd8w\x1b6l\x98\x92\x92\xa2\xa1\xf5y&lt;\xd6J\x8e\xc9d\x8a\x8e\x8e\xaeR\xa5\n;\xbd\xcf\x04\xd6\x9a6o\xf2\xc5\x9c\xd3W\x8b.\x9c\xb8\xf6\xfb\x89k\xbf_-\xbap)\xf7L\xec\xdc\x98\x80\xaa\x01\xecg\\\xdd\\\xc3\xc3\xc3\xaf\\\xb9\xc2~\x955E\xa0d%\xed\xae\xdf\xd54-+++++\xab\xe4\xd7\x15E\xb1X,\x16\x8bE\x96\xe5\xfb\xb4\xd4\xec\x97\xb3\x9f\xbc\xe3\xc7L&amp;SZZ\xda\xbd\xfe!\xfba6P\xfc\xc0/\x054\r\x01P\xa6\xac\x97\xe3\xd6\xad[\xabW\xaf\xce\x1a\x97W_\xefx\xe4\xd2\xaf\xd7L\x97N\\\xfd\xfdT\xfa1\x96\x01\x97\xf3\xce\x9e\xbdub\xf0\x88A\xac\x8b\xea\xed\xe3\x1d\x17\x17\xc7\xfe-Z\x9f\x87U\xb2\x91Z\xbdz\xf5\xf3\xcf?\xcf\xce\xbc\xb7\x8f\xf7\x90Q\x11G\xff\xfc-\xdd\xf2\xe7\xc9\xb4\xa3\x7f\\?r:\xe3\xf8\xe9\x8c\xe3\x7f\\?r*\xedX\x9a\xf9r\xf2\xb9\x83\x1f\r\xfb\xc0\xd5\xcd\x95\xfd|@@@\\\\\x9c\xc9d\xd200\xa0iZ\x89\xde\xf7\x993g\xfe\xf1l\xb0\xa6\xfcq:1\xacAg\xbf\xe4\x1f\x7f\xf8\xe4\xc9\x93\xd6\xbf\x8bn\xd3\x83C\x00\x94\x15\xf6i\xb1X,C\x86\x0ca\xcd\xba\x97\xd1k\xdc\xd4\xcf\xffSp\xfe|\xe6\xc9\x13\xd7~g\xad\x0f\xfb\xdf\xc9\xebGOg\x1c\xcf\x90\xff\xb3|\xc3"\xff*\x95Y\x03\xd4\xabW\xaf\xabW\xafj\x18\x19~`%\x9b\xfe\xc4\xc4\xc4v\xed\xdaY\x0b;]\xba\xbf\xb6\xeb\xf0\xb6\x0c\xe5\xca\xd9\x9b\'\xee8\xf9\xec\x7f\'\xae\xfd~&gt;\xf3\xe4u\xf3\xe5\xedI\x9b:w{\xd5\xfa\x0f\xeb\xd7\xaf\xbfy\xf3f\xf6;\xb9}#\xac\x9d\xeb\xf4\xf4\xf4\x8f?\xfe\xd8\xcd\xcdm\xfa\xf4\xe9\xf7\xba\x1b(\x8b\xa1\xda{\xfdNvT\xfb\xf6\xedsss\xeb\xd0\xa1Cjj*\xfb:\xbaM\x0f\x08\x83\xc0\xa5O+1\xde;h\xd0\xa0\xc4\xc4D"z1\xf8\x85\x98Y\xe3\xff\xd5$\xf8F\xc6\xcd\xbb&gt;v\xa4i\x9a\xa2(&gt;\xbe\xdeW\xfe\xbc:~x\xcc\xa6\xef\xb7\x10Q\xf5\xea\xd5\x17/^\xdc\xbe}{\xc2\xc8\xf0?\xb1\x0e\x0f^\xbdzu\xcc\x981\xdf|\xf3Mqq1\x115x\xf9\xc5\xa1Q\x1f\xb7l\xdbBQ\x94\x82\xbc\x02I\'\xddkh\x97\xbd\x05\x9e\x06O\x9dN\xda\xf6\xf3/\xb1c\xa7\x9f\xfe\xe3\x0c\xfbVXX\xd8\xa8Q\xa3\xea\xd5\xabG\xfc\xcd\xd6\xb5\x9e\xd8e\xcb\x96\x8d\x193\xe6\xca\x95+D\xe4\xe2\xe2r\xe0\xc0\x81\xe0\xe0`M\xd3luY\xb2&amp;,33\xb3y\xf3\xe6\xa7N\x9d""ww\xf7O&gt;\xf9d\xf8\xf0\xe1\x06\x83\x81\xb7\xb7\xe9\xd1 \x00J\x99\xf5\xd3\x12\x1f\x1f?f\xec\x98\xec\xacl\x81\x84w&gt;\xe8\x1b\x153\xc2\xc5\xc5%/7_\xe7r\xbf\x8bR\x96e\xf7\n\xee...K\xe6-\x9f\x193\'7\'W\x10\x84\xb1c\xc7\x8e\x1e=Z\xa7\xd3a\n\xc4]\xb1g\xe8DQ4\x9b\xcd\x0b\x17.\x9c4yR\xda\xf54"\xaaR\xad\xca\x90\xcf"^\xef\xd5\xc5\xc3\xe0\x91\x93\x95\xf3\x80\x8f\xfb\xaa\xaaJ\x1a\x19\x8c\x86\xa2\xc2\xa2UKV\xcf\x9b\xf1\xc5\xcd\x8c\x9bt\xbbq\x89\x88\x88\xa8\\\xb9\xb25\xe3\xcb\xfa\xa5\xd9\x1ckF\xaf]\xbb6t\xe8\xd0\xb5k\xd7\xb2/\x86\x85\x85\x8d\x1e=:00P\xa7\xd3\xd9v\xa2\x14{#\xd2\xd3\xd3\xbf\xf8\xe2\x8b\xe9\xd3\xa7\x17\x15\x15\x11Q\xc3\x86\r\xe7\xcd\x9b\xd7\xa8Q#UU\x05A\xc0T\xae\xfb@\x00\x94\x1a\xed\xf6t\xc3[\xb7n\r\x1a4\x88}Z\xfc\xab\xf8\xc7\xce\x9d\xd8\xa1s\xbb\x9c\xec\xdc\x07l\xbe\xd9\xadn\xa5\xca\x15\x7f=\x98&lt;z\xc8\xd8#\xc9G\x89\xa8Y\xf3fK\x16/\t\x0c\x0c\xc4\xf4\xc4\x92J6\xc4[\xb6l\x191r\xc4\xf1c\xc7\x89\xc8\xcd\xcd\xad\x7fD\xbfw\x06\xf6\xa9\xfed\xb5\x07?\xf3%\xb1\x7fb\xf4\xf6\xbax\xfe\xf2\xcc\x989?\xac\xfb\xd9l2\x11Q\xf5\xea\xd5\'L\x98\xd0\xaf_?\xe2f\r\x89m\xdb\xb6\xbd\xfb\xee\xbbW\xaf^%\xa2:u\xea\xcc\x9c9\xb3c\xc7\x8e\xb6&gt;\xa8\xbb8q\xe2\xc4\xb0a\xc3\xb6n\xddJD\xae\xae\xaeS\xa6L\x89\x8c\x8c\xa4\xdbsLm|p\xf6\n\x01P:\xac\xf5\x99m\xdb\xb6}\x1c\xf9\xf1\xe9S\xa7\x89\xe8\xd5\xd7;\x8e\x9d:\xba\xfa\x93\xd5\xb22\xb3\xd9\x13\xed\x0f\xfe\x0be\x8bl\xf0\xf2\xb4X,1\xa3c\x97.\xf8\x8a\x88|}}ccc\xfb\xf7\xefOx`\xf5\xaf\xb3\xfbSSSG\x8c\x18\xb1y\xf3f\xf6\xadV\xedZ\x8e\x1c?\xec\x85\x86/\x14\xe4\x17\x14\x17\x17?N\x1d@\x96e777O/\xcf\x03\xbb\x0f\xce\x9a\x14\xb7o\xe7\x01\xf6\xf5\xb6m\xdb\x8e\x1c9\xb2M\x9b6\xecg\x1e\xf6\xcd\xb5\x7f\xacY(,,\x8c\x89\x89\x99&lt;y2\xfbbDDDtt\xb4\xd1h\xb4\xb7\xe4+y1\xc4\xc7\xc7\x8f\x193&amp;;;\x9b\x88\xbaw\xef&gt;m\xda\xb4\'\x9f|\x12\xf7\x01\xf7\x82\x00(\x05\xac9\x96e9&amp;&amp;f\xfc\xf8\xf1\x9a\xa6yyy\r\x8d\xfa\xf8\xddA\xefX,\x96\xa2\xc2\xa2Gk\x83\xd8\xaf\xf5\xf61~\xbbj\xc3\xc4QS\xd2\xaf\xa7\x13QXXX||\xbc\x9f\x9f\x1f\xcf%Nk\xfeedd\xc4\xc4\xc4,Z\xb4\x88\xdd\xfb\x07=\x1b4b\xfc\'\xa1\x9dZ\xab\xaa\x96\x9f\x97_*\xed2k\\\x0c\x06OQ\x92\xbe[\xf3\xfd\xacI\xf1\x17\xce]$"A\x10\xfa\xf5\xeb7b\xc4\x08\xa7\\C\x82\x95\xd7\xb3\xb3\xb3CBB\xce\x9e=[\xb9r\xe5\xf8\xf8x\xf6\x94\xa2\xdd\xbeRk%\xf0\xf0\xe1\xc3\x03\x06\x0cHII\xd1\xe9t\x87\x0e\x1d\n\x0e\x0e\xc6\xf8\xd9\xbd \x00\x1e\x8b\xb5\x04q\xe6\xcc\x99w\xfb\xbf\xbb\x7f\xdf~"\xaa\xf7\xc2s\xb1\xf3b^n\x1c|\xf3\x1e\xe3\xbd\x0f\xf5\xfb\x15E\xf1\xad\xe8\xfb\xe7\x85?\x87}\xf8\xd9\xbe\x9d\xfb\x89(((h\xc9\x92%M\x9b6\xb5^\xf1\xa5\xf5r\xec\x9f\xf5%[,\x96U\xabV\x8d\x1d;\xf6?\xff\xf9\x0f\x11U\xf6\xaf\xf4\xc1\xd0\x81o\xbd\x1b\xe6^\xc1=/7\x8fJ\xfb\xb4\xb0\xba\x9c\x8f\x9fOFZ\xc6\xb2\x05+\x96\x7f\xb1";+\x87\x88|||\x86\x0e\x1d:|\xf8p\xbd^\xefdo\x07k\xe8w\xec\xd8\xf1\xd9g\x9f\xad^\xbd\xbaV\xadZ\x0eq\xaf\xc3:F\xf9\xf9\xf9\xe1\xe1\xe1AAA\xd1\xd1\xd1v\x9bX\xf6\x00\x01\xf0\xe8\xac\x17\xd6\xe2\xc5\x8bG\x8c\x18\x91\x99\x99IDo\x0fxk\xf8\xb8O\xbc\x8c^9\xd99...\xa5\xf2\x87dYvww\xd7\xb9\xe8\xbe\x9c\xb3x\xea\x84\x99f\x93\xd9\xd5\xcd\xf5\xb3\x91\x9f\x8d\x1d;\x96\xb8\x99\x94R\xf26?!!a\xec\xd8\xb1\x87\x0e\x1d""77\xb7\xdeo\xf7\x88\x18\xfea\xd5\xeaUrs\xf3\x14\xb9\x0c?\xed\xb2\xac\xe8\xf5.F\x1f\xe3\xf1\xdfS\xbf\x98\xf5\xe5\xfao\xbec\x1f\x9f\xfa\xf5\xeb\x8f\x1a5\xca\xf9\xd6\x90\xd04M\x96ev\xf99\xd0ef\xfd`\x16\x16\x16\xba\xbb\xbb\x13\x91s\xbc\x1de\x01\x01\xf0\x88\xd8\xe7\xe1\xd6\xad[\x11\x11\x11\xabW\xaf&amp;"\xff*\xfeQ\x93F\xf6\xec\xd3=7;\xc7b\x91K\xb7\x19b\xbdK\xdf\x8a\xbe{w\xec\x1b1h4\xabBt\xe8\xd0!..\xaev\xed\xda\x0e\xd15{\x1c\xd6\xd6\'55u\xd2\xe4I\xab\xbfY\xcd\xbe\xce\xca\xfd\xf5\x1b\xd4/*(*.6\xe9$\x89\xca\xf8\x1ch\x9a\xa6\xc8J\x05\xcf\n\xee\xeen;\xb7\xed\x9e6~\xe6\xef\xc9G\xd9\xb7BCC\xa3\xa3\xa3\x1b5jD\xce\x15\x03\xe4\x80S\x901\xf0\xfb\x80\x10\x00\x0f\xcdz\xa7\xbfm\xdb\xb6\xc8\xc8\x8fO\x9d:MD\xcd[7\x9b&gt;\x7f\xf2\x935\x9f\xcc\xbc\x99Yvm\xb1,\xcb^F\xaf\xdc\x9c\xdc\t#\'\xad]\xb1\x8e\x88*U\xaa4w\xee\\;/\xce&gt;\x0ekK\x9a\x91\x911w\xee\xdc\xe93\xa6\x17\x15\x16\x11Q\x9dg\x83&gt;\xfcd`\xd7\xb0\xd7\x15Y.\xc8/\x14\xa5rmm\xd9sI\xde&gt;\xde\x05\xf9\x05\xdf\xad\xfda\xf6\xa4\xf8\xeb\xd7\xd2\x88\xc8\xd5\xd5u\xc0\x80\x01QQQ\x95+W&amp;gyG\x1c\xb41e-\x9b#\x1eyyB\x00&lt;\x1ckWt\xfc\xf8\xf1l\xbcW\xaf\xd7\x0f\x1f;t\xc0\xc7\xfde\x8b\\T\xf4\x88\xe3\xbd\x0fNQ\x14\xbd^\xef^\xc1m\xc37\xdf\x8f\x1b&gt;1\xf3V&amp;\x11EDD\xc4\xc4\xc48\xd9\xc3/\xac\xecn}\x04\xc9Z\xee\xaf\xe4_\xa9\xef{o\x0c\x18\xdc\xdf\xe0e\xc8\xc9\xce!\xdb\x95\xdd\xadSE\xaf\xfcyu\xf9\x17+\x17\xcf]\xc6\x1e=\x0b\x08\x08\x185j\xd4\xc0\x81\x03\x1dh`\xc0\xde&amp;\xf6\x94\x1d6n\xe7L\xf7g\x8f\x03\x01\xf0\xa0\xac\xe3\xbdg\xcf\x9e\x1d&lt;x0\x9bn\\\xef\x85\xe7bf\x8fo\xd4\xf4\xe5\xec\xac\x9cr{$\x92\x1d\x89oE\xdf\x93\xc7O\r\xfb`dJ\xd2a"j\x18\xdcp\xde\xdc\xff&gt;\xfcB\x8e\xd0\xe2\xdc\x87v\x8f\x05\x9c]]]\xff\xdd\xe3\xb5!\xa3?\xaeY\xbbFvf\xb6"+\x92\xce\xf6\xfdk6U\xd4\xc3\xd3\xe3h\xca\xd1\xc9c\xa6\xedN\xd8\xcb\xbe^\xbf~\xfd\xd8\xd8X6e\xde\xcekt\xd6\n\x8f\xc3\x95z\x1e\x96\x83\xde\xcd\x94\x1dg~\xb3K\x91u\x8b\xbb5k\xd64k\xd6\x8c\xb5\xfeo\x0fxk\xed\x96U\r\x1b5\xb8u3\xb3&lt;{O\xecHne\xdc\xaaY\xbb\xc6\xda\xcd+\x07\x8f\x18$\x90\x90\x92\x9c\xd2\xb2e\xcb\xd9\xb3g\xb3\xfdW\x1dw\xff&lt;\xeb~\x8dg\xce\x9cy\xf7\xddwC\xdb\x85\xb2\xd6\xbf\xe9+\x8d\xd7l^\x19\xbf|Ve\xffJ73n\x92F\xf6\xd0\xfa\x13\x91N\xa7\xb3X,\xb7n\xde\xaaS\xaf\xce\xca\xef\x97.]\xf7eP\xdd@":~\xfcx\xa7N\x9d\xdex\xe3\x8d\xd4\xd4T\xf6\xc4\xec\xbdvC\xb4-\xd6\xe8O\x9e&lt;\xf9\xf2\xe5\xcb\xa2(:q\x8f\x90\xb5\xfe\x8a\xa2L\x9a4\xc9\xbaH\xb5\xad\x0f\xca\xc6p\x07\xf0\xcfX]%\'\'g\xd8\xb0a\x8b\x17/&amp;"_?\xdf\t\xd3?\xefQ6\xe3\xbd\x0fNUTQ\x12\xbd}\x8d[\x7fL\x187&lt;\xfa\xe2\xb9KD\xd4\xabW\xaf\x993gV\xadZ\xd5\xce{\x9d\x7fg\xbdwa\xfb5\xc6\xc5\xc7\xb1\x02\xd73\x81\xb5\x06|\xdc\xbf\xc7[]u:)7\'\xcfn_\x14;~\x83\xd7\xdd\xd7\x90\x186l\x98\xd1h,Y\xd7\xb2\x07\xac\x8a\xb5|\xf9\xf2~\xfd\xfay{{\xcf\x993\xa7O\x9f&gt;6\\\xde\xa7\xec\xb0e!\x8e\x1c9\x12\x16\x16v\xfa\xf4\xe9\xf0\xf0\xf0%K\x968S\xc9\xf4\xd1 \x00\xee\xc7\xda$\x1d8p\xa0\x7f\xff\xfel\xc1\xa9\xe6\xad\x9bM\x98\xf6y\xdd\xe7\xeb\xde\xbaq\xcb\xe6\x8d\x11\x9b\x94\xe2S\xd1\'\xe3z\xc6\xa8\xc81\x9b\xbf\xdfJ\x0e\xb8\x84\\\xc9\x15\x1d\xd6\xacY3a\xc2\x84\x93\'O\x12\x91\xb7\x8fw\xbf\xf7\xfb\xbc\xf3A\xdf\x80*\xfe\x99\xb7\xb2H#Q\xb2\xf7\xd7r\xe7\x1a\x12\xdf\xfed6\x9b\x89\xa8N\x9d:\xc3\x87\x0f\xb7\xae!a\x0f5hvm\x1c;v\xacI\x93&amp;\xc5\xc5\xc5\xd5\xaaU\xdb\xb9sg\xcd\x9a5\xc9\x19\xc7NY\x7f???\xff\x8d7\xde\xd8\xb4i\x13\x11-]\xba\xb4_\xbf~\xce1P\xff\xc8\x10\x00\xf7Tr\xbcw\xf2\x94\xc9\xa6b\x93^\xaf\xff`\xc8\x80\xa1Q\x835\x8d\n\xf2\x0b\xec\xa7\xef\xc0\xca\xd0zW}\xc9%\xe4"##\xa7N\x9dj\xe7K\xc8\x95,\xf7\'%%\x8d\x193f\xfb\xf6\xedD$\nb\xb77\xff\xef\xfd\xc8\xf7\xea\xbfT/\'+\xc7l6\xdb\xcf\xd9~\x10\xb7\xd7\x90\xf08\xb8\'q\xda\x84Y\x07\xf7\x1cb_\xb7\x9f5$X\xe8\x12\xd1\xcb/\xbf\xfc\xfb\xef\xbf\xebt\xba\x03\x07\x0e\xfc\xeb_\xffr\x88\x1e\xc3\xa3a%\xa0\x9c\x9c\x9c\x06\r\x1a\\\xbcx\xb1B\x85\n\xc7\x8e\x1d\xabY\xb3\xa6\x13\xbf\xe4\x7f\x84\x00\xb8\x0bk\xabTr\xbc\xb7\xe635b\xe7\xc5\xb4l\xdb\xe2\xd6\x8d[d\x7f\xa3\xac\x8e\xb8\x84\xdc\xbd\x16pn\xfaJ\x93\x0f\x87\x0eh\xd3\xa1UQQqa~\xe1}\x16p\xb6g\xec*\xf22\x1adYY\xb7j\xe3\xc2\xd9\x8b\xce\x9f\xbd@D$Px\xbf\xf0\xe8\xe8\xe8\xaaU\xab\x92\xed\xa6\x8a\xb2\xbf;t\xe8\xd0Y\xb3f\x11\xd1\xacY\xb3"##\x9d\xbe$\xc2^uRRR\x8b\x16-\xccfsHH\xc8\xbe}\xfb\xd8\x00\x9e#^c\x8f\x0f\x01p\'\xeb\x07\xf2\xdbo\xbf\xfd\xe8\xa3\x8fn\xdc\xb8AD\xbd\xfa\xf6\x183e\x94\x97\xd1+7;\xf7\xfe\xeb9\xdb\x96\xc3-!g6\x9b\xa7N\x9d:\x7f\xfe\xfc\xeb\xd7\xaf\xd3\xed\x05\x9c{\xf6\xed\xee\xe2\xa2\xcb\xce\xcaa\x03\xda\xb6&gt;\xc6\xc7\xa2**\t\xe4\xeb\xe7\x93v=}\xd9\x82\x15\xcb\x16\xac`SW\x03\x02\x02\x06\r\x1a\xc4\xd6\x90\xb0\xc1Q\xa9*[3\xa7Q\xa3F\xb2,\xb7m\xdb6!!\xc1\xe9[\x7f\x86\xbd\xcc\xf1\xe3\xc7\x8f\x1b7\x8e\x88\xe6\xce\x9d;h\xd0 ;\xfch\x94\x0f\x04\xc0_\xb0\x8b#//o\xf4\xe8\xd1\xf1\xf1\xf1D\xe4W\xd1wllT\xb77^/*,6\x9b\xcd\xf6\x7f\x958\xc4\x12rl\x87\xa9\r\x1b6\xc4L\x8cI=\x91J\x7f]\xc09;3G\xd5\x9cj\xb5}Y\x96\xf5z\xbd\xd1\xc7x\xe2\xe8\x89\x991q?m\xd8\xc4\xbe\xfe\xdcs\xcfEEEu\xeb\xd6M\x92\xa4\xf2\x8c:\x16\x00-[\xb6\xdc\xbbw\xaf\xd1hLII\xa9Y\xb3\xa6S\x8e\xfd\xfe\x9dv{\x7f\xb1\xc6\x8d\x1b\x1f&gt;|\xd8\xc7\xc7\xe7\xd4\xa9S\x95*U\xe2\xb3\x10\x84\x00\xf8/\xebxoRR\xd2\xa0\x8f\x06\xa5$\xa7\x10Q\xf3\xd6\xcd\xc6O\xfb\xfc\xb9\xe7\xeb\xde\xba\x99\xe9@7\x89w]B\xaeN\x9d\xa0\xc5\x8b\xedb\t9\x16Q\xfb\xf6\xedk\xd1\xa2\x05\x11I\x92\xd4\xe9\xdf\x1d"F|X\xff\xa5z\x85\xf9\x85\x8f\xb9\x80\xb3\xddb\xc3\xf5\x1e\x06\x0fI\x92\xf6\xfc\xb2oz\xf4\xac#\xb7\xd7\x90\xd8\xbbwo\xf3\xe6\xcd\xcb\xad\x13\xca\xfeP||\xfc\xe0\xc1\x83\x89(&amp;&amp;f\xd4\xa8Qv\xd23(\x1f\xd6+\xb0U\xabV\xaa\xaav\xeb\xd6m\xed\xda\xb5v5;\xab\xdcp\x97xw%\xcb2\xab6\xcc\x9e=\xbbe\xcb\x96)\xc9)\x02\t\x83G\x0cZ\xf5\xc3\xb2\x9a\xb5k\xdc\xb4\x83\xd9&gt;\x0f\x85\xcd\xa3\xcf\xbc\x99Y\xc9\xbf\xd2\xd7?.\x8f\x8a\x19\xa9\xd7\xebO\x9d:\xdd\xa6m\x9b\xf1\xe3\xc7\xb3Wj\xf39\xe9\x16\x8bE\x14EI\x92\xc6N\x8dZ\xb2\xee\x8b\xc0\xba\xb53ofZ,\x16gm\x86\x04A\xd0\xb9\xe8\x8a\n\x8b\xf2r\xf3^\tm\xf1\xfd\x8eo\x07\x0f\x1f\xc4:\xfe\x16\x8b\xa5\x9c\x8f\x84\x88n\xde\xbcID\xb5k\xd7\x1e6l\x18o\x05\x10\xb6x{\xf3\xe6\xcd\xd9\x9cW\x93\xc9\xc4\xaeF[\x1f\x97\r8\xe7\x87\xed\xc1Y\xc7{\xaf]\xbb\xf6\xee\xbb\xef\xb2\xf1\xde\x1a\xcf\xd4\x1875\xaaC\x97\xd0\xac[\xd9\x9a\xa69h\x93\xa4\xd3\xe9L&amp;\x93\xd9l\xfe\xe8\xd3\x0f^n\x12&lt;:rl\xea\xd1\x13\xe3\xc6\x8dKLLdK\xc8\xd9vdX\x10\x04v/\x12X\xa7\xb6\xd9d\xce\xcf\xcb/\xad\xc5S\xed\x19ke\xb2ne\xf9U\xf6m\xd6\xbai\xdc\xd4yT\xees.EQTUu\xfc\xf8\xf1\x06\x83\xc1\xdb\xdb[\xaf\xd7\xb3\x87\xef\xca\xf3\x18l\x8e=\xf26x\xf0`ww\xf7\xf9\xf3\xe7s[\x08\xe11\xf4\xac\xd8\xb3!:\x9d\xee\xdbo\xbfm\xd4\xe8_\xac\xf5\xef\xdc\xed\xd5\x8d\xbf\xaci\xf7j\x9b\x9b\xe9\xb7\x1c}u\x14\xd6\xbe\xdf\xba\x99\xd9\xb0\xd1K\xdfn\xfd\xbaW\xdf\x1eD\xb4u\xeb\xd6f\xcd\x9a\xadY\xb3\x86\xdd\xd6\xd8\xfc\x99\xe1\xa2\xa2bG?\xcf\x0fK\xd2I\xaa\xa2\x16\xe4\x17\xd8\xea\x00X\x06\x0c\x1b6\xac\x7f\xff\xfe\x9c\x96&gt;DQ\x10\x84\x97^zi\xfe\xfc\xf9D\xc4\xed\x96a\x1c}\xea\xee\xc0\xca&gt;yyy\x83\x07\x0f\xee\xd5\xab\xd7\x95+W\x8d\xde\xc6)\xf1\x13\x17\xad\x9eo0\x182oe\xd9\xf3l\x9f\x87\xa2\xd3\xe9r\xb3\xf3\\\xf4.3\x17\xc6\xc6-\x99\xe9W\xd17###,,\xec\xbd\xf7\xde\xcb\xcb\xcbc\xb7\xc36&lt;&lt;Q\xe4\xf1\x83g\xf3\xccc\x19\x80\xb5q\xd8m(\xb7x\x0c\x00k\xd9\xe7\xf0\xe1\xc3\xadZ\xb7b\xb3}\x82C\x1a|\xbf\xf3\xdb\xb7\x07\xf4\xc9\xbc\x95%[\x9cm@L\xd2I\x8a\xac\xe4d\xe7\xf6\xea\xdb}\xdd\xb6\xd5\xcd[7#\xa2\xc5\x8b\x17\xb7j\xdd*))I\xa7\xd3\xb1y\x11\xb6&gt;L(W\x0e4\xaf\xa1\xecpu\xeb\xf9w\xdc\xbdx\xeb\xb2n\xf1\xf1\xf1m\xda\xb6\xb1\x8e\xf7\xae\xde\xb4\xb2f\xed\x9a\x99\xb72%I\x12\x9c\xb1O\xca^\xf5\xcd\x1b\xb7j\xd6\xae\xb1\xea\x87e\x83G\x0c""\xa7YB\x0e\x1c\x02\xeb{\xc9\x7f\xa3(\n\xfa\x1f6\xc1W\x00\xb0\xd9\x0e\xd7\xae]\xeb\xdd\xbb\xf7\xe0\xc1\x83\xb3\xb3\xb2k&lt;\xf3\xf4\xf2\x8d\x8bG\xc7\x8cP\x15\xb50\xbf\xd0\xc9:\xfe\x7f\xa7\xd3\xe9\x8a\n\x8b\x8a\n\x8bF\xc7\x8c\xf8j\xe3\x92\x1a\xcf\xd40\x99LC\x86\x0c\xe9\xd8\xb1\xe3\xb5k\xd7$IB\x06@\xa9c\xed\xbe\xb5\xef\xa5\xfb\x1b6\x1b\x8a\xfd\x98\xad\x0f\x96/N\xde\xde\x95\xc4\x06\xbb\xb6m\xdb\x16\x1e\x1e~\xed\xda5"\xea\xf4z\xc7I\xb3\xc7W\xaeR\xf9f\xfa-I\'\xd9\xffBc\xa5\x82\xdd\xf3\xdeL\xbf\xd5\xee\xd56\xcf7\xa87\xe6\x93\t?m\xd8\xb4u\xeb\xd6\x97_~y\xe9\xd2\xa5\xed\xdb\xb7G]\xd8Y\x95\xff;k]\xe6\x8f\x8d3\xe7\xe7\xe7\x9f:u\xea\xec\xd9\xb3\x97/_\xce\xce\xce6\x99Lz\xbd\xde\xd7\xd7\xb7v\xed\xda\xf5\xeb\xd7\xaf]\xbb\xb6$I\xb6\xdd\xc9\x8b\xb7\x8b\x9f\x97\x00`\x8f\xf9Y\x9f\xff\xaeT\xb9\xd2\x87\x9f\x0c\xe8\xffQ\xb8\xd9d\xcer\xa2\xf1\xde\x07\xa7s\xd1e\xde\xca2\x18\x0c\x8bV\xcf_\xb6`\xc5\xcc\x989\xd7\xae]\xeb\xd0\xa1\xc3\xb8q\xe3\xc6\x8e\x1d\xcb\xe7S\x91N\x8fM\xbd-\xcf\x19/\xac\xcb\x9f\x9d\x9d\xbde\xcb\x96\xef\xbf\xff\xfe\xe0\xc1\x83W\xae\\\xb9\xebO\xea\xf5\xfaF\x8d\x1a\xbd\xff\xfe\xfbo\xbc\xf1\x06\xd9h\x15[\x0e/{^\x1a&gt;\xf6\xd6\xb2\x1bLA\x10\x86}\x1e\xf9\xe1G\x03\xff\xbc\xfe\x1fQ\x14\x9d\xbe\xecs/:\x9dN\xb6\xc87o\xdc\xfap\xf0\xfb\xa2(\x8e\x1c\x1ce\xbd\x07\xe7\xf0\x93\xe0\xf44M\xcb\xcb\xcb\xf3\xf2\xf2*\xb7?GD\x97/_\xfe\xf2\xcb/W\xae\\im\xf7\xd9\xc4\xeb\x92W\x17\xbb\xea\xccf\xf3\xbe}\xfb\xf6\xed\xdb\xb7j\xd5\xaae\xcb\x96\xf9\xfb\xfb\x97\x7fg\\\x14\xc5\x82\x82\x02\xbd^\xcf\xc3#)\x0c/\x1frv\xc1\xbd\xfd\xf6\xdbnnn\x9a\xa6\xa5$\x1d\xce-\xce%\xee\xe7\x00\x08\xa2 \x08B~q^J\xd2aM\xd3\xdc\xdc\xdc\xde~\xfbm\xe2\xfe\xb48\x19\xd6\x16ggg\x07\x07\x07\xb7l\xd9r\xce\x9c9DT\xd6\xd5vV\xf1\xdf\xb4i\xd3\xe4\xc9\x93\xaf\\\xb9"I\x92\xb5a\xb5X,\xa6\x12\xccf3+\xcf\xb2\xe1\x81-[\xb6\x84\x86\x86\xde\xbau\xab\xdcv\xecb\xa7b\xe7\xce\x9d\xad[\xb7\x0e\n\n\xda\xbf\x7f?\x95\xfd\xf9\xb1\x13\xbc|\xce\xd9\xac\xe7\x1a5j\xbc\xf4\xd2KD\xb4;a\xef\x8d\xf4\x9b\xae\xae\xae\xdc&gt;\x01\xc8h\x9a\xe6\xea\xeaz#\xfd&amp;\xdb\xc9\xf6\xa5\x97^\xaaQ\xa3\x06\xba\xffN\x86M\xb09x\xf0\xe0\xd9\xb3g\xf7\xee\xdd\xeb\xef\xefO\xb7S\xa1\xec\xb0\xa2\x7f\x9f&gt;}\x9ex\xe2\t\x17\x17\x17A\x10\xccf\xb3\xc5b\xd14\xadZ\xb5j\x8d\x1b7\xee\xd8\xb1c\x97.]^y\xe5\x95\'\x9f|\x92-\x0e\xa8i\x1a[5\xef\xf8\xf1\xe3\x03\x07\x0ed\x9f\xd92=H\x86\xddg\xd4\xacYs\xd7\xae]W\xaf^e\x0f\x84r\xd22p\xf49g\xedZ\xd7\xae]\x89(#\xfdF\xd2\x81\xdf*x\xb8s&gt;\xf9LU\xd5\n\x1e\xeeI\x07~\xcbH\xbfAD]\xbbv-\xb7O\x1d\x94\x1b\xd6\x96m\xdf\xbe]\x10\x04\x1f\x1f\x1f\xeb\x1a|e\xfaG\xd9\x1e\xc8^^^\xfd\xfb\xf7\xb7X,\xb2,?\xff\xfc\xf3\x13&amp;LHNN&gt;}\xfa\xf4\xc1\x83\x077o\xde\xfc\xc3\x0f?\xec\xda\xb5\xeb\x8f?\xfe\xd8\xbauk\xe3\xc6\x8d\xd9\'\x94\xad\xb9\xbba\xc3\x86\xfd\xfb\xf7\x97\xcf\xb446\x01\xe9\xa9\xa7\x9ej\xdc\xb8\xb1(\x8a;w\xeed{\xf5\x94\xf5\xdf\xb5\x07\x1c\x05\x00\xeb\xd5v\xe9\xd2\xc5\xd5\xd5\x95\x88\xb6\xfd\xb4\x9d\xab\xe1\xfe{\x11\x04a\xdbO\xdb\x89\xc8\xd5\xd5\xb5K\x97.\x84\xfa\x8f\xd3a\xa1~\xe4\xc8\x11M\xd3\x02\x03\x03\xcb\xad\xbc\xce\x1a\xd6\xf0\xf0\xf0^\xbdzm\xd9\xb2\xe5\xc8\x91#\x9f\x7f\xfey\xc3\x86\r=&lt;&lt;\xac\x13CUU\xf5\xf0\xf0h\xdf\xbe\xfd\xee\xdd\xbb\xdb\xb4i\xc3\xa6\x0c\xb1a\xea\x95+WRy\xf5\xc4Y\xc1*$$DU\xd5\x0b\x17.dee\t\x02\x17+%s\xf4Qg\x1f\x83g\x9ey&amp;88\x98\x88\x0e\xedK\xba\x99q\xd3\xc5\xc5\x85\x87\xb7\xf9\xae4Msqq\xb9\x99q\xf3\xd0\xbe$"\n\x0e\x0e~\xe6\x99gP\xffq2l\x95\xff\xfc\xfc\xfcs\xe7\xce\x11QHHH\xb9=\xed\xc1\x9e4\xae^\xbd\xfa\x9a5k:t\xe8\xc0\xee\t\xac\xebO\xb0\xa2?\x0b\t\xb3\xd9\xac\xd7\xeb\xe3\xe2\xe2\\\\\\\xd8\x0fh\x9a\xf6\xeb\xaf\xbf\x96\xdb:E,\x0e\x9b7oND\xd9\xd9\xd9\xa7O\x9f&amp;&gt;V\x89\xe0\xeb\xa3\xceZ\xb7\xd0\xd0P"\xcaH\xbf\xf1G\xeai7w7\x1e\xde\xe6\xbbRU\xd5\xcd\xdd\xed\x8f\xd4\xd3\xac\xfe\x13\x1a\x1a\x8a\xfa\x8f\xf3a\xfd\x9bs\xe7\xce\xb1\xbd\xed^|\xf1\xc5\xf2?\x00\xd6\xd9g\x0b\xeb\xfe}\xfd\tA\x10\xf4z\xbd\xa6iu\xeb\xd6\r\n\n\xb2\xde\x9d\xa4\xa7\xa7\x17\x14\x14\x94OO\x9c\xfd\xc5g\x9f}\xd6\xcd\xcd\x8d\xdd-\x11\x1f\xc3\x00|\x05\x00{\x9b\xdb\x85\xb6\x13EQ\x91\x95\x84\x9f\x7f\xd1\xbbr}\x07\xa0wuI\xf8\xf9\x17EVDQl\x17\xda\x8el\xf7\x00\x0e\x94\x11vy_\xb8p\xc1b\xb1\xe8\xf5\xfa\x17^x\x81\xca\xb7\xcag\xed\xec\xdf\xff\xd2b\xc7\xe9\xe7\xe7g\xfd\x8a\xd9l.\xb7e\nY\xcc&lt;\xf1\xc4\x13\xd5\xabW\'\xa2\xb3g\xcf\x12\x1f\x9f\x05\xbe\x02\x80=g\xd80\xb8a`` \x11\xed\xda\xbe\';3\x9b\x9f9\xbfwpqq\xc9\xce\xcc\xde\xb5}\x0f\x11\x05\x06\x066\x0cn\xc8\xe7\xca\xc0\xce\xcdz\x07 I\x92\xc1`x\xfa\xe9\xa7\xc9.\x9b6V\xf7\xcf\xcf\xcf\xb7~\xc5\xdd\xdd\xbd\xdc6Lf\x01P\xa1B\x85\'\x9exB\x14E\x04\x80\xd3R\x14E\xaf\xd7w\xee\xdc\x99\x88.\x9e\xbft$\xf9X\x85\n\xee\x9c\xcc\xf9-IQ\x94\n\x15\xdc\x8f$\x1f\xbbx\xfe\x12\x11u\xee\xdc\x99m\x0cb\xeb\xe3\x82R\xc6Z\xb1\xc3\x87\x0f+\x8a\x12\x10\x10\xc0\x9e\x83\xb1\xf5A\xdd\x89\xd5\xfdo\xdc\xb8\xc1Z^\xa6j\xd5\xaa\x15*T(\xb7\xc7\xc1\xd8ia\xd3\xa0\x8f\x1f?^XX\xc8\xc380w\x01\xc0.\xa6n\xdd\xba\xb1zw\xc2\xa6\x1d.\\V\x814MsquI\xd8\xb4\x83\x8d\x8bt\xeb\xd6\x8d\xf8\xe8\xf2\xf0\x86\x8d\xb2v\xe8\xd0\xa1C\x87\x0e5j\xd4pww\xb7\xc3\xe5n\xd8\xe6t\x8b\x17/\xce\xcd\xcd\xb5\xde\x836k\xd6\x8c\xca\xf1\x81,k\x00\xbc\xf8\xe2\x8b\xef\xbf\xff&gt;\xf1\xf1q\xe0n\x15\x04V\x05z\xe9\xa5\x97\x02\x03\x03O\x9d:e\xad\x02\xf1\x96\x01w\xd4\x7f^z\xe9%\xd4\x7f\x9c\x12k\xc5\xc2\xc3\xc3\xc3\xc3\xc3\xd3\xd2\xd2\xecp\x96\x97\xc5bqqq\xf9\xf5\xd7_\'N\x9c\xc8\xe2\x8a\x88$I\xea\xd7\xaf\x1f\x95\xe3p\x05[\x12\xe6\xbd\xf7\xde\x8b\x8a\x8a\xb2~\xd1\xe93\xc0\xbe.\x85\xf2\x81*\x10\xea?\xbca3\xee\x03\x02\x02\xec\xb3\xf5\xff\xed\xb7\xdf:w\xee\\XX\xc8z!\x8a\xa2\x0c\x1a4\xa8^\xbdz\xec\xce\xa0&lt;\x8f\x87=&amp;m\xdb=\xf2\xca\x93}]\r\xe5\x03U \xd4\x7fxc\x9dqo\xeb\x03\xf9\x1f\xb6\xf0\x83\x8b\x8b\x0b[\xfc\'##\x83\xad\xcch\xb1X\x9a4i2e\xca\x14\x9b\xdc\xac\xb0G\x10\xf8Y \x92\xc7\x00(Y\x05".\xe7\x02\xa1\xfe\xc3\'\xfb\xc9xk;;w\xee\xdc\xd7^{-\'\'\x87\xedIg\xb1XBBB~\xfc\xf1Gwww\x9bl\xd4\xce\xdb\xee\xf0&lt;\x06\x00\xf1]\x05B\xfd\x07l\x8b\xb5\xfe\xa2(FFFFDD\xb0\xff\xcf\x9e\x13~\xed\xb5\xd7\xb6o\xdf\xee\xe7\xe7\xc7\xf6-\xb0\xf5\x91:?N\x03\x80\xe7*\x10\xea?`[\xec\xc2\xeb\xdf\xbf\xff\x9c9st:\x1d\x9bm\xa9(\xca\x90!C~\xfc\xf1G\x83\xc1`\x87#\xd5\xce\x8a\xd3\xb3\xccs\x15\x08\xf5\x1f\xb0!\xb6/wLL\xcc\x92%K\xac+\xff\x08\x82\xb0p\xe1\xc2\x993gZo\x0el}\x98\xbc\xe0\xf7D\xff\xad\nt\xbc\x82\x87\xf3W\x81\x14E\xa9\xe0\xe1~$\xf98\xea?\\QU\xd5\x1ef\xb6\xb0\xc5&gt;\xff\xf8\xe3\x8fq\xe3\xc6Y\xd7\xa4\xd3\xe9t\xeb\xd7\xaf\x1f0`\x80,\xcb\xf6P\x82g+\x17\xd9\xf6\x18\xca\r\xbf\x01pG\x15h\xfb\xcf\t:\x0e\x9e\x06\xd04M\xe7\xe2\xb2\xfd\xe7\x04\xd4\x7f\xb8b\xdd\xfa\xd4\xb6W8\xfb\xebs\xe7\xceem=\x11\xa9\xaa\xbal\xd9\xb2\xff\xfb\xbf\xff\xb3X,\xac\x1cd\xc3\xc3\xa3\xdb\x11\xc5\xcf\r1\xbf\x01pG\x15\xe8\xb7C\xc9E\x85\x85N\xff\xc6K\x92TTX\xf8\xdb\xa1dB\xfd\x87\x1b\x9a\xa6\xa5\xa4\xa4L\x9a4i\xd0\xa0Ad\xbb\x0c`W\x9a,\xcb;w\xee\x14\x04\x81u\xbcz\xf7\xee\xfd\xe6\x9bo\xb2\xa7\x01lrTV\xac\xd7\xbf`\xc1\x82\x0f?\xfcp\xd7\xae]f\xb3\xd9\xb6\xc7S&gt;\xf8\r\x00"RUU\xaf\xd77n\xdc\x98\x88N\x9f&lt;w\xfa\xc4Yw\xa7^\x1dZUUww\xb7\xd3\'\xce\x9e&gt;y\x8e\x88\x1a7n\xac\xd7\xeb\x9d\xf8\xf5\x02\xdd\xde\xead\xdc\xb8q\xa3G\x8f&gt;p\xe0\x80,\xcb6\x0c\x00"\xbaq\xe3\xc6\x95+W\xd8\xa8/\x11\r\x1c8\xd0N\x86|\xd9\xe1\x9d:uj\xc1\x82\x05aaa&amp;\x93\xa9\xdc6%\xb6!\xdb\x9fw\x9bce\x10Sq\xf1\xcem\xbb\x9d{{\x00\xb6\x01\xc0\xcem\xbbM\xc5\xc5t\xfb\x85\x83scM\xd8\xcb/\xbf\xac\xd3\xe9\xae_\xbf^XXh\xdb\'\xc2\xb2\xb2\xb2\xd8\xa6\x8fDd0\x18\x02\x03\x03\xd9\x13\x00\xb6:\x1e+v\x0cg\xce\x9c\xd1\xe9t\xf5\xeb\xd77\x18\x0cv\xb8hR\xa9\xb3\xfdy\xb7!\xf6\x96\xb7h\xd1\xa2j\xd5\xaaD\x94\xb0yGQQ\x91\x13\xd7C$I***J\xd8\xbc\x83\x88\xaaV\xad\xca\xf6\x86\xb5\x87\xcf\x1e\x94\xb5\'\x9exB\x96\xe5\x82\x82\x82\xf4\xf4t\xb2\xe9H\x80\xc9d\xb2X,l\xa0\xd5l6{xx\xd8\xeaH\xee\xc0\xb6\xadOKK\x93e\xf9\x89\'\x9e [\x8f\x97\x94\x0f^\x9ex\xbe+A\x10\x14E1\x18\x0c\xed\xda\xb5[\xbe|\xf9\x89c\'O\xa5\x9e\xae[\xafNaa\x91\xf35\x8b\xaa\xaaV\xa8\xe0~2\xf5\xd4\x89c\'\x89\xa8]\xbbv\x06\x83\x81\xcd\xc9\xb3\xf5\xa1A\x19b}\xd8:u\xea\x88\xa2XPPp\xec\xd8\xb1\xc0\xc0@\x9b4m\xecH\x8cFc\xabV\xad\xd8\xdc\x7f\xa3\xd1h\'\x8b.\xb02TZZ\xda\x85\x0b\x17\x88\xa8n\xdd\xba\xc4G\x008[3\xf7h\xbaw\xefNDf\x93i\xe7\xb6=\xceZ\x05\xba]\xff\xd9c6\x99\xe8\xf6K\x06\xa7\xc7\xba2\xb5j\xd5\xf2\xf1\xf1!\xa2\xa3G\x8f\x92\x8d\x9a6\x16\x005k\xd6\xdc\xb9s\xe7\x8e\x1d;v\xee\xdc\xf9\xddw\xdf\xb1;\x00\x9bWZ\xac\x03\x00lG\x9a\xfa\xf5\xeb\xdb\xc3Q\x95\x03\xde\x03\x80\x9f*\x10\xea?|b}m__\xdf\x1a5j\x10QRR\x92\xcd\x9f\xb4Rn\xb3\x9f\x9e\x16\x0b\x80\xa4\xa4$"2\x18\x0c\xcf&gt;\xfb,!\x00xP\xb2\nDD\xac\n\xe4|s\x81\xd8\xfc\x9fS\xa9\xa7\xef\xa8\xff\xf0p\x89\x83\xaa\xaa:\x9d\xae^\xbdzDt\xf4\xe8\xd1\xac\xac,\x1b\x8e\x03[\x97\xfbg\xdd,;\xf9\xa0\xb1D\xdc\xbbw/\x11U\xaf^=  \xc0\xe61Y&gt;\x9c\xff\x15&gt; \xe7\xae\x02\xa1\xfe\xc33\xd6\xe6\xb2\xca{FF\xc6\x91#G\xc8v-/\xdb#\xbe\xa0\xa0\xc0\xba\x02\xa8\xcdK\xed\xac\xad\xcf\xcc\xccLII\x11\x04\xa1I\x93&amp;\xfcL\x8fF\x00pQ\x05B\xfd\x87g\xecbn\xd3\xa6\x8d\x8b\x8b\x8b\x97\x97\xd7\xbe}\xfblr\x18\xac\xa1\xbfz\xf5j\x9f&gt;}\x82\x82\x82j\xd7\xae\xdd\xbe}\xfb\xe4\xe4dA\x10l\xdb\xda\xb2\xbf\x9e\x9c\x9c\xcc\x0e\xf2\xd5W_%&gt;F\x80\x89\xf3Y@\x8c\xd3\xcf\x05\xc2\xfc\x1f\xce\xb1B\x9f\xbf\xbf\xff\xee\xdd\xbbk\xd7\xae\xcd&amp;\xde\x94\xff\xbb\xcf\x9e\xabz\xeb\xad\xb7v\xef\xde\xcd\xbe\xb2}\xfb\xf6\xe4\xe4\xe4\x13\'N\xf8\xfb\xfb\xdbp\xd2=;\x15M\x9a49\x7f\xfe\xfc\x993g\xd8\xd2\x00\x9c|:\x9c\xa1\x81+-\xceZ\x05B\xfd\x07\x88H\xa7\xd35n\xdc\xb8b\xc5\x8a\xde\xde\xde\xe5\xff\xd7\xd9&lt;\xcbK\x97.\xed\xdd\xbb\x97mO&amp;\x08\x82^\xaf\xcf\xcc\xccd+C\xd8|\xfd5OOO\x1f\x1f\x9fF\x8d\x1a\xb1\xe9R\x9c\x0c\x8f!\x00\x88\x9c\xbd\n\x84\xfa\x0f0\x8a\xa2\xd8vy\x83\xac\xac,\xb6\x08\x04[\x05\x9a\xa5\xc2\xcd\x9b7mu&lt;%\xb13\xc3N\x91\xad\x8f\xa5\xfc\xa0\x15 \xba\xdb\\\xa0?\x8e\x9fr\x8e\xb9@l\xfe\xcf\x1f\xc7\xef\xac\xffp\xd2\xc1\x81\x92$I\xb2\xedz\xcb\x95*Ub\xf3\x7f\xd8\x1d\x00[\x0f\xaeJ\x95*\xb6:\x9e\x92\xd8\x99a\xa7\xc8\xd6\xc7R~\x10\x00\x7f\xd1\xa3G\x0fA\x10\xcc&amp;\xd3\xfe]\x07\xdd*8I\x00\xb8Up\xdb\xbf\xeb\xa0\xd9d\x12\x04\xa1G\x8f\x1e\xb6&gt;"\xe0\x11k\xeb\x9f|\xf2\xc9\x0e\x1d:X\xef\x00\xccfs\xb5j\xd5\xda\xb4i\x83%im\x05\x01\xf0_\xac$\xd2\xb8qc___"J\xda\xf7\xab\xc5"\x0b\x82\xc3\x9f\x1fA\x10-\x169i\xdf\xafD\xe4\xeb\xeb\xcb\x96&gt;E\xfd\x07\xca\x1f{$m\xf9\xf2\xe5\xe1\xe1\xe1\xd5\xabW\xaf\\\xb9r\xa7N\x9d\xb6m\xdb\xc6&gt;q\\\xf5\xbb\xed\x07f\x01\xfd\x17\x9b\x8b\xe6\xed\xed\x1d\x12\x12\xb2i\xd3\xa6_\x0f%_&gt;\x7f\xb9J\xb5*f\xb3\xd9q/MM\xd3\xdc\xdc\\/\x9f\xbf\xfc\xeb\xa1d"\n\t\t\xf1\xf6\xf6\xb6\x93\xd5w\xc1\xe6\xd8\rn\xb9]\x0c\xecs\xe4\xe7\xe7\xb7d\xc9\x92\xc2\xc2B\x8b\xc5b4\x1a\x89\xc8\x86\xf3\x7f\xd88\x04\xcf7\x1fh\x08\xfeGUUk\x91$/7o\xdf\xce\x03\x8e\xbeI$\xdb\x00r\xdf\xce\x03y\xb9yt\xbb\xc0eou-V\r\xb0\xf5Q\xd8\x80m_\xb5\xa2(6Y\x87\x99\r\xb4V\xa8P\xc1h4\xaa\xaa\xca&gt;t\xe5|\x0cV\xac\xe8\xef\xd0\x9f\xf1\xc7\x84\x00\xf8\x1f\xd6\x11h\xdf\xbe=\xeb\x98l\xfb9AQ\x14\x87\xae\x02\t\x82\xa8(\xca\xb6\x9f\x13\x88\xc8h4\xb6o\xdf\x9e\xeco\x82\xb3\x87\xa7\x87(\x89\\}\x08Y\xc7\xd3Eo\xb3=\xb0X\xb7w\xd7\xae]\xbbw\xeff\x07Sn\x7f\x9a\xb5\xb9\xd6\xcd\xdfmu3\xca\x0e\xe0\xcf?\xff\\\xb9r%;\x1e\x9b\x1c\x86\xcd9p\xebV\xeaX\xef8  \xa0y\xf3\xe6D\x94\x9cx\xf8\xd2\xf9\xcbnn\xae\x0ezq\xb0\xfa\xcf\xa5\xf3\x97\x93\x13\x0f\x13Q\xf3\xe6\xcd\x03\x02\x02l\xdb\xe1*\x89}\xfe%I\xda\xbf\xf3\x80\xd9d\xf6\xf1\xf5\x91e\xd9\xde\xeeN\xca\x82,+z\xbd\xde\xb3\x82g\xfa\xb5t\x9bL;a\xd7\xc0\xda\xb5k_}\xf5\xd5\xa8\xa8(V\x9a/\xcf\x03\xa0\xdbSn\xca\xf9\x8f\x96\xc4&amp;\xc2-]\xba\xb4o\xdf\xbe\xe3\xc7\x8f\xb7\xe1Fi\xb6\x85\x00\xf8\x0b\xd6\x00\xb1G\xa5\x1c\xbd\ntG\xfd\x87\xbd(\xfbia]\\\\TUU\x14%n\xea\xbc\xd7[\xf5\xd8\xbbc\x9f_E_7w7Y\x96m}he\x85]H\xbe~\xde\xb99\xb9\x91\x03\x87}&gt;t&lt;\x9b\x7f\\\xce/\x99\x05@RRRQQQbb\xe2\xfa\xf5\xeby+\x83\xb0\x1b\xa0\x0b\x17.\xc4\xc5\xc5\t\x82\xf0\xc3\x0f?\x90\xad+r\xb6\x82\x00\xf8\x0bg\xaa\x02\xd9m\xfdG\x92$UUCBBV\xaf^\xfd\xdcs\xcf\x11\xd1\x91\x94covy\'\xa2\xdf\x90\x0bg/V\xaa\\\x91\x88\x14\xd9\xa9\xda#\x16uFo\xa3$I_\xcc^\xdc\xa1q\xe7\xaf\xbe\\UPP\xa0\xd3\xe9"""\x1a6lX\x9e#\xf3\xac\xe21a\xc2\x84Z\xb5j)\x8a2r\xe4\xc8\xbc\xbc&lt;\xe2\xa9\x05d\x118r\xe4\xc8\xac\xac,\x17\x17\x97e\xcb\x96\xd9|Kz[q\xc8\xa6\xad\xec8M\x15\xc8\xce\xeb?\xa2(\xba\xb8\xb8\xf4\xee\xdd\xfb\xf0\xe1\xc3\xd1\xd1\xd1&gt;&gt;&gt;\x9a\xa6\xad\xfbzc\xd7\xb6=c\xc7\xcd "o_o6Bh\xeb#}\\\x9a\xa6\xc9\xb2\\\xc1\xa3\x82\xc1\xcb\xb0k\xfb\x9e\x1e\xed\xc3\xc6\x8f\x98x#\xe3&amp;\x11u\xea\xd4)%%%..\xce\xc7\xc7\x87=\x18U&gt;\x87\xc4.rOO\xcf)S\xa6\x10\xd1\xf9\xf3\xe7?\xfb\xec3~n\x02\x14E\xd1\xe9t\xeb\xd6\xad[\xb7n\x1d\x11\r\x180\xe0\x85\x17^`C\xe2\xb6&gt;4\x1b\xe0\xf15\xdf\x9fsT\x81\xec\xbc\xfe\xc3(\x8a\xa2\xd7\xeb\xa3\xa2\xa2\x12\x13\x13\xc3\xc3\xc3\x05A\xc8\xc9\xce\x9d1qv\x97\x96\xdd\xd6\x7f\xbd\xd1\xe0e\xf0\xf0\xa8\xa0\xc8\x0e\xfch\xbe,\xcb\x92N\xf2\xad\xe8{\xfa\x8f3\x1f\xf6\x1d\xfc\xd6\xbf\xdf\xf9=\xf9(\x11\xd5\xaf_\x7f\xf3\xe6\xcd\x9b6m\xaaW\xaf\x9eM\xd6\x1e`\xcd}\xf7\xee\xdd\xd9}\xe1\xfc\xf9\xf3\x13\x12\x12t:\x9d\xc3]\xe7\x0f\x8b\xddi\xa5\xa7\xa7\x7f\xf4\xd1G\x82 \x04\x04\x04L\x980\x81\xe7\x89\xd1\x9c\xbe\xec\xfbp\x8e*\x90\xdd\xd6\x7fJb\xb5\x08Y\x96\x03\x03\x03\x97,Y\x92\x90\x90\x10\x12\x12BD\xa7O\x9e\x19\xfc\xee\xd0\xb0\xd7\xfa$\'\x1d\xf6\xad\xe4\xeb\xe2\xa2\x93\x1d\xad"\xa4*\xaa\xaa\xaa\x15+\xf9\x15\x15\x16\xc5\x8c\x9a\xd2\xb9e\xd7\x9f6l"\xa2\x80\x80\x80\xe8\xe8\xe8\xe4\xe4\xe4\x8e\x1d;\xb2[\x1c[\xad=\xc0\xee\x03\x96/_^\xb9reM\xd3\xfa\xf6\xed\x9b\x9e\x9e\xce\xaas\xe5\x7f0\xe5I\x10\x84&gt;}\xfadddh\x9a\xb6b\xc5\nv\xf7i\'w\xc6\xe5\xcf\xc1\xda\xb5r\xe0\x04U ;\xaf\xff\x94$\x08\x82N\xa7SUU\x96\xe56m\xda\xec\xdb\xb7o\xe9\xd2\xa5\xd5\xabW\'\xa2};\x0f\xf4\xee\xd4g\xe4G\xa3\xb3\xb3r|\xfd\xbc\xe9\xf6 \xaa\x9dc\x91\xe6\xe9\xe5\xe1\xe6\xee\xb6\xe2\xcb\xaf_o\xdds\xee\xf4\x05\xa6b\x93\xab\x9bkxxxrrrTT\x94^\xaf\xb7\xd54|+\xb6\x13K@@\xc0\xbcy\xf3\x88(--\xado\xdf\xbe\xc5\xc5\xc5\xb6:\x9er\xc0\xce\xf9\xd8\xb1c\x13\x12\x12\x88(22244\x94\xf3u\xd1\x11\x00w\xe1\xe8U \x87\xa8\xff\x94$\x8a"\xab?\xe8t\xba~\xfd\xfa\xa5\xa4\xa4DEE\xb9\xbb\xbb\x9b\xcd\xe6\xe5\x0bWvh\xd2\xe5\x8b\xd9\x8b%I2z\x1b\xedj#\xd9;i$\xcb\xb2\x8b\x8bK\xc5\xca~\xc9\x89\x87\xdf\xec\xf2\xce\xa7\x83&gt;\xbbp\xf6\x02\x11\xb5m\xdbv\xcf\xee=K\x96,\xa9V\xad\x1a\x9bqh\x0f\x8d\x8e$I\xb2,w\xef\xde}\xc8\x90!D\xb4}\xfb\xf6\xe5\xcb\x97\x8b\xa2s&gt;\x93\xc1\xea&lt;\xbf\xfd\xf6[ll,\x115n\xdcx\xfa\xf4\xe9\xdc\x96\xfe\xadl0\x05\xd8\xfe\xb1[\xc2\xb4\xb4\xb4:u\xea\xe4\xe4\xe4\xb4j\xd7r\xd5\x0f\xcbr\xb2\xf3$\xc91\xae\x15EQ\x8d\xde\x86\xb7\xfe\xddo\xd7\xf6=F\xa3\xf1\xd4\xa9Sl\x8fS;\xbc\x03\xb8\x03{L\x94\xedX\x92\x9a\x9a:b\xc4\xf0\xcd\x9b\xb7\xb0o\xbd\x14\xfc\xc2\'\x9fG\xb6l\xdbBQ\x94\x82\xbc\x02Ig_\xab6\xb2\x8e\xa4\xb7\xaf\xf7\x85\xb3\x17g\xc6\xcc\xf9\xe1\xdb\x9f\xccf3\x11\xd5\xa9Sg\xf8\xf0\xe1\xfd\xfa\xf5\xa3\xdb=P\xbb:l\xeb\xea\xd0]\xbat\x190`@\xfb\xf6\xed\xf5z\xbd]\x1da)bW\xd7\x993g\x86\x0f\x1f&gt;c\xc6\x8c\xa0\xa0 \x9e\xab\xff\x0c\x02\xe0\xee\xd8\x95\xd1\xb9s\xe7\x9f\x7f\xfe\xd9\xe0e\xd8|\xe0\x87jOT5\x9b\x1c`] M\xd3\xf4\xae\xfa\xab\xff\xb9\xd6\xa9\xe9\xbf\xf3r\xf3^{\xed\xb5\x9f~\xfa\xc9\xb1.\xf4\x92+\xb4l\xd9\xb2e\xc4\x88\x11\xc7\x8f\x1fg\xdf\xea\xdc\xed\xd5\xa1\xa3\x07?\xf7\xc2s9Y9f\xb3E\xa7\xb3}?\x9a\xdd\x91x\x19\r\xf9y\x05_\xc6-^\xf1\xe5\xd7l\x92\x8f\xbb\xbb\xfb\'\x9f|2l\xd80\xb6\xe6\x01a\r&gt;;\xe3\x10]\xa2\xb2\x86+\xf2\xee\xd8\'\xb6[\xb7nD\x94\x97\x9bw\xec\xf0qG\xd9\x1e\x80m\x00p\xec\xf0qV\xffa/\xc1!\x8e\xdc\x8a=\x1f\xcb\xc6H;v\xec\x98\x9c\x9c\x1c\x1d\x1d\x1d\x10\x10@D?m\xd8\xf4z\xeb\x9e\x93\xa2b\x0b\x0b\x0b}+\xfa\xd8\xb6"\xa4i\x9a"+\x15&lt;*x\x1a&lt;\xb6\xfd\xfcK\xe7\x96]gL\x9c\xc3Z\xff\xb0\xb0\xb0_\x7f\xfd5::\xdah4\xca\xb2l\xdbr\xff\x83`\xbdc[\x1fEy`kO\xa1\xf5g\xec\xfa\xa2\xb4!\xf6qm\xd2\xa4\x89\xab\xab+\x11\xed\xdc\xba\x9b\x1c\xe8r\x11\x84\x9d[w\x13\x91\xab\xabk\x93&amp;M\xc81\xfb\x9e\xac\xd1\xb4N\x15MII\t\x0f\x0f\'\x81r\xb2sfO\x8e\xff\xbf\xd6=\xd7\xaf\xda\xe0e\xf4\xf2\xf0\xa8`\x93\xe7\xf8Y\xb9\xdf\xdb\xcf\xfbT\xea\xa9&gt;\xaf\x87\x87\xf7\x18p\xe6\xe4Y"\ni\x1c\xb2}\xfb\xf6o\xbe\xf9\xa6^\xbdz\xec\xc0XE\xcb\xce\xb1\xd0\xb5\xf5Q\x94\x07V\x85C\xeb\xcf\xa0\x04tO\xack\xd9\xacY\xb3C\x87\x0e\xf9\x07T\xde\x96\xf8\xb3\xa7\xc1S\x96e{\xbetXs</t>
        </is>
      </c>
    </row>
    <row r="70">
      <c r="A70" s="1" t="n">
        <v>68</v>
      </c>
      <c r="B70" t="inlineStr">
        <is>
          <t>shape_size_hexagon</t>
        </is>
      </c>
      <c r="C70" t="inlineStr">
        <is>
          <t>What is the size of the missing shape denoted with a question mark if it is a triangle?</t>
        </is>
      </c>
      <c r="D70" t="inlineStr">
        <is>
          <t>['medium', 'large', 'small']</t>
        </is>
      </c>
      <c r="E70" t="inlineStr">
        <is>
          <t>medium</t>
        </is>
      </c>
      <c r="F70" t="inlineStr">
        <is>
          <t>There are 7 shapes with different sizes in the image, of which there is a missing triangle in the center. The other shapes are arranged around the center, which are ['hexagon', 'triangle', 'square', 'hexagon', 'triangle', 'square'] in anti-clockwise order. Their corresponding sizes are ['small', 'medium', 'large', 'small', 'medium', 'large'].</t>
        </is>
      </c>
      <c r="G70" t="inlineStr">
        <is>
          <t>We observe that the hexagons are small size, the triangles are medium size, and the squares are large size. Hence, the pattern is that each shape appears with a distinct size.</t>
        </is>
      </c>
      <c r="H70" t="inlineStr">
        <is>
          <t>Based on the pattern that each shape appears with a distinct size, the size of the missing triangle should be medium.</t>
        </is>
      </c>
      <c r="I70" t="inlineStr">
        <is>
          <t>b'\x89PNG\r\n\x1a\n\x00\x00\x00\rIHDR\x00\x00\x02\x00\x00\x00\x02\x00\x08\x02\x00\x00\x00{\x1aC\xad\x00\x009\xf6IDATx\x9c\xed\xdd}xU\xd5\x9d/\xf0\xf5\xb2\xcf\t/\x86\x10\x90\x17\xe5\xdd`PQ+X\xaf\xb4#/\x8e\xa2\x88Z\xe5\xa2S"P\xf0\x91\x8a\x02\r\xe1%\x92\x0c\x1e|\x12\x18\x95\x12\x08zu\xfa\xe0\x9d\x99v.\x850\x03\xce\x8c\xed\x8c\xb7\xc6\xd1\x12(\x9d\xcet\x88\xb7\x96\xd6\xc6\xdc\xa8\x9d\xa7^#JNN\x12Br\xce^k\xdd?~\xc96\x06B\x81\xe4d\x9f\xb3\xd7\xf7\xf3\xf4\xf1)\t$\xeb\xe4d\xaf\xef\xdak\xfd\xf6Z\xdc\x18\xc3\x00\x00\xc0&gt;\xc2\xef\x06\x00\x00\x80?\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r\xfcn\x00@`\x19c\xfcnB\x10p\xce\xfdnB`q\xfc\x8e\x02\x00\xd8\tw\x00\x00I\xe1\xbanss3\xe7\x18c]"\xfa\xd1\x85B\xa1\xcb.\xbb\xcc\xef\xb6\x04\x16\x02\x00\xa0\x8f)\xa5\xa4\x94\xff\xf6o\xff\xf6\xc0\x03\x0f \x00.\x99\x10Bk}\xdbm\xb7\xfd\xe8G?\xd2Z\x0b\x81\x05\xcb\xbe\x87\x00\xb0\x1a\xf5M\x98cM\x86D"\x11\x8dF\xfdnE\xda\x8b\xc5b~7!\xc8\x10\x00\xf62\xc6\xa0\xebO\x1e\xce9\xe7\x9c\x86\xb1\xdeG\xfcmR\xba\xa0q\x89\x94R)\xe58\xe8\xa3\x92\x08?\\KQ\xef\xbf|\xf9\xf2m\xdb\xb6\x8d\x193\x86\xa1{J\x02\xd3\xc9\xfb\xa3\xbf\xedI/\xdd~z\x90\x0c\x08\x00\x1b\xd1$\xf5\xdbo\xbf\xfd\xb7\x7f\xfb\xb7\xe3\xc6\x8d\xdb\xbau+}\xc4\xefv\x05\x99\xe3\xc8\xcc\xc1\x83\rCwv&gt;\x9c\xf3D\xc2m9\xdd\xeawCl\x81\x00\xb0\x0e\x8d\xfd]\xd7]\xb5j\x95\x94\xb2\xac\xacl\xc9\x92%\xb9\xb9\xb9XgK\x12\x9a\xca\xf8\xda\xcd_y\xed\xef\xfe\xd2mi\xc5\x0f\xb9\'J\xe9\xd0\x90\xcb\xaa\xde\xfe\xd9\x82G\xd7\xe3\xa7\xd4?\x10\x00\xd6\xd1ZK)\xbf\xf7\xbd\xef\xd5\xd4\xd4\x84\xc3\xe1\xb6\xb6\xb6\xfc\xfc\xfc7\xdex\xc3\x9b\xaa\x86d\x08\x85\x9c\xec\xe1\xc3LF\x98\xa3k\xeb\x81VZd\r\xc9\x1a\x92\xe9wC,\x82\x00\xb0\x8b\xd6\x9as^__\x1f\x89D\x84\x10\xae\xebJ)++++++\xef\xba\xeb.L\x04%\x8f1\xc6$\x12\x89\x84\x8b\xb1mO\x94\xd2\xe1D\xc2u]\xbf\x1bb\x11\x04\x80]\x8c1R\xca\xe2\xe2\xe2h4JS\x13B\x08\xcey~~\xfe\x89\x13\'\x84\x10(\rJ\x1e\xde\xc9\xef\x86\xa4(\xfc|\xfa\x1f\x06#\x16\xa1Y\xfe\xe3\xc7\x8fWTTx\xe5\x89\xf4\xc1\x9a\x9a\x9a={\xf6t\xadY\x04\x80\xc0C\x00X\x84F\xf7\x1b6lhoo\xa7\'Ti\xb4E\x19\x10\x89D\xea\xeb\xeb9\xe7\xc8\x00\x00K \x00lA\xf3\xfb\x07\x0f\x1e\xac\xaa\xaa\xa2\xc9\x1f/\x03\x8c1B\x88h4Z\\\\L\xb3@~7\x16\x00\xfa\x03\x02\xc0\n\xd4\xa7\xc7\xe3\xf1\xcd\x9b7{\x7f4\xc6\x0c\x1e8\x80\xfe\xbf\xeb\xbaB\x88\xfd\xfb\xf7WWWK)q\x13\x00`\x03\x04\x80\x15\xa8\xf4\xb3\xac\xac\xac\xb6\xb6\xd6q\x1cc\x8c\x10|H\xe6e\x95\xff\xf8\xd7\xd7\\=\x89s.\x04\xe7\x9c\xc7\xe3\xf1\x82\x82\x02\xa5\x14n\x02\x00l\x80\x00\x08&gt;\x9a\xe2\xaf\xab\xab\xdb\xbe}\xbb\x10B)%\xa5\xd0\xda\xacy\xf4\x9b_\xbf{\xfe\x86\x95K\x8d1\x82\x0b\xdaw\xe5\xe8\xd1\xa3\xfb\xf7\xef\xa79"\xbf\x1b\x0e\x00\xc9\x85\x00\x08&gt;\x9a\xe8/--mjj\xa2*;\xa5\xf4\xa4\tc6\xae}\xac\xed\xff}\xb0|\xf9\xc3\xb7\xdd:\xcd\xedH\x05\xcd9/))\x89\xc5b\xd8\xc7\x18 \xf0\x10\x00\x01Gk\xbfG\x8e\x1c\xd9\xb7o_\xe7\xda\xaf0\xc6&lt;\xff\xe7\xf9\xd9\xa3G\x98\xf6\xb8#ey\xc9\xc6p8dL\xc7LQ]]\xdd\xee\xdd\xbb\xe9^\xc1\xef\xe6\x03@\x12!\x00\x82O)\x15\x89D\xa87\x97R(\xa5f}\xed\xe6?[\xf4@\xe2T4\x9c\x11\x8e75\x7fu\xd6\x8cE\x0f\xcc\xd3Z;\x8e\xa4\xc0(//\xff\xe0\x83\x0f\xb0\x1a\x0c\x10l\x08\x80 \xa3\x9d\x1e\xf6\xef\xdf\x7f\xe4\xc8\x11\x1a\xfe\x1b\xc3\xc2\xe1P\xd93\xeb\x8dR\x86s\xc6\x18\x97R5\xb7&lt;\x17Y;,;\xcb\xeb\xeec\xb1\xd8\xa6M\x9b0\x0b\x04\x10l\x08\x80\xc0\xa2\xea\xfe\xa6\xa6\xa6\x92\x92\x12\xea\xcaiD\xbf\xe8\x81y\xb7\xcc\x9a\x91hn\x91B0\xc6\x04\xe7\xaa\xad\xed\xca\xc9\x13\xd7}{\xb1\xd6Fv\xac\x12\xcbC\x87\x0eyO\x0c\xf8\xfdR\x00 )\x10\x00\x81E\xc5?\xdb\xb7o\xaf\xab\xab\xa3\xc7\xbb\x8c1\xc3\xb2\xb3\x9e\x8b\xacU\xcd-\xbc\xcb\xa6oB:n4VX\xb0"7g\x82\xd2\xda\xdb\x11\xa8\xeb3\xc3&gt;\xbe\x10\x00H\x12\x04@0\xd1rnmmmYY\x19\r\xfc\xa5\x10Z\xebu\xdf^|\xe5\xe4\x89\xaa\xadMt\xd9r\x8bs\xa6\x95\xca\xb8l\xd0\x0b[\x0b\x8d1\x9c\x7f\xb1k\xd0\x81\x03\x07\xb0A\x10@P!\x00\x82\x89\xc6\xec\x9b7o\x8e\xc7\xe3\x8c1\xce\xb9\xd2:7gBa\xc1\n7\x1a\x13\xb2\xfb.\xb0R\xcaD\xacy\xde\xfc;\xe6\xce\x9e\xa1\x94\xa6\x92P!DQQQ4\x1a\xc5M\x00@ !\x00\x02\x88&amp;\xf1\xab\xaa\xaa\x0e\x1e&lt;\xd8Y\xfa\xc9\x8c1/l-\xcc\xb8l\x90V\xaa\xa7\rw\x8dR/l}\xcaq\xa41\x1dO\x0fx\'\x07\xe0&amp;\x00 x\x10\x00AC\x1dw{{\xfb\x86\r\x1b:\xd7~\x85Rz\xee\xec\x19\xf3\xe6\xdf\x91\x885\xf7t\xe4\x8b\x10"\xd1\xd2z\xed\xf4\xeb\x1f_\xb2\x90f\x90\xe8\xb4\x80={\xf6\xd4\xd4\xd4 \x03\x00\x82\x07\x01\x1044us\xe0\xc0\x81\xe3\xc7\x8fS\xafm\x0cs\x1c\xf9\xc2\xd6\xa7\xcc\x1f\xab\xe7\x11R\xe8\xd3\xad\xa5\xc5\xdf\x195r8\x05\t\x9d\x1e\x9c\x9f\x9f\x8fY \x80\xe0A\x00\x04\n\xf5\xda\xd1h\xb4\xa8\xa8\x88z\x7fZ\x01~|\xc9\xc2k\xa7]\x9f\xf8c\'\x92s\xce\x13m\xed\xc3\xc7\x8e~\xb6h\r\x05\t\xcd&amp;UVVz\xb3I\xfd\xf6Z\x00 \xd9\x10\x00\x81\xd2\xedh\x17\xc6\x981&amp;{\xe8\x90\xd2\xa25\xba\xb5U\xc8?\xfevK\xc7q\x1bc\x8f\xe4=8\xed\x86kh\n\x88B\x85\xd6\x93q\x1f\x00\x10$\x08\x80\xe0\xe8v\xb8#u\xdfZ\xeb\x92\rO\x0c\x1f;\xdam\x8b_\xc8i\xab\x9c1\xad\xf4\x80\xc1\x03\xcbK6J)\xe8\x800\xaf\xa2\x14+\x01\x00A\x82\x00\x08\x0e\x1a\xaa\xe7\xe7\xe7\xbb\xae\xcb9\xa7\xcez\xfa\x8d\xd7\xae|\xfc\x117\xd6,zX\xfb=\x9b\x942\x1e\x8d\xcd\xbe{v\xde\x82{h\n\x88\xb2d\xe7\xce\x9d\xf5\xf5\xf5\xc8\x00\x80\xc0@\x00\x04\x847Y_YY\xd9\xf5\xc4\xc7\xb2-\xeb\xc2\x03\x07\x9c\xa7\xf4\xf3\x9c\xb8\x90\xfaL\xdb\x96\rOd\r\xc9\xa49\x1f\xceyCCCQQ\x11f\x81\x00\x02\x03\x01\x10\x044\xf6\xefZ\xaeC\x19\xf0\xd0}w\xce\xb9sf\xa2\xb1\xa9\xa7\xd2\xcf\x9e\x08\xc1\x13-\xadWO\x9b\xbavE\x9e\xd6\x9a\xf6\x10\x95R\xee\xdd\xbb\xd7\xdbW.I\xaf\x05\x00\xfa\r\x02 \x08h\xf6\xdf+\xd87F\x1bc\xc2\xe1\xd0\xb6\xa25\\kvQ\x83\xffN\xd2\x91n\xb4\xb1`\xf5\xf2I\x13\xc6(\xa5\xa9|Hk\xed\xed,\r\x00\xe9\x0e\x01\x90\xf6\xbc\xd2\xcfH$Bk\xb6BH\xad\xf5\x86\x95K\xa7L\x9b\x1aon9\x7f\xe9gO8\xe7:\x9e\xc8\x1e5\xe2\xf9?\xcf\xa7o\xe1\x9d-CgF\xba\xae\xdb\xe7\xaf\x05\x00\xfa\x13\x02 \xedy\xa5\x9f\xd1h\x94\xfazc\xcc\xa8\x91\xc3\xd7\xaf^\xa6[N_\xf8\xda\xef\xd9\xa4\xe3$\x1a\xa2\x7f\xb6\xe8\x81Y_\xbb\x99z\x7fJ\x82\x92\x92\x92\xa6\xa6&amp;\xaa\x10\xed\xbb\xd7\x01\x00\xfd\r\x01\x90\xde\xbcm;\xbb\x95~&gt;[\xb4\xe6\xf2qc\x12m\xed\x17R\xfay\x1e\x86s\xa3T\xd93\xeb\xc3\xe1\x901\xa6\xdb\xf9\xf2(\x07\x02Hk\x08\x80\xf4\xe6m\xdc\xef\x95~*\xa5\xa6\xddp\xcd#y\x0f\xba\x8d\x8d\xd2\xe9\xbe\xeb\xe7\xc5\x92B$\x9a[n\xf9\xd2\x99\x91ZJYVVV[[\x8b3#\x01\xd2\x1a\x02 \x8d\xd1\xb4\xcc\xc1\x83\x07\xbd\xa3\xbb8\xe7R\x8a\xf2\x92\x8d\x03\x06\x0f\xd4J\xf7j\xf0\xdf\x89K\xa9\x9a\x9b\x9f\x8b\x14d\x0f\x1d\xa2\xb5\xa6;\x8ax&lt;\xbey\xf3f\xd6\xb9\xef4\x00\xa4#\x04@\xba\xa2\xb1\x7f\xd7\x8e\x982 o\xc1=\xb3\xef\x9e\x1d\x8f\xc6.\xb6\xf4\xb3\'\x82s\xd5\x16\xbf2g|\xc9\xc6\'\xb46\xde\x06A]\x83\xa7O\xbe\x11\x00\xf43\x04@\xba\xa2\xe9x\x9a\x8aq\x1c\x87N|\xcc\x1a\x92\xb9e\xc3\x13\xfaL\x1b\x17}\xd3\xfb\x13\xe1H\xb7\xb1i\xe5cy\xb99\x13\xf4\x97\xcf\x8c\xa4\xa9\'\xdc\x07\x00\xa4#\x04@Z\xa2^\xb8\xbe\xbe~\xe7\xce\x9d\x9dCr\xa1\xb5^\xbb"\xef\xeaiS\x13-\xadB\xf4\xc9\xf4O\x07\xce\x98V*&lt;h\xe0\xd9gF\xd2\xe23V\x02\x00\xd2\x11\x02 -\xd1\x00\xbc\xa8\xa8\xa8\xa1\xa1\x81s\xce9SJ\xe7L\x1cW\xb0z\xb9\x1bm\x94N_\x0e\xff\x89\x942\xd1t\x8e3#\xa9\xfc\x147\x01\x00\xe9\x08\x01\x90~\xbc\x07\xb2\xf6\xee\xdd\xdb\xb1S\x1b\x17\xc6\x98\xa7\x0bVd_1R\xc5\x13\xbd,\xfd&lt;\x0f\xa3\xd4\x0b\xdb\x9e\n\x87C\xde\x99\x91\xf4\x00\x1an\x02\x00\xd2\x11\x02 -)\xa5"\x91\x08\xf5\xb9R\nW\xa9\xdbn\x9d\xb6t\xe9\xc2\xc4\xa9\xa8\xd3\xeb\xd2\xcf\x9e\x08!\x12-\xa7\xaf\x9d~\xe3\x86\x95K\xbb\x9d\x19\xe9\x9d&gt;\x96\xa4o\r\x00\xc9\x80\x00H34\xfc\xdf\xbf\x7f\xbf\xb7)\x9b1,\x1c\x0e\x95\x97l\x94B${\x1aFH\xa9[Z\xd6\xaf^&gt;j\xe4p\xad\xb5wf\xa4w\xfepr\xbf=\x00\xf4)\x04@:\xa1Y\x97X,VRR\xe2\xed\xfa\xa9\xb5^\xf4\xc0\xbc\xaf\xce\x9a\x11oj\x96\x17p\xe6Wo\xd0\x99\x91\x97\x8f\xbb\xe2\xb9\xe2\xef\x18\xf3EIhUU\x15\xce\x8c\x04H;\x08\x80tBS.\xbbw\xef\xae\xab\xab\xa3\x9dy\x8c\xd6\xc3\xb2\xb3\x9e\x8b\xacU\xcd-\xbc\x8f\n\xff\xcf\xcfq\x9cDC\xe3\xb7\xbe\xf5\xd0\xcc\x19\xd3\xa9\xfa\x88\x06\xfetf$\xc3\xa3a\x00\xe9\x03\x01\x906h\xda\xfd\x83\x0f&gt;(//\xa7\xb1\xb6\x14B\x1b\xb3\xee\xdb\x8b\xaf\x9c&lt;Q\xb5\xb5\x89\xa4\xad\xfdvc\x8c\x91\x8eSZ\xf8\xa4\x94\x821\xae\xb5v\x1c\x87\xce\x8c\xc4\xe6\x10\x00i\x04\x01\x906h\xfeg\xd3\xa6M\xb1X\x8c1\xc69WZO\x9e4\xbe\xb0`\x85\x1b\x8d\t\x99\xac\xb5\xdf\xb3I)\xe3\x8d\xb19\xf3n\xa73#\x1d\xa7c5x\xfb\xf6\xeduuuX\r\x06H\x17\x08\x80\xf4\xe0M\xb5\x1f:t\xa8\xeb\x89\x8f\xdb6\xad\xca\xc8\x1c\xac\xdd\x8b;\xf1\xb1\xf7\xb8\x90\xfa\xcc\x99-\x1b\x9f\x18\x92y\x99\xd6\x861&amp;\x84hjj*--\xc5j0@\xba@\x00\xa4\x01\x1a\xfb\xb7\xb7\xb7{\xc56tF\xe3\xdc\xd93\xbe\x99\xf7`\xa2\xb1)\x19O~\x9d\x9f\x10&lt;q\xba\xf5\xea\xaf\\W\xb8\xea[tf\xa4\xeb\xbaR\xca}\xfb\xf6\xe1\xccH\x80t\x81\x00H\x03\xf4\xcc\xed\x81\x03\x07\xbcr{c\x98\xe3\xc8\x17\xb6&gt;e\xfc;\x96K:\x8e\xdb\xd0X\xb8v\xc5\xe4\xab\xc6\xbb\xae\xa2\xb3h\xba&gt;\xa0\x00\x00)\x0e\x01\x90\xeah\xf8\xdf\xd0\xd0PTTD\xbd?-\xb4&gt;\xbed\xe1\xb5\xd3\xaeO\xb4\xb4^\xda\x89\x8f\xbd\xc7\x19\xd3\xae\xca\xc8\x1c\xbc\xed\xa9U\x8c\xd6$\xcezD\xd9\x97\x86\x01\xc0\x05B\x00\xa4:\x1a\xfe\xef\xda\xb5\xab\xbe\xbe\x9e\xf6x\xd0Zg\x0f\x1dRZ\xb4F\xb7\xb6\x8a$\x17\xfe\x9f\x9ftd\xa21\xf6\xcdG\x1e\xf4\xce\x8c\xa4\xa7\xc3\xbcM\x8a\xb0\x18\x00\x90\xca\x10\x00)\x8dz\xff\xda\xda\xda\x1d;v\xd0\xf0\x9f\xb6b.\xd9\xf8\xc4\xf0\xb1\xa3\xdd\xb6x\xf2\xb6\xfd\xb9@\x86q\xe3\xaa\xb2g\xd6;\x8e\xa4-\xa9i\x9b\xd2]\xbbv\xa1\x1c\x08 \xc5!\x00R\x1a\xcd\xff\xd03V\xb4\xef\x82\xd6:7g\xc2\xca\xc7\xf2\xdcXso\x0e|\xef+R\x88D\xf3\xe9[f\xdd\xfa\xf8\x92\x85\x9d\x1b\x04i!\xc4\x8e\x1d;jkk\x91\x01\x00\xa9\x0c\x01\x90\xbahR\xa5\xb2\xb2\xd2\xdbe\x81sf\x8cyakax\xd0@\xad\xfa\xbb\xf4\xb3\'B\n\xd5\xdcRZ\xb4\xc6;3\xd2;\xaa\x0c\xb3@\x00\xa9\x0c\x01\x90\xa2h\xec\xef\xban~~~\x97\xd2O=w\xf6\x8cy\xf3\xefH45\xf7\xd5\x89\x8f\xbd\xc79Wm\xf1\xe1cG\x97l|\xa2\xeb\x06A\x07\x0f\x1e\xac\xac\xac\xc4j0@\xcaB\x00\xa4(\x9a\xee\xdf\xb3gOMM\x8d\x10\xc2\x18M\xbb~\xbe\xb0\xed)\x93z\xfd\xa9\x90\xd2\x8d5\x9f}fd~~&gt;\xce\x8c\x04HY\x08\x80TD\xe3h:k\x85\xe6\xfd\x85\x90Z\xeb\r+\x97^;\xfd\xc6D\xcbi\xbfJ?{\xc2y\xe7\x99\x91\xa5_:3\xb2\xa6\xa6\x06gF\x02\xa4\xac\xd4\xeaG\x80P1%\x9d\xb6H}\xbd1f\xd4\xc8\xe1\xebW/\xd3--\xa9\xb0\xf6{6)e"\xd64\xef\xfe;\x1f\xba\xefN\xa5:\x1eV\xa03#\xa9\x80\x15\x19\x00\x90j\x10\x00)\xa7\xdb\xd8\x99\xf6Y\xd3Z?[\xb4\xe6\xf2qc\x12m\xed\xbe\x97~\xf6\x88s\xe3\xba\xdb\x8a\xd6\x84\xc3!\xd6Y\x12\x1a\x8dF\x8b\x8b\x8biR\xc8\xef\xf6\x01\xc0\x97 \x00RN\xb7\xd9s\xea\xfd\xa7\xdfx\xed#y\x0f\xb8\x8d\x8d2i\'&gt;\xf6\x9e\x10"\xd1|z\xca\xb4\xa9\xebW.QZK)]\xd7\x15BTTT\xe0\xccH\x80\x14\x84\x00H-g\xd7\xcf\xd0\njYd\xdd\x80\xc1\x83\xb5\xd2\xa9:\xf8\xef \xa4t\x9bZ6\xad{&lt;g\xe28\xad\xb5\x10\xbc\xdb6v~7\x10\x00\xbe\x80\x00H!4\xf6\xefZAO\x19\xb0\xf0\xde;\xe6\xcc\x9d\x99h\x8c\xa5N\xe9gO8\xe7*\x1e\x1f:z\xc4\xd3\x05+\x8c1\x9c\x8b\xb37\xb2\xf6\xbb\x8d\x00\xd0\x01\x01\x90Bh\xf6\xbf\xac\xac\xac\xb6\xb6\x96N|d\xc6d\r\xc9|~\xcb:\xa6\x14K\xd9\xa9\xff/s\x1c\'q*\xbat\xc9\xc2\xaegFv=\xca\x06\xf7\x01\x00)\x02\x01\x90*\xa8\xf2\xa7\xbe\xbe~\xe7\xce\x9d\x9d\xcfR\t\xa5\xf5\xda\x15y\x93\xbfr]\xbc9\xe5J?\xcf\xc3\x18#CNi\xe1\x93Bt\x9c\x19I\x87Y\xee\xde\xbd\x1b7\x01\x00\xa9#m\xfa\x94\xc0\xa3\x9a\x99\xe2\xe2b\xdaG\x93s\xa6\x94\xce\x998\xae`\xf5r7\xda\xd8\xffG\xbe\xf4F\xe7\x99\x91s\x96,\x9cOS@T\xcbT^^N\xc7\xd9c5\x18 \x15 \x00R\x02\x8d\x91\xab\xab\xab\xf7\xef\xdfO\xc3\x7f\xce\x851\xe6\xe9\x82\x15\xd9W\x8cT\xf1D\xea\x96~\xf6\x80K\xa9O\xb7&gt;\x1fY7,;\xcbh\xcd\x18\xe3\x9c\xc7b1:3\x12\x01\x00\x90\n\x10\x00)\xc1\x18\xa3\x94*((\xa0]?\xe9\xc4\xc7\x993\xa6/]\xb20q*\xea\xa4p\xe9gO\x04\xe7\x893mWL\x9e\xb0\xee\xdb\x8b\xb51\xb2s\x83\xa0}\xfb\xf6\x1d=z\xd4q\x1cL\x04\x01\xf8\x0e\x01\xe0?\xea\x19\xf7\xef\xdf\xdf\xa5g\xe4B\x88\xd2\xc2\'e\xc8I\xdf%S)\x1d7\x1a+,X1y\xd2x\xd5\xb9A\x10\xe5\\{{;\xaaB\x01|\x87\x00\xf0\x19U\xc8\xc4b\xb1\x92\x92\x12\x9a\x1b\xa1\x19\xf3%\x0b\xe7\xcf\x997\'\x9e\x0e\xa5\x9f=\xe1\xbc\xf3\xcc\xc8M\xab\xe8ez3]\x07\x0e\x1c\xc0sa\x00\xbeC\x00\xf8\x8cVGw\xef\xdeM\xab\xa3\xc6\x18:\xf1\xf1\xd9\xa7\x0bT\xcbi&amp;\x84IgB\x8ax4\xf6\xcdE\x0f\xdc9\xebV\xaak\xa2R\xd7\xa2\xa2\xa2h4\x8a\x9b\x00\x00\x7f\xa5\xdf\xe4r\x90\xd0\x88\xb8\xae\xae\xae\xbc\xbc\xdc\xdb\xf6G)\xf5\xd4\xea\xe5c\xae\x9d\xac?;\x15\x0e\x87\x19K\xeb.\x92\x1b\xad\x19g\x7f\xb9}\xf3\r\xb3\x17\xc6\x13\xae\xe9&lt;32\x12\x89\xbc\xf4\xd2K4\xfd\xe5w#\x01,\x85\x00\xf0\x93\xd6\xdaq\x9c\xd2\xd2\xd2X\x8c\xa6z\x8cR*g\xe2\xb8\xe5\x8f,\xf8\xbc\xee#f\x0cgiV\xfcsN\xea\xf3\x86Qc\xafx\xe4\xbf\xcf\xff\xfe\x81\xd7\xbc\x9b\x80={\xf6|\xe7;\xdf\xc9\xcd\xcd\xa5?\xfa\xddF\x00\x1b!\x00|\xa3\x94r\x1c\xe7\xe8\xd1\xa3\xfb\xf6\xed\xeb\xfax\xd4\xc7\x9f\x9c\xbc\xee\xb6\x07\x8d\xd2\x81\xe8\xfc=\xdc\x91\x821\xa6\x94f\x8c\t!\xe8\xb0\xb37\xdex\x03+\x01\x00~A\x00\xf8\xc3\x18C\xbb\xa4\x15\x14\x14\xd0\xcc\x8f\xf7\xa9\xb6\xf6\xf6\xb6\xf6v\x1f\xdb\xd6\x0f\xbc\xe3\x8e+++\xef\xba\xeb.L\x04\x01\xf8\x02\x01\xe0\x0f\x9a\xfd\xff\xbb\xbf\xfb\xbb\xea\xeaj*\xfd\xec\xfa\xa8W\xda=\xf6u\x81\xba-\xf9\n!\xd6\xae]\xfb\xee\xbb\xef\xd2\xeawP_5@\xcaB\x00\xf8\x80\x16BO\x9e&lt;\xb9~\xfdz\xc6\x98\xeb\xbag\xff\x05?\xda\xd5\xafh\xca\xebw\xbf\xfb\xdd\xb3\xcf&gt;\xfb\xcc3\xcf\xe0&amp;\x00\xa0\xff!\x00|@\xc3\xff\x1f\xfc\xe0\x07\xf1x\xfc\xf2\xcb/\xa7\x83_\xfcn\x94\x0f\xe8U\xef\xdd\xbbw\xd5\xaaU#F\x8c\xc0M\x00@?C\x00\xf8\x80\x86\xba+V\xacX\xb9r%\r\xf6m\x18\xf2\x9f\x13=\x1d6x\xf0`\x16\xdc\x89/\x80\x94\x85\x00\xf0\xcd\xb0a\xc3\xfcn\x02\x00X\r\x01\xe0\x1bkG\xfdg\xc3\xd8\x1f\xc0\x17\x08\x00\xdf\xa0\xd7\x03\x00\x7f\xe1\tL\x00\x00K!\x00\x00\x00,\x85\x00\x00\x00\xb0\x14\x02\x00\x00\xc0R\x08\x00\x00\x00K!\x00\x00\x00,\x85\x00\x00\x00\xb0\x14\x02\x00\x00\xc0R\x08\x00\x00\x00K!\x00\x00\x00,\x85\x00\x00\x00\xb0\x14\x02\x00\x00\xc0R\x08\x00\x00\x00K!\x00\x00\x00,\x85\x00\x00\x00\xb0\x14\x02\x00\x00\xc0R\x08\x00\x00\x00K\xe1D0\x80\xfe`\x8cQJ)\xa5q\x12hO\x94\xd2J)\xad\xb5\xdf\r\xb1\x08\x02\x00\xa0?\x84\x1cG\x0e\xcd\x92R2\x81\xdb\xee\x1e(\xcd\x86\x0e\xb9l\xf0 \xbf\xdba\x11\x04\x00@r\x19c\x18c\x9f5D\x7f\xfa\xfa[\xee\x996\x9c\x05\xdd\x13\xadMh\xf0\xa0\xe3\xbf\xfc\x15c\xcc\x18\x83\x1fT?@\x00\x00$\x17\xcdi\xfc\x9f\x135\x7f\xfa\x8dG\xfdnK\xda0\x98)\xeb\x17\x08\x00\x80\xfe\xc09\xe3\x1c\x93?\x17\xc2h\x8d\xde\xbf\x9f \x00\x00\x92\x82s.\xa5\x14B`*\xe3"q)\x19cLJ\xc9\x18\x13X2I&amp;\x04\x00@R$\x12\t\xa5\x94R\xca\xef\x86\xa4+\xfa\xd1\xb5\xb4\xb4\xf8\xdd\x90 C\x00\x00\xf41\x1a\xf2\x8f\x181\xe2\xf6\xdbo\x17B\xa0\xae\xf1\xd2H)\x95R\xd3\xa6Mc\x9d?R\xe8s\x1c\x8b-\x00\x00v\xc2\x1d\x00@R\x18c0\xba\xea\x13X\x06H\x1e\xdc\x01\x00\x00X\n\xd1\n\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r\xfcn\x00@\x7f0\xc6\xd0\x7fI\xb7\xcf\xf2.\xfch\x1d\x80?\xf8\xd9\x17\x03@`h\xad\xb5\xd6\x9cs)\xe5\x85\xff}!\x84\x10\xb89\x86\xe0C\x00@\x00Q?\xee8_\xba\xc1=y\xf2\xe4\xc7\x1f\x7f\xfc\xd9g\x9f}\xfe\xf9\xe7MMM\xf1x\xdc\x18\x13\x0e\x87\xb3\xb2\xb2F\x8e\x1c9v\xec\xd8\xf1\xe3\xc7\x0f\x1a4\xc8\xfb\n\x8c1\xc4\x00\x04\x1b\x02\x00\x82\xc3\x18C\xe3}\xaf\xe3\xfe\xedo\x7f{\xf4\xe8\xd1\x9f\xfd\xecg\xbf\xfe\xf5\xaf?\xfa\xe8\xa3X,\xd6\xd3\xbfu\x1c\xe7\x8a+\xae\xb8\xe9\xa6\x9b\xe6\xce\x9d;\x7f\xfe\xfc\x9c\x9c\x1c\xc6\x98RJ\x08\x81y!\x08*\x04\x00\x04\x84R\xca\x9b\xe7y\xef\xbd\xf7^}\xf5\xd5\xd7^{\xed\x9dw\xdeQJu\xfdk\xf4w\xba\xf6\xe9\xb4*@C~2h\xd0\xa0o|\xe3\x1b\x1b7n\xbc\xf9\xe6\x9b\x19c4)\xd4\x1f\xaf\x01\xa0\x7f!\x00 \x08\x8c1\x9cs\xad\xf5\x8f~\xf4\xa3W^y\xe5\xcd7\xdft]\x97&gt;E\x13AZ\xebs.\xffz\xba\xae\x03\xd3\xbfu\x1c\xa7\xa0\xa0`\xdb\xb6m\x19\x19\x19\xc8\x00\x08\xa4\xc0\x06\x00]\xf0}\xf5\xd5\xba\xce*@\xaa\xa17\xba\xa2\xa2b\xe7\xce\x9d\xd5\xd5\xd5\xf4A\xc7q\xfeh\xa7\xdf\x13z\xbb\xe9\x9f\xcf\x9c9\xf3\xef\xff\xfe\xefG\x8f\x1e\x8d\x0cH#\xb8\xfc/P0\x03\x80\xc6\x83\xa9\xff5\xa1OP\xd7&lt;w\xee\xdc\x7f\xfd\xd7\x7f\r\x87\xc3J\xa9\x9e\xae\xffs\xd6z\x9e\xa76\xd4q\x9cD"q\xc3\r7\xbc\xfd\xf6\xdb\xc3\x87\x0fg_\x9e;\x82\xd4\x84\xcb\xff\xc2\x050\x00\xe8\xad\xfa\xf0\xc3\x0f?\xfa\xe8#\xce{\xfb\x02\xe9+L\x9c8q\xd2\xa4IA\xfd%Hw4\xfb\xff\x8b_\xfc\xe2\xb6\xdbn\xeb6\x9b\xcf:\x87o\x9cs\xa5\xd4y~\x19\xa4\x94g\xff[\xc6X(\x14J$\x12w\xdey\xe7\x1bo\xbca\x8c\xc1\x9ap\x8a\xc3\xe5\x7fQ\x82\x16\x00\xde\x82\xde\xd4\xa9S\xdf\x7f\xff\xfd\xbe\xfa\xb2\xb9\xb9\xb9\xbf\xf9\xcdo\xe8\xe2\x0f\xde/A\x00\xd0M\xc0\xacY\xb3\x8e\x1e=*\xa5\xa4\x85_Z\xef\xed\xba\x08&lt;l\xd8\xb0+\xaf\xbcr\xf8\xf0\xe1\x99\x99\x99\xe1p8\x91H\xc4b\xb1?\xfc\xe1\x0f\xff\xf5_\xffE\xf3\xfeR\xca\xb3\xef\x1e(\x03v\xee\xdc\xb9~\xfd\xfa\xaeK\xcd\x90jp\xf9_4\x13,\xae\xeb\x1ac^z\xe9%\xc6X(\x14\x12}!\x14\n1\xc6^z\xe9%\xef\xebC\xaaI$\x12\xc6\x98\x7f\xfa\xa7\x7fb\x8cI)\xbb&gt;\x01\x90\x95\x95\xf5\x8do|\xe3\xe5\x97_\xfe\xe5/\x7fy\xea\xd4)oa\xc0\xd3\xd6\xd6\xf6\xde{\xef\xbd\xf4\xd2KT\xf3\xc3\xce\x9a\xe7\xa1_\x83\xec\xec\xecO?\xfd\x94\x9e0\xf0\xe3%\xc2\x1f\x87\xcb\xffb\x05\xea\x0e\x80^KcccNNNcc#\x95\x85H!\xd8%\x87\xb61Jk!\x841f\xe8\xd0\xa1uuuC\x87\x0ee\x98\x08NI\xc6\x18\xa5\xd4\xb4i\xd3N\x9c8A\x1f\x999s\xe6\xe2\xc5\x8b\xef\xbd\xf7\xde\xb1c\xc7v\xfd\x9b]\xc7\xf8]\xd7\xf7\x94R/\xbf\xfcraaa"\x91`\x9d\xbfN\xc4q\x1c\xd7u\xbf\xfb\xdd\xef\x16\x16\x16\xba\xae\xdb\xed\x113H\x05\xb8\xfc/\x85\x7f\xd9\xd3\xf7(\x9fW\xaf^\xcd\xceU\xee}i\xe8+\xd0W[\xbdz\xb5\t\xe2( \x18\xe8&amp;\xe0\x95W^\x190`\xc0\xa3\x8f&gt;z\xec\xd81\xefSJ\xa9D"A\x8b\xc3g\x8f\xdf\xb5\xd6\xf4\x17\xe8S?\xfe\xf1\x8fi\xf0\xd8\xf5\x97GJ\xc99\xff\xeaW\xbf\x8a;\x80\x94\x85\xcb\xff\x12\x04\xe7\x0e\x80\x1e\x01}\xff\xfd\xf7\xaf\xbf\xfezo\x07\x18c\xcc\xf4\xeb\xa7\x0c\x1d6T\xbb\xea\xa2~\x1b\x8c1\xc2\x91\x8d\r\x8d\xd5\'j\xe8\xeb\xd0\xfd\xe0\x89\x13\'rss\xe9\x8f\xc9{-p\xc9N\x9f&gt;\xfd\xf1\xc7\x1f\xe7\xe6\xe6\xb2\xce{\x02\xea\xbb/\xe4\xdf\x1ac\x12\x89D8\x1c\xde\xb2e\xcb\xd6\xad[\xbd\xb5\x04\xd6\xb9\x18\x98\x91\x91QSS3a\xc2\x04\x94\x84\xa6\x1a\\\xfe\x97&amp;8\x01@\x97\xfa\xddw\xdf]YYI\x15\x1d\xc6\x98i7\\\xf3\xef\xffz\xc0\xc9\x083}\xf1/Sp\xb7=~\xeb\x9d\x8b\xde\xf9\xf5\xefh\xf1G)u\xd7]w\xbd\xf1\xc6\x1bX\tLqJ\xa9K\xab\xdd\xa6*\xa0\xa6\xa6\xa6\xc9\x93\'\x9f:u\xaak\x19\x89\x10Bk\xfd/\xff\xf2/\xf3\xe7\xcf\xc7/@\xaa\xc1\xe5\x7fi\x02\x92c\xf4\x96TVV\xd2\xdbO\xd7\xbf1\xa6l\xcb:g\xc0\x803\r\xb1D\xcb\xe9\x8b\xfd\xdf\x99\x86\x983`@\xd9\x96u\xc6\x18z\xfb\xbb}\x0b\xbf_4\x9c\x831Fk-\xa5\xbc\xb41\x9a7\xe1;k\xd6,\xd6y\xef\xef}\x8a1\xf6\xd1G\x1f\xb1//\x0f\x80\xefp\xf9_\xb2 \x04\x00\xbdC\xae\xeb\xe6\xe7\xe7\xd3\x1bO\xef\xd0C\xf7\xdd9\xe7\xce\x99\x89\xc6X8|)\xf5\x00\xe1p(\xd1\x18\x9bs\xe7\xcc\x87\xee\xbb\x93\xde~\xfaF\xf9\xf9\xf9\xae\xeb\xf6\xbe\xc4\x18\x92\xa1\xf7\x0fm\xd2\xe0\xf1\xfa\xeb\xaf?\xe7g\x1b\x1a\x1az\xf3\xc5\xa1\xcf\xe1\xf2\xef\x8d \x04\x00M\xc8\xee\xd9\xb3\xa7\xa6\xa6F\x08a\x8c6\xc6\x84\xc3\xa1mEk\xb8\xd6\x97^\x03\xc0\x18\xe3\x9ck\xbd\xadhM8\x1c2\xc6\x18\xa3\x85\x10555{\xf6\xec\xa1\t\x81\xbe{\x11\x90B8\xe7YYY\xe7\xfc\x14\x15\x08A\xea\xc0\xe5\xdf\x1bi\x1f\x00\x14\xcb\xd1h4\x12\x89P\xe1\x97\x10Rk\xbda\xe5\xd2)\xd3\xa6\xc6\x9b[z3\x1e\x14B\xc4\x9b[\xa6L\x9b\xbaa\xe5R\xef+s\xce#\x91H4\x1a\r\xcc(\x00\xce\xd6SG\x1f\x0e\x87\xfb\xb9%p\x1e\xb8\xfc{)\xed\x03\x80\xf2\x9f\xde\x12z\xb3\x8d1\xa3F\x0e_\xbfz\x99n9-z\xbdV#\xa4\xd4-\xa7\xd7\xaf^6j\xe4pz\xbf\x85\x10\xf4\x0b\x17\x98Q\x00tc\x8c\xf9\xe4\x93O\xce\xf9)\xda\x11\x08R\x04.\xff^J\xef\x00\xa0\xb7\xff\xf8\xf1\xe3tSF\xc7wh\xad\x9f-Zs\xf9\xb81\x89\xb6\xf6&gt;)\x04N\xb4\xb5_&gt;n\xcc\xb3Ek\xe8\xdb\xd1w\xd9\xb3g\xcf\xf1\xe3\xc7\x83\xf1K\x00]\t!8\xe7\xbf\xfa\xd5\xaf\xd8\x97\x17{\xe9\x8d\x9e8q"\x0b\xd8\xa3@i\x0b\x97\x7f\xef\xa5\xf7]\x0c-\xce\xcc\x993\xa7\xaa\xaa\xca\xdb\xcck\xda\r\xd7\xfc\xbc\xb2\xc2\xd1\x8a\xf5j\xfe\xef\x0b\x861\xc6\x8c+\xe4\xd7\xef\xca{\xe7\xd7\xbf\x13\x9d;\x8b\xcd\x9e=\xfb\xf0\xe1\xc3A\xaa\t\x03\xba\xc7\xff\xc3\x1f\xfep\xcd5\xd7\x9c9s\x86uf\x00\xdd\xef\x0f\x180\xa0\xa6\xa6f\xfc\xf8\xf1x\x0e \x15\xe0\xf2\xef\xbd4\xfe%\xa6\x1f\xfd\xc1\x83\x07\xe9\xed\xa7\xda/)Ey\xc9\xc6\x01\x83\x07j\xa5\xfbj\x90\xc6\x19\xd3J\x0f\x18&lt;\xb0\xbcd\xa3\x94\xc2\xab\t\xab\xaa\xaa:x\xf0`\x90j\xc2\x80\x02`\xf7\xee\xdd\xad\xad\xad\xd4\xa7\xd0\xc7\xe9\xb2\xbf\xf1\xc6\x1b\xc7\x8d\x1b\x17\xa4\xe7\x80\xd2\x17.\xff&gt;\x91\xae\xbf\xc7\xb4\xf8\x13\x8f\xc77o\xdeL\x7f\xa4w"o\xc1=\xb3\xef\x9e\x1d\x8f\xc6\xfa6\x96\xa5\x94\xf1hl\xf6\xdd\xb3\xf3\x16\xdc\xe3\xd5\x841\xc66o\xde\x1c\x8f\xc7\x83\xb1\x1c\x04\xb4\xc9\xcf\x7f\xfe\xe7\x7f\xbe\xfc\xf2\xcbt\xb3\xdf\xf5\xb3\xc6\x98\xbc\xbc&lt;\xba\xfe\xfdj!\x10\\\xfe}%]\x03\x80\xee\xc1\xcb\xca\xcajkk\x1d\xc7\xa1\xda\xed\xac!\x99[6&lt;\xa1\xcf\xb4q\xd1\xf77e\\H}\xa6m\xcb\x86\'\xb2\x86d\xd2\xb7s\x1c\xa7\xb6\xb6\xb6\xac\xac,\x00S\x81\xa0\x94r\x1c\xe7\xd3O?]\xb4hQ{{;\xeb\xb2\x00 \x840\xc6\x8c\x1c9r\xd9\xb2e\xd4\xd7\xf8\xdaR\xc0\xe5\xdfg\xd22\x00\xe8&gt;\xbd\xbe\xbe~\xe7\xce\x9d4R\x93Rh\xad\xd7\xae\xc8\xbbz\xda\xd4DK\xab\x10}\xbfF\'\x04O\xb4\xb4^=m\xea\xda\x15yZk);\x96\x83v\xee\xdcY__O%h}\xfeM\xa1\x7f\xd0\xb0\xee\xe4\xc9\x93\xf3\xe7\xcf\xaf\xab\xab\xa3S\x01\xbc\xcf\xd2\x15^ZZ\x9a\x9d\x9dM\xbf{&gt;6\x15p\xf9\xf7\xa1\xb4\x0c\x00\x9a\x84-..nhh\xa0\x13\x1a\x94\xd29\x13\xc7\x15\xac^\xeeF\x1b\xa5\x93\xac\x01\x9at\xa4\x1bm,X\xbd&lt;g\xe28\xa54\xe7\x8cs\xde\xd0\xd0P\\\\L\x83\xc4$}_H*\xd7u\xa5\x94\x1f}\xf4\xd1\x1dw\xdcQ]]\xddmV\x976\x82\xbe\xfb\xee\xbb\x1f\x7f\xfc\xf1t_\xf1\x0b\x06\\\xfe}(\xfd\x02\xc0\xab\xfd\xaa\xa8\xa8\xa0\xfc\xe7\\\x18c\x9e.X\x91}\xc5H\x15O$o\x80\xc69W\xf1D\xf6\x15#\x9f.Xa\x8c\xe1\xbcc\x14PQQ\x11\x8c\x9a0\x0b\xd1\xbc\xff/\x7f\xf9\xcb\xd9\xb3g\x9f8q\xc2q\x9c\xb3{\xff\x9c\x9c\x9c\xbd{\xf72T\x7f\xa6\x00\\\xfe}+\xfd\x96/\xba\xd5~1f\x94\xd23gL\xff\xe9?\xff/}\xe6L?\x94gh\xad\xc5\xc0\x81\xb7\xdf\xf7\xad\xa3\xbf\xa8\x96R0\x16\x9c\x9a0\xabx\xdb\xc6\xbd\xfa\xea\xab\xcb\x97/oii9\xe7\xd8\x7f\xcc\x981o\xbd\xf5\xd6\x94)SP\xfa\x99\np\xf9\xf7\xad4\xfb\x85\xa6\x1f\xf1\xa1C\x87\xbc\xda/c\x18\xe7\xbc\xb4\xf0I\x19r\xfa\'\xcc\x8c12\xe4\x94\x16&gt;\xc997\x86y5a\x87\x0e\x1dJ\xf7\x9a0{\xd0&lt;\xb2\x94\xf2/\xfe\xe2/\x1ez\xe8\xa1\x96\x96\x96ne?\xde\xd8\xff\xed\xb7\xdf\x9e2e\n\x8d\xf5|l00\\\xfeI\x90N\xbf\xd34\xf7\x17\x8b\xc5\x8a\x8a\x8a\xa8\xf4\xcaq\xa4\xd6\xfa\xb1G\x16\xcc\x99w{{c\x1f\xd7~\xf5DJ\xd9\xde\x18\x9b3\xef\xf6\xc7\x1eY\xa0\xb5v\x9c\x8em\x02\x8b\x8a\x8ab\xb1X\xfa\xce\x06\xda\x83\xc6\xf2mmm\x8b\x17/~\xfa\xe9\xa7\xa9\xc6\xbf\xeb\xfd;\xf5\xfe\xb7\xdcr\xcb\xe1\xc3\x87sss\xd3qd\x17&lt;\xb8\xfc\x93!\x9d\x02\x801\xc69okk;u\xea\x14\xeb\xd8\xb6\x971\xc6N\xb7\x9e\xd1\x89\xb8\xe8\xc7\xf9Y\xc1\xb9N\xc4O\xb7\xd2\x93\xa2\x1d\xf5\x82\xa7N\x9djkk\xc34q\x8a\xa3\xde?\x1a\x8d\xdes\xcf=\xfb\xf7\xef\xf7\x8a\x08\xe9\xb3t[\xe0\xba\xee\x82\x05\x0b\xdez\xeb\xad\xb1c\xc7\xa2\xf7O\x1d\xb8\xfc\xfb\\:\x05\x00=\x833j\xd4\xa8\xc2\xc2B\x1a\x0et,\xc2\xfc\xe3\xff\xaez\xf3g\xa1\xa1Y\xfds\xff\xa5\x94\n\r\xcd\xaaz\xf3g\x15\xff\xf8\xbf\xbd6\x18c\n\x0b\x0bG\x8d\x1aEO$\xf6C3\xe0\x12\xd0`\xad\xb1\xb1q\xde\xbcy\x87\x0f\x1f\x0e\x85Bt\xc4+}\x96\xdeG\xa5Tqq\xf1?\xfc\xc3?dff\xd2"\x81\xbfm\x06\x82\xcb?\x19\xd2l\x11\x98\x06k\xae\xeb\xdex\xe3\x8d\xef\xbf\xff&gt;\xfd\xac\xe9\xec\xb7co\xecs\xb4\xee\xab\r@zl\x00c\x8c\x19W\x88?\xb9{1\x9d\x15G\r\xc8\xcd\xcd}\xf7\xddw\x1d\xc7\xa1\xd3\xe3\x92\xd9\x04\xb8D\xb4\xeak\x8c\x997o\xde[o\xbd\x15\n\x85\xba\xee\xf9L\x13\xb8\x83\x06\r\xfa\xeb\xbf\xfe\xebE\x8b\x16\xd1"\x01\xde\xca\x94\x82\xcb\xbf\xcf\xa5\xd3\x1d\x00\xeb\xdc\x93+\x1c\x0e\xbf\xf8\xe2\x8b4\x9a\xa3;\xfa\xeaw\xdf\xdb_\xf1\x9a34K\xb9nR\x1b\xa0\\\xd7\x19\x9a\xb5\xbf\xe2\xb5\xeaw\xdf\xa3\xc2/j\xd2\x8b/\xbe\x18\x0e\x87\xa9IIm\x00\\2\x1a\xce?\xf5\xd4S=\xf5\xfec\xc6\x8cy\xfb\xed\xb7\x17-Z\xe4\xba.-\x0c\xf8\xd8Z8\x1b.\xff&gt;\x97fw\x00\xa4\xdb\x01\xd0\xf46\x8c\xb8&lt;\xfb7G\xff){h\xa6N\xb8Iz\x1b\x8c1"\xe4D\x1b\x9b\xa7\xce|\xf0\xb3\xcf\xa3\xde}h\xf0\x8e\x8a\x0e\x1ezw\x8e\x1d;v\xdbm\xb7Q\xb1\xbf\xf7\x9bO\xbd\x7fnn\xee\xeb\xaf\xbf\x9e\x93\x93\x93H$B\xa1\x90\xbf\xad\x85\xf3\xc0\xe5\xdf\x87\xd2\xec\x0e\x80x\xa9\xeb\xad\xe0q\xce?=yj\xcbs\xffC\x0c\x1e\xa4U\xb2\x1e\xc7\xd0J\x8b\xc1\x83\xb6&lt;\xf7?&gt;=y\x8a\xda@[\x82x\xe3\x91$}_\xe8=zw"\x91\x08\xeb\x9cI\xa0\x8f\xd35\x9c\x9b\x9b\xfb\xd6[o\xe5\xe4\xe4\xb8\xae\x8b\xde?\xc5\xe1\xf2\xefCi\x19\x00t\xf35e\xca\x94\x95+W\xd2}=-\xc5\xbc\xf2\xc3W\xdf\xab&gt;\x11\xbalP2\x1e\xc9\xd3Z\x87.\x1b\xf4^\xf5\x89W~\xf8j\xe7\x0e$Rk\xbdr\xe5J&lt;%\x94\xe2\xe8\xddy\xe7\x9dw\x0e\x1f&gt;\xdc\xb5\xde\x9f\x96\xef.\xbf\xfc\xf2\x7f\xfe\xe7\x7f\x1e;v,=\x15\xecoS\xe1\x8f\xc2\xe5\xdf\x87\xd2\xb2\xd1\xac\xf3\x97`\xeb\xd6\xad\xa3G\x8f\xa6\xf8\xe5\x9c\xb9\xaeZ\x1b\xf9.O\xda\x8d\x18\x97rm\xe4\xbb\xae\xabh\x1b\x10c\xcc\xe8\xd1\xa3\xb7n\xdd\x9a\xbeo\xbf%\xa8Gx\xed\xb5\xd7\xccY[\xf9\x1bc^y\xe5\x95\xab\xaf\xbe:\x91H\xa0\xf7O\x17\xb8\xfc\xfbJ\xba\xb6\x9b\xde\x80\xec\xec\xec\xe7\x9f\x7f\xbe\xf3\xa86-\xa5x\xb3\xea\x17?y\xfd\xadPVf\xdf\xd6\x84)\xa5BY\x99?y\xfd\xad7\xab~!\xa5PJ\xd3\xaf\xe0\xf3\xcf?\x9f\x9d\x9d\x9d\xbe7\x80\x96\xa0\xeb\xf3\xd8\xb1c\xac\xcb&amp;\xcf4\x82\xbb\xeb\xae\xbb\x16,X\x80\x99\x9f\xf4\x82\xcb\xbf\xaf\xa4\xe5"0\xa19\xb8D"\xf1\xf5\xaf\x7f\xbd\xba\xba\xda;\x12\xfa\xea\xab\xc6\xbf{\xf4\x1f\xa51\xcc\xf4MQ\x981\x8cq\xa68\xbfq\xe6\x82\xda\x0f\xfe\x8b\xdel\xad\xf5\xf4\xe9\xd3\x7f\xfe\xf3\x9f\x87B\xa1\xb4\xab\xfd\xb2\x8a\xe9&lt;&lt;\xe4\x9ak\xae\xf9\xf0\xc3\x0f\xbdM\xbbh\xea\xe0\xd5W_]\xb0`\x01\x1d\x06\xe0wK\xe1"\xe0\xf2\xef\x13\xe9z\x07\xc0:G\x01\x19\x19\x19\xbbw\xef\x96RRM\x98\x14\xe2\xfd\xba\xdf\xef\xd8\xfdWNv\x96R}S\x13\xa6\x94\xebdg\xed\xd8\xfdW\xef\xd7\xfd^v\xd6~I)w\xef\xde\x9d\x91\x91\x91\xd6\xf9o\x8f\xc6\xc6\xc6\xcf?\xff\x9cu9\xe3W)5p\xe0\xc0[o\xbd\x95\xdeM\xbf\x1b\x08\x17\x07\x97\x7f\x9fH\xe3\x00`\x8c\xd1S\xfb3g\xce\\\xbcx1-\xcb(\xad\x85\x10\xe5\xffs\xdf\'\xff\xf7\xf7\xa1\x81\x03t\xaf\xefo\xb41\xa1\x81\x03&gt;\xf9\xbf\xbf/\xff\x9f\xfb\x84\x10\xaas\xd1i\xf1\xe2\xc53g\xce\xa4\xad\xe4\xfb\xe4\xb5@\x92P\x8f\xdf\xd4\xd4\xd4\xd6\xd6\xe6}\x90.\xda\xb1c\xc7\x8e\x1a5\xca\xb7\x96A\xef\xe0\xf2\xef\xbd\xf4\x0e\x00\xd6Y\xc8\xb1e\xcb\x96\xac\xac,op\xd7\x10\x8d\x15m-\x17\x83\x07\x99^O\x05\x1a\xa5\xc4\xe0AE[\xcb\x1b\xa21\xef\xc1\xbf\xac\xac\xac-[\xb6\x9c\xbd\xa2\x08)+\x1e\x8fw\x9d\x17\xa6\xb7r\xd8\xb0aTJ\x98\xd6\x838\x9b\xe1\xf2\xef\xa5\xf4\x7f\x01B(\xa5rrr\xd6\xad[\xe7\xd5\x84I)\x7f\xf8\xea\xeb\x87\x7fr8\xdc\xbb\x1dB\x94R\xe1\xa1Y\x87\x7fr\xf8\x87\xaf\xbe\xee}e\xad\xf5\xbau\xebrrr\xb0Ep\x1a\xa1^^|YFF\x06\xeb\xb2,\x0ci\x07\x97\x7f/\xa5\xfd\x0b`\x9d\xaby\x05\x05\x05W]uU\xe7\xbbb\xb4\xd6[v|O\xf5\xee\xb1@\xce\xb9J\xb8[v|Ok\xcdX\xc7\x83\x7fW]uUAAA\x9a&gt;\xf8g-\xad\xb5R\xca\xfbo"\x91\xd0Z\xb7\xb6\xb6\xfa\xdd.\xe8-\\\xfe\xbd\x11\x84\xca\x07z\x8f\xb3\xb2\xb2\xb6o\xdf\xfe\xf0\xc3\x0f{\x8fi\x1c\xfdE\xf5\xde\x1f\xbe\xba\xfc\xf1\xc5g&gt;\xfd\xec\x12j&lt;\\\xd7\x1d8j\xc4\x0f^\xd9w\xf4\x17\xd5]\xf3\x7f\xfb\xf6\xedYYYi\xb7\xed\x9f\xb5\xe8m\xba\xea\xaa\xab\xde~\xfb\xedn\x9f\xca\xca\xca\xf2\xfe\x02\xa4)\\\xfe\xbd\x91\xc6e\xa0\xddt;+\xce\x18\xcd\x0c\x9b4al\xf5\xe1\x83C\x86g\xb3\x84{qEa\xc6\xb0\x90\xd3t*:}\xce\xc3\x1f\xfe\xfe\x0f\x8c3:\x024}\xcf~\x03\x080\\\xfe\x97&amp;8\x01@\xe5Y\xd5\xd5\xd5\x7f\xf2\'\x7fB7\xf8T(v\xfd\x94\x9c\x91\xa3G\\\xec\x16Q\xb4\xf1\xd3\xc9\xfa\xcfN\xd4\xd4\xd1\xd7\x11B\x84B\xa1c\xc7\x8eM\x9f&gt;=\x18\xeb?V\xa1\xbd\xa0\xbb}\x90V\x05|i\x0f\xf4-\\\xfe\x97&amp;8\x01\xc0:G\x01\x8f&gt;\xfa\xe8\x0f~\xf0\x03:\xd5\x8f\xde\xbc\xde|\xcd\xce\xc3\xe7\x1c\xd7u\x97/_\xfe\xfd\xef\x7f?H\xf9\x0f\x10\x18\xb8\xfc/A\xa0\x02\x80\x86x\'O\x9e\xbc\xee\xba\xebb\xb1\x18\xeb\xdc\x05\xec\x92g\xebh\xd8Hi\x9f\x95\x95\xf5\xdb\xdf\xfev\xe4\xc8\x91\xacsk\x01\x00H\x1d\xb8\xfc/Ap^\t\xeb,\n\xf6vh\x92Rz\x0f\x88_\x1a\xfa\x9a\xb4\xf8\xe3\xed&lt;\x15\xa4\xb7\xdf*\xc6\x18\xa5\x94\xeb\xba\xf4\xdf\xae\x87AB\x00\xe0\xf2\xbf\x04\x81\xba\x03`\x9do\xb6\xd6z\xea\xd4\xa9\xef\xbf\xff~_}\xd9\xdc\xdc\xdc\xdf\xfc\xe674\x9a\x08\xc6\xea\xbfmz\xda\xb21`w\xf4\x96\xc3\xe5\x7f\xb1\x82\x16\x00\xac\xf3\x91\x9f\x0f?\xfc\xf0\xa3\x8f&gt;\xea\xabI\xc0\x89\x13\'N\x9a4\xc9\xe0\x91\xd1\xf4D\xbd\x7f"\x91x\xfd\xf5\xd7\x8f\x1d;v\xf2\xe4\xc9\xcc\xcc\xcc\x9bn\xba\xe9\xfe\xfb\xef\x1f9rdZo\xe7\x0b\xdd\xe0\xf2\xbf(\x01\x0c\x00\xd6\xf9K\x90\xfa_\x13\xfa\x01\xf5\xef\xbf\xfa\xd5\xaf\x1e}\xf4\xd1w\xdey\xa7\xeb\xa7F\x8e\x1c\xf9\xdd\xef~w\xd9\xb2e\xc8\x80 \xc1\xe5\x7f\xe1\x82\x19\x00\x8c1\xadu\x1f\xbe4\xd4\x0b\xa6)\xfa\x1d\xf8\xec\xb3\xcfn\xba\xe9\xa6O&gt;\xf9\xa4\xdb\x03A\xae\xeb2\xc6~\xfc\xe3\x1f\xdfw\xdf}\x98\x0b\n\x12\\\xfe\x17(\x08O\x02\x9fSP\xdf0\xb8(\xb4\xd1\xff\xf7\xbf\xff\xfdO&gt;\xf9$\x1c\x0e\xc7\xe3\xf1\xae\x9f\xa5\xd3\xe1\xb7m\xdbv\xef\xbd\xf7\x06r|g-\\\xfe\x17\x08?&amp;\x082\xea\xd6\xab\xaa\xaa\xe8\x00\x80n\x9fUJ\x19c~\xfd\xeb_\x7f\xf2\xc9\'TC\xe2G\x1b\x01|\x83\x00\x80 \xa3Y\x9d\x93\'Oz\x85}]\xd1GZ[[\xeb\xeb\xeb\x19\xb6\x05\x05\xfb \x00 \xf8\xce\xde\x04\xc2\xe3\x9d\xf0\xc7\x10\x00`\x1f\x04\x00\x04\x19\xf5\xecYYY\xe7\xac\xe0\xa6"\xbfP(\x94\x9d\x9d\xcd\xb0-(\xd8\x07\x01\x00AF\x01\xd0\xd3\x06^T\xdd1a\xc2\x84\xf1\xe3\xc7\x07\xef!O\x80?\n\xbf\xf1\x10d\xd4\xa7/_\xbe\x9cs\xee\xba\xae\xe38\xbc\x93\x94\xd2q\x1c\xad\xf5\xca\x95+C\xa1Po\x8e\x8e\x02HS\x08\x00\x082!\x84\xd6\xfa\x86\x1bnx\xf1\xc5\x17\x8d1\xb4\xff\x0fQJ\xc5\xe3\xf1\xbc\xbc\xbc\x82\x82\x02\xda:\xc6\xef\xc6\x02\xf4\xb7\xc0&gt;\x08\x06\xe0\xa1\x07}\x0f\x1f&gt;\xfc\xc2\x0b/\xfc\xc7\x7f\xfcG,\x16\x0b\x87\xc3\xd7]w\xddc\x8f=\xf6\xe8\xa3\x8f\xb2\xe0&gt;\xe7\tp~\x08\x00\xb0\x82\xb7\xd9CsssSSSFF\xc6\xe5\x97_\xce\xd0\xf5\x83\xdd\x10\x00`\x0b:\xc7\xd5[\xe9\xa5m#1\xf3\x036C\x00\x80]h\x01 x\xfb\xfa\x02\\\x02\x04\x00\x00\x80\xa5P\x05\x04\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c7\xef\x06\x04\x99\xd6\xda\xef&amp;\x04\x01\xe7\x9cs\xeew+\x00\x02\x88\x1bc\xfcn\x03\x00\x00\xf8\x00w\x00Ia\x8c\xe1\x9co\xd8\xb0\xe1\x9dw\xde\x91R*\xa5\xfcnQZ\x12Bh\xadw\xed\xdau\xd3M7i\xad\x85\xc0\x8c%@_B\x00$\x05\x05\xc0\xb1c\xc7\xfe\xfd\xdf\xff\xdd\xef\xb6\xa4\xbd\xcf&gt;\xfb\x8c1\x86[\xd5&gt;g\x8c\xd1ZK)\xfdn\x08\xf8\x06\x01\x90D\x97]v\x99\x94\x12w\x00\x97\x8c\xee\x00B\xa1\x90\xdf\r\t&amp;\xce\xb9\x94\x92\x06+~\xb7\x05\xfc\x81\x00H"\xad5u\xfd\xf4_!8c\xb8\xd2\xfe8c4\r\xf7i\x88\x8a\xb1\x7f\x9f\xa3\x1fiSS\xd3\xbe}\xfbV\xadZ\x85\x0c\xb0\x16\x02\xa0\xffhm\x18C_\x06\xfe\xa3\x99\x9fW_}u\xf5\xea\xd5w\xdf}\xf7UW]\x85%\x16;!\x00\xfa\x03\xe7\xdc\x18\xb3c\xcb\xba\x9bo\xb9)q\xbaU\x08\x8c\xb6\xce\xcd\x18\xe3\x0c\x1c\xb0\xfe\xcf\x9f\xff?\'j\xd0\x1f%\t\x8d\xf7\xa3\xd1\xe8\x96-[8\xe7\xabW\xaf\xfe\xc9O~\x82\x92e;!\x00\xfa\x03\x05\xc0\xd7o\xf9\xca\xd7\xef\xbd\x83561\x89\xae\xad\x07Z\xb3\xcc\xcbF\x94\xeda\x9d?4\xbf\x1b\x14@4\xfc\x8fD"\x1f\x7f\xfcq(\x14z\xe3\x8d7*++\xef\xba\xeb.\xa5\x14\x16\x84m\x83\x00\xe8?-\xa7[Uc,\x1ek\x91\x08\x80\x1eh\xadCJ%\\\xd7\xef\x86\x04\x16M\xf5\xd4\xd4\xd4\xec\xd9\xb3\x87\xd6\xd89\xe7\xf9\xf9\xf9\'N\x9c\x10B`1\xc06\x08\x80\xfe#\x84\x90RJ)\x10\x00=\xe1\x9cI)\xd1\x07%\x8f1F\x08\x91\x9f\x9f\xef\xba.\xd5\xa7I))\x0fV\xaf^\x8d\x9b\x00\xdb\xa0\'\x02\xb0\x05\xf5\xef\x95\x95\x95\x95\x95\x95^u2\xdd\x13D"\x91\xfa\xfaz\xce9\x16\x03\xac\x82\x00\x00\xb0\x02M\xef\xb8\xae\x9b\x9f\x9f\xdfu}\xc5[\x13...\xa6Y \x7f\xdb\t\xfd\t\x01\x00`\x05\x1a\xe9\xef\xd9\xb3\xa7\xa6\xa6\x86f\xff\x19c4\xdbF\x9f\xaa\xa8\xa88~\xfc\xb8\xf7)\xb0\x01\x02\x00 \xf8h\xb1\xb7\xbe\xbe&gt;\x12\x89t\xed\xe2i\xbcO7\x01\xed\xed\xed\x1b6l@\xf1\x95U\x10\x00\x00\xc1Gk\xbf\xc5\xc5\xc5\xd1h\xd4\xab\xf6\xb9l\xf0\xa0]%\x1b\x1dGr\xceiy\xa0\xaa\xaa\xea\xe0\xc1\x83\xd8\xbc\xc4\x1e\x08\x00\x80\x80\xa3\x19\x9e\xe3\xc7\x8fWTT\x08!\xa8\xfe\xc7\x18\xb3j\xd9\xc3\xeb\xb6\x14?|\xff\\c\x0c}\x841\xb6y\xf3\xe6x&lt;\x8e\xfb\x00K \x00\x00\x02\xce\xdb\x9c\xbc\xbd\xbd\x9ds.\x04\xd7Z\xe7L\x1cW\xb4\xfeq7Z\xffL\xe1\xaa\xac!\x99\xc6\x18c\x8c\xe38\xb5\xb5\xb5eeeX\t\xb</t>
        </is>
      </c>
    </row>
    <row r="71">
      <c r="A71" s="1" t="n">
        <v>69</v>
      </c>
      <c r="B71" t="inlineStr">
        <is>
          <t>shape_size_hexagon</t>
        </is>
      </c>
      <c r="C71" t="inlineStr">
        <is>
          <t>What is the size of the missing shape denoted with a question mark if it is a square?</t>
        </is>
      </c>
      <c r="D71" t="inlineStr">
        <is>
          <t>['small', 'large', 'medium']</t>
        </is>
      </c>
      <c r="E71" t="inlineStr">
        <is>
          <t>large</t>
        </is>
      </c>
      <c r="F71" t="inlineStr">
        <is>
          <t>There are 7 shapes with different sizes in the image, of which there is a missing square in the center. The other shapes are arranged around the center, which are ['square', 'triangle', 'hexagon', 'square', 'triangle', 'hexagon'] in anti-clockwise order. Their corresponding sizes are ['large', 'medium', 'small', 'large', 'medium', 'small'].</t>
        </is>
      </c>
      <c r="G71" t="inlineStr">
        <is>
          <t>We observe that the squares are large size, the triangles are medium size, and the hexagons are small size. Hence, the pattern is that each shape appears with a distinct size.</t>
        </is>
      </c>
      <c r="H71" t="inlineStr">
        <is>
          <t>Based on the pattern that each shape appears with a distinct size, the size of the missing square should be large.</t>
        </is>
      </c>
      <c r="I71" t="inlineStr">
        <is>
          <t>b'\x89PNG\r\n\x1a\n\x00\x00\x00\rIHDR\x00\x00\x02\x00\x00\x00\x02\x00\x08\x02\x00\x00\x00{\x1aC\xad\x00\x00?RIDATx\x9c\xed\xddy|T\xd5\xdd?\xf0\xb3\xdc\x19B L\x12 \xa2\xe2R\xc2R!\xda\x1ak\xe5\xd1\x12\xe2\xc2Rk\xab\x96\xa5\x80"\xb1E\xb1J!l\x9a\x14\x02%\x80\xa2\xb2\x04*\xfd\x15\xbb\x00R\x02\x15\xb0\xb5\xb5}\xd4*\xb2\x94jk\x89\x8f\n\xb6\x10\x83\xd6\xa5F\x84$\x93\x84\x90\xcc\xdcs\xce\xef\x8fo2F\xc0\x05\x98\xc9d\xee\xf9\xbc_}\xf5\xd5\x12Hnf\xe6\x9e\xcfY\xbe\xf7\x1cn\x8ca\x00\x00`\x1f\x11\xef\x0b\x00\x00\x80\xf8@\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5c\x8c1&amp;\xdeW\x01\x00\xf1\xe1\xc4\xfb\x02 n\x8c1\x9c\xf3x_\x05\x00\xc4\rF\x00\x96\xa2\xd6?//\xef\xbd\xf7\xde\xc38\x00\xc0N\x08\x00\x1b)\xa58\xe7\xdb\xb6m[\xb7n\xdd\xea\xd5\xab9\xe7Z\xebx_\x14\x00\xb45\x8e\xae\x9fm\xa8\xbf\xaf\xb5\xce\xca\xcaz\xf3\xcd7}&gt;\xdf\xff\xfd\xdf\xff\xf5\xed\xdb\xd7\x18#\x04:\x04\x00\x16\xc1\ro\x1d\xad\xb5\x10b\xf5\xea\xd5\xfb\xf7\xef\x97R666N\x992\x85st\x05\x00\xac\x83\xdb\xde.4\xd5s\xe8\xd0\xa1\xfe\xfd\xfb\x07\x83A\xc6\x18\xe7\\)\xf5\xcc3\xcf\x0c\x1d:T)%\xa5\x8c\xf75\x02@\x1b\xc1\x08\xc0.4\xcfSXXX]]MS\xff\xb4\x1a&lt;e\xca\x14\xd7u1\x0e\x00\xb0\n\x02\xc0"4\xf9\xb3g\xcf\x9e\x8d\x1b7\n!h4@\x7f\xb8\x7f\xff\xfe\xd5\xabWG\xfe\x10\x00l\x80\x1e\x9fEh\x86\'77w\xc7\x8e\x1dRJ\xaa\x05\xa2\x11\x00\xe7&lt;\x10\x08\xbc\xf1\xc6\x1b\x19\x19\x19\x8c1\xac\x06\x03\xd8\x00\xf7\xb9-\xa8\xf5\xdf\xbcy\xf3\x89\xad?\xcd\x0bUWW\x17\x16\x16\n!\xd0\'\x00\xb0\x04F\x00V\xa0\xbaO\xa5TVVVyyyd\xaa\xa7S\xc7\xa4\xa3\xc7\x1a\xe9\xef\x08!\x1c\xc7y\xf1\xc5\x17\xb3\xb3\xb3i^(\xae\x97\x0c\x001\x87\x9b\xdc\nZk)\xe5\x92%K\xca\xcb\xcb\x1d\xc71\xc6\x08\xc1\xbb\xa4t~\xf6w\xbf\xfar\x9f/q\xce\x85\xe0\x9c\xf3P(\x94\x9f\x9f\xaf\x94B\xb7\x00\xc0\x06\x08\x00\xef\xa3\xee|EE\xc5\x83\x0f&gt;(\x84PJI)\xb46\x93o\xff\xde\x95\xc3\xae\x9f1i\xbc1Fp\xa1\x94r\x1cg\xd7\xae]\xa5\xa5\xa54G\x14\xef\x0b\x07\x80\xd8\xc2\x14\x90\xf7\xd1\xec\xff\x84\t\x13\x1e{\xec1)\xa51\xda\x18v\xe1\xf9\xe7\xec\xd9\xb6\xb9cR\x07\xa7\x83\xff\xeao\xdd\xf6\xd7\xbf\xbf"\xa50\x86\x19cz\xf5\xea\xb5g\xcf\x9e\x94\x94\x14Z\x1c\x8e\xf7\xe5\x03@\xac`\x04\xe0q\xd4\xfa\xef\xdc\xb9s\xc3\x86\r-k\xbf\xc2\x18\xb3\xf8\xc7S\xd2zt7M!G\xca\xe5\xf3g\xfa\xfd&gt;c\x9ag\x8a***JJJh\xac\x10\xef\xcb\x07\x80\x18\xc2\x08\xc0\xe3\xa8\x11\xbf\xe6\x9akv\xee\xdc)\xa5d\xcc(\xa5s\xfe\xe7\xb2\x1dOo\x08\x07k\x85\x94\xcau\xfd\xdd\xbbM\x98\x90\xff\xd8\xe6?:\x8eTJ\x0b!:w\xee\\VV\xf6\xa5/}\t\x1b\x04\x01x\x18\xeem/s]WJYZZJ\xad\xbfR\xca\x18\xe6\xf7\xfb\x96\xcc\x9bn\x942\x9c3\xc6\xb8\x94\xaa\xae\xfe\x81\xa2\xa9\xe9i\x81\xc8S`\xc1`\xf0\xbe\xfb\xee\xc3\x83\xc1\x00\xde\x86\x00\xf0,\xea\xbc\xd7\xd6\xd6\xce\x9f?\x9f\x9ar)\xa5\xd6z\xcc\x8d\xc3/\xcf\x19\x18\xae\xab\x97B0\xc6\x04\xe7\xaa\xb1\xf1\x9c\xde\x17N\xbb\xe3\x16\xad\x8dl^%\x96[\xb6l\x89&lt;1\x10\xef_\x05\x00b\x02]&lt;\xcf\xa2v|\xf6\xec\xd9\xf7\xdf\x7f?5\xfd\x9c\xf3\xd4@\xca\xeb;\xb6\x9euVw\x1d\x0e\x8b\x96\x05^c\x18\xe3Lq~\xc9\xa0\x9b\xcb\x0f\xbeC\x0b\xbf\xc6\x98\xec\xec\xec\xdd\xbbw\xfb|&gt;\xac\x06\x03x\x12F\x00\xdeD\xcb\xb9\xe5\xe5\xe5K\x96,\xa1\xd6_\n\xa1\xb5\x9ev\xc7-\xe7\xf4\xbeP56\x8aV\r:\xe7L+\xd5\xa1s\xf2\x8a\x05\xb3\x8c1\x9c\x7f\xbck\xd0\xa6M\x9b\xb0A\x10\x80Wa\x04\xe0M\xd4\xfd\x1f=z\xf4\xe6\xcd\x9b\xa5\x94t\x08L\x9f^\xe7\xbf\xb6\xebw\xd2\x18f\xd8\x89\x1dz\xad\xb5/\xa5\xf3\xd0\x1bo\xff\xcb\x8e\x97\xe8A\x01\xceyFF\xc6\x1bo\xbc\x11\x08\x040\x08\x00\xf0\x1e\x8c\x00&lt;\x88Z\xff\x1d;vP\xeb\xaf\x94\xe2\x9c\x19cV,\x98\xd5\xa1s\xb2V\xea\xd3Zr\xa3\xd4\x8a\x05\xf7:\x8e\xa4\x07\x028\xe7\x95\x95\x95EEE\x18\x04\x00x\x12\x02\xc0k\xa8\xe1njj\x9a1cF\xcb\xda\xafPJ\x0f\x19&lt;p\xf8\xf5\xd7\x86\x83u\x9fv\xe4\x8b\x10"\\\xdfpQv\xd6\x9d\xb7\x8e\xa0\x19$\xa5T\xe4\xec0d\x00\x80\xf7 \x00\xbc\x86\xa6\xef7m\xda\xb4g\xcf\x1ej\xb5\x8da\x8e#W,\xb8\xd7|^=\x8f\x90B\x1fm(.\xfc\xd1Y\x19]#\xdbD\xbb\xae\x8b3#\x01&lt;\t\x01\xe0)\xd4jWWW\x17\x14\x14P\xebO+\xc0w\xde:\xe2\xa2K\xb3\xc2\xf5\r\x9f\xfdT\x17\xe7&lt;\xdc\xd8\xd4\xb5g\x8f\xfb\x0b&amp;S\x90\xd0l\xd2\xb3\xcf&gt;\x1b\x99Mj\xb3\xdf\x05\x00b\r\xdd:O\xa1\xf6z\xf2\xe4\xc9\xabV\xad\x8a\x94~\x06\xbat.\x7f\xe9\xa9\xb4\xb4.:\xec~\xeeB\xaea\x8c1\xe3\ny\xe5\xd0\xb1\xaf\xbc\xfeo\n\x0ccL\xef\xde\xbd\xf7\xee\xdd\xeb8\x0eV\x83\x01&lt;\x03#\x00\xef8\xeepG\x9a\xc1\xd7Z\xcf\x9fqW\xd7\x9e=\xdc\xc6\xd0\x17i\xb89cZ\xe9\xa4N\x1d\x97\xcf\x9f)\xa5\xa0s\x83#\x15\xa5X\t\x00\xf0\x12\x8c\x00\xbc\x83\xba\xff\xc3\x86\r{\xf6\xd9g#\xa5\x9f\x97^\xfc\xe5\x17\xff\xb2Q\xb8\xea\xa4\xa5\x9f\x9f\xfa\xad\\\xd7\xdf-}\xfc\x84\xfc\xdfl\xf9\xd3\xc7\x0f\x91\xa5\xa6\xee\xdb\xb7\xef\xac\xb3\xce\xc2\x06A\xed_t\xefk\x8c\xf9\xbc\n\xb7\xb1GD&amp;\xeb\xa9\xf5\x8f\x9c\xf8\xb8d\xee4\x7f\xc7\xa4\xcf(\xfd&lt;).\xa4&gt;\xd68w\xc6]\x81.)\xd4\x94p\xce\xab\xaa\xaa\n\n\n\xb0\x1a\xdc\xfeE\x16\xf0\xa3%\xde\xbf\x10\xc4\nnf/\xa0\xce\xbe\xd6:++\xeb\xc0\x81\x03t\xd3*\xa5F\xdep\xdd\xe3\xbf\xf9\xa9[[\'&gt;\xa5\xf4\xf33\xb8a\xb7C\x8f\xee\xf3~\xbc\xb8x\xd9\xa3\x8e#]W\xd1\xa8\xe2\x85\x17^\xc8\xc9\xc9\xa1\xbc\x89\xc5\xef\x02Qq\xec\xd8\xb1\xc6\xc6\xc63Okj\xfdSSS)T\xa2tu\xd0^ \x00\xbc\x80\x9a\xe3U\xabVM\x9e&lt;YJ\xa9\xb5\xe2\\8\x8e|m\xdb\xe6~\xfd\xfb\x84\x8f~N\xf1\xcfI\x19c\x98\x14u\r\x8d\x97]3\xea\xedw\xfe\x1b\t\x95\x9c\x9c\x9cm\xdb\xb61\xc6\x10\x00\xed\x10\xdd\xce\xd5\xd5\xd5\x03\x07\x0e&lt;|\xf8\xf0\x99\x07\x80\x94\xd2u\xdd\xfb\xee\xbb\xaf\xa0\xa0\x00\xa9\xef=\x08\x80\x84G\xdd\xff`0\x98\x99\x99YSS\xc3\x18\xa3\x15\xe0\xc2\x1f}\xff\xfe\xc5\x85\xa1\xc3U\xd2qN\xef;+\xd7\xf5wM\x7f|\xc3\x13\xdf\x9bt\x1fM+\xd1\x7f?\xf6\xd8c\xe3\xc7\x8fw]\xd79\xdd\xef\x0c1B\xef\xd1\x9c9s\x16-Z\x14\xc5o\x9b\x9e\x9e\xbeo\xdf\xbe\x8c\x8c\x0c\xc6\x18\x96\x7f\xbc\x04\x01\x90\xf0NZ\xfa\xd9\xbd[\xda\xde\x9dO\xa4\xa7\x05\xbeH\xe9\xe7g\xd0J\xf9\x02]\x06\x0f\xbfe\xe7\x8b{"\x0b\xcb\xbdz\xf5*++\xeb\xdc\xb93&amp;\x88\xdb\x15*\x03+//\xcf\xca\xcaRJ\xd1\x9bu\x86o\x901\xc6q\x9cp8\x9c\x97\x97\xb7f\xcd\x1a\x0c\x02&lt;\x06a\x9e\xd8"\xdbv\x1eW\xfay\x7f\xc1\xe4n\xe7\x9d\x1bnl:\xd3\xfb\x9fs\xa3\xd4\x92y\xd3\xfd~\x1f-3\xb4&gt;_\x1e%\xa1\xed\nu\xe6f\xcf\x9e\x1d\n\x85\x18c\xf4\xee\xe83c\x8c\t\x87\xc3B\x88\x8d\x1b7F\x9e-\x8f\xf3\xef\t\xd1\x83\x11@b\xa3\x1eYnn.\x1d\xdeBm\xf4\xa5\x17\x7f\xf9o\xcfnt\xb4b\xa7P\xf9\xf9\xe9?\xe2\x93gF\xba\xae\x96RH)\xf7\xee\xdd\xdb\xa7O\x1f\x8a\x84(\xfc&amp;pf";\x00\xe6\xe6\xe66\x97\x811f\x18\xeb\xd2\xb9\x93\x94\xd2\xb0S\xbc\xcd\r\xe3R\x04\x83u\xd4\xdc\xd37\x1c&lt;x\xf0\xf6\xed\xdb1\x08\xf0\x12\x04@\x02\xa3[q\xf3\xe6\xcd\xa3G\x8f\x8e\xcc\xd13f\x9e\xdf\xfc\xe8\xe0\xeb\xbe\x11\xaa\xa9\x8d\xca\x8d\xaa\x8d\x11&gt;\xe7\xc3\x0f\x8fd\xe5\xdc\x1c\xac\xad3\xa6y\x8da\xd4\xa8Q\x8f?\xfe8\x9a\x83\xf6\x80f{\xc2\xe1\xf0UW]UVVF3sJ\xe9k\x07]\xb1i\xedr\xd3\xd8\xc8\xb98\xa5\xae\x80\xd2\xda\xd7\xb9\xd3\xae\x1d/~\xf7\xfb\xd3\x19cJ5o\x0e\xf8\xf8\xe3\x8f\x8f\x1a5\no\xbag \x00\x12\x15\xdd\xf3\xae\xebfee\x95\x97\x97\x0b!\xa8J\xe7\xd6\x91\xdfZ\xbf\xae\xe4L\xd6~O\xa4\\\xe5\xef\x96\xf6\xd3\xe5\xbf\x982\xe7\xa1\xd6\xab\xc1\xdb\xb7o\x1f&lt;x0\x9a\x83\xb8\xa3\xb7`\xdd\xbauyyy\x91m\\\x85\xe0\xaf\xbd\xb0\xe5\xa2\xaf\xf47G\x1b\xb8\x10\xec\xd4\x06\x01\xdc(\x97\xa7\xa7\x8d\xbf\xf5G\xf40 \r.\xfb\xf4\xe9\x83\x1dA\xbc\x04\x83\xf7DEs/K\x96,)//w\x1c\x87\xf2 \xd0%e\xee\x8c\xbb\xf4\xb1F.\xa2\xd9"\x0bG\xba5\xb5\x93~0\xb6o\xe6\x05\xf4siuq\xc6\x8c\x19\xae\xeb\xe2\xd1\xb0\xf8\xa2\xf7\x82\x1e\xd3;~\x07\xc0\xaf\x0eh\xaa\xaeQJ\xb9\xe1\xb0\x1bvO\xe5?\xe1\xb0\xabU]}\xe4a@Z\r\xc6\x8e \x1e\x83\x00HH\xd4\nWVV.]\xba\xb4e\xcfN\xa1\xb5\x9e:ql\x9fK\x07\x84\xeb\x1b\xc4\xa9\x8d\xf8?\x07gL+\xe5O\xeex\xe2\x99\x91\xb4\xf8\x8c\xe6 \x8e\xe8\xbdX\xb6lYee%\xf5\xca\xb5\xd6i\xa9]\x8a\x0b&amp;\xeb\x86\x06)\xe5\xe9=\xfd+\xa5p\x8f\x1e\xebs\xe9\x80\xa9\x13\xc7j\xad\xa5l.1X\xbat)\xfd \xbc\xe9\x1e\x80\xbe[B\xa2!\x7f^^\xde\xbau\xeb\xa4\x94\xc6hcX\xaf\x0bz\xbe\xfc\xfcoS\x92\x93\x98\xd2\xb1\x18\x9e\x9f\xf4\xcc\xc8@ PQQ\x813#\xe3\x85\xaa~\xdf|\xf3\xcd\xac\xac,\xd7ui\x9b&amp;\xa5\xd4\xca\x85\xf7\xfe(\x7fb\xe8H\x8dtN\x7f,\x18y\x18\xf0\xf2k\xbfw\xf0?\xefq\xce8\x17J)\x94\x84z\x06F\x00\x89\x87n\xbc\x9d;w\xae_\xbf\xbey\xc2\x97\x0bc\xcc\x9c\xfc\x89igg\xa8P8v\r\xb1Qj\xc5\xc2{\xfd~_\xe4\xcc\xc8\xea\xeaj\x9c\x19\x19G\xf4.P\xe9\'e\xb0\xd6\xbao\xe6\x05\x93~0\xd6\r\x9e\xce\x16 \xadq\xceU(\x9cvv\xc6\x9c\xfc\x89\xc6\x18j\xfd\x85\x10\xa5\xa5\xa5eee4\xd1\x14\xad_\x04\xe2\x02\x01\x90\x90\x94REEE-%z\xc2U\xea\x1bW\\:~\xfc\x88\xf0\x91\xea\xd8=\x9d+\x84\x08\xd7\x1f\xbd(\xfb\x92\x19\x93\xc6\x1fwf$*\xc4\xe3\xe2\xc4\xe3z"\x87?\xfb\x93;\x9e\xea\x0e\x80\'\xe58N\xf8H\xf5\xf8[G\x0c\x1a\x98M3\x8d\x9c\xf3P(\x94\x9f\x9fO\xcf\x9aE\xe3\xf7\x80\xb8A\x00$\x18\xba\xe7KKKw\xee\xdcI\xf7\xbc1\xcc\xef\xf7-\x9f?S\n\x11\xeb\xfbQH\xa9\xeb\xeb\xa7\xdf\x93wVFW\x9a|\xe0\x9c\xbb\xae\x1b9\x7f8\xb6?\x1eZ\xa1\xbe\x7f\xeb\x03;?q\xf8s\xed\xa7\x1e\xfe|\x1a?H\xfa\x9c\xe2Y?\x14B0\xc6\x95R\x8e\xe3\xec\xda\xb5\xab\xb4\xb4\x14\x87\xc4%:\x04@"\xa1{&gt;\x18\x0c\xce\x9f?\xbf\xe5\x9e\x97Z\xeb17\x0e\xffZ\xce\xc0Pm\x9d\x94\xb1}C9\xe7\xe1\xc6\xa6n\xe7\x9d\xfd@\xe1\x8f"\xd3\xcd\xf4\xfc\x11\xce\x8clc\xb4\xf6\xbbz\xf5\xea\xfd\xfb\xf7\x0b!h\x1d\xc8\xef\xf7\xadX\xf8\xf9\x87?\x9f\x12)e\xa8&amp;\x98;&lt;\xf7\xd6\x11\xd7\xd3\xdbM\xd9?\x7f\xfe\xfc`0\x88\xe0Oh\x08\x80DBS.%%%\x15\x15\x15\xcd;\xf3h\x9d\x9e\x16x\xa0h\xaa\xaa\xab\xe7m\xb2"\xe78N\xb8\xaa\xe6\xb6\xdbFF\xe6\x04\x8e\xdb\x81\x00\xcdA\x1b\xa0\xf4\xa5\x05\x18\x9a\xf7\x17Bj\xadgL\x1a\x7fQ\xf6%\xe1\xfa\xa3\xd1}&lt;\x9bK\xa9\x8f6,.\x9a\x96\x9e\x160ZS\xcf\xa3\xa2\xa2\xa2\xa4\xa4\x84:\x01Q\xfcY\xd0\x96\x10\x00\t\x83\xa6\xdd\x0f\x1e&lt;\xb8|\xf9\xf2\xe6\xa7\xb1\x84\xd0\xc6L\xbb\xe3\x96sz_\xa8\x1a\x1bE[\x15\xe1\x18c\xa4\xe3\x14\xcf\xfa\xa1\x94\x821\xae\xb5\x8eT\x88ca\xb0mP\x1f\xbc\xa8\xa8\xa8\xba\xba:rn\xf3Y\x19]\xa7\xdf3A\xd7\xd7\x9f\xe1\xda\xef\x89\x04\xe7\xe1c\x8dg\xf7\xbe`\xda\x1d\xb7hcd\xcb\xaeS\xcb\x97/\xa7\xbe\x08\xde\xf4\x04\x85\xe1[\xc2\xa0\xd1\xf7\xa8Q\xa3\xb6l\xd9\x12\xd9\x983\xf3\xc2\xf3\xf6\xee\xfe\xbd4\xe6\x94N|\x8c\xc2\xc5\xb8\xae\xbf[\xd7\xf1\x13\xa6\xfef\xcb\x9f\x1cG*\xa59\xe7\x9d;w.++\xeb\xd5\xab\x17\xce\x8c\x8c)j\xfd\x0f\x1c8\x90\x95\x95E[\xb6Q\x87\xe0W\xcb\xe6}\x7f\xd2\xf8\xa6\xc3GbQ\x08`\x0cc\x9c)\xce\xb3\xae\xba\xe9\xcd\xb7\xde\x89&lt;y~\xdbm\xb7\xad[\xb7\x0e%\xa1\t\nwib\x88L\xb5S\xeb\x1f9\xf1q\xe1}wwH\xe9\xa4\xdd(\xd4{\x9c\x12.\xa4&gt;vl\xee\xcc\xbb\xba\xa4t\xd6\xda0\xc6\x84\x10\xb5\xb5\xb5\xc5\xc5\xc5\x98\x14\x8e5Z\n\x9a2e\n=\x86M\xf5W\xd9\x97\\4n\xec\x8dnMM\x14\xb7\x00i\x8ds\xa6]\xd5!\xa5\xd3\xc2\xfb\xeefT!\xaa\x94\x94r\xc3\x86\r\x91z\x84X\xfc\\\x88)\x04@\x02\xa0\x1b\xbe\xa9\xa9)RlC\x8fe\x0e\x19&lt;\xf0{co\n\xd7\xd4\x9e\xc9\xc3&gt;\xa7G\x08\x1e&gt;\xda\xd0\xe7+\xfdg\xdd}\x1b=&amp;\xea\xba.\x9a\x836\xf0\x19\x87?\'u\xea\xa4\x95\x8e]O@:2\\\x13\xfc\xde\xb8\x9br\xfe\xe72Z\xfea-\x15\xc9x\xbb\x13\x14\x02 \x01P\xbd\xc7\xa6M\x9b"\xe5\xf6\xc60\xc7\x91+\x16\xdck\\7^W%\x1d\xc7\xad\xaa\x995ub\xef^\xe7\xbb\xae\xa29\x9f\xd6\x0f(@\xd4\x9d\xac\xf4S\xd2\xe1\xcf\xb9\xd7\r\n\xd7\x04c=\x0fc\x187n\xe4|\x88\x8f\x9fIDIh\x82B\x00\xb4w\x9f\xb5\xd5\xd7\xa5Y\xe1\xfa\xd39\xef7*8k\x99\x13\xb8\xf7\x13s\x02\xad\x1fQ\x8e\xcb\x85y\xd8\x89\xa5\x9fZk\x9f\xe3,,\x9c\xcc\xb4n\x83U )D\xb8\xae\xfe\xf2\x9c\x81cn\x1cF\x1fE\xfa|\xce\x9f?\xbf\xb6\xb6\x96v\t\x8c\xf55@\x14!\x00\xda\xbb\xcf\xde\xeaK\xc4\xb8\xf0\xff\xb3\x9d0\'\xd0\\!^PPPUU\x85\xc5\x80\xe8\xa2\xa5\xf5\xf7\xdf\x7f\x7f\xee\xdc\xb9\x91\xd2OcL\xc1\x94\xef\xf7\xbb\xa4\x7f\xb8\xae\xbem\xba\x02\\JUW\x7f\xff\x9c\xfcs\xcf\xce\xa0#\xc3\xe8\x90\xb8\x87\x1ez\x08;\xc4%\x1c\x04@\xbb\x169\xe5\xf5\xe1\x87\x1f\xa6\xee?u\xb2\xe6\xcf\xbc\xabk\xcf\x1enc(\xee\xfb\xafE\xe6\x04\x1c\xa7\xb90\x89\xb6)]\xb6l\x196\x87\x88.\n\xd7\x7f\xfc\xe3\x1fUUU\xf410\xc68\x8e\x1cy\xc3uF)\xc6\xdb\xe8^\x16\x9c\xab\xc6\xc6s\xfb\xf5\xfa\xfa\xa5Y\x91r/!\xc4SO=E\x8b\xd2ms\x19\x10\x15\x08\x80v-\xa6[}E\x85\x14"\\w\xf4\xf2\x9c+\xee\xbcuDK=\xa2\x16B&lt;\xfc\xf0\xc3tL\r2 Z\xa8\xd1\x1f6l\xd8\x97\xbf\xfce\xea\np\xce]W-,\xf9\x053\x86\x9f\xea\xa1\x8f\xa7K)\xedK\xe9\xfc\x8f\x17\xfe\xf6\xf4\x0b\x7f\x8b&lt;\x05\xa6\xb5\x9e6m\x1a\x9dK\xd16\x97\x01Q\x81\x00h\xbf\xda`\xab\xaf\xa8\x10R\xa8\xba\xfa\xe2\x82\xc9i\xa9]\xb4\xd6\x9c3\xda/l\xf6\xec\xd9\x98\x05\x8a"\x8a\xff\xe4\xe4\xe4\x15+VP\xcf\x80\x9e\xc6\xda\xfc\x87\xbfl\x7f\xfe\xaf\xbe\xd4@\xdb,\xbapn\xb8#g\x15/?v\xac\x91\xf3\xe6\xe3\x82srr\xc6\x8fo\xde"\xb0\r\xae\x01\xa2\x05\x01\xd0N\xb5\xd9V_g\x8es\xae\x1aC]{\xf6\x98?\xf3\xae\xd6\x1b\x04m\xde\xbc9R\xaa\x18\xefk\xf4\x08z1\x87\x0e\x1d:t\xe8\xd0\xc8\xb3W\x9c\xf3\x99\xc5\xcb\x1b\x8f\x1e\x15R\xc4:l\x95\xab|\xa9\x81\xdf\x96\xfe~\xe7\x8b{h\xb4GW\xb5`\xc1\x02\xac\x00\'"\x04@;\xd5f[}E\x85\x90\xd2\r\xd6\x9dxfd\xe4a%4\r\xd1B/\xe6\xca\x95+i\xbe\x85^\xed\xb2\xd7\xfeU\xba\xf1I\'5U\xc5\xb2,\xd8\x18&amp;\x1c\xd9Twt\xce\x83?c\xb4#\x88\x94J\xa9[n\xb9%\'\'\x07\x0f\x03\'"\x04@{\xd4\xc6[}\x9d9\xce[\xce\x8c,\xfe\xc4\x99\x91\xfb\xf7\xef\xc7\x99\x91\xd1E/f\xbf~\xfd&amp;M\x9a\x14\xa9\t\x16B\xfcx\xf1#\x87\xdf}\xdf\x97\xd4!vY\xab\x95\xeb\xa4\x05\x1e.\xf9\xe5\x9bo\xbd\xe3\xb4lF\x12\x08\x04\xe6\xce\x9dKy\x1f\xa3\x9f\x0b\xb1\xd3\xbe\xda\x11 m\xbc\xd5WTH)\xc3\xc1\xda\xe1\xdf\xben\xe4\r\xd7)\xf5q\xc3TTT\x84#d\xa3\x8b\x06X\x0b\x16,HKK\xa3W\x95s\xfe\xe1\xa1#\xcbV\xad\x13\x9d;\xe9\xd8\x0c\x10\xb512)\xe9\xbfo\xbe\xbd\xfc\x17\x1b\x04\xe7\xaa%{\xa6M\x9b\x96\x99\x99I\xab\x11\xb1\xf8\xb9\x10Sx\xcf\xda\x9d\xe3\xfa\xcetki\xad\xef/\x98\xdc\xed\xbcs\xc3\x8dM\xed\xb7\xab\xc5\xb9q\xdd\x85\x05\x93\xfd~\x1fk)\t\xad\xae\xae.,,\xc4\x04q\x14Q\x9a\xa6\xa5\xa5-X\xb0\x80^d\xad\x95\x10b\xe9\xea\xf5\xfb_\xd9\xe7K\xe9\x14\x8b\xac5J\xc9\x94\xce\x85\x0bVTU\x07y\xcbNp\x99\x99\x99\xf9\xf9\xf9X\xfbM\\\x08\x80v\'.[}E\x85\x10"\\w\xb4\xdf\xa5\x03\xa6O\xba\x95z\x88\xae\xeb\n!6n\xdc\x883#\xa3\x8b^\xccI\x93&amp;\xf5\xeb\xd7Ok\xcd9\x9d\xd4\x18\x9e\xb3\xf8\x11\xee8,\xdaY\xab\x94\xf6wI\xf9\xe7\xce\x976=\xf94uJh)b\xde\xbcy\x81@\x00\xf3?\x89\x0b\x01\xd0\xbe\x9cX?\xd3\xbc\xd5WQ\xcc\xb7\xfa\x8a\n!\xa5[[\x7f\xdf\xb4;3/&lt;Ok-\x04?n\x1b\xbbx_\xa0G\xd0\x8b\xe98\xce\xca\x95+#%\xa1R\x8a-O=\xf7\xf4\x1f\x9f\xf3\x05\xbaD\xb7\xf2\x8as\xa6\xb4\x9e6oI(\x14n]\xfa9n\xdc8\xac\xfd&amp;4\x04@;Bwr\xeb\nz\xba\xd3F|\xeb\xda\xdc!m\xb1\xd5\xd7\x99\xe3\x9c\xabP(\xb5G\xf79\xf9\x13\x8d1\x9c\x7f|fdd#\xebx_\xa3G\x9cX\x12j\x0c\xe3\x9cO\x9d\xfbp\xa8\xe1\x98\x902Zi\xeb\xba\xae\xafk\xda\xfa\xf5[\xff\xfa\xf7W\x9c\x96\xd2O!\xc4\x82\x05\x0b\xda\xff\x07\x12&gt;\x1b\x02\xa0\x1d\xa1\xd9\xff%K\x96\x94\x97\x97\xd36[\xcc\x98@\x97\x94\xc5s\xa71\xa5\xda\xf4\xc0\x973\xe08N\xf8H\xf5\xf8[G\xb4&gt;3\x92s~\xdf}\xf7\x05\x83A\x863#\xa3\'R\x12\xea\xf7\xfb#\xfbp\x1c\xa8\xf8\xcf\xea_mt\x02)QY\r6\xc6H\xbf\xaf\xfa\x83C\x0bK~\xc99\xd7\xa6\xf9\xf0\x99\xf1\xe3\xc7\xa3\xf4\xd3\x03\x10\x00\xed\x05U\xfeTVV.]\xba\xb4\xe5Y*\xa1\xb4\x9e:ql\xef\xaf\xf4\x0f\xd5\xb5\xbb\xd2\xcf\xcf`\x8c\x91&gt;\xa7x\xd6\x0f\x85h&gt;3\x92\x0e\xb3,))\xc1  \x8a"%\xa1\xb3f\xcd\xa2\xde\x03}\x8a\xe6-\xf9\xf9\x91\xf7*\x9d$\xff\x99g\xadr\x95\x93\x96Z\xb2jm\xc5\xdb\xefJ)\x8ca\xc6\x98\xf4\xf4\xf4\xc5\x8b\x17c\xea\xdf\x03\x12\xa6M\xf1&lt;\xea\xbe\x15\x16\x16\xd2&gt;\x9a\x9c3\xa5t\xe6\x85\xe7\xe5\xdf\x93\xe7V\xd7\xb4\xfd\x91/gBJ\x19\xaa\t\xe6\x0e\xcf\xbdu\xc4\xf5\xd4I\xc4\x11\xb21B\x8d\xfe\xf4\xe9\xd3{\xf4\xe8A\xcd\xbd\x10\xa2\xba\xa6v\xee\xe2GDr\xb2Vg\xf4:km|\x9d\x93\xcb_\xd9\xb7\xe2\x97\x1b\x85\x10\x91\xea\xde\x193f\xf4\xe8\xd1\x83"\'J\xbf\x07\xc4\x07\xde\xbfv\x81\xfa\xc8eee\xa5\xa5\xa5-U\x16\xc2\x183\'\x7fb\xda\xd9\x19*\x14N\xb8\xae\x16\x97R\x1fmX\\4-=-`Zj\xd5\x83\xc1 \x9d\x19\x89\x00\x88\x16\x9a\x05\xa2.9\xb5\xc8\x94\xb5\x8f\xfef\xeb\xbf^\xd9\xeb\xeb\x9c|&amp;/\xb5\xd1Jt\xecX\xbc\xf4\xe7\xc1\xda:\xda\x8b\xd0u\xdd&gt;}\xfa\xcc\x9c9\x13\xad\xbf7\xe0-l\x17\x8c1J\xa9\xfc\xfc|\xda\xf5\x93N|\x1c40{\xfc\xad#\xc2G\xaacq\xc6w\xac\t\xce\xc3\xc7\x1a\xcf\xee}\xc1\xb4;n\xd1\xc6\xc8\x96\r\x826l\xd8\xb0k\xd7.\xc7q0\x11\x14-4\x08\x183f\xcce\x97]\xd6\xb2K(s]5\xb5\xe8!.\xa5VZ)\xa5\x94&gt;\xd5\xff\x84Ba_\xa0\xcb\xf6\xa7_\xd8\xf8\xbb\xff\x8d\x14\xa41\xc6\x16-ZDK\x0e\t\xd7)\x81\x13\xa12/\xfe\xa8e\\\xbf~\xfdm\xb7\xdd\xe68\x0e\x1d\xaek\x8cy~\xf3\xea\xdc\xeb\x06\x85\x82\xb5\t\xba\xcef\x0cc\x9c)\xce\xb3\xae\xba\xa9\xe2\xedw#\xa7\xd9dgg\xff\xedo\x7f\xf3\xf9|\xd4\xa9\x8c\xf7ezA\xa4\xd4*77\x97\x1ak\xda:\xf0\xe9\xd2U\xc3\xc6|\x87\xd5\xd4\xb1\xd3;8H\xf0\x9c!cw\xbdT&amp;\xa5`\x8c+\xa5\x06\x0f\x1e\xbc}\xfbv\xac\xfdz\x06\x02 \xce\xa8x\xa3\xae\xae\xee\xb2\xcb.;x\xf0 \xb5\x89J\xa9\xdbF\xdd\xb0n\xed\xf2\xd0\xe1\xaa\xf6\xfc\xe4\xd7\xe7R\xae\xf2\xa7\x07~\xbb\xe1wc\xee*hi\x98\xa4Rj\xed\xda\xb5\x13&amp;L@;\x12E\xf4b\x8e\x1e=\x9a6\x0f7F\x1bcz]p\xde\xcf\x96\xce\x15\xa7&gt;\xd8\xd2Z\xfb:w\xda\xbemw\xf1\xb2G#\'\x11\xf9|\xbe\xdd\xbbwgggG\xce\x81\x81D\x87\x00\x883\xd7u\x1d\xc7\x99?\x7f\xfeO~\xf2\x93\xc8\xc4Hj \xe5\xf5\x1dO\xf4\xe8\xd1M\x85\xc2"\xc1\xfb\xc8Zk\x7f\x97\x94!\xdf\xc9{n\xe7\xdf\xa5\x14Z\x1b\xceyFF\xc6\x1bo\xbc\x11\x08\x040\x08\x88\x96\xc8\xe1qYYY\xae\xebFk\x95\xa5\xf5\xf3(yyyk\xd6\xacAl{\t\x02 \x9e\xa8h\xef\xe0\xc1\x83\x97]vY]]]d3\xfd\x07fO)\x987]\x7ftD8\x0ek\xab\x93\x9eb\x83\x1b\xadyrR\xf9\x1b\xe5\x17\x0f\x1e\x11\n\xbb\x91\xd6\xe4\x9e{\xeey\xe4\x91G\xd0\x9aD\x11\xbd\x98s\xe6\xccY\xb4hQd\xd6^p~&amp;\x1f \xfa\x88r\xceSSS\xf7\xed\xdb\x97\x91\x91\xc1\x18C\xf7\xdf3\x10\x00\xf1D\xdd\xff\t\x13&amp;&lt;\xf6\xd8c4l\xd7\xdad^x\xde_\xff\xf4\x98#83\x863/\xf4\x8e\x95RI\xa9]\xf2g-\\\xb3\xe9\xc9\xc8 @\x08\xb1w\xef\xde\xbe}\xfbb&gt;!Zh:\xb1\xa6\xa6f\xc0\x80\x01\x1f}\xf4Q\xb46_\x92R\x86B\xa1E\x8b\x16\xfd\xf8\xc7?F`{\x0c\x02 n\xe8^\xda\xb5k\xd7\xd5W_M\xff\x97\xfe&lt;\xa9C\x87\x8e\xc9IFiO4\xfe\x11\xdc\x91\xe2pU\r\xfd\x9f\xc86\x06\xcf&lt;\xf3\x0c\xda\x94(\xa2\x17s\xdd\xbauyyyQ\xfc\xb6\xbd{\xf7\xde\xb7o\x9f\xe38\x98\xb2\xf3\x18\x04@|Pg-\x1c\x0e_y\xe5\x95eee\x16\xee\x94I\x19\xf0\xcc3\xcf\xb4&gt;\xdd\x10\xce\x10\xdd\xce\xa1P\xe8\xf6\xdbo\xaf\xac\xac&lt;\xf3\xcf\x15\xbdMS\xa6L\xb9\xe9\xa6\x9b\xf06y\x0f\x02 &gt;\xe8^z\xec\xb1\xc7&amp;L\x98pbQ\xbcW;Y\xad?ltB@\xdf\xbe}_{\xed5)%\xba\x96\xed\x1c\n\xff=\t\x01\x10\x07\xf4\x9a\x7f\xf4\xd1G\xfd\xfb\xf7?r\xe4H\xbc/\'\xce~\xf2\x93\x9f\xcc\x9b7\x0f\xbd\xcb(\xa2\xb3\x82\xa3\xdb^c\x9d\xc6\x93\x10\x00q@\x8d\xddC\x0f=\xb4p\xe1\xc2\x0e\x1d:\xd0\xc1/\xf1\xbe\xa88\xa0\xdf:--\xed\xc5\x17_\xec\xde\xbd;\xfa\x98\x00m\x0c\x01\x107UUU\xcd{&gt;[\xbcC2\xed\x0b\xd4\xa9S\xa7\x0e\x1d:\xc4\xfbZ\x00\xac\x83\x00\x00\x00\xb0T\x02o3\x90\xe8\x10\xbd\x11\x98\xf9\x01\x88\x0b\x8c\x00\x00\x00,\x85\x95}\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91\xfd\xee\xae\xeb\xc6\xf4\xfb[\xc2qb\xfb6\x01\xc4\x02n\xff\xa8\x88\xe9\xed\xcf\x8d1\xb1\xfb\xee\x00\x00\xd0n\xc50[\x1a\x1b\x1bW\xacX\xd1\xd8\xd8\x18\xbb\x1fa\x83\xa4\xa4\xa4\xa9S\xa7&amp;%%\xc5\xfbB\x00N\x01n\xff\xa8\x88\xf5\xed\x1f\x93\x11\x801\x86s^UU\xd5\xb5k\xd7\xa8\x7fs\x0b\x1d9r$==\x9d^\xd5x_\x0b\xc0\xe7\xc0\xed\x1f]1\xbd\xfdc9\xbb\xc4y\xf7\xee\xdd\xab\xab\xab9\xc7D\xd3\xe9\xa0\xd7---\r\xed&gt;$\x1c\xdc\xfeg\xa8mn\xff\x98/\x02\xbb\xae\x1b\xf9\x048\x8ed\x8c3f\x18C\x8bvR\xf4\xca\x18\xd7U\xac\xe5\x13\x80\x954HP\xb8\xfdOQ\x1cn\xff6-/\xa1_\x0c\x00,\x84\xdb\xbf\x1dj\x8b\x00\xa0(KJ\xea0\xe5\x07c\x93\x93\x93\xb4\xd2\x0cs\x1a\'e\x8c\x90\xa2\xa1\xa1q\xe5\xaf6666a\xec\x0c\x1e\x80\xdb\xff\x8b\x8a\xc7\xed\xdfv#\x80\x8eI\x1d\x16\xcf\x9e\xc2\xbb\xa7\xb3P\x18\x9f\x80\x933\x86\xf9}\xe6\xa3\xaa_lx\xa2\xb1\xb1)\xdeW\x03\x105\xb8\xfd?_&lt;n\xff\xb6\x0b\x00c\xcc\xa1\xc3\xd5]\x8dv\xc3\n\x1f\x80\x932\x869&gt;y\xe4H\x10\x1d\x7f\xf0\x18\xdc\xfe\x9f+.\xb7\x7f\x9b\xae\x018\x8et\x1c\x87\x19\x86\xb2\x96\x932\xc68\x8e\xe382\xde\x17\x02\x10}\xb8\xfd?[\\n\x7f\xec\x05\x04\x00`)\x04\x00\x00\x80\xa5\x10\x00\x00\x00\x96B\x00\x00\x00X\n\x01\x00\x00`)\x04\x00\x00\x80\xa5\x10\x00\x00\x00\x96B\x00\x00\x00X\n\x01\x00\x00`)\x04\x00\x00\x80\xa5\x10\x00\x00\x00\x96B\x00\x00\x00X\n\x01\x00\x00`)\x04\x00\x00\x80\xa5\x10\x00\x00\x00\x96j\xd3\xf3\x00\x00\xe2\x85\x0e\xd90-\x8e\xfb*o%\x1eW\x07\x10\x1f\x08\x00\xf02\xad\xb5\xd6\x9as.\xa5d\xec\xf3\x8f"\xa1\xbf/\x84\x10\x02\x83c\xf0&gt;\x04\x00x\x10\xb5\xe3\x8e\xe3\xb4n\xca\x0f\x1d:\xf4\xfe\xfb\xef\x7f\xf4\xd1G\x87\x0f\x1f\xae\xad\xad\r\x85B\xc6\x18\xbf\xdf\x1f\x08\x04222z\xf6\xecy\xfe\xf9\xe7\'\'\'\xd3\xdf\xd7Z3\xc6\x10\x03\xe0m\x08\x00\xf0\x0ec\x0c\xf5\xf7#\xed\xfe\x1bo\xbc\xb1k\xd7\xae\xbf\xfe\xf5\xaf\xaf\xbf\xfe\xfa\xdbo\xbf\x1d\x0c\x06?\xed\xdf:\x8es\xf6\xd9g\x7f\xf5\xab_\x1d2d\xc8\xf5\xd7_\x9f\x99\x99\xc9\x18SJ\t!0/\x04^\x85\x00\x00\x8fPJI)i\xaa\xe7_\xff\xfa\xd7\xd6\xad[\x9f|\xf2\xc9W^yE)\xd5\xfa\xaf\x9d8\x17D\xab\x02\xae\xeb\xbe\xfb\xee\xbb\xef\xbe\xfb\xee\x1f\xff\xf8\xc7\x82\x82\x82\xef|\xe7;3g\xce\xbc\xec\xb2\xcb\x18c4)\xd4\xb6\xbf\r@[@\x00\x80\x17\x18c\xa4\x94Z\xeb?\xfc\xe1\x0f\x8f&gt;\xfa\xe8_\xfe\xf2\x17\xd7u\xe9K\x8e\xe30\xc6\xb4\xd6\xd4\xd0\x1f\x97\x07\x11\xad\xd7\x81\x1b\x1a\x1a6m\xda\xb4e\xcb\x96\xfc\xfc\xfc\x85\x0b\x17v\xe8\xd0\x01\x19\x00\x9e\x84\xcf4$&lt;\xaa\xea)--\xbd\xfc\xf2\xcbo\xbe\xf9\xe6\xff\xfd\xdf\xffu]\x97\x16\x008\xe7\xae\xeb\xba\xaeK\x01\xf0\xd9\xdfDk\xad\x94r]\x97\x16\x8d\x95RK\x96,\x192dHee\xa5\x10\x82V\x05\x00\xbc\x04\x01\x00\t\xcf\x18\xc39_\xb3fMYY\x99\xdf\xef\x97RR\xbb\x7fb\xa3O\xcb\x03\xf2\x93N\x9c\xe5\x8f\x0c\x14|&gt;\xdf\xae]\xbb\x86\x0e\x1dz\xf8\xf0a\xce\xf9gG\x08@\xc2A\x00@\xc2\xa3vy\xc1\x82\x05RJ\xd7u\x95R\xad[j\xea\xce;\x8eC-8u\xf3[\xa3\x9c\xa0$8\xee\xdb\x86\xc3a\x9f\xcf\xf7\xfa\xeb\xaf\x8f\x1d;\x96\xfe-2\x00\xbc\x04k\x00\x90\xf0h\xf6\x7f\xe0\xc0\x81W^y\xe5\xae]\xbbh\xf6\x86\xb5\xac\xf7R+O\x7f3==\xfd\x9cs\xce\xe9\xda\xb5kJJ\x8a\xdf\xef\x0f\x87\xc3\xc1`\xf0\xbd\xf7\xde{\xe7\x9dwh\xcd\x80\xbeU\xebV\x9e2\xe0\xb9\xe7\x9e+))\x99&gt;}:-5\xc7\xe3\xb7\x04\x88&gt;\x04\x00x\x01-\xd2\xce\x981c\xd7\xae]\x8c1\xc7qh(\xc0\x18\x0b\x04\x02\x83\x07\x0f\x1e6l\xd8\xd7\xbf\xfe\xf5^\xbdz\xa5\xa5\xa5\x1d7\xe1\xd3\xd4\xd4\xf4\xd6[o=\xff\xfc\xf3k\xd6\xac\xd9\xb3g\x0fc\xec\xb8\xd9\x1e*\x06]\xb8p\xe1\xad\xb7\xde\xda\xbd{w\x9aqj\xdb\xdf\x0f &amp;0\x05\x04^\xe08\x8e1\xe6[\xdf\xfaVVV\x16-\xe42\xc6\x06\r\x1a\xf4\xf3\x9f\xff|\xef\xde\xbdO&gt;\xf9\xe4\xddw\xdf\xfd\xb5\xaf}-==\x9ds\xdez\x16Hk\xdd\xa1C\x87/\x7f\xf9\xcb\xf7\xdcs\xcf\xdf\xff\xfe\xf7\x15+V\xf8\xfd~\xf6\xc9:QJ\x97\xea\xea\xeau\xeb\xd6q\xce?\xad\x8e\x08 \xe1 \x00\xc0#\x94R\x8e\xe3L\x992%))\xe9\xf6\xdbo\xdf\xbd{\xf7\xce\x9d;\'M\x9a\xd4\xb3gO\xadudM\xd8\x18\xd3z\x1dX\x08A\x93\xfb\xae\xeb\n!\xa6L\x99\xb2u\xebVZ08\xeeY\x01\xce\xf9\xe3\x8f?N\xab\x05q\xfc5\x01\xa2\x08\x01\x00\x1eA\xf5\xfe\xe3\xc6\x8d{\xf5\xd5W\x7f\xfd\xeb__y\xe5\x95\xf4x\x17\xb5\xf8\x91\xaa\xd0\x13go\xa84\x88\xfey(\x14\xba\xe1\x86\x1b\n\n\n\x8e+\xfc\xa7\xf0x\xfd\xf5\xd7\xdfy\xe7\x1d\x1aC\xb4\xe5\xaf\x06\x10#\x08\x00\xf0\x94N\x9d:\xf5\xed\xdb\x97\xe6v8\xe7\xd4\x97\xff\x82\xff\x96\xfe\xbe\xd6z\xfa\xf4\xe9]\xbbvUJE\xfe-\xa5HSS\xd3\xbe}\xfbXK\xdd\x11@\xa2C\x00\x80\xa7\xd0|\xce\x895\x9d_\x10\xcd\x08\xa5\xa6\xa6\xe6\xe4\xe4\xb0\x96:\xa2\xc8\x97\x18co\xbf\xfd6C\x00\x80W \x00\xc0Sh&gt;\xe7L\xbe\x03\xad\x13dee\x9d\xf4\xabUUUg\xf2\xcd\x01\xda\x15\x04\x00\xc0\xf18\xe7\x81@\xe0\xa4_\n\x87\xc3m|1\x00\xb1\x83\x00\x008\x89Ok\xe8\xa9H\x14\xc0\x1b\x10\x00\x00\xc73\xc6|\xf0\xc1\x07\'\xfdR\xd7\xae]\xdb\xf8b\x00b\x07\x01\x00\xf0\tT-\xfa\xea\xab\xaf\xb2O.\xf6R\xe9\xe7\x85\x17^\xc8\xbe\xc0\xd1\x92\x00\t\x01\x01\x00\xf01*\x1e}\xf7\xddw_~\xf9\xe5\xd6\xf5\xfe\xf4\xbf\x93\x92\x92\xfa\xf7\xef\xcf\x10\x00\xe0\x15\x08\x00\x80\x8fQ\x00\x94\x94\x94444H)##\x00\x1a\x16\\r\xc9%\xe7\x9dw\x1e=\x13\x10\xdf\xeb\x04\x88\n|\x8e\x01\x9a\xd112\xff\xfc\xe7?W\xadZ%\x848n\xcf\x1fc\xcc\xd8\xb1c\xb1\x17\x10x\t\x02\x00\x80\xb1\x96\xad\x84&gt;\xfc\xf0\xc31c\xc6455\xb1V\x0b\x00\xf4tXFF\xc6\x84\t\x13\xb0\x17\x10x\t\x02\x00\xa0\xf9@\xf9C\x87\x0e]\x7f\xfd\xf5\x15\x15\x15t*@\xe4\xabt\x1edqqqZZ\x1a\xcd\x11\xc5\xf1R\x01\xa2\x08\x01\x00\xb6s]WJ\xf9\xf6\xdbo_{\xed\xb5eee\x91\xf3d\x08\x1d-0l\xd8\xb0;\xef\xbc\x13\xa7\xc1\x80\xc7 \x00\xc0j4\xef\xff\xf2\xcb/\x0f\x1e&lt;x\xef\xde\xbd\x8e\xe3\x9c\xd8\xfagff\xae_\xbf\x9e\xa1\xf8\x07&lt;\x07\x01\x00\x96\xa2\x93\xdf\x1d\xc7\xd9\xbau\xeb5\xd7\\\xf3\xce;\xef\xd0\x91\xc2\x91\xbf@\xad\xff\xb9\xe7\x9e\xfb\xa7?\xfd\x89\x0e\x02C\xf1\x0fx\x0c&gt;\xd0`#\x9a\xca\x97R.Z\xb4h\xe4\xc8\x91\xf5\xf5\xf5\xc7\x95\xfdD\xfa\xfe\xdb\xb6m\xeb\xd7\xaf\x1f\x9d\n\x19\xc7\x0b\x06\x88\x05\x9c\t\x0c\xd6\xa1\xc3^\x1a\x1b\x1b\x7f\xf0\x83\x1f\x94\x96\x96F\x0e\x05\x8b\xfc\x05j\xfd/\xbf\xfc\xf2\'\x9ex\xa2g\xcf\x9e\x98\xfa\x07\xafB\x00\x80]"\x07\xfc~\xf7\xbb\xdf\xdd\xbe};M\xfaG*&gt;i7i\xd7uo\xbe\xf9\xe6u\xeb\xd6\xa5\xa4\xa4\xa0\xf5\x07\x0f\xc3\xa8\x16,BG\xfb\xd6\xd4\xd4\x0c\x1f&gt;|\xfb\xf6\xed&gt;\x9f\x8f\xce\x8c\xa4\xaf\xd2P@)UXX\xf8\xc4\x13O\xa4\xa4\xa4\xd0\xd92\xf1\xbdf\x80\xd8\xc1\x08\x00lA\xf3&lt;\xc6\x98\x91#G\xfe\xe3\x1f\xff\xf0\xf9|\xad\xf7|\xa6\xea\xcf\xe4\xe4\xe4_\xfd\xeaWc\xc6\x8c\xa1E\x02\xcc\xfb\x83\xb7!\x00\xc0\x16\xd4\x9d\x9f&gt;}\xfa\xf3\xcf?\x7f\xd2\xd6\xff\xdcs\xcf\xdd\xbau\xeb\x15W\\A\xb5\xa1q\xbcT\x80\xb6\x81O9X\x81\xa6\xf2w\xef\xde\xbd|\xf9rZ\xe3\x8d|\x89Z\xff\xbe}\xfb\xfe\xf9\xcf\x7f\xce\xcc\xcc\x0c\x87\xc3&gt;\x9f/\x8e\x97\n\xd0f\x10\x00`\x05z\x86\xab\xa8\xa8\x88\xb5\x9c\xfaK\x7fN\xd5\x9f}\xfb\xf6}\xfe\xf9\xe7{\xf6\xec\xe9\xba.Z\x7f\xb0\x07\xa68\xc1\xfb\xa8\xf2\xe7\x95W^\xd9\xbe}{\xebz\x7fZ\xf5\xed\xd6\xad\xdbSO=E\xad?f~\xc0*\x08\x00\xf0&gt;\xaa\xf1\x7f\xf2\xc9\'O|\x9a\xd7\x18\xf3\xe8\xa3\x8f\xf6\xe9\xd3\'\x1c\x0e\xa3\xf5\x07\xdb \x00\xc0\xfb\xa8\xd1\xdf\xbd{7k\xb5\xc93m\xf99t\xe8\xd0\x9bo\xbe\x193?`\'\x04\x00x\x1c\xf5\xfaC\xa1PEE\x05\xfb\xe41\xbf\x8c\xb1I\x93&amp;\x1d\xf7\'\x00\xf6@\x00\x80\x15jjj\x0e\x1f&gt;\xccZ\x02\x80\x0e\xf6\xea\xd8\xb1\xe3\x15W\\A\x9b\x02\xc5\xfb\x02\x01\xe2\x00\x01\x00\x1eG-~mmmccc\xe4\x0f\xa9(\xa8g\xcf\x9eg\x9duV\xdc\xae\x0c \xde\x10\x00`\x85P(\xd4z\xb3O\n\x80\xf4\xf4t\xc7qh\x7f\x88\xf8]\x1a@\xdc\xa0\xec\x01\xac@\xad\xbc\x10\x82sN\xab\x02\xc6\x98\x0e\x1d:D\xbe\x14\xef\x0b\x04\x88\x03\x04\x00XAk\xddz\x04@\x85\xa1\r\r\r\xf1\xbb"\x80\xf8C\x00\x80\xc7Q\xef\xbeW\xaf^\xdb\xb6m;\xeeK\x81@\x80\xe1\xa0G\xb0\x18\x02\x00&lt;\x8e\xda\xf7N\x9d:]}\xf5\xd5\x9f\xf1\x17\x00,\x84\x00\x00+\x1cw\xe6\x17\xc1\x86\xcf`9\x04\x00X\x01\xc5\xfe\x00\'B\xf7\x07\x00\xc0R\x18\x01\x80-"\'\x82Q%(cLJ\x89\x05\x00\xb0\x19\x02\x00\xac@;B\x9f8\x0b\x843\xdf\xc1f\x08\x00\xf0&gt;j\xfd\xc3\xe1\xf0\x9f\xff\xfc\xe7\xdd\xbbw\x1f:t(%%\xe5\xab_\xfd\xea\xb7\xbf\xfd\xed\x8c\x8c\x0c\xfaj\xbc\xaf\x11 \x0e\x10\x00\xe0q\xd4\xbe\xbf\xfa\xea\xab\xb7\xdf~\xfb+\xaf\xbc\xd2\xfaK\x19\x19\x19\x0f=\xf4\xd0\x84\t\x13\x90\x01`\'\x04\x00x\x19\xcd\xf8\x1f:t\xe8\x9b\xdf\xfc\xe6\x07\x1f|p\xdc\x91/\x87\x0e\x1d\xca\xcb\xcb\xeb\xda\xb5\xeb\r7\xdc\x80\xb9 \xb0\x10z=\xe0eJ)\xce\xf9\x9a5k&gt;\xf8\xe0\x03\xbf\xdf\xef~\x92\xe38\x9c\xf3\x85\x0b\x17b; \xb0\x13\x02\x00\xbc\x8c\x9a\xf5\x1d;v\xd0\x01\x00\xc7}U)e\x8cy\xfd\xf5\xd7?\xf8\xe0\x03\xda\x1e.\x1e\xd7\x08\x107\x08\x00\xf02\x9a\xd59t\xe8\x901\xe6\xc4\xf6\x9d\xfe\xa4\xa1\xa1\xa1\xb2\xb2\x92\x9dpX\x18\x80\xe7!\x00\xc0\xfbN\xdc\x04"\x82\x86\x08\xf4\x17\x10\x00`\x1b\x04\x00x\x19\xb5\xec\x81@\x80s~\xe2,?=\x11\xe6\xf3\xf9\xd2\xd2\xd2\x18v\x85\x03\xfb \x00\xc0\xcb(\x00\xb2\xb3\xb3\xe9\x10\x98\xe3\xbeJ\x9b\xc1]p\xc1\x05\xe7\x9f\x7f\xfeI\xff\x02\x80\xb7\xe1\x13\x0f^Fmz^^\x1e\xe7&lt;R\xf6C\xa4\x94\x8e\xe3h\xad\'M\x9a\xe4\xf3\xf9N\\"\x06\xf0&lt;\x04\x00x\x99\x10Bk}\xf1\xc5\x17\xaf\\\xb9\xd2\x18\xe3\xba\xaei\xa1\x94\n\x85Bc\xc7\x8e\xcd\xcf\xcf\xd7Z\xe3!\x00\xb0\x10\x02\x00&lt;\x8e2`\xf2\xe4\xc9/\xbc\xf0\xc2M7\xddt\xce9\xe7t\xea\xd4)--\xed\xaa\xab\xae\xfa\xf5\xaf\x7f]ZZ\x1a\x19\x16\xc4\xfbJ\x01\xda\x1a\x9e\x04\x06\xef\xa3\x0c\xc8\xcd\xcd\xcd\xcd\xcd\xad\xab\xab\xab\xad\xad\xed\xd0\xa1C\xb7n\xddX\xcb\xa3\xc2h\xfd\xc1N\x08\x00\xb0\x82\x10\x82\x9e\nNIIIIIa-\xbbCc\xe6\x07l\x86\x00\x00[P[O\x0b\x00\x91u\xe0x_\x14@&lt;!\x00\xc0.\x98\xf0\x01\x88\xc0"0\x00\x80\xa5\x10\x00\x00\x00\x96B\x00\x00\x00X\n\x01\x00\x00`)\x04\x00\x00\x80\xa5\x10\x00\x00\x00\x96B\x00\x00\x00X\n\x01\x00\x00`)\x04\x00\x00\x80\xa5\xda\xf4I`\xd7U\xae\xeb\xba\xae\xc2\x93\x98\'e\x0cc\x9c\xb9.6\xa6\x07\x0f\xc2\xed\xff\xd9\xe2r\xfb\xb7]\x00p\xce3\xba\xa5\xf1\xee\xe9N(\xcc\xf0\x118)c\x98\xdf\x97\xc1\x05\xf6*\x00\x8f\xc1\xed\xff\xf9\xe2q\xfb\xb7]\x00\x1ckl*X\xb4299I+\x8dO\xc0\xc9\x19#\xa4hhh&lt;\xd6\xd8\x14\xefK\x01\x88&amp;\xdc\xfe\x9f/\x1e\xb7\x7f[\x04\x801\x861\xd6\xd8\xd8\xf4\xd0\xaa\xb5m\xf0\xe3&lt;\x83^7\x80\x84\x86\xdb\xff\xf4\xb4\xcd\xed\xdf\xa6k\x00\x8e#\x19\xe3\x8c\x19\xc6\xd0\x058)ze\x0c\x96\x01\xc0{p\xfb\x7f\x9e8\xdc\xfe\xb1\r\x00\xc7q\xe8\xbc\xbdO\xa6\x19\xde\xfeOC\xaf\x0cw\x1c\x871F\xaf\x1b\xfdo\x80\x84\x83\xdb\xff\x14\xc5\xe1\xf6\x8f\xe1w7\xc6|\xf4\xd1G\xb1\xfb\xfe\x96\xf8\xe8\xa3\x8f0\x17\x04\t\x07\xb7\x7fT\xc4\xfa\xf6\x8fI\x00\xd0*vrr\xf2\xe2\xc5\x8b\x1b\x1b\x1bc\xf1#\xec\x91\x94\x94\x94\x9c\x9c\xccZ^U\x80v\x0e\xb7\x7f\x14\xc5\xfa\xf6\xe7\xe8]\x02\x00\xd8)\xb6\x13L\xae\xeb\xc6\xf4\xfb[\x02\xcb\x00\x90\x88p\xfbGELo\x7f\x8c\x00\x00\x00,\x85\xbd\x8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e\x8cQJ\xc5\xfb* \x9e\xb81&amp;\xde\xd7\x00\x00qc\x8c\xe1\x9c\xc7\xfb* &gt;0\x02\x00\xb0\x8e1\xc6\x18\x13\x0c\x06\x7f\xf6\xb3\x9fq\x8e^\xa0\xbd\x10\x00\x00\xd6\xd1Zs\xce\xb7n\xddz\xcf=\xf7TTT\xd0\x9f\xc4\xfb\xa2 \x0e\x10\xfe\x00v\x89t\xff/\xbe\xf8\xe2\xff\xfe\xf7\xbfC\x87\x0e}\xfa\xe9\xa7\x95RR\xcax_\x1a\xb45\x8c\x00\x00\xec\xa2\xb5\x16B\x14\x15\x15\xbd\xff\xfe\xfb\x8e\xe3&lt;\xf3\xcc3\xcf&gt;\xfb\xac\x94\x12\x0b\xc2\x16\xc2\x08\x00\xc0"4\xf9s\xe0\xc0\x81\xac\xac,\xfa\xdfZ\xeb\xbe}\xfb\xee\xdd\xbbW\x08\xc19\xc7\x82\xb0U0\x02\x00\xb0\x08\xd5\xfcL\x992\xc5u]\xce\xb9RJ\x08\xb1\x7f\xff\xfe\xd5\xabW\x0b!\xb0\x12`\x1b\x8c\x00\x00lA\x13\xfd\xcf&gt;\xfb\xec\xb0a\xc3"s&gt;\xd4\xeb\x0f\x04\x02o\xbc\xf1FFF\x06cL\x08\xf4\x0bm\x81w\x1a\xc0\n\xd4\xf7w]w\xca\x94)\xadK?\xe9\xcf\xab\xab\xab\x0b\x0b\x0b\x85\x10\xe8\x11Z\x05\x01\x00`\x05Z\xfb]\xbdz\xf5\xfe\xfd\xfb#\xb3=4\xe3O_\xda\xb8q\xe3\x9e={0\x11d\x15L\x01\x01x\x1f\xb5\xe9\x87\x0e\x1d\xea\xdf\xbf\x7f0\x18\xa4J\xd0\xd6\x7f\x81f\x84\x06\x0f\x1e\xbc}\xfbv\x94\x84\xda\x03#\x00\x00\xef3\xc6\x08!\n\x0b\x0b\xab\xab\xabi\x9e\x87s\xde\xb9S\xf2\xb2\xf93\x1dG\xd2j\xb0\x94r\xc7\x8e\x1d\x9b7oFI\xa8=\x10\x00\x00\x1eG3&lt;{\xf6\xec\xd9\xb8q\xa3\x10\xc2u])\xa51\xe6\xee\t\xa3\xa6\xcd-\x1c\xf5\xed!\xc6\x18\xfa\x13\xc6\xd8\xec\xd9\xb3C\xa1\x10\xf6\x87\xb0\x04\x02\x00\xc0\xe3\xa8\xbf?c\xc6\x8c\xa6\xa6&amp;\xce\xb9\x10\\k\x9dy\xe1y\x05\xd3\xeft\xab+\xe7\xcd\xba;\xd0%\x85&amp;\x85\x1c\xc7)//_\xb2d\tV\x02,\x81\x00\x00\xf02\x9a\xdb\xd9\xb2e\xcb\x8e\x1d;hn\x87sa\x8c\x99\x93?1\xed\x9c\xb3\x9a\xaaj\xfaegM\x9d8Vk-\xa5\xa0\xc7\x02\x96.]ZYYI\xcf\x88\xc5\xfb\xf2!\xb60\xd0\x03\xf0,c\x8c\xd6\xba\xbe\xbe&gt;;;\xfb\xad\xb7\xde\xa2\xe7|\x95\xd2\x83\x06f\xbf\xf0\xd4c\xfa\xd81\xce9\x93\xa2\xae\xa1\xf1\xf2k\xbfw\xf0?\xefq\xce8\x17J\xa9\xbc\xbc\xbc5k\xd6`5\xd8\xf30\x02\x00\xf0,j\xc1KJJ\x0e\x1e&lt;(\xa5\xd4Z3\xc6\x85\x10\xc5\xb3~(}\x0eM\r\xa9P8\xed\xec\x8c9\xf9\x13\x8d1\xd4\xfa\x0b!JKK\xcb\xca\xcaZ\xfe\tx\x16F\x00\x00\xdeD[\xfd\x1c&lt;x\xf0\xb2\xcb.\xab\xab\xab\xa3B \xa5\xd4m\xa3nX\xb7vy\xe8p\x95t\x9c\xc8\xdf\x14\x1d;^}\xc3m\xbb^*\x93R0\xc6\x95R\x83\x06\rz\xe1\x85\x17\x18c\x18\x04x\x18F\x00\x00\xdeD\x1d\xfc\xe2\xe2\xe2`0H\x0f|\x19\xad\xd3\xd3\x02\x8b\x8b\xa6\xe9\xa3\r\xbcU\xb3n\x8c\x91&gt;\xa7x\xd6\x0f\x85hn\xfd\x1d\xc7\xd9\xb5kWii)JB\xbd\r\x01\x00\xe0A4\xf9\xb3s\xe7\xce\r\x1b6P#.\x85\xd0\xc6L\xbb\xe3\x96\xb3{_\x10&gt;\xd6(Z\xed\xfa)\xa5\x0c\xd5\x04s\x87\xe7\xde:\xe2z\xfa\x874z\x98?\x7f&gt;\x85\x07\xe6\t\xbc\n\x01\x00\xe0MZ\xeb\xa2\xa2"\xea\xbf\x0b!\x94\xd6\xbd\xbft\xfe\xac\xfc\x89nuPJ\xe7\xb8\xbf\xcc\xa5\xd4G\x1b\x16\x17MKO\x0b\x18\xad\x</t>
        </is>
      </c>
    </row>
    <row r="72">
      <c r="A72" s="1" t="n">
        <v>70</v>
      </c>
      <c r="B72" t="inlineStr">
        <is>
          <t>shape_size_grid</t>
        </is>
      </c>
      <c r="C72" t="inlineStr">
        <is>
          <t>What is the size of the missing part denoted by a question mark?</t>
        </is>
      </c>
      <c r="D72" t="inlineStr">
        <is>
          <t>['medium', 'small', 'large']</t>
        </is>
      </c>
      <c r="E72" t="inlineStr">
        <is>
          <t>small</t>
        </is>
      </c>
      <c r="F72" t="inlineStr">
        <is>
          <t>There are 9 shapes arranged in a grid with different sizes in the image, of which there is 1 missing shape. The first row is ['small square', 'medium square', 'large square'], the second row is ['small pentagon', 'medium pentagon', 'large pentagon'], and the third row is ['?', 'medium hexagon', 'large hexagon'].</t>
        </is>
      </c>
      <c r="G72" t="inlineStr">
        <is>
          <t>We observe that the columns contain small shapes, medium shapes, and large shapes respectively. On the other hand, the rows contain squares, pentagons, and hexagons respectively. Hence, the pattern is that the shapes within each row are the same, while each column progresses the size of the shapes.</t>
        </is>
      </c>
      <c r="H72" t="inlineStr">
        <is>
          <t>Based on the pattern that the shapes within each row are the same, while each column progresses the size of the shapes, the size of the missing hexagon should be small.</t>
        </is>
      </c>
      <c r="I72" t="inlineStr">
        <is>
          <t>b'\x89PNG\r\n\x1a\n\x00\x00\x00\rIHDR\x00\x00\x02\x00\x00\x00\x02\x00\x08\x02\x00\x00\x00{\x1aC\xad\x00\x00V\x07IDATx\x9c\xed\xddwxTU\xfa\x07\xf0s\xcbLHO\xa8AwU@\xc0\x02\xfe \xb1,\x04!XH\x14\x11Q\x82X\x00qWPP\x04\x81\x05\x04\x16\x10PP@\x8aeqQ\x10; \xa8\x88\x12\x90*AQ\xc9\xb24)\xd2,\x94\x90&gt;\x93\x042\xb7\xfc\xfex\xc9uLAHf\xe6\x96\xf3\xfd&lt;\xfb\xf0\x00\x8b\xc9\xb9\x93\x99\xf3\x9e\xfb\x9e\xf7\xbeG\xd0u\x9d\x01\x00\x00\x7fD\xb3\x07\x00\x00\x00\xe6@\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d9\xec\x01\x00@\xe8\xe8\xba\xaei\x9a\xd9\xa3\xb0(Q\x14\x05A0{\x14!%\xe8\xban\xf6\x18\x00\x00\xc0\x04\xb8\x03\x00\xe0\x82\xae\xeb\x82 \xe4\xe7\xe7\xef\xd8\xb1\xc3\xec\xb1XT\x9b6m\xe2\xe3\xe3\xe9\x852{,!\x82\x00\x00\xc0\x05M\xd3$I\xda\xbe}\xfb\xed\xb7\xdfn\xf6X,j\xed\xda\xb5\xb7\xddv\x1b\xbdPf\x8f%D\x10\x00\x008"\xcb\xb2(\x8a\xa2(b\'\xc0\x1f\xbd \xb2\xcc\xdd|\xc8\xdd\x05\x03\xf0\xcc\xd8\x04\xa6_\x05A\x10E~K\x015M36A\xfd\x7f\xcf\x0f\x04\x00\x00~\xe9\xba\xae\xaa\xaa\xd9\xa3\x00\xd3 \x00\x00\xf0H\x10\x04]\xd7cbcZ\xb5\xb9FU4nv=\xcf\xd1u&amp;\xc9\xe2\xee\x1d{\x8b\n\x8b\xf8\xd9\xf2\xad\x0c\x01\x00\x80G\xa2(\xaa\xaa\xda\xba\xcd5\x9fm\\\xee\xf5xE\x89\xafD\x90\xa6jQ\xd1Qw\xa7\xdc\x9b\xb9\xe9[Q\x149L\xfe\x10\x04\x00\x00~)\x8a\xea\xf5z\xbd\xdeb\xdev\x024Mc\x02S\x14\xde\xd3_\x08\x00\x00\xfc\xa2M`b\xf6XB\x8d\xc3\xe7~+\xe3\xee\xa7\x0e\x00\x00\x04\x01\x00\x00\x80S\x08\x00\x00\x00\x9cB\x00\x00\x00\xe0\x146\x81\xc1\xba\x9c\xd1\xae\x80\xc3\xfdU\xb0\x0b\x04\x00\xb0.L\x9d\x00A\x85\x00\x00VD-y\x87\x0f\x1f\xfe\xdf\xff\xfeW\x92$;\xb6+\xa0a\xb7m\xdbv\xe6\xcc\x99\\u\x18\x06\x1bA\x00\x00+\xa2\x19333s\xdb\xb6mf\x8f\xa5VJJJX\xf9\xe5\x98=\x16\x80\x8a\x10\x00\xc0\xba\xa2\xa2\xa2$I\xb2\xf5\x1d@TT\x94\xd9\x03\x01\xa8\x16\x02\x00X\x97\xa6i4\xf5\xd3\xaf\xa2(0f\xfdu\xb4\xaei\xe7\x1a\xcb\xa8\xaa\xea\x8c}lp*\x04\x00\xb0\rM\xd3\x19\xe3\xb4i\x17@0 \x00\x80\rP\xef\xe2\xd1\x93F&amp;\xde\xd4\xa6\xd8[b\xcd\xea M\xd3"\xa3"\xb2\xb6\xed\x986\xe1%d\xfc\xc1\x16\x10\x00\xc0\x06(\x00$\xde\xd8&amp;5\xf5\xf6Bo\xa1$[\xf1\xc8VUQc\xa3b\xe9\x16\x05\x01\x00l\x01\x01\x00l\xa3\xb8\xb8\xa4\xb0\xb8\xb0\xb0\xd0#Y\xb2y\xbd\xaajL`\xc5\xc5%f\x0f\x04\xe0B!\x00\x80m\x88\xa2(I\x92$\x89\x92d\xc5;\x00\xc6\x98$I\xd6LO\x01T\toV\x00\x00N!\x00\x00\x00p\n\x01\x00\x00\x80S\xd8\x03\x08\x0c]\xd7C\xf9\xc8\x0fN\xb3\x03\x80\xdaC\x00\x08\x0cA\x10,\xbb3\t\x00P%\x04\x80\xda\xa2&gt;_\xf9\xf9\xf9;v\xec\x08\xd97m\xd3\xa6M||&lt;Z\x8c\x01@m \x00\xd4\x96\xa6i\x92$m\xdf\xbe\xfd\xf6\xdbo\x0f\xd97]\xbbv\xedm\xb7\xddF\xdf:d\xdf\x14\x00\x1c\x06\x01 0dY\x16EQ\x14\xc5`\xef\x04\xd0\xb7\x90e\xfc\xe0\x00\xa0\xb60\x8f\x04\x86\xb1\tL\xbf\n\x82\x10\xd8\x07\x824M\xd3u\xbd\xf2\xef\x01\x00j\x0c\x01 (t]\xb7c\x0b{\x00\xe0\n\x02@\x80Q\xdb\xb2\x98\xd8\x98Vm\xaeQ\x15\xad\xf6{\xb4\xba\xce$Y\xdc\xbdcoQa\x11\xb6|\x01 \x80\x10\x00\x02L\x14EUU[\xb7\xb9\xe6\xb3\x8d\xcb\xbd\x1e\xafX\xeb\xb6e\x9a\xaaEEG\xdd\x9dro\xe6\xa6oEQD\xf2\x07\x00\x02\x05\x01 (\x14E\xf5z\xbd^oq\xedw\x024Mc\x02S\x14$\x94\x00 \xc0\x10\x00\x82\x826\x81I\xed\xbf\x1a\x9e\xfb\x05\x80`@/ \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94l\xf6\x00\x9cI\xd7uM\xd34M\xab\xfd\x97\xa2\xaf\xa3\xebz\xed\xbf\x14\x00\x80?\x04\x80\xa0\x90e)**\x8a\xe9L\x94j{\x8f\xa5\xa9ZTT\x94,K\x01\x19\x18\x00\x80\x01\x01 \xc0h\xd5\xbfk\xc7\xden)\xf7\xaa\x8a&amp;\x08\xb5\xfd\x82\xba\xce$Y\xdc\xbdc/}q\xa1\xf6_\x11\x00\x801\x86\x00\x10p\x94\xab)*,\xda\xba\xe9\xdb`|q\x04\x00\x00\x08\x14\x04\x80\xa0\x10\x04A\x14\x03\xb9\xc1\x8em\x00\x00\x088\x04\x80\xc0\xa0\x19\xdf\x7f\xd2\x0f\xec|-\x08\x02\xad\xfd\xe9[\xe0&gt;\x00\x00j\x0f\x01 0\x14E\tT\xd9\xcf\xf9\xd1\xb7P\x14%\xd8\xdf\x08\x00\x1c\x0f\x01\xa0\xb6hI\x9e\x94\x94\xb4~\xfd\xfa\x90}\xd36m\xda\x18\xdf\x1a\x00\xa0f\x10\x00j\x8b\xb21\xf1\xf1\xf1\x9d;w6\xe5[\x03\x00\xd4\x0c\x02@`\xd0\x93_!\xfbv\xa2(b\xf6\x07\x80ZB\x00\x08\x0cA\x10$\t\xcfj\x01\x80\x9d \x89\x0c\x00\xc0)\x04\x00\x00\x00N!\x00\x00\x00p\n{\x00`\x1b\x9a\xa6\xa9\xaa\xaa\xaa\xa1\xdbl\xbf(\xaa\xaa\xa9\xaa\x1a\xcaZ\x00\x80ZB\x00\x00\xdb\x88\x8c\x8c\x88\x8d\x8ce:\x93,\xd9\x1bUU\xd4\xd8\xc8\xd8\xc8\xc8\x08\xb3\x07\x02p\xa1\x10\x00\xc0\x06\xa8\xafF\xd6w;\x98\xc0\x8a\xbd%\xd6|\x02N\xd3\xb4\xc8\xa8\x88\xac\xefv0\xb4\xed\x03\x9b@\x00\x00\x1b\xa0\x000m\xc2Kf\x0f\xe4B\xa1s\x1f\xd8\x02\x02\x00\xd8\x86(\n\x8cY\x7fY\xadk\x1af\x7f\xb0\x07\x04\x00\xb0.Q\x14%I\xb2\xdb\x13v\x02\x8d\x97\x86m\xcdl\x15\x00A\x00\x00\xeb\xf2z\xbd\xaa\xaa\xaa\xaaj\xf6@j\x82\x86\xed\xf5z\xcd\x1e\x08@\xb5\x10\x00\xc0\x8ah\x075999""B\x92$;\xc6\x00\x1av\xdb\xb6m\x19\xda\xf6\x81U!\x00\x80\x15\xd1\x8c9s\xe6L\xb3\x07\x12\x18\x08\x00`M\x08\x00`]\xcex\xa8\n\xdb\x00`Y\x08\x00`]\x98:\x01\x82\n\x1f0\x00\x00N!\x00\x00\x00p\n\x01\x00\x00\x80S\x08\x00\x00\x00\x9c\xc2&amp;0\x00\xbf\xe8,kgT[]\x14\xbaj\xb4lB\x00\x00\xe0\x97,KQQQLg\xa2\xc4W2@S\xb5\xa8\xa8(\xd9\x92}\xc5C\t\x01\x00\x80G\xb4\xea\xdf\xb5co\xb7\x94{UE\xe3\xedI5]g\x92,\xee\xde\xb1\x971\xa6i\x1a\xb7O\xea!\x00\x00\xf0\x88\xb2\x1fE\x85E[7}k\xf6XL\xc6\xf3\xe1\r\x08\x00\x00\xfc\x12\x04\x81\xe7\xa7\xed\xb0\r\x80\x00\x00\xc0\x11\x9a\xf1\xfd\'}\x9eg@A\x10h\xedO/\x08\x87\xf7\x01\x08\x00\x00\x1cQ\x14\x85\xcf\xb2\x9f\xf3\xa3\x17DQ\x14\xb3\x07\x12j\x02\xcf\xf1\x1f\x80\x1f\x94\xe9\xce\xcf\xcf\xdf\xb1c\x87\xd9c\xb1\xa86m\xda\xc4\xc7\xc7s\xb5%\x80\x00\x00\x00\xc0)\xa4\x80\x008BO~\x99=\n\x8b\x12E\x91\x9f\xb5?\xc1\x1d\x00\x00\x00\xa7\xf8\xad\x00\x03\x00\xe0\x1c\x02\x00\x00\x00\xa7\x10\x00\x00\x008\x85\x00\x00\x00\xc0)\x04\x00\x00\x00N!\x00\x00\x00p\n\x01\x00\x00\x80S\x08\x00\x00\x00\x9cB\x00\x00\x00s\xa8\xaa\xaa\xaa\xaa\xd9\xa3\xe0\x1aZA\x00@\xa8QG\nI\x92Xy?j\xdez0X\x04\xee\x00\x00 \xa4\xe8\x08FI\x92&gt;\xfd\xf4\xd39s\xe6PS~\xdc\n\x98\x02\x01\x00\x00BGUUQ\x14\x15E\x196l\xd8=\xf7\xdc3t\xe8\xd0\xde\xbd{\x1f?~\\\x92$EQ\xd0\x9a,\xc4\xd0\x0c\x0e\x00B\xc1H\xfb\x1c8p\xe0\xd1G\x1f\xcd\xcc\xcc\xa4\xb3\xc9\x14Ei\xdc\xb8\xf1\xc2\x85\x0bSSS\x19c\x9a\xa6\xf1|Je\x88\xe1\x85\x06\x80\xa0SU\x95\xd2&gt;\x0b\x16,\xb8\xf1\xc6\x1b333eY\xd64MQ\x14Y\x96O\x9c8\x91\x96\x966q\xe2DEQ($\x98=^^\xe0\x0e\x00\x00\x82\x8bf\xf9\xc2\xc2\xc2\x11#F,X\xb0\x801&amp;I\x92\xaa\xaa\x92$1\x81\xa9\xaa*\n"cL\xd3\xb4\xe4\xe4\xe4\x85\x0b\x176o\xde\x9c2E\xd8\x19\x0e6\x04\x00\x00\x08\x16:|F\x14\xc5\xcc\xcc\xccG\x1f}\xf4\xc0\x81\x03\x92$\x19\'\xd2\x18\x93\x8f(\x8a\x9a\xa6\xc9\xb2\xac(J\xbdz\xf5^y\xe5\x95\xde\xbd{3\xc6\xce\x05\t\x08\x1a\xa4\x80\x00 ((\x9f#\x8a\xe2\xa4I\x93RRRh\xf6WUU\x10\x05]\xd7u]\xbf\xb7w\xf7\xa7G=I\xb3\xbf$K\x8a\xa2H\x92\x94\x9b\x9b\xfb\xc0\x03\x0f&lt;\xf6\xd8c\x1e\x8f\x87v\x86\xcd\xbe\x0e\'\xc3\x1d\x00\x00\x04\x98\xae\xeb\xaa\xaaRr\xbf\x7f\xff\xfe\x19\x19\x19\xac|\x99/\xc9\x92\xaa\xa8\x91\x91\x11\xe3\xa7\x8d\xed7\xe0!Y\x967~\xb5y\xc4\xe3\xa3\x8f\x1d\xf9Y\x92DM\xd3\xe9_\xaa\xaa\x9a\x98\x98\xf8\xdak\xaf\xddt\xd3M\xc6m\x84\xc9W\xe5DxM\x01 \x90h\xbe\x96ey\xc9\x92%III\x19\x19\x19\xb2,3\xc6t]\x17EQU\xd4\xffKl\xbdd\xf5\xfb\xfd\x9f\xe8\x93\x9f[p\xeadv\xfb\x8e\x7f\xfbd\xc3\xd2\xbb\xee\xbdSU5]\xd7\x05Q\xa0\xccOVVV\x87\x0e\x1df\xcf\x9eM\xb7\x11xP \x18p\x07\x00\x00\x01Cs\xb7\xa2(#G\x8e\x9c={6\xf3\xdb\xef\xa5\x19\xbc\xff\x13}\xc7M\x1d\xe3r\xc9\x1e\x8f\x97\x02\x83\xaa\xa8\xee0wdt\xe4\xdb\xf3\xdf\x99&lt;\xfa\xf9\xe2\xe2\x12\xbaK\x10E\x912E\xbdz\xf5\x9a={v\xe3\xc6\x8d)G\x84\x9d\xe1\x00B\x00\x00\x80\x000\xca\xfc\xb3\xb2\xb2\x06\r\x1a\xb4m\xdb6J\xda\xd0_\xaa\xaa\xda\xa0a\xfd\x97^\x7f!\xad[\x97\xc2\x82\xa2\n\xbb\xbb\xba\xa6k\x9aV\xafa\xdd\x1f\xbe\xc9z\xf6\xe9\xf1\xff\xcb\xda%J\xa2\xae\xe9\xba\xae\xd3\xce0\x1e\x14\x08\x12\xbc\x8e\x00P[\xfee\xfe)))\xdb\xb6m\xa32\x7f\xc6\x18\xb5y\xe8\xd09\xf9\xf3\xcd+\xbat\xbd=7\'O\xd7\xf5\n\xb5=\x82(H\xb2\x94\x93\x9d\xdb\xba\xcd\xb5\xcb\xbf\xfa\xa8\xff\x13}5U\xa3\x7f\x86\x07\x05\x82\nw\x00\x00P+4G\xe7\xe6\xe6&gt;\xf9\xe4\x93\x1f~\xf8!\xfbc\xdaG\x92\xa41\xcf\x8d\x1c\xf0\xf4?\x14\x9fRZZJi\x9f\xea\xd0\xbf\x8f\x8b\x8f]\xf2\xee\xc7\xcf\x8d\x9az:;\x87\xee\x00\x8c\x9b\t&lt;(\x10X\x08\x00\x00PCF}NFF\xc6\x90!C\xfc\xcb\xfci\xdb\xf6\x8a\xa6\x97\xbf\xf4\xfa\xb4\x8e\xb7v\xc8\xcb\xc9c\x17V\xc9C\x15Du\xeb\xd7\xfd\xf9\xf0\xcf\xc3\x9f\x18\xbdeC&amp;u\x8b\xc3\x83\x02\xc1\x80\x14\x10\x00\xd4\x84\x7f\x99\x7fZZ\xda\x81\x03\x07dY6\xca\xfcUU\xbd\xbfO\xcfU[&gt;\xf9[\x87\x1bs\xb2s\xe8_^\xc8\x97\x15\x04A\x96\xe5\xbc\x9c\xbc\x06\t\r\xde\xfbl!\x1e\x14\x08*\xdc\x01\x00\xc0\xc51\xca\xfc\x0f\x1e&lt;\xf8\xd4SOedd\x18)\x1aZ\xa4\xc7\xc6\xc5N\x9e5\xe1\xbe\x07\xee)-9SVVV\xb3E:\xddI\xd4kPo\xd3W_\x8fx|\x14\x1e\x14\x08\x06\x04\x00\x00\xb8\x08F\xd6e\xc9\x92%\x83\x06\r\xca\xcd\xcd\xa5I\xdfH\xd4$\xde\xd8v\xe6\xbf\xa7_\xdd\xfa\xaa\xbc\x9c\xbc\xda\xa7\xe9\x15\x9f\x12W76\xfb\xd4\xe9\xf1\xcfL\xfa|\xf9\x17\x8c1Q\x125\xf5\\e\x91,\xcb/\xbd\xf4\xd2\xd0\xa1C\x19\xd2A5\x82\x00\x00\x00\x17\x8a\xf6{=\x1e\xcf\xd8\xb1c\xe7\xcd\x9b\xc7*\x95\xf9\x0f\xf9\xe7\xe0!\xa3\x06\xb9\xdcno\x91Wv\x05\xe6\xc0A&lt;(\x10&lt;\x08\x00\xc0/\x1cFx\xe1\x8c4\xcb\xb6m\xdb\x06\r\x1a\x94\x95\x95E\xfb\xbdT\xaci\x94\xf9\xdf\xd9=-?\xaf@S5Q\ndB\x06\x0f\n\x04\t^&amp;\xe0\x94\xae\xebF\xd6\xc2\xec\xb1X\x1d\xd5\\\x8a\xa28{\xf6\xec\x0e\x1d:dee\x9d\xdb\xef-?\xcd\xf1\x8e\xee\xa9\xab\xb6|\xd2\xa5\xebm\xa7\xb3st]\x0f\xec\xec\xcf\xf0\xa0@\xd0\xe0\x0e\x00xD\xb3\x86\xa6i\xc5\xc5\xc5\xd1\xd1\xd1\xf4G\xb3\x07eE\xfem\xdd\x86\x0e\x1d\xbad\xc9\x12#j\x1ay\x98g\'\xff\xf3\xf1a\x03\xca\xca\xcaJK\xfe\xa4\xcc\xbf\xf6\xf0\xa0@`\xe1\x0e\x00\xf8\xa2\xeb\xba\xb1f\xbc\xed\xb6\xdb\xda\xb4i\xb3u\xebV\n\x06\xb8\x15\xa8\x80No\x97e9###))i\xc9\x92%\xb2,S\xda]\x92$UQ\xafi}\xf5\x8auK\x9e\x1c\xf9\x84\xa7\xc8s\xf6\xcc\xd9\x10\x04QI\x92t]\xcf9\x9d\xdb\xf3\xa1{?\xdf\xbc\xa2C\xe7d\xda\x7ff\xe55H\x99\x99\x99\xed\xda\xb5\xfb\xf0\xc3\x0fi3\x00-\xe4\xce\x0f\x01\x008\xe2\xdf\xa8\xf2\xfa\xeb\xaf\xdf\xb0a\xc3\xe1\xc3\x87;u\xea4i\xd2$\xe3|Z\xb3\xc7h\x15\xc6\xe9\xed\x13\'NLKK;q\xe2\x04\xad\xb5i\nVU\xb5\xdf\x80\x87\x97f\xbc\x9ftSbnN\xde\x85\x97\xf9\xd7\x1e\x1e\x14\x08 \xa4\x80\x80\x17U6\xaa\xa4\x16f\x8c\xb1\xd4\xd4\xd4\x85\x0b\x17\xa2\x92\x84Usz;\xfbc\x99\xff\xd4\x97\'\xa6\xf7\xe9YTP\xe8\xf3)f\x15_\xe2A\x81\xda\xc3+\x02\xceG+\xd6\xca-\xe6\xa9\x88\xa5r\x96\x83\xe7\x9d\xe1\xeaNog\x8c\xd1\rA\x87\xce\xc9\x9f\xac[\xd2\xf3\xe1\xfbr\xb2sTU3\xb1\xf4\x9e~\x88\xa7O\x9en\xdf\xf1&amp;\x9c(P3\xb8\x03\x00\x873\x9e\x0fZ\xb0`\xc13\xcf&lt;\xe3\xf1x\x8cm\xc3s\xf3\x9a\xdf\x83E\x8c\xb1\xa1C\x87\xbe\xf4\xd2KT\xe5\xc2\xdb\x83E\xd5\x9e\xde.K\xaa\xa22\xc6\x86\x8c\x1a&lt;|\xdcP]\xd7\x8b\xbd\xc5\xd6\xd96\xc7\x83\x025\x86\x00\x00Nv\xfeF\x95.\xb7+*:*?7\x9f\xfeHE#\xaa\xaa&amp;\'\'\xbf\xf5\xd6[-Z\xb4\xe0\xa7\x92\xe4&lt;\xa7\xb7\x8b\xa2\xa0\xaa\xda\xe5M.{n\xe6\x84\xb4n\xb7\xe7\xe7\x15\xd0\xd9^f\x0f\xf9\x0f\xf0\xa0@\xcd\xe0U\x00g\xa2\xaa\x1e*\x0bi\xdf\xbe\xbdQ\x16b\x9cOrM\xeb\xabW|\xb5d\xcd\xb7\xab:tnOy\x0f\xc6\x18\x95&lt;fff\xdex\xe3\x8d\x0b\x16,\xe0\xa4\x92\xc4h\xeb6{\xf6\xec\xca\xa7\xb7\xab\xaav\xd7\xbdw~\xb2ai\x97\xae\xb7\xe6d\xe7\n\x82`\xc1\xd9\x13\x0f\n\xd4\x0c\xee\x00\xc0\x81\x8c\xba\xfeI\x93&amp;M\x992\x85\xfe\xa8(\ne{\x18c\xf7\xf7\xe99\xe1\xc5q\xd1\xd1Qg\xcb\xca\xdcn\xf7\x1bs\x16\xbc\xf0\xaf\x97\x8c\\\x87\x91\x0e\xfa\xc7?\xfe1k\xd6,\x07?(pa\xa7\xb7?\xdbo`\x9fbO\xf1\xd9\xb3\xa1(\xf4\xac%&lt;(pQ\x10\x00\xc0Q\xce3\xa3UhTYRR\xea+\xf3\t\x82\xc8\x98^\xb7~\xdd\xcd\xeb\xb6\xf0VIBe\xfe\x82 ,Y\xb2d\xe8\xd0\xa1F\xa1\xa7 \x08\x82(h\xaa\xf6\x7f\x89\xad\x9f\x9f3\xf9\xfav\x89\xb9\xd9y\xa2(\n\xa2=\xe6J\x9c(p\xe1\x9c\xf3n\x06\xf0/\xf3OJJ\xca\xc8\xc8\xa0\x15+\xe5\xac\x15EI\xbc\xb1\xed\'\xeb\x97\xf6\xea\xd3\xb3\xb0\xa0\x88V\xfa\xa2(\x88\xa2\x98s*\xa7b%\x89\xe0\xf0J\x12Z\xff\xaa\xaa:l\xd8\xb0\xfb\xef\xbf\xff\xc4\x89\x13\x94-9W\x1a\xabj\xfd\x9f\xe8\xbb\xfc\xab\x8fZ\xb7\xb96\';W\x92%\xbb\xcc\xfe\x0c\x0f\n\\\x0c\xdc\x01\x80CTY\xe6\x7f\xe1\x8d*\xfd+I\x9e\x1b\xfd|Iq\x89\x91:\xa8\\Ib\xfdL\xc8y\\\xc8\xe9\xed\xff\x9a&gt;\xb6\xd7\xc3\xf7\x15\xe4\x17\xdaz\x81\x8c\x07\x05\xfe\x14\x02\x00\xd8\xde\x85\xcch\x17\xd2\xa8\xf2\\%I\x83\xba\xdb\xb7e\x8dxb\xcc\xde]?\x1a\r/+T\x92\xd8w\xbe8OQ,\xc5\xb9\x0e\x9d\x93g\xbe&gt;\xed\xb2\xa6\x97\xe5\xe5\xe49\xa3b\x12\'\n\x9c\x87\xfd\xde\xc1\x00\xfe\xfc\x1f\\JII\xd9\xb6m\x9b\xf1\xe0\xd2\xc56\xaa\xfc\xbd\x92\xa4m\xeb\xa5\x19\xef\xf7\x1b\xf0\xb0\xaa\xaaUV\x92\xd8\xb4oDu\t\x10\x8as\xa2(\x8e\x9b:\xfa\xfd\x95o7h\xd4 /\'\x8f\x1e\x883{\xc8\x01 \xbb\xe4\xc2\xfc\xa2\xe8\xe8\xe8\xff|\xf8\xfa\xb4yS"##4U\x93d\xa9\xba$\x18Wkb\xdc\x01\x80\x8d\x9d\xbf\xcc\xbf\xc6\x8d*UUu\xb9\xe4\x98\xb8\xd8\xa5\xef,\x1b;lbaAa\x85J\x92\xd4\xd4\xd4y\xf3\xe65o\xde\xdc.\x0f\x16\xfdi\x99\x7f\rNo\xb7\x17&lt;(P%..\x12\x9c\xe7\x82\xca\xfck\xda\xa8R\x92$U\xd5r\xb2sz&gt;|\xdf\'\xeb\x96P\xcbIJ\x92\xd07\xcd\xc8\xc8h\xd7\xae\x1d\xf5\x8d`\xe5\xd3\xabe\xf9\x9f\xdeNe\xfeF7\x7f*\xf3\xefU\xa3\xd3\xdb\xed\x05\x0f\nT\tw\x00`?\x17X\xe6\x1f\x13\x1b]XPT\x9b\r[EQ"\xa3"\x05A\x989y\xf6\xdc\x17_e\x956\x96-\xde7\xa2\xf2\xe9\xed\xec\x8fE\xb1Q\xd1\x91\xe3\x9e\x1f\xd3o\xc0\xc3^o\xb1\xaf\xccg\xc1K\x088&lt;(\xe0\x0f\x01\x00\xec\xe4\xe2\xca\xfc\xcf\xfa$\xb9\xb63\x1a\x15\xcb\xd7\xad\x17\xff\xc5\xa7\xabG&gt;1\xe6tv\xce\xb9\xa7d\xcbK\xcbo\xba\xe9\xa6\xd7^{-11\xd1j\xf3\x85\x91\xc78\xef\xe9\xed\xd3\xae\xba\xf6\xaa\xfc\xbc|K\x8d&lt;\xd8\xf0\xa0\x80\xc1\x81\xf7z\xe0T\x17]\xe6_\xeb\xd9\x9f1F3\xe3\xe9\xec\x9c.]o[\xb5\xe5\x93;\xba\xa7\xfa\xcf\xfe\xb2,o\xdb\xb6-%%\xc5j}#hI\xeb\xf1x\x86\x0c\x19r\xff\xfd\xf7\xe7\xe6\xe6\xfe\xa1\xcc_\xd3\x86\xfcs\xf0G_\xbe\xdb\xb4y\xd3\xbc\\\x87T\xfb\\8&lt;(`\xc0\x1d\x80\x99h\xb2p\xf0\xfa"\x80jY\xe6_{\x8a\xa2\x84G\x84\xbb\xdd\xee\x7f\xbf\xfc\xc6\xf3\xe3_46\x1b\x8c\x01\xf4\xee\xdd\xfb\x95W^\xa9W\xaf\x9e\xb9\x0f\n\xf8\x17\xc5&gt;\xf6\xd8c\xd5\x9d\xde~G\xf7\xb4\x82 \x9c\xden/xP\x00\x01\xc0\x1c\xc6\xa7\x94~\xcf\x18\xe3j\tvQ\x02U\xe6_{4\x0b\xc4\xd7\x8d\xdb\x96\xf9\xfd\x98!\xe3\x8d\x07\x05X\xf9|\xd1\xa2E\x8b\xb7\xdez+99\xd9\xac\xf9\xc2\xc8W\xcc\x9b7o\xec\xd8\xb1\x95\xcb\xfc\xef\xe8\x9e:\xe9\xa5\xf1\x7f\xb9\xec\xd2\xfc\xbc\x02\xde\x16\xfe\xd5\xe1\xf9A\x01\xa7\x054[\xa0\xb4\xb2$I\x9f~\xfa\xe9\x9c9s(\x9f`\x91\xd4\x81\xd5\x04\xb0\xcc\xbf\xf6\xa8B&amp;7\'/\xe9\xa6\xb6\xcb\xd6|\xd0\xabOOzP\x80F"\xcb\xf2\x81\x03\x07RRRL\xe9\x1bAg\x1dK\x92t\xfc\xf8\xf1\xfb\xef\xbf\x7f\xc8\x90!\x1e\x8f\x872c\x14\xa5\x04A\x187u\xf4\x7f&gt;x\xbd~\xc3\xfa\xf9y\x05\x8e)\xf3\xaf=\x9e\x1f\x14\xc0\x1d@\xa8UNe\xdc\x7f\xff\xfd\xb3f\xcd\xba\xe4\x92K\xec\xdec \xe0\x82T\xe6_{\xaaBg\tD\xbe\xfd\xc6\xbbS\x9e}\xc1\xeb)6N 1\xe5\x80Ic\xbf7##\xa3\x7f\xff\xfe\xd4\xd6\x8d\xc2\x0fMa\xd7\xb4\xbe\xfa\x85\xb9\x93oJ\xbe!?\xaf\x8091\x95Q{|&gt;(\x80\x00\x10:U\x1e\xb5Jk4\x07\xf4\x18\x08\xac\xf3&gt;\xb8d\x89\x19\x8d~\x9a\xf1u\xe3\xf7\xed\xd97\xfc\xf1\xd1Y\xdf\xfd\xb7\xba\xbe\x11,\xc8\xf3\x85Q\x05;e\xca\x94I\x93&amp;1\xc6\x8c\xd3\xdb)\x06\x04\xaa(\x96\x07\x8a\xa2DGG\xf9|\xbe)c\xa7-|}1+_s\xd0K\xca\x18\x9b0a\xc2\xb8q\xe3\xe8\x8f\x0ex1\x11\x00B\xc4\xbf\x07\xcb\x88\x11#\n\x0b\x0b\x8d\xb7\x94\xff{k\xe2\xc4\x89\xcc\xaf\xce\x9dO!+\xf3\x0f\xc8P\xa3\xa2"}\x8a2\xf5\x8f\xf3E\xe5\x07\x05\x82\xfa3=x\xf0`\xff\xfe\xfd\xab&lt;\xbd=\xb0E\xb1&lt;\xb8\xf0\x07\x05\xcc\x1ei\x00 \x00\x84B\xb5G\xadJ\x12+o\xcc\xcb\xec\xd9c \xb0B_\xe6_{\xb4\xedl\xca\x83E\x9a\xa6\xa9\xaa\xba|\xf9\xf2\xc1\x83\x07\x1be\xfe\xc6\xf7\xed\xd09y\xf2\x8c\x7f]s\xdd\xd5\xb99y\\\x95\xf9\xd7\xde\x85&lt;(\xf0\xea\xab\xaf\xde{\xef\xbd\x92$\xd9\xfa~\x1d\x01 \xb8\xce\x93\xca`\x7f\xac\xff1R\x07\xf5\xea\xd5{\xed\xb5\xd7z\xf5\xea\xc5\x1c\x94j\xbc\x10\xe7;\x9f\xe4\xf7\x07\x97\xa6_\xdd\xfa\xaa&lt;\x8b\xcdh\xa6&lt;XD_g\xf1\xe2\xc5\xfd\xfa\xf5c\xe5K\n\xea\xee\xc0\x18\x1b\xf2\xcf\xc1\xc3\xc7[\xee\xf4v{\xa1\xc2_I\x12gM\x99\xfb\xca\x8c\xd7\x8d\x97\xd7\xb8\xbd{\xfb\xed\xb7\xfb\xf6\xedk\xeb\xd2 ^&amp;\x17ST\xee\xc1\xe2\x7f\xd4\xaa\xae\xeb\xf7&gt;p\xcf\x90\x7f\x0e\xa6\xdf\x1b\xcf\xe9\xe4\xe6\xe6V\xa8\xe20\xfb:B\xe1O\xce\'\xd1\xb4!\xff\x1c\xbc\xe4\xcbw\x9b6o\x92\x9b\x9dk\xb5{#S\x1e,\xa2W ))\xa9N\x9d:\xf4\xd2\xd1\xdf4\xbf\xaa\xf9\xa2\x8f\x17\x8c}~tiIi\x88\xf7\xc6\x1dF\x96\xe5\xb3g\xce\x96\x14\x97\x8e}~\xf4\x07\xab\xdei~UsV^{&amp;\x8ab\x9d:u\x92\x92\x92\x98\xcd\x0b\xb8\x11\x00\x82\x82j\xf2*w\x98\xa2Sg5U\x8b\x8c\x8c\x986o\xea\xab\x8bf\x8f{~\xcc\xa2e\xffi\xd0\xb0\xbe\x918\xa6\xaa\xc7y\xf3\xe6\xa5\xa4\xa4deeQ9\x87\x83o\xd4h\xf9\\\xe5\xd9[F\x99\xff\xa2\x8f\xff3\xee\xf9\xd1\xaa\xaa\x95xK\x82\xf1\x90W@\xf8\xcf\x17\x1f~\xf1\xee\xe5M.S\x15\x95\x8aV\xfd+Y\xff\xfb\xdf\xff\x06\xe4gJ1\xe6\xdak\xafm\xd3\xa6\r\x15\x17P\xb0\xec\xf5\xf0}\xf7\xdd\xdb\xe3\xd4\x89S\xd6&lt;\xbd\xdd^\xe8\xadx\xf2\xb7\x93\xa9\xa9\xb7\xf7z\xf8&gt;Z\xa8\xd1M|\x9b6m\xae\xbd\xf6Z\xbb\xdf\xa3\xdbx\xe8\x96u\xfe\x8e\x05\xaa\xa2\xfe_b\xeb%\xab\xdf\xef\xffD\x9f\xfc\xdc\x82\xecS\xd9]\xee\xaa\xd8c\x80\xf2\xe0YYY\x16\xec1\x10X\x96*\xf3\xaf=\x9a/N\x9f&lt;\xdd\xae\xe3M\x9fnXvg\xf74*\x1b\xf7\xff\x99v\xea\xd4i\xde\xbcy\x01\xf9\x99\xd2\x0bu\xdf}\xf71\xc6\x8c\xe4\xcf\xca\xe5\xabN\xe5\x9fr\xbb\xdd\x01\xb9"`\x8c\xb9\xc3\xdc9\xf9\xa7W._\xc5\x18\xa3\x9f&amp;+\x7f\xd9-\xde\x08\xf6OY\xfa\xe3dG\x7f\x9a\xca\xe8\xffD\xdf\xe5_-1\x8eZu\xb9\\\xf9y\x05\xf5\x1b\xd6\xff\xcf\x07\xaf\x8f\x9b:\xdahhL\xff\x89\xc7\xe3y\xec\xb1\xc7\x1ex\xe0\x01\xa3\x97\x8b\xd9\xd7\x17H\xe7?\x9f\xc4\xbe\x0f.\xc9.\xb9(\xbf(:&amp;z\xfe\xfb\xafN|q|Dd\x84\x91\x0e\xaa\xb2?O\x8d\xbf\x11\xad=\xef\xbe\xfb\xee\xb0\xb00UUi2:\xf0\xe3\xc1\xe3\xbf\x9e\x08\x0b\x0bs\xf0]c(\xe9\xba\x1e\x16\x16\xf6\xdb\xaf\'\x0e\xfcx\x90\x95o\xbc\x87\x85\x85\xdd}\xf7\xdd\xcc\xfe\x15\xdb\xf6\x1e\xbd\xa5\\`*\xe3\x859\x93\x15E\xf1\xfam\xcdQ\xea\xc0S\xe4yr\xe4\x13+\xd6-\xb9\xa6\xf5\xd5\xf4\x9f\x18\xa9\x83\x0f?\xfc\xb0}\xfb\xf6\x99\x99\x99\xb4:\xb6\xfb\xa2\x83\xd0\xa6w0\xba\xf9[\x81$Keee\x9e"\xcf\xa0\xe1\x03\x97e|pM\xeb\xab\xe9\x0czZ?\xd2\xdda\xfb\xf6\xed\x8d\xbb\xc3\x9a\xa1\x06\x0fW^ye\xabV\xad\xe8\xfeR\x92\xa43\xa5g\xb6n\xfa\xb6ND\x1dG\xde2\x86\x9e\xaa\xaau"\xeal\xdd\xf4\xed\x99\xd23T\xf3\xa3\xebz\xabV\xad\xae\xbc\xf2Jz\xcd\xcd\x1e`\xad\xd8{\xf4\xd6\xf1\xa7\xa9\x8c\x0e\x9d\x93?\xdf\xbc\xa2K\xd7\xdbss\xf2(\x93\xe8\xff\x9f[\xb9\xc7@0\xe8\xba\xee\xf3\xf9&amp;L\x98\xe0\x7f&gt;\t+\x0f\xa2\xf7\xf7\xe9\xb9l\xcd\x07I7\xb5\xa5\xfaE\x9b~\xc6h:\xce&gt;\x99\xdd\xba\xed\xb5\xcb\xd6|p\x7f\xf9\xcf\x94\x95\x97\x05\x1f8p --m\xc2\x84\t&gt;\x9f\xaf\xc6\xabu\xba\xe3\xec\xdc\xb93\xf3\xdb\x8d\\\xfdY\x86\xa6\xaa\x82`\xcb\xd7\xcdj\x04A\xd4Tu\xf5g\x19\xe5\x7f\x14\x18c\x9d;wv\xc0\xc7\x90!\x00\x04\xc4\x85\x1f\xb5\x9a\x9f\x97\x7f\x9eT\x86,\xcbE\x05\x1e\x97\xcb5g\xc1\x8ci\xf3\xa6DEG\xfa\xa7\x0e\x14E\x196lXZZ\x9a\x03z\x92Pl[\xb2d\x89\xa2(.\x97\x8bj=u]\x8f\x8b\x8f\x9b\xfb\xe6\xacYo\xbc\xe8r\xbb\x8a\n&lt;\xb6[\xf8W\xe6r\xb9&lt;E^\x97\xdb5\xeb\x8d\x17\xe7\xbe9+.&gt;\x8e\xae\x9d.\x9c^\x04V^\x10\\\x03\xf4^\xea\xd9\xb3\'\xed\t\xd3\x9a\xe3\xfbo\xb6\x1f=t\xacN\x1dd\x81jK\xd7\xf5:u\xc2\x8e\x1e:\xf6\xfd7\xdbY\xf99t\xa2(\xf6\xec\xd9\x93\xd9\xbc\xfe\x87 \x00\xd4\x8aq0aFFF\xa5T\x86\xa8\xaa\xea\x15M/\xff\xf0\x8bw\x9f\x1a5\xb8\xd8[|\xf6\xec\x9f\xa72\xa8\x05U~^A\xbf\x01}VnZ\x9exc[#u\xc0\x18\xa3odl,\xd37\n\xc9\x85\x06\x98\xa6i.\x97k\xc0\x80\x01\xccoW\xada\xa3\x06KW\xbf\xd7\xbb_z\x00\xbb\xf9[\x81$I\xaa\xa2\x16\x16\x14\xf5\xee\x97\xbet\xf5{\r\x1b5`\xe5{\xb6\xba\xae\x0f\x180\xc0\xe5r\xd5\xf8\xe7H\xef\x8d\xb6m\xdb^y\xe5\x95F\xce\xb0\xd8[\xfc\xf5\xfa\xcc\x88\xc8p\x07,Q\xcd\xa5\xaajDd\xf8\xd7\xeb3\x8b\xbd\xc5\xc6G\xfb\xca+\xafl\xdb\xb6m\xe5\xfbx;B\x00\xa89\xff2\xff\xb4\xb4\xb4@\x1d\xb5J\x9f\xe1\xbc\xdc\xbc\xa6W6Y\xb2\xfa\xbd\xfeO\xf4\xa5\xd4\x81qWA\xa5\xa5\xc3\x86\r\xb3\xef\xe1\xa5\xf4Rt\xed\xda\xd5\xedv\x1b\x93\x94\xc7\xe3\x95d\xd9S\xe4\xa5R(S\x07\x18`tE\x9e"\xaf$\xcb\x1e\x8f\x97\xfeRUU\xb7\xdb\xdd\xb5kWV\xbb\xbdD\xfa:\xdd\xbbw\xf7\xff:\xabW\xaeQ\x91\x05\xaa5A\x10UU]\xbdr\r\xfd\x91^\xde\xee\xdd\xbb\xfb\xbfom\r\xef\x8f\x9a0\xca\xfc\x0f\x1e&lt;He\xfeF[7J\xfdGEGN\x9b7e\xce\x82\x19\xee0\xb7\xa7\xa8&amp;\xa9\x0cY\x96K\x8aKUE\x9d6w\xca\xbc\x85/\xd3\x83\x02\x14`\xe8{\xcd\x9e=;%%\xe5\xe0\xc1\x83v|P\x80\xf2\x15\xc6J\x8a\xd2\xe5\xa5%\xa5kW}\x15\x15\x13e\xd3\xdb\x9a\xf3\xd34-*&amp;j\xed\xaa\xafJKJ\x8d\xbdDc\xe5^\x9b\x00`T%"\x0b\x14X\xd5\xe5\x7f\x8c\xba[\xb3\x07\x18\x00\x08\x005a\x14r\xb4k\xd7\x8e\xb21\xd4\x06R,?\x98p\xe5\xa6\xe5\xfd\x06\xf4\xc9\xcf+\xa0\x04N\xcd\xbe\x8b(\x89\xba\xae\xe7\x9c\xce\xed\xf9\xd0\xbd\x9fo^\xd1\xa1s2\xe5\xcaYy\xb7\xaf\xcc\xcc\xccv\xed\xda\x19y\xa7\x80^b\xd0\xd1g)==\x9d\xf9\xd5\xb0o\xdb\xf2\x9d\xcf\xe7s\xe4\xbaU\x10D\x9f\xcf\xb7m\xcbw\xcc/\xeb\x95\x9e\x9ent\x90\xae1d\x81\x82\xc4\xf1\xf9\x1f\x86\x00p\xb1\xa8\x96\xff\xc4\x89\x13O?\xfdt\x08\x8eZ\xad\xb6\xc7\x80T\xb1\xc7\xc0\x89\x13\'(\x08\x05\xeaJ\x83\x8d^\x99\x94\x94\x14\xaa\xa6\xa0Ip\xdb\xd6\x1f\x8e9q\xddJk\xc9c\x87\x8em\xdb\xfa\x03+\xaf%\x17E1%%\x85\x05b-\x89,P08&gt;\xff\xc3\x10\x00.\x16}nW\xaf^=w\xee\\\xda\x86\xa5\xa4\xbf\xaa\xaa\xf5\x1b\xd6_\xf4\xf1\x7f\xc6&gt;?Z\xa3\x8e\x05\x81\xab`\xa9\xa2\xc7@\xf97\x15\x04\xc1\xe5r-X\xb0`\xf5\xea\xd5\xf6\xaaK\xa3\x90i\xd4S;{\xddZy-\xe9_\xbf_\xfb\xb5duY\xa0#\x87\x8e\xd5\twZ4\r\r]\xd7\xeb\x84\x87\x1dqt\xfe\x87!\x00\\,\xfa\xac\xdeq\xc7\x1d\xf1\xf1\xf1\xc6\x89K\x8c\xb1.]o\xfb2\xf3\xd3.]o\xcb\tN\xc7\x02\xca\xfbg\x9f&lt;\xdd\xee\xe6\x9b&gt;\xdd\xf8q\x97\xae\xb7\x19\xdfZQ\x94\xb8\xb8\xb8;\xee\xb8\x83\xd9\xed|yz\xa2\x92\x87ukukIz\x82\xb7\xf6_\xbf\xba,\xd0\x96\r[\xc3#\x9c\x16MCCU\xd5\xf0\x88\xf0-\x1b\xb6:8\xff\xc3\x10\x00.\x16\xbd\x0f\x12\x12\x12\xda\xb7oOI\x7f\xda\xcd\xbb\xba\xd5UM\xafl\x9as:7\xa8\x1d\x0b\\.9/7\xef/\x97]ru\xab\xab\xfc\xbf{rrrBB\x02}\xf2\x83\xf4\xad\x83\x81\x93\xdd\xcb\xd0\xec%R\x16\xa8G\x8f\x1e\x8c1\xa3W6m9\xd8\xeb]a\x11\x15^@\x8a\xd9=z\xf4pR\xfe\x87!\x00\xd4\x00\xcdS\xb4{i\xfcq\xcd\xaa\xb5\x85\x05\x05!\xe8\xc0\xe5v\xbb\x8b\n\x8a\xd6\xacZ\xcb\xfc\x1aQ\xd1`lW&lt;\xc3\xc9\xeeeh\xf6\x12i\xc2JKKc\xe5{\x0c\x8c\xb1-\x1b2O\x1d?\xe5v\xbb\x1d\x13MCC\xd7u\xb7\xdb}\xea\xf8\xa9-\x1b2\x19c\xc6\x1e\x15\xbd\xbcN\n\xa8\x08\x00\x17\x8d&gt;\xb1\xb7\xdf~{DD\x84\xd1\xb0\xe1\xd0\x81#\x07~\xfc)&lt;\xbcNPgaM\xd3\xc2\xc3\xeb\x1c\xf8\xf1\xa7C\x07\x8e\x94?m\xa0FDD\xdc~\xfb\xed\xccn\xf9\x1f\xc2\xc3\xeeeh\xf6\x12\xe9\xcb\xb6m\xdb\x96\xee\x05\xe9oNg\xe7l\xcb\xfc&gt;"2\xdcv\x8b\x03si\x9a\x16\x11\x19\xbe-\xf3\xfb\xd3\xd99\xc6\tk\t\t\tm\xdb\xb6e\xf6o\x00\xe7\xcf9W\x122\xb4\x82k\xd4\xa8Q\xeb\xd6\xadYy\xcb\x97\xb2\xb2\xb2\xf5\x19\x1b\xeb\x04?\x00\xd4\t\xaf\xb3&gt;ccYY\x99q\x16]\xeb\xd6\xad\x1b5jd\xbb\xfc\x0f9_\x16\xc8\x11\xbb\x97\xb4\x97\x18\x82Zr*\n\x88\x8d\x8d\xa5U\xaa\xf1\xf6\xc8X\xb9Fp\xd0\x84\x152\x82(f\xac\\\xc3\xca?\xe0\x8c\xb1\xb4\xb4\xb4\xd8\xd8X\xe3\xe0\x1dg\xc0;\xa3&amp;\xa8\x10\xd3\xe8\x07B\xf3\xd4\x9a\xcf\xd7\xd23&gt;\xc1\xfb\xbe\xf4\xb4\xd4\x9a\xcf\xd72\xbfZ\xf2\x9e={\xfa\x1f3i/\xd5e\x816\xaf\xdb\xe2\x8c\xddK\xdaK\xdc\xbcnK\xc8\xf6\x12\x8d| \xbdz_\xafG\x16\xe8\xe2\x18\xf9\x9f\xaf\xd7\xff!\xffcd}\x9d\x04\x01\xa0&amp;\x8c&gt;\xect\x17O3\xd7\x9e\x9d?\xee\xdb\xb3?xY \xca\xff\xec\xdb\xb3\x7f\xcf\xce\x1fi\x1e\xa1\xfc\x89\xdd\xfb\x92W\x99\x05Z\xb7z\x83n\xcf{\x9a\n\x04A\xd05m\xdd\xea\r\xf4\xc7\xa0\xd6\x92\xd3\x17\xef\xd0\xa1\x03\xb2@\xb5Q]\xfe\xa7C\x87\x0e\xcc\xce\x1f\xb4*9\xeabB\xc6\xe8d\x90\x98\x98ht2\xf0\xf9|\xeb36\x05/\x0bT\x9e\xff\xd9\xe4\xf3\xf9\x8c^\x02\x89\x89\x89\xb5\xef%`.#\x0bD\xf71\xb4P\xdd\x99\xb5+\xfb\xe4i\xbb\xaf[i-\x99}\xf2\xf4\xce\xac]\xac\xfc)BI\x92\x82TKNY\xa0\x98\x98\x18d\x81j\xa9\xca\xfcOLL\x8c\xc3\xf2?\x0c\x01\xa0\xc6*drC\x90\x05\xaa2\xffcd\xcf\x83\xf1\x1dC\xa3\xc2N\x06\x05\xd4\xecS\xa7\x1d\xb0n5\xd6\x92\xd9\xa7NS\xc0\xae\xb0{\x14\xa4\xef\x8b,P\x8dq\x95\xffa\x08\x005V}\x16\xe8@xD\xe0\xa7-M\xd3\xc2#\xc2\xf7\xed9\xe0\xb0\xfc\x0f+_\xb7\xfa\xd729i\xddZy-i\xd4\x8f\x05c-\x89,P-q\x95\xffa\x08\x005V]\x16h\xdd\x97\xeb\xc3\xea\x84\x05#\x00\x84\xd5\t[\xf7\xe5z\x87\xe5\x7f\xfc\xf5\xea\xd5\x8b9h\xddZ\xddZ\x92.3H\xaa\xcb\x02\xad\xfel\x8d\xc3r\x17\xc1#\x08\xc2\xea\xcf\xb8\xc8\xff0\x04\x80\xda\xa82\x0b\xb4y\xfd\x16_YY\xc0gdQ\x14}ee\x9b\xd7oa\xce\xca\xff\x10G\xae[\xcd]KV\xc8\x02en\xfa&amp;\';\xc7\xe5r\xd94\x9a\x86\x86\xae\xeb.\x97+\';\'s\xd37\x8c\x83\xfc\x0fC\x00\xa8\r#\x0bD\x1d]\xe8\xbd\xb2w\xd7\xbe\x9f\x8f\xfe\x12\x16\x16\xc8\x1av]\xd7\xc3\xc2\xc2~&gt;\xfa\xcb\xde]\xfbX\xf9\xa7:,,\xcc\x01\xf9\x1f\xe2\xd4\xddKS\xf6\x12\x8dhz\xc9%\x97PfR\x14\xc5\x9c\xec\x9c\xbd\xbb\xf7\x07\xfb9\x15\xbb\xa3:\x8b\xbd\xbb\xf7\xd3\tN\x94k\xbd\xe4\x92K\x9c\x9a\xffa\x08\x00\xb5Ay\x18\xa3\xa7#\xd5\xb0{\x8a&lt;_\xaf\x0bp\'\x83s\xbd\x04\xd6ez\x8a&lt;F/I\xa3\x8f\xa6\x93\xde\x97\x8e\xd9\xbd4q/\xd1\x88\xa67\xdcp\x03+\xefc\xa3i\xda\xda\xcf\xbfr\x87\xe1\x0e\xe0|t]w\x87\xb9\xd6~\xfe\x15\xdd\xdcS\x90\xbe\xe1\x86\x1b\x9c\x9a\xffa\x08\x00\xb5D\xdd\xa1;w\xee\xcc\x82\xd9\xc9\xa0\xca^\x02\x9d;w\xb6W\xff\xe7\xf3sX\x16\xc8\xdc\xfc\x0f\xcd\xf2\xf7\xdcs\x8f1\x18\xc6\xd8\xba\xd5\x1b\n\xf2\n\\.WP\xbf\xb5\xad\xb9\\\xae\x82\xbc\x02zh\xc3x\xcb\xd1\xcb\xe8\xd4\xc0\x89\x00P+\xc6\xb3\xb8\xc1\xebgY]/I\xe39\xe4\xda\x7f\x0b+p\xde\xee\xa5\x89{\x89\xc6\xb7\x8b\x8e\x8e\xa6vU\xa2(\x1e=|l\xc7\x0f;#\x1c\xf1|u0\xa8\xaa\x1a\x11\x11\xbe\xe3\x87\x9dG\x0f\x1f\xa3\x9b{UU\xa3\xa3\xa3\x8d7\xa4\xd9\x03\x0c\n\x04\x80Z\tA?K\x1e\xce\xa5\xf3\xe7\x80\xddK\xd3\xf7\x12\x8d\xa6\xe5\x1d;vd\xe5\x87I\xe8\xba\xbev\xd5:\x17\xb2@\xd5\xd0u\xdd\x15\xe6Z\xbbj\x9d\xd1h\x9d1\xd6\xb1cG;6Z\xbfp\x08\x00\xb5\x15\xec~\x96&lt;\x9cKG\x8c,P\xe3\xc6\x8dm\xbd{Y\xe5^b\xe3\xc6\x8dC\xb9\x97Xe\xd3rd\x81\xce\xa3\xca\xfc\x8fM\x1b\xad_8\x04\x80\xda\n\xea\xa9&amp;\xa19K\xc4"\x8c,P\x97.]X\xf9\xba\xd5\x8e\xbb\x97\x15\xf6\x12\xcf\x9d\x19\xd7\xa5K(\xf7\x12\xe9\xd6055\x15Y\xa0\x0bQ]\xfe\'55\x9597\xff\xc3\x10\x00j\xef|Y\xa0\xa8\xda~\xd2TU\x8d\x88\xe2(\xffC\xb3\xfc-\xb7\xdc\xc2\xca;\xe70\x1b\xae[+\xac%+\\Th\xc6\x80,\xd0E\xe13\xff\xc3\x10\x00\x02\xa2\xea,\xd0gk\xca\xce\x96\xd1R\xa2\xc6t]/;[F{\x89\xcc\xd1\xf9\x1fb4K\xb0\xef\xba\xb5\xba\xb5d\xe8\x0f\xed\xa9.\x0b\x94\x9f\x9bo\xa3h\x1a\x1a.\x97+?7\x9f\xb7\xfc\x0fC\x00\x08\x88*\xb3@Y\xdf\xef(\xc8/l\xd8\xa8AtLtl\\L\r\xfe\x17\x1d\x13\xdd\xb0Q\x83\x82\xfc\xc2\xac\xefw0\xa7\xe7\x7f\x88\x91.\xb7\xef\xba\xb5\xba\xb5\xa4\xb1\xb1\x11\xb2\x91T\xce\x02\t\x82p\xf4\xf0\xb1=;\x7f\x0c\x8f\xb0\xd3\x9eJ\xb0i\x9a\x16\x1eQg\xcf\xce\x1f\x8f\x1e&gt;f\x1c\xb4\xc7C\xfe\x871&amp;\x9b=\x00\'\xf0\xcf\x02\x1d8p\x80&gt;\xf3\x9e"\xcf\x87o/m\x93t]qqI\xcd\xf6\xfd4M\x8b\x8c\x8c\xd8\xb1}\xa7\xa7\xc8#\x08\x02M\x8e-Z\xb4pj\xfe\x87P\x90KOO_\xb5j\x15\xf3[\xb7\x8e\xcc\x1bf\x8bZ\xa0\n\xf9\x1f\x9a\xf1\x8d\xb5d(\x9f\xda\xf3\xcf\x02\xadZ\xb5\x8a\xb6\xa3\x15E\xf9.\xf3\x87\xe4\x94\xf6\x9a\xe6q\xd2#\x84\xb5\xa1i\x9a\xcb\xed\xfe.\xf3\x07]\xd7eY\xa6\x00`\xe4\x7f\x9c\xfd*!\x00\x04\x86\xa6in\xb7;99\x99\x02\x80\xa2(\x8c\xb1\xe7\xc7M\x0f\xe0\xb7\xa0v\xf9\xc9\xc9\xc9\x94\xffqj\x00\xf0_\xb7z&lt;\x1e\xaa\x05\xa2,Pr\xa7vEE\x1e+_\xb8\xaa\xaa11\xd1\x99\x9b\xbe1\xf2?\x9a\xa6\x99\xb8\x964\x1e\x19\xa1hJ\xe1s\xf5\xca5O&lt;\xf3\x98\x95_\xc6\x10\x93$\xe9Li)\x15\xda\x19+\x0cz\xce\xc6\xf1\x01\xc0\xc9\xd7\x16z\x94\x9c1n\xae\xc5\x00\xa1\xafF_\x96\xbe\x85\x83\xd9z\xf7\xd2j{\x894\x80\xf6\xed\xdb\xbb\xddnJ!\n\x82\xb0w\xe7\x8f\xfbv\x07\xf1\xe8:{\xd1\xe8\xa0\xbd\xdd\xfb\xf7\x967Z\xa7\xc5\\\xfb\xf6\xed\x99C\xfb\xff\xf8s\xf8\xe5\x85\x8c\x7f\xaaW\x10\x04Y\x96\xa9h\' $I\x92eY\x10\x04\xff\xe4\xb8\xd9W\x1cD\xd5\xd7\xb0\x17Z|\xf7\xd2\xe5r\x15\xe4\x15Zg/Q4\xe3\xe8:{\xd1\x1cz\xd0\xde\x05r\xf8\xe5\x85\x0c\xd5\xb0GGG\xdfv\xdbm\xaa\xaa*\x8aR\x9b\xe2\x9f\xca\xe8\x0b\xdev\xdbm\xb4\xa1\xe7\xc8\x1d`Cu5\xecY\xdf\xed\xb0\xf2I\xf1\xaa\xaa\x86G\x84g}\xb7\xc3R\xb5\xe4U6-\x0f\xea\xd1u\xf6\xe2\xd4\x83\xf6.\x10\xf6\x00\x02l\xc0\x80\x01\xbf\xfe\xfak\xc0\xdf=\xf4\x05\x07\x0c\x18\x10\xc0\xafiY\xd5\xed^n\xdd\xf4\xcd-i)\x96\xcd\x02\xe9\xba\xee\x0eso\xdd\xf4\rm\xd1[d/Q,oZ&gt;v\xecX\x9f\xcf\xc7\x18\x13\xce\x1d]\xb7\xff\xeaVW\x95\x94\x94:~\x91{\x1e\x9a\xa6ED\x84\xff\xb8{\x9fq\xd0\x1ec\xcc\x19\x07\xed] \x04\x80\x80\xa1\xf5T\x87\x0e\x1d\xd6\xaf_\x1f\x82o\xe4lU\xee^n\xd9\xb8\xb5\xb4\xb8\xc4\xb2\x97/IRiq\xc9\x96\x8d[\x99\x95\xf6\x12\xfd\xb3@\xdf~\xfb-e&amp;)\x0b\xd4\xf6\x866^o1\x0f\xd3\\u\xfc\xf3?F\xfd\x0f?\xf9\x1f\x86\x14P\xc0Q\xe1G\x90Xv\xf1\x1bpU\xee^\xee\xda\xb1g\xdf\x9e\x03\xd6\xdc\xbd&lt;\xb7\x97\xb8\xe7\xc0\xae\x1d{\xac\xb6\x97\x88,Pu8\xcf\xff0\x04\x80\x80\xa3\xb2\xc5 qv\xea\xdf_\x95\xbb\x97\x8a\xcf\xb7&gt;c\xa35w/\xcb\xd7\x92\x1b\x15\xeb\xed%\x1aY * \xa6h\xbag\xe7\x8f\xfb\xf6\x1c\x08\x8f\xb0\xdfY\x0b\x81\xa2iZxD\xf8\xbe=\x07\x8c\xfc\x8f\xaa\xaa\\\xe5\x7f\x18\x02\x00X\x96\xbd\xd6\xadV^KVW\x0b\xb4\xee\xcb\xf5au\xc2L\x1f\x9eY4M\x0b\xab\x13\xb6\xee\xcb\xf5|\xd6\xff\x10..\x12\xec\xa8\xfau\xab\xe5j\xd8\xcb\xf3?\xfb-\xbb\x96\xac2\x9an^\xbf\xc5WVf\x85\xe1\x99B\x14E_Y\xd9\xe6\xf5[\x98\xf5bv\xc8p\xfa\xb3\x07\xeb\xabn\xddj\xc1\x1av\xcd\xf2\xb5\xe44\x86n\xdd\xba\x19\xd1\x941\xb6w\xd7\xbe\x9f\x8f\xfe\x12\x16\x16\x98\xa3\xeb\xecE\xd7\xf5\xb0\xb0\xb0\x9f\x8f\xfe\xb2w\xd7&gt;V~\x00\x91\xdb\xed\xee\xd6\xad\x1b\xb3F\xcc\x0e\r^\xae\x13\xec\xc8.Y +\xe7\x7f\x08\xc5\xa4&amp;M\x9a4i\xd2\x84F(I\x92\xa7\xc8\xf3\xf5\xba\x80\x1d]g/*\x1d\xb4\xb7.\xd3S\xe4\xa1\xca(\xff\xd7\x07\x01\x00\xc0|\xb6\xd8\xbd\xb4\xcb^b\x95\xa3\n\xe0\xd1u\xf6R\xe5A{\xc6;\xcd\xd4\xa1\x85\x14w?x\xb0\x11[\xec^\xdae/1\xa8G\xd7\xd9\x0bW\x07\xed\x9d\x9fU\xde\x9d\x00U\xaan\xf7\xf2\xec\x99\xb3\x9a\xa6)\x16\xa0i\xda\xd93g\xad\xbf\x97x\xbe\xa3\xeb8\xcb\x02\x9d\xcb\xffps\xd0\xdey\xe0I`\xb04c\xf7\xd2\xbf\x93\xc1\xde]\xfbrO\xe76m\xd2\xe4\x8c\xef\x8c`\xea\x12[\xd7\xb4:\xae:\x87\x8f\x1c\xd9\xbbk\x9f\x7f/\x01k\xee%\xaa\xe5G\xd7\xbd\xf4\xd2Kt\xa7\xc2\x18[\xbdrM\x9f\xc7\x1e\xe4*\x0bT9\xff\xa3i\x1a\x1d\xb4\xa7(\x8a,s4+\n\\\xdd\xfa\x81\x1d\xe9\xba\xee\xf3\xf9\xae\xbb\xee\xba\xfd\xfb\xf7\xd3\xb4\xa5\xeb\xfa\xdd\xe9w5o\xd9\xecL\xe9Ys\'YM\xd3\xea\x84\x87\x1d\xdc\x7f\xe8\xb3\xa5\x9f\x1b\x87\xf6\xb4l\xd9r\xe7\xce\x9d.\x97\xcbj\xc9\x04:Fb\xdb\xb6m\xf4|2\xbd\x92\x91Q\x91k\xbe\xfd\xbc\xf1\xa5\x8d\xcb\xca\xca\xac6\xe0`\xd0u\xdd\xedv\x9f\xf8\xedD\x97\xbf\xddU\xec-\xa6\x9f\x1acl\xeb\xd6\xad7\xddt\x93\x83O\xda\xa8\x12G\xb1\x0el\xca\xd8\xbd\xa4u\xab\xa2(\x8c\xb1\xcf\x96~n\xf6\xb8*\xa2\xec\x81\xa6i\xb4\x97h\xc1\xb5d\xe5\xa3\xebDQ\xa4,\xd0#\x8f\xf7)--\xb5\xda\x80\x83\xa1B\xfe\x87z\xb78\xfe\xa0\xbd\xeapt\xdf\x076UeV\x9d\xceH\xb0\x08c\xd6\xb0\xfe^\xa2\x91\x05b\xbc\xd6\x02UY\xffC\xf9\x1f\xae6B\x08\x17?r\xb05c\xdd\xda\xbcysQ\x14\xddn\xb7,\xcb\x96\x9a^\xe9\x08 \xb7\xdb-\x8ab\xf3\xe6\xcd\xad\xbc\x964\xa2\xa9\xd1\xb1\x8e1\xf6\xfd7\xdb\x0f\xfft\xb4N\xb8\xf3k\x81t]\xaf\x13\x1ev\xf8\xa7\xa3\xfe\xf5?\x82 X9f\x07\x95\xf3\xef\xf8\xc0\x01h\xdd\xda\xb5k\xd7Y\xb3f\x99=\x96?\xd1\xb5kWk\xe6\x7f\x88\x11M[\xb6l\xb9o\xdf&gt;#\x0b\xb43k\xd7\x95-\x9a\x9e)=c\xcd\xb8\x15(\xd4\xb4cg\xd6.\xff\xfc\xcfUW]e\xe5\x98\x1dTV|\x8f\x02T@\xf7\xe9\x83\x07\x0f\x8e\x89\x891\x8aA\xad\x86\x06\xd6\xa7O\x1ff\xbd\xfa\x1f\x7f\x14M\xd3\xd2\xd2(\x00\xd0_\xae_\xbd\xe1\xde\x07\xee1u\\\xa1"\x08\xebWo`\x8c\x19\x9b\xf6iiiV\x8e\xd9Ae\xd1\xcf\x12\x00\x04\t\x15\xba|\xfe\xf9\xe7\xdd\xbau3\xaa\xaa\xea7\xac\xff\xd5w_DEG)\x8a\xe2\xd4L\x88\xae\xeb\xb2,{=\xde\xdbn\xbc3\';\xc7\x08\x00+W\xae\xbc\xeb\xae\xbbx\xab\xff!\xdcE&lt;\xb0/:\xb0\xc9\xecQ\xfc\tz\xb0\xc8\xecQ\x9c\x0f\xad\xfa;u\xea\x94\x90\x90p\xf2\xe4I:\xc1"\';g[\xe6\xf7\xdd\xee\xbb\xb3 \xbf\xd0\xa9\xf3\xa0\xa6i\x11\x91\xe1\xebVo\xc8\xc9\xce\xa1\xc8\xa7iZBBB\xa7N\x9d\x98\xb5o\xda\x82\x07\x01\x00l\x83\xf6Z\xcd\x1e\x85\xed\t\x82@\xa7\xd5\xa7\xa5\xa5-Z\xb4\x88\xa6{M\xd32V\xae\xb9;\xfd.\xb3G\x17\\\x82(f\xac\\\xc3\xca\xa7{EQ\xd2\xd2\xd2\xa2\xa3\xa3\xf9\\\xfe3T\x01\x01p+==\x9d\x95wBf\x8c}\xbd&gt;\xf3\xd4\xf1Sn\xb7\xdb\x91iaz\xfe\xeb\xd4\xf1S_\xaf\xcfd\x8c\x19=\xb1\xe9E\xe0\x16\x02\x00\x00wh\xfd\xdb\xa1C\x87\x84\x84\x04\x9a\x07EQ&lt;\x9d\x9d\xb3-\xf3\xfb\x88H\xab\xb4Y\r,\xca\xffl\xcb\xfc\xfetv\x0e]&gt;\xe5\x7f:t\xe8\xc0x\xcd\xff0\x04\x00\x00\x0eQ\x16(&amp;&amp;&amp;--\x8d1FML\x19c\x19+\xd7\x98\xdb[)\xa8\xfc\xf3?\x94\xf0IKK\x8b\x89\x89QU\xd5\xe2\xdb6\xc1\xe3\xd8\x1f6\x00\xfc)N\xb2@\xc8\xffT\x07\x01\x00\x80G\xd5e\x81\xbeub\x16\x88\xf2?\xdf"\xffS\t\xbfW\x0e\xc03#\x0b\x94\x9a\x9a\xca\xfc\xb2@k?_+\x88\x82\xae\xe9\x8e\xa2\xe9\x82(\xac\xfd|-\xf3\xcb\xff\xa4\xa6\xa6r\x9e\xffa(\x03\x05\xe0\\\xaf^\xbd\x16/^l,\xf9\xb7\x7f\xf7_o\x917&lt;"\\\xd35\x819af\xd4\x99\xeev\xbb\xbdE\xde\xed\xdf\xfd\x971FW*\x08B\xaf^\xbd\xcc\x1e\x9a\xf9\x10\x00\x008EK\xfev\xed\xda\xc5\xc5\xc5\xe5\xe7\xe7\xd3\x93\xb1\xc7\x0e\xff\x9c\xb9\xf1\x9b\x1b\xda%y=\xc5\xa2\xe4\x84\x0c\x81\xa6jQ\xd1\x91\xdf\x7f\xb3\xfd\xd8\xe1\x9f\xa9]\x87\xae\xeb\xf1\xf1\xf1\xed\xda\xb5c|\xe7\x7f\x18ZA\x00\xf0\x8cza\xdeu\xd7]_|\xf1\x85$I\xb4\x15\x1c\x1e^\xc7\x1d\x16\xa6\xeb\x1as\xc4\x1d</t>
        </is>
      </c>
    </row>
    <row r="73">
      <c r="A73" s="1" t="n">
        <v>71</v>
      </c>
      <c r="B73" t="inlineStr">
        <is>
          <t>shape_size_grid</t>
        </is>
      </c>
      <c r="C73" t="inlineStr">
        <is>
          <t>What is the size of the missing part denoted by a question mark?</t>
        </is>
      </c>
      <c r="D73" t="inlineStr">
        <is>
          <t>['small', 'medium', 'large']</t>
        </is>
      </c>
      <c r="E73" t="inlineStr">
        <is>
          <t>small</t>
        </is>
      </c>
      <c r="F73" t="inlineStr">
        <is>
          <t>There are 9 shapes arranged in a grid with different sizes in the image, of which there is 1 missing shape. The first row is ['small pentagon', '?', 'small triangle'], the second row is ['medium pentagon', 'medium square', 'medium triangle'], and the third row is ['large pentagon', 'large square', 'large triangle'].</t>
        </is>
      </c>
      <c r="G73" t="inlineStr">
        <is>
          <t>We observe that the rows contain small shapes, medium shapes, and large shapes respectively. On the other hand, the columns contain pentagons, squares, and triangles respectively. Hence, the pattern is that the shapes within each column are the same, while each row progresses the size of the shapes.</t>
        </is>
      </c>
      <c r="H73" t="inlineStr">
        <is>
          <t>Based on the pattern that the shapes within each column are the same, while each row progresses the size of the shapes, the size of the missing square should be small.</t>
        </is>
      </c>
      <c r="I73" t="inlineStr">
        <is>
          <t>b'\x89PNG\r\n\x1a\n\x00\x00\x00\rIHDR\x00\x00\x02\x00\x00\x00\x02\x00\x08\x02\x00\x00\x00{\x1aC\xad\x00\x00^\xb6IDATx\x9c\xed\xddyxU\xd5\xb9?\xf0\xb5\x87sBF@\xa6\xe0\x84\xc1\xa0U\x08\x92\xa0R\x86\x0b\xc1\n\x89R\xe0\x02\th+\x83z\x81\xca\x10f\x08\r\xb9\x10geJ\xa5\xd7^*\xbf\xa2\xa5\x84\x18\xb4\x0eh\x85X\x82\x01\xa2\xa2M\xf4\xaa\x88$\r\xa2\xb5\x10Br\x86\x9c\x93\xf1\xec\xb5\xd7\xef\x8f\x97l\x8f@ \xf3I\xce\xfe~\x9e&gt;&gt;$\x85d\x9f}\xf6Y\xefZ\xefz\xd7Z\x92\x10\x82\x01\x00\x80\xf9\xc8\xbe\xbe\x00\x00\x00\xf0\r\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_\xe2\x9cs\xce}}\x15\x00\xbe!\x84\xd0u\xdd\xd7Waj\x92\x10\xc2\xd7\xd7`F\xf4\xe8+\x8aB\x7ff\x8cI\x92\xe4\xeb\x8b\x02\x00s\xc1\x08\xc0\x07t]\x97$IQ\x94\xb7\xdez\xebw\xbf\xfb\x9d$I\x92$a(\x00\xe6\xa1\xeb\xba\x10\xe2\xf3\xcf?\x7f\xfd\xf5\xd7\x19cx\xf8}\x05#\x80\xf6\xc69W\x14E\xd3\xb4U\xabV\xa5\xa7\xa73\xc6f\xcc\x98\xb1e\xcb\x96k\xaf\xbdV\xd34UU}}\x81\x00m\x8e\x1e\xf5\x84\x84\x84\x0f&gt;\xf8\xa0\xa4\xa4D\x96e\xea\x06\xf9\xfa\xbaL\x07#\x80\xf6#\x84\xa0\xd6\xbf\xb0\xb00666==]\x96eUU_}\xf5\xd5;\xef\xbc\xf3\xc0\x81\x03\xaa\xaa\xea\xba\x8e\xach\xdb\xa1\xb7\x80s\xae\xfd\x14\xe7\x1c=\xa1v\xc39WU\xf5\xc8\x91#o\xbd\xf5Vyy\xf9\xf3\xcf?/\xcb2\x1e{\x9f\xc0\x08\xa0\x9dP\xd3\xcf\x18\xdb\xb1c\xc7\xca\x95+\x9dN\xa7\xaa\xaa\x9a\xa61\xc6\x8c?\xac_\xbf~\xc3\x86\r\xac\xbe\x7f\xe4\xd3\xeb\xf5\x1f4\xdd"\x84P\x14\xe5\xca}L\n\x0f\xb2,\xcb2:FmE\x08!\x84\xf0x&lt;#F\x8c(((\x90e\xb9[\xb7n\xc7\x8f\x1f\xef\xdd\xbb7c\x0cw\xbe\x9d!\x00\xb4\x07j\xd0\x9dN\xe7\xca\x95+w\xec\xd8\xc1\x18S\x14\xc5\x08\t\xd4\xe80\xc6t]\x8f\x8b\x8b\xdb\xb6m\xdb\x80\x01\x034M\xbbj\x83\x05Wf\xb4\xfb\xc6w\xce\x9f?\xff\xddw\xdf\x95\x94\x94\x9c?\x7f\xbe\xb2\xb2\x92sn\xb1Xz\xf4\xe8q\xddu\xd7\xdd|\xf3\xcd}\xfb\xf6\xa5\xbfF\xef\x08n~[\xa0\xc7\xfe\x95W^\x993g\x0e=\xe1\x9a\xa6\xcd\x993g\xe7\xce\x9d\xc6\'\x02\xda\r\x02@\xdb\xa2\x81\xad,\xcbyyy\x8f&lt;\xf2Haa\xa1\xa2(\xc6h\xd7\xbb\xfeG\x08AC\x81\x1e=z\xbc\xf8\xe2\x8b\xd3\xa7O\xa7\x7f\x8e&gt;Q3P7\x93n]UU\xd5\xd1\xa3G\xdf{\xef\xbd\xbc\xbc\xbc\xa2\xa2"\x87\xc3q\xd9\x7f\x12\x1a\x1a:h\xd0\xa0\xc9\x93\'\xff\xeaW\xbf\xba\xe1\x86\x1b\x18n~\x1b\xa0\xf7\xc5\xe1p\x0c\x1c8\xb0\xb4\xb4\x94\xbe#I\x92\xc5b\xc9\xcb\xcb\x8b\x89\x891\xde5h\'\x02\xda\x8c\xc7\xe3\xa1?l\xd8\xb0\x81R:\xd4\xc1\x91\x95\x0b\x8f\xf8\xd4\x07\xff3i\xf5B\xfa3\xfd_F\x0fh\xf1\xe2\xc5\x15\x15\x15\xde?\x04\x9a\xea\xff\xfe\xef\xffV\xacX\xd1\xbf\x7f\x7f\xef\x07\x9e\xea\xaf\x14EQ\xeb)\x8a\xe2\xdd\xe8t\xeb\xd6\xed\xbf\xff\xfb\xbfkkk\x85\x1047\x00\xadE\xd34!DJJ\x8a\xf7\xa3N\x7f\x183f\x8c\xf1\x17\xa0\xdd \x00\xb4\t]\xd7\xa9\xe1&gt;s\xe6L\\\\\x1c=\xe8\xd4\xca(\xaa\xc2\x18\x0b\x0e\x0ezv\xdbSgkO\x97j?\xbc\xfc\xdaK\xbdz\xf74&gt;\t\xd4B1\xc6bbb\xf2\xf3\xf3\x85\x10\x9a\xa6Q6\x03\xae\x8as\xae\xeb\xfa\x89\x13\'\x12\x12\x12\x8cy\x14\x9al7JM\x08\xe5\xfa\x8d\xe2\x13\xba\xed\xc6?\x195j\xd4\x993gD\xfd\xfc\x01\xb4\x1c\xbd5\x85\x85\x85V\xab\xf5\xa2\x0c\x1b=\xf0YYY\x021\xa0}!\x00\xb4&gt;z\xd0\x85\x10\xaf\xbe\xfa*\xa5\x95\xa9Y\xa1F\x871vGL\xd4\xbbG\xde&lt;\xa7}\xff\xf5\x99\xcf\xbf\xfaw\xc1\x99\x9ao?)&lt;z\xdf\xe48\xef\xbfC\xff$44\xf4\xa5\x97^\xa2\x1f\x8b\x0fFc\xd0]\xfa\xf8\xe3\x8f\xa9e\xa1v\xdf\xbb}\xbflf\xdf{\x10@\x19\t\xc6\xd8\xe0\xc1\x83\xedv\xbb\xf1nB\x0b\xd1[\x93\x98\x98\xe8\xdd\xd7\xa1\xb7\x83n\xfe\x80\x01\x03jkkq\xc3\xdb\x13\x02@+\xa3\xa7\xdc\xe3\xf1,]\xba\xf4\xb2\xb9\x9d\x87\x1f\x9bUl;\xf1\xbd\xab\xe8\xf8\x99\xcfN\x96~y\xb2\xf4\xcb\xe3g&gt;;\xe5\xf8\xe6\x87\xaaS\xeb\x9eJ\xbe0J\xf8\xe9?y\xe0\x81\x07\xca\xca\xca\x04\xd2A\x8dCy\x9b)S\xa6H\x92D\x01\xe0\xa2\xa9\xc5\xa0\xa0\xa0&gt;}\xfaDDDDDD\xf4\xec\xd9\xf3\xa2~(\xa1\x180c\xc6\x0c\x81\xd0\xdb\x1a\xe8\x1e\x1e8p\xe0\xa2\xfb\xcc\xea\xe7\xc0\xa8\xc7\xf3\xd4SO\t\xdc\xf0v\x84I\xe0V#\xeaww(((X\xb0`\xc1\xb1c\xc7\x8c\xda\x1e\xaa\xf9\xe9\xd5\xbb\xe7\xc6?&lt;\x13?q\xbc\xd3QqQ\xc1\x03M\x0bw\xbf\xa6\xdb\xb1\xbcO\xd7&amp;\xa5~\xfd\xe5\tc\xaeX\x96e\xce\xf9-\xb7\xdc\xf2\xa7?\xfdi\xe4\xc8\x91\xc67}\xf4*;\x01\xba\xb7\x87\x0f\x1f\x8e\x8d\x8dUU\xd5\xe3\xf10\xc6\x82\x83\x83\xc7\x8c\x19\x13\x17\x177t\xe8\xd0~\xfd\xfau\xed\xda\xd5j\xb52\xc6\xaa\xab\xab\xbf\xff\xfe\xfb#G\x8e\xec\xdc\xb93??\xdf\xbb \x9d\xe6\xe4\x0f\x1e&lt;x\xcf=\xf7\xa0@\xa5%\xa8\xad\xd1u}\xd0\xa0A\x85\x85\x85F\xd5\xc3\xe0\x98Aw\x8f\xb8\xeb\xa5m\x7f\xa2\xa7]\x92$\x94\x84\xb67\x1f\x06\x1f\x7fb\xf4Y^z\xe9\xa5\xd0\xd0PV\xdf\xa31r\x9d\xa3\xc6\x8e&lt;\xf6\xcd\x9135\xa7\x8f\x9f\xf9\xec\x9bs_P\xdf\xff\xa2\xff\x1d?\xf3\xd9\x0fU\xc5_\x9f\xfd|\xfa\xcc\x04zw\xbc\xd3A\xaa\xaan\xdd\xba\xf5\xa2_\x07\x97E\x83\x80\xbb\xef\xbe\x9b1\x16\x13\x13\xb3e\xcb\x96o\xbf\xfd\xf6\xca\xffD\xd34Z\x84a4\xf4\x94/\x9a&lt;y\xb2\xc0lp\xcb\xd0\xe3\xfa\xfb\xdf\xff\x9e\xfdtt\xfb\xf2k/}\xeb&lt;yC\xbf\xeb)\xf3I\xdf\x9c3g\x8e\xc0\x13\xde^0\x02h\x05T\xe6_^^\xbeh\xd1\xa2\xcc\xccL\xe6U\xe6O\xff]\xfb\xf8\xaayK\xfeK\xf3h\xd5\xd5\xd5W^\xe1\xc55n\xb1ZBB\x83_\xf9\xe3_\x9e\xfc\xed3nW\xa5\xa2*\\\xe3F\xcf4..n\xe7\xce\x9d}\xfb\xf6\xc5B\x81+\xa0\xdb\xfe\xc1\x07\x1f\x9c={\xf6\x81\x07\x1e\xa0\xbbD\xab\xac\x8dI`\xe3/\x0b!\xa8\xe2S\x96\xe5e\xcb\x96\xa5\xa7\xa7\xd3\x1b\'I\x92\x10\xa2[\xb7n\xff\xfc\xe7?{\xf4\xe8!\x84\xc0\xddn\x06jh\x9cN\xe7\xcd7\xdfL5\xb84\xa8\x8d\x9f4~\xfb\xee\xff\xb1Z-\xaf\xfc\xf1/\xc9\x8b\xd7\xd1=\x97e\x19%\xa1\xed\t\x01\xa0E\x8c\x84\xcc\x81\x03\x07\x92\x92\x92\xbc\xcb\xfceY\xe2\\\xbf\xa9\x7f\xbf\x8d\x7fxv\xf4/F\xd9\xcal\xacq\xa3Zj\x8f\xba_\xd3\xfd\x9b\xe3\xdf\xac\xf8Mr\xc1\'\x9f\xd1\xcf\x14\xf5\x0b\x05\xfa\xf6\xed\xbbs\xe7N*.B\xadzch\x9av\xd5\xf5\xbd\xf4\xaeUTTDFF\x96\x97\x97S\xebO\xff=|\xf8\xf0\x7f\xfc\xc7\x7f \x0b\xd4&lt;t\xdf\x16-Z\xf4?\xff\xf3?F+\xaf\xa8\xca\xbbG\xde\xbc\xf5\xf6[\xdc.wpHpb\xdc\x83\x9f~\x94o\xac\x8b\x1c3f\xcc\x07\x1f|\x80\x1b\xde\x0e\xd0v4\x9f\xd1\xac\xa4\xa5\xa5\xc5\xc7\xc7\x17\x16\x16\xaa\xaaj\xf4\x1c9\xd7\xa7\xcfLx\xf7\xe8\x9b?\x1fuwYiY\xe37\x18\xa0z\x15[\xb9\xad\x7fdD\xd6\xfe\xdd\x0f?6\x8b\xf2\x0f\xb4\x85\x9c\xa2(g\xcf\x9e\x8d\x8f\x8f_\xb6l\x19]\x00m#\x01\x97\xd2u\x9dn\x9dQ\x0bt\x05\xb2,S\x7f\x7f\xe4\xc8\x91\xac&gt;T\xd3\x7f\xff\xf5\xaf\x7f\xb1\xfaU{\xd0$\xd4A\xc9\xcf\xcf\xdf\xbe};u\xfc\xa97\xf3\xe8\x829\x83c\xa2\xdc.\xb7$I\x16\x8b\xba$y1-\x8e\xa1\xbf\x90\x9b\x9b\xbbw\xef^\x8a\x16\xbe~\x05~\x0e\x01\xa09\x84\x10\x94\xf6)**\x8a\x8f\x8f\xdf\xb0a\x03\xb5\xef\xf4M]\xd7CB\x83\x9f\xdd\xf6\xe4\xefvl\xb2\x06X]\x15\xaefl\xec\xa3\xaajUe5\xd7\xf8\xb3/&lt;\xb9m\xe7\xd6^\xbd{\xd2\x16Z\xc6f5\xe9\xe9\xe9\xb1\xb1\xb1EEE\xf4M4O\x97\xa2\xb4r\xe3\xf36\x94\xac\xe8\xd7\xaf\x1f\xab/M\xa1\xff\xba\\\xae\xb6\xbbH\xffF\xa3\xa8\x15+Vh\x9aF\x997]\xd7{\xf6\xee9w\xf1#\x95\xaeJZ\x91\xe7\xb0;\xc7\xdd\x7f\xcf\xc4\xa9\x13\xa8\xf5\xa7\'9%%\xa5\xae\xae\x8e\xfaR\xbe~\x11\xfe\x0c\x01\xa09\xa8\xbe0++k\xf8\xf0\xe1\xc6.\x9e\x94\xb2\xd44-\xe6\xee\xe8}\xb9\x7f\x9d=o\xa6\xdd\xe6\xe0Z\xf3\x87\xb1\xb2"\x0b!\xca\xce\x97\'\xfcz\xea;\x87\xdf\x185v$}\x8a\x18c\xba\xae\xab\xaa\x9a\x97\x977|\xf8\xf0\xcc\xccLL\x06\xb4\x96\xcb\xb68HD4\x0f5\xe8{\xf7\xee\xcd\xcd\xcd5\x92?B\x88\x15\xeb\x96^\x7f\xe3u555\xc6"\x80\xea\xaa\xea\xa45\x0bC\xc3B)\x06S\xd7j\xd3\xa6M\xd8%\xb4\xad!\x004\r%\xe8\xcf\x9e=\xbbd\xc9\x92\x193f\x94\x97\x97\x1b\x99\x19\xfa\xbf\x92V/|\xf5\xbd\xbf\xf4\x1f\xd0\xdfVnky\xbbL\x91\xc6Vf\xeb\x15\xdek\xf7\xdb;\x97\xacYD\x1f\t\xe3\x97\x96\x97\x97?\xf8\xe0\x83s\xe7\xce={\xf6,\x05\xa1\xd6z\xa5&amp;Do\xd6\x993gX}\xc2\x87\xfeKk\x05\x10b\x9b\x84\xfa\xfeuuu\xb4\xf1\x03\xe509\xe7w\r\x1f\xfa\xab\x87\xa7\xdb\xca\xed\xde\xeb\xb4\xdd\xee\xca\xc11Q\xb3\xe7=d\xd4L\xcb\xb2\xbcy\xf3\xe6\x92\x92\x12\x1a4\xf8\xf4\xa5\xf83\x04\x80\xa6\xa1Gs\xff\xfe\xfd/\xbc\xf0\x02\x95\tR\xd2\x9fs\xde\xb3w\xcf\x97_\x7f)\xe5\xe9d\x9d\xebU\xee\xaaV\xdc\xcfYU\xd5\xda\x9a\xda\xaa\xca\xea\x94\xa7\x933\xff\xf6\x97~\x117\x1a\xbf\x94\x96\xad\xee\xd8\xb1c\xff\xfe\xfd\x94cm\xad_j64\x80\xab\xad\xad\xfd\xc7?\xfe\xc1\xea\x9b~\xba\xc37\xdf|3C\x00h"\xca\xfeo\xda\xb4\x89\xb2\x94\x17*#\x14yI\xf2bUU/\xea\xa9\xa8\xaa\xea\xb09\xe6%=j&lt;\xdb\x92$\xd9l\xb6\xb5k\xd7\xd2\xa0\xc1G/\xc2\xff!\x004\re\x03\xee\xbb\xef\xbe\xee\xdd\xbbSkK\xf3\x84\xe3\'\xdc\xfb^\xde[\xe3\'\xdc[VZ&amp;\x840\xb6{k-\x94\xf7/-9?\xfc?\x86\xbd\xf5\xc1\xeb\xe3\'\xdck\xfcjM\xd3\xbau\xebv\xdf}\xf71$+Z\x80\xda\x9d\xd7^{\xed\xfb\xef\xbf\xa7\x89JZ\xc3q\xd3M7\xddr\xcb-\x0c\x01\xa0)\xe8\xee\x95\x94\x94l\xde\xbc\x99\xfa%4S5q\xea\x84q\xf7\xdf\xe3\xb0;/]\x0c\\WW\xd7\xe7\xda&gt;\x0b\x96\xcf\xa7\xa1\x03\xf5\xb4\xf6\xec\xd9s\xd1\xea&lt;h]\x08\x00MC\x03\xd2\xf0\xf0\xf0\x11#FP\x9f\x91z(\xb7\r\xfaY\xff\xc8\xfee\xe7\xcb\x1b\xdam\xa6UX,\xaa\xad\xdcv\xfd\x8d\xd7\xde6\xe8g\xde\xbf}\xe4\xc8\x91\xe1\xe1\xe1T\xe4\xdeF\xbf\xda\xbfQ\x0bUZZ\x9a\x9c\x9clL\x03\xd0\xbdMLL\x0c\x08\x080f_\xa01\xa8\x11ONN\xb6\xd9l\xc6\xacUHhH\xd2\x9a\x85\xd5U\xd5\x97\xad\xc8\xa2T\xe7\x8c\xd9\x89w\r\x1fJ\x93\x07\x92$\xd5\xd6\xd6\xaeX\xb1\x02S\xc1m\x07\x01\xa0\xc9\xa83B{Z\x19_f\xbf\xfb\xbe\xd3\xe1\xa0\xdd\x05\xda\x94\xd5j\xadpTd\xbf\xfb\xbe\xf1\xab\x8d\x8bA/\xa9y\xa8\xb9\xa9\xac\xac\x9c6m\xda\x0f?\xfc@1\x9ez\x9daaaIIIX\x91\xd4$\xc6V\x1c\xbbv\xed\xba\x90\xd0Wd]\xd7\xffk\xd1\xc3Q\xd1\x83*+\xab\x1a\xba\x99B\x08\x94\x84\xb63&lt;\xd6MF\xa3\xd7q\xe3\xc6\x05\x05\x05Q\xfd\xa5$I\xc5\x85\xdf\x16\x9e\xf8g``\x976m\x85u]\x0f\x0c\xecRx\xe2\x9f\xc5\x85\xdf\xd6\xaf6\xe0AAA\xe3\xc6\x8dc\xc8\xff4\x8b1\x97~\xff\xfd\xf7\x1f=z\xd4X\xc7G\x7fx\xfe\xf9\xe7\xaf\xbb\xee:\xac\xb6k*\xceyjj\xea\x8f\x9bYi\xfc\xa6\xfe\xfd\x16,\x9fo\xf7\x9a\xfb\xbd\x14JB\xdb\x1f\x1e\xeb&amp;\xa3\x1eb\x9f&gt;}\xa2\xa2\xa2X}\xb1y]]]\xce\x81\x0f\xba\xb4}\x00\xe8\x12\xd8%\xe7\xc0\x07uuu\xc6\x0e\xc6QQQ}\xfa\xf4A\xfe\xa7\x19h\xdd\xc6?\xff\xf9\xcf\xb1c\xc7\x1e&gt;|\x98\xf2\xd4\x8c1\x8b\xc5\xe2\xf1x\xe6\xce\x9d;\x7f\xfe|\xacGm\x12\n\xa8\x19\x19\x19\x87\x0f\x1f6v\xd4`\x8c-]\xbb8$,\xe4\xaa\x8b\x16Q\x12\xda\xce\x10\x00\x9a\x83\x8a\xd5\x12\x12\x12\x98W\xe5x\xf6;\xefWWU\xb7ic\xa1(JuUu\xf6;\xef\xb3\xfa4+c,!!\xc1\xfb\x98Ih$\xca\xfb\xe7\xe4\xe4\xfc\xc7\x7f\xfc\xc7\x97_~I\x95\xb5Tw\xeb\xf1xf\xce\x9c\xb9}\xfbv\xe3\xb8fh\x0c\xca\x95UTT\xa4\xa5\xa5\xd1\xe7\x82b\xc0\xdd\xc3\xefL\x9c9\xd5is^\xb54\x0e%\xa1\xed\x0c\x0fwsP\xa30i\xd2$\xab\xd5J\xe7WH\x92t\xfc\x8b\x13\xdf\x1c?\xd9vY \xca\xff|s\xfc\xe4\xf1/N\xd0\'\x81sn\xb5Z\'M\x9a\xc4\x1a\xb7\xcb\x10\x18\xa8_\xff\xbf\xff\xfb\xbfqqq%%%FCCg\x94/^\xbc\xf8\xcf\x7f\xfe35g\x18W5\x1e\xe5\xca\x9e{\xee\xb9\xe2\xe2b\xea\xb0\x0b!\xacVk\xf2\x13\xab\xb8\xa6\xb3\xc6\xddH\x94\x84\xb6\'\xb4\x1a\xcdA\x0fwdd\xa4\xb1g\xa1\xa2(\x1e\x8f\'\xe7@n\xdbe\x81\xea\xf3?\xb9\x1e\x8f\x87\xf2?B\x88\x98\x98\x98\xc8\xc8H$\xa9\x9b\x84Z\xff\r\x1b6&lt;\xf6\xd8c\xd4\xee\x1b{\xd4P\xde\xff\x85\x17^0\xf6\r\xf5\xf5\xc5v\x1a\xd4a\xa7t\r\x05T*\xff\x9f0\xe5\xbeQcG\xb8*\\\x8d\xdf\x0b\x0b%\xa1\xed\x06\xadF3Q\x9b;m\xda4\xd6^Y\xa0\xcb\xe6\x7f\xa6M\x9b\x86\x8fD\x93P[\xff\xe4\x93O\xa6\xa5\xa5QF\xc2H5\xf4\xe8\xd1\xe3\xed\xb7\xdf^\xb5j\x95\xb1q\x8d\xaf/\xb63\xf1\x9e\xb0e\x8cI\x92\xc4u\xde\xb5[\xd8\x9a\r+\\\x15\xee&amp;}(P\x12\xdan\x10\x00\x9a\xa9\xe1,Pa`P`\xab\xb7\xc8\xba\xae\x07\x06\x05~s\xbc\x10\xf9\x9f\x96\xa0\xd6\xe4\x8d7\xdeHMM56\xd1\xa3?\xdcz\xeb\xadG\x8e\x1c\x998q"\xcd\x0c\xa3\xf5o\x92KK6eY\x16\xbaHZ\xbd0"\xf2\xa6\x9a\xea\x9a\xa6\xdeO\x94\x84\xb6\x0f4\x1c\xcd\xd4P\x16\xe8\xe0{9\x01]\x02\xda"\x00\x04t\t8\xf8^\x0e\xf2?\xcdFo\x93\xddn_\xb0`\x01\x05Qc\x93\xed\xa1C\x87\xe6\xe6\xe6\xdev\xdbm\xd4\xfa\xfb\xfaJ;\x19\x1a\x8fj\x9af\xf4\xd0eY\xd6u\x1e\x11y\xd3\xac\xf9\x0f9\xecW\x9f\xfb\xbd\x14JB\xdb\x07\x1a\x8e\xe6\xbbl\x16\xe8p\xceQO]]\xab\xb7\xc8\xb2,{\xea\xea\x0e\xe7\x1ce\xc8\xff4\x17\xcd(\xee\xd8\xb1\x83f}\xe9\xed\xe3\x9c\x0f\x1c8p\xff\xfe\xfd}\xfa\xf4\xa1\xb4\xb5\xaf/\xb3\xf3\xa1;\xb9}\xfbv#G/I\x92\x10l\xddSk\x83\x82\x02\x9b\xdd[GIh;@\x00h&gt;#\x0b\x14\x10\x10@Y \xc6\xd8\xd7_~\xf3\xfd\xe9\x7f\x05\x04\x04\xb4b\x0fE\x08\x11\x10\x10\xf0\xfd\xe9\x7f}\xfd\xe57\xac\xfe\x9c\x93\x80\x80\x00\xe4\x7f\x9a\x84z\x91\x99\x99\x99\xde\xa7}\x85\x84\x84\xbc\xfe\xfa\xeb={\xf6\xa4\x02v__c\xe7c\x8c\xabRSS\x8d\xadj9\xe7#\xc6\x0c\x1f\xff\xcb_8\x1d\x154Zm\x06I\x92\\\xae\xca\xa8\xe8A\xb3\xe6\xfe\x1a%\xa1m\x04mG\xf3\xd1\x93\x1d\x19\x199h\xd0 z^\x15EqU\xb8\x8e\x1c\xcc\x0b\nn~\xc7\xe7R\x9c\xf3\xa0\xe0\xc0#\x07\xf3\\\x15.\x9a\x10\x13B\x0c\x1a4(22\x12\xbb\x144\x12uK\xff\xfd\xef\x7f\x9f8q\x826\xee\xa6x\xb0x\xf1\xe2[o\xbd\xd5\xe3\xf1\xa0\xef\xdf&lt;tcSSS\xedv\xbb\xb1\xedO@\x97\x80\'6\xfd\xb7,\xcb\xaaE\xb5\xb4@``\x17\xb7\xcb\xbd`\xc5\xfc\xfe\x91\x11\xc6\xcc&lt;JB[\x11\x1e\xfa\x16\xa1\xa4\xc1\xd8\xb1ci\xf0KO\xe4\xfe}\xd93\xe7\xfeJ\x92Z\xad]\x96$\x99s\xbe\x7f_6}I\xfd\xac\xb1c\xc7\x1ag\x90\xb5\xd6/\xf2c\xf4\xd6\x9c&gt;}\xba\xba\xba\x9a\xda)\xeaN&gt;\xf8\xe0\x83\x98Di6\xbau\'O\x9e\xa4\x13\x1f\x8d\xac\xda\xaf\xe6\xcc\xb8\xfe\xa6\xeb\xbf?\xfd\x83\xaa\xaa\x8c\xb5\xa4\x99\x964\xcd\xd3\xb3W\x8f_?\xfa\xe0\x13k\x9f6\xb6i\xda\xb3g\xcf\xa2E\x8bbbb\xf0\xde\xb5\x10\xe6RZ\x84\xa6\xa7\x8e\x1d;6b\xc4\x08V\x7f\xa6`pHp\xf6\xc7\xef\xf4\xbd\xae/\xcdV\xb5\xf0W\xd0R\x9a\xb3\xff&gt;;\xfe\xe7\xbf\xactW\x1a\xe5\x89\x1f~\xf8\xe1\xb0a\xc3\xb0QA#\xd1\x8dz\xf3\xcd7\xa7L\x99b\x9c\xde\x13\x1e\x1e^TT\x14\x12\x12bL\xab@\x93\xd0]\x8d\x8b\x8b\xcb\xce\xce\xf6.\xce\xe9\xd6\xbd\x9b.t&amp;\x04k\xe4\xea\xaf\xab\x10L\x92*\x1c\x15\xf4\x05\xfd"\x1c\x1c\xdf*\xd0yl\x11jJ\xa2\xa3\xa3###\x0b\x0b\x0bi\x7f\xe6Jw\xe5\x91\x9c\xbc9\xbf\x99Y]]\xdd\xf2\xee\xf9\x85\xfcON^\xa5\xbb\xd2h\xb9n\xb9\xe5\x96\xe8\xe8h*bi\x95\x17\xe2\xf7\xa8\xa3S[[\xab\xaa\xaaq\x1b\xfb\xf4\xe9\x13\x14\x14\xe4\xebK\xeb\xac\xa8\xf1\xcd\xce\xce\xbe\xa8\xf5g\x8c9\xec\x8e\xb6\xfe\xbdT\x12\x9a\x98\x98\x88\x18\xd0\x12\x18=\xb5\x14\xd5\xe3O\x9e&lt;\x99y\xcd\xc7\xee\xdf\x97\xcd9o\x95,\xd0\xa5\xf9\x1f\xc6\xd8\xe4\xc9\x93i\xfdA\xcb\x7f\xbe\xa9TWWk\x9aV[[[WW\xa7i\x9a\xd3\xe9\xa4\xfb\x89\xee\x7fS\xd1\x98\xc9\xe3\xf1,Y\xb2\xc4\xb8\x87\x06\xb9\rx\xff|\xfau\xeb\xd6\xad\xf3x&lt;(\tm\t\x8c\x00Z\xca\xa8\xc8\xdc\xbcy\xb3q*\xef\xa7\x1f\xe5\x9f.\xfe\xae\xe5Y !D\x97.\x01\xa7\x8b\xbf\xfb\xf4\xa3|V?\xe1\xe6]{\xdaJ/\xc2\xffQ#u\xe7\x9dwn\xd8\xb0\x81\xee\x9b\x10\xa2O\x9f&gt;\xbe\xbe\xae\xce\x8af\xd1\x9fx\xe2\x89o\xbe\xf9\xe6\xd2\xff\xb7\xad[d\xea\xfa\x14\x16\x16&gt;\xfd\xf4\xd3\xeb\xd7\xaf\xc7 \xa0\xd9\x10&lt;[\x81\x10\xc2\xe3\xf1DEEQ\x16\x88v/y\xf6\x85\'\xe7&lt;6\xb3\xfc\xbc\xad%Y M\xd3z\xf4\xba\xe6\xe5?\xecJNZ\xe7\x9d\xff\xf9\xf2\xcb/-\x16\x0b\x02\x00\xf8\x04u\xff\xcf\x9f??|\xf8p\xbb\xdd\xce\xda\xbe\xc5\xbf\x14=\xfc\xdd\xbbw\xff\xe8\xa3\x8fz\xf5\xea\x85Y\x9c\xe6\xc1\x08\xa0\x15\x18Y\xa0\x8d\x1b7\xfeX\x0b\xf4v\xf6\xaf\x1e\x99!\x84hI\xa2F\x08QW[\xb7\xff\xed\x9f\xd4\xffP\xfe\x07\xf5?\xcd@\xdb\xbdy\x7f\x07\xf7\xb0\x19\xa8\xa9\r\x0b\x0b\xfb\xe4\x93O|X\x8eIEA\xc1\xc1\xc1\x0c\xa3\xe1\xe6\xc2\x08\xa0\x15\\\xb6\x16(\xack\xd8\xd1\xafr\xc2\xfb\xf6\xa9\xad\xad\x93\xe5\xe6&lt;\x9d\xba.\x02\x02\xac%g\xcf\x8d\x1atO\x85\xb3\x02\xf5?\xad\xc5\x88\x01\xa8 \x04\x93C\xf7\xa7\x15\\Z\x0b\xc4\x18sU\xb82_\xd9;d\xe8\xe0+\x1c\x82ze\xba\xae\x07\x07\x07}\x9e\xff\x85\xab\xc2E\xad?\xea\x7fZ\xc8\x98D\xa1/)T#\x0c4[G\xe8&gt;\xa2\xef\xdf\x12\x08\x00\xadC\xd7u\xab\xd5:r\xe4H\n\x00t\xf4\xdd\xd3\xeb\x9ek\xc5_A\xdb\xd7\x8c\x1c9\x92\xea\x7f\x10\x00\x9a\xcah\xeb\xff\xf5\xaf\x7f\xd9l\xb6k\xae\xb9\xe6\x86\x1bn0\xb6\x85\xf0\xf5\xd5uJ\xb8o\x9d\x1d\xfa&gt;\xad\x89\x8as\xbc3\x0c\xad\x82~\x1a\xfdX\xfa\x15\xd0T\xd4\xca\x7f\xf1\xc5\x17\xe3\xc7\x8f\xbf\xed\xb6\xdb\xa2\xa3\xa3o\xbb\xed\xb6\xfb\xee\xbb\xef\xab\xaf\xbeB\x1d!\x98\x16\x1e\xfd\xd6Q\xbfw\x95\xeb\xd6[o---m\xf56\x85~`\xef\xde\xbdO\x9e&lt;\x19\x1a\x1a\x8aNk\x93\xd0{QRR2d\xc8\x90\xd2\xd2R\xef\xff\xabw\xef\xde\x9f}\xf6Y\xdf\xbe}\x91\x0b\x02\x13\xc2\x13\xdf:\xa8\xf4344\xf4\xde{\xef\xe5\x9ck\x9a\xc6[\x15\xfd\xc0{\xef\xbd744\x94\xb65\xf6\xf5+\xeeL\xe8\x8eeee\x95\x96\x96\x06\x04\x04\x18\xeb\x89\x02\x02\x02JKK322\xb0\xb5$\x98\x13\xe6\x00Z\xd9\xbcy\xf3~\xf8\xe1\x07\xb9\xb5\xf7+\xa7\x1f8o\xde\xbcV\xfc\x99fs\xe2\xc4\t\x8a\xd3\xc6\xe0\x8c\x02\xc3W_}\xc5\x90\xce\x06SB\x00h54+;j\xd4\xa8\x9c\x9c\x9cv\xf8E\xd0x\xd4\xb8{&lt;\x9eK\xf3r\xb4\x88\xcf\x17\x17\x05\xe0{\x08\x00\xad\x8c*\x0b\xdb\xe8\x87\xe3\xa4\xf2\xe6\xa1w\xa4o\xdf\xbe\x17\xdd@\xfa\xf2\xba\xeb\xaec\x1d\xa3\xa2\x11\xa0\x9da\x12\x18\xfc\x1f\xed\x1a\xff\xc9\'\x9f\x0c\x1b6L\x92$UUiA\x00\xa5\x83&gt;\xfc\xf0\xc3\xe1\xc3\x87cgy0!&lt;\xf1\xe0\xffh\x06\xe5\xee\xbb\xef~\xe2\x89\'(\xe7C\xf3\xea\x8c\xb1\xa7\x9f~\x1a\xad?\x98\x16F\x00`\x16\xd4\xca\x1f;vl\xdf\xbe}g\xcf\x9e\xed\xdb\xb7\xef\xe4\xc9\x93\xef\xba\xeb.\xb4\xfe`Z\x08\x00`"\x97\xb6\xf5h\xfd\xc1\xcc\x10\x00\xc0\\hCPZX\xe7\xbd\xd0\x1a\xc0\x84\x10\x00\x00\x00L\n\xdd\x1f\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_\x12B\x08!|}\x15\x00\xbe\x81\xe7\xdf\xe7\x10\x00|F\x08!I\x92$I\xba\xae\xfb\xfaZ\x00|\x80\x9e\x7f__\x85\xa9!\x00\xf8\x86\xa6i\xd4\xf4\xbb\\.Y\x965M\xf3\xf5\x15\x01\xb4+!Dmm\xad\xdb\xed\xc68\xc0\x87\x10\x00\xda\x9b\x10B\xd34UU\xcf\x9e={\xef\xbd\xf7\x0e\x192\xe4\xc3\x0f?TUU\xd7u\x0c\x05\xc0$\xa8\x03\xb4}\xfb\xf6\xd9\xb3gc\x10\xecC\x12bo{\xd2u\x9d\x86\xbdYYY\xcb\x96-;s\xe6\x0ccLU\xd5u\xeb\xd6\xad_\xbf\x9e1F\xb1\xc1\xd7\x97\t\xd0\x86\xa8\xcb\xefv\xbb\xa3\xa3\xa3O\x9d:UPP0d\xc8\x10!\x84,\xa3?\xda\xdep\xc7\xdb\x0f\xe7\\\x96e\xce\xf9\xb2e\xcbf\xcc\x98q\xe6\xcc\x19EQ(\xff\xb3a\xc3\x86\xf8\xf8\xf8\xb3g\xcf\xaa\xaa\xaai\x1a\xa22\xf81]\xd7eY~\xfe\xf9\xe7O\x9d:\xc5\x18[\xb6l\x99$\xa1\'\xea\x1b\xb8\xef\xedA\x08\xa1\xeb\xba\xa2(\x05\x05\x05\x0b\x16,8v\xec\x18uv\x8c\x9b\xaf(\x8a\xa6i}\xfb\xf6MOO\x9f&gt;}:\xab\xff\x90\xf8\xf2\xa2\x01\xda\x00=\xd8EEE\x83\x06\r\xa2D\x10\xe7&lt;+++11\x91s\xae(\x8a\xaf/\xd0\\\xd0\xc4\xb49\xce\xb9$I\x8a\xa2\xec\xd8\xb1#66\xf6\xd8\xb1c\x94\xf1g\xf5caI\x964MS\x14\xe5\xec\xd9\xb33f\xccX\xb6l\x99\xa6i4V\xf0\xf5\xb5\x03\xb42\xea\xf4\xa4\xa4\xa4\xd4\xd5\xd5\x19\x1d\xff\x8b\xbe\x84v\x83\x00\xd0\xb6\xa8e///\x7f\xf0\xc1\x07\xe7\xce\x9d\xebr\xb9\xa8\xb3\xaf(\x8a\xae\xeb\x16\xab\xa5{\x8f\xee:\xd7\x15E\xa1\x04\x91\xa2(\xe9\xe9\xe9\xb1\xb1\xb1\x85\x85\x85\xf4M|$\xc0oP\x1f?77w\xef\xde\xbd\xf4x\xd3\xc8\xb8\xa8\xa8h\xd3\xa6M\xb2,c6\xb8\x9d!\x00\xb4\x15\xaa\xeaQU5//o\xc4\x88\x11\x99\x99\x99\x8a\xa2P\xc1\x03=\xfa\xb7G\xdd\xf6\xc6\xdf\xb3\xb2?~w\xd4\xd8\x114J`\x8cq\xce\xe9\x9f\xdc}\xf7\xdd;v\xec\xa0\x7f\x82\xa1\x00\xf8\x01Z\xf8R[[\xbbb\xc5\n\xef\xce&gt;%\x856o\xde\\RR\x82\x18\xd0\xce\x10\x00\xda\x04\xe5pdYNKK\xa3\xee\xbc\xaa\xaa\x9csI\x96\x84\x10\x9c\xf3\x193\x13^\xcb\xdesGLT\xf7\x1e\xdd2\xf6\xfdy\xddS\xc9\xf4\xe8+\xea\x85\xf1\x81\xd3\xe9\x9c;w\xae\xf7\xa0\xc1\xd7\xaf\t\xa0E\xa8\xa1\xcf\xcc\xcc\xcc\xcf\xcf\xa7\xa7]\x92$\xfaDH\x92d\xb3\xd9\x92\x93\x93\x91\x05jg\xb8\xdd\xad\x8c\xdaw*\xf3\x7f\xf8\xe1\x87\x0f\x1c8\xc0\x18\xa3\xc7\x9d*|\xbav\xeb\xfa\xc4\x96\xf5\xd3\x1e\xfc\xcf\xaa\xaajO\x9dG\x92d\xc6\xc45=\xaf9|\xf0\xe8\xca\xdf\xac\xf9\xee\xdb\xef\x15E\xd6uA\xff\x8as\x1e\x13\x13\xf3\xe2\x8b/\x0e\x1b6\x8czF\x98\x19\x86\xce\x88\xa6\xbb\x9cN\xe7\xed\xb7\xdf^ZZz\xe9\xe2/EQ\x84\x10\x87\x0e\x1d\x1a=z4f\x83\xdb\rZ\x93\xd6Dm\xb4\xaa\xaaYYYC\x87\x0e=p\xe0\x00\x15\xf5S\x8d\xb3\xa6i1wG\xbf\x99\xb3w\xfa\xcc\x04\xa7\xa3\x82k\\Q\x14Y\x96dY.;W6b\xf4\xb07\x0f\xed\xfd\xe5\xd4\xfb9\xd7\xa9OD\x1f\x83\x82\x82\x82Q\xa3F\xa5\xa7\xa7\xd3\x90\x02\xe9 \xe8\x8c\xa8\xfb\x9f\x9a\x9aZRRB\xdd|I\x92\x82C\x82o\xbc\xe9\x06\xc6\x18\xe5?u]OMM\xc5\x13\xde\x9e\x10\x00Z\xcdEe\xfeg\xcf\x9e5\xe6{\xa9\x0c4i\xf5\xc2\xac\xf7\xfe\xd2\x7f@Dyi9%\xf7\x8d\x7f\xabZT\xa7\xbd"44\xf4\xa5\xcc?&lt;\xbb\xed\xc9\xa0\xe0 \x1a14\xf43}\xf82\x01\x9a\x8aZ\xff\x93\'On\xdf\xbe\x9d\x9eg\xfaP&lt;8g\xfa\x8eW\xffWUU\xa3\xbbs\xf8\xf0\xe1\x8c\x8c\x0c\x9a$\xf3\xf5U\x9b\x02R@\xad\xa0\xa12\x7fc\xbe\xb7W\xef\x9e\x1b\xff\xf0\xcc\xfd\x93\xe3\xed6\x87\xceuY\xb9|\xdc\x15\xba\xd0u\xbdG\xafk\xf2\x8f\x15\xac|l\xed\xd7_\x9e\xa0b!!\x04\xa5\x8f\xfa\xf6\xed\xbbs\xe7\xce\xb8\xb88\x93\xa4\x83\xfcc&gt;\xd0\xef\xdf\xa6\xab\xa2\xc6=...;;\x9b\x1eiI\x92\xae\xe9y\xcd\xdf\x8e\xbe\x159\xe0\xe6\x87\xa7\xcf}k\xef&gt;\n\tB\x88\xfe\xfd\xfb\xe7\xe7\xe7\x87\x86\x86b\xab\xb8v`\xf6G\xb3\xe5\xaeP\xe6O\xfd\x9a\xfb&amp;\xc7\xbd{\xf4\xcd\xf1\x13\xee=_Z&amp;\x84h\xa8\xf5g\x8cI\xb2\xa4\xa8JYiyTt\xd4\xde\x03\x19\xb3\xe7=De\xa0\xd4\xeb\xa7y\x85\xf8\xf8\xf8\r\x1b6P:\xc8\xef\x87\x02\xb2_\xf0\xf5]\xf41j\xfd\xb3\xb3\xb3\xa9\xf5\xa7A\xad\xae\xeb+R\x96\xdcp\xd3\xf5\xe7\xcf\x9f_\xfb\xf8\xaan\xdd\xbb\xeaB\xa7G\xbd\xb8\xb8\x98\x12\x9e\x18\x04\xb4\x03\x8c\x00Z\x84\xda\xe5\xf2\xf2\xf2E\x8b\x16eff2\xc6\xe8\x117\x1e\xf4\xdf&gt;\xb1\xfa7\xcb\xe6\xd5\xd5\xd5UWU7~\x93\x1f\xce\xb9\xc5\xa2\x86u\xeb\xbaw\xd7k)\xcb68\x1dN\x1a\x01\xc8\xf5\x03\x8b\xb8\xb8\xb8m\xdb\xb6\r\x180\x80RL\xfe\xd7Q\xa2\x1c\xf1\x8a\x15+&gt;\xfb\xec\xb3N\x9a\x10\xa0\xcb\x8e\x8e\x8e\xde\xbcy3\xbd\x1c__\x91\x0fP\xa7^\xd3\xb4\xc1\x83\x07\x17\x16\x16\xd2M\x10B\xdc&gt;\xf8\xb67\x0ff\xe9\xba\xf0x&lt;\xbd\xfb\xf4zz\xdd\xf3\xe9\xcfn3\x06\x07\xa1\xa1\xa1\xf9\xf9\xf9\xfd\xfb\xf7\xc7\x06Am\r\x01\xa0\x99\x8c$L^^\xde#\x8f&lt;B\xeb\xb6\x8coR\x99\xff3/&lt;1l\xe4]v\x9b\x835=\x0f@\xd5D=z\xf58\xf1\xc5\x89\xd4\x95\x8f\x1f=\x94\'\xcb2}\x9c(\x18\xf4\xe8\xd1\xe3\xc5\x17_\x9c&gt;}:}\xd3\xcf&gt;\'\x945\xfe\xf9\xcf\x7f~\xec\xd81__K\x8b\x0c\x1b6\xec\xe3\x8f?6\xed\xc6\x1e\xd4\x19z\xfa\xe9\xa7SRR\xe8\xb9\xa5\xb8\xb8\xeb\x8d?\xfd\xe2\xbe{\x1cv\x07U\xfbH\x924~\xd8\x84\xd3\xa7\xbe\x93e\x99\xc6\xcd\xb3f\xcdz\xe5\x95WP\x0e\xd4\xd6\xcc\xf8P\xb6\\#\xcb\xfc\x87\x0e\x8b./\xb35/\x0f I\x92\xaa\xaa\xe5\xe7\xcb#\x06D\xec~\xfb\xe5\xa4\xd5\x0bi2\xc0\x98X.//\xa7}#\x8c\x89\xe2\xb6x\xa5\xbe\x15\x12\x12\xa2(\x8a\xd5jU:!\xba\xec\x90\x90\x10_\xdfE\x9f\xa1\xee|II\xc9\xe6\xcd\x9b\xe5\xfa\xb9_\xcey\xdc\xc4qc\xe3\xc6\x18\xad\xbf\xa6i!a!K\xd7.f\xf5YSEQv\xef\xde}\xf8\xf0a\xa5s\x0e\xfe:\x11\x04\x80\xa6\xf1\xde\xcd\x9f\xd2\xf1\x14\x0c\xe8\x9b:\xd7\xbbv\xeb\xfa\xc2\x9f\xb6l\xf9\xe3\xf3\x16\xab\xa5\xc2\xe1j\xe1\xde\xce\xaa\xaaVWUWWU\xaf{:\xf9\xe5\xd7_\xea\xd5\xbb\xa7\xf1)\x92$I\x96\xe5\xf4\xf4\xf4Q\xa3F\x15\x14\x14(\xfe\xb8o\x84\xae\xeb\xdc\x8b\x10\xba\xe8\x04~r\xcd\xfe1\x8f\xdd&lt;B\x08Y\x96\xd7\xae]k\xb3\xd9\xe4\xfa\xdd\x0fC\xc3B\x93\xd3Vj\x1a7rb\xaa\xaa:m\xce\xc4\x99S\xef\x1e~\xa7\xd1\xe5\xe7\x9c\xa3$\xb4\x1d \x004A\x93\xcb\xfc\xd5V\x18\xbd\xd2\xa0\xf8|i\xd9\xf8\t\xf7\xbe{\xf4\xcd\xfb&amp;\xc7Q\xebO\xbbJ\xa8\xaaz\xec\xd8\xb1\xd8\xd8X3\xec\x1b\xa1\xebB\xef\x04\xfc*\x067\x9b\xae\xeb\xb2,\xe7\xe7\xe7\xef\xd9\xb3\x87&gt;\x1d\x8a\xa2\xe8\xba&gt;{\xdeC\x83\x86\x0ct\xbb\xdc?\x19\x16K\x8ckz\xf2\x13\xab\xacV\xab\x10\x02%\xa1\xed\x06s\x00\x8dE\x0f\xa5\xa6i\xabV\xadJOOg?\x9d\xefe\x8c%\xad^\x98\xb4f\x81\xc5juW\xb8UK\xeb\x1f\xea\xa2iZ`P\xa0\xd5j\xfd\xdf\xad\x7f|:\xf5y\xbd\xbe\xc6\xd4\xb8\x80\x07\x1ex\xe0\xf7\xbf\xff}\x8f\x1e=\xfc\xe0T\x19j&gt;\xee\xb9\xe7\x9eC\x87\x0e)\xf5\xb5\xb0\xc9i\xabb\x86\r\xa9tWu\xcc|\xba\xae\xeb\xc1!A\x05\xc7&gt;\x7fv\xfdF\x1a\x9fq\xce\xc7\x8e\x1d\x9b\x93\x93\xa3\x9bo\x0e\x80\x9e\xcc\xd8\xd8\xd8\xdc\xdc\\\xa5\xbe\xc4\xf3\xc6\x9bn\xd8\x97\xfb\xd7\xc0\xa0@c\xf3+\x83\xa6i\xbd\xfa\xf4\x9c\xff\xabEo\xbc\xfa\x96\x82\x92\xd0\xf6\xd2\xb9\x9b\x89\xf6!\x1a(\xf37\x1a_\xef2\x7f\x8f\xbb\xaa-Z\x7f\xc6\x98\xaa\xaa\xb55\xb5\xb55\xb5\x8bV=v\xd7\x88;\xd7&amp;\xa5\x1a\x0b\x05\xa8\xb9\xc9\xcc\xcc,((\xf8\xd3\x9f\xfe4r\xe4H\xdd\xbf\x16\n\xd0\xda\xd1\x98\xbb\x87\xc4\xc5\x8ds\xba\x9d\xad2\xb4ju\\\xe3]C\xba2\xc1X\xfd\xd2V\xd3\xa2\x8f\xc6k\xaf\xbdF\xad?}\xa9\xeb\xfa\x82\xe5\xf3\xfb\\\xdb\xa7\xac\xb4\xec\xd2\x0e\x8a\xa2(\xae\n\xf7\xea\r+\x0ee\x7f\xe0tV0\xc1\x94\xfa\x92\xd0\xf5\xeb\xd7\xfbA\x9f\xa6c\xc2=\xbd\nzv\x15E\xd9\xb1c\xc7\xf2\xe5\xcb].\x97Q\x91i\x94\xf9\xa7mL\xbd\xfe\xc6\xeb\xce\x97\x96)\x8ar\x852\xff\x96\xa3\x06\xbd\xbc\xcc6tX\xf4k\xd9{6\xac~2k\xd7k\xac\xbe\xeeHU\xd5\xc2\xc2\xc2\xd8\xd8\xd8\x8d\x1b7.]\xba\xd4\xb8\xf8\xb6\xbb\x9evVYY\xe5\xact:\x9d.\xa5-or\xb3q\xae3\x89UVV\xf9\xfaB|\x8c\x92\nN\xa7s\xcd\x9a5\x14\xb9)\x06\xdc5|\xe8\x8c\xd9\x89\xb62\xdbe\x9brI\x92j\xaakn\x1e\x101g\xfe,*\t\xa5\xa7w\xeb\xd6\xad3g\xce\x8c\x88\x880\xe1(\xaa\x1d\xe0\x86^\xc9\x95w\xf3\x97$i\xddS\xc9/\xed\xf9C\xcf\xde=\xed6\x07\xadho\x87\xabRU\xb5\xc2\xe1\xb2X,\xbf\xdb\xb1\xe9\xd9mO\x86\x84\x06\xeb\xf5\xdb\x88R\xb2u\xd9\xb2et\xc0$]\xad\xdfd\xf9dYV\x14EQ\xe4\xd6/\xd9i\x1d\xb2\xa2(h\xa4\xa8\xe1NOO?u\xea\x94\xe2U\x1b\xbd$y\xb1\xc5\xa2^\xe1iT\x14\xc5ns,X1\xff\xa6\xfe\xfd\xe8\xf3\xc5~\x1aH\xda\xef5\x98\x86\xd9\x1f\xd6\x86\xd0t\xdeUv\xf3?\x98\xb5h\xd5c\xae\nWmMm;\x8fO\x15U\xe1\x9c\xdbm\x8e\xd9\xf3f\xee\xcb\xfdk\xcc\xdd\xd1\xb4\xb5\x1c}HTU=p\xe0\x801MM\x97\xdd\x9e\x97\x07\xa6E\x1f\x90\xe2\xe2\xe2\xad[\xb7z\x97~NN\xfc\xe5\xb8\xfb\xefq\xd8\x9dJ\xc3CRI\x92\x8c\x92P\xe1\xb5\x1f\xa2w*\xa9=_\x8b\x19 \x00\\F;\x94\xf9\xb7\x1c\xed?a+\xb7\xf5\x8f\x8c\xc8\xda\xbf\xfb\xe1\xc7fy\xef\x1b\xa1(\n\x15\xaa\x1a\x07L\xfa\xfd\xbe\x11\xd0\x11P\xc3\xfd\xf8\xe3\x8f;\x9d\xce\x0b{|\n\xbd[\xf7\xaek6\xac\xactW]\xa1\xf5\'\xaa\xaa:\xed\xce\xc4\x87\xa6\x8e\x8c\x1da\xec\x19Gk\xc2kkk1\x0ehu\x08\x00?!\xda\xb7\xcc\xbf\xe5TU\xad\xaa\xac\xe6\x1a\x7f\xf6\x85\'\xb7\xed\xdcJ\x0b\x05\x8cmDi\xa1@lllQQ\x11}\x13\x9f\x1fh;F\xf9\xe6\xee\xdd\xbb\x95\xfa\xddP\x84.\xe6\xcc\x9f\xd5\x7f@Duuu#s\xa4\x9a\xc6S\x9fY\xab\xaa*\xd5_P9iff\xa6\x8c\xf3\xc2Z\x1b\x02\xc0\x8ft_\x94\xf9\xb7\x9c\xac\xc8B\x88\xb2\xf3\xe5\t\xbf\x9e\xfa\xce\xe17F\x8d\x1d\xa9i\x9a\xb1\xc1:e\xb1\x86\x0f\x1fnd\xb10\x8e\x86\xb6\xa3{\xed\xe9O)\xa0\x9b\xfa\xf7[\xb0b\xbe\xdd\xe6\xb8j\xf7\x9f\xc8\xb2\xecvU\xde14j\xc6\xac\x04J(Q\x0cHNN\xb6\xd9l\x18\x04\xb4.\x04\x80\x0bZ\xb2\x9b\xbf\xcf\xd1\xbe\x11\xb62[\xaf\xf0^\xbb\xdf\xde\xb9d\xcd"\xf9\xa7\x07L^:\x8f\xed\xebK\x06\x7fC\xdd\xff]\xbbv\x19[8\xd0gd\xe9\xda\xc5!a!F\xa7\xa41\x14E\xaerW/_\xb7\xa4k\xb70\xbd~c\xdd\x92\x92\x92-[\xb6`\x10\xd0\xba\x10\x00\x98\xb1\xf2\xf0\xd2\xb3\xb7\x94\xfa2\xff\x97_\x7fi\xdd\xd3\xc9\x9c\xebUmV\xe6\xdfr\xb4P\xa0\xaa\xb2:\xe5\xe9\xe4\xcc\xbf\xfd\xa5_\xc4\x8d\\\xe3\xb47\xb5\xf7\x86\xd5\x9f}\xf6\x19\xd2A\xd0\xba\xc4O\xcf\xf55j%\xee\x1e~g\xe2\xcciN\x9b\xb3I\xc9RI\x92jjj\xae\xbd\xbeo\xd2\xea\x854\xfe\xa6A\xc0\xc6\x8d\x1b\x8b\x8a\x8a\x8c\xca"h9\xb3\x07\x80V\xdc\xcd\xbf#\xa0\xd0u\xbe\xe4\xfc\xf0\xd1\xc3\xde:\xf4\xda\xfd\x93\xe3\xa9\x0c\x94^\x8b\xaa\xaa\x05\x05\x05c\xc6\x8c\xd9\xb6m\x1b\xd2A\xd0\x8a\xa8\x81\xde\xb2eKII\x89\xf7\xb6\xb5\xc9O\xac\xe2\x1agM\x1f-+\xaa\xe2r\xbaf\xcd\x7f("\xf2&amp;]\xbf\xb0\xf7I]]]JJ\n\xab_j\x00-\xd7\xa1\x9b\xb3\xb6\xd61\xcb\xfc[N\xb5\xa8\x15\xf6\x8a\xd0\xb0\xd0\xed\x19\xff\xb3\xe1\xf9T:`\xd2X(\xe0r\xb9\x92\x92\x92f\xcc\x98Q^^\x8et\x10\xb4\x1c\xb5\xfeEEE\x1b7n4\x86\xce\xba\xae\xcf\x98\x9502v\xb8\xab\xc2\xd5\x9c\xddp\x99\xa4i&lt;((p\xddSk\x85\xf8q\x97\xd0\xbd{\xf7\xa2$\xb4\x15\x997\x00P\x0f\xa5c\x96\xf9\xb7\x9c\xa2*uuu\xae\n\xd7\x82\x15\xf3_;\xb0\xe7\xf6\xa8\xdb\x8c\x85\x024a\x90\x95\x955b\xc4\x08c\xa2\x1b\xa0\xd9\xe8\xa1JII\xa9\xab\xab3\xb6)\xec\xda-l\xf9\xba%\xee\x8a\xcaF\xce\xfd^JQ\x94\n\xa7+n\xe2\xbd(\tm;&amp;\r\x00B\x08\x8f\xc7\xb3~\xfdz\xef2\x7fV?\x1f\xd0\x11\xca\xfc[\x8e\xd6\xcd\x96\x96\x94FE\x0f|-{\xcf\x8c\x99\tF\xde\x9f\xaaZ\x0b\x0b\x0b\xe3\xe3\xe3\xd7\xaf_\xef\xf1x\xf0Y\x82\xe61N|\xdc\xbbw\xef\x8f\xa5\x9fB$\xad^x\xed\xf5}kjjZ8n\xe6\\GIh\xdb\xe9\x94M[\xcbQW"++K\xd34\x8b\xc5B%\nB\x88n\xdd\xbb\xbd\xf0\xff:P\x99\x7f\xcbY,\x16W\x85\xdbb\xb5l\xf9\xe3\xf3/\xfc\xbf-\xdd\xbaw\xa3\xd7N/\x9cn\x02CR\x15\x9a\xc5x\x96\x92\x92\x92\xe8\x13D\xedrD\xe4M\xb3\xe6?\xe4r\xbaZX*\x8d\x92\xd0\xb6f\xd2\x00\xa0\xeb\xba\xc5b\x997o\x1e\xab\x7f\x88\x19c\xbd\xfb\xf4\xda\xbb\x7f\xf7\x03\xb3\x13;T\x99\x7f\xcb)\x8a\xc25\xeetT&lt;0;q\xef\xfe\xdd\xbd\xfb\xf4b\xf5\xfbk\n!\xe6\xcd\x9bg\xb1X\xd0\x99\x82f\xa0\xe6x\xfb\xf6\xed\'O\x9e\xa4\xa6\x9f\x9e\xabuO%\x07\x05\x05j\x1a\x97\x9a1\xff\xfbS(\tmS&amp;\r\x00\x94\xd5\x990a\x82\xd5j5f\x93\\.\xb7\xa2\xaa\xae\n\xb7\xffm&gt;N\xaf\xc8U\xe1VT\xd5\xe5r\xd379\xe7V\xabu\xc2\x84\t\xcc\x8f6\x8e\x86vC\xfd}\xbb\xdd\x9e\x9a\x9a\xea=\x7f\x16?i|\xfc\xe48\xa7\xa3\xa2\xd9\xd9\x7foW(\t5\xa2N\xcb\x7f\x8bi\x99\xf4cO\xcfMdddtt4=U\x8a\xa2TWU\xbf\xff\xee\xdfC\xc2B\xfc\xf2\x91\xd2u=$,\xe4\xfdw\xff^]UM\x9bV\n!\xa2\xa3\xa3###\xb1\xd1.4\x03\xf5\xf7SSS\xedv\xbbQ\xfai\xb1Z\x96\xa7,\xd1&lt;MX\xf6uU?-\t\xd5\x8d\x92P#\xef\xd4Z\xbf\xc8\x84\xcc\xfb\xb1\xa7V/11\x91\xd5\xe7C\x18c\xc7\x8e~\xe2\xf1x$\xc9\x0fo\x8b$\xc9\x1e\x8f\xe7\xd8\xd1O\x98W\xd6+11\x11}(h\x06\xfa\xf8\x9c&lt;yr\xfb\xf6\xed\xde\xa5\x9f\x8f.\x9838&amp;\xea\xe2\x13\x1f[\xc6\xab$4\xd9{\x97\xd0\xec\xec\xec\xec\xecl\x94\x84\xb6\x84\x1f\xb6t\x8dD-`ll,=\xbe\xd4\x08\x1e\xfb\xf0\x1f\xdf\x15\x7f\xd7\xa5K\x80\x9fu+\x84\x10]\xba\x04|W\xfc\xdd\xb1\x0f\xff\xc1\xea\x0f[\x97e966\x96\x99\xfe\xf8*h\x06j\x88\x93\x92\x92\xa8\x80\x82\xbaP\xbdz\xf7\x9c\xbb\xf8\x91JW\xf3K?\x1b\xa2(\x8a\xd3Q\x11?9.~\xd2x\xef\x92P\xe3\x02\xfc\xec\x03\xdbn\xcc\x1b\x00\xe8\x19\x1a4hPdd$=L\x8a\xa2T\xba+\x8f\xe4\xe4\x05\x05\x07\xfaY\x9f\x82s\x1e\x14\x1cx$\'\xaf\xd2]I+\x1e\x84\x10\x91\x91\x91\x83\x06\r\xa2\x1d\xa4}}\x81\xd0\x99\x18k\xb2\x8c\x0e8\x8d#\x97\xa7,\xb9\xfe\xc6\xebZ^\xfayY\x92$i\x1emy\xca\x12\x8b\xd5B\xe9&amp;\xef!\x08F\xb1\xcdc\xde\x00\xc0\x18\xe3\x9c\x07\x04\x04L\x9e&lt;\x99y\xcd\x82\xee\xdf\x97\xcd9\xf7\xb3,\x90$\xc9\x9c\xf3\xfd\xfb\xb2\xe9Kz\xb1\x93\'O\x0e\x08\x08\xf0\xb3P\x07m\x8dzK\xb4+\x83Q\xfa\xc99\x1f8\xf8\xf6\x84_Ou\xd8\x9b\xb6\xedO\xe3\xc9\xb2\xecv\xb9\x07\xc7D=\xba`\x0e%\xa0.\x9d\x84h\x8b\xdf\xeb\xdf\xfc\xaa\x99k*\xea\xa7L\x9b6\x8d\x1e&amp;\xeaD|\xfaQ\xfei\xff\xca\x02Q\xfe\xe7t\xf1w\x9f~\x94\xcf\xea\x0f;\x93ey\xda\xb4i\x0c\xf9\x1fh"zx6m\xdad\xec\xcb&amp;I\x92\xac\xc8\xbf}rMPHP\x9b\xf6\'\x14E\xa9tU\xce]\xfcH\xaf\xde=\xe9\xe3yQ\x19R\xdb\xfdj\x7fe\xea\x00@Y \xa3\x12\xc6_\xb3@\x97\xe6\x7f\xbc+\xa0\x90\xff\x81\xc6\xa3\xd6\xbf\xa4\xa4d\xf3\xe6\xcd\xde;\xe6N\x9c:\xe1\xde\xfb\xc6:\x1a\xbd\xe9\x7f\xf3PI\xe8\xf57^\xb7&lt;e\t]\te\x9f\xbc\x17"\xb4\xddo\xf7K\xa6\x0e\x00\xac\xbe\x16\xde\xbf\xb3@\r\xe5\x7f\xbc\xd7@\x004\x06\xe5\x7f\x8c\x85\xb8\xf4\x9d\xd0\xb0\xd0\xa45\x0b\xab\xab\xaa\xdb\xa1\x98XUU\x87\xdd\x99\xf0\xeb)\x03\xef\xb8\x9db\xc0EK\x91\xdb\xfa\x02\xfc\x8c\x9f\xb4q\xcdv\xa5,P\xa0?d\x81\x84\x10]\x02\x91\xff\x81V`\x9c\xf8\xb8k\xd7.\xea\xf8S\nh\xf6\xbc\x87\x06\xc7D\xb9\xdd\x95\xed\xb3\x9a\x84s\x1e\x1c\x12\x92\xbca%JB[\xce\xec\x01\xa0\xa1,\xd0\xe1\x83G\x03\x83\xfc!\x0b\xc49\x0f\x0c\n&lt;|\xf0(\xf2?\xd0r\x9c\xf3\xd4\xd4T\xea\'Q\x06\xe6\x86~\xd7\xcf[\xf2\xa8\xc3\xe6h\xb7\x8d\xb3\x14Eq\xd8\x1dc\xe3\xc6\xa0$\xb4\xe5\xcc\x1e\x00X\x03Y\xa0\x83\xfb\x0f\t]\xf7\x83\x0e\xb2$IB\xd7\x0f\xee?D_"\xff\x03\xcdCMmFF\x86\xf7\x89\x8fB\x88\x95\xa9\xcbz\xf7\xe9E\x1bA\xb7\xdb\xc5H\x92\xa4s\x1d%\xa1-\x87\x00\xf0c\x16\x88\xc6\xb3\xd4}\xf8\xa2\xe0\xcb\xd2\x92\xf3V\xab\xb5S\xf7&amp;\x84\x10V\xab\xb5\xb4\xe4\xfc\x17\x05_\xd2\x97\xb4a\x0b\xf2?\xd0$\xd4\xc5v:\x9diii\xd4\xee\x1b\'&gt;&amp;\xfcz\x8a\xad\xdc\xde\xce\xfb\xe6\xca\xb2\xecj\xb8$\x14\x83\x80\xc6C\x00\xb8\xd0)\x8e\x8a\x8a\xea\xd3\xa7\x0f\x05\x00Y\x96K\xcf\x9d?\x96\xf7iPp`\xa7\xeeM\xe8\xba\x1e\x14\x1cx,\xef\xd3\xd2s\xe7\xa9PZ\xd7\xf5&gt;}\xfaDEE1l\x00\x07\x8dF\xc56\xe9\xe9\xe9\xc5\xc5\xc5F?\xc9j\xb5&amp;?\xb1\x8as\xdf\x0c\x94\xafP\x12\x8aA@\xe3\xa1\t\xb8p\xda\\PP\xd0\xb8q\xe3\x18c\xb4Q\x1ac\xec\xc0\xbel\xa9\xf37\x91\x92,\x1f\xd8\x97\xcd\xea\xcf\x87a\x8c\x8d\x1b7.((\x88\x86\xf0\xbe\xbe:\xe8\x04h\xd4x\xea\xd4\xa9\xad[\xb7R\xc7\x9f\xce\xcd\x9e0\xe5\xbeQcG4\xef\xc4\xc7\x96\xbbBIh~~&gt;b@#u\xfa\x06\xae\x15M\x9f&gt;\x9d\xd5\xef\x93\xc3\x18;\x92\x93w\xee\xcc\xb9\xce\x9b\x05\xa2&gt;\xda\xb93\xe7\x8e\xe4\xe41\xc6\x8c\xfd\x8e\xe8e\x024\x12\xe5\x7f\xd6\xacY\xe3t:\xe9;\\\xe7\xdd\xbaw]\xbda\x85\xab\xc2\xed\xc3:\x82\xfa\x92\xd0\xa9\x03\x07\xdfN\xad?\x95\x84\xaeX\xb1\x02Y\xa0FB\x00`\xac&gt;\x192j\xd4\xa8\xf0\xf0p\xa3\xc2\xe1|iY\xa7\xce\x02\x19\xf9\x9f\xf3\xa5e\xf4\x02u]\x0f\x0f\x0f\x1f5j\x14C\xfe\x07\x1a\x87</t>
        </is>
      </c>
    </row>
    <row r="74">
      <c r="A74" s="1" t="n">
        <v>72</v>
      </c>
      <c r="B74" t="inlineStr">
        <is>
          <t>shape_morph</t>
        </is>
      </c>
      <c r="C74" t="inlineStr">
        <is>
          <t>What is the missing shape of the part denoted with a question mark?</t>
        </is>
      </c>
      <c r="D74" t="inlineStr">
        <is>
          <t>['circle', 'pentagon', 'square', 'triangle']</t>
        </is>
      </c>
      <c r="E74" t="inlineStr">
        <is>
          <t>circle</t>
        </is>
      </c>
      <c r="F74" t="inlineStr">
        <is>
          <t>There are eight shapes arranged in a grid. The top left shape is a ? and the bottom right shape is a hexagon. The other shapes do not appear to regular shapes.</t>
        </is>
      </c>
      <c r="G74" t="inlineStr">
        <is>
          <t>We observe that from the bottom right to top left direction, the shapes look like a hexagon but gradually change shape into something like a circle. Hence, the pattern is the the shapes are morphing between hexagon and circle shapes.</t>
        </is>
      </c>
      <c r="H74" t="inlineStr">
        <is>
          <t>Based on the pattern that the shapes are morphing between hexagon and circle shapes, the missing shape at the top left should be a circle.</t>
        </is>
      </c>
      <c r="I74" t="inlineStr">
        <is>
          <t>b'\x89PNG\r\n\x1a\n\x00\x00\x00\rIHDR\x00\x00\x02\x00\x00\x00\x02\x00\x08\x02\x00\x00\x00{\x1aC\xad\x00\x00\xac\xc5IDATx\x9c\xec\x9dy|L\xd7\xfb\xc7\xcf]f\xee\xec\x99d\x92L\xd2 !\xb2\tYD\x10DJ,\xb5\xd4\xf2\xb5\x14\xe5\x8bV[-\xaaZU\xda/\xba\xafZ\xb5u\xf5-\xaav\xbe\x96R%\x82\xd8\x82 \x1b\xb2\x93\x10\xcd\x9eLf\xbfs\xb7\xdf\x1f\xa7\xf2SZ\xd56\x92\x99\xb9\xe7\xfd\x87Wd&amp;3\xe7\xde{\xce\xf3y\xces\x9e\xf3\x1cL\x10\x04\x80@ \x10\x08\xf1\x81\xb7v\x03\x10\x08\x04\x02\xd1: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12\x00\x04\x02\x81\x10)H\x00\x10\x08\x04B\xa4 \x01@ \x10\x08\x91\x82\x04\x00\x81@ D\n\xd9\xda\r@ Z\x02\xe16w\xfe\xa6\xe9g\x0c\xc3\xee\xfc\x19\xd2\xa2\xedC Z\x03\xec\xcea\x80@\xb8\x07\xd0\xd6\xf3&lt;\x0fn\x1bt\x1c\xffk\x93]\x9e\xe7\x9b\x04\x03\xc7q$\t\x08\xb7\x04\t\x00\xc2Mh2\xfa8\x8e\xdfk\xee\x8dF\xa3\xd1h,**\x82\xffe\x18&amp;##\x83eY\x00\x00I\x92\xf1\xf1\xf1\x12\x89\x04\xbe\x14\x12\x12\xa2\xd1h4\x1a\xcd]\x9f\xc0\xf3&lt;\xfcp$\x06\x0f\xc8\x9d\xb3\xae\xbb\xe6[\xf7\xde\xc0\xbb\xe6g\xf0\rh6\xf6\xb0A\x02\x80pm\x04A\xe08\x8e \x88;\xcdDcc\xa3\xc9dJII)++\xcb\xcd\xcd\xad\xae\xae\xce\xcb\xcb3\x9b\xcd4M\xff\xe9\x07R\x14\xa5R\xa9"""|}}\xbbt\xe9\x12\x18\x188p\xe0@\xb5Z\xed\xe1\xe1q\xff/\x159w\xce\x99\xe0\x94\xab\xb9n\x0e\xd4\xf5\xa6O\xfe\x1b\xf39\xc4\x1f\x81\x04\x00\xe1\x92@\x7f\x1c\xc30\x82 \xe0o\x0c\r\r\x95UU\xfb\xf7\xef\xff\xf9\xe7\x9f\xb3\xb2\xb2\xcc\x16\x0bm\xb77\xbd_.\x95R\x14e0\x990\x0c\x13\x04aD\xff~\xc7\xce\x9d7Y,\x00\x00\xb5R\xd9\xafG\xf7}G\x8f\xc1\x97\xb4j5M\xd36\x87\xa3\xe9o)\x99L\xa5T\xc6\xc4\xc4&lt;\xf6\xd8c\xc3\x87\x0f\xf7\xd3\xeb\xb5\x9e\x9e\xf0%\x8e\xe3\x04A\xf8\xdd9\x87\xdb\xd3d\xf1\xff\xc8\xdc\x1b\x0c\x86\xca\xca\xca\x8a\x8a\n\x96e\xcf\x9f?\xcf\xb2,\xb46eeeeee\xf0n\x03\x00\xe0\x0f\x81\x81\x81\x81\x81\x81\xf0\xbf$Iv\xef\xde\x9d$I\x7f\x7f\x7f???\xadV{\xd7\'7I\x02\xd2\x83\x7f\x08\x12\x00\x84\x8b\x01G~\x93\xdd///_\xb1bEZZZAa\xa1\xd9d\x82q\x7f\x85L&amp;\x93J\xeb\x8d\xc6\xe8\xf0\xb0+E\xc5\t11WKJ\x92\xe2\xe3\x8f\x9e=+\x95H\x1c\x0c3k\xd2\xc4\xb2\xca\xca\x1b\xb7n\x01\x00\xda\x05\x04\x04\xfa\xf9\xad\xd9\xbc\x05\xbe\xd4\xbfg\xcf\xb4\x8c\x8cN\xc1\xc1\xe9YY\x91!\x1d\xb3\xf3\x0b\xbc4\x1a\xbb\xc3a\xb5\xdb\x01\x008\x8e\xab\xd4\xea\xb0\xd0\xd0\xa4\xa4\xa4\xb9s\xe7\xb6i\xd3\x066\x83\xe38\x91X"(\xbd\xf7\xce~n\xde\xbcYTT\x94\x9b\x9b[YYu\xf1\xd2\xc5\x9a\x9a\x9a\x92\x92\x12\x8b\xd9\x0c\x9f\xc8\xdf\x03\xc7q\xa5J\x15\x1c\x1c\xec\xe3\xe3\x13\xd75\xce\xcfO\xdf\xa5K\x97\x90\x90\x90\xb6m\xdb\xde\xf968!\x13\xa7\x0c\xffC\x90\x00 \\\t\x18x\x01\x00\x94\x97\x97\xa7\xa4\xa4\x9c&lt;y2\xe5\xf0\xe1\xf2[\xb7\x00\x00:\x0f\x0f\xab\xddn\xa3i\x00\x80\xde[\xd7+&amp;\xe6lv\xce\xa4\xe1\xc3TrEBL4\x86a\xe1\xed\xdb\xe38\x8ec\xb8\x00\x04\x99T\xea\xa5\xd5B\x03&amp;\x00Po0\xd8\x1d\x0e\x0c`\xbc\xc0\xf3&lt;\x9f\x7f\xfd\xba \x08\xe9Y\xd9f\x9bu\xf3\xfe\x03=\xa3\xa3\xcedeU\xd5\xd6\x01\x00\xe4\x14\xa5\x90\xc9\xea\x1a\x1b\x01\x00m\x02\x02\x06\x0e\x1a\x94\x98\x988h\xd0\xa0\x80\x80\x80;\x9b\xe7\xae\xc0U\x10\xf8\xf3\x8d\x1b7\x8a\x8b\x8bssr\x8e\x9f8QVVVXP`\xb1X\x9a\xde\xa9\xd3h0\x1c\xb7\xd1\xb4\xc5f\x1b\x99\xdc\xff\xe8\xd9sp\xbe\x15\x11\x1c\\S__\xdb\xd0p\xd7\'{{z\xfaxy\xe5\x95\x94\x00\x00\xd4Je\xff\x9e=\xf6\xa6\x1eU\xca\xe5r\x8a\x12x\xbe\xcehlz\xa7R\xa9\x0c\r\x0b\x0b\x0c\x0c|\xb4o\xdf.QQ\x1d;vl\xd7\xae\xdd\xbd\xcdC&lt;\x08H\x00\x10\xaeAS\xb8\xe0\xda\xb5kk\xff\xfb\xdfU+W\x9a\xcdf\x00\x80\xce\xc3#\xa8M\x9b\x8bW\xae\xf4\x8a\x89a9NB\x92\xe3\x86\x0e\x89\x08\n\n\r\nRP\x94\xaf\xb77 \x08\x9eap\x1c\xa7i\x1a`\x18\x10\x04\x00\x00/\x08p\x05\x18B\x92$\x0e\xfdY\x0c\x03\x82@Q\x14\xcf\xf3\xb8D\x028\xae\xba\xb6\xd6J\xd3\x85\xa5\xa5y\xa5\xa5;~:\xc8\xb0,I\x10g\xb2\xb2\xe2"#K\xcb\xcb\xa1\x12\xc8\x15\x8a9s\xe6\x8c\x1f7...\xae\xa9\x9d\xadq\x93\x1e.,\xcb\x92$y\xfd\xfa\xf5]\xbbv\xed\xde\xbd;;;\xbb\xc9\xe2\xeb\xbd\xbc\xaa\xea\xeb\x13\xe3\xe2nTTt\x8d\xect\xea\xe2\xa5\xc7\x1f}\xf4\xe4\xa5K*\xb9\xfc\xfa\xad[\xb3\'M,\xad\xa8\xb8q\xeb\x16\x06\xb0\xd8\x88\x88\xf6\x01\x01\xd5\xf5\xf5\xe0\xd7G\x010\x0c\x00\x01\xf8zy]\xbfu+3/O\x00B\xbb\x80\x80 \x7f\xff\xd5\x9b\xb7\xb4\x0f\x080\xdbl\x89]\xbb\xfex\xfcx\x9f\xb8\xae\x97\xae\\m\xe7\xef\x7f\xf2\xe2E\xf8u\xf0\xab\x95Jett\xf4\xe8\xd1\xa3\xfb\xf5\xeb\x17\x17\x17\xe7\xf6\x1a\xdc\xbc \x01@\xb8\x00M\x9e\xdd\xaaU\xab\x16/^l\xb7Xd2Y\xa3\xd9\x0c\x00\xc0q|\xfe\xf4i\x1ej\xcd\xc0\x84\x9e&gt;^^^\x1a\x8dF\xa7\x034M3\x8c \x08\x0c\xc3\xc0H\xb1\x00\x00~\xa7Q\xfe\xad\x85\x86y*\xff\xffu\x82\x80\x01\x00\xffP"\x91`\x18FI$\x80\xa2\x8cuu\xf5FcM}}J\xfa\xd9F\x93q\xd9\xba\xf50\xbe\xe1\xa7\xd3\xf1&lt;W\xdd`X\xbe|\xf9K/\xbd\x04\xdc\xd1\x15\x85\xd6\x7f\xf7\xee\xdd\x93\'O\xb6Z\xad\xf0\x97\t11\x8df\xf3\xd5\xe2\xe2\xf7\xe6\xce}\xef\xeb\xaf\x87?\xfa\xa8\xbf\x8f\x8f\x9f\xb7N&amp;\x97Gu\xec(\x95J\x03|})\x89\x84\xbac\xbe\xc5r\x1cI\x92\xe0v\xce\xd5\xff\xc30,\xcb\x92\x04\x01n\xcf\xc9h\x87\x83f\x98[\xd5\xd5\x0e\x87#\xa7\xb8\xd8n\xb3U\xd6\xd6U\xd4\xd4\xec?~\xfc\x8d\xe7\x9e{c\xc5\x8aN\x1d;z\xa8T\xe9YYM\x9f\xb1c\xc7\x8e\xb1c\xc7\xc2\xa6\xb6\xc4Mq}\x90\x00 \x9c\x1d\xe8\xd3544L\x9c8\xf1\xd0\xa1C\x00\x00\x95R\x99\xd8\xb5\xeb\xf5\xf2\xf2\x01\xbdz%\xc6u\x1d\xdc\xa7\x8f\x87V\xcb\xd34\xc3q\x1c\xc71\x0c\x03\x17%Asx\xe2\xc2\xed\x19\x83\xc0\xf3\x12\x89\x84 \x08\tA\xe0\x14\xd5h0\x1c:u\xea\xe4\xc5KG\xce\x9c\x89\x8b\xect:3\xebfe%\xc7q\x83\x07\x0f\xde\xb2e\x8b\xa7\xa7\xa7;\xb9\xa2\x1c\xcb\x12$\xb9u\xeb\xd6\xf9\xf3\xe6\x01\x9e\xbfU]\r\x00 \x08b\xdc\xe0AC\x13\xfb\x9e\xcf\xcd\x995q\xa2\x000\x0f\xb5\xcaO\xa7\xe3\x05\x81\xa4(\xde\xe1\xc0q\xdc\xc10\x82 \xfcf\xbe\x85a\x82 \x08\xbc\x00~\xab\xc0\x18\x8ea\xb7\xe7g\xe0\xf6\x9c\x0c\xc30\xa9D\xc2\xf3&lt;.\x95\xb24\x8dcXe]]\xa3\xc9\x8c\x01a\xcd\x96-\xdd\xbbD\xfdt\xf2\xc4\x8eC\x879\x8e\x03\x00\x04\x05\x040\x1c\xb7l\xf9\xf2\t\x13&amp;\xc0\x06\xb7\xecMrI\x90\x00 \x9c\x9a&amp;\xeb?x\xf0\xe0\x8c\x8c\x0cJ*\xa5\x1d\x0e_/\xaf\xef\xde{\xb7O\\\x9c\x87\xa7\x160\xac\xd5fcX\x16\xbf\x9d0\xfe\xf0\xc2/M)\xed\xbc HHR!\x97\x03\x89\xc4\xd8\xd0p6;{\xdc\xbc\x97\x8df\xb3T*u8\x1c\xf1\xf1\xf1\x87\x0e\x1dr\x1b\r\x80\x0e\xf5\x91#G\x06\x0e\x1c\x08\x00X\xf8\xcc3\xe9\x99\x99}\xbbu{b\xf80/\xb5Z\xaf\xd3\xe1R\xa9\xc3j\xc5q\x9c\xe38\x07\xc3\x00\x0c\xe3y\xfe7\x02\xfc\xd7\x1fI\xd3\x9c\xacI\x80q\x1c\x07\x82 \x95H\x08\x82\xe0y^\xaaP\xf0\x0eGU]]\x9d\xd1\xb8\xfb\xd0\xe1\xfdi\xc7\xe3\xbbtY\xb3y\x0b\x00 %%e\xc0\x80\x01h\x1e\xf0  \x01@8/p\x0cgee=\xf5\xd4S\x99\x99\x998A\xf0\x1c7n\xf0\xe0O\x16,\x08\xf4\xf7\xb3Z\xad\x0c\xc7a\x18F\xb4R\xb0\x85\xe3y8-\x90QTyu\xf5\xfc\x8f&gt;\xdeq\xe8\x10ldll\xecw\xdf}\x17\x13\x13\xe3\xeaf\xa8)\xf2\xf3\xcc\x8c\x19\xb1\xe1\xe1i\x19\x19*\xb9&lt;w\xdf\xde\x00\xbd\x9ecY\x86a\x18\x96\xe5\x05\x81\xc0q\x01\x00\xec\xe1/~\xc0\x8d\x06\x18\x00\x1c\xcf\xe3\x18&amp;!I\x89DBH\xa5\xb7**"\x86\x0e\xb33LR||f~\xfe\xb7k\xd7\x8e\x1e=\xda\xd5o~\x0b\x80\x04\x00\xe1\xa4\xc0\xd1\x9b\x91\x911p\xd0\xa0F\x83\xa1c``Cc\xe3\x1b\xcf=;\xef\x99\x19\xb4\xd9B\xd34N\x10\xce\xb0\xd2\n\'\x04\x94TJ)\x95\xcb\xd7\xae}\xef\xebo&lt;=&lt;\x8a\xcb\xca&lt;\xb4\xda\x94\xc3\x87\xe3\xe3\xe3]\xd7\x0c\xc1\x95\x8c\x9a\x9a\x9a\xc8\xc8\xc8\x9a\x9a\x9a\xe4\x84\x84\xa1\x89}\xfc||\xc7\r\x1db5\x99\x9caS4\xdc\x88\xc0\xf1\xbcR\xad\xdey\xf0\xe7\x8a\xea\xaa\x9fN\x9eJMO\xf7\xf1\xf1\xb9r\xe5\x8a\x8f\x8f\x8f\xfb-\xc64/\xe8\xd6 \x9c\x11h4\xf7\xee\xd9\xd3\xaf\x7f\x7f\x87\xcd\x06\x00(.+[\xf5\xc6\xeb\xf3f\xcc0\xd6\xd5;\x1c\x0e\xc29\xac?\x00\x00NA\x1c\x0e\x87\xb1\xbe~\xde\x8c\x19\xab\xdex\xbd\xb8\xac\x0c\x00\xe0\xb0\xd9\xfa\xf5\xef\xbfw\xcf\x1e\x92$\xef\xcc8r\x15\xe0\x06\xb7\x86\x86\x86a\xc3\x86\x19\x1a\x1a|t\xba\xd4\xf4\xf4\x90\xc0\xc0Ic\xc7X\xcdf\x92$\x9bq\xaf\xef\xdf\x06\xee\xbd\x90\x90\xa4\xd5l\x9e8\xe6_!\x81\x81\xa9\xe9\xe9&gt;:\x9d\xa1\xa1a\xd8\xb0a\r\r\r8\x8e#\x1f\xf7&gt;\xa0\x19\x00\xc2\xe9\x80\xd6\xff\xe2\x85\x0b\x03\x07\r\xb2Z,&gt;^^\x1eJ\xe5;s_\x1c\xd1\xbf\xbf\xc5j\xc5q\xdcIL\xff]\x08\x00\xf0&lt;\xafT(\xf6\x1d=\xbax\xc5\xcaF\x8b\xa5\xa6\xbe^\xa1T\xa6\x1c&gt;\x1c\xd7\xad\x9bk\xcd\x03\xe0\xd6*\xbb\xdd\x9e\x9c\x9c|\xfe\xfcyJ*\rk\x1f4c\xcc\x98\xe7\'L\xb0\xdal\xce\xb9\xb0\xc1q\x9cB.\xffr\xeb\xd6\xb5\xbbv\x15\\/\xa5\x1d\x8e\xee\xdd\xbb\xa7\xa6\xa6\xcad2T\xb4\xe3\x8f@3\x00\x84s\xc1q\x1cL6O\xea\xd7\xaf\xa1\xa1\xe1\x11__\x07\xc3,~\xe1\x85\xd1#G\x98-\x16\xc2Y\xad?\x00\x00\x03\x80\xc0q\xb3\xc52z\xe4\x88\xc5/\xbc\xe0`\x98G|}\x1b\x1a\x1a\x92\xfa\xf5\xbb~\xfd:I\x920Y\xc5%\x80Oa\xe1\xc2\x85\xe7\xcf\x9f\x97\xcbd\x0e\x86y\xfa_\xff\x9a3c\x86\xd3Z\x7f\x00\x00A\x10V\x9bm\xce\x8c\x19O\xff\xeb_\x0e\x86\x91\xcbd\xe7\xcf\x9f_\xb8p\xa1k\xdd\xf9\x16\x06\xcd\x00\x10N\x04L\xab\xcf\xcb\xcb\x9b6u\xaa\xa1\xa6\xba\xf8\xc6M9%;\xba\xee\xbb\xee\xd1Q&amp;\x93\xc9U&lt;h\x96e\xd5j\xf5\xf9\xec\x9c\xfe\xd3\x9f\xb2\xd1\xf6\x8e\xed\xdaj}|\xd7o\xd8\x10\x11\x11\x01\x00p\xfe\x904\x9c\xacl\xd8\xb0a\xda\xb4i\x1a\x95\xcah6O\x1e&gt;|\xe3\xeaU\x86\xcaJ\x89\xd3?\x02\x86e\xb5~~Sf\xcf\xf9a\xff~\xd8\xf8\xf5\xeb\xd7O\x9d:\xd5\xb5f`-\x06\x12\x00\x84\xb3\xd0TY,...33s\xf2\x88\x11^\x1a\x8dV\xad~k\xc1\xab\x86\xaa*\xe77=w\xc2\xb0\xacV\xaf_\xfa\xf1\'\x06\x93\xa9\xdeh\xfca\xdf\xbe\xd8\xd8\xd8\x8b\x17/6\xd5/k\xed\x06\xfe!0u\xf5\xfa\xf5\xeb\x91\x91\x914MG\x85\x85\xea&lt;\xb4_.]\xd2\xd6\xdf\x9fa\x18\xdc\x89[\x0e\xe1\x05A"\x91\xdc\xac\xa8x\xfe\xad\xb7\xeb\x1a\r9\x05\x85\x14E]\xb9r\xa5}\xfb\xf6\xee\x91\x95\xdb\xbc \x01@8\x05\xb0\xbe#A\x10\xcf&gt;\xfb\xec\xb7\xdf~\xabT(,V\xeb\xd6O?}b\xc4\xe3\x86\xba:\xd7\xb2\xfe\x10\x86e\xb5:\xdd\xb6}?Nx\xe5\x15x9\xcf&lt;\xf3\xcc7\xdf|\x03\xcb\x969\xa7\x06@k\x00w]\xe4dg3,\x8ba\xd8\xd5\x1f\xf7\x85\x04\x06\xc2\xd5\x97\xd6n\xe0\x03\x01Wb\x8a\xca\xca:=&gt;B\x10\x04\tIFEG\xc3\x9d\x19\xc0M\xabt\xfcm\\\xe3\x89"\xdc\x1e\xe8\x9d\xbd\xfc\xf2\xcb\xdf~\xfb\xadJ\xa1\xe8\xd0\xa6\xcd\xa4a\xc3\x06\xf5J\xb046\xba\xe8\xcc\x9d$IKc\xe3\xa0^\t\x93\x86\r\xeb\xd0\xa6\x8dJ\xa1\xf8\xf6\xdbo_~\xf9e\x82 \x9c3$\r5\x98e\xd9\xe1\xc3\x87_\xb8pA\xab\xd1D\x85\x86.}\xe1\xf9\x90\x0e\x1dL\x16\x8b\xabX\x7f\x00\x00\x8e\xe3&amp;\x8b%\xa4C\x87\xa5/&lt;\x1f\x15\x1a\xaa\xd5h.\\\xb80|\xf8p\x96e\x9b\xce\x15@@\\\xe6\xa1"\xdc\x18\xb8\xe4x\xe4\xc8\x91\xe5\xcb\x97K\xa5R\xb3\xd5\xda-\xb2\xd3\xa6\xcf&gt;\x95J$\x82 \xb8\xa8\xc3\x06\xab\tI%\x92M\x9f}\xda-\xb2\x93\xd9j\x95J\xa5\xcb\x97/?r\xe4\x88s.KB\r~\xff\xfd\xf7\xd3\xd3\xd3e\x14U]W7\xfb\xc9IK\xe6\xce5\x9bL\xa4\xabENH\x820\x9bLK\xe6\xce\x9d\xfd\xe4\xa4\xea\xba:\x19E\xa5\xa7\xa7\xbf\xff\xfe\xfbN\xab\xbe\xad\x05\n\x01!Z\x19x\xae\xcb\xb5k\xd7z\xf4\xe8\xc1:\x1cv\x9aV\xc8dy?\x1d\xd0\xaaT\x0e\x87\xc3\x85\x1c\xcf\xdf\x85\xe7y\xa9Tj0\x9b#\x86\x0e\xb3\xda\xed2\x8a"\xa5\xd2s\xe7\xceu\xe8\xd0\x01&amp;\xda\xb7v\x03\x7f\x05n\x98\xca\xcc\xcc\xec\xd1\xa3\x07\x06\x80\x83a\xfa\xf7\xe8\x91\xbaa\xbd\xd1hl\xad\x8d\xd6\xff\x1c\x8e\xe75\x1aM\xf2\xd4iG\xcf\x9d\x93J$\x02\x00\xe7\xce\x9d\x8b\x8d\x8dE\xbb\xc3\x9a@w\x01\xd1\xca\xc0u\xd1\xe7\x9e{\xae\xae\xae\x0e\xc3\xb0\x84\x98\xe8u\xef\xbd\xeb\xed\xe5e\xa7i7\x18\xa58\x8e\xdbi\xda\xdb\xcbk\xdd{\xef\xc2c\t\xea\xea\xea\x9e{\xee\xb9\xa6\xf3\xb0\x9c\x01\xb8\xfcN\xd3\xf4\xd3O?\r\x13\xb1T\n\xc5\xaa7^w8\x1c.:\xfd\x82`\x008\x1c\x8eUo\xbc\xaeR(\x00\x00&lt;\xcf?\xfd\xf4\xd34M\xdfu\xfe\xb0\x98q\xf9\x01\x86pi`\xd8\xe1\x8b/\xbeHMM\xa5(\xca`4&amp;v\x8d\x1b\xf9\xf8\xe3&amp;\xa3\xd1\xe5\xc2\x0e\x7f\x04I\x10&amp;\xa3q\xe4\xe3\x8f\'v\x8d3\x18\x8d\x14E\xa5\xa6\xa6~\xf1\xc5\x17\xce\x13\x8e\x80Oa\xc7\x8e\x1d\x99\x99\x99\xb0\xa0\xdb\xdbsfw\x8a\x88\xb0\xd9l.\xad\xc18\x8e\xdbl\xb6N\x11\x11o\xcf\x99\xed`\x18\x8e\xe3233w\xec\xd8\xe1&lt;w\xbe\xd5q"7\x04!6\x9a\x82?\xb1\xb1\xb1v\xbb\x9da\x98\xe8\xb0\xb0\xd3[6\xf3\x1c\xe7\xd4\x99\x92\x7f\x1d\x01VV \x88\xde\x13\'e\x17\x14H$\x12\x99L\x96\x99\x99\xe9\x0c\x81 \xf8\x14JKK\x13\x12\x12\x86\xf5\xee\xad\x94\xcbKo\xdd\xda\xb5r\x05M\xd3\xee\xf1\x10\x04A\xa0(j\xcc\x8bs\x83\x02\x02,6\xdb\x81\xd3\xa7\xd3\xd3\xd3\x83\x82\x82Z\xfd\xce;\x03b\xbf~D+\x02\x83?\xcf&gt;\xf7\x9c\xc9d"p\x9c$\x88/\x97.\x91S\x94\xeb.\xfc\xfe\x11pAXNQ_.]B\x12\x04\x81\xe3&amp;\x93\xe9Y\xe7\x08\x04\xfd\xfa\x14\x9e}\xb6\xaa\xaaj\xfb\xa1C\xb1\x11\x11\xfb\xbe\xfa\xd2\xee.\xd6\x1f\x00\x80a\x98\x9d\xa6\xf7}\xf5elD\xc4\xf6C\x87\xaa\xaa\xaa\x9e}\xf6Yg\xb8\xf3\xce\x00\x12\x00D\xeb\x00\xc3\x0eiii\x19\xe9g\xd4J\xa5\x9d\xa6\x17&lt;\xfdtB|&lt;\x14\x83\xd6n]\xf3\x03\x8d~B|\xfc\x82\xa7\x9f\xb6\xd3\xb4Z\xa9\xccH?\x93\x96\x96\xd6\xba\xe1\x08\xf8\x14\xd6\xacYs\xe4\xc8\x11\x19E\x99-\x96\xac\xbc&lt;p{K\xb6\xdb\x00/\'+/\xcfl\xb1\xc8(\xea\xc8\x91#k\xd6\xacA\x81 \x80B@\x88V\x01\xae\xc2\xb1,\xdb\xb3g\xcf\x9b\xd7\xae\x8d\x1c0@)\x97\xbf9\xeb\x05\x19Eq&lt;\xef&amp;\x9e\xe7=\x08\x00\x108n\xa7\xe97\xd7|a\xb1\xd9\xf6\x1e9\xd2\xb6C\x87\xb3g\xcf\x92$\xd9*\xdb\x83\x9b\xb6}\x05\x07\x07\x1b\x0c\x06\x00@Lxx\xfa\xd6-\x1c\xcb\xc2iA\x0b\xb7\xe7\xe1\x01/\x87 \xc9\x84\t\x13\xb3\xf2\xf3\x01\x00Z\xad\xb6\xa4\xa4\x04m\rsCW\xcb\x99\x81E\x169\x8ec\x7f\x0b\xc7q\xa2Rb\x98\x87\xf7\xd1\xc7\x1fgff\x1a\xad\xd6\xff\xee\xda5*9Y\xab\xd52\x0c\xe3\xc6c\x11\x03\x80a\x18\xadV;*9\xf9\xbf\xbbv\x19\xad\xd6\xcc\xcc\xcc\x8f&gt;\xfe\x18\xc7\xf1V\xf1\xb8a\xf4\xff\x93e\xcbd8&gt;\xb0W/\x1f/\xafUo\xbc!\x95J9\x9ew3\x9b\x88a\x18\xc7\xf3R\xa9t\xd5\x1bo\xf8xy\r\xec\xd5K\x86\xe3\x9f,[\x86a\x98\x9b\xcdu\xfe*h\x06\xf0\xd0\x81\x1b,\x05A\xf8\xd3\x9a\xb4P\x1ep\x1cw\xef\xb5)\xd8\xe5\xea\xeb\xeb\xbbFG[,\x96:\x83!\xa9[\xfc\x8f_}\x81\xb9\x97\xd7\xf9G\xc0\x82G\x8f\xcf|!\xedB\x86N\xabU*\x95\x97\xb2\xb3\xbd\xbc\xbc@\xcb\xba\xa2\xd0\xfa\xe7\xe7\xe7GGGc\x00\xc4EF\xbe6\xe3\xe9\xe1\x8f&gt;ju\x9d\x92\x0f\x7f\x15\x9e\xe7\x15\n\xc5\xfe\xe3\xc7?Z\xfb\xdf\x8bW\xae\x08\x00dgg\x87\x87\x87\x8by5\xd8%7\xd9\xbb\nMv\xbf\xa9\x04UMMMYYYeeeMM\x8d\xc5b\xe18N"\x91\xe8t\xba\x80\x80\x80\xe0\xe0`\x7f\x7f\x7fX\xf6\xc0\x99\xcb\xc5\xfcs`\xcd\x9f\xc5K\x96\xd4\xd5\xd5\x8dH\xee\xef\xa1R\xcf|b\xbcR.\xb7X,\xeez\xc9w"\x08\x82R\xa1X\xf1\xfa\xc2\xaf\xb6mo4\x9b\xf6\xa5\x1e]\xbcd\xc9\x17k\xd6\xb4p\xa92\x9e\xe7I\x92\\\xbbv-\xc7\xb2R\xa94#7\xb7\xad\x9f\x1f\xcf\xf3\xc0\x8d\x1f\x01\x86\xf1&lt;\xdf\xd6\xcf/#7\x97$I\x87\xc3\xb1v\xed\xdaO?\xfd\x14\x0e\xb7\xd6n\\\xeb\x80f\x00\x0f\x05\x18\xe3\x86\xbd\xcaj\xb5\x9e:u\xea\xe0\xc1\x83\xa7O\x9f.**\x82\xc1\xd6{Q\xab\xd5\x9d;w\x1e9r\xe4\xa4I\x93\xda\xb6m\x0bn\xc7IZ\xb2\xd9-\x00\x8c\xc6VWWwh\xdf\xdeb\xb5\x02\x00\xde\x9b;\xf7\xf59\xb3\r\xb5\xb5\xaeX\xf1\xed\xef\xc1\xb0\xac\xd6\xdb\xfb\xfdU\xab\xdfX\xb1\x02\x00\xa0T(\xae]\xbf\xee\xeb\xeb\xdbb\x91w\xe8\xfe\x17\x17\x97t\xef\xd1]N\x92\x1555\xef\xbf4w\xd1\x9c9\x8d55.Zy\xe9\x01aY\xd6\xc3\xc7\xe7\x83U\xab^\xff|\x85\xbf\x8f\x8f\x8de\xcf\x9f;\xdf\xb1c\xb0h\'\x01b\xbc\xe6\x16\x00\x9eT\x97\x93\x933\x7f\xfe\xfc.]\xba\x0c\x1e&lt;\xf8\xf3\xcf?\xcf\xc8\xc80\x18\x0c\x18\x86\xc19\x01y\x1b\x82 p\x1c7\x99L\xe9\xe9\xe9\x0b\x17.\x8c\x8a\x8aZ\xbat)\xac\x82\xe0~\x01JxE\xabW\xafn\xeb\xeb;o\xea\xbf\x13bc\x06\xf7\xe9\xcdX\xadn\xb3\xed\xebA \t\x82\xb1Z\x07\xf7\xe9\x9d\x10\x1b3o\xea\xbf\xdb\xfa\xfa\xae^\xbd\x1a\xb4`\xee\rT\x9aO&gt;\xfe\xc8\xd0\xd0\xa0\x90\xcb\xc7\r\x1e&lt;a\xd80\xdadr\xfbj\xc9\x04A\xd0&amp;\xd3\x84a\xc3\xc6\r\x1e\xac\x90\xcb\r\r\r\x9f|\xfc\x91\x98SB\xc5{\xe5\x0f\t\xe8[\x15\x14\x14,^\xbcx\xcf\x9e=\xf00X\x18\xd6\xbf\xab\x12!\xf4\xf5\xe0o\xe0\x80\x84a\x1f\xf8\'}\xfa\xf4\xd9\xbe}\xbb\xbf\xbf\xbf;\xe5c\xc0\x8b\xb5\xd9l\x81\x81\x81\xb5\xb5\xb5\x83\xfb\xf4y\xe7\xc59\xd1\xe1\xe14M;\x7f\xa1\xf9\xe6\x85\x17\x04\x8a\xa2\xb2\xf3\xf3\x17\xaf\\u\xe8\xd4)oo\xef\xb2\xb22\xb9\\\x0e\x1e\xfeJ\x00\xec\xa2\x85\x85\x85]cc{\xc7\xc4\x00\x0c\x1b\xdc\xbb\xf7+\xcf\xcchlh\x10\x83\x0c\xb3\x1c\xe7\xe1\xe9\xf9\xe9\xb7k\x0f\x9d&gt;\r\x04\xe1tV\xd6\xa5\xcc\xcc\xd0\xd0PqN\x02Dw\xc1\x0f\x1bh\xaf\x1b\x1b\x1bw\xee\xdc\t\x0f!\x82\xa6\x9f\xe38\xe8\xfb\x83\xdb\x01"\x9e\xe7\xa1$4\xad\x0f\xc3\xec \x0c\xc3$\x12\xc9\xa9S\xa7\x1e{\xec1\x83\xc1\xe0NuK\xa0\xe9\xd9\xb6m\x1b\xc1\xf3!\x81\x81\x87N\x9d\xa2i\x9a\xc0q\xe0.\x17\xf8\x17\x10\x04\x02\xc7i\x9a&gt;t\xeaTH` \xc1\xf3\xdb\xb6mk\x99\xa4\x14\xd8E?\xfc\xf0C?/\xaf+%%\x1e*\xd5\xec\xc9O\x9a\x1b\x1b\xc5`\xfd\x01,\x14\xda\xd88{\xf2\x93\x1e*\xd5\x95\x92\x12?/\xaf\x0f?\xfcP\xb4\x93\x00$\x00\xcd\x0cA\x10&lt;\xcf\xf7\xe8\xd1c\xf4\xe8\xd1M\xae\x1cA\x100\xc3\x87eYA\x10\x14\n\x85^\xafo\xdf\xbe}\xfb\xf6\xed\xbd\xbd\xbd\x01\x00\x1c\xc7\xc1\xa5Q\x00\x80 \x08\x0c\xc3H$\x92\x9c\x9c\x9c\x993g\xbaS \x08\x0e\xb3\xd5k\xd6\x98\xac\xd6\xa8\xb0\xb0\xaf\xdf|\xb3gL\x8c\x1b\xa7\x9d\xdc\x07\x1c\xc7\xadVk\xcf\x98\x98\xaf\xdf|3*,\xccd\xb5\xae^\xb3\xa6\x05f{\xb0\x9b\x15\x16\x16n\xdb\xba\xd5h\xb1$\xc6\xc5\x8d\x1a8@\x84\xb6O\x10\x84Q\x03\x07$\xc6\xc5\x19-\x96m[\xb7\x16\x16\x16\xc2\x91\xdb\xda\xedjiD7\xf0Z\x008\x9c^z\xe9%\x00\x00\xf4\xe98\x8eS*\x95C\x87\x0e]\xb1b\xc5\xa9S\xa7\n\n\n\x8a\x8a\x8a\xf2\xf2\xf2\xf2\xf2\xf2\x8a\x8a\x8a\xb2\xb3\xb3W\xaf^\x1d\x17\x17wg6\x02\xc30$In\xdb\xb6\xed\xe8\xd1\xa3\xee\xb1e\x11\xaei\xe7\xe7\xe7\x17\x15\x14\xc8e\xb2\x1f\x8f\x1d\xf3\xf6\xf4$$\x12\xd1\xd9\x9e\xdb\x08\x00\x10\x12\x89\xb7\xa7\xe7\x8f\xc7\x8e\xc9e\xb2\xa2\x82\x82\xfc\xfc\xfc\x87\xad\xf7\xb0s\xbe\xfd\xce;j\xb9\xbc_\x8f\x1e\xb7\xaa*\x07%$\x88+\xfa\x06\x00\x00\x00\x03`PB\xc2\xad\xaa\xca~=z\xa8\xe5\xf2\xb7\xdfy\x07\xdc\xbe9\xa2B\xa4\x13\x9f\x87\r4v=z\xf48\x7f\xfe|\xd7\xae]\'O\x9e&lt;z\xf4\xe8\xa0\xa0\xa0\xfb\xfc\t\xc7q\xef\xbe\xfb\xee\x9bo\xbe\xd9d\xee\xe1\xb1!#F\x8c\xd8\xb3g\x8f\x1bd\x04\xc14\xc7\xa7\x9ez\xea\xc0\xee\xdd\x83\x12\x13y\x81_\xb1p\xa1R\xa1p\xe3\xad\xbf\xf7\x07n\x0c\xb6X\xads?\xfc\x10\xc7\xf0\xc3\'O\x0e\x1b=\xfa\xbb\xef\xbe{x\xf9\xa0p\x86QUU\xd5\xb1cG\x81\xe3\xbc==\xbf{\xf7\xdd\xbe\xdd\xe3\xadV\xab[\x96\xdf\xb8\x0f\x1c\xcf+\x14\x8a\x13\xe73\x9e\xfa\xcf\x7fj\x1b\x1a0\x82(..\xd6\xeb\xf5\xee\xb4\xe4\xf6 \x88\xeb\xa9\xb7\x18PV?\xfa\xe8\xa3\xcd\x9b7_\xb8pa\xde\xbcyAAA\xf0\xbc=\x18\xed\x11\xee\x00\xfe\x1e\xc3\xb0\xa5K\x97\xbe\xf4\xd2KM\xe3\x1fn\x0fNKK\xab\xab\xab\xc3q\xdc\xa5\xa5\x1a\xaes\x98L\xa6\x83\x07\x0fZh\xfa\xf4\xa5K\xa3\x92\x93\xbdt:\x86eE4\xda~\x0b\x06\x00\xc3\xb2^:\xdd\xa8\xe4\xe4\xd3\x97.Yh\xfa\xe0\xc1\x83&amp;\x93\t\x06\x0c\x1f\xc67\xc2\xb9\xc5W_}e6\x9b\x01\x86\xb1,\xdb\xd6O\xcf\xb1\xac\xd8V\xe0\x01\x008\x86q,\xdb\xd6O\xcf\xb2,\xc00\xb3\xd9\xfc\xd5W_\x01\xb7+\x82\xf4\xa7 \x01x(@\x0b\xfe\xe8\xa3\x8fN\x9c8\x11&amp;\xf6@\x17\xbe)\xe9\x13\xbb\x03\xf8{\x00\x00\xcf\xf3K\x97.\xd5\xe9tp\xc5\x18:#\x06\x83\xe1\xea\xd5\xab\xc0\xc5\xbb&amp;l|ZZZee\xa5F\xa5"\t\xa2\x9d\xbf\xbf b\xeb\x0f\xc1\x00\x10X\xb6\x9d\xbf?I\x10\x1a\x95\xaa\xb2\xb22--\r&lt;\x9cg\r\xb3\\h\x9a\xde\xbae\x0b\x00\xc0b\xb5N\x1d5*$,\xcc\x9d\n\x7f&gt;8\xb0DhHX\xd8\xd4Q\xa3\xe0~\x94\xad[\xb6\xd04\xed\xea\x9e\xd6_\x05\t\xc0C\x04F\xff\x05A\x80\xb9@\xf7\x7f3\xecyZ\xad\xb6w\xef\xde\xf0\xbfM\xff\xde\xbcy\x13\xb8x\x80\x126&gt;55\x15\x00PQS\xe3\xa9\xd1\xf4\x88\x8e\x16\xe7\xf2\xef\x9d\xc0\xa5\xe0\x1e\xd1\xd1\x9e\x1aMEM\r\xb8}\x8b\x1e\xc6\xb3\x86)X\x1b7n\xfc\xa5\xbc\xfc\x89!C\x86$&amp;\x8e\x7fl0+\xe2G\x80\xe38k\xb5\x8e\x7fl\xf0\x90\xc4\xc4\'\x86\x0c\xf9\xa5\xbc|\xe3\xc6\x8db\xab\x0e$\xd2g\xdf2\xe08\xfe\xa7\xf5\x7f\xee\x04F\x84\x02\x03\x03\xc1\xeddp\xf8\xaf\xc9dzx\x8dl\x19\x08\x82p8\x1c\x07\x0e\x1c\xf0\xf2\xf0\xe8\xd8\xae]rBO\x1e\x00A|\x8e\xe7\xbd\x08\x18\xc6\x03\x90\x9c\xd0\xb3c\xbbv^\x1e\x1e\x07\x0e\x1cp8\x1c\x0fc\r\x00\xf6\xa5\x1f~\xf8\xc1h\xb1\xfcx\xecXr\xcf\x9e\x9d\xc3\xc3\xad6\x9b\x08\xe3?\x10\x1c\xc3\xac6[\xe7\xf0\xf0\xe4\x9e=\x7f&lt;v\xcch\xb1\xfc\xf0\xc3\x0f@d\xc5A\x91\x008\x17\xbf\x9b\x8f\xec\xea\xfb3aD\xeb\xf2\xe5\xcb\xc5\xc5\xc5\xf5\x8d\x8d\x8d&amp;\xd3\xa4\xe1\xc3y\x86\x11\xd5H\xfb#0\x0c\xe3\x19f\xd2\xf0\xe1\x8d&amp;S}ccqq\xf1\xe5\xcb\x97\xe1\xa6\x90f\xfc\x16\x18\xff\xa9\xaa\xaa\xca\xcc\xca\xf2\xf3\xf6\xa6\xa4R\x00\x00A\x92.=\xad\xfc\xe7\x08\x82@\x90$\x00\x80\x92J\xfd\xbc\xbd3\xb3\xb2\xaa\xaa\xaaD\x15\x05B\x02\xe0D@\x83\xf8\xcb/\xbf\x80;v\x08\x03\x00\xe0^\x01\xd75\x97\xf0*\x8e\x1e=\x8ac\x98J\xa9\xc4q\xdc\xdf\xc7\xc7\xbd+??8\xb0F\xb4\xbf\x8f\x0f\x8e\xe3*\xa5\x12\xc7\xb0\xa3G\x8f\x82\xe6\x8e\x02A99x\xf0\xa0\xd5l\xae\xaa\xabk\xe7\xef\xff\xef\x91#\xecf\xb3\xd8\x92\x7f\xee\x82\xc0q\xbb\xd9\xfc\xef\x91#\xda\xf9\xfbW\xd5\xd5Y\xcd\xe6\x83\x07\x0f\x82\xdb\xb7K\x0c\x88\xfa\xf1;\x15Mkt\x17.\\\x00\xb7\xc7?\xf4\x9d\x83\x83\x83\x81+\x0b\x00\x8e\xe3\x0c\xc3l\xdf\xbe\x1d\xc30\x7fo\xdd\x0b\x13&amp;h4\x1a\x96\xe3\\\xf7\x8a\x9a\x11\x0c\xc3X\x8e\xd3h4/L\x98\xe0\xef\xad\xc30l\xfb\xf6\xed\x0c\xc34oh\x9e \x08\x86a&gt;\xfa\xe8\xa3\xc8\xe0\xe0\xc7\x1f}\xb4O\\Wo\x9d\xce\xc1\xb2"\x7f\x04\x18\x869X\xd6[\xa7\xeb\x13\xd7\xf5\xf1G\x1f\x8d\x0c\x0e\xfe\xe8\xa3\x8f\x18\x86q\xf59\xf7\x83\x83\x04\xc0Y\x80\xb6~\xe7\xce\x9d7n\xdc\x80\x9b\x12a\xb2PPPPhh(pY\x01\x80\xc2f\xb5Z\x8b\x8a\x8a\x04\x00\x8a\xcanDG\x84KHR,s\xec\x07@\x00@B\x92\xd1\x11\xe1Ee7\x04\x00\x8a\x8a\x8a\xe0\xf2xsM\x02`\xd7\xbat\xe9RA~~YEEyU\xd5\xacI\x93\x18\x14\x82\x03\x00\x00\x80a\x18\xc30\xb3&amp;M*\xaf\xaa*\xab\xa8(\xc8\xcf\xbft\xe9R\xb3\x87\xe0\x9c\x16$\x00N\x01\xc7q$IVWW/\\\xb8\xb0i\x19\x00\x9a\x80q\xe3\xc6Q\x14\xc5\xba\xac\xb3\x06\xaf\xa5\xaa\xaa\x8a\xe7\xb8q\x83\x06}\xf7\xfe{];u\xb2\x8bx\xed\xf1^p\x0c\xb3\xdbl];u\xfa\xee\xfd\xf7\xc6\r\x1a\xc4s\\UU\x15h\xbe(\x10\xfc\x9c]\xbbv\t\x00h5\x1a\x99T\xea\xe3\xe9\xc9\x89&gt;\x07\x17\x82\x01\xc0\xb1\xac\x8f\xa7\xa7L*\xd5j4\x02\x00\xbbv\xed\x02.\x9et\xf7\xe0 \x01h}\xe0\xce/\x8b\xc52f\xcc\x98\xf2\xf2r\x98\x88\x06K\x02h4\x9a\x17_|\xd1\xa5\xeb\x14\xc2\xa4\xba\x03\x07\x0e\x18M\xa6\xad\x07\x0f\xae\xda\xb8\xd1\x17Z\x1f$\x00\xb7\xc10\x8ccY_O\xcfU\x1b7n=x\xd0h2\x1d8p\x004\xdfn\x00\x82 h\x9a\xde\xb7o\x1f\x86a\xa5\xb7n\rKJ\xf2\xd6\xeb\x1dh\x06\x00\x00\x80Q \x86\xf1\xd6\xeb\x87%%\x95\xde\xba\x85a\xd8\xbe}\xfbh\x9a\x16I\x14\xc8U\xcd\x8a\xdb\xc0\xb2,A\x10uuuC\x87\x0e=u\xeaTSE*\xf8\xc3\xc7\x1f\x7f\x1c\x10\x10\xe0\x06u *\xab\xaa\xbc\xb5\xda\xe1\xfd\xfb\x0fL\xe8E\x12\x84(\x9c\xab\xbf\x82\x00\x00I\x10\x03\x13z\r\xef\xdf\xdf[\xab\xad\xac\xaaj\xaeO\x86\xf1\x9f+\x97/\x17\x16\x16\n\x82@I\xa5C\xfb&amp;\xb26\x9b\xab\xf7\xa8f\x04\xc7q\xd6f\x1b\xda7\x91\x92J\x05A(,,\xbc\xf2\x10\x12\xb1\x9c\x13\xd4\tZ\x13X/\xba\xb8\xb8\xb8_\xbf~\'N\x9c\x80\xc5\x7f\x00\x00\x12\x89\x84a\x98g\x9ey\xe6\xb9\xe7\x9ek\xe1\x93\x02\x9b\x1d\x18\xc8\xca8\x7f\xdeN\xd3*\xb9\xfc\xb1&gt;}X\x00\x90\x00\xdc\x85\x00\x00\x0b\xc0\xe0&gt;}Tr\xb9\x8d\xb6\x9f?\x7f\xbe\xb9T\xff\xd7\x14\xacc\xc70\x0cS+\x95:\x0f\x8fv\xfe\xfe\x8c\xc3\x81\x9c\xff&amp;0\x00\x18\x87\xa3\x9d\xbf\xbf\xce\xc3C\r\x13\xb1\x8e\x1d\x03\xe2\x88\x02!\x01h5`\xdc\xff\xe8\xd1\xa3\x89\x89\x89\xb9\xb9\xb9\x04A\xc0@?I\x92\x0c\xc3L\x992\xe5\xeb\xaf\xbfv\xf5\xd3Ja\xf0\xaa\xb1\xb1177\xd7l\xb3m=p\xe0R~\x1e%\x93\x89j\xb3\xe5\x83\xc0\xf3&lt;%\x93e\x15\xe4o=p\xc0j\xa7\xaf\\\xbel\xb1X\x9ae\x1d\x18\xc7q\x96e\xb7o\xdfN`\x98^\xa7{f\xdc85J\xc1\xfa-0\x11K\xad\xd1&lt;3n\x9c^\xa7\xc30l\xc7\xce\x9d.\x1dw}p\xdc\xff\n\x9d\x13\xe8\xd7\x7f\xf5\xd5W\x83\x07\x0f\xae\xac\xac\x84\x15@\x9bN\x04\x9b3g\xce\xf7\xdf\x7f\x0f\xbb\xa0\x1b\x0cTx\x16\x02\x00\x80 \x88\xe8\xb00\x80\x16\x00\xee\x01\xc7q\xc6f\x1b\xd6\xb7\xaf\x9f\xb7\xb7\xaf\x97\x97\xcdj\xad\xad\xad\x05\xff\xd8\t\x85]\xc8h4\x16\x16\x162\x1cW|\xe3F\xb7.\x9dQ\n\xd6\xbd\xc0D\xacn]:\x17\xdf\xb8\xc1\xf1\xfc\xe5\xdc\xdc\xeb\xd7\xaf\xbb\xd3Q\x1c\x7f\x04\x12\x80V\x00Z\xff7\xdf|\xf3\xf9\xe7\x9f\x87v\x1f\xfe\x06\x9e\x11\xf6\xf1\xc7\x1f\xaf\\\xb9\x12VnA\x86R&lt;`8\xee`\x98F\x93\xc9C\xad"p\xdcl6\xb7v\x8bD\nt\xc2\xacVkk7\xa4%@\x02\xd0\xd2@[\xff\xee\xbb\xef\xbe\xf5\xd6[ME@\xe1\x0c@\xa7\xd3\xed\xdb\xb7\xef\xd5W_\x85\xb1 \xb7\xb1\xfeMgar\x1c\x97]P\x00D_\x81\xe0^x\x9e\')*\xe5L\xba\x8d\xa6\x8bo\xdc\xa4\xe4\xf2\xf6\xed\xdb\x83\x7f\xbc\xf9\x03f\x94i4\x9a\xd0\xd0P\tAtl\xd7\xeeB\xeee1\x97\xe0\xfe#`i\xee\x0b\xb9\x97;\xb6k\x87cXlll\xe7\xce\x9d\xdd \xf9\xe2Oq\xf3\xcbs6\xa0\xf5\xdf\xbd{\xf7\xe2\xc5\x8b\xe1\x92/\xac\x15\xcaq\\XX\xd8\xc9\x93\'\x1f\x7f\xfcq\xb82\xec\x1e\xd6\x1f\x1a \x0f\x0f\x8f.]\xba\xa8\xe4\xf2\t\xc3\x86u\r\x8f\xa0\xedv\xb7\x1fW\x7f\x15\x1c\xc7i\xbb=6&lt;|\xc2\xb0ar\xa9\xb4Sd\xa4B\xa1\x80\xb3\xc0\x7f\xf8\xc9&lt;\xcf\x93$9~\xfcxN\x10\xaa\xea\xea\xbe\xdd\xb1\xc3d4\x92\x0f\xed\xc8\x01WD\x10\x04\x92 LF\xe3\xb7;vT\xd5\xd5\t\x820v\xecX\xe0\xe2\x05\xd8\x1f\x104\x0e[\x0e\x18\x90mhhx\xe1\x85\x17\xa0e\x84\xc7\xa4\xb0,\x1b\x17\x17\x97\x96\x96\x16\x11\x11\x01\xad\x7fk\xb7\xb49\x81V,\xbe{w\x19E\x99m\xb6\x9fO\x9d"\x01p\x07qkV0\x00H\x00~&gt;u\xcal\xb3\xc9e\xb2\xee\xdd\xbb7W\x00\x1aJH\xff~\xfd\x04A0Y,u\x8d\x8d7**$R)2\xffM\x08\x00H\xa4\xd2\x1b\x15\x15u\x8d\x8d&amp;\x8b\x85\x17\x84\xfe\xfd\xfa\x01\x97\xdd{\xff\x97@\x02\xd0r\xc0\x8c\xec\xb5k\xd7\xc2U_8\xc1\xe48.22\xf2\xe7\x9f\x7f\xd6\xeb\xf50/\xa8\xb5\x9b\xf9P\xf0\xd3\xebk\r\x86\xfdG\x8f\xa6\xa4\x9fa9\xce\xfd\x07\xd6_\x04\x03\x80\xe5\xb8\x94\xf43\xfb\x8f\x1e\xad5\x18\xfc\xf4\xfa\xe6\xfadx\xbeXd\xe7\xce\xa1\xa1\xa1\x18\x86\xd1\x0e\xc7O\'N\x92r\xb9\x18\xdc\xdb\x07\x84\xe7yR.\xff\xe9\xc4I\xda\xe1\xc00,444\xb2sg\xe8\x9c\xb5v\xd3\x1e:H\x00Z\x0e8\x14\xb7n\xdd\xdat\xda\x97 \x08*\x95j\xd7\xae]\xde\xde\xdepGXk\xb7\xb1\xf9\x81\xd1\x9ea\xc3\x86i\xd4\xea\tC\x86\xcc\x992\xa5\xba\xa1\x01\x15"\xbe\x13X\x94\xb8\xba\xa1a\xce\x94)\x13\x86\x0c\xd1\xa8\xd5\xc3\x86\r\x03\xb7o\xdd?\x87\xe38\x8a\xa2F\x8c\x18!\x08BP@\xc0\x81\xb4\xb4\xda\xaa*\xa9D\x82\x1e\x01\x00@\x10\x04\xa9DR[Uu --( @\x10\x84\x11#FP\x14%\x86]`\x00\t@\x8b\x01#!\xb7n\xdd\xca\xcb\xcb\x83\xe7\x00C=\x983gNXX\x18\xc30\xee\xea\xfb\xc3y\xb4^\xaf\xc7\tb\xc7\xe1\xc3O\xbd\xfe\xc6\xa5\xabWer9\x8f\xac\xcfmxA\x90\xc9\xe5\x97\xae^}\xea\xf57v\x1c&gt;\x8c\x13\x84^\xaf\x07\xcd\x17\x82\x80\x9f3f\xcc\x18\x0c\x00\x83\xd1hw8j\xa0\x067\xcb\xa7\xbb8\x02\x00\x04I\xd644\xd8\x1d\x0e\x83\xd1\x88\x010f\xcc\x18 \x8e\xf8\x0f@\x02\xd0b@o\xab\xb4\xb4\xd4f\xb3\xc1\xbe\x05\x13@\'N\x9c\xe8\xde\xc9\x06p\xb5C\xa1P\x84\x84\x84`\x00\x84\x04\xb6\xcb\xce\xcbG\x89(w\x02SP\xb2\xf3\xf2C\x02\xdba\x00\x84\x84\x844\xd7\n0\x04\xba\x1a]\xbbv\r\x0b\x0f\x0f\xf4\xf7o\xa3\xd7\xaf\xd9\xbcY\x82f\x00\x00\x00\x00\x04A\x90H$k6on\xa3\xd7\x07\xfa\xfb\x87\x85\x87w\xed\xdaU$\xf1\x1f\x80\x04\xa0\x85\x81\xbb{\xe0\xf6.A\x10|}}\xdb\xb7o\x8f\xe3\xb8\x1b\x0b\x00\x00\x80\xe7y\x89D2~\xfcxA\x10*j\xeb\xbe\xd8\xba\xd5\x88\x12Qn\x03SP\x8cF\xe3\x17[\xb7V\xd4\xd6\t\x820~\xfcx\x89D\xd2\xbc1z\x8e\xe3$\x12\xc9k\xaf\xbdv\xa5\xa4\xe4\xc7\xe3\xc7O]\xbcT[W\'\x15} N\x10\x04)I\xd6\xd6\xd5\x9d\xbax\xe9\xc7\xe3\xc7\xaf\x94\x94\xbc\xf6\xdak\x12\x89D$\xf1\x1f\x80\x04\xa0\xc5\x80#\x8d\xa6i\xf2\x0e\xf4z\xbdB\xa1h\xed\xa6=t~MD\xe9\xdf\x9f\x17\x04\xb3\xc5\xc2\xf3|EM\x8dD"\x11\xb5\xed\xb9\x8d\x00\x80D"\xa9\xa8\xa9\xe1y\xde\x0cSP\xfa\xf7\x07\xcd\x1d\x82\x80\xfe\xec\x90!C\x14*\x95^\xa7\xbbQQ\xf1\xfd\xde}2\x95\x8a\x13\xf7R0\xc7\xf32\x95\xea\xfb\xbd\xfbnTT\xe8u:\x85J5d\xc8\x10\xe0\xfa\x87\xb0&gt;8H\x00Z\x14\x9b\xcd\xc6\xb2,M\xd3\x0e\x87\x83e\xd9\xc6\xc6F\xe8\xfb\xbbw\xc0\x11\x86 :w\xee\xdc\xb1cG/\x0f\x0f\x0f\xb5z\xf3\xfe\xfd8\nA\x00\x00`r\xb0D\xb2y\xff~\x0f\xb5\xda\xcb\xc3\xa3c\xc7\x8e\x9d\x1fB\n\n\x0c\xc4\xe9\xf5\xfa\xd8\x98\x98\xca\xdaZ\xda\xe1\x00\x00\xa0\xa2\xdc\xb0\x107\x00\x80v8*kkccb\xf4z}3\x06\xdf\x9c\x1f\xf7\\xtB\xa0\xa1\xef\xd6\xad\xdb\x9bo\xbe\t\xbb\x97 \x08\xfa\xe6\xcb\xf6sr8\x8e\x93J\xa5\xc3\x86\r\xfb\xfc\xf3\xcf\xeb\x1b\x1bS\xd3\xcf\xbe\x0f\x00\x86\x04\x00\x00L\x10p\x00R\xd3\xcf\x16\xdf\xb8\x01\x00\xf8\xf7\xf4\xe9R\xa9\xf4al\x07\x81r;y\xf2\xe4\xcc\x0b\x17\x86\xf4\xed\x9bz\xf6\xec\x80\x84\x9e\x91!!6\xbb]\x9c\x87\xf3\xf0\x82\xa0\x90\xcb/\xe7\xe7\xa7\x9e=\xfbx\xbf~\x07O\x9c\x98&lt;y2\x10G\x11\xd0&amp;\x90\x00\xb4\x10P\x00:w\xee\xdc\xb9s\xe7\xd6nK+\x005/99\xf9\xf3\xcf?\xf7\xf7\xf1i0\x1a\xcfegw\x8b\x8c\xb4\x8a\xbb0=\\\x1e?\x97\x9d\xdd`4\xfa\xfb\xf8T\xd4\xd4$\'\'\x83\x873#\x84\xb5E\xa7L\x99\xf2\xe9\xb2e\xdb\x0e\x1e\x04\x00\xc4FD\xbc\x17\x1d\xcd[\xad\xb8h"\x1ew\xc2\xf3&lt;\xa9Pl\xff\xf9\xd0\xc1\x93\'\x01\x00\xe1aaS\xa6L\x11I\x11\xd0&amp;Dt\xa9\xce\x00\xcf\xf3\xecoi\xed\x16\xb5\x10pP%%%\xf9\xf9\xf9\x19\xcdf\x96\xe3nTT`\xa2\xcfD\x14\x00\xc0H\xf2FE\x05\xcbqF\xb3\xd9\xcf\xcf/))\t4\xdf\x0e\x80;\x81Q \x8a\xa2&amp;L\x9c\x08\x00P*\x14\x1b\xf6\xec)*(\x90Q\x94\xa8|^\x88 \x082\x8a**(\xd8\xb0g\x8fR\xa1\x00\x00L\x988\x91\xa2(Q\xc5\x7f\x00\x12\x80\x16\x06\xc7q\x92$\xf1\xdb\xb8k\xee\xff\xbd\xc0\xf3\x95\xd4j\xf5\x90!C\x94\x14\xd5\xbbk\xd7=\xa9\xa9\xf5uub.M\x0cK\x10\xd7\xd7\xd5\xedIM\xed\xdd\xb5\xab\x92\xa2\x86\x0c\x19\xa2V\xab\xb9\x87V\xac\x1f\xea\xca\xcc\x993U*\x15\x10\x04\x92$oVV\x11$)\xc2=\x19\xbc \x10$y\xb3\xb2\x8a$I \x08*\x95j\xe6\xcc\x99\xe0\xe1H\xaf3#\xae\xabmu`\xfd\x9f&amp;\x01\x80;\xc2Z\xbbQ-\x044j\xaf\xbe\xfa\xaa\x8de\x0f\x9e&lt;\xb9\xf3\xd0\xe1\x13\x17/\xc9\x14\n\xf1\xdc\x81\xbb\xe0y^\xa6P\x9c\xb8xi\xe7\xa1\xc3\x07O\x9e\xb4\xb1\xec\xab\xaf\xbe\n\x1efF\x00\x94a\xbd^?r\xd4(\xa5L\xd6\xbdK\x97\xa5\xabW5\x18\x0c\xf0(\xc4\x87\xf4\xa5N\x08&lt;\x1a\xb3\xc1`X\xbazU\xf7.]\x942\xd9\xc8Q\xa3`-\x16Q\xb9\xff\x00\t@K\xd2t\xc0\xcb\xcd\x9b7\xb3\xb3\xb3o\xde\xbc\x89aX\xb3\x9c\xfa\xe4\x12\xc0\xeaf\xe1\xe1\xe1!aa6\xbb\xfd\xf1~\xfdj\x1b\x1a8\x86\x11\xd7\x80\xbb\x03\x0c\x00\x8eaj\x1b\x1a\x1e\xef\xd7\xcff\xb7\x87\x84\x85\x85\x87\x87?\xec]\x81\xd0\xc0-Y\xbc\xd8d\xb3\x1d;w.@\xefw8=]\x14\xfd\xef\xb7\x08\x00\x1cNO\x0f\xd0\xfb\x1d;w\xced\xb3-Y\xbc\x18\xb8{2\xde\xef\x82\x04\xa0\x85\x80\xc5\x7frrr\x06\r\x1a\x14\x11\x11\x11\x1b\x1b\x1b\x11\x111d\xc8\x90\xcb\x97/\xc3Ma\xad\xdd\xc0\x96\x00\xde\x84\xd9\xb3f\xa9\x15\x8a\x9c\x82\x82\xe7\xde|\xf3lV\x96B\x94\x93\x00\xb8\xfc{6+\xeb\xb97\xdf\xcc)(P+\x14\xb3g\xcdj\x81\x9e\x00\xeb\x0f\x86\x86\x86&gt;1a\x82F\xa9&lt;y\xf1\xe2\x9e\x94#"4|\x18\x86\xedI9r\xf2\xe2E\x8dR\xf9\xc4\x84\t\xa1\xa1\xa1\xae~\xfc\xea\xdfCt\x17\xdc*\xc0Q]QQ1p\xe0\xc0\x94\x94\x14\x8b\xc5"\x08\x82\xc5b\xf9\xf9\xe7\x9f\x93\x93\x93\x7f\xf9\xe5\x17 \x92\xe2\xe38.\x08\xc2\x13O&lt;\xc1\xe1xQY\xd9\xe0&gt;}(\x8a\xe2x\x1e\x88\xcf\x00\x01\x0c\xe3x\x9e\xa2\xa8\xc1}\xfa\x14\x95\x95q8\xfe\xc4\x13O\xb4L\n\n\x94\x99\x85\x0b\x17V\xd6\xd7G\x06\x077\x9a\xcd\xab\x7f\xd8\xa4\xf2\xf0`\xc5\xb1\xfd\x95\xe58\x95\x87\xc7\xea\x1f65\x9a\xcd\x91\xc1\xc1\x95\xf5\xf5\x0b\x17.\x84\xaeIk7\xad\x15@\x02\xd0\x12\xc0\xd8\xe2\xf6\xed\xdb\xab\xab\xab)\x8a\xc2nCQTuu\xf5\xe6\xcd\x9ba\x86Fk7\xf3\xa1\xd3T\x17\xe8\xf9\xe7\x9f\x0f\x0f\n\xea\x14\xdca\xee\x07\x1f\xe4\x8a/\x11\x05\xa6\xa0\xe4\x16\x14\xcc\xfd\xe0\x83N\xc1\x1d\xc2\x83\x82\x9e\x7f\xfe\xf9\xe6\xad\xffs\x1f`,.,,\xec\xc9\'\x9fLIO\xbfV^~.\'\xe7zY\x99\x18\x9e\x02\xbc\xf3\xd7\xcb\xca\xce\xe5\xe4\\+/OIO\x7f\xf2\xc9\'\xc3\xc2\xc2\xdc\xbb\x1e\xd7}\x10\xe35\xb7\x16yyyp\x15N\xb8\r\x14\x86\xcb\x97/\x03\xd1\xc4\x1f\xe10\x9b={\xf6\xcd\xea\xea\xe5\x1b\xbeO\xcf\xcc:t\xea\xb4D\xa1\x10\x89\xfb\ta9N\xa2P\x1c:u:=3k\xf9\x86\xefoVW\xcf\x9e=\x1b\xb4`\n\n\x9c\x04\xbc\xba\xe05\xad\xa7\xa7\xd5f\xdbq\xe8\xd0\xd6\x03\x07(\xb5\xda\xedk\xe0p\x1cG\xa9\xd5[\x0f\x1c\xd8q\xe8\x90\xd5f\xd3zz\xbe\xba\xe05\xd1\xba\xff\x00\t@\xcb\x00\xbb\x17\xc30\xf7zX\x82 0\x0c\xd3\x1a\x8dj\x1d\xa0\x04\xfa\xfa\xfa\xfe{\xda4\xa5L6q\xd8\xd0\x9b\x95\x95\xd999\x1a\xb5Z\x0cs \x00\x00\xcf\xf3\x1a\xb5:;\'\xe7fe\xe5\xc4aC\x952\xd9\xbf\xa7M\xf3\xf5\xf5m\xc9\x14\x14\xb8\x12\x10\x12\xd2\xf1\xa9\xe9\xd3\xabjke\x14\xb5d\xd5\xeaK\x99\x99\n\x85\xc2\x8dSByAP(\x14\x9723\x97\xacZ-\xa3\xa8\xaa\xda\xda\xa7\xa6O\x0f\t\xe9(\xce\xe8?D\xa4\x97\xdd\xc2@\xbb\xef\xef\xef\x7f\xd7Q\xef\xf0\xbf\x01\x01\x01@L\x1b\xd0\xe1J\xc0;o\xbf\xad\xd3\xe9\x0e\x9f&gt;\xf3\xd5\xb6ms\xdf\xff\xd0r\xbbJ\xb6\xdb\x83a\x98\xc5f\x9b\xfb\xfe\x87_m\xdbv\xf8\xf4\x19\x9dN\xf7\xce\xdbo\xb7\xfc\x06T\xf8\x14f\xcc\x98A\x90$\xcf\xf3\xf1]\xba\xdc\xac\xac\xc4q\x1c\xb8q?\x14\x04\x1c\xc7oVV\xc6w\xe9\xc2\xf3&lt;A\x923f\xcc\x10\xdb\xd6\xdf\xbb\x10\xef\x95\xb7$\xb0\x87\xc1#\x99X\x96\x95H$\x04A\x90$\xc9\xb2\xac \x08\xa3G\x8f\x06b\xda\x81\x02W\x02t:\xdd\x8c\x993\xeb\x0c\x06\xa9D\x92v!\xe3B\xeee\xa5J%\x86\x10\x84R\xa5\xba\x90{9\xedB\x86T"\xa93\x18f\xcc\x9c\xa9\xd3\xe9Z~\x03*\\\t\x88\x88\x88xe\xfe|/\xb5Z\xa5P&lt;\xb3dizf\x96\xd2MK\x84r&lt;\xafT\xa9\xd23\xb3\x9eY\xb2T\xa5Px\xa9\xd5\xaf\xcc\x9f\x1f\x11\x11!\xda\xe8?D,\t\x88\xad\x0e\xecg\xef\xbe\xfb\xee\xe2\xc5\x8b\x9b~\x89a\xd8{\xef\xbd\xb7h\xd1"\xb1\xf5B\xb8\x04\xc2\xb2l\xcf\x9e=o^\xbb6r\xc0\x00\xa5\\\xfe\xe6\xac\x17d\x14\xc5\xf1\xbc\xbbN\x04\x04\x00\x08\x1c\xb7\xd3\xf4\x9bk\xbe\xb0\xd8l{\x8f\x1ci\xdb\xa1\xc3\xd9\xb3gI\x92\xbckj\xd8B\xed\x11\x04\x00@CCCpp\xb0\xc1`\x00\x00\xc4\x84\x87\xa7o\xdd\xc2\xb1\xac\x9b\x85\xc5\xe1\xe5\x10$\x990abV~&gt;\x00@\xab\xd5\x96\x94\x94xzz\x02\xd1,\xbf\xfd.H\x00Z\x0eh\xe5\xcf\x9d;\xf7\xe3\x8f?VTT\xf8\xfb\xfb\x8f\x1c92&gt;&gt;^l\xd6\x1f\xc2q\x1cA\x10iii\x8f\x0f\x1d\x020\xdcd\xb1\xbc\xfe\xec\xb3\xef\xbd:\xbf\xb1\xae\xce]+d\xb0,\xeb\xa1\xd3\xbd\xf1\xc9\xb2\xf7\xbf\xf9F\xadT\x02\x81\xff\xf1\xa7\x83III\xf0V\xb4J\x93\xe0W\xafY\xb3f\xf6\xec\xd92\x8a\xb2\xd3\xf4\x8bO&gt;\xb9b\xf1\x7f\x1a\x1b\x1bI7\xaa\x10\xc7r\x9c\x87\x87\xc7\xdcw\xde]\xb9i\x13\xbc\xcc\xd5\xabW\xcf\x9a5\xab\x15\xef\xbc\x93\x80\x04\xa0E\xb9\xd7\xd6\x8b\xd</t>
        </is>
      </c>
    </row>
    <row r="75">
      <c r="A75" s="1" t="n">
        <v>73</v>
      </c>
      <c r="B75" t="inlineStr">
        <is>
          <t>grid_number_color</t>
        </is>
      </c>
      <c r="C75" t="inlineStr">
        <is>
          <t>What is the missing color if the part denoted with the question mark has the number 5?</t>
        </is>
      </c>
      <c r="D75" t="inlineStr">
        <is>
          <t>['purple', 'blue', 'red', 'yellow']</t>
        </is>
      </c>
      <c r="E75" t="inlineStr">
        <is>
          <t>red</t>
        </is>
      </c>
      <c r="F75" t="inlineStr">
        <is>
          <t>There is a 3x3 colored grid of numbers. The first row has number-color pair [(9, 'yellow'), (9, 'yellow'), (5, 'red')], the second row is [(5, 'red'), (2, 'blue'), (2, 'blue')], and the third and final row is [(7, 'purple'), (7, 'purple'), (5, '?')].</t>
        </is>
      </c>
      <c r="G75" t="inlineStr">
        <is>
          <t>We observe that the grid cells with number 9 is yellow in color, the grid cells with number 2 is blue in color, the grid cells with number 7 is purple in color, and the grid cells with number 5 is red in color. Thus, the pattern is that the grid cell with the same number will have the same color.</t>
        </is>
      </c>
      <c r="H75" t="inlineStr">
        <is>
          <t>Based on the pattern that the grid cell with the same number will have the same color, the missing color of the part with 5 should be red.</t>
        </is>
      </c>
      <c r="I75" t="inlineStr">
        <is>
          <t>b'\x89PNG\r\n\x1a\n\x00\x00\x00\rIHDR\x00\x00\x02\x00\x00\x00\x02\x00\x08\x02\x00\x00\x00{\x1aC\xad\x00\x00~|IDATx\x9c\xed\xddu\x80\x1cE\xda\x06\xf0\xb7\xaa\xbb\xc7gg=Y\x89\xbb\xbb\x10\'\xc4!\x04\x08\xee~\x1cp\xf8\x07\x87\x13\xe0p\x0e\xf7 \x01\x82&amp;\xc1C\x12b\xc4\xdd\x13\xe2\x9e\xcd\xfa\xee\xecxwW\xbd\xdf\x1fM\xf6\x82Gf\xb3;\xcc\xfb;\x8e\xbb\xb5\xd9\xde\xa9\xeez\xaa\xaa\xab\xaa\x19"\x02!\x84\x90\xe4\xc3k\xfb\x00\x08!\x84\xd4\x0e\n\x00B\x08IR\x14\x00\x84\x10\x92\xa4(\x00\x08!$IQ\x00\x10BH\x92\xa2\x00 \x84\x90$E\x01@\x08!I\x8a\x02\x80\x10B\x92\x14\x05\x00!\x84$)\n\x00B\x08IR\x14\x00\x84\x10\x92\xa4(\x00\x08!$IQ\x00\x10BH\x92\xa2\x00 \x84\x90$E\x01@\x08!I\x8a\x02\x80\x10B\x92\x14\x05\x00!\x84$)\n\x00B\x08IR\x14\x00\x84\x10\x92\xa4(\x00\x08!$IQ\x00\x10BH\x92\xa2\x00 \x84\x90$E\x01@\x08!IJ\xad\xed\x03\xf8\x1fDD\xc4\xda&gt;\x8a\xbf\x15\xc6\x18c\xec\xc4\xff^*\xca\xb8\xab\x95\xa2\xb4\n\x91\x8a2\x8e\xacB\xac\x95\xab\xf2w\xb1\xda-]D\x94R""\xe7\x9cs\xea\x8e\xd4\x08!\xc4\tx\x87\xa5\x94RJ\xc6\x98\xa2(5\xf7[\x92\x19"\n!\x18c\x9c\xf3\x9a\xabA\xac\xf0\xa6\xa2\xacQ\xd5\x97dm5\xd1\xaa\xd5Z\x00X\xf5\xfe\xe1gX(\x1c-,,..)c\xac\x96c)\xf11\x00\xe4\x9c\xb5j\xd1,%\xc5\xc3\xf9\xff\xce0!D|\xab\x0f\xab\xb2\xe0\x9c1\xf6\xbft\t\x06#[\xb7\xed\x88\xe9\x060\x06T\x94\xc7\xc1\xba\x16|&gt;o\xa3\x86\xf9n\x97\xa3\xfa\xf3B\x08\x00\x88o\x05m\x05\x8c\xaa\xfeoT f\x18\x15\x95\x95{\x0e\x1c\xb0\xbe\x1c\xc7\xdf\x95\x8c\x18\x03\x80Fyyi\xa9\xa9vM\xab\xfe\xb4i\x9a\x8a\xa2\xd4V\x0c\xd4BU+\xa5d\x00\x8cs\x00(+\xaf\xfcq\xde\xe2\x1f~\xf8a\xfb\xb6\r\x15%{\x85\x11\xf0y\x11$\x9dj\xc7\x07\x018\xd3u\x11\x16^\xb7;\xb5^N\xb3\x1e=\xfb\x8c\x18&gt;\xb4K\xe7\xb6\xd6\xd7\xe3\x15\x03B\x88\xea:\xe8\xa7\xcd;\xa6M\x9f\xb9t\xe9\xa2\x83\xfb\xb7\x05\x83\xe5\xaa\xa8t\xba8\x08\x84\xba\xd2\xd9ML\x08\xa0\xb0@\x10\xb8\xcd\x97\x92\x9a\xd3\xa8I\xeb\x01\x03\x06\r\x1d20/\xb7\x1e\x1cj\xad\x1f\x7f\xc7\xceJq\xab(\xa3\xb1\xd8\xf2\xb5k\xbf\x9f&gt;}\xed\x8a\x15\xc5;wF\x03\x01w,\xc6\x00\xe8\x9a&lt;N\xd6{\x18\xb2\xd9\x1c))\xd9M\x9at\xea\xd1c\xe4\xb0a=:wv\xd8\xedP\x03-\xb3#=\xaa\x13\x19\x00\x87\x9fgK\x96\xaez\xe3\x8d7W/\xff\xa1y\xbe\xd9\xafKz\xb7\xf6\xd9m\x9afz\xddv{\xba\x0b$P\xadq\xbc\x18\x80!\xcbJ\x02\xe5\x95\x91\xf5[\x8b\x17\xae*Z\xbe!\x0c\xf6\xc6\xa7\x8e&gt;\xf7\x9a\xab/MO\xf3\xc1/\xab\xef\xa3%\xa5\xb4\xea\x9dh46\xe1\xc3\xcf&amp;}6\xb1\xaatc\xf76\xb6\xbe\xdd\xeaul\x9d]?\xd3\x93\x99\xe1\x01\x87J\xd5\xc6\xf1B\x04\xceDU\xac\xbc*\xbcs\x7f\xe5\x9aM\xc5\x0bW\x96l\xd8\x05\xcd[\xf7\xbd\xfc\xf2\xabF\x8d\x1c\x0cV\x8b\xea8F\x12\xaaO\x83\x1d{\xf6\xbc&gt;~\xfc\x9c\xaf\xbf\xf6VTt\xf1z;\xd7\xab\xd7*;\xdbc\xb7g{&lt;Pg\xc6\xac\x13\x1bbq0\x18\x8a\xc56\x17\x17\xaf-.^UU\x15HM\x1dt\xfa\xe9\xff\xbc\xe6\x9af\x8d\x1a\xc1\xf1]\x92\xc7\xe6\xc4\x05@u\x95\xb1l\xf9\xea\xbb\xff}\x97fn\x1d90\xf3\xfc\xd3Z\xd7k\x94\x01\x8a\x02\xba\t1\x13\x04JS\x9c\x98\xe3\xf9\xdbc\x8c1M\x01\x85\x83C\x05\x95CUd\xc9\x8a\xbd\x13\xbe\xdc\xba\xe2\'&gt;t\xd4\xc5\xf7\xdds\x87\xcb\xe54M\xf3\xf0.\xff\x11\xaa\xfe\xa9\x17_~\xeb\xfdw^h\xd30t\xe1\xe9\xcd\x86\xf6k\xaafx@H\x88\x9a`J0\x85\xa4\x9e\\\x9cp\x85\x83\xc2\xc1\xa6\x80]\x05@\x7f\x81\xff\xcb\x1f\xb6~1\xe3@q0\xf7\x9e{\x1f:\xed\xd4apLuGu\x07b\x7fA\xc1\xbf\xef\xbf\x7f\xf3\xacY}\\\xae\xb3\xdb\xb5k[\xaf\x9e\xd3f\xd3\x85\x88\x9a\xa6\x90\xd2\x90\x92\xc6\x7f\xe2\x831\x8ds\x85s\x87\xaa\xda\x14%\xa2\xeb?\x15\x15M\xda\xb4iQ(\xd4\xf2\x94S\x9ex\xe4\x91\x06\xb9\xb9\xc7\x19\xe7G}D\'&amp;\x00\xac*#\x1c\x0e\xff\xf3\xfa[\xd6-\xff\xea\xde\xeb\xdb\x9c}Z[p\xdb\xa1*&amp;b&amp;\x02\xf2C\x7f355\xe2\xc8\x9a\xc4!\x11P\xa2\xaapp\xdb\xc0\xa5\x1d\xd8Z\xfc\xc4\xab\xcbf/g\x0f&gt;\xfc\xd4\xb9\xe7\x8c\xb1N\x80#?\xe1\xa4\x10\\Q\x16.Zv\xd3\x8d7\xb4\xc8)~\xe0\xd6\x1em;7\x00CB0f\x9a\x82\x01c\x1cX\x1d\x9a\xe6\xf0w\x80\x00\x80P=\xb5J\xd1\x14H\xb1\x83\x10\xb3\xe7n\x7f\xf8\xf9\xd5\xae\xcc\x93\xde|\xf3\x95\xfc\xbc\xdc\xa3\x8a\xf3\xea\x06\xd9#O=\xf5\xc1\x0b/\x9c_\xbf\xfee]\xba\xd4OI\t\xc4b\x11\xc3\x90x\xd8%YS\x7fV2\xb2j[D\xb4\xdea\xa7\xa6y\xed\xf6\xa2\xaa\xaa\t\xabW\x7f\\Xx\xf1M7=p\xd7]pX\xe9\xd4\xb4\x13\x11\x00\xd6y\xb9b\xd5\xda\xcb.\xb9\xf4\xb4\x93"\x8f\xfc{\xb0\xcd\xeb\xc0\xca\x88\xf5GRMq\xc2H\x89R\xa2\xea\xd4 \xc5\xb1|\xd1\xce\x7f\xfe\xfb\xc7\x1e\'_\xfd\xda\xcbO\xc3\x91\x9dp\xd5\r\xc6\'\x9ez\xf1\xfd7\x1f~\xf2\x9e\xce\xa3Gw\x80\x88a\x06c\x9c\xb3\xc3o5\x93\x1a\x85\x08R"\x03\xe0&gt;\x07H|\xe1\xcd\xc5/O,y\xea\xbf\xaf\x9f9f\xe4\x11f\x80\xd5](\xaf\xa88\xff\xb2\xcbp\xe9\xd2g\x86\rk\x96\x99Y\x11\x89\xe8B(\xb5=/%\xa9 \xa2@\xd4\x14%\xdd\xe9\xdcYVv\xc7\xf4\xe9\xd8\xb3\xe7\'\x13&amp;d\xa4\xa7\x9f\x98\xe1\xa0\x1a\x0f\x00\xc304M\xfb\xf8\xb3/\xef\xb9\xf5\xf2W\x1e\xe99\xea\xac\x8eP\x12\x14\xa6P\x14\x9a\xf4Y;\x10A\x08\xa9\xfa\x9c\xa6)\xae\xb9\xed\x9b\xadEMgL\xff\xde\xedv\xfey\x06T\xd7\xfeg\x9f{I\xf0\xc0\xf7\x13_\x1b\x93Q\xdfk\x96\x86\xa8\xea\xafER c\xc0\xb2\xbdk\x96\xee\xbe\xe8\x86\x19\xe7_\xfd\xd0\xfd\xf7\xdc\xfe\x97\x19`}\xc3\xa6\xad[G\x0f\x1f~\xbe\xcfw\xf7\xe0\xc1\x81h4l\x18*\xcd\xc3\xae=\xa6\x94.M\xf3:\x1cO\xcc\x99\xf3Qe\xe57\xd3\xa6\xb5k\xd5\xea\xd8Fh\x8fJ\xcd\x06\x80\xf5\x07|0q\xf2\xb3\xe3\xae\xfa\xfe\xa3\xd3s\x1af\x18%AU\xa3\n\xa3\xf6I\x81La\xac^\xca\x8bO\xfd\xf0\xe1,\xcf\xac\x993\xbc\x1e\xd7\x1fe@u\xed\x7f\xc6Y\x175t.|\xf1\xc5\xb3\xc0\x1f\x15QCQ\xa9\xca\xa8}\xa6!\xd5TGL7O=\xff\xd3\xbe\xa7\xde=\xee\x81\xff\xfb\x93\x8a\xc3jW\xae\xdf\xbc\xf9\xcc\xa1C\x9fh\xdf\xfe\xb4v\xed\n\xfc~\xc6\x18\xf5\xc4k\x9dD\x94\x88\xb9&gt;\xdf\xf7\x1b7\xfe\xdf\x86\r_\xcc\x98\xd1\xb1M\x9b\x9a\xee\x07\xd4`\x00X\x87\xfe\xc9g_&gt;~\xff\xe5\xb3&gt;;33\xc3c\xfa\xa3\xaaFUF]\x81\x08\xc2\x94j~\xea\xcb\xcf\xce\x9a8\xd3\xf3\xc3\x8c\xef\x9dN\xc7o\xe7\xa2UO\x0f?\xfb\xdcK\xf2m\x0b\x9e\x7fy\xac(\xac\xe2\x00\x8cr\xbc\xce\x10B*vMj|\xd8\xd8\x8f\x06\x9eq\xef\x1f\xf5\x03\xac\x80\xdf\xb4u\xeb\x98!C\x9e\xe9\xd0\xe1\x94V\xad\x0eVU\xd9h\xb5W]\xa2\x0b\x91\x93\x922{\xcb\x96\xdb\xd6\xad\xfbj\xe6\xccv\xadZ\xd5\xe8\xfd\x80\x9a\n\x00\xeb\xa0W\xaf\xd9x\xfa\x88\xde\xab\xbe=3\xab\xbeOTE\xa9\xc1X\x07\xe9\x86\xb05\xcax\xe8\xff\xbeX\xb6\xbf\xd3\xd4o&gt;7\x0cS\xd3~QqXU\xc9-\xb7\xdfwp\xdd\xeb\x9fN\xbe\xc28\xe0Wka\xbe2\xf9\x0bR"\xd3\x14\xd4x\xc7A\xef&lt;\xf0\xd4g\xe7\x9e=\xfaW\x8dGk\x12v4\x1a\xed\xd2\xad\xdb\xfdyyc\xbbt9PYI\xb5\x7f\x1dd\x08\x91\xeb\xf3}\xb1v\xed\x83\xfb\xf6\xadY\xb5\xca\xe5t\xd6\xdc\xbc\xa0\x1a\xa9\x91\xad\x11\x83P(t\xc1\x05\xe7\x8d\x7f\xacwV\xc3\x0c\x93j\xff\xba\xca\xa6)\xc6\xde\x8a\x87\x1e9\r\xcbf=\xf1\xd4\x8b\x9a\xa6Z\xabL-V\xdb\xff\xabo\xa6\xcf\xfc\xea\xf9\x8f\xde&lt;O\x14U\xa9\x9cfj\xd5E\x9c3\xa9\x9b\x9c\xb1/\xc7\x9f~\xc7-W\xed\xde\xb3\x8fs.\xa5\xac\xfe\x06+\x0f.\xbd\xf6\xdaa\x00\xe7t\xedJ\xb5\x7f\x9d\xa5)\xca\x01\xbf\x7fl\x97.\xa38\xbf\xe4\xea\xab\x7fU\x8e\xf1U#\x95\xb2\xb5\xda\xeb\xba\xebo;\xbdWd\xf8\xd8NFI@\xa5\xda\xbf\x0eS\x15&amp;\xab"\x1f\xbfq\xe6\xeb/\xde\xbbz\xcd\x06\xce\xb9\x95\x01\x88\xc8\x18+*.\xbd\xe9\x86+?{i\xb8\xa2qf"5\xfe\xeb,E\xe1f \xd6\xbcS\xde#\xd77\xb9\xf0\xa2K\x0f\xdfR\xc5\n\xf27\xdf\x7f\x7f\xcf7\xdf&lt;6rd\x81\xdfO\xb5\x7f]fS\x94\x02\xbf\xff\xd1\x11#\xf6O\x9d\xfa\xfa{\xef)\x8arx\xb3,\x8e\xe2?\x04d-dX\xb5z\xc3\xc5\xe7\xf4\xdb0\xe3B\x10\x92\xd3T\xe2:\xcf4\xa5Z\xcf\xfb\xfe\x1b\x0b\xde\x9f\x9b=s\xc6\xb7Vk\xd1\x1a\xfc\xf9\xe7\x8dwx\x82_&lt;\xfd\xfcY\xe6\x81\nU\xa3Z\xa3\xae3\x85T3=\x83F\xbdw\xcdmo_t\xc1Y\xd6\x1e\x03\x88\x18\x8eD\xbat\xec\xf8F\xe7\xce\x1drr\x82\xbaNw}\xeb8\x89\xe8\xb6\xd96\x16\x16^\xbbr\xe5\xaa\xf5\xeb\xdd.WM\x0c\x04\xd5H\xc3\x9c1v\xcb\xad\xb7=vSG\xc5k\x07!\xe9D\xab\xfbT\x95\x8b\xe2\xc0\xa5W\xf5\x89\x95-\x9a\xfc\xc5TEQt]W\x14e\xfd\x86\xcds\xa7\xbd\xf3\xe8\xdd\xa7\x88\x92\x00\xd5\xfe\t\x813\x86Q\xf3\xd5\x07\x07=\xfa\xf0\xdd\xd1h\x8csn\x9a&amp;\xe7\xfc\xa1\'\x9e\xe8#\xe5IM\x9a\xf8c1\xaa\xfd\xeb&gt;\xceXU,\xd6\xbbq\xe3~\x9c?\xf8\xf8\xe3\xd5\xfd\xf28\xff\x96\xf8\xbe\x9cu\xefw\xe9\xf2\xb5\x10Z\x7f\xc6Y\x1dEy\x98\xe6\xfb\'\x0e\x86\x08w_\xd3\xf1\xad\xb7^\xff\xf9c\xc6^y\xed\xad\xab\xce\xc8\xb3gz\xd0\xa0-:\x12\x03\xe7L\x06\xa3m{7\xee\xd8(\xf8\xe9\xa4o\xac]\x9d\xab\x82\xc1\x99\x9f\x7f~c\xef\xde\x15\x91\x08\xcd\xf7O\x14*\xe7\x15\xe1\xf0\r={\xce\x9e4\xc9\x1f\x08(\x8a\x12\xf7\x01\x9b\xf8\x07\x00\x00\xbc\xf8\xe2Kg\x0f\xad\xc7\\v\xda\xd59\x81(\nC\x7fd\xf8\xf06\xa5{\x17\xafZ\xbd\xc1f\xb3\x95\x94\x96/\x98=\xe9\xb2s:\xa1?JA\x9eH\x18CC^sN\xeb\xf1o\xbe"%r\xce?\x9a4)\xbf\xaa\xaaMNND\xd7\xa9\xf1\x9f(\x18@\xc40\xda\xe4\xe44\x08\x04&amp;~\xfe9c,\xee\x9d\x80x^\xd5\x88\xa8\xaajEe\xd5\xda\x153/9\xa3\x03P\xad\x91h\xa4\x90\x8a\xcf5\xaa\x7f\xc6\x9b\xe3\xdf\x03\x80\x8f?\xfd\xa2}#3\xaby\xb6\x88\x1a4f\x90@\x14\xce \x10=ep\xcbp\xf9\xc6\xd5k7\x02\xc0\xc4\xf7\xdf?\xa7M\x1bC\x08\xba\x87\x9fX\x18c1!\xcem\xd3\xe6\xd3\x0f?\x04\x80\xb8/\x08\x88\xe7\xcbY\xcd\xff\xb9\xf3\x16\xb5\xcc3\xd2\x1bg\x88\x98I\xe7Zb\xe1\x9cAH\x1f;\xac\xc5\xba\xd5\x0b\x10a\xde\x8f\xb3\xce\x1a\xd6\x18\x85\xa4Z#\xe1\x08S\xb2\x14\xe7\x80\xae\xde\xb9s\xe7\x87\xf5h\xd5\xd6\xad}\x1b5\n\xc4b\n\x15eBQ\x18\x0b\xc6b\'5n\x1c\xdc\xb9s\xdf\xc1\x83\xd6\xfd\xfc8\xbe~\x9c{\x00\x000m\xda\xf4\x01\xdd3Q\x8d\xffp\x15\xa9i\x9c3\x8c\xe8\x1d;\xe4r\xfd\xc0\xaa\xb5?\x15\xef\xdf4\xb0W\x03\x16\xd2i\xd08\xe10\xc6\xc0\x10C\xfb\xe4\xad^\xb1x\xd6\xbc\xf9\xf9B\xd4\xf7\xf9\x8c\x1a\x9bNNj\x8e!e}\x9f/\xdf4g\xcf\x9b\x07\x87\xda\xd9\xf1\x12\xcf+\xdbZ\xb0\xb0}\xcb\xfa\x1e\x1d\xeb\xb3\xa8I[\x05$"!\x90\xa5\xd8\xdb4u\xbd\xff\xe1gY&gt;\xa3^\x8e\x0fu\x1a7H&lt;\x9c\x03D\x8c\x0e\xad\xb3+K\xf7|\xf3\xf5\xd4.\xf5\xeaY\xcfw\xaf\xed\xe3"G\x0f\x11\x00\xda\xa5\xa7\xafX\xbe\x1c\x0e\xb5\xb3\xe3%n\x01`m\x16\xa6\x1b\xc2_~\xa0E\xe3\x0c0L\x9aj\x96\x90\x10\x81\xb1v-\xd2&gt;\xf9tJ~\xb6\x06n\x9b\xa0fc\x02b\x8c\xa1!\xf2sSE\xact\xe6\xf4\x99\xeds\xea\x1bB\xd0%\x99\x888c\xa6\x10-\xd3\xd3wl\xdb\x06G\xf3\xe8\x8e#z\xf1x\xbd\x90\x95K\x07\x0e\x1c\x14F\x95\xdb\xeb@\x93j\x8d\xc4\xc4\x00\x04\xd6\xcft\x07*\xf6g\xa4\xdah\r_\xe2B\x89\xccn\xb3iziQA\xa6\xd7cR\x90\',S\xcaL\x8f\xa7\xa4\xa0\xc0Z\xd2\x11\xc7N@\x9c\x07w\x0f\x16\x16\xfb\xdc\xc2\x9d\xe1FSRk#\x111\xc6\xc0\x94\xad\x9b\xa5GB\xe5-\x1b{k\xfbp\xc8\xb1\x93\x12\xc1e\xcb\xc9T\x03\xfe\xf2\xc6ii1\xd3\xa4\xa1\xbcDdM\x04j\x98\x96\xa6WT\xc4\x0c\xa3\x8e\xf6\x00,\xaa\xaa\x020\xa0\x87\xc1&amp;8\xd3\x94\x00\xcc4\xa9\x1c\x13\x1c\xa2D\x00\xc6MI\x0b\xf2\x13\x18\x030\xa5\xe4\xaaZ\xd7\xb7\x82\xa0\x99?\x7f\x0f\x8c\x01\x00R{\xf1o\x02\x91J2\xd11\xa8\x91{\xf84\xbf\x8f\x10B\x92\x14\x05\x00!\x84$)\n\x00B\x08IR\x14\x00\x84\x10\x92\xa4(\x00\x08!$IQ\x00\x10BH\x92\xa2\x00 \x84\x90$E\x01@\x08!I\x8a\x02\x80\x10B\x92\x14\x05\x00!\x84$)\n\x00B\x08IR\x14\x00\x84\x10\x92\xa4(\x00\x08!$IQ\x00\x10BH\x92\xa2\x00 \x84\x90$E\x01@\x08!I\x8a\x02\x80\x10B\x92\x14\x05\x00!\x84$)\n\x00B\x08IR\x14\x00\x84\x10\x92\xa4(\x00\x08!$IQ\x00\x10BH\x92\xa2\x00 \x84\x90$E\x01@\x08!I\x8a\x02\x80\x10B\x92\x14\x05\x00!\x84$)\n\x00B\x08IR\x14\x00\x84\x10\x92\xa4(\x00\x08!$IQ\x00\x10BH\x92\xa2\x00 \x84\x90$E\x01p\xd4\xb0\xb6\x0f\x80\x10B\xe2B\xad\xed\x03H\x00\x88 %" g\x8cs\xc6\xac\xcf ""cL\xe1\xac\xb6\x0f\x90\x1c))Q"2`\x9c\x03c\x0c\x00$"J@@\xce\x19gT\x94u\x9aD&lt;\x86\xe6\x17\x03\xa0\x92\xfd#\x14\x00\x7f\x06\x11\xa4\x94\x8a]U\x9c*p\x06\xba\x80\x98\x00\x89\xcc\xc6\x15\x9b\x02*\x07Cb\xc8\x90\x12\x15\x85\xce\xb0:MJ\x04\x00\xee\xd2\xb8]\x01\x89\xa0\x0b\xd0\x05\x00p\xbb\nv\x05\x80A\xd4\x14\x11\xb3:\x18H]\x83\x00.M\xd3\xf8Q\x0fZH\xc4\x90a\xd4\xc4!\xfd\rP\x00\xfc!)\x90k\\\xf19\xcb\xf6\x07f-&gt;\xb0p\xc5\xc1-\xbb\xfc\x15\xfe\x98iJ\xa7S\xcd\xc9run\x93q\xcaIy\xbd\xbb\xe7(6.\xaat\xca\x80:K\x08T&lt;\x1a\x00l\xdcP:{\xd1\xfe\x15\x1bJ\xf7\x16\x04\x03!\x1d\x18\xf8&lt;\xb6&amp;\rRzu\xca\x1e&gt;\xa0A\xc3\x16i\x106ELPQ\xd65\x08\xa0q\xbe\xa6\xb8\xb8 \x18&lt;\xda\x9f\xf5\xdal=sr\x8e\xa9\xf3\xf0\xf7G\x01\xf0\xfb\x84@\xc5k\x0bTD\x9fz~\xc5\xbb\x936\x1f(\n\xfd\xf6{&amp;M\xdby\xdfs\xcb\x07\xf6\xcc\xb9\xef\xc6nC\x864\x96\x01\x9d!R\xfb\xb1nA\x10\x88J\x9ac\xc5\xd2\x82G_^9m\xfe\xbeXL\xfc\xfa{\x96\x14\xbc\xfd\xf9\xe64\x9f\xfd\x82\xd3\x9a\xdf\x7fS\xb7\xfa\xf9)\xc2\x1fU\x14\xba=V\x87HD\xa7\xaa&gt;\xbb|\xf9\x0f{\xf6\x1c\xed\xcf\xb6HK\x9b{\xdey:"]\x99\xbfE\x01\xf0;\x84\x90\x8a\xcf\xb1re\xe1\xa5\xb7\xcd\xda\xb4\xbd\x02\x008c]\xdbgvl\x9d\xd1\xa0\x9e[\xd3x0ll\xdbS\xb5|]\xf1\xde\x82\xe0\x8f\xcb\x0e\xfex\xe9\xb7w\xfd\xa3\xf3\x13\xf7\xf4\x911\x13$P\x04\xd4\x1d\x02@I\xb1?\xf3\xc2\x8a\xfb\xfe\xbb4\xa6K\x00\xc8H\xb5w\xeb\x90\xdd\xa6Yjf\xaa\x03\x00\x0b\xcb\xa2\xeb\xb7\x96/_ST\xe1\x8f\xbd:q\xe37\xb3v\xbf\xf3\xd4\xe0!C\x1b\x89\n\xca\x80:\x84\x01\x18R\x86LSa\x0c\x00\xc4\x915\xe7\x19\x00\x028\x14\xa5\x86\x8f.\x81Q\x00\xfc\x9a\x14\xa8\xa4\xd8\x97.)\x18~\xd97\xfe\xa0\x01\x00\x17\x9c\xd6\xfc\xb6k:uo\x97\tn\r8\x03`\x80\x08&amp;V\x96\x86?\x9f\xbac\xdc\xf3\xcb\x0f\x14\x87\x9f|cMIi\xe4\xed\xe7\x86\x88\xb0\xce)\x02\xea\x06!PI\xb5\xdf3n\xc1\xe3o\xac\x01\x80\xac4\xc7\x9d\xd7u\xb9\xe8\xf4\x169y\x1e\xb0)\xc0\x18\x00\x82\x04\x88\x99\x9b\xb7W&lt;7~\xed[\x9f\xfc\xb4\xaf0t\xea\x95\xdfM~u\xf8i\xa75\x13\x95\x94\x01u\x05g,&amp;\x84?\x16\x13\x88\x83\x1b6|\xb0O\x9f*]W\x8e\xec:s\xa8\xaa)%]\x92\xbf\x8b\x02\xe0\x17$"\xd8\x95\xa2\x82\xe0Y\xff\x9c\xe6\x0f\x1a\x9a\xca_{\xb8\xffUWv\x04]@\xd8\x14\x15\xb1\x9fG\x12\x190`\xa9n\xed\x9a\xab:\r\x1f\xd4\xf0\xbc\x7fN_\xb2\xb6\xf8\x9d\xc9[\x1a\xe5z\x1e\xb8\xa7\x8f\xa8\x88P\xc5Q\xeb\x84@%\xcd&gt;a\xc2\x06\xab\xf6o\xdf"m\xf2\x1b#Z\xb6\xcf\x82\x80.C\x86\x0c\xea?\xcf\xe7e\xa00\xd6\xbaY\xda\x1b/\x0e\x1d|R\xfe\x95w\xcd\tG\xcd\xf3o\xfeaYCo\xdb6\x992lp\x9a\xe5U\xdb\x10@a,l\x9aU\xb1\x18\x004KM\xed\x9d\x9b[\x16\x89\x1ca\x00 bT\xfcf\xdc\x8f\x00\x00\xad\x03\xf8\x15\x94\xc0\x9d\xea\xff=\xba\xa8\xa08\x0c\x00/\xdf\xdf\xe7\xaa\x7ft1\xca"2d\x00\x03Ea\xaa\xcaU\x95\xab\nW\x14\x86\x02\x8d\x92p\xc3|\xef\xb4\x0fFwl\x95\xce\x18\x8c{e\xd5\xf2\x85\xfb\x15\xaf]H\xba\xe3T\x9b\x10\x91;\x94\x83\xbb\xfc\xb7&lt;\xb6\x983\x96[\xcf\xfd\xfd{\xa7\xb5l\x99a\x14\x87\xd1\x10\x9c3U\xe1\xd5E\xc98\x93Q\xd3(\x0e\x9fwQ\xdb\x8f\x9f;EQX(b^u\xd7\\a\xd2p^\xdd\x80\xa80\x166\x8c\x80\xae\x03\x80\xcfn\x0f\xe9zP\xd7C\x86q$\xff\x84M\xb3\xb6\xff\x80\xba\x8b\x02\xe0\x7f\xa4D\xc5\xa3\xad[~\xf0\xa3\xef\xb63\x06\xa3\x077\xba\xf6\xda.FQPU\xf8\xef6\x03\x19\x03M\xe3f@\xf7\xa5;&amp;&gt;{\x8a\xc3\xaeJ\x89\xff\xf7\xd4\x12\x90H\xf5F\xed\x12\x12\x99K\xfb\xef\xdbk+\xabb\x12\xf1\xa5\xfb\xfa\xe47O5*\xa3\x9a\xc6\x7f\xf7.=\xe7L\xd3\xb8^\x18&lt;\xfd\x9c\xd6w^\xd5\t\x00\x96\xac-\xfe\xf0\xb3\xcd\xdcg7\x85&lt;\xe1\x87O~\x01\x018c\xfeX\xcc\xaa\xca3\x1c\x0e\xc6\x98\xc2\x18?\xe2\x7fj\xfb/\xa8\xbb(\x00\xfeG"\x82M\x19?i\x8b\x10\xc89\xbb\xff\x9f]\xd1\x94\x7f9/\\U\xb9\xe9\x8f\xb5\xef\x99s\xdd\xf9m\x00\xe0\xc7e\x07\x7f\xfcq/\xf7\xd8\x84\xa0N@\xed@\x04US\x02\x07C\x1f\x7f\xbb\x831\xe8\xd1!\xeb\xac\xd3\x9a\x8b\xf2\xa8\xa6\xfd\xc5\xd9\xae\xa9\x8a\xa8\x88\xde{c\xb7F\xb9^\xce\xd8\xd3\xef\xac5\xaab\x8a\xc2\xa9 k\x9d\xc2\xb9?\x16\xd3\x85\x00\x80\x0c\xa7S"R\xe7,.(\x00~\x86\x00\xaa\xaa\x98\x15\xd1\x1f\x16\xee\x07\x80N\xad2\xbaw\xa9\x07!\xe3H\xa6\x84s\xce0d\xdcrY\x07\x8fK\x03\x80\xb7&amp;m\x01\x1a8\xae=R"\xb8\xd4\xc5\xab\n\x0f\x14\x85\x10\xe1\xfcS\x9b\x83S=\x92i\xe0\x8c\x01\xea\xc2]\xcfu\xfdEm%\xe2\xc6m\x15?.\xdc\xcf&lt;\x9a\xa4,\xafU\xd6=\x80\x8ah\xd4\xfa0\xcd\xe1\x904\xa9?N(\x00~\x86\x12\xc1\xa6\xec\xdcS\xb5k_\x15\x00\xf4\xebV\x9fy4!\x8f\xa8\xfb\xcf9\xc3\x88\xd9\xb0E\xda)}\xf2\x00`\xd6\xa2\xfd\xfe\x82\xa0bS\xe8,\xad\x15\x88\x08*_\xbc\xa6\x08\x008c\xfd\xbb\xd7\x07]\x1c\xe1\xfa\x0c\xae0\x0c\x9b\xe7\x8fl\xeav\xaa\x000y\xc6.P8\xad!\xaae\x88\x9c\xb1\xb2h\x14\x00\x14\xce}v\xbb\xa4I\xfdqB\x01\xf03D\x00\x8d\xef\xd8W\x153$\x00\xb4k\x91vT?.\x01Q\xe5#\xfb7\x00\x80\xc2\xd2\xc8\xf2\xf5%\xe0T\xa9\x9dR+\x18c`\xe2\xe6\x9d\x95\x00\x90\xe6\xb37\xce\xf3\x82)\x8f\xb0K\xc6\x19\x83\x98h\xd8$\xb5s\xdbL\x00\x98\xbf\xb2PT\xc6T\x8dF\x81j\x13\x020\x00+\x00\\\xaa\xea\xb3\xdbM\n\x808\xa1\x00\xf8\x19\x02\x82\xc2\x8a\xca"\xd6\x87\xf5\xb3\\ \x91\xc1\x91\x9ef\x8c1\xa6\xcbn\xed3\xad\x86\xe6\xd2\xb5\xc5\xa02j9\xd6\n\xc6\x00Li\x15e\xaa\xd7\xe6\xf3\xda\xc0\xb4\xea\x90#"\xa4\x04\xa7\xda\xbd]&amp;\x00\xec\xdc\x1b\xd8\xb3\xaf\nl\n\xd2\xb4\xae\xdac\xad\xe7*\x8bD\x00\xc0\xadi\x1eM\x93\x92&amp;h\xc5\x07\x05\xc0/\x84#?o\x1a\xe5t(G\xb5\xef3g\x00\xa6h\x98\xebM\xf7\xd9\x01`\xc3\xb6r0\x8f"?H\x1c1\xc6@\xc8hL\x00\x80\xc3\xa1\xa8*\x03\xc0\xa3-\x8a\xd6\xcd\xd2\x00 \x123\xb7\xec\xf6\x83F\xa3y\xb5\x8a1D\xb4\x02\xc0g\xb7;U\xea[\xc7\r\x05\xc0/\xf0C{\r\x1e\xfd\x1c\x1e\x06&amp;\xa6zm\xa9^;\x00\xec9\x10\x84\x98\xa05D\xb5\x04\xe1\xd0\xe4?!\xf0\xe7 ?\xe2\xf2d\xc0@bn\x96\xcb\xfap\xd7\xfe*P\x18\xd2c j\x0f\x030\x11\xcb\xa3Q\x00\xf0\xdalV\x00X\xdd\x02&lt;\x1c=\xab\xe3\xe8Q\x00Tc\x80\x90\xea\xb5Y\x1f\x94\xfbc\xc0\xd9Q\x9cO\x0c\xc0\xdaS\x9e3\x00(\xab\x8c\x9a\x11\x83qF-\x95\x13O"\x80\xcaS&lt;\x1a\x00T\x85\x8cP\xc4&lt;\xeaIY\x08\xaa\xf6\xf3\x8f\x1c,\x89\xc4\xfd\x08\xc9Qa\x8c\xe9BTF\xa3\x00\x90j\xb7\x03\x80\x89\x88\x88\nc\x9a\xa2\xd8U\xd5\xfaG\xe3\x9c\x03HDSJ\xea"\x1c!\xda\n\xe2g\xd6\xc0q\xc3\\\x8f\xf5\xe1\xd6]~dp\xe8\xfe\xd3_CD\xd0\x94\xd2\x92Pai\x18\x00\x82a#\x12\x13^\xbb\x02\xb4\x8a\xe8\x84CD\xd0x\xa3\\\x0f\x00\x94\x96G\x0b\x8aC\xad\xd2\x1dh\x98G8\x11\x08\x01Qa;\xf7\x06\xac\x0f+\xabb5x\xac\xe4\xaf \x00\x07\x88\x99\xa6?\x16\x03\x80\x1c\x8f\xa7\x9e\xdb\xadF"\xa6\x94A\xc3\x08\xea\xba.\x84@\xe4\x8c9T5\xc5f\xf3\xdal\x1a\xe7Q!\xc2\x86\x01\xf4(\x98\xbfB\x01\xf03\xce\x00t\xd1\xaa\xb1/#\xd5QV\x19]\xb0\xb2\x90\xe9\xe2\xc8\xcf\x1e)Pui3\x16\xec\x0b\x84\x0c\x00\xd0\r)\x04\xfe\xbc\xdd\x18\xa9\r]\xdbe\x02\x80n\x88e\xebJZv\xaa\'\xc3\x06?\xb2,g\xc0\x98!\'\xcf\xd8e}\x18\xd3i\x1b\x99Zf\xad\x02\xb3\x1e\xea\x12\x88\xc5^]\xbdzqA\xc1N\xbf\xbf0\x14\xf2\xc7bQ\xd3\x14\x88\nc.MKs8\x9a\xf8|\xdd\xeb\xd7\x1f\xdc\xa0A\xc7\xeclD\x0c\xea\xbar\xf4\xcf\x90I\x1e\x14\x00?c\x8cI]d\xe4y{t\xcc\x9a&gt;\x7f\xdf\xa2\xd5E;\xb7\x947n\x91&amp;#\xe6_\x0e\xe5KD\xa6)\xba?\xf6\xc4\x9bk\xad\xcfP\xad_\x8b8c\x10\x15\'\xf7\xca\xb5\xdb\x14\xdd\x10\x1f}\xb3\xfd\x92\x0b\xdb\x1ea\x92\x1b\x86\xd42\x9d3\xbe\xdb1wi\x81\xaap\xda\x07\xa2\xd6YC=\x15\xb1XQ8\xcc\x00\xbe\xdc\xbe\xfd\xcb\xed\xdb\x7f\xf7;\xc3\xa6Y\x1a\x89l\xab\xa8\x98\xb1{\xf73\xcb\x97\x0fj\xd0\xe0\xe6\xae]\xfb\xe4\xe5UD\xa3\x8c\x1e\xd3\xf1\x07(\x00\xfeG"p\x85]yf\xcbi\xf3\xf6E\xa2\xe6\xa3\xaf\xad~\xe7\xf5\xe1z\xd0\xd0\xfe\xb4# \x05"\x07%\xd5~\xcb\xad\xb3~\xdaQ\x91\xe6\xb3W\xf8c\x9a\xc2\x14\x85\x01\rD\xd6\x06\xce\x99\x8c\x18\xcd\xdbd\x0e\xee\x9d\xfb\xfd\xbc}?,\xdc?o\xee\xde\x01\xa746\xca"\x7f\xbe\x1b\x84aH\xcdg+\xdeW\xf5\x8f\x07\xe6;\x1d\xaa\xaa\xb0@H\xfe\xe5\x06\x12\xa4F1\xc6\x0c)s\xdc\xeeS\x9b6\xfdn\xe7N\xaf\xcd\xd6,5\xb5yjj\x13\x9f\xaf\xbe\xdb\x9db\xb7[\xdb\xfdGM\xb34\x12\xd9\xe1\xf7\xaf).^S\\\xac\x0b1c\xf7\xeeY{\xf7\xfe_\x8f\x1e\xb7w\xef\x1e4\x8c\xa3\x98\x08\x9cL(\x00\xfeG\xe5L\x06\xf43G7\xef\xf2\xd6\x9a\xd5\x9b\xca\xde\xfbb\xcb\xf0\xfe\xf9\xe7]\xda\xc1,\nY7x\xd9\xa1}\x81\x10\x00\xac\'\xc5#\xaan\rT\xfe\xe0C\x0b^\x9e\xb8\xf1\xb21-$\xc0\x07_ms9UM\xe5\xd4\x11\xa8-\xd6\x1b\x7f\xff\xf5]\xbf\x9f\xb7\x0f\x01\xae\xbeo\xde\xe2\xb6\x99\x19\xd9.\xa32\xc6\x15\xc6\x0fk\x10"\x02\x02J\x89\x9c1-\xd3\xb9\x7fW\xe5Y\xd7N\xdb} \xf0\xdc=\'==~m dx\x9cZ\xed\xfd\x1d\x04\x18\x80@ti\xda\x9b\xc3\x86-;x0\xd7\xeb\xcd\xf3x\\\xaa\xca\x19\xc3\xc3\x1e\x13_\xfd\xe4\xf7\x88al,+{{\xfd\xfaO6o\x16R&gt;\xb1tiy$\xf2X\xff\xfeU\xbaN\xdd\x80\xdf\xa2\xd6\xcda\x18\x80D\xd5\xa6\xbc\xf9\x9f\x816\x95#\xc2\xe5\xff\x9e\xfb\xce\x9b\xab\xd5\x14\x9b\x9a\xea\xe06\x95q@\x04D`\x00L\xe3J\x8aM\xcdpn\xddYy\xe6\xe5\xdf=\xfc\xea\xaaV\x8d}/&gt;6\xb0*\xa8\x03\x80\xc7\xa5\xd9\xad\x87\x8f\xd3)W\x1b\x14\xceD@?i`\x83;\xae\xec(%n\xdb\xed\x1fv\xf17\x9b~*\xd3\xb2\x9c\x8a\xc7\xc6T\x0e?\xcf \x04\xa60nW\xd54\'wi\x93&amp;o\xe9{\xe6\x94\xe5\xebK\x1e\xbc\xa1\xeb\xf9\xa76+.\x8b\x02\xfcob\x18\xa9-\xd6\xe3\xc0t)\xfb\xe6\xe7\xe7{&lt;\x86\x94\x15\xb1Xi$R\x1e\x89T\xc6b\xfeX\xcc\x1f\x8bU\xc6b\xe5\x91HY$\x12\x13\xa2CV\xd6\x1bC\x87\xbe5l\x98K\xd3T\xce\xdf\\\xb7\xee\xbd\r\x1bR\xed\xf6#\xdc\xd9%\xa9P\x0f\xe0\x178g"ht\xef\x95;\xf1\xb9S.\xbcef4&amp;\xae\xba\xfb\xc7\xcf\xa6\xee\xbc\xe2\x9cV\xbd;\xd7\xcb\xc9t\xd9\x1c\n0\x861QZ\x12^\xbb\xad|\xf2\xb4]\x1fL\xd9\x12\x8a\x98\x1d[\xa5\x7f\xf9\xe6\xc8\x94T\x87\xf5 \x81\xd4\x14;\xb3+2j\xd2$\x84\xda\xc2\x15&amp;\xaa\xf4\xa7\xee\xef{\xb042\xf1\xebm\xab6\x95\xf69s\xca\xe5\xe7\xb4:{D\xb3v\xcdR\xd3Rl\xcc\xa6\x82\xc4h\xc4\xdc\xbf\xb7j\xe1\xaa\xc2\x0f\xbe\xd8:k\xd1\x01\x00\xb8\xf9\xb2\xf6\x0f\x8d\xeb\xbft\xf6\x1e\xeb\x06@f\xba\xb3\xb6\xff\x14\xf2s;*\xa8\xeb\x0c\xc0\xda\x0b\xfawV\x02\x1f\xfa\x8c\xf5\xe4\x80\x0b\xda\xb4a\x8c];c\x06g\xec?K\x96\x0ci\xdc8\xd3\xe94\xe8\xd1`\xbfD\x01\xf0k\x8a\xc2De\xec\xec\xb1\xad\xb32\x9d7&lt;0\x7f\xe3\xb6\x8a\xe9\xf3\xf7M\x9f\xbf\xcf\xed\xd2\x1a\xe4\xb8S=6\xc6X l\xec/\x0cUO\x10\xbc\xee\xc2\xb6\x8f\xdf\xd9;5\xdd\x11+\rWT\xe9\x00\x90\x93\xe5\x02M\xc1\xb0\t\xf48\xd2Z\xc2\x008"\x18\xe2\xc3\x17\x87\xb4j\x96\xfa\xe4\xeb\xab\xfdA\xfd\x85w\xd7\xbf\xf0\xee\xfa\xfa\x99\xce\xfaY.\xa7C\x15\x02K+\xa3{\x0e\x04\xacu\x7f\rs&lt;\x8f\xdc\xd6\xf3\xd2\xf3ZcL\x14\x95\x86\xad\xd7\xc9\xcdv\x81\xa0E\xddu\xc2\x116\xa7\xacg\x00\x1c\x0c\x85\xcem\xd5j\xf6\xde\xbd\x1f\xfd\xf4SE,\xf6\xf1O?\xdd\xdd\xabWi$\xa2\xd2\xa4\xa0\xc3P\x00\xfc\x0eEa\xa22:\xb0\x7f\x83e_\x8e}o\xd2\x96\x8f\xbf\xd9\xb6zSY(ll\xdeQy\xf8\xb75\xce\xf3\x8e\x1c\xd8\xe0\xcas\xdbt\xef\x99\x03!C\xea\xa2\xacJ/)\x8fX_:\xb4|\x94*\x8eZ\xc3\x18C\x89\x18\x15\xf7\xdf\xd9\xfb\xec\x11M_\xffh\xd3\xb4\x1f\xf7n\xdd\xed/,\x8d\x14\x96\xfeoy\x97\xa6\xf2n\x9d\xb2\xce;\xb5\xd9eg\xb5\xca\xc8\xf3\xe8\xa5\x11[\xa6kwA\x10\x00\x14\x855\xcc\xf5\x80\x90\xd4\x91K8\nc!\xd3\xbc\xb6S\xa7\xc9[\xb7\xeaBL\xdf\xbd\xfb\xa6\xae]iJ\xe8\xafP\x00\xfc&gt;Ea\xb2Jw\xd9\x94\xeb\xaf\xed|\xfd%\xedv\xed\xf6o\xdb\xe5?P\x1c\x8aD\x85\xa6\xf2\x8cT{\x93|o\xcb&amp;\xa9\xeel\x17\x98RT\xc6\x10@\xf5\xdav\x1f\x08\xf8\x03:\x00\xb4m\x96Jw\x80\xeb\x02\xeb\xbe\x9f\xa8\x88\xb6i\x95\xfe\xc2\x13\x83b\xa5\xe1\xcd;+w\xec\xab*-\x8f\x9a\x02]\x0e57\xdb\xd5\xacQJ\xb3F&gt;\xf0\xda h\x88\x8a(W\x180\xb0\xc2&gt;+\xdd\xd9\xb0\xbe\x07tI\xf7\x0f\x13\x0eg,b\x18-\xd3\xd2\xdagf\xae,*\xdaQYy \x18\xcc\xf3xtq\xa4{\x83\'\x03\n\x80?\xc4\x15\x86\x02EED\xe1\xbcI\x93\xd4&amp;\xad2@a?\xefL(\x11L\t1!*c\x8c\x81\xa20SH\xd0\xf8\xda\xcde\x00\xc09k\xdf*\x1d\x0c:\xcf\xea\nEa2bb\xd8\xb4;\xd4N]\xeau\xea\x91\x03\xfcPQ\n\x04C@L\x98\xe5\x11\x85s\xc5\xda\xfd?l\xae\xdbR\x0e\x00\xcd\x1b\xa6\xf82\x9d\x18\x13T\x92\x89\x08\x11\x9d\xaa\xda.3seQQP\xd7\x0f\x86B\x8d}\xbe\x98\x10T\x98\xd5(\x00\xfe\x0cc\xa0*\x1c\x00d\xcc\xc4\x88\x89\xf0\xf3\xa0\x8e5\x1f\x941V\xfd\xbc0k\x07\xb1\x85\xab\x8a\x00 \xbf\xbe\xbbu\x93T\x88\x1d\xc5BbR\xd3\xac\xd5|(\x10C\x865\xf5\xf3\xf0\xa2\xb4\x1e\x13\x0f\x00\x88\xc0lJ\xd1\xc1\xc0\xc6\xed\xe5\x00\xd0\xa3C\x168U\x111\xac\xaf\x92\xc4b\x8d\xc0\xd6s\xb9\xac\xff\x1f\xd0uk\xf2(\xa9F\x01pD8c\xa0\xc0\x1f\r\xe8#\x82\xa2\xf1pid\xc1\x8a\x83\x8cA\xaf\x8e\xd9\xae,\x97\xf0\xc7\x8e\xe4q\x92\xe4D\xfa\xdfR\x8e?(J!\xa5\xe2\xb0-XYTY\xa5\x03\xc0\xe0\xde\xb9t\x078\xd1\xd9\x94\x9fgb\xd0s\xc4~\x8b\xda5q %\xa2K\x9b\xb7\xac`OA\x10\x11N\x1b\xd4\x108m \x9c\x90\x18\x00\x03\x984}\'cP/\xd3\xd9\xaf{\x0eD\x0c\xda\xd6;\xa1Y\x9b\x08\x01\x80\x8b\x1e$\xf0\x1b\x14\x00q\x81\x8c\xc1\xdb\x93\xb60\x06\x19\xa9\x8eQ\x83\x1aB\xd8\xa0\xf9\x06\tG"r\x87z`{\xc5\xd4\x1f\xf7!\xc2\xc8\x01\rR\xf3&lt;B\xa7\x1b\x00\x89\x8a1&amp;\x11\xf7\x05\x02\x00`W\x94,\x97\xcb\xa4u\x00\xbfD\x95\xd4\xf1\x12\x12\xb9\xc7\xb6qe\xd17\xb3\xf7 \xc2\xd8aM2\x1b\xf9D\xcc\xa4Z#\xe1H\x81\xcc\xad\xbd\xf8\xfe\x86\xaa\xa0\xce\x18\\svk0\x91\x1e=\x98\xb8\x14\xc6\x02\xba\xbe\xa1\xb4\x14\x00r\xdc\xee&lt;\x8fG\x974\xa1\xeb\x17(\x00\x8e\x17"0\x85\xdf\xf9\xcc\x92\x98.l\x9ar\xcb\xe5\x1dP\xa7\xf9?\x89G\x08T=\xb6\xed\xebJ^\xfdh\x13\x03\x18\xdc;\xafO\xbf|\x19\xd4\x15\x1a\xffIL\xd6\x0eB\xab\x8a\x8b\xb7UT\x00@\x8f\x9c\x9c\x0c\xa7\xd3\xa4)@\xbfD\x01p\\\x0cC\xaa\xd9\xae\xd7\xdf\\3\xf5\xc7}\x00p\xed\xb9\xad\xdbt\xad\'C4j\x9c`\xa4DP\x19J\xbc\xea\x9e\x1f\x83a\x03\x18{\xec\xb6\x1e@3F\xea\x86c{\xd6#"\xaa\x8c\xbd\xbcz\xb5\xb5_\xdc\xd9-[\x9a\xf4(\xf9\xdf\xa0\x008FR\xa2iJ\xad\x9e{\xdaW\xdbn~|1\x004\xc9\xf3&gt;rg/\x19\xd4\xa9\xf6O,\xc2\x94\\\xe5\x8a\xc7\xf6\x8f;\xe7\xcc[~\x10\x00n\xbf\xbcC\xcf\xfe\rD F\xcd\xffZ\x87\x00\x1a\xe7*c\xa6\xac\xde\xfa\xf3/XO\x85\xcc\xf1x^[\xb3f\xd6\x9e=\x080\xa0A\x83A\r\x1a\x04t]\xa1\x00\xf8%\n\x80\xdf\x81\x08\xa6\xc0\xdf\x9eo\x88 \x11\x85@aJnW\xd5L\xd7\xc7\x1fn8\xeb\x86\x19\xba.\x1c6\xe5\xe3\x17\x86\xa4f8Q\xa7m\x03\xea\x10)Q\x08\x94\xf8{E)\xd1\x14RJTR\x1d\x11\x81\x97_?\xe3\xad\xcf7\x03\xc0\xc9=s\x1e\xbf\xb7\x8f\xa8\x8aq\xba\x8d_\xdb\x10@\xe5\xbc$\x1c\xf6\xebz\x96\xcbeS\x14\x81(\xa4\xb5\x11\xfb/\x8a\xd4z@\xbc@4\xa5\xb4\xee\xf7\xbe\xb1v\xed\x83\x8b\x16\x01\x80G\xd3\x1e\xeb\xd7\x8f\xe6\xff\xfc.Z\x07\xf0\x1b\x08La\xaa\xcf\x0e\xba\x00C\x80@\x89\x08\x08\x8c\x01\xe3\x8c\xa9\n\xd8U\xe0l\xd7\xf6\xf2\xc7^Z5\xfe\xb3\x9f\x00\xc0aS&gt;{eh\xaf\xbey\xa2&lt;\xaa\xa8Tk\xd4\x19\x88\xdc\xa5\x81\xc6!&amp;\xc0\x90\xd59\xc0\xac\xfd$m*\xb7+\x10\x15\xd3~\xd8u\xcf\x93KV\xffT\x06\x00\'u\xca\x9e\xf2\xd6H\x85\x03\x1a\xc8\xa8\xf9_\xdb$\xa2KUW\x17\x17?\xb2x\xf1\xd5\x1d;\x8eh\xdc\xb8aJ\x8a\xca\xb9!\x84.\xa5@\xb4\xaau\x06\xa00\xa6*\x8a]Q8c;*+\x9f\x9f7\xef\xc3M\x9b\x00@\xe5\xfc\xd5\xa1C\xdbddTF\xa341\xef\xb7(\x00~\x01\x11\x98\xc6\x8b\x8bC\xdf}\xbe\xb9G\xa7z\rs\xdc)^\x1b\xd7\x14`\x0c$\x9aQ\xf3`a`\xd5Oe_\xcd\xdc\xfd\xe5\xf4]\x15U1\x00h\x9a\x9f\xf2\xee3\'\x0f\x18\xd8\xc0,\x8f\xaaT\xfb\xd7\x19R"wi\xf3\xe6\xef+\xad\x88\xf6\xe8\x9c\x9d\x9d\xe6\xb4\xbbTf-\xe85e0\xa8\xef\xdeV1\x7f\xc5\xc1\xcf\xa7\xee\x9c\xb3\xe4\x80\xf5#\xe7\x8dj6\xfe\xa9\x93=.MFMN\x8b\xf8\xea\x0cD\xdc\xe5\xf7\xdf;\x7f\xfe3\xcb\x97\x9f\x94\x9b\xdb//\xaf}ff\xbe\xd7\x9bb\xb39T\x953&amp;\xa4\x8c\x98fi$\xf2Sy\xf9\xcc\xdd\xbb\xa7\xed\xde]\x11\x8d\x02@\x96\xcb\xf5\xc2\xe0\xc1#\x1a7\xae\xa0\xda\xff\x0fP\x00\xfc\x02"2\x95\x95UF\xaf\xbc\xe7G\xceYn\xb6\xab^\x863\xc5k\xd3\x14\x1e\x8e\x9a\xe5\xfe\xd8\xde\x83\xc1`\xe8\xe7u%\x1e\x97v\xf9\xd8V\x0f\xde\xdc=\xb3\xbe[P\xed_\xc7H\x89\xdc\xa5~3g\xcf3o\xaf\xf3ym\xf52\x9d\x99\xa9\x0e\xb7S\x93\x88\x81\x90QT\x16\xd9w0(\xe5\xcf\xc3\x02\xad\x9a\xa4\xdes}\xd7K\xcfk\x03\xba\x901\xaa\xfd\xeb\n\xceXT\x88\xb6\x19\x19\x03\xf2\xf3\xe7\x1f8P\x11\x8dN\xdd\xb9s\xea\xce\x9d\x00\x90\xe6pd8\x1c\xd6#_\x0c)\x03\xba^\x14\nEL\xd3\xfaA\x8d\xf3\xd3\x9b7\xffw\xaf^M|\xbe\xf2h\x94\xb6\x80\xfe#\x14\x00\xbf!\xc1\xe9P\xadG\xfb\xee/\x0c\xed/\x0c\xfd\xea\xeb\x0e\xbb\xd2\xb6E\xda\xa9\x83\x1a]&lt;\xa6E\xcbvY\x101D\x95N#?u\x91)s\xb3\xdd\x9a\xca\xfd\x01\xdd\x1f\xd0\xb7\x82\xffW_\xcf\xcap\xf6\xea\x94}\xee\xc8fcG4qe:ee\xcc\xda\x17\xa8V\x0e\x96\xfc\x16\x03\xd0M\xb3\xa1\xcf\xf7\xe9\xe8\xd1\xcb\x0e\x1e\x9c\xb6k\xd7\xc2\x82\x82\x9d\x95\x95A\xc3\xa8\x88F\xadf\xfe\xe14\xce\x9b\xa6\xa6\x0e\xcc\xcf?\xabe\xcb\xee\xf5\xeb\xc7\x84\xf0\xc7bT\xfb\xff\t\n\x80_\xe0\x9c\x81.\x1a\xe6z\xd7\x7f{\xce\xf6\xdd\xfe=\x07\x83\xa5\xe5\x91\xaa\xa0a\ni\xb7)\x19&gt;{\xa3|o\xab&amp;\xa9\xcd\x1b\xf9 \xc5\x06QSTF9\x07\xda\xf3\xa7\x0eRU\x0e\x01\xfd\x86\x8b\xda\x8d\x1c\xd0`\xe7\xbe\xaa\xfd\x85\xa1\xf2\xcaX(b\x000\xaf[\xcb\xcep6k\x98\xd2\xbaYjV\xae\x074\x0eACT\xd0\xdeMu\x11cL7M\x008)/o@\x83\x06\x01]?\x10\x08\xec\xae\xaa\xda\x1f\x08T\xc4b!]7\x11m\x9c\xfb\xec\xf6&lt;\xaf\xb7\xa9\xcf\xd7\xc4\xe7Ks8t!\xfc\xb1\x98uo\xa0\xb6\xff\x82:\x8d\x02\xe0wp\x80\xbc&lt;O^\x13\x1f(\xfc\xd7\xfb\x80\x1d\xb6{0?l7PR\x17!\xd8lJ\xeb\xb6\x99\xad;f\xc3oK\xca\x94\x10\x132d \x02\xe7T\x94u\x97\xb5\xac2\xa8\xeb\x88\xa8p\xde\xc8\xe7k\x91\x96\xa6p\xce\x0e\xad\x0f\xb0JN \x1aR\xc6L\xb3&lt;\x12\xf9\xf9\xb1\x91\xe4\xafP\x00\xfc&gt;\xa9\x0b\x8c\x89\xdf\xce;\xfey#\xe8C\xbb\x07\x93\xba\x0eQ\x86\x0f\xed\xff\xfcK\x8c1N\x03&gt;\x89\x83\x1fz\x0ep\xcc4#\x00\x80X\xfd\xbc\xbd\x9fc\x80\xb1\x9f\x9f\x18Lc&gt;G\x8c\x02\xe0\xf7qf\xed\x01L\xb5C\xc2;T\xc5SQ\xfeM0\xc6\x14\x00Z\xd3\x1b\x17\x14\x95\x84\x10\x92\xa4(\x00\x08!$IQ\x00\x10BH\x92\xa2\x00 \x84\x90$E\x01@\x08!I\x8a\x02\x80\x10B\x92\x14\x05\x00!\x84$)\n\x00B\x08IR\x14\x00\x84\x10\x92\xa4(\x00\x08!$IQ\x00\x10BH\x92\xa2\x00 \x84\x90$E\x01@\x08!I\x8a\x02\x80\x10B\x92\x14\x05\x00!\x84$)\n\x00B\x08IR\x14\x00\x84\x10\x92\xa4(\x00\x08!$IQ\x00\x10BH\x92\xa2\x00 \x84\x90$E\x01@\x08!I\x8a\x02\x80\x10B\x92\x14\x05\x00!\x84$)\n\x00B\x08IR\x14\x00\x84\x10\x92\xa4(\x00\x08!$IQ\x00\x10BH\x92\xa2\x00 \x84\x90$E\x01@\x08!I*\xfe\x01\xc0\x18\x00\x8b\xfb\xab\x92\x13\x8asV\xfdo\x92\xd08c\x00\xc0\x18\x15ebc5S\x84q\x0e\x00\xceYL\x97\xc2\x90@\'\\\xe2b\x10\n\x1b\x9c\xf3P\xc4\xac\xedC!\xc7\x81\x01J\x8c\xc4\x04\xe7,j\x9a\x94\x01\x89\x8b1\x163M\xb3\x06\x9a\xd6q\x0b\x00\xeb\xf4j\xd9\xa2iHw\x05J\x02\\S\x10\xe3\xf5\xda\xe4\xc4A\x89`S6l-sz\xf37\xef\xac\x02F\xa5\x98\xa8\x14\x85\xb3P\xac\xb0\x143\xea\xe5\xef(-\xb3\xab*\xd25\x99\x80\x10\xd1\xae(;\xcb\xca\xd2\xf2\xf3\x1dv\xbb\x10"\x8eY\x1e\xcf\x1e\x00"\xba\xdd.\xb7\'\xbd\xbc2\x0c\n\xd5\x1c\t\xac\xb8&lt;\xdc\xb6}\x87\xaa\xb0\x04CR\xcb1Qq\x16\x0eFU\xcd\xd3\xbcU\xcb\xe2\xaa\x80\xca9]\x92\x89\x08\x01\x14\xce\xcbB\xa1\xfa99q\xbf\x18\xe3\xd9\x03\x90R\xda45+\xa7\xf9\x9a\x9f\x8a\xc0\xa1Qs#\x111\xce\xc0\x10+6\x94\xfd\xe3\xda\xcbw\x15\x98FeDQh\xa6@\xe2ADfW\xb7\xed,\xd5\\9g\x9c5f\xd9\xbe}\x9a\xa2\xd0%\x99\x88\x10QU\x94\xb5\xc5\xc5\xed;w\xb6&gt;\x8c\xe3\x8b\xc7\xb9\x07\x00\x00=z\xf6^\xb4\xba\x084\x05%\x9dm\x89\x06A\xd1\x94\xaa\x83U\x07\xcb\xb51\xa7\r3y\xc6O\xdbK\xc0\xa1J*\xcaD#%\xa0C[\xb2\xf6`\xc3&amp;mN\x1b5|s0\x183\x0cN\x9d\xb9\x04\xc4\x19\x8b\xe9\xfa\xb6H\xa4_\x9f&gt;\x00\xc0y&lt;+\xed\xb8\xbe\x16\xe7\x000\xfa\xb4\x91\x0b\xd7\x04\xc0\x1f\xa6\x96c\xc21%\xa2\xc71c\xfe\xce\x8c\x9cv\x99\xe9)m;\xf4\xfej\xe6\x0ep\xdb)\x00\x12\x102\x80\xa9\xf3\n\xfa\r\x18\xd4\xb6Y\x8b@Z\xda\xe6\xa2"\xa7F\xfd\xf2\x04\x83\x88\x0eM\xdb\\T\xe4\xf7\xf9N\xea\xde\x1d\xeax\x00H)\xdb\xb5i.l\x8d\x96-\xdb\r\x1e\x9b\xa0\xb3-\xb1 2\x05&amp;M\xdby\xeaic\x00\xe0\xcc3N\x9f\xbe\xb0\x04C1\x9a\x0f\x9aX\x10\x81;\xb4\xe2\xed\xc5;\x0b\x9d\x03\xfa\xf7\x06\x84.\x03\x07~\xb7e\x8b\xc7n\x17\xb5}l\xe4\xa8\x08\x00\xaf\xdd&gt;u\xcb\x96\x0e\xfd\xfa9l6!\xe2\\\x80qn\xa4K)UU=\xfb\xdcK\xc7\x7f\xfe\x13s\xd9PP\x00$\x0cDP\x1cZ\xf1\xb6\xe2M\xfb]\x97^t\x8e\x94\xf2\x94\x93\xfb\nG\xabe\x8bv2/u\x02\x12\x89\x90\x92\xa58&amp;~\xb9\xa1G\x9fS\xeb\xd7\xcb\x04\x06\xff\xfc\xc7?\xa6\x17\x16Ft\x9dz\xe5\x89\x85\x03Du}za\xe1u\xd7^[C\xaf\x1fO\x8a\xa2 \xe2?\xae\xb9l\xc1zY\xbc\xa5\x90;5\xea\x03$\n!$Kw\xbd\xf0\xce\xd2\xc1\xc3\xcf\xf3\xf9\xbc\xba\xae3\xc6\xae\xbc\xfa\x9fO\xbf\xb5\x829mtG\'\x81p\x85cU\xe4\xfd\xaf\xf7\xddv\xebM\x00`\x1aF\xef\xae]\xbd\x1d:|\xb3aC\xba\xcbE\xfd\xf2D!\x10\xd3\\\xaeo7nt\xb5o\xdf\xa7{w!\x84\xa2(\xf1\xfd\x15q\x0e\x00k.\x90/\xc5s\xfa\xd9\xd7\x8c{~\x11\xf79\x85\x90\xf1\xfd\x15\xa4&amp;Hk\xd0`k\xd1\x17?\xc6n\xfe\xd7u\x88\xd2f\xb3I)/8\xf7\x8c\xed\xa5\xb9+foQ|N\xea\x04$\x04aJ\x9e\xee~e\xfc\xd2\xa6\xedG\xb5o\xd7RJ\xc98\x07\xc4\xdb\xef\xba\xeb\xd5\r\x1b\x0c!h8/Q0\x00S\x88W6l\xb8\xfd\xce;k\xe8W\xc4\xbfGh\xdd\tx\xe8\xfe;\xa7.\x85u\xf3\xb7\xab\xa9NI\x03Au\x9e0\x05\xcft\xdft\xff\xf4\xb3/\xba\xb1I\xe3\x06BH\xce9"z&lt;\xee{\xee{\xe4\xba\x07\xe6\x80\xa6P1\xd6}\x88\xc8\x9cZ\xc5\xfe\x8a\'\xde\xd9\xf1\xcc\xd3\x8f[\xb7|\x15E\x11R\x9e6thF\xdf\xbe/\xcf\x9f_?%\xc5\x90\xd4,\xab\xeb\x0c)\xeb\xa7\xa4\xbc\xb2`AZ\xef\xde\xa7\x0f\x1f^\x13\xcd\x7f\xa8\x99\xbd\x80\x18":\x1c\xf6\xa7\x9f}\xf1\x92;g\x1b\x86\x10\n\xa3Ng]&amp;\x0c\xa9\xd5\xf3~\xf1\xde\xd2-%\x8d\xee\xbf\xe7\xb6\xeaSMQ\x14!\xc4\xb9g\x8f\xcemu\xda\x7f\x1e\x9d\xae\xd5O1\rA\x1b=\xd5e\xa6D\xeeu\\v\xd37\xd7\xfd\xeb\x81&amp;\x8d\x1bH)\xadI#V\xd7\xfc\xd5\x17^x\xa7\xa0`\xcd\x81\x03^\xbb\x9d\x06\x82\xea2\x81\xe8\xb5\xdb\xd7\x1d8\xf0\xf6\xfe\xfd\xaf\xbe\xf8\xa2\x945\xb5\x1e\xb3F\xee\tY\x15\xc7\xd9g\x8d\xee;\xec\x9f\xd7\xfe\xeb\x0b-\xc7g\x9a\xd4\xe2\xa8\xa3\x84)\x95\x14\xc7\xbe\xad\xc57?\xb9a\xe2\xc4\x8f4Mc\xec\x7f\x1bOY\xfd\xb9\x0f\xde\x1b\xff\xceTc\xc1\xf7\x1b\xd5l\xaf\xa9\xd3D\x92:\xca\xd0\x85\x96\x97\xfa\xf4c3"\xae\xbe\xf7\xdds\xfb\xe1mF\xab?\xd7\xacq\xe3\'_\x7f\xfd\xcao\xbeQ\x18S9\x97\x94\x01u\x12"*\x9c\xab\x9c_\xf1\xcd7\x8f\xbf\xf6Z\xf3&amp;M\x101\xbe\xb3?\xab\xd5\xd4\xa4\x00\xce\xb9i\x9a\xaf\xbc\xf8\xe4\x96\xf2V/?&gt;C\xcbO\xd5\r\xaa8\xea\x1c!\xa4\xe2\xd4"\xbaq\xc6\x95_=\xfc\xc4km\xdb\xb40M\xf3\xf0S\xcd\xea\xcf\xf9|\xde\xf7?\xf8\xe8\xb2\xbb\x16\xed\xdd^\xac\xa6\xbaL\x83\xe2\xbc\xce1t\xa1\xe5\xfa\xa6}\xbe\xea\xado\xf5O&gt;\x9aP\xdd\xf6\xaf\xa6(\x8ai\x9a\x17\x9cu\xd6)\xff\xfc\xe7\x15\x9f}\x96\xe9v\x03\x00e@]#\x11\x11 \xcb\xed\xbe\xe2\xb3\xcf\x06\xfd\xe3\x1f\x17\x9d}\xb6i\x9a51\xf8c\xa9\xa9\x00`\x8cY3\x82fL\xfb\xee\x83\xd9\x9e\x97\x9f\x99ek\x94n\x9aH\xebP\xea\x0e\xd3\x90\x8a\xc7\x11\x93r\xf0\x99\x9f\\r\xc3s\x97_r\x9ei\x9a\xaa\xaa\xfe\xea\xdb\xac\xfe\\\xdf\x93z\xbc\xf0\xc6\xe4\xe1\x17}\xbfwo\x99\x9a\xe51(\xce\xeb\x0cD0\x0c\xa15L\x9b\xf6\xd5\xda[\x9e\xdc3m\xfa\xcc\x8c\xf4T\xf8\xbd-\xa0UU5M\xf3\xe5\xa7\x9f\xce\x1c;\xf6\xe2O&gt;\xa9\xe7\xf5\xaa\x9c\xd3XP\xdd!\x10\x15\xce\xeb{\xbd\x97|\xfai\xda\x19g\xbc\xfa\xec\xb3\xbf{I\xc6Q\rN\x0b\xb6\xce?\x8f\xc75k\xe6\x8c\x893\xdd\x0f\xde\xf5\x95\x9a\xeda\x9aB\xc3A\xb5\x0e\x11MC\xaa\xd9\x9e\x9d\xfb\xcb\xfb\x9d\xf6\xe1\xb9\xd7&lt;}\xcb\xbf\xae\xf9\x93S\xcdj&lt;\x9e6j\xc8S/\x7f6\xf4\xc2\xa9\x8b\x16n\xd7r|BH\x9a\x17T\xeb\x84\x90\xc0@\xcbM}\xe7\xd5y\xb7=\xb9g\xea\xf49M\x9b4\x14B\xfc\xd1\x88\x81\x15\xe7\xef\xbe\xfaj\xea\x981g\xbe\xff&gt;\xe7&lt;\xc5n\xa7{\xc2u\x81!e\x8a\xdd\xaer~\xe6\x07\x1fxG\x8f\x9e\xf0\xfa\xeb5t\xe3\xf7p5\xbb.\xc4\x1aA\xf6x\\\xb3g\xcfX\xbe\xa7\xc3\xc83?\xac\x0c\xe9j\xb6W\x08\x144\xa7\xa46 \x82iJ\xa6\xa9j\x9e\xef\xd3OW\x0f\xbb`\xe6uw\xbdy\xeb\x9f\xd6\xfe\x16\xab\xf18z\xd4\x90\x97\xc6\x7fu\xc5\x9d\x9b\x9e}f\x8e\x92\xed\xe5.\x9biJ\xea\xd5\xd5\n)Q\x98RIs\xa1]\xbd\xfa\x9aI\xafMQ\xbf\x9f&gt;\xa7i\x93\x06\x7f^k0\xc68\xe7B\x88w^}\xb5\xe3u\xd7\x9d\xfc\xd1Gk\n\n\xf2}&gt;\x000)\x06j\x89\xf5\xce\xe7\xfb|k\x0b\nN\xfe\xe8\xa3\xf6\xd7^\xfb\xdek\xafY)^\xd3{\xf1\xb2\x13p\xf5V\x0fG&gt;\xfa\xf8s\x1f\xbd\xfd\xe8mW\xb7\xbc\xfa\xf2\x9e\x00\x00UQ\xd3\x94\x9c3\xdai\xa0\xa6!\x82\xd5ZW\x1c*\xa4:\x0b\xb6\x15\xdf\xf5\x9f\xb9?\xed\xcf\x9d\xf0\xc1\x07\xed\xda\xb6&lt;\xf2n\xa6\xf5\x9d%%e\x97\\z%\x06\x16=s\xff\xc0\x0e=\x1bAUT\x84\r\x00\xa8\xf9\xd3\x95\x00"\n\x89\nc\xccc\x07\xa7\xf6\xedW\xeb\x1f\xfa\xef\xaa\x1e\x03/\x7f\xf5\xe5\xa7\x19\xe3B\xc8#\xd9\x83\x0b\x11\xa5\x94\x8a\xa2|=m\xda\xad\xd7^{\xaa\xdb}\xc7\xc0\x81\xe9NgE$\xa2\x0b\xc1\x19\xa3m\xe3N\x00\x89(\x11m\x8a\x92\x</t>
        </is>
      </c>
    </row>
    <row r="76">
      <c r="A76" s="1" t="n">
        <v>74</v>
      </c>
      <c r="B76" t="inlineStr">
        <is>
          <t>polygon_sides_number</t>
        </is>
      </c>
      <c r="C76" t="inlineStr">
        <is>
          <t>What is the missing number of the part denoted with a question mark?</t>
        </is>
      </c>
      <c r="D76" t="inlineStr">
        <is>
          <t>[7, 8, 6, 3]</t>
        </is>
      </c>
      <c r="E76" t="inlineStr">
        <is>
          <t>6</t>
        </is>
      </c>
      <c r="F76" t="inlineStr">
        <is>
          <t>There are 6 numbered polygons arranged in a triangle with number [5] in the top row, ['?', 9] in the middle row, and [8, 7, 3] in the bottom row.</t>
        </is>
      </c>
      <c r="G76" t="inlineStr">
        <is>
          <t>We observe that the polygon with 5 sides has the number 5, the polygon with 8 sides has the number 8, the polygon with 7 sides has the number 7, the polygon with 3 sides has the number 3, and the polygon with 9 sides has the number 9. Thus, the pattern is that the number inside the polygon represents the number of sides the polygon has.</t>
        </is>
      </c>
      <c r="H76" t="inlineStr">
        <is>
          <t>Based on the pattern that the number inside the polygon represents the number of sides of the polygon, the missing number of the polygon with 6 sides should be 6.</t>
        </is>
      </c>
      <c r="I76" t="inlineStr">
        <is>
          <t>b'\x89PNG\r\n\x1a\n\x00\x00\x00\rIHDR\x00\x00\x02\x00\x00\x00\x02\x00\x08\x02\x00\x00\x00{\x1aC\xad\x00\x00\xa6\x1dIDATx\x9c\xec\x9dwxT\xc5\xd7\xc7g\xe6\xde\xbb\xbb\xd9\xddd\xd3i\xd2{\x97"UB$\x04\xa5\xa8\x804\xe9\x1dDP\x9a\x02\x82\xd2QQ\x8a\x80H\x91^\xa4IQ\x8a4\t \x08\x84\x00\xd2\x91\xde!m\xb3\xd9~\xef\x9d\x99\xf7\x8f\x81}\xf3\xa3(*l\xc9\xce\xe7\xe1\xf1\x91\xcd&amp;\x19\xf6\xde{\xbeg\xce9s\x0e\xa4\x94\x02\x0e\x87\xc3\xe1\x04\x1f\xc8\xd7\x0b\xe0p8\x1c\x8eo\xe0\x02\xc0\xe1p8A\n\x17\x00\x0e\x87\xc3\tR\xb8\x00p8\x1cN\x90\xc2\x05\x80\xc3\xe1p\x82\x14.\x00\x1c\x0e\x87\x13\xa4p\x01\xe0p8\x9c \x85\x0b\x00\x87\xc3\xe1\x04)\\\x008\x1c\x0e\'H\xe1\x02\xc0\xe1p8A\n\x17\x00\x0e\x87\xc3\tR\xb8\x00p8\x1cN\x90\xc2\x05\x80\xc3\xe1p\x82\x14.\x00\x1c\x0e\x87\x13\xa4p\x01\xe0p8\x9c \x85\x0b\x00\x87\xc3\xe1\x04)\\\x008\x1c\x0e\'H\xe1\x02\xc0\xe1p8A\n\x17\x00\x0e\x87\xc3\tR\xb8\x00p8\x1cN\x90\xc2\x05\x80\xc3\xf9\xc7\x10B|\xbd\x04\x0e\xe79\xc0\x05\x80\xc3yV\x08!\xaa\xaaRJ\x11B\x94R_/\x87\xc3\xf9\xafp\x01\xe0p\xfe\nJ)\xc6\xd8c\xf7EQ\x84\x10\xde\xbe}\x1bB\xc85\x80\x13\xe8p\x01\xe0p\x9e\x80\xc7\xeeC\x08\x05A`v\xff\xdc\xb9sS\xa6L\xa9S\xa7N\xd9\xb2e\x0f\x1f&gt;\x0c!\xe4\xb1 N@\xc3\xbd\x18\x0e\xe7\xff\xa1\x94\x12B(\xa5\xa2(\xb2W0\xc6\x87\x0f\x1f\xde\xb0a\xc3\xfe\xfd\xfb\x8f\x1f?!\xcbn\xf6z\xb1b\xc5\x92\x93\x93M&amp;\x13B\x08B\xe8\xbb%s8\xff\x1e.\x00\x1c\xce\x03\xbb\x0f\x00\x10\x04\x81\xbd\xe2\xb1\xfb\xdb\xb6m;s\xe6\xcc#\xef\x17\x04\x01c\xdc\xa6M\x9b\xd5\xabW\xab\xaa\xeaQ\x0b\x0e\'\xb0\xe0\x02\xc0\t^\x1e\xb7\xfb\x0e\x87\xe3\xc4\x89\x13O\xb4\xfb\x05\xf2\x17\xacX\xber\xa3\xc4fa\xa1\xa6\xbe\x03:\x01\nT\xac.\\\xb8\xb0[\xb7n\x18c\xcfO\xe0p\x02\x08.\x00\x9c\xa0\x83\x05y@\x0e\xbb\x9f\x9d\x9d\x9d\x94\x94\xb4q\xe3\xc6_\x7f\xdds\xfd\xfa\xb5\x9co\xce\x9f\xff\xa5\xba\xb5\xea\'&amp;4\xa9Q\xbdNLL,\xa5T\xaf\xd7\x7f6\xee\xa3Y\xdfM\x11EQ\xab\xd5\x9e&lt;y\xb2X\xb1b\x84\x10\x84xF\x8d\x13`p\x01\xe0\x04\x0b\x84\x10f\xa6=\x96\xdac\xf7w\xef\xde}\xe3\xc6\x8d\x9co\xce\x9f\xef\xa5\xba\xb5\x1f\xd8\xfd&lt;y\xf2\x12B\x1c\x0e\x87\xa2\xc8\xac\x16\xc8\xa07\xb4\xed\xd4\xf4\xf7\xc3\xbf\x01\x00j\xd5\xaa\xf5\xdbo\xbf\x01\x00x2\x80\x13pp\x01\xe0\xe4r\x1e\xb7\xfb\xb7n\xdd:r\xe4\xc8\xe6\xcd\x9bw\xed\xda}\xf3\xe6\xff\xd8\xfdR%\xcb\xbeZ\'\xbe\xe6+uk\xd5\xa8\x1b\x1b\xfb\xffv\x1f\xe4\xb0\xef\x84\xe0\x90\x10\xc3\xd5k\x97\xden\x9d`\xb7\xdb1V\x07\x0e\x1c8m\xda4\x9e\x0c\xe0\x04\x1c\\\x008\xb9\x93\'\xda\xfd\x9d;wn\xda\xb4i\xef\xde\xbdYYY9\xdf\\\xaad\xd9\xf8\xb8\x86\x89\r\x9aT\xaaX%\xdc\x14\xa1b\xf5q\xbb\x9f\x13UU\xa3\xa2\xa2\xd7\xac[\xfe\xc1\x90\x9e\x1a\x8dF\x96\xe5\x1d;v$&amp;&amp;\xf2d\x00\'\xb0\xe0\x02\xc0\xc9U0\xbb/\x08\x82\xc7j?\xcd\xeeC\x08K\x96(\x1d\x1f\x97\xc8\xec\xbe\xc9\x14\xae(\x8a\xc3aW\xb1\n\x01\xfc\xdbx\x8e\xaa\xaa11\xb1\x03\x87\xf6^\xb9z1BBLL\xf4\x1f\x7f\xfc\x11\x1b\x1b\xcbbD/\xf4\xdf\xc8\xe1&lt;/\xb8\x00p\x02\x1eJ)\xab\xe7\xc9i\xf7\xcf\x9e=\xbbc\xc7\x8e\xa4\xa4\xa4G\xec\xbeF\xa3\xadT\xe1e\x16\xdc/[\xa6BDx\xa4\xac\xc8\xcc\xee#\x88\x9e\xddvSJ\x11\x12TUi\xde&amp;\xe1\xcf\x8b\x17\x00\xa0\x89\x89\x89;v\xec\xe0\x81 N\x00\xc1\x05\x80\x13\xa8&lt;~h\x0b\x00p\xee\xdc\xb9-[\xb6l\xdc\xb8199Y\x96e\xcf\xeb\x1e\xbb\x1f\x1f\x97X\xaad\xd9\x90\x90\x10Y\x96\x9dN\xa7\x8a\x95\x7fd\xf7s\x821\x0e\r\r;y\xeax\x9b\x0e\x8deEV\x14e\xda\xb4i\x03\x07\x0e\xe4\x1a\xc0\t\x14\xb8\x00p\x02\x8c\'\x1e\xd6\xfd\xf3\xcf?\x9fh\xf7\x8d\xc6\xd0\xd2\xa5\xca5\xcaa\xf7].\x97\xcb\xe5$\x04\xc3\x7fk\xf7s\xa2(J\x9e\xd8\xbc3f\x7f5\xfe\xf3ODQ\xa2\x94\x1c8p\xa0f\xcd\x9a\xbc*\x94\x13\x10p\x01\xe0\x04\x06\x7f\xd1\xa4a\xdb\xb6m\x97.^r?l\xd2\x00\x000\x85\x85\xd7\xa8^;\xb1a\x93\xda5\xe3\n\xe4/\xa8\xd7\x1b\\.\xe7s\xb4\xfb9\xc1\x18\x87\x85\x9a\xba\xf7m\xbbc\xd7\x16\x84P\x91"EN\x9e&lt;\x19\x12\x12\x02!\xe4U\xa1\x1c?\x87\x0b\x00\xc7\xaf\xf9GM\x1a\x1e\xd8\xfd\x84&amp;u\xeb\xc4\x17.TT\x10\x04\xa7\xd3)\xcbnL\xf0\xbf\x8e\xf3\xfc-\x84\x10\x8dFc\xb5Z\xdfj\x15\x7f\xeb\xf6MBH\xb7n\xdd\x16.\\\xc8\x03A\x1c\xff\x87\x0b\x00\xc7\x1fy\xdc\xee[\xad\xd6#G\x8e\xfc\xf2\xcb/Oj\xd2\xf0R\xdd\xda\xf5_\xa9V\xbbN\xad\xb8\xc2\x85\x8b\t\x82\xe0t:\xdcn\x17\xa5^:\x9c\xa5\xaajdD\xd4\xf6][\xba\xf5n%\x8a\x1aE\x91\xd7\xacY\xd3\xbauk\xae\x01\x1c?\x87\x0b\x00\xc7\x8f`E\x9c\xac\x033{\xe5\xaf\x0e\xeb\xe6h\xd2\x90\'O^\x00\x80\x97\xed~NTU\x8d\x89\x8e\x1d;q\xf8\xb7s\xa7J\x92\x14\x1a\x1a\x9a\x9c\x9c\xcc[Dp\xfc\x1c.\x00\x1c\xdf\xf3\\\x9a4\x00\x9f6c\xa0\x94B\x08\x05Al\xd9.\xf1\xe4\xa9\xe3\x00\x80Z\xb5j\xed\xdb\xb7\x8f\xfd\xa3x2\x80\xe3\x9fp\x01\xe0\xf8\x8c\xa7\x1d\xd6\xdd\xbf\xff\xb7\xdd\xbbw=b\xf7K\x95,\x13\x1f\x97X\xaf\xeek\x15\xcaU\xce\x977?\xf6\x0f\xbb\x9f\x13\x8c\xb1Ao\xb8z\xed\xf2\xdbm\x12\x1c\x0e\xbb\xa2(\xa3G\x8f\x1e3f\x0c\x0f\x04q\xfc\x16.\x00\x1co\xf3\xaf\x9b4\x98L\x11\xaa\xaa\xb8\\NV\xe8\xe9\'v?\'\x8a\xaa\xc4D\xc5\xfe\xb0f\xc9\xc0\x8fz\xf3\x16\x11\x1c\xff\x87\x0b\x00\xc7{`\x8csZ\xed\xa7\xd9}\xadV[\xa4p\xb1\xfa\xaf6LLx\xacI\x03\x84\x08\xfa\x9d\xdd\xcf\t\xc68\xdc\x14\xd1\x7fP\xb7\xf5\x9bV#\x84bbbN\x9d:\x15\x1d\x1d\xcd[Dp\xfc\x10.\x00\x1co\xc3\x0e\xebn\xdf\xbe\xfd\xe8\xd1\xa3Ol\xd2\x10\x1f\x97X\xa4p\xb1\x9cv\xff\xc5\x15q&gt;w(\xa5\x82 \xb2\x16\x11\x17/] \x84\xb4j\xd5j\xed\xda\xb5&lt;\x10\xc4\xf1C\xb8\x00p\xbc\x01\xbb\xcd\x16,X\xb0p\xe1\xc2\xe4\xe4dUU=_\xd2h4\x95*TI\xfc\xdf\xc3\xban\xb7\x0bc\xf5\xb9\x1f\xda\xf2\x0e*VMa\xe1)\xc7\x0e\xb7l\xd7\x08!\xc4[Dp\xfc\x16.\x00\x1co\xc0\x82\xfe\xd5\xabWOIIa\x03u\xc3\xc2L\x95*T\xa9[\xbb~\x83\xf8\xd7_D\x93\x06\xdf\xc2\xfaE\x7f3\xeb\xcb\xcf\xbf\x1a-I\x12!\xe4\xe8\xd1\xa3/\xbf\xfc2O\x06p\xfc\n.\x00\x1co\xc0\x04 11q\xcf\x9e=\x94\xd2\xf7z\x0f\xea\xd6\xa9OLL\x1e\xadF\xebr\xe7\x1e\xbb\x9f\x13BHX\xa8\xa9{\x9f6\xdbwmA\x08U\xa8P\xe1\xb7\xdf~\xd3\xeb\xf5~\x98\xbb\xe6\x04-\xb9\xe7y\xe3\xf8?\x18c\x8c1!$\xbe^b\xe1BE\xad\xd6\xecLs\xba\xd3\xe9`\x15\xf4\xb9\xc9\xfa3\xdc\xb2{\xc2\x98\xa9QQ1\x00\x80\x93\'O\x8e\x181\x82\xed~|\xbd.\x0e\xe7\x01\xb9\xed\x91\xe3\x04\x046\xbb\xd5\xedv!\x84r\xa5\xddg \x84\x9cNG\x81\xfc\x05\xbf\xfe\xfc[\xd6/\xe8\xdbo\xbf\xfd\xf1\xc7\x1fEQ\xe4\x1a\xc0\xf1\x13r\xe7\xb3\xc7\xf1s\x10B\x10\xe6\xfe{O\x14EsVf\x93\xd7\xdf\xea\xdc\xa1\xa7,\xcb\x82 \xf4\xea\xd5\xeb\xf2\xe5\xcb\x08!\xd6\xe9\x88\xc3\xf1-\xb9\xff!\xe4p|\x88 \x08Y\x96\xac\xd1#\xbf\xacT\xb1*\xc6\xd8l6\xf7\xe9\xd3\x07B\x9e{\xe3\xf8\x05\\\x008\x9c\x17\x08\x84\x10c,\n\xc27_\xcf\x0b\t\xd1K\x92\xb4{\xf7\xee\xb1c\xc7\n\x82\x90\xb3\x16\x96\xc3\xf1\t\\\x008\x9c\x17\x8b \x086\xbb\xadl\xe9\xf2\x9f\x0e\x9f\xa8(\x8a$Ic\xc6\x8c\xd9\xbd{7O\x06p|\x0e\x17\x00\x0e\xe7\x85#\x8ab\xa69\xb3{\x97\xf7Z\xbe\xddVQ\x14\x84P\x9f&gt;}\xccf3B\x88\xc7\x828&gt;\x84\x0b\x00\x87\xe3\r\x10BV\x9bu\xc2\x98\xa9\x05_*\x04\x00\xb8|\xf9r\xef\xde\xbdY\x80\xc8\xd7K\xe3\x04/\\\x008\x1co\x00!T\x14944l\xea\x97s!\x84\x92$\xad[\xb7n\xf6\xec\xd9\xa2(\xf2d\x00\xc7Wp\x01\xe0p\xbc\x84 \x08\xd9\xd9\x96\xfa\xf5\x12&gt;\x1e\xfc\x19K\x06\x0c\x1f&gt;\xfc\xe4\xc9\x93\xa2(\xf2\xaaP\x8eO\xe0\x02\xc0\xe1x\x0fQ\x1432\xd3\xfb\xf5\x19\\\xa7V=EQ\xacVk\xd7\xae]1\xc6\x94R\x9e\x0c\xe0x\x1f.\x00\x1c\x8e\xb7Q\x14y\xda\xe4y\x91\x11Q\x08\xa1\xe3\xc7\x8f\x0f\x1d:\x94\xb7\x88\xe0\xf8\x04.\x00\x1c\x8eWA\x089\x9d\xceB\x85\x8a\x8c\x19\xf5%k\x111}\xfa\xf4u\xeb\xd6\xf1\xaaP\x8e\xf7\xe1\x02\xc0\xe1x\x1bQ\x14333\xda\xb5\xee\xccZD \x84\xfa\xf5\xebw\xff\xfe}\xde"\x82\xe3e\xb8\x00pr?\x84\xe0\x7f\xc1\x0b]\x92 \x08\xe6\xac\xcc1#\xbf,[\xba&lt;!$--\xadS\xa7N\x00\x00.\x00\x1co\xc2\xe7\x13qr9\x10\xc2\xd0P\x13\x04\x10\x00\n\xc0\xb34\xe2go\xa3\x0e\xa7\xe3\xc5\x99cv\x02 D\x17\xf2\xf5\x17\xb3[\xb5o\xac\xaa\xca\xce\x9d;\xc7\x8d\x1b7z\xf4h&gt;8\x8c\xe35\xf8}\xc6\xc9\xcd@\x08eY&gt;r\xf4w\x8c1S\x80g\xfdF\x00*V\xacb4\x181\xc6/h~\x8b \x08V\x9b\xf5\x95j\xb5F\r\x9f8r\xf4 A\x10\'L\x98\xf0\xc6\x1bo\xd4\xacY\x93\xcd\xcfy\x11\xbf\x94\xc3\xc9\t\x17\x00N\xae\x85\x10\xa2\xd3\x85\xdc\xbcu\xbdc\xb7\xe6\xff\xe2\xdb7\xad\xfb\xf5\xe5J\xd5\x1c\x0e\xfb\x8b\x1b\xe0%\x8abzFZ\xcf\xae\xef\xed\xffm\xf7/;7#\x84\xda\xb7o\x9f\x9c\x9cl2\x99(\xa5|p\x18\xe7E\xc3\xbd\x0cNnF\x10\x04\xab5\x1b\xfd\x0f\x82 \x08\x02\xfa\x8b?\xa2\x80\x04\xd1[\x93j\x10\x12\xac6\xeb\x17\x13f\xb0\x16\x11W\xae\\y\xef\xbd\xf7xU(\xc7;p\x01\xe0\xe4b(B\xc8j\xcdf\xa1|\xf2\x006\x97\xf2/\xfe\xa8\x98`\x15{\xa9=\x03\x84P\x96\xdd1\xd1\xb1S\xbf\x9c\x83\x10\x12\x05q\xcd\x9a5\x8b\x16-\xe2U\xa1\x1c/\xc0\x05\x80\x93k\xa1\x14 \x88\xcc\x163\x00\xc0\x93\xfe\x85\x10\n\x82\x80\xd0_\xfc\x11\x11\x12\x04\xc1{\xd1QA\x10\xcdY\xe6\xf8\xb8\xc4\xbe\xbd\x06\xaaX\x15Eq\xc0\x80\x01W\xae\\\x11\x04\x81\x17\x05q^(&lt;\x07\xc0\xc9\xcd \x04\xcd\xe6\x0c\x00\x00\x84\x80\xd5\xf6L\xfbj^\xe5\x8aU\x1c\x0e\x07B\x7f\x13a\x7f\xa9@a6\xb8\xd8\x0b\xeb\x94$)=#\xed\xe3A\x9f\xa6\x1c;\xf4\xfb\xe1\xdfTU\xed\xd0\xa1\xc3o\xbf\xfd\x06\x00\xe0\xc9\x00\xce\x8b\x83\x0b\x00\'\xd7B\x01\x85\x08ee\x99\x01\x00\x10"\x00\xb0(\x8a\x95+V)[\xa6\x82\xd3\xe9@\x7f7\x94\xd8-\xbb\xbd\xdb\x9f\x87\x12J\'\x8d\x9b\xfev\xeb\x04\xbb\xdd~\xe8\xd0\xa1\xa1C\x87N\x9b6\x8dW\x85r^\x1c&lt;\x04\xc4\xc9\xb5@\x00)\xa5\xe6\xacL\xcf+:\xadN\xa3\xd1\xdalV\xa7\xd3\xe9p:\xfe\xfa\x8f\x97\xbb\xb3!$\xd8\xed\xb6\xb2e*L\x18=\x05c\x95\xb5\x88\xd8\xb9s\'O\x06p^\x1c\\\x008\xb9\x19\x8c\xb19+\xc3\xf3W\xa31\xd4`0RJ\xd13\xe0\xfd\xd5\x8a\xa2\x98\x91\x91\xde\xaeM\xe7\xf6m\xbb\xca\xb2\x8c\x90\xd0\xa9S\'\xde"\x82\xf3\xe2\xe0\x02\xc0\xc9\xb5@\x08)!f\xb3\x19&lt;L\x01\x87\x85\x9atZ\x1d\xa5\xf4\x99N\x04\xfb\x02A\x10\xb2\xb2\xb2F\r\x9fX\xaad\x19B\xc8\xfd\xfb\xf7;u\xea\x04!\xe4\x02\xc0y\x11p\x01\xe0\xe4Z \x84\xb2\xa2dgg\x01\xf0@\x01BCM:]\x08!\x04\xfa\xab\x02@\x08UU\t\r\r\x9b6y\x9eA\xaf\x97$i\xe7\xce\x9d\xd3\xa7O\xe7\x83\xc38/\x02.\x00\x9c\xdc\t\x8b\xf3\xb8\xdd.\xab-\x1b\x80\x07] \xc2\xc3#$Q\xa4\xd4\xaf\xbdiA\x10,\x96\xac\x1a\xd5k\x0f\xfep\xa4\xa2(\xa2(\r\x1d:\xf4\xf0\xe1\xc3|p\x18\xe7\xb9\xc3\x05\x80\x93kA\x08\xb9\xdc\xce\xec\xecl\xf0\xb0\x0bPdD\x14\x00@U1\xc6\xaa\x8aU\x06\xc6*\xc6\xd8\xafl\xab$Ii\xe9\xa9}z|\xd0\xa8aSUU(\xa5\xed\xdb\xb7\xb7\xdb\xed\x00\x00&gt;8\x8c\xf3\x1c\xe1\x02\xc0\xc9\xb5 \x84\x1c\x0e\x87\xc3a\xf3\xbc\x12\x15\x15c0\x1aL&amp;SdDttdLttLttLdDt\xb8)&lt;$D\x0f\x00\xc0X\xf5\x13\x0b\x0b!t\xcb\xae\xc9\x13g\x15*X\x18\x00p\xe5\xca\x95\x01\x03\x06 \x84xE\x10\xe79\xc2\xeb\x8b9\xb9\x13J)B\x82\xd5jq\xb9]\xec\x05\x00\x80^\xaf?{\xee\xcc\x1f\'S\xee\xa7\xde\xcb\xb6Z\x14YFH\x08\r\r+\x90\xff\xa5\xe2\xc5J\x15)\\,2"\xda\xe1\xb0\xbb\xdc.A\x10|\xbb~\x84\x90\xcb\xe5\xca\x13\x9bw\xdcgS\xba\xf5n%I\x9aE\x8b\x165n\xdc\xb8u\xeb\xd6\x18c\x9f/\x8f\x93;\xe0\x02\xc0\xc9\xb5\xb0~\xcb\xac\x9f3\xcb\xa0\xce\xfb~\xc67\xb3&amp;\xe3\'\xf5\xf9\x11E\xa9T\x89\xd2o4z\xabu\xcb\xf6E\x8a\x14\xcf\xca2C\x08}{\x04W\x14\xc5Lsz\x93\xd7\xdf\xea\xd7{\xf0\xb7s\xa7\x8a\xa2\xd8\xb7o\xdf\xea\xd5\xab\x17-Z\x94\xf7\x8b\xe6&lt;\x17\xf8=\xc4\xc9\x9d\xb0$p\xb6%K\x10\x04f+!\x846\xbb\x8d\x10,I\x1a\x8dF\xab\xd5j\xb5\x1a\xadF\xa3\x11E\t!AU\x95\xb3\xe7OO\x9d1\xa9i\x8b\xfa\xf3\x16\xcc4\x1aB!D&gt;\x0f\x07\t\x82h\xce\xca\x1c8`x\xdd:\xf51\xc6\x99\x99\x99m\xda\xb4\xb1X,\x10B\x9f\xaf\x8d\x93\x0b\xe0\x02\xc0\xc9\xb5 \x88\xccYf\x96\xe0E\xe8\x815\xa7\x94*\x8a,\xcbn\xb7\xdb\xed\x96\xdd\xb2,\xab\xaa\x02\x00e:!\x08b\xa69c\xf4\xf8\x8f?\x1e\xd9_\xa7\xd3\xf9\xbc\x07\x0f\xdb\xbb\x18\r\xc6\x82\x05\n3I\xbb|\xf9\xb2\xcb\xe5\xf2\xf1\xb28\xb9\x05\x1e\x02\xe2\xe4N\x10B6\xbb5\xa1\xc1\x1b}z~\xb0h\xe9\x1cY\x96CB\xf4\xb11y\xf2\xe6\xc9\x17\x15\x15c0\x18\x01\x00v\xbb-5\xf5\xde\xb5\xebW\xd23\xd2\xd8\xb7`\xacB\x08\x05A\xfca\xcd\x12\xa31t\xec\xa7\x93\xb3\xb2\xcc&gt;\x0c\xb8+\xaa\x12\x13\x15\xbbr\xf5\xe2Uk\x97\xb2\x9e\x10k\xd7\xae\xcd\x93\'\x0fO\x03p\x9e\x0b\\\x008\xb9\x136t7\xd4\x18:\xee\xb3\xaf\x9a\xbc\xfevj\xda\xfd2\xa5\xcaEFF\x1b\x8d\xa1\xa2(\xb2\xe0&gt;\xa5TQ\x94\xcc\xcc\xf4\x13\'S\x16/\x9f\xb7o\xffn\x16ZQUE\x10\xc4\xf9\x0bg\xc5\xc7%\xd6\x7f\xb5\x81\xd5\x96\x8d\x90\x0f\xac-\xc68\xd4\x10z\xee\xfc\xe91\x13\x87I\xa2\xa4\xa8\xca\xe8\xd1\xa3\x13\x12\x12x{8\xce\xf3\x82\xdfF\x9c\\\x0b\x8b\x9fdd\xa4\xbf\\\xb9\x9a(Jn\xb7[U\x15\x87\xc3\x9e3z\x8e\x10\x0c\x0b3\xbd\xde\xb0\xd9\x1b\x8d\xde\x9c9\xfb\xab\xcf\xbf\x1a\xfd\xb0\xf1\x0e\x05\x00|;gJ\xbd\xba\xaf=\xdb(\xf9\xe7\x0c\xa5T\x10\x04EU?\x18\xda\xd3b\xc9\x02\x00\xd4\xaaUk\xe4\xc8\x91\xdc\xf7\xe7&lt;Gx\x0e\x80\x93\x9ba\xe3_\x1c\x0e\x87\xc5\x92%\xcbn\x96\x0c\x10r\x00!RU\xd5\x92\x9d\x95\x95e\x1e:hT\xf7\xce}\t!\x08\t\x18\x13\x08\xe1\x91\xa3\x07\xcf_8\x13\x12\xa2\xf7\xfe11\x8cqDx\xe4\xb4\x19\x93N\x9e:.IRdd\xe4\x8a\x15+$I\xf2ym\x12\'7\xc1\x05\x80\x93\xfbaF\xffi\xa6\x93\x89\x04\x84\xd0l\xce|\xbf\xef\x90\xc8\x88(B0\x84\x00!\xa4\xaa\xea\x89\x93)Z\xad\xd6\xcb%7\xaa\xaaF\x84Gn\xf9e\xe3\xecyS5\x1a\x8d\xa2(s\xe6\xcc)V\xac\x98\xaa\xaa\xbc\xfa\x93\xf3\x1c\xe17\x13\x87\x03\x00\x00\x08!Yv\xe7\xcd[\xa0v\xadz\xec\xaf\xaca\xdc\xd5k\x97\x10D\x14xO\x00\x08!!!\xfa\xdbwn\x0e\x1d\xf1&gt;\x84H\x96\xe5n\xdd\xba\xb5n\xdd\x9a\x87\xfe9\xcf\x1d.\x00\x1c\xce\xff#\x08\xa8d\x892\x80\r\x93\x01\x00\x00\x90\x95e\xf6~\xf7P\xadF;j\xcc\xe0\x8c\x8c4\x00@\xa5J\x95f\xce\x9c\xc9C\xff\x9c\x17\x01\x17\x00\x0e\xe7\x7f0\x1a\x8c\x00\x00\x8f\xcbO\x88\xd7\x83?\x11\x91\xb3\xe6|\xbd}\xd7\x16\x16\xf1_\xb2d\x89\xc1`\x00\x00\xf0\xd0?\xe7\xb9\xc3w\x94\x1c\xce\x03\x98\xa5w\xba\x9c\x00\x00\x8f\xcbo4\x1a!\x82\xc0+! \x15\xab&amp;S\xf8\xe1#\x07&amp;O\x1d\'I\x92\xa2(\xd3\xa6M{\xf9\xe5\x97y\xf0\x87\xf3\x82\xe0w\x15\x87\xf3\x00\x08\x00\xa5\xf4\xc6\x8d\xab \x87\xbd\xcf\x9f\xef%\xef\xfcvJ\xa9F\xd2Z\xad\xd9\x1f\x8f\xec\xcf\x0e(\xb4j\xd5j\xe0\xc0\x81\xdc\xfas^\x1c\xfc\xc6\xe2\xe4ZX\xe9\xce\xb3GN\x04A\xb0X\xcc\x87\x93\x0f\x02\x00(%\xec\xdb\xcb\x96)\xaf*\n\x84/&lt;XJ\x08\t\x0b5\xf4\x1f\xd4\xed\xc2\x9f\xe7\x10By\xf2\xe4\x99={6k\xff\xf0\xa2\x7f5\'h\xe1\xf7\x16\'wB)\x95$I\xab\xd1\xaaX\xf5\x1c\xec\xfa\x0bd\xd9\x1d\x15\x19\xb3a\xd3\x9a\x1b7\xafyln\xde\xbc\xf9+\x94{\xd9\xe9r\xbe\xe8\xf8\xbb\xa2*Q\x91\xd1k~\\\xbe~\xd3jI\x92\x08!\xcb\x96-\x8b\x89\x89\xe1]?9/\x14~oqr!\xcc\xfa\xdf\xbb\x7f\xf7\xda\x8d+1Q\xb1\x06\x83\x11B\x841\xc6X\xc5\x04\x13B(%\x94\x12B\x08\xc6XUUJi\xde\xbc\x05~;\x98\xf4\xf9\xd7\xa3Y\xdb8\xd6\n\xf4\xad\xa6\xef\xc4\xc6\xe6Q\x14\xf9\x85\n\x80\xa7\xe5\xc3\xe8\t\x1f\xb3\xd0\xff\x981c\x12\x13\x13UU\xe5\x95?\x9c\x17\n\x17\x00N.\x84R\xa2\xd3\x85\\\xba|\xe1\xadV\r\x86\x8d\x1ap\xe4\xe8Av\xb062":,\xd4\xa4\xd7\x1b\xb4Z\x9dV\xab\xd3\xeb\xf5\xa6\xb0\xf0\xa8\xa8hA\x10\x17/\x9b\xdb\xb9\xc7;\xd9\xd9\x16J)\x00\x90\x10\x1cn\x8a\xe8\xde\xf9=\xbb\xdd\xfeB\x1b\x01\xb1\x96\x0f*\xc6\xac\xe5\x83\xa2(\t\t\t\xa3G\x8f\xc6\x18\xf3\xd0?\xe7E\xc3\xef0N\xee\x84R\xaa\x914Vk\xf6\xa2\xa5s\x17-\x9d[\xbch\xc9*/\xbfR\xa1|\xe5bEJDE\xc5\xe8C\xf4\x00\x02\x87\xc3~\xef\xde\x9d\xe3\'Sv\xee\xdez\xe1\xcf\xb3\xe0a\xc2\x00!\x881\x193\xea\xcbB\x85\x8a\xbc\xe8n\xa0\x18\xe3\xe8\xa8\xe8\x8f&gt;\xe9\x7f\xf2\xd4qA\x10\xc3\xc2B\xe7\xce\x9dK)\xe5E\x9f\x1c/\xc0\x05\x80\x93k\xa1\x94\x8a\xa2\x88\x90\xa0(\xf2\xe5\xab\x17/_\xbd\xb8n\xc3J\x00\x00\x84P\xa3\xd1\x02\x00d\xd9\xed\xe9\xf1\xf0ph\x0cb3\xe2\x87\r\x19\xdd\xa6U\xc7\x17m\xfdY\xd5\xff\xd6\xed?-]\xf1\xbdF\xa3\x91ey\xfe\xfc\xf9\xc5\x8b\x17\xe7\xc7\xbe8\xde\x81\x0b\x00\'\xd7B)UU\x15\x00\x15!\xc4Z@S\n\x08\xc1\x18c\xf7\x83A\xc1@\x10D\x01!\n(\xcb\x07\x00@""\xa2&gt;\xfbdR\xdbV\x9d,\x96\xac\x17j\x85\t!!!!7o^\x1f:\xe2}A\x10dY~\xff\xfd\xf7\xdfy\xe7\x1d^\xf7\xc9\xf1\x1a&lt;\x07\xc0\xc9\x85@\x88\x9cNG\xc5\n/\x0f\xfe\xe0\x93\xc2\x85\x8a\x12B\x14E\x91eYQd\x8cq\xcewb\xac\xca\x8a\xac(\n\xc68*2\xbak\xa7&gt;\x9b\xd7\'\xb5m\xd5)+\xcb\xec\x85\xf2\x1bI\xd2\x0c\xfa\xb8OFF\x1a\xc6\xb8b\xc5\x8a\x9f\x7f\xfe9\xf7\xfd9\xde\x84;\x1a\x9c\\\x08\x9b\x06\x13\x12\xa2\xffx\xf0g\xdd\xbb\xbcw\xe2\xe4\xd1\xa3)\x87\xce\x9e?u\xeb\xd6\xcd\xf4\xcc4\x87\xc3\x8e\xb1\n(\x10D\xd1h\x0c\xcd\x1b\x9b\xaft\xa9r5_\xa9[\xb7v\xfdB\x85\x8a8\x9d\x8e\xac\xacLAx\xb1\x8f\x86\xaa\xaa1\xd1\xb1\xd3f~~\xf0\xd0&gt;I\x92\xb4Z\xed\x8a\x15+BCC\t!&lt;\xfa\xcf\xf1\x1a\\\x008\xb9\x13\x08!!8\xd3\x9c\xae\xd1h\xe3\xeb%6l\xd0\x18\xab\xaa\xc3\xe9\xb0\xdbm.\x97\xcb-\xbb\x01\x00Z\x8d6$D\x1f\x1a\x1a\x1a\x12\xa2\x07\x148\x9cv\xb39\x93M\x06~\xa1k\xc3\x18\x87\x85\x99\xf6\xee\xdf\xedi\xf90}\xfa\xf4\x8a\x15+\xf2\xe0\x0f\xc7\xcb\xf0\xbb\x8d\x93\x8b\x81\x82 \x12\x82\xad6\x0b\xab\xabAH0\x1aBCCM\x08B\x00\x00\xa1\x94\x10,\xcb2\x1b\xb3\xce\xc6\x06\xbc\xe85QJ%Ic\xb5f\x0f\x1e\xd6\xc7\xd3\xf2\xa1_\xbf~\xdc\xfas\xbc\x0f\xbf\xe18\xb9\x1c\x08!\x84\xffo\xd6U\xac\x02\xfc\xe8\x1b\xbc\x19v\'\x84\x84\x9bB\xfb}\xd8\xe5\xe6\xad\x1b\x08\xa1\xe2\xc5\x8b\xcf\x9b7\x8f\x9d\x06\xf0\xda\x1a8\x1c\x06O\x02s\x82\x0b\xf8\x18\xde\xfc\xed\xaa\xaaFFD.\\\xf2\x9d\xa7\xe5\xc3\xdc\xb9s#""x\xe8\x9f\xe3\x13\xb8\x00p8^\x02cl4\x18\xcf]83\xfe\x8b\x91\x9e\x96\x0f\t\t\t\xbc\xe5\x03\xc7W\xf0\x10\x10\x87\xe3\r&lt;-\x1f&gt;\x1c\xda\xdb\xe9t\x00\x00x\xcb\x07\x8e\xcf\xe1w\x1e\x87\xe3\rr\xb4|8&amp;\x08BXX\x18o\xf9\xc0\xf19&lt;\x04\xc4\xe1\xbcp\x1ei\xf9\x801f-\x1fx\xb7g\x8eo\xe17\x1f\x87\xf3b\xf9\x8b\x96\x0f&lt;\xf4\xcf\xf1-&lt;\x04\xc4\xe1\xbcp&lt;-\x1f\x00\x00\xbc\xe5\x03\xc7\x7f\xe0;\x00\x0e\xe7\x05\xa2\xaajTd\xf4\xec\xb9SY\xcb\x07\xa3\xd1\xc8Z&gt;x\xbf\x02\x95\xc3y\x1c\xbe\x03\xe0\xf8\x006\x93\xcb\xd7\xabx\xe1\xf0\x96\x0f\x1c?\x87\xef\x008&gt;\xc0h\x08\xd5ju\x84\x10\xfc``o.\x84\xb7|\xe0\xf8?\xfcF\xe4x\x0fA\x10\x04A\xa0\x94&amp;\xed\xdfY\xb4H\xb1\x98\x98&lt;Z\x8d\xd6\xe5v\xb9\\NB0\x84(7\x95\xc4\xf0\x96\x0f\x1c\xff\x07z&amp;"q8/\x0eV\xefX\xbdz\xf5\x94\x94\x14A\x10Xl\xa4R\x85*uk\xd7o\x10\xffz\xa9\x92eCBB\\\xae\xdc\xa3\x04\xaa\xaaFEF-\\2\xe7\x93\xd1\x83X\xf0g\xd7\xae]\t\t\t&lt;\xf7\xcb\xf1+\xb8\x00p\xbc\x01\xbb\xcd\x16,X\xb0p\xe1\xc2\xe4\xe4dUU=_\xd2h4\x95*TILh\x12\x1f\x97\xe8Q\x02\xb7\xdb\x85\xb1\x1a\xa0J\x8016\xe8\rW\xae]j\xd2&lt;NU\x15\xd6\xf2a\xf4\xe8\xd1&lt;\xf8\xc3\xf17\xb8\x00p\xbc\xcd\xb9s\xe7\xb6l\xd9\xb2}\xfb\xf6\xa3G\x8ffeey^\xd7h\xb4\x95*\xbc\xcc\x94\xa0H\xe1b&amp;S\xb8\xa2(\x0e\x87]\xc5*\n\x1c%`\x87{EQj\xd16\xf1\xe4\xa9c\x00\x80\x84\x84\x84]\xbbvq\xdf\x9f\xe3\x87p\x01\xe0x\x0f\x8c1B\xc8S\xfex\xeb\xd6\xad\x9d;wn\xda\xb4i\xef\xde\xbd9\x95@\xab\xd5\x16)\\\xac\xfe\xab\r\x13\x13\x9aT\xaaX%\xa7\x12@\x08\x11D\xfe\\@\xa9\xaa*k\xf9\xb0t\xc5\xf7\xac\xe5Crrr\xb1b\xc5(\xa5\x81\xa2a\x9c\xe0\x81\x0b\x00\xc7\xdb\x10BXJ\xc0c\x10\x9f\xa6\x04\x00\x80R%\xcb\xc6\xc75Ll\xc0\x94 BU\x15\x97\xcb)\xcb2\x00 \xa7\x96\xf8\t\xac\xe5\xc3\xf6\x9d\x9b\xbb\xf5n\xa3\xd1hdY^\xb7n\xdd;\xef\xbc\xc3\xdd\x7f\x8e\x7f\xc2\x05\x80\xe33\x9e\xa6\x04\xfb\xf7\xff\xb6{\xf7\xae\x1b7n\xe4|s\xa9\x92e\xe2\xe3\x12\xeb\xd5}\xadB\xb9\xca\xf9\xf2\xe6\xc7\x848\x1c\x0eE\xf1#% \x84h\xb5\xda\xb4\xb4\xd4&amp;-\xe2\xb2\xb221\xc6\xef\xbf\xff\xfe\xacY\xb3x\xe8\x9f\xe3\xb7p\x01\xe0\xf8\x9e\xc7\x95 ;;;))i\xe3\xc6\x8d\xbbw\xef~D\t\xf2\xe7{\xa9n\xed\xfa\x89\tMjT\xaf\x93\'O^\xe27J@\x081\x1aC\xdbvlr\xf0\xd0~\x00@\xc5\x8a\x15\x0f\x1e&lt;\x18\x12\x12\xe2\'\xfa\xc4\xe1&lt;\x0e\x17\x00\x8e\x1f\xc1\x94 \xe7\x8c\xc6\xbfR\x82\xfc/\xd5\xad\xf5\xffJ\x00\x00p:\x1dn\xb7\x8bR\x1f(\x81\xaa\xaa1\xd1\xb1\xd3f~\xfe\xf9W\xa3EQ\xd4j\xb5\xbf\xff\xfe{\xc5\x8a\x15y\xbfO\x8e?\xc3\x05\x80\xe3\x8fPJ\xd9\ta\x8f\x12X\xad\xd6#G\x8e\xfc\xf2\xcb/\xdb\xb6m;s\xe6L\xce7\x17\xc8\xffR\xdd\xda\xf5_\xa9V\xbbN\xad\xb8\xc2\x85\x8b\t\x82\xe0e%\xc0X5\x85\x85\x1f&lt;\xb4\xbf]\xe7f\x10@\x15\xab\x0b\x17.\xec\xd6\xad\x1b\x0f\xfep\xfc\x1c.\x00\x1c\xbf\xe6q%\xc0\x18\x1f&gt;|x\xc3\x86\r\x8f+\x81),\xbcF\xf5\xda\x89\tM\xea\xd6\x89/\\\xa8\xa8 \x08N\xa7S\x96\xdd\x98\xe0\x17WHJ)\x15E\xd1f\xb3\xbe\xf9N\xfc\xed;\xb7\x08!m\xda\xb4Y\xbdz5\xb7\xfe\x1c\xff\x87\x0b\x00\'0`J\xc0\xac-{%\xa7\x12\\\xbax\xc9-\xbb=o~\xa0\x04\r\x9b\xd4\xae\x19W \x7fA\xbd\xde\xe0r9_\xd01c\x8c\xd5\xa8\xc8\xe8.=[\xfd\xb2s3B\xa8H\x91"\xc9\xc9\xc9&amp;\x93\x89\x87\xfe9\xfe\x0f\x17\x00N\x80\xf1D%\xf8\xf3\xcf?\xb7l\xd9\xb2q\xe3\xc6\xe4\xe4dV$\xca0\x1aCK\x97*\xd7\xe8\x7f\x8f\x19?G%PU5&amp;:f\xfe\xa2\xd9#G\x0f\x12\x04\x11B\xf0\xdbo\xbf\xd5\xacY\x93\x87\xfe9\x01\x01\x17\x00N\xa0\xf2\xb8\x12\x80\x87\xc7\x8c\x1fW\x82\x9c\xc7\x8c\x99\x12\xc8\xb2\xect:U\xac\xfc\xeb\xe8\x10\xc6\xd8h0\x9e:s\xa2U\xfb\xc6\xbc\xe5\x03\'\x10\xe1\x02\xc0\tx(\xa5L\x0c\x04A\xf0D]\xce\x9e=\xbbc\xc7\x8e\xa4\xa4\xa4G\x0e\x97y\x94\xa0F\xf5:e\xcbT\x88\x08\x8f\x94\x15\xf9_4\x9c`-\x1f$Qj\xda"\xee\xdc\x853\x00\x80\xc4\xc4\xc4\xed\xdb\xb7c\x8c\xb9\xf5\xe7\x04\n\\\x008\xb9\nVH\x9aS\t\x9ev\xcc\x18BX\xb2D\xe9\xf8\xb8\xc4\x87\xc7\x8cs4\x9c\x00\xf0o#\xf8\xac\xees\xe8\x88~KW|\x8f\x10\x8a\x8a\x8a:u\xeaTll,o\xf9\xc0\t \xb8\x00pr\'\xff\xba\xe1D\xb8)B\xc5\xea_\x1f.SU522j\xed\x8f+&gt;\x18\xd2\x93\xb5|X\xbbvm\xabV\xadx\xcb\x07N`\xc1\x05\x80\x93\xcby\xa2\x12\x1c9rd\xf3\xe6\xcd\xbbv\xed\xbey\xf3\x91\x86\x13e_\xad\x13_\xf3\x95\xba\xb5j\xd4\x8d\x8d}\xf21cB\x88V\xabKK\xbb\xdf\xf8\xedW\xb3,fB\xc8\xc0\x81\x03\xa7M\x9b\xc6C\xff\x9c\x80\x83\x0b\x00\'Xx.\r\'X\x84\xc7\xa07\xb4\xeb\xdc\x8c\xb5|\xa8R\xa5Jrr2\xf0u#\n\x0e\xe7_\xc0\x05\x80\x13t\xb0\xda!\x90\xe3p\x99G\t~\xfdu\xcf\xf5\xeb\xd7r\xbe9g\xc3\x89\x98\x98XJ\xa9^\xaf\xffl\xdc\xc7\xb3\xbe\xfbZ\x14%\xadVs\xf0\xe0\xc1J\x95*\xf1\xbaON \xc2\x05\x80\x13\xbc&lt;~\xcc\xd8\xe1p\x9c8q\xe2\x89\xc7\x8c\x0b\xe4/X\xb1|\xe5F\x89\xcd\xc2BM}\x07t\x02\x14xZ&gt;\xf0\xd0?\'@\xe1\x02\xc0\xe1\xfc\xb3\x86\x13\xecm\x18c\xde\xf2\x81\x13\xe8p\x01\xe0p\xfe\x9f\xbfh8\xb1\x7f\xff\xfe\xe3\xc7O\xc8\x0f\x1bN\x14+V\x8c\xb7|\xe0\x04:\\\x008\x9c\'\xf0\xb4c\xc6[\xb7n\xfd\xf1\xc7\x1fO\x9f&gt;\xbds\xe7N\xde\xf2\x81\x13\xe8p\x01\xe0p\xfe\n\x8f\x12\xe4&lt;\\v\xfb\xf6\xed\x02\x05\n\xb0\xc3\xc0\xbe]\x1e\x87\xf3_\xe0\x02\xc0\xe1&lt;+9\x8f\x19s\xeb\xcf\xc9\x05p\x01\xe0p\xfe1&lt;\xf2\xc3\xc9\x1dp\x01\xe0p8\x9c \x85{1\x1c\x0e\x87\x13\xa4p\x01\xe0p8\x9c \x85\x0b\x00\x87\xc3\xe1\x04)\\\x008\x1c\x0e\'H\xe1\x02\xc0\xe1p8A\n\x17\x00\x0e\x87\xc3\tR\xb8\x00p8\x1cN\x90\xc2\x05\x80\xc3\xe1p\x82\x14.\x00\x1c\x0e\x87\x13\xa4\xf0&gt;\xe6\x1cN\x10As\x00!\xf4\xb43\xe2\x9d-\x82\x13\xde\n\x82\xc3\xc9\xcdxf\xdd\xb0i\xc6O3\xf4\x18c&gt;\xd8 \x08\xe1\x02\xc0\xe1\xe4\x1e\x1ew\xf0\x1f\xb1\xf8\x84\x90\xdb\xb7o_\xbcx\xf1\xd4\xa9S\x7f\xfc\xf1\xc7\xa5K\x97\xc2\xc3\xc3?\xff\xfc\xf3\xf2\xe5\xcb\x03.\x03\xc1\x07\x17\x00\x0e\'\x80\xf1\x8c+\x00\x00&lt;\xd1\xc1\xb7X,\x7f\xfe\xf9\xe7\xad[\xb7RRR\x92\x93\x93o\xdd\xbau\xe3\xc6\r\x9b\xcd\x96\xf3=\x1a\x8d\xa6O\x9f&gt;\xa3F\x8d\x8a\x8d\x8d\x05\x00\xf0\x11\xc7\xc1\x03\x17\x00\x0e\'`x\xc4\xc1\x7f\xdc[w8\x1c\x19\x19\x19\xe7\xce\x9dKNN\xbe|\xf9\xf2\x95+W\xce\x9d;\x97\x9a\x9a\xfa\xd7?\x16!D\x08\x89\x8d\x8d\x1d5jT\x9f&gt;}4\x1a\r\x8b\x1a\xf1\xc4@\xae\x87\x0b\x00\x87\xe3\xbf\xfc\xad\x83o6\x9b/]\xbat\xe6\xcc\x99\xcb\x97/\x1f9\x92|\xfe\xfc\xb9\xcc\xcc\xccG\x1c\xfc\x9cDFF\xbd\x94\xbfP\xe9Re\x0b\x15,Z\xa1|eE\x91\x17/\x9bw\xf0\xd0&gt;\xcf\x1b*T\xa80y\xf2\xe4\xc6\x8d\x1b\x03\x00TU\xcd9\x07\x8d\x93\xfb\xe0\x02\xc0\xe1\xf8\x0b\xcf\xee\xe0\x1f9r\xe4\xca\x95+\xcc\xeegdd&lt;\xed\x07\x1a\x0c\xc6pSD\xf1b%\xcb\x97\xab\\\xb8P\x912\xa5\xca\xbfT\xa0Pxx\xa4\xc1`@\x08)\x8a" \xc1\xe5v\xad[\xbfb\xf6\xbciW\xaf]F\x08\x12B\x01\x00\xed\xda\xb5\x1b9rd\x85\n\x15\x00\x00\xaa\xaa\xe6\x1c\x8c\xcc\xc9Mp\x01\x08l\x98\x87\x18\x88&gt;\x1a\x0f/\xe4\x04c\xfcx\xc2\x16\x00\x90\x96\x96v\xf6\xec\xd9\xabW\xaf\xfe\xf1\xc7\x1f\xa7N\x9d\xbat\xe9RFF\xc6_8\xf8\xd1\xd11\xc5\x8a\x96,X\xa0p\xf9r\x95J\x96(]\xf0\xa5\xc2Q\x911\x11\xe1\x11\x92\xa4!\x94(\x8a"\xcb2\xc6\n\xc6\x84R\x8a\x10\x1bl\x89"#\xa2\xee\xdd\xbf\xbbh\xd9\x9c\x05\x8b\xbe\xb5\xda\xac\xa2(\xaa\xaa\xaa\xd1h&gt;\xfe\xf8\xe3\x01\x03\x06\xc4\xc6\xc6\xb2\xdb\x8c\'\x06r\x1f\\\x008\xbe\x81\xcf\xd4\xf5\xe0\x190\xe9p8\xae_\xbf~\xf3\xe6\xcd\xe4\xe4\xe4\x94\x94\x14V\xaec6\x9b\x9f\xf6\x8d\x06\xbd!\x7f\xfe\x82\xf9\xf3\x15(W\xa6b\x85\xf2\x95\xf3\xe7{\xa9p\xa1\xa2Q\x91\xd1\x92F\x83\x90\xa0\xaa\x8a\xa2\xc8\xaa\xaa\xaa\xaaJ(\x81\x00zx\xe4\xe70so2\x85\x9f9sr\xea\x8cI?o]\x0f\x00@H \x04\xe7\xcf\x9f\x7f\xc2\x84\t\xdd\xbau\x03OW)N\xe0\xc2\x05 Pa\x8e\xff\x95+W\xfa\xf5\xeb\x871fq\x03_/\xea\xef\x11\x04\x01c\x1c\x17\x177f\xcc\x18&gt;Y\x17&lt;,\xb9Y\xb8p\xe1\xf2\xe5\xcb\xaf^\xbdz\xfb\xf6mEQ\x9e\xf8N\x8d\xa41\x85\x87\x17-\\\xa2\xe0K\xff\xef\xe0\xe7\xcb[\xc0`0\x8a\xa2H\x08QUU\x96\xdd\x8a\xa2PJ)\xa0\x10B\x04\x11\x00\xe0Y\x84\x96R\x8a\xb1j0\x84\nH\xd8\xfb\xdb\xae\xaf\xa7M8q2\x05B\xc0\xee\xa9\x84\x84\x84\x11#F$$$\x00\x9e\x18\xc8]p\x01\x08T\x98\xe1\xe8\xd2\xa5\xcb\xd2\xa5K}\xbd\x96\x7f\xc3\xf9\xf3\xe7K\x95*\xc5N\'\xf9z-&gt;\x83]\xc4C\x87\x0e\xd5\xae]\xfb\xf1\xaf\x86\x9b"\xa2\xa3cK\x96(]\xaaD\x99\x12%\xca\x94*Q&amp;6&amp;ODD\x94&amp;\x87\x83/\xcb2!\x98R\n\x9e\xee\xe0?;,\xe1l2\x85\xdb\xed\xb6\x8d?\xad\xf9\xfa\x9b\x89\xa9\xa9\xf7\x98f\x03\x00\xbaw\xef&gt;l\xd8\xb0R\xa5J\x01^*\x9a[\xe0\x02\x10\x90\xb0\xc7o\xdf\xbe}\r\x1a4\x10\x04A\x96e_\xaf\xe8\x1f\xa0\xd1h\x14EILL\xdc\xbe}{0\xdb\x11\xb6\x01\xbaz\xf5j\xf5\xea\xd5-\x16\x0b\xc6\xd8`0V,\xffr\x99\xd2\xe5\n\xbeT\xb8l\x99\x8a\xc5\x8a\x94\x08\x0f\x0f\x0f\x0b\x0b\x17\x90\x801\x96\x15YU\x15EU(\xa1\x14P\x04!\x84/\xe4\xd0\x16\xbb(\xa6\xb0\xf0\xdbwo\xce\xf8v\xf2\xca\xd5\x8b\x15Ea2`2\x99\x06\x0e\x1c8h\xd0 \x93\xc9\xc4KEs\x01\\\x00\x02\x12\xe6\x915h\xd0`\xdf\xbe}\x10\xc2\x84\xf8\xd7\xfb\xf6\x1eh\xb5f#\xe4\xbf\xc6\x94R\xa2\xd1h\xee\xdd\xbb\xfb\xf1\xc8\xfe\x84\x10B\xc8\xf6\xed\xdb\x1b5j\x14\x9c\x1a\xc0\xac\xa7\xd9l~\xe3\x8d7\x8e\x1e=\n\x00\xa8X\xbe\xf2\x9cY\xcb\x0b\xbdTD\x94D\x08\xa1\xaa\xa8n\xd9\x8d\xb1\xaa\xaa\xaa\xe7X\xef\x7ft\xf0\xff\x11\xaa\xaa\xeat\xba\x90\x10\xfd\xa9S\xc7?\xffzt\xd2\xbe]\x00\x00\x08!\xa5\xb4t\xe9\xd2c\xc6\x8ci\xd7\xae\x1d\xe0\x87\x87\x03\x1c.\x00\x81\x07\xb3\x98\xcb\x96-\xeb\xdc\xb9\xb3 \x88\x08\xc1\xad\x1b\xf7W\xabR\xc3f\xb7\t~,\x00\x00PLHXh\xe8\xfb\x03\xbb\xafX\xb5\x08BX\xaaT\xa9\x93\'O\x8a\xa2\xe8M\xbb\xe6\x0f\xb0\x84\rB(11q\xd7\xae]\x00\x80\x88\x88\xc8\x1d?\xff\x9e/_\x01\x8b%\x0bB\x08\x00\xb3\xf8\x08B\x00\x80\xcf&gt;\x19V\xfcc0\x18\x11D;\x7f\xdd\xfa\xf9W\xa3/^:\xcf4\x00\x00\x90\x98\x988~\xfc\xf8\x9a5k\x02\x9e\x18\x08X\xb8\x00\x04\x18\xccvX\xad\xd6j\xd5\xaa]\xbdz\x8d\x10\xdc\xb7\xe7\x87cF}\x99\x96~_\x14E\xbf\xbe\x98\x10PB\xb5\x1a\xad%\xdb\xd2\xe0\x8djV\x9b\x95\x102q\xe2\xc4O&gt;\xf9$\xd86\x01\xac\xb2\xbew\xef\xde\xf3\xe7\xcf\x97$)$D\xbfd\xfe\xba\xeaUkf[\xb3\xfd\xb0\xe2\x9emVBC\xc3\x9c\x0e\xc7\xf2U\x0bg~\xf7Uff\x06;&lt;,IR\xa7N\x9d\xc6\x8d\x1bW\xa0@\x01\xc0\x13\x03\x01\x08\x17\x80\x00\x83\xd9\x8e\xb1c\xc7\x8e\x193F\x10\x84\x88\x88\xa8\xed?\x1d\x08\x0f\x8fP\x14% \xfc/UU##\xa2f\xcf\x9b:\xfe\xf3\x91\x08\xa1\xf0\xf0\xf03g\xce\xb0\x164A\x12MV\x14E\x92\xa4\xe9\xd3\xa7\x0f\x1a4H\xab\xd5\xba\xdd\xee\x99S\x17\xb4k\xd3\xe5\xfe\xfd\xbb\x92$\xf9zuO\xc5\x93\x18\xb8z\xfd\xf2\xd4o&amp;\xad\xdf\xb4\x1ac\xd5\xd3Cb\xc0\x80\x01\x1f\x7f\xfc1\xef!\x11pp\x01\x08$&lt;\xa5\x9f\xd5\xaaU\xb3\xd9\xec\x18\xab\x9f\x8f\x9b\xde\xbd\xcb{\xe9\x19i~\xe89&gt;\x11J\x01\x82\x10"\xd8\xa8Y\xedk\xd7\xafPJ\xbbv\xed\xbah\xd1\xa2 q\x1e\x99~\xff\xf8\xe3\x8f\xadZ\xb5\xd2h4\xb2,\x8f\xfdtr\x9f\x9e\x1f\xa4g\xa4I\xa2\xffZ\x7f\x0f*VuZ\x9d\xd1\x10z\xe0\xd0\xbe\xa9\xdfL\xfc\xed`\x92\xe7K9{H\xf0\xc4@\xa0\xc0\x05 \x90\xc8Y\xfa\x89\x10*[\xa6\xc2\xc6\xd5\xbb\x08%\xbe^\xd7?\x03cl\n\x0b\xffe\xe7\xcf=\xfa\xb6C\x08\x89\xa2x\xf0\xe0\xc1\xaaU\xab\xe6\xfa\x92Pv\xf9\x92\x93\x93_\x7f\xfdu\xab\xd5\xa6\xaaJ\xdbV\x9d\xbe\xf9z~\xa69#\x80\xc4\x8fR\x8a1\x0e5\x86"AX\xbf\xf1\x87\x99\xdfM\xb9x\xe9&lt;\xdb\n\x00\x00\x1a7n&lt;y\xf2dO\x0f\t\x9e\x18\xf0s\xb8\x00\x04\x0c9K?!\x84\xaa\xaa.[\xb0&gt;\xa1\xc1\x1bYY\xe6\x002\x1f\x0cBH\xa81\xb4m\xa7f\x07~\xdf\x0b\x00\xa8_\xbf~RRR\xee\xde\x04\xb0\xa2\xcf\xb4\xb4\xb4\xf2\xe5\xcb\xa7\xa5\xa5\x01\x00j\xd7\xac\xb7n\xe56\xab\xcd\n\x9e\xed\xac\x96_\xc1\xcc\xbd),\xdcj\xcb\x9e\xb7`\xe6\xbc\x053\xac6++\x15\xe5\xcd\xa5\x03\x88\xdc\xecp\xe5&gt;0\xc6\x9f~\xfa)\xc6XU\xd57\x1a\xbd\xf9Z\xfd\xc4@\xb4\xfe\x0cL\xc8\xa7#&amp;I\x92$\x08\xc2\xde\xbd{\xd7\xad[\xe79p\x94\xfb`n\x96\xc3\xe1h\xda\xb4)\xb3\xfe\xe5\xcbU\xfan\xc6\x12\xa7\xcb\x19\xa0-1Xk\xd2,\x8b\x19\x000l\xc8\xe8\x8dkw\xb7n\xd9\x9e]&gt;\x8c\xf1\xcc\x993\xabV\xad\xbah\xd1"v\x80\x80U\xfd\xfaz\xc9\x9c\'\xc0\x05 0`n\xd4\xca\x95+\xf7\xed\xdb\'\x08\xa2$I\x83?\xf8$@\xdb\xc0\x01\x00\x10B6\x9b\xb5J\xe5\xea=\xba\xf4c\xf1\xe2a\xc3\x86Y,\x16\xf0\xd0V\xe6&amp;(\xa5\xaa\xaa"\x84\xde\x7f\xff\xfd\xe4\xe4dQ\x94La\xe1\xdfN_\x1c\x1d\x15#\xcbr@G\xbd\x98\xf3\x91\x96\x9eZ\xach\xc9\x99S\x17\xaeX\xb4\xb1N\xad8&amp;\x03\xb7o\xdf\xee\xde\xbd{\xbdz\xf5v\xee\xdc\xc9\xd4"\xb7\xaa{@\x13\xc07_\xf0\xc0\x9cD\x8b\xc52v\xecX\x84\x04\x8c\xd5\x1e]\xfaU\xaaX\xc5j\xb3\x06\xae\xf9\x10\x04\xc1f\xb7\xf6\xea\xde?::\x96e\xb6\xa7O\x9f\x9e+7\x01\x18cI\x92\x06\r\x1a\xb4x\xf1bQ\x94TU\x99\xff\xdd\xca\x92\xc5K[\xb2-\x01\xba{{\x04Q\x14].g\x869=&gt;.q\xe5\x92M_N\x9c\x19\x1b\x9b\x17\x00 \x08\xc2\xe1\xc3\x87\x1b5j\xf4\xee\xbb\xef\x9e9sF\x10\x84\xdc\xa7\xee\x81N\xa0\x9a\x8f\xa0\x82\xf9\xc8\xd3\xa7O\xbf|\xf92\x84 ::\xb6W\xf7\xfev\xbb-\xa0\xcd\x07\x84\xd0\xe5r\xbdT\xa0\xd0\x90\x0f\xd89\x00q\xda\xb4i\x97/_f\x11\x03_\xaf\xee\xb9\xc1\xca~\xe6\xcf\x9f?}\xfat\xadV\xab\xaa\xca\x841S\xe2\xea6\xc8\xb2\x98\x03\xa5p\xebY@\x08\x89\x82h\xc9\xcer\xb9\x9c]:\xf4\xda\xbaq_\xff\xbeCX+:Q\x14W\xadZU\xa5J\x95\xaf\xbf\xfe\x1aB\x98\x9b.n.\x80\'\x81\xfd\x9d\\P\xfa\xf9\xd7 \x88\x9a\xb7mx\xee\xfciBH\xe7\xce\x9d\x97,Y\x92k\xd2\x86\x9e^ou\xea\xd4\x11EQQ\x94\xfe}\x87\x8c\xfb\xec\xab\xbb\xf7\xee\xe4\x8ek\xf7DX\x0f\t\xbd\xdep\xea\xf4\x89\x99\xb3\xbfb\xcd\xa5\x01\x00\x82 \xdc\xbcy3_\xbe|\x01\x9a\xf6\xc8\x95\xf0\x1d\x80\xbf\xc3\x9e\x96q\xe3\xc6Y,\x16JI\xf9r\x95Z\xb5h\x9fk\xfcG\x8c\xb1\xc1h\x1c&gt;d\x0c!D\x14\xc5\x15+V\xec\xdb\xb7/w\x04\x82\x98\xf5?u\xeaT\xd3\xa6M\x99\xf5o\xfef\xebaCF\xdfO\xbd\x97;\xe4\xedi\xb0\x7flffF\xe9R\xe5f\x7f\xb3d\xc5\xe2\x8d\xa5K\x95e\r\xabW\xae\\\t\x1ev\xb2\xe2\xf8\x03\\\x00\xfc\x1aO\xe9\xe7\x8a\x15+\xd8#4|\xc8\x18\x83\xd1\x98k\x1e!A\x10\xb2\xb2\xcc\xaf\xd5o\xf4zb3UUY\x99S.\x88\x12\xb0}[fff\x87\x0e\x1d233\x15E\xa9P\xbe\xf2\xe7\xe3\xbfq\xcb2\x08\xc0\xa2\xcf\x7f\n\x84P\x14E\x87\xc3n\xc96\xbf\xd9\xe4\xed\x8f\x06}\xc6Z\xda\xad]\xbb\x96\x0f\x81\xf0+\xf8\x95\xf0wrS\xe9\xe7\x13\x81\x10\xaaX\x1d&gt;dLhh\x98 \x88\xfb\xf6\xed[\xb6lY@o\x02XX\x15B\xd8\xb4i\xd3S\xa7N\x01\x00\n\xe4/\xb8b\xd1F\xadV\'\xcb\xee\xe01\x7f\x08!Q\x94\xee\xde\xbb_\xadJ\xcd\x98\x98&lt;\x00\x80\xe4\xe4\xe4\xe4\xe4d^\x11\xe4?\x04\xcb\xbd\x18\x88\xe4\xb2\xd2\xcf\xa7\xc1JB+\x94\xaf\xdc\xa5C/\x8cU\x84\x84\xe1\xc3\x87gffz\xbaN\x06\x1c,i\xdf\xa7O\x9fC\x87\x0eI\x92\x14n\x8a\x98\xfd\xcd\xe2\xc8\xc8h\xa7\xd3\x91\x9b\x94\xfbY`\'\x16\xf3\xe7\xcb\xffV\x93\x96\x00\x00B\xc8\x8f?\xfe\x08rc\xb1o\x80\xc2\x05\xc0O\xc9\x95\xa5\x9fOC\x14\xc5,\x8b\xb9w\x8f\x01\x85\x0b\x15\x01\x80\xde\xbbwo\xea\xd4\xa9\x9e\xee\x02\x81\x85\xa2(\xa2(N\x9f&gt;}\xfe\xfc\xf9Z\x8dVQ\x94\xe9_\xcf\xab]\xb3\x9e\xc5\x92\x95;\xd26\xff\x14\x08\xa1\xa2(\x8d\x1a6cm\xad7n\xdc\xe8p8xI\xa8\x9f\x90\xdbLI\xae!W\x96~&gt;\r\x08\xa1,\xcby\xf2\xe4\xeb\xd7{0!D\x10\xc4\xaf\xbe\xfa\xea\xe2\xc5\x8b\x01W\x12\xaa\xaa\xaa$IK\x96,\x194h\x90F\xa3u\xcb\xee\xb1\x9fN~=\xb1YZ\xfa}\x7f\xee\xf4\xf9B\x11\x04\xc1\xee\xb0W\xa9\\\xadd\xf12\x00\x80\x8b\x17/&amp;%%\xf1zP?\x81\x0b\x80?B\x08\x11\x04\xe1\xf2\xe5\xcb\xd3\xa6M\x13\x04\x11c&lt;\xe4\x83O^*P\xc8\xe5r\xe5\xb2\xf8\x8f\x07Q\x14333\xda\xb6\xee\xfcJ\xb5Z\x18\xab\xb2,\x8f\x1c9\x12\x04T\xac\x00c,\x8abrrr\xbf~\xfdDQ\x92ew\xdbV\x9d\xfa\xf4\xf8 +\xcb,\x06B\xa7\xcf\x17\x87\xaa\xaa\xa6\xf0\x88\x16o\xb5\x01\x00@\x08Y-\x10\xc7\x1f\xe0\x02\xe0\x8f\xe4\xee\xd2\xcf\xa7A)\x95D\xe9\xc3\xfe\xc3\x11B\x82 \xae]\xbbv\xef\xde\xbd\x81\x92\rf\x9a\x9d\x96\x96\xd6\xb4iS\xa7\xd3\xa9\xaaJ\xa3\x86M\xa7}5\xd7\x9c\x95\x99[5\xfb\xd9A\x089\x9d\xce\x86\xaf5\xd6\xe9B(\xa5\x9b6m\xba{\xf7.\x8f\x02\xf9\x03\\\x00\xfc\x8e\\_\xfa\xf94\x04A\xc8\xb2\x98\x13\x1b\xbc\xf1v\xb3V\x18\xab\x10\xc2!C\x86\xa8\xaa\xea\xff\xd9`\xb6&lt;\xb3\xd9\xccz\xbdQJ\xcb\x97\xab\xf4\xf5\xe7\xdf:\x1cv\x10\x04E\x9f\x7f\x0bB\xc8\xe1\xb0W(_\xa9v\x8dW!\x846\x9b\x8d\r\xc2\xcc\xf5\xb7\xb4\xff\xc3\x05\xc0\x1f\xc9\xf5\xa5\x9fO\x83\xc5\x8b\x87\r\x19\x1dn\n\x87\x10\xa6\xa4\xa4\xcc\x9d;\xd7\xcf\xb3\xc1\x9e^o\xbd{\xf7NNN\x16\x04!,\xcc4{\xfa\xe2\x88\x88\xa8\xa0*\xfa\xfck(\xa5\x08\t\x8d\x1a6eb\xb9x\xf1b~ \xc0\x1f\xe0\x17\xc0\xbf`34X\xe9\xa7(\x8a\x92\xa4\xc9\x95\xa5\x9fO\x03B\xe8t:\x8b\x15-\xd1\xb5S\x1ff &gt;\xfd\xf4S\xb3\xd9\x8c\x10\xf2\xdbM\x80\xa7\xd7\xdb\xbau\xebDQ\x92$\xcd\x92\xf9\xeb\x8a\x17+\x99\x9dm\x11\x84\xdc\x1c\xb2\xfbG\x08\x82`w\xd8\x1a\xc4\xbf\x1e\x19\x19\x05\x00\xd8\xb7o\xdf\xc5\x8b\x17\xfd\\\xda\x83\x01.\x00~\x04\x1b\x89\x95\x9d\x9d\xcdJ?UU\xed\xde\xa5on-\xfd|\x1a\x82 \x98\xb3\xcc\xfd\xfa\x0c.R\xb8(\xa5\xd4l6\x7f\xfa\xe9\xa7~[4\x92\xb3\xd7\x9bF\xa3UUe\xec\xa8/\xeb\xd6\xa9\x9f\x15\xacE\x9fO\x83\xf5\xfe+R\xb8h|\xbdD\x00\xa0\xaa\xaa\x9b7o\x06\x0f\x07\xcbp|E\xb0\x98\x95\x80\x80\xf9\xbc_~\xf9\xe5\xe5\xcb\x97\x01\xa0\x85\x0b\x15\xe9\xdfw\x88\xd5j\r\x86\xe0\x8f\x07vt\xc8h\x0c\x1d\xd8\x7f\x04S\xc4\xb9s\xe7^\xb8p\xc1\x0f\xbdEf\xfdw\xed\xda\xd5\xbbwo\x8dF#\xcb\xee\xfe}\x87\xf4\xec\xf6~jj\xf0\x16}\xfe\x05\x10B\x8cI\xa3\x86M\x01\xa0\x00\x80E\x8b\x16\xc9\xb2\x1cT\xf7\xb6\x1f\xc2\x05\xc0_`e$\x17/^\xfc\xfa\xeb\xaf\x05A$\x84\xf4\xeb=866\xaf,\xbb\x83$\xfe\xe3A\x14E\x8b%\xabu\xcb\x0e5\xaa\xd7&amp;\x84\xa8\xaa\xfa\xc1\x07\x1f\xf8[*\x98\x15}\x1e=z\xb4]\xbbv\x92$\xc9\xb2\xdc\xbae\xfb\x8f\x07\x7f\x96\x9a\xc6\xad\xff\x93A\x08\xd9\xec\xd6\xb8\xba\xaf\x15)\\\x0c\x00p\xe6\xcc\xd9\x13\'N@\x08y*\xd8\x87p\x01\xf0\x17\x98u\x1b9r\xa4,\xcb\x18\xab\xafT\xab\xd5\xb6u\xe7\xcc\xcc\x8c\xa0\x8d$`\xa2\x0e\x1f:V\x14E\x84\xd0\x8e\x1d;v\xec\xd8\xe1?%\xa1lk\x92\x99\x99\xd9\xa6M\x9b\x8c\x8c\x0cEQ*W\xac:y\xd2\xb7\xee\xe0S\xebg\x87\x1d\t\x8e\x8e\x8eMx\xed\r\x00\x00\x00\xf4\xfb\xef\xbf\xf7\xf1\x9a\x82\x1e.\x00~\x01+\xfd\xdc\xbbw\xef\xda\xb5k\x05AD\x08}\xd8\x7f\xb8$J~\xe5\xf3z\x13\x84\x90\xd5j\xad[\xbb~\xdbV\x9dX\x0e\xfc\x83\x0f&gt;\x90e\xd9\x1f\xf6\x01\x94RJ)\xc6\xb8Y\xb3fW\xaf^\x05\x00\x94*Yf\xe9\x82\xf5\xacj\x8b\x0b\xc0_\x80\x10r\xba\x9c\xcd\xdfl#I\x1a\x00\xc0O?\xfd\xc4"\x9c&gt;\xbf\xa6A\x0b\x17\x00\xdf\xc3\x8e}\xb9\xdd\xee!C\x86@\x880V\xdfl\xda2\xb1A\xe3,KP\x94~&gt;\r63r\xf0\x07#Ma&amp;\x08\xe1\x85\x0b\x17\xbe\xfe\xfak\x7f\xc8\x04\xb0T\xcd\xb0a\xc3~\xff\xfdwQ\x14##\xa3\xa6\x7f5/**\xda\xedv\x05O\xae\xfe\xdf\x81\x10r:\x1d\x95*\xbc\\\xbelE\x00\xc0\xfd\xfb\xf7\xf7\xed\xdb\x07x*\xd8w\xf0\xfb\xd5\xf70\x83\xb2j\xd5\xaa\x94\x94\x14\x84Phh\xd8\x07\xfd&gt;v:\x1dAnMX\xddH\xfe|\x05&gt;x\xffc\xf6\x11M\x992\xe5\xde\xbd{&gt;\xaf\x08b&gt;\xfe\xc1\x83\x07\x11B\xaa\xaa\x8e\xfd\xf4\xabW\xaa\xd5\</t>
        </is>
      </c>
    </row>
    <row r="77">
      <c r="A77" s="1" t="n">
        <v>75</v>
      </c>
      <c r="B77" t="inlineStr">
        <is>
          <t>shape_morph</t>
        </is>
      </c>
      <c r="C77" t="inlineStr">
        <is>
          <t>What is the missing shape of the part denoted with a question mark?</t>
        </is>
      </c>
      <c r="D77" t="inlineStr">
        <is>
          <t>['hexagon', 'triangle', 'pentagon', 'square']</t>
        </is>
      </c>
      <c r="E77" t="inlineStr">
        <is>
          <t>triangle</t>
        </is>
      </c>
      <c r="F77" t="inlineStr">
        <is>
          <t>There are eight shapes arranged in a grid. The top left shape is a square and the bottom right shape is a ?. The other shapes do not appear to regular shapes.</t>
        </is>
      </c>
      <c r="G77" t="inlineStr">
        <is>
          <t>We observe that from the top left to bottom right direction, the shapes look like a square but gradually change shape into something like a triangle. Hence, the pattern is the the shapes are morphing between square and triangle shapes.</t>
        </is>
      </c>
      <c r="H77" t="inlineStr">
        <is>
          <t>Based on the pattern that the shapes are morphing between square and triangle shapes, the missing shape at the bottom right should be a triangle.</t>
        </is>
      </c>
      <c r="I77" t="inlineStr">
        <is>
          <t>b'\x89PNG\r\n\x1a\n\x00\x00\x00\rIHDR\x00\x00\x02\x00\x00\x00\x02\x00\x08\x02\x00\x00\x00{\x1aC\xad\x00\x00\x95\x0cIDATx\x9c\xec\xddg|\x15E\xd7\x00\xf0\xd9r{K%\r\x12\x90$t$\x90\x84&amp;\xd2\xa5)E  \x82\x944\xf0\x91\xaaR\x15\xe9\xa0R\x15!\x85\x10D:"MJ\xa4J/\xa1wBI\x02\xe9\xfd\xf6\xb2\xe5\xfd0\x92\x17\x11\x91\x92\xe4\xded\xcf\xff\xc3\xf3\xf3AL\xf6\xee\xdd\x9d3s\xe6\xcc\x0c\xc1\xf3&lt;\x02\x00\x00 &lt;\xa4\xbd/\x00\x00\x00\x80}@\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O\x1c\xc7\xb1,k\xef\xab\x00\x00\x08\x14\xc1\xf3\xbc\xbd\xafA\x88\xf0m\'\x08\xe2\x99\x7f\x06\x00\x80\n\x03#\x00;\xe0y\x9e\xe7y\x82 """\xbe\xfc\xf2K\x82 \xf0\x9f\xd8\xfb\xba\x00\x00\xc2B\xdb\xfb\x02\x04\x87\xe7y\x8e\xe3(\x8a\x8a\x8a\x8aJHH@\x08\x95\x94\x94\xc4\xc5\xc5\xb1,K\x92$\x8c\x03\x00\x00\x15\x06\x02@\x85z\xba\xf5\x8f\x8f\x8f\x97J$\x88 \xe2\xe3\xe3\x11B\x10\x03*\x12\xc7q&lt;\xcfS\x14e\xef\x0b\x01\xc0\x9e \x00T\x9cgZ\x7f\x89Xl\xb6X\x10B\x12\xb1\x18b@\x85\xc1\xd96\x92$\xf1?\xc3\xad\x06B\x06s\x00\x15\xe4\x99\xd6_&amp;\x95Z\xac\xd6\x91aa#\xc3\xc2,V\xabL*\x8d\x8f\x8f\x8f\x8a\x8a\xa2(\nwN\xed}\xbdU\x10\xcf\xf3,\xcb\x12\x04A\x92dJJ\xca\xbcy\xf3`\xf6\x05\x08\x1c\x8c\x00*\xc2\xb3\xad\xbfLf2\x99\x86\xf5\xee\xbdr\xd6L\x84\x90\xd9j]\xb3c\x87L&amp;\x83q@\xf9\xe18\x8e$I\x8a\xa2\xf4z\xfd\xd4\xa9S\xd7\xacY\xa3\xd3\xe9\xd2\xd2\xd2bcc\xf1\xb7\x83\xc7\x04\x00\x08\x0b\x0f\xca\x19.\xf6\xe7y&gt;22\x12!$\x93\xc9\x10B\xc3z\xf7\xe6o\xdd\xd4\x9e?\xa7=\x7f\x8e\xbfusX\xef\xde\xa5\xff*22\x92\xe7y\x96e\xf1P\x00\xbc\xa1\xd2\xfb\xcfq\xdc\xca\x95+=&lt;=eb1BH*\x95\xe2\xbbm\xb3\xd9x\x9eg\x18\xc6\xdeW*\x08\xdc\x13\xf6\xbe\x10\xc0\xf3&lt;\x0f\xeb\x00\xca\x17\xffL\xde_"\xb1X,\xc3z\xf7N\x9c?Oo0 |\xf3\tB\xa9P\x0c\x9f2u\xcd\x8e\x1d\xf8/DFF\xc28\xe0\xcd\x95\xde|\x84\xd0\xb1c\xc7"\xa3\xa2\x0cE\x85F\x93\xd9\xd3\xdd=\xa8^\xdd\r{\xf6\xfaxxd\xe4\xe4\xb4n\xddz\xf7\xee\xdd\xce\xce\xce\x0c\xc3\xd04\x8c\x89\xcb\xd2\xd3m\rB\x88$\xc9\xd2\x91\x16\x0f\x130\x0e\x00\x86\xbd\xe5\xa8\xb4\x01Z\xbadI||&lt;A\x92\x16\x8beX\xef^\xa5\xad?A\x10\x04A \x9e\xd7\x1b\x0c\x89\xf3\xe7\r\xeb\xdd\xcbb\xb1\x10$\x19\x1f\x1f\xbft\xc9\x12\x98\x0fxm\xfc\x93t?EQiii\xed\xda\xb7\xef\xf9\xfe\xfb6\x9d\xcel\xb5M\x8c\x08\xd7\x9b\x8c\x13#"\xa6FF\x1aM&amp;\x84\xd0\xc9\x93\';v\xecx\xe9\xd2%\x9a\xa6\x19\x86\xb1\xf7\xb5Wb\xfc\x93\xf1\x16\xc30xD\x85g\\(\x8a\xa2i\x9a\xa6i\x92$\xb5Zmff&amp;B\x88 \x08\x8e\xe3\xec}\xc9B\x07#\x80\xf2R\xda\xfa\x8f\x1c9266\xf6\x93^\xbd\x8e%\x9fw\xd58%o\xffM\xaf\xd3\xa1\xbfw\x7fx\x9eG\x04\xa1T\xa9\x82\xfb|XPR\xfcnp\xc8\xda\x9d;\xa3\xa3\xa3cbb`\x1c\xf0\xaaJ\x13\xfaz\xbd\xfe\xcbI\x93\xd6\xad][\xc3\xcd\xedVj\xea\xbcq\xe3\xe2\xb6n\x9d\x12\x19\xd9\xbf{7\tM\x8bE\xa2\x913fl?xH\xa3V=|\xf4\xd8\xc5\xc5%&amp;&amp;\xa6\x7f\xff\xfe,\xcbBy\xe8K\xc2\x0f9nC(\x8a\xfa\xe7SZTTd4\x18N\x9e&gt;}\xf3\xc6\x8d\xa2\xa2\xa2\xe4\xe4\xe4\x94{\xf7\x8c\x06CXX\xd8\xb2e\xcbT*\x15\x8c\xba\xec\x0b\x02@\xb9x&amp;\xf3#\xa2i7g\xe7eS&amp;\xd7y\xabv`\xad\x9aV\x8b\x85\xfa\xc7\x94#\xcbqb\x89\xe4\xee\xc3\xd4;\x0f\xee\x8f\x9d\xbf \xbf\xa8\xc8\xc60\x90\x0bz%8\xd5@\x92$\xcf\xf3\xb1qq3f\xcc\xd0\x88\xc5w\xd3\xd3\xa3\x07\x84\xddOO\xf7\xa9\xe6\xb1\xec\xabi$\xcf\x8bE"\xab\xcd\x86\x08B\xe5\xe2\xb2n\xeb\xd6Q\xb3f\xd5\xf0\xf4\xba\xfd\xe0\x01\x8fPLLLtt4\xdc\xf0\xd7S\xda\xdc\xdf\xb8~\xbd\xb8\xb8\xf8\xe4\xc9\x93\x0f\x1e&lt;\xd0\xe9\xf54\xcf\x9b\x19\x06!\xe4\xa6Vk\x8dF\xb9\\^\xac\xd5\x86\x84\x84\xec\xdf\xbf\xdf\xc5\xc5\x05f\xe0\xed\x08bo\xd9\xe3\xff\xb1\xda\xcbl\xb1\xd4\xaeQ#\xa8~}\x7f__\xadN\xf7\xdc\x0e&amp;E\x92V\xb3\xb9q`\x80\\*\xa9]\xa3FV^\x9eT"\x81\xba\xa0\x97Tz\xcf\t\x82x\x92\xee/\xb2\x9aL.\x9e\x9e\x9f\xbd\xf3\xce\xb1\xe4\xe4}\xf1q\n\x89D*\x121\x0ccc\x18\x1c$\xb4\x05\x05a\xdd\xbaU\xf7\xf2\xfah\xc2\xe7&lt;B\x9e\xee\xee#G\x8e\xbct\xe9RLL\x0c\x82$\xf5\x0b\xe1\x8e\xa3V\xab=t\xe8\xd0\xd5\xabW\x0b\x8b\x8aN\xfd\xa3\xb9\xf7\xf5\xf00\x19\x0cM\xeb\xd6}\x94\x9d\x9d\x9d\x9f?\xa4W\xcf\xc3g\xce\x1am\xb6b\xadV$\x12\x9d?\x7f\xbey\xf3\xe6\xb3g\xcf\x1e8p`iy\xae\xbd?\x96\xe0\xc0\x08\xa0\x8c\xf1\xffR\xf1\x99\xb8`\xbe\xcdb1\x99\xcd/N/\xb0,+\x93JE\x12\xc9\xf0\xc9Spm\xa8\xc9d\x82q\xc0\x8b\x95v!\xd3\xd2\xd2\x86\x0e\x1bv\xf9\xc2\x05\x17\x95Jk4~1|\xf8\xf2\xf5\xeb\xb7\xff\xf8C@\xcd\x9aR\x89\x84cY\x8e\xe3\x9e\xb9\x81\x1c\xcf+\x15\x8a+\xb7o\xcfY\x19\xb3\xff\xe4I\x83\xc9\x84x&gt;,,,11\x11\x97\tA\xab\xf4\\8Q6|\xf8\xf05k\xd6\xe0?\xf1\xf5\xf0\xc8-*j\\\xa7\xce\xa3\xec\xec\xac\xbc\xbc\x88\xfe\xfdVm\xfd\x15!4md\xf4\xd6\xfdI&gt;\x1e\x1e\xe1}?\xd4\x1b\x0co\xd5\xaau\xe0\xf8\xf1\xdf\xfe8`\xb1Z\x8bJJ\x0cf\xf3\xc8\x91#W\xae\\Y\xfa3\xed\xf8\xa1\x04\x08\x02@Y\xfa\xd7\xd6\x7f\xfe&lt;\xbd\xc1\xc0\xbf\xdcP\x97\xe38\x82$K\xeb\x82 \x06\xbc\x18\xee\xa7\xebt\xba\x89\x93&amp;\xfd\xb2v\xado5\xf7[\x0f\xff?\xdd\x1f\xd6\xa3\xbb\x84$\x11A\xe0&gt;\xe6s\x7f\x02\xc3\xb2\x1a\xb5:#\'g\xc0\xf8\t\x0f32\x10B\x99\xb9\xb9C\x87\x0e\xc5M\x1b$(\xfe\t\xdf\x93\x94\x94\x94\x86\r\x1b\xe2\x7f\xee\xdd\xb1\xe3\x96}\xfbPis\xef\xe9\x11\xde\xe7C\xa3\xc5\xec\xeb\xe5\xe5_\xa3\x86\x97\xbb\xbb\\&amp;c\x18\x86\x96J\x91\xcd\x86\x94\xca\x15\xab\x12Vl\xdcx\xfb\xe1C&lt;\x85\x10\x16\x16\x16\x13\x13\x03\x85X\x15\x0f\x02@\x99\xf9\x8f\xd6\x9f\xe7\xc9\x97n\xb89\x9e\'\x9e\xaa\r\x85\x18\xf0op\x9fq\xd7\xae]\xa3F\x8dR\x8a\xe8\x87\x19\x99\xc3?\xec\xf3\xe0\xd1\xa3\xa7\xd3\xfd6\x86A\xff\xb5\xdb6\xcb\xb2b\xb1X*\x97\xf7\x1e\xf5\xe9\xa13g\xdc\\\x9cS\x1fgt\xed\xdau\xc3\x86\r\xce\xce\xce\xd03}\x06\xc30\x14E-\\\xb4h\xca\xa4I\x14EI\xc4\xe2\x98o\xbe1\x98L\xbe\xde\x7fo\xee%\x12\xc4\xb1V\x8b\xd5\xc60\x1c\xc7!\x82\xc0#0\x9e\xe3\xd4*\xd5\xed\x87\x0fG\xce\x98\x99\x92\x96\xc6\xf1|N~~PPP\\\\\\pp0\xcbq$\xae\x8e\x03\xe5\x0f\x02@\xd9xq\xeb\x8f^=\x9b\xfcW]\x10\xc4\x80\x7f\x87\x1f]\x93\xc9\xd4\xa8Q\xa3\x07\x0f\x1e\xb4\t\x0e\xf6vs\xbb\x9b\x96\xfa{L\x8cB"\x91J\xa5\xa5\x95\x88/\xf3\xd3X\x8e\xa3i\xca`2/\x88\x8b\xdfv\xe0@~q\xb1\xc1h\x0c\t\tY\xbf~}@@\x00\xf4L\x9f\x86\xef|\x83\x86\r\xef\xa7\xa4\xf0&lt;\xff\xf9\xb0a\xf3\xa7MEf3B\xc8j\xb1&lt;\xd3\xdc?\xb75gYV.\x93\xd1b\xf1\x98\xd9sV\xff\xf6[57\xd7\x87\x8f\x1e{{zN\x9a2e\xcc\x981\x08\xd2A\x15\x05\xc6\xb6e\xa0\xcc[\x7f\x84{\xac\xff\xbf&gt;\xa0\xb7\xc9d\xc2{E\xc0~A\xa5\xf0\xfa\xde\xcf&gt;\xfb\xec\xc1\x83\x075\xbc\xbcN\\\xb8\xd0\xbfk\x97\xe3\xeb\xd69\xab\xd5"\x91\xc8f\xb3\xa1W9f\x87"I\x96a\xd5r\xf9\xc2I\x13;\xb5ha0\x1a\x03k\xd6\xc4\x13\x95\xe7\xcf\x9f\xa7i\x1a\xff@\x80\x93i[\xb6l\xb9{\xfbv5WW\x9a\xa6\xc3\xbav\xb1\xeatE\xc5\xc5Z\x9d\xcej\xb3!\xbc\xe0\x8b h\x8a\xa2\xfe\xa5\xa7BQ\x94\xd1l6\xe8\xf5\xf3?\x9f\xb0\xf0\xcb/\x0b\x8b\x8b\xc7\x7f\xf2\x89\xc5l\x1e;vldD\x84N\xa7\xa3(\n\x0e\xcb\xab\x00\x10\x00\xdeTy\xb4\xfe\x18\xc4\x80\x17\xc0]\xf2u\xeb\xd6%&amp;&amp;z\xba\xb9\x89(*\xaa\x7f\xbf\xbe={\xf2\x1c\xc7\xbeJ\xc7\xffi$IZ\x19Fo0\xc4\xcf\x9e\xb5\xe1\xfb\xef2ss\x11B&amp;\xa3\xb1S\xa7N\x89\x89\x89"\x91\x08\x87\x9cr\xf84\x95\tI\x92\x0c\xc3|\xf3\xcd7\x14E\xd5\xf0\xf4\x1c=hP\xdd\xda\xb5m\x16\x8bX$\xfa\xb7\xe6\xfe\xb9(\x92\xe4y\x9eD\xe8\x93^=/m\xdfn0\x19\x0b\x8a\x8b\xfd\xfd\xfcV%$t\xea\xd4\xe9\xde\xbd{8\x06\xc0\r/W\x10\x00\xdeH\xf9\xb5\xfe\x18\xc4\x80\xe7\xc2\xf7\xfc\xf2\xe5\xcb\x93&amp;N\xec\xd8\xb2\xa5\xce`x\xbbn\xdd\x85\x93&amp;\xe9\n\n\xf87;\\\x137`\x06\xa3q`\x8f\x1eK\'On\x1c\x18\xe8\xea\xe4\xa4\xd5jG\x8c\x18\xb1t\xe9R\x8a\xa2Jw5\x10&amp;\xdc\xfd?~\xfc\xf8\xdd\xbbw\xe5R\xe9\xc5\x9b7\xbb\xb7}W"\x91\xb0\xafuO\x08\x82`Y\x96\xe5\xb8\x9a^^\xa3\x87|\xf2\xd9\xa0Ai\x19\x19\xfe~\xbe\xe7\xce\x9dk\x12\x14t\xec\xf8q\x9c\x05\x82\x05\xc3\xe5\x07\x02\xc0\xeb+\xef\xd6\x1f\x83\x18\xf0O\xb8\x83?v\xec\xd8\xec\x9c\x1c\x8e\xe3~\xf9v\xc1\xc4\xf0p\xa9D\x82^e\xa6\xfd\xdf\xe0\xfd9t:]\xf8\xe0\x8f\xe3g\xcf6\x9aL\x1a\x95\xca\xcb\xdd}\xfc\xf8\xf1QQQx\x01\x81\x00\xef\xf9\xd3b\xe3\xe2\xa4b\xb1\xc1d\xea\x10\x1a\xda\xbaiS\x83^\xff\xcf\x85\x8d/\tO\x12\xe8\xf4\xfa\xfao\xd5\x9a?~\xdc\xbc\xf1\xe3\n\x8bK\x10B\xfe&gt;&gt;];w\x8e\x8c\x8c\xc43^\x90\x0e*\'\x10\x00^S\xc5\xb4\xfe\x18\xc4\x80\xa7\xe1\x12\x94%K\x97\x1e;v,\xb4q\xa3+\xb7o\x97\xe8t-Z\xb5\xd4\xeb\xf5eX\xafIQTqnn\xd3\xfa\xf5\xae\xec\xdc\xd1\xa1y\xf3\xac\xbc&lt;\x95R\x19\x1f\x1f\xdf\xa3G\x0f\x1c!\x04\xd8-\xc5\xab\xac\xf3\xf2\xf2~\xdf\xbd\xdbb\xb3\xb1\x1c7\xb8WOZ$z\xf3\x87\x8f\xa2(\x83\xd1H\x92\xe4\x17\x91\x11\xb3G\x8f\xee\xd9\xbe]\xc7\x16-\xc4b\xf1\xaaU\xab\xda\xb5kW\\TDQ\x14l\xd3T\x1e \x00\xbc\x8e\x8al\xfd1\x88\x01\x18\xc7q4M\xdf\xbf\x7f\x7f\xda\x94)"\x91\xe8\xf6\x83\x87\x83?\xf8 \xacG\x0fmN\x8e\xa8\xac\xabtD4m4\x1a\xbd\xdd\xdd\x96L\x9e\x1c\xd6\xa5\x8b\x8bZ\xed\xe2\xe4\xb4w\xef\xde\xe8\xa8(\x86a\x04\xd8-\xc5U=\xbf\xac[g1\x99D4\xed\xe6\xe4\xd4\xb9eK\xb3\xd1\xf8\xe6\xa3.\x84\x10I\x92\x1c\xc7\xe9\x8aK&gt;\xfdh\xe0\xce\x15+\x1egg\x97\xe8t\x14M\x9f&lt;y\xb2}\x87\x0e\xe7\x93\x93i\x9a\x86)\x812\x07e\xa0\xaf\xac\xe2[\xff\xa7\x7f\xb5\x90kC\xf1\x9d7\x18\x0c\xa1-Zx)\x15uj\xbd\xb5\xef\xf8\xf1-K\x167k\xd0\xc0d2\x95\xd3r-\x96e\xe5R)IQ\x9dF\x84\xdfMM\xa5E\xa2\xb4\x8c\x0c\x01\xee \x8d\x1b\x8a\xfc\xfc|\xff\x80\x00\x11B\x8d\x02\x03[7m:k\xec\x18\xfd\x1b\xe4\x7f\x9e\x0b\x17\x80R4=v\xee\xbcm\x7f\x1cP*\xe5i\x19\x99\xbe\xd5}\xfa\r\x18\xb8h\xe1B\x04\x15\xa2e\nF\x00\xaf\x06\xe7\x7f\xed\xd2\xfa#\xc1\x8f\x03\xf0\x9b\xbfx\xd1\xa2\xbc\xc7\x8f\x8f\x9eO\xd6\x1b\x0c\xe7\xb7n\tm\xd4\xa8\xfcZ\x7f\x84\x10EQ&amp;\x8b\xc5d6\xef\x8b\x8d\xf9\xa4W\xaf\x12\xad\x16\x11\x04\xdeA\xfa\xf2\xe5\xcb\xc2\xd9A\x1aO\xff\xfe\xfc\xf3\xcf\xda\x92\x92\x02\xad\xf6N\xea\xc3\xf0\xbe\x1f\xda\xac\xd62\xe9\xfe?\r\xcf\xb43\x0c\x13\xbb`\xfe\xb2\xa9S\x8aK\xb4\xd3\xa2\xa3hD,^\xb4(22\x12*D\xcb\x16\x04\x80W\xc0?9;\xb0\xf4t\x97\x8al\xfd1\xc1\xc6\x00\x96ei\x9a&gt;r\xf8\xf0\xdc\xb9s{\xbf\xd79\xb2_?7\x17gwww\xadNW\xde[5\x90$\xc9\xf1&lt;\xc7\xf33G\x7f\xd6\xef\xbd\xce\xceju\x80\x9f\xdf\xa5K\x97\xda\xb5kw\xf2\xe4I\x81,\x11\xc0)\x9a\xad[\xb7*\xe5r\x12\xa1\x9e\xed;\xf8\xf9\xfaZ,\x96\xf2x\xe6\xf1C\xae+,\xec\xd9\xa1\xfd\xa5\x1d\xdb\x19\x86}\xf0\xf8\xb1\xbf\x9f\xdf\xaaU\xab\xa0B\xb4lA\n\xe8e=}\xba\xcb\xf8\t\x13\x08\x92\xe49nX\xef^\x89\xf3\xe7WX\xeb\xff\xf4\xc5\x08*\x17T\xba\xe1O\xcdZ\xb5\n\x0b\n\x10Bc\x87\x0cY:k\xa667\xb7\xc2\xb2\x01\xf8MQ\xba\xb8l\xfcm\xfb\xa0/\xbf\x94I\xa5"\x8a2Z,+V\xac(-V\xa9b\xb7\xbd\x14\x1e{%\'\'\x87\x84\x84H\xc4b\x92 \x0e\xafI\x0cm\xdcXo0\x94m\xfe\xe7\x19&lt;\xcfK\xa5R\xad^\xbfd\xcd\xcf\xf3W\xadz\xabz\xf5\x94\xb44\x85R\xb9w\xef\xdew\xdb\xb4)\xdd\xfd\xbb\xfc.\xa0\xca\x83{\xf7R\x9e&gt;\xdde\xfc\x84\t\x9f\xf4\xea\xe5\xe7\xe5\xd9\xac~\xfd\xc4o\xbf\xad\xf8\xd6\x1f\to\x1c\x80OH\x8e\x1e92\xd0\xc7\xfb\xbdwZ\xd34\xf5v\xdd:6\x83\x01U\xe0m\xc7_\xb16?\xbf\x7f\xd7.;\x7f\xfa\xe9\xed:u,6\x1b\xcb\xb2QQQ3g\xce\xac\xdaK\x04\x08\x82\xe0y~\xd2\xe4\xc9j\x85\xa2\xba\xa7Gp\xc3\x86M\xeb\xd77\x1a\x8d\xe5\xda\xfa\xe3\xdfk4\x1a\x95r\xf9\x97\xe1#\xbe\x9d0\xbe\xa0\xb8\x18A\x85h\x99\x82\x11\xc0\x7f{\x8d\xd3]*\xec\xc2\x840\x0e`\x19\x86\xa2\xe9\xf5\xeb\xd7\x0f\x1e&lt;X&amp;\x95~6hP\xf7\xb6\xef\xb6k\xde\\\xa7\xd5\xda\xa5\xf7\xc7\xb2\xac\xda\xd5\xf5\xe8\x89\x93\x91\xd3\xa7s&lt;\x9f_T\xa4\xd5\xebKo{\xd5\xdb\xd7\x1ew\xff\xcf\x9d?\xdf&lt;4T\xadT\x06\xfa\xf9\xcd\x19;\xa6S\xabVF\xa3\xb1b&gt;)\xc7\xf3\x14I\xca\x95\xca\x15\xeb\xd6%\x9d8\xe1\xef\xeb\x97\xf0\xdbo%:]\xe9T\xbc\xcdf\x13\x89D\x15p%UO\x95zR\xcb\xc3?Ow\xb11\x0c&gt;\xdd\xa5q`\x80\xd5l\xb6W\xeb\x8f\x841\x0e\xc0\x9bc\xa7\xa5\xa6N\x980a\xd4\xc0\x01M\xeb\xd5\xbb\x9er\xb7\xdd\xbb\xef\x16\x17\x17\xdb\xab\x9d\xa5(\xaa8?\xbfmH\xf0\xf9\xad[jxxh\xf5z\xb9L\x16\x1f\x1f\x1f\x1d\x1dMQ\x14\xce\x95\xdb\xe5\xc2\xcaU\\l,\x81\x90\xd5f3[\xad\xad\x82\x82\xf0\xe1\xd5\x15\xf3\xabI\x82\xe08NWR\xf2\xe9\xc0\xff\xaf\x10\xa5i\xba\xf40g\x91HT5\x9e\xf6\x8a\x07\x01\xe0E\xfeY\xf1i\xb6X\x86\xf5\xee}|\xc3z?/\xaf\x7f;\xdb\xab"U\xf9\x18\x80\x93\xbc_N\x9c\x98\x9b\x9b\x9b\xb8}G\xd76\xef\xfc\xbal\x99\xae \xdf\xbe\xc5\x97"\x9a\xd6\xea\xf5\x12\xb1x\xeb\x0f\xcb\x86\xf4\xeci4\x99\xc4bq\\\\\\xx\xb8N\xa7\xabJy\t|\xffu:\xdd\xef\xbf\xff.\x16\x8b\xcd\x16\xcb\xe8\x8f\x07\xa94\x1a\x1b\xc3T\xe4\xe8\x12\x8f\xab\xb4z\xbd\xc1`\xf8\xf9\xdb\x05Q\xfd\xfb\xab\x15\x8aZ\xd5\xab_\xbat\xa9C\x87\x0e\x89\x89\x89x\xbc[%Co\xb9\x82\x00\xf0\xaf^T\xef\xaf\xd7\x9b-\x16\xbb\xb7\xfeX\x15\x8e\x018\xf9\xb0*&gt;~\xeb\xd6\xad\xb5}}\x1b\xd4\xf6\xd7\x1b\x8cr\xa5\x92c9\xbb\xe7\xb6h\x8abl6\xb5\\\xbe\xf6\xbbo\x87\xf4\xfc\x80\xb1\xd9\xfc}}W\xaf^\xdd\xa1c\xc7\xc2\xc2\xc2*\xb3r\x15\'\xb5\xf6\xec\xd9\x93\x93\x93#\x16\x89\xbc\xdc\xdd\xbb\xb4nm)\xff\xec\xffs\xfd\xadBt\xca\xe4\xbc\xc2\xc2\x00??\xc6b\x191bD\xb7n\xdd\n\x0b\x0b\xf1Fu\x15\x7fa\x95\x17\xcc\x01&lt;_i\x81\xc1\x9b\x9f\xeeR1^&lt;\x1fP\x19\x13\xd3\x7f\x1d;u\xef^`@\x00ER\xf5\xfdk\xfbyy\xedX\xfe\xa3\xc9lv\x9c\xb9\r\x8e\xe3H\x8a\x92\x88\xc5\xb3V\xac\x98\xbd2\x06/\x0b\x08\x0c\x0c\\\xbf~}pppe_&amp;\x86\xdf\x02\xab\xd5\xda\xb2U\xab\xac\xb4\xb4\x82\x92\x92\x81\xdd\xba\xfd\xb2\xf0{mI\x89\x1d{?&lt;\xcfs&lt;/\x93J\x8e\x9dO\xfel\xce\\\xad\xc1\x90WTd\xb3\xd9BCC\xd7\xad[\x17\x10\x10\x80W,;\xceC\xe2\xc8*Y\xa3P1p/\x83$\xc9\xe8\xe8\xe8\xf8\xf8x\x99T\xfaL\xbd\xbf\xa3\xb5\xfe\xe8\xb9\xe3\x00\xa9\xf4\xe9\xc4t\xe5\x8a\xf4\xb8\xe9\xd1\xe9tC\x06\x0fn\xd6\xa0AuO\x8f\x12\x9dn\xe9\xd4)V\xab\xd5\xde\x97\xf678\xe3o\xb5Z\'EF~\x19\x1e\xfe\x96\x8f\x8f\xbb\x8b\xcb\xdd\xbbw\xdf{\xef\xbd\xa4\xa4\xa4\xca\xbeL\x0c\x97\x12\xec\xd8\xbe\xfd\xf2\xa5KR\x99\xb4S\xcb\x96Qa\xfd\x19\x86\xb1o\xdbJ\x10\x04E\x92\x16\x8b\xb5]h\xe8\xbe\xf8\xb8\xb6\xc1\xc16\x9b-\xa0\xa6\xdf\xb9s\xe7\x9a7o\xbeo\xdf&gt;H\x07\xbd&lt;\x08\x00\xcf\xc2\x99\x1f\x91H4f\xcc\x98\xb8\xb88\xb9\\n2\x9b+x\xb5\xd7\xeby6\x06\x98\xcd81\x1d\x11\x11\xa1\xd3\xe98\x8e\xabD\xaf\x04N\xfe|\xf7\xed\xb7g\xcf\x9e\xcd/*\x9a=ft\xec\xcc\x99~^^\xec?Nu\xb7;&lt;E\xc9s\xdcw_\x7f5a\xf8\xf0\x82\xa2"_oo\xb3\xc9\xd4\xb5k\xd7\xf8\xf8\xf8J\xbd\x83\r\x1e5\xc6\xc4\xc6\xca$\x92\xb4\x8cL\x9a\xa2\xda\x04\x07\x9b*\xaa\xf8\xe7\xc5\x08\x820\x9aL\xde\xee\xee\x1b\x16~\xbf\xf1\xfb\xef\xb2s\xf3|&lt;&lt;8\x9b\xad{\xf7\xee\xa3F\x8d\x12\xe6fM\xaf\xc1\xfe_\xa4C)\xdd\xe9\xe1\xeb\xe9\xd3\xb7l\xd8\xe0\xee\xe2b4\x1a\x87\xf4\xfc q\x81\x1dV{\xbd\x86\xa7c\xc0\x90\x0f&gt;\xe09\xae\xb6\xafoBBBxxx%*T\xc7\x8b~O\x9f&gt;\xfd\xfd\xc2\x85\x815k"\x84\x0e\x9e:\xdd\xb5{7\xbd\xd1\xe8\x98\xf7\x1f\xdf\xf6\x92\xec\xec\xe8\xb0\xfe\xa76nT\xcad&amp;\xb3Y\xa5TFEE\x8d\x1f?\xbe\x12\xdd\xf9\xa7\xe1D\xca\xf5\xeb\xd7\xcf\x9c9#\x91H\xa4\x12\xc9\x98\xc1\x83\x1djB\x89$I\x8b\xc5\xa23\x18\xc2\xbavM\x98;G\xadP\xe8\x8cF?\x1f\x9f\x98\x98\x98\xb6m\xdbfeeU\x99\x99\x98\xf2\x03\x01\xe0\xff\x95\xee\xf4\x10\x1d\x1d=g\xf6l\x82 &gt;\x1f:\xb4w\xc7\x0es\xc6\x8c\xb1Y\xad\xbc\xe3\xf5=\x9f\x0b7F\x06\x83!\xf1\xdb\x05\xc3z\xf7~\x94\x95\xe5\xef\xeb\xbbu\xebV\x9c\x0br\xfc9a&lt;\xf5\xc2q\\dx\xb8\xc5b\xc9\xca\xcb\xab\xe5\xe3\xb3p\xe2\x97\xfa\xecl\xda1f\xdd\x9f\x8b \x08\x9a\xa6\xb5:]\xf3\xb7\x1b\xaf\x9c&gt;\xbd}h\xa8\xb3J%\xa2\xe9\xa5K\x97\xe2S\x04*\xd7\x08\x0c=\t\x00k\xd7\xae\xb5X,\xc5Zm\xa3\x80\x80w\x9a55\x99Lv\xac{\xfe\'\x9c\xed1\x98L\xfd\xbbw\xffy\xfe\xbcv!!\x19\xd9\xd9\xd5\\]O\x9d:\xd5\xacY3|\x96\xa7\xe3?\xf3v\xe4@\xdf\xa5}=]\xf3\x833?\xd9\xf9\xf9\xc7.\\\xd8\xbeb\x85\xb3Zm\xb1X\x1ca\xd8\xfb\x92p\x02\xd4f\xb3~\xfd\xe9\xa7C{\xf7N\xcb\xcc\x94H$qqq\x95\xa2.\x08_\xde\x88\xf0\xf0\xa2\xbc\xbc\xafG\x8eT\xca\xe5\x83z\xf4psq\xa9\x14\x01\x98\xa2\xa8\x12\xad\xf6\xdd\xd0\x90\xad\xcb\x96z\xba\xba\xda\x18\x06\xcf\xc4\xe0;_\x89\x96\x08\xe0w\xe1\xf6\xed\xdb[7m\x8a\xec\xdf\xafn\xadZ\x1f\xb4k\'S\xa9\x18\xc7K\xaa\x10\x08\x91$YR\\\x1c\xd2\xa8\xd1\xce\xe5?\x8e\xfe\xf8c\x95BA\x92dVV\xd6{\xef\xbd\xb7z\xf5j\x98\x12x\x81J\xd3\xa8\x95\xabg+&gt;\xa5R\xa3\xd1\xf8I\xcf\x9e\ts\xe7\xe8t\xba\xcaXQ@\x92\xa4\xcdb\xf5pq\x8e\x9d9c`\xf7\xee\x16\x8bE&amp;\x93:~m(&gt;\xece\xdd\xbau?\xafY\x93\x99\x9f\x7f\xe8\xcc\x99\xa4\xb8\xd8\xc8\x81\x03\xca\xf6\xb0\x97rEST\x89V+\x93H\x8e\xad_7\xbcwo\x93\xd9L\xd3t||\xfc\xc0\x81\x03\x8b\x8a\x8a*Kb\x1aw\xff\xe3\xe2\xe2\x1egd\xdcz\xf00\xbco\xdf\xcf\x06\x7fl\xd4\x968\xec \x8c\xa6(\xadNG\x10\xc4\xe2o\xa6\x8f\xf9xP5\x17\x97\xb7j\xd4`\xac\xd6\xf0\xf0p\xa8\x10}\x01(\x03}Q\xbd\xbf\xc5b\xb1\xd9l\x95\xae\xf5/\x853Z\x8aJ\xb2W\x04\xee\xa3\xe5\xe5\xe5\x05\x05\x05\x91\x1cg2\x9b\xab{x\x9c\xdd\xb2\xd9f\xb5\x12$\xe9@\x17\xfa\x12\xf0\x13%W(\x86|9q\xff\x89\xe32\xa9\xf4QVvpH\xc8\xae\x9d;\xbd\xbc\xbc\x1c\xbc&lt;\xb4t\xeb\xbd\xc0\xc0\xc0\xfc\xbc&lt;\x86e\'ED,\x982\xb9$?\xdfa\x03\x00\xc6\xf3&lt;\xcb\xb2\x1a7\xb7\x8b\x97.\x7f\xf4\xe5\x17z\xa3\xe9\x99\nQ\x9b\xcdF\xd3\xb4C=\xf6\xf6U9zU\xe5\xe7\xc5\xa7\xbbX\xad\xd6J\xfd\xac\xe0\xea\xcf\xca\xb2F\x0cg\xff\x87\x0c\x19\x92\x95\x95E\x91dP\xbdz\xbf|\xbb\x00\xd7\x9bW\xba\xef\x80$I\x96\xe3\xf4z\xfd/\xdf};\xb4W\xefGY\xd9\xd5\xdc\xdc.\x9c?_\x9a\x98v\xe4\xde(~0\xfe\xfc\xf3\xcf\x9c\xecl\xb1H\xa4V*G\r\x08\xb3\xeat\x0e\x95\xfd\x7f.&lt;\x13SRP\xd00\xc0?i\xd5\xaa\xa7+D[\xb6l\xb9?)I$\x12A:\xe8i\x8e\xfe\x8d\x96\xab\xff&lt;\xdd\xa5\xb2\xa4\x1d^\xa0\xb2\xac\x13\xc6u\x9f1\xb1\xb1w\xae^\xfd\xa4W\xcf\xf4\xac\xac\x86\xfe\xfe\x8d\x1b\xd4w\x90\xa2\xc3\xd7@&gt;\x99\x8d\x9f5f\xf4\x8f\xd3\xa6\xa9d2\x82$\xb3\xb2\xb2\xbav\xed\xbau\xeb\x16\\\x1ej\xefk\xfcW\x04A\xac\\\xb9\x12!\xc2l\xb5v}\xe7\x1d_\x1f\x1fK\xe5\xe9\x0c\xd1\x14e\xb1\xd9J+D\xb3r\xf3|\xbd\xbc\x8a\n\x0b\xbbu\xed:a\xc2\x04H\x07=\xadR\xbeZe\xc2\x11Nw\xa9\x18\x8e\x1f\x03\xf0z\xda\xdc\xdc\xdc\xc9\x93&amp;\xa5\xe7\xe4\x90\x04\xb1m\xd9\xd2E\x93&amp;\xeaK\xb4\x0e\xb2\xdf\xc6\xeb\xc1\xbb(\xf3\x1c\xf7\xd9\xf0ac\x06\x0fvwv\xaeS\xb3fQaaX\xd8\x80\xd8\xd8X\xc7&lt;\xd5\x04\xe7\x06\x8f\x1e=\xba?)\xa9Q`\x80F\xa9\x1c\xd0\xad+"\x08\xc7\xba\xca\xffB\x12Di\x85\xe8\xea\xb9sE4]\xcd\xd5\xf5\xb3\x8f?^\xb2dI\xd7.]\xb2\xb2\xb2\x1c|\x10Va\x04:\x07\xe0P\xa7\xbbT\x0c\x87\xdd;\xfa\xafHL\x10\xa1\xcd\x9b\xe7edtn\xddj\xfd\xee\xdf\xaf\xee\xd8\xe1\xe7\xe3m6\x9b+i\xf7\xffi&lt;B,\xc3h\\]\xaf\\\xbf\xdeyDx^Q\x91\xa7\xbb{v^^tttLL\x8c\xa3M\xc6\xe0\xa1X\xf7\x1e=\x0e\xfe\xf1GuO\xcfnm\xda\xcc\x197VB\xd3\x95\xb1\xa1\xe0\x11\xe28N\xed\xe2\xf2\xc7\x91#Z\xbd~\xec\xfc\x05V\x9b-\xbf\xa8\xc8\xc3\xc3c\xfbo\xbf\xb5l\xd5\n6\x8d\xa8\xf4o\xd7kp\xb4\xd3]*\x86\xc3\x8e\x03\xf0w1f\xdc\xb8\xe4\xe4\xe4\x82\x92\x12\x9a\xa4n\xef\xddS\xcd\xc5\xd9j\xb5V\x81\xd6\x1f!D D\xd3tIaa}\x7f\xff\x03\xab\x13\xfav\xee\xac3\x18D"Qlll\xe9\xcdw\x90\xac4\x1e\x13?x\xf0\xe0\xe8\x91#2\xa9\xf4\xe1\xe3\xc7M\xea\xd6uvv\xb6U\xce\xce2\x81\x10E\x92%\xf9\x05\xef\xb5j\xd5\xbbS\xa7\xcf\x87\x0fS\xc8dJ\xb9\xdc\xa8\xd3\xb5j\xddz\xe9\xd2\xa58\xf4:r.\xae\xbcU\x85\x17\xec\x95&lt;=\xeb\x1b\x1b\x1b+\xa2\xe9\x03\xa7N}\xf7\xf9\xe7\xab\xe7\xcd3\x9b\xcd\\e(6\x7fm\x0e\x18\x03\xf0wq\xfc\xc4\x89\x9d[\xb64o\xdcXo4^\xb9{\xb7\xba\x87\x87\xe3\xcf7\xbe*\x9a\xa2LF\xe3\xdbu\xeb.\x9b:%\xa4A\x03\x9b\xcd\x86\x97\x08DFF:\xce\x12\x01\xfc\xfc\'\xaeYc5\x9by\x9eo\x14\x100\xa8Gw\xa3V\xeb\xe0\xc5?/F\xd3\x94V\xaf7\x99L\x13\xa2\xa2&amp;\x0c\x1f\xe6\xef[\xc3`2\xb5\x0b\r\x19?~|\xa7\xce\x9d\xab\xd2\xd6\xad\xaf\xa1\xaa\xbdf/\xe6\xc8\xa7\xbbT\x0c\x87\x8a\x01\xf8w\xf1&lt;?d\xc8\x90\xc799\xef\xb7k\xfb\xd5\xc8\xe8\xdd?-\xb7\xdal\x95/\xdd\xf0\x12(\x8a\xd2j\xb5nNNG\xd6\xfe&lt;\xbcOo\x93\xd9\xac\x90\xcbW\xadZ\xd5\xadkWGX"\x80\x0b"\xcc\x16\xcbo\xbf\xfe\xca\xf2\xbc\xce`\xe8\xd7\xa5\x8bB\xad\xb6U\xfe\x0e2\x0e\xb1\xc5yyc""f\xfc\xef\xb3\xcf\x87\r\xf3pu\xa3i\xfa\xd0\xc1\x83-[\xb6\xc4uY6\x9b\xad2\xa6\xb9\xdeP\x15o\xef\x9e\xe6\xf8\xa7\xbbT\x0c\xc7\x89\x018\xe1\x10\x11\x19\xc9\x99L\xcd\x1a6\xfc\xfa\x87\x1f\xc3\xfb\xf6u\xd6h\xac\x95y\xed\xc5\x8bQ\x14e\xb5\xd9\x0c\x06C\xc2\xdc\xb9Qa\xfd]\x9d4J\x85b\x7fRR\x97.]RRR\xec\xdb\x15\xc5\xdd\xffo\x17,\xc8\xcf\xce\x9e;v\xec{\xadZ}\xd0\xae-[\xa9\xd6\xc0\xbf\x98\x88\xa6Krr&gt;h\xd7\xf6\xbbI\x13Y\x8e\xad\xe1\xe1Q\xcd\xd5\xf5\xee\xdd\xbb]\xbbv\x15l\x85\xa8P&amp;\x81_\\\xef\xcfs\\\x95y\xca_\x92\xdd\xe7\x84\xf1d\xe3\xc1\x83\x07;w\xee,\x16\x89\xe6\x8c\x19]\xcf\xdf?\xa4~\x03\x95RQ\xe5\x9f\xc9\xbfn\xbeR\x191mZ\xc2\xb6\xdf\x02k\xd6\xbc\x9b\x9a\xea\xec\xec\x9c\x94\x94\x14\x12\x12b\x97\x13n\xf1=7\x9b\xcd\r\x1a4\xc8\xcf\xcd\xf5pu\xfd\xee\x8b\xcf{v\xead\xd0\xeb\xab\xd8\xb0\x98\xe58\x84\x90\xda\xc9i\xc5/\xebF\xcf\x99S\xc3\xdb\xfbQf&amp;\xc7\xf3\xe3\xc7\x8f\xff\xea\xab\xaf\\\\\\\x1c|\x99^\xd9\x12D\x00x\xf6t\x17\xa9\xf4\xe9\x1d\x9e\x1d\xf0t\x97\x8a\xf1l\x0c\x90JMfs\xc5\xc4\x00\xfc\x8d\x14\x15\x15\x05\x07\x07\x17\x17\x16T\xf7\xf0d\x18\xe6\xd6\xde=&amp;\xa3\xd1\x017|.\x0fxwP\xa5\\\xbei\xef\xde\xa8of\xe8\x8dF\xa9X,\x92H\x96.]:b\xc4\x08\x1c\x1d+\xf2z\xf0o\xdc\xb7o_\xf7\xee\xddq\x89\xe4\x99M\x1b\x83\x1b40\x9aLU\xafo\x84\x8f\x94Q+\x95\xe7\xae]\xff\xe8\x8b/\x8c&amp;S\xbf.]\x96\xaf_\x1f\x1c\x1c\xbck\xd7.//\xaf\x8a\xbf\xff\xf6R\xd5\xbe\xda\x7fz\xa6\xf5\x97H$&amp;\xb3yX\xef^\x8e|\xbaK\xc5\xf8{.\xa8\x97\xc9l\x96H$\xa5\xb9 \\\xc3^N\xbf\x1a\x7f#\x83&gt;\xfe855\xd5\xc3\xd5\r!\xfe\xe7\xf9\xf3\xacV+\xc3\xb2Bh\xfd\x11B\xb8\xf6\xd0`4\x0e\xec\xd1c\xe9\x94\xc9\r\x03\x02\\\x9d\x9du:]xx\xf8\xd2\xa5Kq\xebS\xf1\x9d\xb3_\xd6\xad\x93I$\x04B\xef\xb7m\xdb\xbcI\x13C\xa5]\x85\xf7b\xf8H\x99\x12\x9d.\xf4\xed\xc6+\xa7O\xffa\xda\xd4_\x93\x92\\\x9d\x9c\x92\x93\x93\x9b5kv\xea\xd4)\x81\xb4\xfeH \x01\x00!\xf4\xd7\xac\xafTj\xb1XF\x0e\x18\x908\x7f\xbeN\xaf\xaf\xaa\x15\x9f/\x0f\xc7\x00\x9d^\x9f8\x7f\xfe\xc8\x01\x03,\x16\x0b\x8e\x01\x1f\x7f\xfc\xb1\xd1h,\xa7]\xec\xf1\xf0"!!\xe1\x8f\xa4$\x91HTXR\xf2\xbfA\x83\x1a\x06\x06\xdal\xb6*\xd9\xdc\xfc\x1b\\\x81\xae\xd3\xe9\xc2\x07\x0cX;\x7f\x1e.{\x15\x89D\xe3\xc7\x8f/\xd7\xfb\xffO8;\x9a\x96\x96\xb6k\xe7N\x8b\xcd\xc6r\xdcG\xef\xf7\xc0\x03\xc4\n\xf8\xed\xf6BS\x94\xb6\xa4\xa4c\x8b\xe6}:u\xfa\xe6\xd3O\x9d\xd5j\xb1X\x9c\x95\x95\xf5\xee\xbb\xef.\\\xb8\x10\xd7\x04\xda\xfb\x1a\xcb\x9d \xde7|\xc4#\xb2G\x97\xaa\x92\xe28\xae\xbcg#m6[\xb9\xfe\xfc\xca\x8a\xe7Q\x85\xdc\x7f\xf0\x026\x9b\r?\x9fU\xbe\xc5\xa8\xfa\x01\x00\xf7\xb3V\xaf^\x1d\x19\x19\x89{\xb81\x9b7\x0f\x9f2E\xa5T\xa2\xf2\xccrT\n\xb8\x97\xa7R*\x87O\x99\x12\xb3y\xb3D"\xb1X,\x91\x91\x91\x1b7nT\xab\xd5\xe5\xb4H\x12\xd7\x1a\x8d\x1c9\xf2\xbd.]l6\x9b\x8bF\xf3\xd3\x86\r\xd7\xef\xde\x15\x89DB\xe8s\x95\xc2\x1d|\x95J\x95\xb0y\xf3\'S\xa6\x8a\xc5b\x8e\xe3l\x0c\xb3d\xc9\x92r\xbd\xff\xff\x84+P\xfd\xfc\xfcz\xf6\xea%\x11\x89(\x92\xdc\xf8\xfb\x1e&lt;:\xac\x80\xdfn/\x0c\xcb\xaa5\x9aCg\xcen?xp\xe6\x8a\x15EZ\xad\xd5j\xf5\xf2\xf2:v\xec\xd8\x94)ST*\x95C\xad\xd0.\'\x82h\x01_&lt;\t,\xd8D\x10L\x02\xdb\xd1\x7fN\x02Wp\xeb\x03\x93\xc00\t\\e\xe1\x9e\x14\xcb\xb2qqq\x91\x91\x91&amp;\xb3Y&amp;\x93\xad\xd9\xb1c\xf8\x94\xa9J\x85B\x98\xe3\x00\x8e\xe7\x89g\xca@+\xaa\xf5GOvIsuu\x8d\x8f\x8f/\xd6\xea\xee\xa6\xa6\x8e\xf8\xb0\xcf\xefG\x8fj\xf5\x86\xaa\xd7\xdc\xfc\xd3_\x03/\x95*r\xfa\xf4A_N\xf4\xaeV\r!$S(\x0e\x1d:4b\xc4\x08\x9b\xcd\x86\'\xe1+\xf2\x92\xf0\xce\xe1\xed\xda\xb5\xabU\xab\x96L"\xf1\xf7\xf5\xcd\xcc\xcdE\x14U\xf5^\x0c\x96\xe38\x9eW;9\xad\xd8\xb8\xa9\xe5\xc0\x81,\xc7\xe5\x16\x14,_\xbf~\xfc\xf8\xf1III\xf8\xb4\x06\x81\xb4\xfeH \x01\x00!D\x10\x04\x1e\xe7\xfe\x15\x03L&amp;!\xc7\x00&lt;\x1e\x92\xcb\xe5#\xa6\xdamc8\xbc\x17f\xa7N\x9dF\x84\x87{\xb8\xb8lI\xfa\xe3\x83Q\x9f\x9a\xac\x16\xa9D\xc2V\xe9D\x10^o\xa5\x90\xcb\xa3\xa7O?p\xfa\xb4R\xa1\xb8\x9b\x9a\x1a\x12\x12r\xf6\xec\xd9\x90\x90\x10\x86a*~\x11\x00zr\x8c\xa8L&amp;\x1b:t\xa8L,\x1e\xde\xa7O\xcc\xa6\xcdWo\xdeT\xc8d\\\x15z5\x18\x86Q\xcadj\xb5\xba\xff\xe8\xd1\x0bW\xafvsqI\xcb\xc8prv\xde\xb7\x7f\xff\xe2\xc5\x8b]\\\\8\x8e\x13\xce"\x00$\x90\x14P\xa9\x17/\x07\x13H.\x08\x7f\xe3\x12\xa9t\xe473V\xff\xf6\x9b\x1d\xb7\x05\xc5\x89 \x82 j\xbd\xf5Vzj\xea\xac1\xa3-V\xeb\xb8!C\x14r9\xc30U\xf2\xbb`YV"\x16K\xa4\xd2\x11S\xa7&amp;n\xdf\xa1\x90\xcb\rFc\xd7.]6l\xdc\xe8\xec\xecl\xdf\xcc\x03~0,Vk\xb3\xa0\xa0\x9b\xb7n!\x84f~\xf6\xd9\xf41\xa3K\x8a\x8a*\xf5^@\xa5l\x0c\xe3\xe4\xe1\xb1\xf3\xf7=\'/^L\xcf\xce\xdev\xe0\x00\xc30\x81\x81\x81\xeb\xd6\xad\xc3\xeb\xef\x04xX\x98PF\x00\x18\x8c\x03\xf0\xc6\xcb2\xa9\xb4kD\xc4\x1f\'O\xaa\x95J;n\n\x8d\x7f\x17A\x10\xbf\xfc\xf2Ku\x0f\x8f\xdf\x8f\xfe9\'&amp;\xf6\x83\xff}&amp;\x16\x89\xaa\xe4[\xc8\xb2\xacZ\xad\xce/.n\xff\xc9\xd0\xc4\xed;dR\xa9\xc1h\x8c\x88\x88\xd8\xb7\x7f\xbf\xb3\xb33\xee\x9a\xd8\xf1\xf2p\x9aT*\x91|\xd8\xaf\x1fE\x10*\x85\xe2\xd7\xa4$\x83V+\xaa\xfc\xad?\xcb\xb2\x1c\xc79\xb9\xbb\xff\xb0j\xd5\x8c\x9f\x96/Z\xb3&amp;\xa7 \x9fa\x98\x8e\x9d:\x9d&gt;}\xbat\xe0%\xb4\xd6\x1f\t-\x00 a\xc7\x80\xd2\xcc\xcf\xc8\x193\xef\xa4\xa6\x99,\x16\xad^o\xdf#\x01\xf0w\xd1\xe6\x9dwz\x85\x85\x9d\xbdzU)\x97\xbf\x1d\x18\xf88\'\xa7\xeae\x81\x18\x96\x95\xc9\xe5Wn\xdf\x1e;o\xfe\xf9\x1b7D"\x11\x9et\x89\x8f\x8f\xc7\xcd\x93#L~\xe0\x99\x80\xe1\xc3\x86\x89\xa5R\x82 \xae\xa5\xa4l\xd8\xb3W\xaeV3\x95y?8\x86a\xd5J\xa5L&amp;[\x1c\x17\xb78q\xcd\xbd\xf4G\n\x99\xec\xe8\xb9\xf3K\x96,9x\xe0\x80\x8b\x8b\x0b\xcb\xb2\x82J\xfb&lt;\xcd\xfe\xcf\\\xc5\x13f\x0c\xc0\x13\x8f\n\x85b\xc4\xb4i\xab\xb6m+\xd1\xeb\x0b\x8a\x8b\xbbu\xeb\x16\x1b\x1b\x8b[\x1f{u\x7f\xf0w\xf1\xc3\xd2\xa5\xc1\xc1\xc1\xae\x1a\r\xc3\xb1u\xbb\xf7\xc8-,\xc2e\x91v\xb9\xa4\xb2\xc5#\xc40\x8c\xc6\xc5\xe5\xe6\xbd{\x9dG\x84o;p@\xa5P\xd8l\xb6\xe8\xe8\xe8\xd2\xd0\xeb\x08\xad?B\x08\xefJ\xfd\xd6[o\xb5k\xdf\xded6\xd7\xaa^\xfd\xf2\xed\xdbEEE\xa2\xca\xd9&gt;\xf2\x08\xb1\x1c\xa7qs\xfd\xe3\xd4\xa9\x1d\x07\x0f.J\\c0\x99\xf4F\xa3\\\xa5:u\xf2\xe4\xb8q\xe3\xf0\xd6\x87\xc2\x99\xf2\xfd\'\x87x\xec*\x9e\xd0b\xc0\xd3\x15\x9f\x89\xdbw\xc8d2\xbd\xc1\x10\x19\x19\xb9w\xef^\x9c\x85\xb7\xe3\xe0\xf7\xaf\xdfN\x92{\xf6\xec)6\x1aW\xfd\xbam@\xb7\xaeW\xef\xde!\xab\xc4QM&lt;\xcf\x13\x08i\xdc\xdc~X\x9d\xd8%"\xd2E\xa3!\x10\xca\xce\xcb\x8b\x89\x89q\xc0\xe3\xc00\x9e\xe7\'~\xf9%\xcb\xf3*\xb9|\xe3\x9e=G\xce\x9c\x91\xc9\xe5\x95nL\x86\x1bw\xa5L\xb6u\xf7\xef\x9f\xce\x9a=z\xee\xbc\x0f;w\xce/*\n\t\x0e\xbet\xe9R\xcbV\xad\x18\x86q\xc0\x9b_\xc1\x04\x1a\x00\x90\x90b\xc0\x0b6\xfet\x90#\xf1H\x92\xe4X\xb6Z\xb5j\x0b\xbe\xfd\xd6\xd7\xc3\x83\xe3\xf9\xbec\xc7}\xfe\xedwJ\x8d\xbaR\x9f\xd6\xf4Wp%\xc9\xe5\x89k~X\xb7.\xaf\xa8\xe8Nj\xaa\xb3\x8b\xcb\x96-\x9b\xa3\xa3\xa3\xf1\x94\xaf\xddo\xfe3\xf02\xbdv\xed\xdau\xed\xd2\xe5\xda\xdd\x94\x12\xbd~\xf3\xbe\xfd\x88\xe7\x1d\xeb*\xff\x0b\xc7\xf3\x12\x89D\xa5Pl\xd9\xbf\x7f\xc4\xb4i6\x86)\xad\xf5\xdc\xff\xa4\xd6S\xb0i\x9f\xa7\t7\x00 a\xc4\x80\x17o\xfb\xec\x08\xad?\x86\xabBGFG\xd7i\xdcx\xed\xce]\xbe^^\xd7\xef\xdd\xbbz\xe3\xa6L.\xaf\xa4\x89 \xeeI\xcem\xfa\x0f?\x8e\x9e;Wg2\xf1\x1c\xe7\xe5\xe5\xb5\x7f\xff\xfe\xfe\xfd\xc3\x1c\xbc\xd8\x9c\xe7\xf9Q\xa3F!\xc4K\xc5\xe2\xfd\'N\xa4gdH\xc4\xe2\xca\xf2:0,+\x11\x892\xf3\xf2\x06}\xf1\xe5G_N\xf4\xaa\xe6\x9e\x9e\x95\xe5\xec\xe2"\xd8Z\xcf\x17\xa8\nm\xdc\x1b\xaa\xc2\xb5\xa18\xb9\xafp\xbc\x83\xe0\x9f\x0b7\xf4yyyAAA$\xc7\x99\xcc\xe6\xea\x1e\x1eg\xb7l\xb6Y\xad\x04I:\xd0\x85\xbe\x04\xfcD\xc9\x15\x8a!_N\xdc\x7f\xe2\xb8L*}\x94\x95\x1d\x1c\x12\xb2k\xe7N\xc7\xef~\xe2\x81\x8bN\xa7\x0b\x0c\x0c\xcc\xcf\xcbcXvRD\xc4\x82)\x93K\xf2\xf3\x1d\xbc\x1e\x94\xe7y\x96e5nn\x17/]\xfe\xe8\xcb/\xf4FS^Q\x91\xcdf\x0b\r\r]\xb7n]@@\x800k=_@\xd0#\x00\xac\xaa\x8e\x038\x8e\x93\x88\xc5r\xb9\xfc\x93I\x93\xd7\xec\xd8!\x93I\x1d\xb9\xf5GOf =&lt;&lt;\x16,X\x90\x91\x93SXR\xa2\x94\xcbS\x1e&gt;T\xa9\xd5|\xa5\x1a\x040,K\xd14E\xd3#&amp;OY\xb7{w\xb1N\xff(+{\xc0\x80\x01\x7f$%\xe1m\x06\x1c\xb9\xf5G\x08\x11\x04\xc10\x8cJ\xa5\xfa\xe8\xa3\x8f\x10\xcf\xbf\xd3\xac\x99\x9b\x93SQ^\x9e\x88v\xe8\xd6\x1f\x8fh5\xee\xee?$$\xf4\x185\x8aa9\xad^o\xb3\xd9\xbav\xed\xbao\xdf\xbe\x80\x80\x00\xc1\xd6z\xbe\x00\x04\x00\x84\xaab\x0c\xe08N$\x11\xe7\x14\x16E\x7f3c\xd3\xde\xbd\x12\x89\xc4d\xaa\xb8\x9d\x1e^\x1bM\xd3,\xcb\x0e\x1e&lt;x\xe8\xb0a\xdenn\x1d[\xb4\xe8\x12\x15\x1d\xbfi\xb3R\xa9\xac,\x89 \x86e5j\xb5\xc9by\xf7\xe3\xc1\x89;v\xc8\xa4R\x86a"##7m\xda\xe4\x08\xc5\xfe/\t\xd7\x83FEEU\xf7\xf1\xa9\xf7V\xad\x84m\xdb\x96\xaf[/Wk\x1c\xb6\x1e\x94aY\xb5J\xc5\xf3\xfc\x84\x99\xb3~X\xbf!\xb7\xb0\xf0\xc1\xa3G\xb4X\x9c\x90\x90\xb0o\xdf&gt;H\xfb\xfc\x9b\xca\xd7\xb4\x95\x9f*\x93\x0b\xc2Cx\xa9\\&gt;j\xfa7?\xef\xdc\xe9\xeb\xe5u/==***66\xd6\x91[\x7f\xac\xf4\xa4\xf8\xc6\r\x1b\xde\xb8uK\xa5P4\xab_\x7f\xcb\x92\xc52\xa9\xd4\xf1\xbf\x02\xbc\xd4\xeb\xd8\xb9\xf33~\xfa\xe9\xfe\xa3GYyy6\x86yz\xc6\xc5A\xca=_\x06\xceSM\x9c8\xf1\xfb\xef\xbfG\x08\x854l\xf8\xe7\xda\x9f\x1d0\x0c\xf3\x08\xf1\x1c\xa7\xd2h\xce_\xbe&lt;y\xf1\x92c\xc9\xc9.NN\xb9\x05\x05^^^;w\xee\x0c\t\tq\x90J\x07\xc7Ti\x1e\xc7\nP5\xc6\x01\xa5\xf5\xfe\xc3\'M^\xb3cG\r/\xaf{\xe9\xe9\xfd\xfb\xf7\xaf\x14\xad?z\xb2)\rI\x92\xf1\t\t\x12\x89\xc4\xcb\xdd\xfdaF\xc6\x17\xdf}\xaf\xf4\xf4t\xd8\xee\'zr\xe6\x84Z\xa5:{\xe5\xea\xa8Y\xb3\x8e\x9c;W\xa4\xd3\xd9\x18f\xdc\xb8q\xb8\xda\xcaq\x8a\xfd_\x12\x1e\x04|\xf2\xc9\'\x12\x89\xc4I\xad\xbe\x96\x92r\xe2\xc2E\x99L\xe6P\xf5\xa0\xb8\xd6S!\x93m\xdd\xbbw\xe8\x94\xa9G\xcf\x9f\xf7\xf1\xf4\xcc-(h\xd5\xaa\xd5\x85\x0b\x17\xf0\x12_\xc7\x7f\xe6\xed\xa82=\x91\x15\xa0\xb2\xc7\x80\xa7k~~\xd9\xbd\x9b \xc9\xfb\xe9\xe9\xe1\xe1\xe1\t\t\t\x0eU\xf3\xf3b\x14E1\x0c\xd3\xb2e\xcb/\xbf\xf8\xe2nj*B\xa8S\xab\x96\xfb\xf7\xeeS\xca\xe5\x8ey\xff\xf1m\xd7xz\xc6n\xd9\xda\xea\xa3\x8f\xf4&amp;\x93L*\xd5\xe9\xf5qqqK\x96,\xa9Dw\xfei8\x004l\xd8\xb0E\x8b\x16\x16\x8b\xc5l\xb1\xfc\xb0n\x9dC5\xa5\x1c\xc7\x95\xd6z\x86O\xfbJk0\xa8\xe4\xf2\xb4\x8c\x8c\x91#G\xfe\xf9\xe7\x9f\x95b\xba\xc5\xee\x1c\xbdE\xb3\x8bJ\x9a\x0bz\xee\xfe\xfe8\xf3\x83\x9e\xe4\x85\xec}\x8d/\x0b\x7f\x05F\xa3\xb1s\xe7\xce\x8c^\x9f_T\xc4\xf3\xfc\xe15\x89\xdenn\x8ev`\x00\xc7\xf3\x14I\xf2\x041\xf3\xa7\x15;\x0f\x1e,\xd2\xe9\xf2\n\x0b\x9d\x9d\x9d7n\xdc\xd8\xa5K\x17\x07/\xf8y1|\xf1\x9b6n\xfch\xd0 ?\x1f\xefz\xb5\xde\x9a\x1a\x15\xd9\xb2iS\x93\x03\x9c\x15\xcc\xf3\xbcL*}\x94\x933u\xf1\x92\x8d{\xf7\x06\xd4\xf4KIMsvv^\xbf~}\xb7n\xdd\xd0\x93\x128\xfb^\xa4\xe3\x83\x00\xf0|\x95.\x06\xfcg\xbd\x7f\xa5{\x19\xf0\x0b\x9cr\xef^`@\x00ER\xf5\xfdk\xfbyy\xedX\xfe\xa3\xc9lv\x9c\x9b\xcfq\x1cIQ\x12\xb1x\xd6\x8a\x15\xb3W\xc6\xe0\xa3T\x02\x03\x03\xd7\xaf_\x1f\x1c\x1c\\\xa9[\x7f\xf4d\xbbV\xab\xd5\xda\xb2U\xab\xac\xb4\xb4\x82\x92\x92\x81\xdd\xba\xfd\xb2\xf0{mI\x89}w-\xe5x^&amp;\x95\x1c;\x9f\xfc\xd9\x9c\xb9Z\x83\xe1\x99ZOH\xfa\xbf\xbcJ\xd6(T\x98\xca\x95\x0bz\xce\xe9.\x7f\xaf\xf8\xact\xad?z\xb2GP\x80\xbf\x7f|\\\x1c\xcb\xb1F\xb39+/\x7f\xda\xd2eJ\x8d\xa3\xd4\xa2p\x1c\'\x16\x8b\xf1\xf6Jscb\xfd}}\x19\x86\t\x0e\t9}\xfat\x15h\xfd\xd1\x93\xf9\x18\xa9T:i\xe2\xc4\x9c\xc2B\x99Tz\xe8\xec\xd9\xb4G\x8f$\x12\x89\xbd\x9e\x7f\xdc\xd1Q\xbb\xban\xde\xbb\xaf\xf7\xe81,\xc7iu\xbagj=!\xe9\xff\xf2*_\xbbPa*K\x0cp\x84\xd3]\xca\t^\x1e\x1c\x11\x19\xd9\xbf\x7f\xff\xfb\xe9\xe97\xee\xdfS*\xe4F\xbd\x9e\xa4H\xbb\xdfz\x86ei\x91Hk4~2q\xd2/\xbbv\xd3"\xd1\xbd\xf4\xf4\x11#F\x1c&gt;t\xa8*m0IQ\x14\xcf\xf3=z\xf4\xf0\xf0\xf0\xb0\xdalYyyI\'OJ\xec\xb45\x10\x1e\xcb\xd24\x1d=y\xca\xd8\xf9\x0b\xdc]\\R\xd2\xd2h\x89d\xf5\xea\xd5P\xeb\xf9z\x1c\xa5\x15sX\x0e\x9e\x0br\x9c\xd3]\xca\t\xae;|\x94\x9e\x1e\xda\xbcy\xdf\x0e\xed\xaf\xde\xb9\xabV*\xf6\xae][\x9c\x93c\xc7-*m\x0c\xa3Q\xa9J\xf4\xfa\xde\xff\xfb\xec\xcf\xe4d\xb9Lf4\x99J\xa7[\xaaX\xf6\x19\xefY\x14\x11\x11\xb1:!A"\x91\xf8\xfb\xfa\x9e\xda\xb0\x9e"I\xae\x027\x08\xc2\xc9(\x95B\x81Hr\xc0\xb8\xf1[\x92\x92p\xb6-(((!!!((\x08\xd2&gt;\xaf\xa7\xea&lt;\xa6\xe5\xc4\x91\xc7\x01\x0eu\xbaK9!I\x92\xe78\xbf\x9a5\x17/^\xbcr\xd3\xe6\x8b\xb7n5\x0c\x08&lt;z\xec\x98\x93\x93\x93\xbdj\xd2Y\x96urs\xfb\xf3|rH\xff\xb0G99j\xa5\xd2h2EFF\xe2B\xdb*\xd6\xfa\x97\x8a\x8a\x8e\xe6\x11\x12\x8bDR\xb1\xf8\xd4\xa5K\x12\x89\xa4\xc2\x96gs&lt;O\x92\xa4J\xa3Y\xb1iS\xafO?\xad\xee\xe9\xa9Q\xa9\x18\x86i\xdd\xba\xf5\xa1C\x87\x82\x82\x82l6[\xd5x\xda+\x1e\x8c\x00^\x8a\x03\x8e\x03pU\x8fB.\x8f\xfcz\xfa\xbe\x13\'\xcc\x16KAqq\x15k\xfdK\xe1\xc4\xee\xe0!C\x1e^\xbf\xa6V\xab\x0f\x9f9\x137s\xe6\xe0^\xbdLF#U\x81\xad-~\x0c\xe4r\xf9\xdec\xc7\xe7\xc7\xc5]\xbau\xcbj\xb3\xf1&lt;?c\xc6\x8co\xbe\xf9\xa6\nwB\xf1G\xeb\xd4\xb9s\xf2\x993\xee\xae.\xde\xee\xd5\x0e\xaeN\xb0Z\xad\x15\xf0aY\x96\x95J\xa5f\x8b%~\xeb\xd6yq\xf1\x85%%o\xd7\xa9s75\xf5\xe3!CV\xae\\\x89\x97\x8eW\x8a\xc5\xd5\x8e\t\x02\xc0\xcbr\xa8\x18PZ\xf3\x83\x8f\x96U*\x14z\x83\xa1[\xb7n{\xf6\xec\xb1\xfb\xfe\xfe\xe5\xa1t{\xb2\x9a\xb5j\x15\x16\x14 \x84\xc6\x0e\x19\xb2t\xd6Lmnn\x85\xbd\xfc\xf8MQ\xba\xb8l\xfcm\xfb\xa0/\xbf\x94I\xa5"\x8a2Z,+V\xac\x88\x8c\x8c\xaczA\xf7i\xb8\x91MNN\x0e\t\t\x91\x88\xc5$A\x1c^\x93\x18\xda\xb8\xb1\xde`(\xd7\x00\xcc\xf3\xbcT*\xd5\xea\xf5K\xd6\xfc&lt;\x7f\xd5\xaa\xb7\xaaWOIKS(\x95{\xf7\xee}\xb7M\x1b\x9c\x17\xaa\x92\xe3\xad\n\x03\xf7\xeee9N.\xc8\x91Ow)\'\xf8\xb8Z\x95J\xf5\xeb\x96-4E\x8d\xe8\xfb\xa1\xd1d\x1a7}\xba\xca\xc9\x89a\x98\n\xb8\x00\x8e\xe7)\x8a\x92H$\x91\x13\'\xfeo\xce\x9c\x00??\x93\xd9L\xd0\xf4\xd1\xa3G###m6\x9b\x03\xee\xec_\x86\xf0!\x01M\x9b6\r\r\r\x15\xd1\xb4\xc5j]\xb3}\x07\xa2(Tn\xcf&lt;\xae\xf5\xe4\x11z\x94\x93\xf3\xdd\xaa\x849\xb1\xb1\xb5\xaaWOIK\x0b\r\r\xbd|\xe9\xd2\xbbm\xda\xe0\x83"\xa0\xf5\x7fCp\xfb^\x81#\xc4\x00\xc7?\xdd\xa5\x9c\xe0\xe5\xc1\xed;t\x986m\xda\x8e?\x0e\xc4\xff\xfak~aQ^^\x9eZ\xa5*\xef\xc9\x00&lt;\xd7B\x12\xc47?.\xff\xf5\x8f\x03EZmJZZPP\xd0\xd1\xa3G[\xb7n\x8d\xf7\x98,\xd7\x0bp\x04xn\xa3\x7f\xff\xfez\xa3\x91Ch\xd7\x91\xc3i\xe9\xe9\xe5T\x0f\x8a\x1fr\x95\x8b\xcb\xae\xc3G\x82z\xf7\xa1i\xea\</t>
        </is>
      </c>
    </row>
    <row r="78">
      <c r="A78" s="1" t="n">
        <v>76</v>
      </c>
      <c r="B78" t="inlineStr">
        <is>
          <t>polygon_sides_number</t>
        </is>
      </c>
      <c r="C78" t="inlineStr">
        <is>
          <t>What is the missing number of the part denoted with a question mark?</t>
        </is>
      </c>
      <c r="D78" t="inlineStr">
        <is>
          <t>[6, 9, 8, 3]</t>
        </is>
      </c>
      <c r="E78" t="inlineStr">
        <is>
          <t>9</t>
        </is>
      </c>
      <c r="F78" t="inlineStr">
        <is>
          <t>There are 6 numbered polygons arranged in a triangle with number [6] in the top row, [3, '?'] in the middle row, and [7, 8, 5] in the bottom row.</t>
        </is>
      </c>
      <c r="G78" t="inlineStr">
        <is>
          <t>We observe that the polygon with 6 sides has the number 6, the polygon with 3 sides has the number 3, the polygon with 7 sides has the number 7, the polygon with 8 sides has the number 8, and the polygon with 5 sides has the number 5. Thus, the pattern is that the number inside the polygon represents the number of sides the polygon has.</t>
        </is>
      </c>
      <c r="H78" t="inlineStr">
        <is>
          <t>Based on the pattern that the number inside the polygon represents the number of sides of the polygon, the missing number of the polygon with 9 sides should be 9.</t>
        </is>
      </c>
      <c r="I78" t="inlineStr">
        <is>
          <t>b'\x89PNG\r\n\x1a\n\x00\x00\x00\rIHDR\x00\x00\x02\x00\x00\x00\x02\x00\x08\x02\x00\x00\x00{\x1aC\xad\x00\x00\xa3GIDATx\x9c\xec\x9dwxS\xd5\x1b\xc7\xcf\xb87i\x93\xb6I:Y\xb27e\x83\xec%{\t({\xca\xe6\x87\x80\xa0\x02" [\x14Y\x02"{\x83,\x192dO\x99e\xc8\x06\xa1,\x99]i\x9a\x9d{\xef9\xbf?\x0e\xc4\xca\x12\x91f4\xe7\xf3\xf8\xf8@\x1a\xda\xd3\xdc{\xdf\xf7=\xef\xfb\x9e\xef\x0b)\xa5\x80\xc3\xe1p8\x81\x07\xf2\xf6\x028\x1c\x0e\x87\xe3\x1d\xb8\x03\xe0p8\x9c\x00\x85;\x00\x0e\x87\xc3\tP\xb8\x03\xe0p8\x9c\x00\x85;\x00\x0e\x87\xc3\tP\xb8\x03\xe0p8\x9c\x00\x85;\x00\x0e\x87\xc3\tP\xb8\x03\xe0p8\x9c\x00\x85;\x00\x0e\x87\xc3\tP\xb8\x03\xe0p8\x9c\x00\x85;\x00\x0e\x87\xc3\tP\xb8\x03\xe0p8\x9c\x00\x85;\x00\x0e\x87\xc3\tP\xb8\x03\xe0p8\x9c\x00\x85;\x00\x0e\x87\xc3\tP\xb8\x03\xe0p8\x9c\x00\x85;\x00\x0e\x87\xc3\tP\xb8\x03\xe0p8\x9c\x00\x85;\x00\x0e\x87\xc3\tP\xb8\x03\xe0p8\x9c\x00\x85;\x00\x0e\x87\xc3\tP\xb8\x03\xe0p8\x9c\x00\x85;\x00\x0e\x87\xc3\tP\xb8\x03\xe0p8\x9c\x00\x85;\x00\x0e\x87\xc3\tP\x04o/\x80\xc3\xf9g(\xa5\xde^\xc2\xbf\x06B\xe8\xed%p8\xff\x00\xf4\xc7G\x8b\xc3\xe1p8\xff\x1d\xbe\x03\xe0\xf84\x94R\x08ajj*\xf0\x9f}\x00\x8b\xfd\xf5z=[\xbc\xb7\x97\xc3\xe1\xbc\x14\xee\x008\xbe\x8b\xa2(\x18\xe3o\xbe\xf9\xe6\xdbo\xbf\x15\x04\x81(\xc4\xf7=\x00\x04\x00a$\xcb\xf2\xd0\xa1C\xbf\xf8\xe2\x0b\xf6+x{Q\x1c\xce\x8b\xe1) \x8e\x8fB\x08\x01\x00$$$\x14+V,%%\xc5\xdb\xcb\xf9\xd7\x84\x87\x87_\xbat)::\x1a\x00\x80\x10\xef\xb6\xe0\xf8"|\x07\xc0\xf1Q(\xa5\x18\xe3a\xc3\x86\xa5\xa4\xa4\x88\xa2H)\r\r\t#\x84\x00_\xce\xa9P\x80\x102[\xd2 \x84)))\xc3\x86\r[\xbcx\xb1\xa2(\xde^\x16\x87\xf3b\xf8\x0e\x80\xe3\x8b\x10B \x84g\xce\x9c\xa9\\\xb9\xb2,\xcb\x84\x90\xd9\xdf/\xadQ\xad\xb6\xd9\x92\x86\x91\xeffT\x14\xa2\x84\x86\x84\x1d&lt;\xbc\xa7\xef\'\x1f!\x84\x04A8v\xecX\x992e\x08!|\x13\xc0\xf1A\xb8\x03\xe0\xf8",u^\xb3f\xcd\x83\x07\x0f\x02\x00\xaaT\xaa\xb1v\xe5v\x9b\xcd\x86 \xf4\xf1\x1d\x00\xa1$D\x1b\xda\xb5w\xeb\x1d\xbb\xb6\x00\x00\xaaU\xab\xb6\x7f\xff~\x00\x00\xaf\x04p|\x10\xee\x008&gt;\x07\xb3\xfe\xeb\xd6\xadk\xdd\xba5\xc6\x08B\xb4u\xc3\xc1"\x85c\xadV\x8b\xef\xc7\xd1\x84\x10\xad6\xe4\xda\x1f\x97\x1b\xb7\xa8N)\x95ey\xd9\xb2e\x9d:u\xe2\xd5`\x8e\x0f\xe2\xeb\x8f\x13\'\xd0`\xad\x93.\x97k\xf8\xf0\xe1\x10BE!mZv*Y\xbc\x8c\xc5j\xc6\x18C\x9f\x07cl\xb1\x98K\x14/\xdd\xbdK_Y\x96\x11\xc2c\xc6\x8c1\x99L\x10\xf2`\x8b\xe3sp\x07\xc0\xf1-X\xba|\xf2\xe4\xc9\xd7\xaf_\x87\x10\xea\xc2t\x9f\x0e\x18n\xb3\xdb|9\xf5\xff\x0c\x18c\xab\xd5\xd2\xb3[\xbf\xc8\xc8h\x08A||\xfc\xf4\xe9\xd3\x11B\xbc\x1a\xcc\xf15\xb8\x03\xe0\xf8\x10\xac\xf6\xfb\xe8\xd1\xa3)S\xa6 \x84\x08!\x03&gt;\x1e\x92-kv\x87\xc3\x0e\xfd\xe7D\x15\x84\xd0\xe1p\xe4\xc8\x9e\xf3\xb3\x01_*\x8a\x82\xb10m\xda\xb4\xf8\xf8x\x8c1\xebm\xe5p|\x04\xee\x008&gt;\x04\xa5\x14!\xc4Z?)\xa5yr\xe7\xeb\xdc\xa1\xa7\xd9\x9c\x86\xb1\x9f\xf5+\x0b\x82\x90j2\xb6\xfc\xa0}\xb1"\xc5\t\x91M&amp;\xd3\xd8\xb1c!\x84\xdc\x01p|\n\xee\x008\xbe\x02K\xfe\x9c&gt;}z\xd5\xaaU\x08!J\xe9\x88/&amp;h\x82\xb5\xb2"\xfbO\xf4\xff\x17\x8a\xa2h4\xda/\x87\x8e\x87\x10\t\x82\xb0r\xe5\xca\xc3\x87\x0f\x0b\x82\xc0\x13A\x1c\xdf\x81;\x00\x8e\xaf\xc0\xca\xbf\x9f}\xf6\x99\xcb\xe5"\x84T\xa9T\xa3~\x9d\xc6if\x93\x9f6\xcf`\x8cSS\x8duj\xd5o\xda\xf8\x03Y\x96\x15E\x198p\xa0\xd3\xe9\xe4\xd5`\x8e\xef\xc0\x1d\x00\xc7\'p\xb7~\x1e&lt;x\x10c$\x08\xc2\xc8a_+~\x9e0A\x08\xd9\xed\xf6\x01}\x87\x84\x86\x86a,\x9c9sf\xf5\xea\xd5\xac\xb6\xe1\xed\xa5q8\x00p\x07\xc0\xf1\x05^\xd1\xfa\xe9\xfb\x8d\xff\xaf\x00!d\xb1ZJ\x14/\xdd\xa5COE\x911\xc6_|\xf1EJJ\n\xdf\x04p|\x04?~\xba8\x99\x86L\xd0\xfa\xf92\x04AHM5\xf6\xea\xde?W\xce\xdc\x94\xd2G\x8f\x1eM\x9d:\x95o\x028&gt;\x02w\x00\x1c/\x939Z?_\x06\xdb\xd9\xc4\xc4d\xed\xdb\xebSB\x08\xc6\xc2w\xdf}w\xfd\xfau\xee\x038\xbe\x00w\x00\x1c/\x93iZ?_\x86 \x08))\xc9mZu.W\xa6\x82\xa2\xc8\xeeL\x17\xcf\x02q\xbc\x0ew\x00\x1co\x92\xc9Z?_\x06\xa5\x14c4|\xe8xQT!\x84\xd6\xad[\xb7k\xd7.\x8c1o\t\xe5x\x17\xee\x008\xde$\x93\xb5~\xbe\x0c\x8cqZZZ\x95J5\x9a4l\xceR^\x03\x06\x0c\x90e\x99\xef\x038\xde\x85;\x00\x8e\xd7\xc8\x94\xad\x9f/\x03cl\xb6\x98\x87|6J\xaf3@\x08\xaf]\xbb6w\xee\\^\t\xe0x\x17\xee\x008\xde!\xb3\xb6~\xbe\x0c\x08\xa1\xc3a\xcf\x97\'\xffG\x9dz\xb1\xc4\xd7\xc8\x91#\x8dF#K|y{u\x9c\x00%\x13&gt;i\x1c\xbf \x13\xb7~\xbe\x0c\x8c\xb11\xd5\xd8\xb7\xf7\xa7\xb9s\xe5\xa1\x94\x1a\x8d\xc6\x91#Gr\x81 \x8e\x17\xe1\x0e\x80\xe3\x052w\xeb\xe7\xcb\x80\x10\xca\xb2\x1c\x12\x12:\xb0\xdf0\xd6\xfb4w\xee\xdck\xd7\xae\xf1D\x10\xc7[p\x07\xc0\xf1\x02\x99\xbe\xf5\xf3e\x08\x82`2\xa5\xb6\xfa\xa0}\x95J5\x08!\xb2,\x0f\x180\x80\x97\x829\xde\x82;\x00\x8e\xa7\t\x90\xd6\xcfW +\xca\xc8a_\x0b\x82\x801\xda\xb5k\xd7\xbau\xebxK(\xc7+p\x07\xc0\xf14\x01\xd2\xfa\xf92\x10B\x16\xab\xb9d\xf12mZvR\x14\x02!\x1c&gt;|\xb8\xcb\xe5\xe2\xfb\x00\x8e\xe7\xe1\x0e\x80\xe3QX\xeb\xe7\xfa\xf5\xeb\x0f\x1e&lt;\x881\x16E1\x13\xb7~\xbe\x0c\x8c\xb0\xcdn\xfbt\xc0p]\x98\x0eBx\xfd\xfa\xf5\xc9\x93\'\xf3J\x00\xc7\xf3p\x07\xc0\xf1\x1c,\xc25\x99LC\x87\x0ee3r\xbbw\xe9[\xbad9\x8b%s\xb6~\xbe\x0c\xd6\x12\x9a-k\xf6\x01\x1f\x0fa\t\xb1)S\xa6&lt;z\xf4\x88w\x04q&lt;L\x00=u\x1c\xaf\xc3\xc2\xff\xe9\xd3\xa7\xdf\xbcy\x13B\x18\x19\x19\xdd\xb3[?\x8b\xd5\x1c \xc9\x9f\xf4`,\x98\xcdi\x9d;\xf4\xcc\x93;\x1f\x004%%e\xd8\xb0a\xfcL\x00\xc7\xc3p\x07\xc0\xf1\x10\x84\x10\x8cq||\xfc\xb4i\xd30\x16\x14E\xf9l\xc0\x979\xb2\xe7t8\x1c\x99\xb8\xf5\xf3e@\x08dE\xd6\x04kG|1\x81\x10\x8a\x10Z\xb5j\xd5\x993g\xf8\xe0x\x8e\'\xe1\x0e\x80\xe3!X\xedw\xec\xd8\xb1&amp;\x93\x89RR\xach\x89\x96-\xda\xa7\x9a\x8c\x82\x90\xc9[?_\x06\xc6\xd8\x94\x96\xda\xa0^\xd3\x06\xf5\x9a\x12B\\.\xd7\xc0\x81\x03\x15E\xe1\x9b\x00\x8e\xc7\xe0\x0e\x80\xe3\tX\xf2\xe7\xd0\xa1C+W\xae\x14\x04\x81\x10\xf2\xc5g\xa3\xb5!!\x01\xde\xfb\xc8\x8e\x86}:\xe0KQ\x14\x05A8|\xf8\xf0\xaaU\xabxK(\xc7cp\x07\xc0\xf1\x10\x8a\xa2\x8c\x1c9RQ\x14Y\x96\x1b\xd4kZ\xabF\xdd\xd4Tc\x00f\xff\xd3\x83\x10\xb2X\xcc%\x8a\x97\xee\xde\xa5\xaf,\xcb\x08\xe11c\xc6\x98L&amp;\xde\x12\xca\xf1\x0c\xdc\x01p2\x1c\x16\xfe\xafZ\xb5\xea\xd0\xa1C\x18\x0b\xa2(~:\xe0K\xa6\x06\xe1\xdd\x85\x11B\x14EQ\x14\x85\x10\x85\x10B)\xa5\x94\x12\xf2\xe4e\xcf\xe4\xe21\xc6V\xab\xa5g\xb7~\x91\x91\xd1\x10\x82\xf8\xf8\xf8\xe9\xd3\xa7\xb3\x16)\x0f\xfctN\x80\xc3\x1d\x00\'ca\xa9\x7f\x93\xc94f\xcc\x18\x84\xb0\xa2\xc8\xdd\xbb\xf4-Q\xbc\xb4\xd9{\xad\x9f\x94RE\x91\x01\x00\x1a\x8d\xd6`\x08\x0f7D\x84\x86\xea4\xc1\x1aQ\x14EQ\xa5\xd1hCCu\x06Cxp\xb0\xc6\x03a8\x84\xd0\xe1p\xe4\xc8\x9e\xf3\xb3\x01_*\x8a\x82\xb10m\xda\xb4\xf8\xf8x^\r\xe6x\x00\xbe\xd3\xe4d,\xb2,\x0b\x820f\xcc\x98\xd1\xa3Gc\x8c\r\x86\x88\x9d\xbf\x1c\xd1\xeb\r\x92$ye\x07\xa0(\x8a(\x8a\xa1!a\x16\x8b\xf9\xea\x1f\x97\xcf_8s\xed\xfa\x95{\xf7\xef\x9aL\xa9.\x97\x13@\xa8V\xa9\xc3\xc2t\xd9\xb2fo\xd6\xb4U\xb92\x15\xedv\x9bg\x1c\x15B\xa8y\xab\xda\x97\xaf^\xa0\x14t\xee\xdcy\xe9\xd2\xa5\xec\xa3\xf3\xc0\x8f\xe6\x04,\xdc\x01p2\x10\x96\xe7\xb9y\xf3f\xd9\xb2e-\x16\xab\xa2\xc8\x13\xc7N\xef\xd6\xe5\x7fI\xc9\x89\x9e7m,\xbd\xa3\xd7\x1b\x92\x92\x126l^\xf3\xf3\xa6\xd5\x97.\x9f{E\x94\xfd\xbf^\x03\xc7\x8c\x98\x94\x98\x94\xe0\x81\xa5*\x8a\xa2\xd3\xe9\x0f\x1c\xda\xd3\xa9[\x0bv\x1a`\xff\xfe\xfd\xd5\xaaUc\xd9\xb3\x8c\xfe\xe9\x9c\x80\x85\xa7\x808\x19\x88\xef\xb4~\xb2\x95\xe8t\xfa\x9f7\xfe\xd4\xf4\xc3Z\xa3\xc7\x0f\xbdp\xf1,!D\x14E\xb5Z\xad\x12U\x82 `\x8c1\xc2\x82 \x04\x07i\xd4j\xb5F\xa3\xa5\xd4CI\x18\x8cqj\xaa\xb1N\xad\xfaM\x1b\x7f \xcb\xb2\xa2(\x03\x07\x0et:\x9d\xbc\x1a\xcc\xc9P\xb8\x03\xe0d\x14\xbe\xd3\xfa\xc9\xd4\xa7U*\xd5\x17#?\xe9\xffi\xf7;woa,\x08\x82\x08!\x94$\xc9\xe9t\xba$\x173\xbb\nQdY\xb6;lN\xa7\xd3n\xb7A\xe8\xb9\x07\x04!d\xb7\xdb\x07\xf4\x1d\x12\x1a\x1a\x86\xb1p\xe6\xcc\x99\xd5\xabWs\x81 N\x86\xc2\xe3\x0bNF\xc1\x0c\xfd{\xef\xbdw\xe8\xd0!\x00@\x83zM\x17\xcc^\x95fN\xf3xN\x83\x02\n\x83\x82\x83\xfa\r\xea\xb6e\xdb\x06\x8c1\xbb\xe7\x99a-Y\xbcL\x85\xf2U\n\x15*\x1a\x13\x9d%8X\x03\x01t8\xec)\xc6\xe4\xb3\xe7N\x95\x88-\xfda\xf3vfK\x9a\xc7\x8a\xd5\x92$\xc5\xc4d\x193\xfe\x8bYs\xa6`\x8c\xa3\xa2\xa2.]\xba\xa4\xd7\xeb!\x84^\xef\x98\xe2dJ\xb8\x03\xe0d\x08,\xfc_\xbe|y\xe7\xce\x9d1\x16\x10\x82\xdb6\x1e*\\\xb0\xa8\xd5f\xf5p\xf3\x8f\xa2(\x06}\xf8\xc8\xb1\x9f/X\xfc\x83 \x88\x8a"\x03\x00)%5\xab\xd7\xe9\xff\xbf\xc1\xa5K\x95\xd3h\xb4\x94\xf5\x81\x12\x02\x00@\x10!\x8c\x10Bv\x9b\xcd\xe9rz\xd2\xf2RJ1\xc6v\xbb\xad\xe9\x875\xff\xbcw\x97\x102|\xf8\xf0\xf1\xe3\xc7\xf3J\x00\'\x83\xe0\x0e\x80\xf3\xf6a\r\xf5f\xb3\xb9l\xd9\xb2\xb7n\xdd&amp;D\xe9\xd3\xe3\x93\xd1#\xbfMNN\xf2p\xf6_Q\x14]\x98~\xe7\x9e\xad\xddz\xb7\x11\xb0\xa0\x10\x85)n\x0e\xfet\xe4\xc0\x8f\x87\x12J\xadV\x8bB\x14\x08\x98\x9d\x87O\x97\x0f\x00\xa0\x08a\xcf\xc7\xdd\xb2,GFF-Y6w\xe8\x88\x01\x18\x0b\x18\xa3\x8b\x17/\xe6\xcf\x9f\x9fe\xb1&lt;\xbc\x18N\xa6\x87\xdfR\x9c\xb7\x8f\xa2(\x08\xa1\xe9\xd3\xa7\xc7\xc7\xc7C\x08\x98\xea\xa7\xd5j\xf1|\xf2G\x10\xb0\xd9\x926\xfe\x9b\x11\x00\x00B\t\x84\x88\x102l\xc8\x98\xa1\x9f\x8eJ3\x9b\xcc\xe64\x08\xa1\x80\x05\x8c\xf1\x93\xb0\x1f!\x840\xc6\x18c\xc1+Y\x17A\x10RR\x92\xdb\xb4\xea\\\xaeL\x05E\x91].\xd7\xf0\xe1\xc3y)\x98\x93Ap\x07\xc0y\xcb\xf8\x8e\xea\xa7\xa2(\xa1\xa1\xba\x8d\xbf\xac\xb9y\xeb:F\x18@H\x88\xd2\xa4a\x8bO&gt;\x1e\x9a\x90\xf8\x08B\xe4\x9by\x15J)\xc6h\xf8\xd0\xf1\xa2\xa8B\x08\xad[\xb7n\xd7\xae]\\ \x88\x93\x11p\x07\xc0y\xcb\xf8N\xeb\'B\xd8n\xb7\xfd\xb4z\t\x84\x10@@\t\t\t\t\x1d\xfa\xf9h\xbb\xcd\x06!\xf2\xd9\xb2*\xc68--\xadJ\xa5\x1aM\x1a6g\x07)\x06\x0c\x18 \xcb2\xdf\x07p\xde:\xdc\x01p\xde&amp;\xbe\xd3\xfaI\x08\xd1h4\xe7/\x9c\xb9x\xf9&lt;\x00\x00\x02H)m\xd2\xa8E\x81\xfc\x85l\x9e:\xdc\xfb\xc6`\x8c\xcd\x16\xf3\x90\xcfF\xe9u\x06\x08\xe1\xb5k\xd7\xe6\xce\x9d\xcb[B9o\x1d\x9f~\x0c8\xfe\x88\x8f\xa8~RJT*\xf5\x81\xc3{\t%\x18cB\t\x00\xa0I\xc3\x16\xb2$!\x04\xd3\xbd\xed/&lt;\xbc\xc2W\xc0fF\xe6\xcb\x93\xff\xa3N\xbd\xd8\xcc\xc8\x91#G\x1a\x8dF&gt;2\x8c\xf3v\xe1\x0e\x80\xf3\xd6\xf0)\xd5O\x08\x91\xd3\xe9&lt;~\xf27\xf6WBHLt\x96\xe2\xc5J\xd9\x1dv\x08\x11\xd3\xfb\xa4\x94b,\x88\x82(\x08"\x8b\xaf\x15E&amp;\x9e:\xfd\xfbj0\xc6\xc6Tc\xdf\xde\x9f\xe6\xce\x95\x87Rj4\x1aG\x8e\x1c\xc9\x87\x06s\xde.\xdc\x01p\xde\x0e&gt;\xa5\xfaI)\x15E1))\xe1\x8f\xebW\xdd/\xc6\x16+\x15\x11\x11\xe5r\xb9\x00\x00!!a\xe1\x86pQTYm\x96\x94\xd4\xe4TS\x8a$IZmH\xb8!2H\x1d\xec\x0bc\xb9\xd8\xac\x98\x90\x90\xd0\x81\xfd\x86\xb1\x1e\xd0\xb9s\xe7^\xbbv\x8d\'\x828o\x11\xae5\xc8y;(\x8a"\x08\x02k\xfd\xc4\x18{\xaf\xf5\x13\x00\x00(\xa5*\x95\xfa\xde\xfd\xbbFc\xb2\xfb\xc5"\x85c!\x84AAA\x02\x16\x0e\x1f\xd9\xbfc\xe7/\xe7.\x9cy\x9c\xf0\xd0n\xb7#\x84t:}\xcew\xf2T|\xb7J\xfd\xbaM\x8a\x16.n\xb1ZdY\xf2n\xa9@\x10\x04\x93)\xb5\xd5\x07\xed\xd7mXy\xe4\xd8AB\xc8\x80\x01\x03v\xee\xdc\xc9\x1d\x00\xe7m\xc1w\x00\x9c\xb7\x00!D\x10\x84\x9b7oN\x9b6\x8d5,~\xea\xd5\x81\xef\x94R\x01\x0b\xf7\xee\xdf\xa5\x94"\xf4D\xfb!\xe7;\xb9BC47\xe2\xafu\xee\xf1a\xfb.\xef/[\xb5\xe0\xdc\x853\x8f\x1e?4\xa5\xa5\x1aSSn\xdf\xb9y\xe8\xb7\xbd\x93\xa6\x8em\xf2A\xcda_\rt:\xec\xc1A\xc1\x84x\xbf\xf3RV\x94\x91\xc3\xbe\x86\x10"\x84v\xed\xda\xb5~\xfdz\xde\x12\xcay[p\x07\xc0y\x0b0\xa5\xe5\x11#F\x98L&amp;B\xc8\xbb\xe5*\xb5\xfa\xa0\xbd15\xc5{r\xf6\x14a\xf4\xe0\xe1}\x00\x00z\x9a7/\x98\xbf\xe8\xa1#\x87Zwh|\xf0\xf0^Q\x14\x9f\x89\xee\x05A\x10E\x91)1,Y&gt;\xb7u\xa7\xc6\x0f\x1f=\x08\n\xd2x7\xdcF\x08Y\xad\x96\x12\xb1\xa5zt\xfd\x98US\xbe\xf8\xe2\x0b\x93\xc9\xc4\xab\xc1\x9c\xb7\x02w\x00\x9c\xb7\x00kQ\xbf\x7f\xff\xbe;\xde\xc7\xde\xd0QpC\x01\x80\x00&amp;&amp;%\x00\x00\x00\x04\x94\xd2\xa0\xa0\xe0\x07\x0f\xefu\xe9\xd1\xd2\x94\x96\n\x00\x90$\tB\x94#{\xce"\x85c\xf3\xe7+\xa4\x0b\xd3\xcb\xb2,I\x12\xabd\x08\x82x\xf9\xca\x85n\xbd[\xdb\xedVA\x10\xbckj\xd9&amp;\x86\xfd\x19B\x98\x9c\x9c\xec\xad}\x15\'\xf3\xc1\x1d\x00\xe7-\xc0T\xcc\xc6\x8d\x1b\x07!\xc4X8y\xea\xd8\xa2es\xc2\xc2t\xb2,{e=\x10@B\x88\xc9d\x04O\x95}\x08!#F\x7f\x9a\x9c\x9c\x08\x00\x88\x8e\x8e\x196x\xec\x8e_~\xfbu\xf3o\x9b\xd7\xed\xdd\xbaa\xff\xeem\xc7\xe7\xcf^U\xbelE\x16e\xcb\xb2$\x08\xe2\x95k\x97\xbe\x9b6&gt;$$\xd4\x8b\x89 BHhh\xe8\xd1\xe3\x87\x16,\xfe\x81\r\x89\x1c&lt;xpLL\x8c\xa2(\xdc\x07p\xfe;\xfcl!\xe7\xed\xc0z@?\xfa\xe8\xa3\xa5K\x97b\x8cC\xb4!\xfbv\x9c\xd2\xeb\xc3%\xc9\xe5yS\xc5\x06l\xf5\xee\xd7q\xeb\xf6\x8d\xcfd\xcck\xd7j0i\xc2\xcc\x1c9r\xdal6Y\x92\x08%\x10B\x84\xb0&amp;8XV\xe4\xcf\x87}\xbcv\xfd\n\x96`\x81\x10\x8a\xa2j\xc7/\xbf\xe5\xce\x95\xcf\xe1\xb4#\x0f\xce\x06pC\x08\t\x0b\xd5\xb5hS\xe7\xe4\xa9c\x10\xc2\x82\x05\x0b\x9e?\x7f^\x10\x04.\x10\xcdy+\xf0\x1d\x00\xe7\xed\xc0\xb2@\xdf|\xf3Mxx8\xa5\xc0\x94f\x9a:\xe3kM\xb0F\xf1F\xf8\x0c!\x00\x94\xb2\x8eO\x06\xcb\xf8\xd7\xac^w\xd1\xdc\xd5\x06CDRR\x82\xc3agk\xa3\x94\xc8\xb2dLMq:\x9d\xdf\x8c\x9b\x11[\xb4$!\x94YX\xa7\xd3\xb1\xed\xd7\x8d\xc1\xc1\xc1^\xa9\x04\xc8\xb2\xac\xd3\xe9\xd7mXy\xf2\xd41\x96\x89\x9a1c\x86J\xa5b\xce\xc9\xf3\xeb\xe1d&gt;\xb8\x03\xe0\xbc\x1dX\x7fz\x96,Y&gt;\xfb\xec3B\x14\x8c\x855\xeb\x97\x9f\xbbp&amp;D\x1b\xea\x15\xebI\x9f&amp;\x7f\xc0S\xe7\xa4\xd7\x19\xbe\x1e;\x8d\x12jw\xd8\xd8\xc9\xaf\xa7f\x14\xb2\xbc\xbf\xcb\xe5\n\x0e\n\xee\xd3\xf3\x13\x00(\xfb\x16\x10\xc2#\xc7\x0e9\x9dN\xaf\x84\xff\x82 X\xcc\xe6\xe9\xb3&amp;\xb23\x01\xf5\xea\xd5\xabW\xaf\x1e\x9f\r\xc0y\x8bp\x07\xc0yk0\x1f\xf0\xf9\xe7\x9f\x17(P\x80\x10E\x96\xe5q\x13\xbf\x14\xbcs\x0e\x00@\x08EQt/\x8cR\xda\xb4\xf1\x07\xf9\xf2\x14\xb0\xd8,\x02~qo\x12\xc6\xd8j\xb3\xbc[\xbe\xb2N\xa7\'\x840\x17r\xeb\xf6\x8d\xd4\xd4\x14A\x10=\x9c,\x95e\xd9`\x08\x9f=o\xda\xed;\xb70\xc6\x82 \xcc\x981\x83\xc7\xfe\x9c\xb7\x0bw\x00\x9c\xb7\x06\x0b\xb4U*\xd5\x84\t\x13(\xa5\x82 \x1c9vp\xdd\x86U:\x9d\xde\xf3\xd5`\x04ahH\xe8\x93\xbfP\x00\x00([\xba\x82B\x94W\xc4\xf2,\xd0\x8e\x08\x8f\xca\xf5N\x1e\xc0\xf2H\x00\x98L\xa9\xa6\xb4T\x0f\x07\xdd\x84\x10\xadF{\xe1\xe2\xb9\x05K~\x10\x04A\x96\xe5\xde\xbd{\x17*T\x88\xe9\x02yr%\x9c\xcc\r\xbf\x998o\x13Vqm\xd5\xaaU\xbdz\xf5\x98\x82\xf1\xf4Y\x13-f\xb3\x87\x0f\x04P@\x11\xc2\x91\x11\xd1\x80\xb9%\x00\x00\x00j\xb5\x1a\xfcS\x14O)U\xabTaaz\x00\x00\x1b\x10&amp;\xc9\x92\xddn\xf3p\xdf=!$88x\xc6\xeco-\x163\xa54K\x96,\xe3\xc6\x8d\xe3\xd6\x9f\xf3\xd6\xe1\xf7\x13\xe7-\xc3\xf6\x013f\xcc\x10\x04\x01c|\xfb\xce\xad\xd9\xf3\xa6\x19\x0c\xe1\x9e\xdc\x04@\x00\t%9r\xe4\x02OD\x8a\x00\x00 \xc5\x98\x02_\xcf\x80z7\xcb\xa2(\x8a^o\xd8\xb3\x7f\xe7\x96m\x1bDQT\x14\xe5\x9bo\xbe1\x18\x0c&lt;\xff\xc3y\xebp\x07\xc0y\xcb\xb0J@\xa1B\x85z\xf7\xee-\xcb\xb2 \x08\x0b\x96\xfcp\xe1\xe29\xadF\xeb\xb1j0\x84P\x96\xe4\xfc\xf9\n\x01\x00\xdcr\xa47\xe2\xafA\x00)xU \x0f!\x94d\xd9j\xb5\x00\x00X\xe6H\x14\xc5\xe0`\xad\'5M1\xc66\x9b\xf5\xeboGPJ$I*S\xa6L\xdb\xb6my\xf8\xcf\xc9\x08\xf8-\xc5y\xfb0\x1f0n\xdc\xb8,Y\xb2PJ-\x16\xf3\x8c\xd9\xdf\x06\x07{NV\x01B\xe8p:\n\xe4+\x18\x1d\x15\xe3\x96\xfa?\x11w\xc4j\xb5`\xf4\xd2l&gt;;\xcef6\xa7=|\xf4\xc0\xfd\xa2.\xcc\xa0\x0b\xd3yL{G\x96e\xbd\xce\xb0~\xc3\xaaKW.\x08\x82\x881\x9e&gt;}\xbaZ\xad\xe6\xe1?\'#\xe0\x0e\x80\xf3\xf6aY \x83\xc1\xf0\xcd7\xdf(\x8a"\x8a\xe2\x96m\x1bv\xef\xfbU\xaf3x\xc6\x92B\x08%\xc9\x15\x1d\x95\xa5B\xf9*\xccnB\x08\xaf^\xbbt\xe6\xf78\xad\xe6\xa5\xe3\xc9\x98\x86\xe8\xcd[\xd7\x1f?~\xe0\xb6\xb6\xb9r\xe5\xd5\xeb\xc3eY\xf2\x80\xfd\xa5\x94\x06\x05\x05\xdd\xbb\x7fw\xea\x8c\xaf1\xc6\x92$u\xe8\xd0\xa1Z\xb5j\xb2,\xf3\xd6ONF\xc0\x1d\x00\'C`\x9b\x80\xb6m\xdb\x96-[V\x96\x15J\xc9\xf7\xb3\xbe\xf1\x8c\x19uC\x01m\xda\xa4%\xa5\x94R\x82 "\x84\xcc\x9a3\x99Y\xd2\x17VteE\xd6\x04k6n^K(E\x08\xb1"p\x85r\x95\x82\xd4A\x9e\x99\x12\xa3(J\x886t\xfe\xa2Y\x89I\t\x10"\x9dN\xf7\xd5W_\xd1\'\x8b\xe1p\xde&gt;\xfc\xc6\xe2d\x08l\x13\xa0V\xab\xa7L\x99B)\x11\x041\xee\xf4\xf1Uk\x97\x86{\xaa\x1a\x8c1\xb6X\xcc\xb5\xaa\xd7)T\xb0(K\x02!\x84\x0e\x1e\xde;g\xc1\xf4\x98\x98\xacl\xf8\x17\xa5\x84\r\x83T\x14E\x92\\1QY\x0e\x1f\xdd\xbf\xe6\xe7\xe5\x10"B\x08\xa5\x04c\\\xafn\x13\xcf\xe8@\x10BBBB\xcf\x9e;\xb5p\xe9lA\x10dY\x1a4hP\xbe|\xf9\x14E\xe1\x0e\x80\x93A\xf0\x1b\x8b\x93Q\xb0\x96\xd0\x1a5j\xb4l\xd9R\x92$\x8c\xf1\x94\xef\'\xdc\xbb\xffgPP\x90gZ*\x15E\xd1j\xb4\x83\xfa\xb3\x89Z\x90\x85\xd2\xe3&amp;\x8e\x98\xf1\xc3\xb7\xba0\x9d^\x1f\xaeV\x07\x89\xa2\xa8V\xa9\xc3\xc2t\xd1QY\x0e\xfe\xb6\xf7\x7f\xfd\xbb8\x1cv\x00(\xdb\xc1\xd4\xa9\xd5\xb0t\x89rV\x9b\xd53&amp;\x18#4n\xe2\x97\x92$\x11B\xf2\xe6\xcd;p\xe0@~\xee\x97\x93\xa1p18N\x06\xc2\x9agn\xdd\xbaU\xa6L\x19\xab\xd5&amp;\xcbR\x9f\x1e\x9f\x8c\x1e\xf9mrr\x92gN\x06\x10\xa2\x84\x85\xea\xfb\r\xea\xba\xf1\x97\xb5\xa2(J\x92\xc4\xb6&amp;U+\xd7j\xd7\xbas\xe1BE\xb5\x9aP\x87\xc3~\xe7\xcf[\xdbwl^\xbfq\x15S\xd9d\xef\t\x0e\n\xde\xb2\xe1@\xbe\xbc\x05\xd8\xc8\xb0\x0c]\xa7\xa2(\xba0\xfd\x8e\xdd[\xba\xf7i\xcbN~\xad[\xb7\xaee\xcb\x96\xdc\x01p2\x14\xee\x008\x19\x0b\xeb\x04\x1d3f\xcc\xe8\xd1\xa3\x99\x8c\xe5\xb6\x8d\x87\n\x15,j\xf3HX\xcd\x1a{\x14E\xe9\xd4\xfd\x83\xb8S\xc7\x04A`\x9dH\xec\xff\xa2\xa8\nR\x07\xb9$\x97\xd3\xe9`\xef\x87\x10!\x04Y\x95x\xc6\x94\x05-[\xb4O5\x19=c\x82\x11B\xf5\x9aT\xba}\xe7&amp;\xa5\xb4F\x8d\x1a\x07\x0e\x1c\xe0\xd6\x9f\x93\xd1\xf0\x14\x10\'ca*\xf6\x03\x07\x0e\xcc\x97/\x1f\xa5T\x92\xa4\xa93\xbe\xf6\xd8\x94\x15\xa6\xee \x8a\xaa\xc5\xf3\xd6\xd6\xad\xddH\x96e\xb6)\x11E\x95 \x08\x92\xe42[\xd2\x9cN\x07\xc6\x98\xbd\x02\x00U\x14%((h\xea\xa49\xad&gt;\xe8\xe0\x19\xeb/\xcb\xb2^\xa7_\xb6r\xfe\xad\xdb\xf1\x08a\x95J5e\xca\x14\xde\xf7\xc9\xf1\x00\xdc\x01p2\x16\x96N\xd1\xe9t\xa3F\x8db-\xa1;vm\xd9\xb1k\x8b.L\xef\x99\x96P\x84\x90\xcb\xe5\x0cR\x07\xcd\x9f\xbdj\xcc\xc8IY\xb3dg%\xdf\xf4\xb5h\xf7+\x94\xd2\x1a\xd5\xealX\xbd\xab]\xab\xce\xc6\xd4\x14\x0fX\x7f6\xad\xec\xd6\xed\xf8\x19?L\xc2\x18+\x8a\xdc\xbe}\xfb\xb2e\xcb\xf2\x93_\x1c\x0f\xc0S@\x1cO\xc0l}\xadZ\xb5\x0e\x1f&gt;\x8c\x10\xca\x953\xcf\xae\xad\xc7(\xa1\xe4\xa9NCF\xc3\xees]\x98\xfe\xe1\xe3\x07\xbb\xf7n?ph\xcf\xb5?.\'&amp;&gt;\x96d\tc\xac\xd5\x86\xe4\xc8\xf6N\xd92\x15\xea\xd5n\xfcn\xf9\xca\x00\x00\xab\xd5\xe2\x99\xf4\x8b,\xcbQ\x91\xd1\xbd\xfbu\xdc\xf8\xcbZ\x8cqXX\xd8\xe5\xcb\x97\xa3\xa3\xa3\xc1\xd3\x19\x06\x1cN\xc6\xc1\x1d\x00\xc7\x13\xb0x\xf6\xcc\x993\x95*UR\x14\xa2(\xf2\xc8a\x13\xfa\xf6\xfa4\xc5\x98\xecI\x9d8EQT*\x95V\x13B\x88bJ3\xa5\x99MN\xa7C\x10D\xadF\xab\x0b\xd3\x07\x07k$\xc9e\xb1Z\x80\xa7\x8c/!D\xab\xd5\x9e:}\xa2m\xe7&amp;\x8a\xa2(\x8a2k\xd6\xac\x8f?\xfe\x98g\xff9\x9e\x81;\x00\x8e\x87`F\xadk\xd7\xaeK\x96,y:3\xf2\xb4^\xafg\x9d9\x1e[\x06\xa5\x94\x10\x02 \x10\xb0\x80\xb1\x80 \xa4\x80\x12\x85\xc8\x8aL\x88\x02!\xf2d\xdc\xcd\x9a\x7f\xd2O|\xbcx\xf1"\x9bT\xc3\x0b\x00\x1c\x0f\xc0\xf7\x98\x1c\x0f\x01!$\x84L\x9c81\xdd\xcc\xc8\t!\xdaP\x8f\xc9\xec\xb8\x97\x811\xc6\x08\x13B$\xc9\xe5t9].\x97\xac\xc8l\x9c\xbd\'\xad\xbf,\xcb\xe1\x86\x88\xf5\x1b\xff6\xf1\x91\xfd\x81[\x7f\x8eg\xe0\x0e\x80\xe3!\x98\xa4\xbe{f\xa4 \x08k\xd6/?r\xec`h\xa8wfF\xc2\xbf\xe3\xe1\x9f\xce&amp;\xe7$$&gt;\x9a&lt;}\x02B\x88O|\xe4x\x05\xee\x008\x9e\xc3=3\xb2P\xa1B\x8a\xa2\xc8\xb2\xfc\xcd\xe4Q\x18y\xa8%\xd4\xa7`\xaa\x9f\xf3\x16\xce\xfc\xf3\xde\x1d\x84\x90J\xa5\xe2\x13\x1f9\x9e\x87;\x00\x8e\xe7p\xcf\x8cd\xc6N\x10\x84\x93\xa7\x8e\xad\xdf\xb82\xdc\x10\xe1\xf9\x99\x91^\x84\xc9\xfe\\\xbctn\xe9\xca\xf9\x82 \xca\xb2&lt;x\xf0`&gt;\xf1\x91\xe3yx\x11\x98\xe3iX\x96\xa3~\xfd\xfa\xbbv\xedB\x08e\xcf\xf6\xce\xb6\x8d\x07\x83\x835L\x86\xc1\xdb\xab\xf3\x04\x8a\xa2\x84\x85\xea\xba\xff\xaf\xed\xce\xdd[1\xc6QQQ\x97.]\xd2\xeb\xf5\xbc\xf6\xcb\xf10&lt;\xdc\xe0x\x1a\xf7\xccH\x95J\x85\x10\xfa\xf3\xde\x9dy\x0bg\xea\xf5\x86\x00\xd9\x04\xb0\x89\x8f\xfb\x0f\xee\xda\xb9{\xab{\xe2cxx8\xcf\xffp&lt;\x0fw\x00\x1cO\xe3\x9e\x199x\xf0`Y\x96\x05A\\\xbar\xfe\xf9\x0bgC\xb4!^\xa9\x06{\x18\x8c\xb1\xd5b\xf9f\xcah\x84\x90$I\xd5\xabW\xef\xd4\xa9\x13\xaf\xfdr\xbc\x02w\x00\x1c/\xc0|\xc0\xa7\x9f~\x9a%K\x16J\x89\xd9\x9c6c\xf6\xa4\xe0\xe0\xe0L\xef\x00dY\xd6\xe9\xf4\xeb7\xae\xbat\xf9&lt;\xc6\x18c&lt;n\xdc8\x9e\xf7\xe7x\x0b~\xe7q\xbc\x00\xcb\x02\x85\x87\x87\xa7\x9f\x19\xb9g\xffN\xbd\xdeC3#\xbd\x02\x9b\xf8\xf8\xe0\xc1\xbd\xf4\x13\x1f\xabW\xaf\xce\xc3\x7f\x8e\xb7\xe0E`\x8ew`\xa3\xb8$I\xaa\\\xb9\xf2\x993g \x04E\x0b\x17\xdf\xb4no&amp;\xde\x04\xc8\x8a\x1c\xae\x8f\xf8|X\xdf\x95\xab\x17\x0b\x82\xa0\xd1h\xce\x9c9\x937o^&gt;\xf4\x91\xe3-\xf8m\xc7\xf1\x0e\xee\x99\x91\xd3\xa7O\xc7\x18\x0b\x82x\xe9\xca\x85\xf5\x1bV\xe9u\x99\xb3\x1aL\x08\t\xd1\x86\x9e\xbbpf\xcd\xfa\xe5l\xe4\xcb\xd0\xa1C\xf3\xe5\xcb\xc7[?9^\x84\xef\x008\xde\x84\x8d\x8b\xe9\xd2\xa5\xcb\xb2e\xcb0\xc6\xe1\x86\x88\x1d\xbf\x1c\xd1\xeb\r\x1e\x16\x08\xf2\x00\x84\x90\xd0\x90\xd06\x9d\x9a\x1c9v\x10B\x98?\x7f\xfe\x8b\x17/b\x8c\x99\xf2\x8f\xb7W\xc7\tPx\xe8\xc1\xf1&amp;L\x1f\xe2\xab\xaf\xbe\xd2\xe9t\x10\xa2\xc4\xa4\x84\xf9\x8bfy^ (\xa3Q\x14%,L\xb7s\xcf\xb6#\xc7\x0e2\xb5\x9f\t\x13&amp;\xa8T*\x00\x00\xb7\xfe\x1c/\xc2\x1d\x00\xc7\x9b \x84\x14E\xc9\x97/\xdf\xa0A\x83dY\x12\x04a\xe1\xd2\xd9g\xcf\x9d\n\t\xf1\x8e@PF\xc0\xc6RZ-\x96\xf1\xdf\x0cG\x10\xca\xb2\\\xa3F\x8dV\xadZ\xf1\xda/\xc7\xebp\x07\xc0\xf12lf\xef\xc0\x81\x03\xf3\xe6\xcdK\x08\x91$i\xdc\xc4/q&amp;J\x8b+\x8ab\xd0\x1bf\xcf\x9bz\xebv&lt;\xc2X\x10\x04&gt;\xf1\x91\xe3#d\x9e\xc7\x8c\xe3\xa70;\xa8\xd3\xe9\xbe\xfd\xf6[B\x88 \x08G\x8e\x1d\xdc\xb9g[X\xa8.\x13$\x82\xd8\xc4\xc7\xf8[7\x96,\x9f\xc7T?{\xf7\xee\xcd\'&gt;r|\x04^\x04\xe6\xf8\x04,\x1fR\xb3f\xcd\x83\x07\x0fB\x08s\xe7\xca\xbbk\xeb\xb1L\x90\x05z~\xe2c||\xbcN\xa7\xe3\xb2?\x1c_\x80\xc7 \x1c\x9f\x80u\x85N\x992E\xa5R!\x84o\xdd\x8e_\xb6r\xbe^\xa7\xf7\xeb\x96PEQ\xc2\xc2\xc2\x8e\x1c;\xb8\xf5\xd7M,\xd35n\xdc8\x83\xc1\xc0\xf3?\x1c\x1f\x81\xef\x008\xbe\xc2\xf33#wn9\x1a\x15\x95E\x92\\~j.\t!\xc1\xc1\x9a\x96\xed\xea\x9f:s\x02!T\xa0@\x01&gt;\xf1\x91\xe3S\xf0\x1d\x00\xc7Wp\xcf\x8c4\x18\x0c\x00\x00S\x9a\xe9\xdb)cBC\xfc\xb5%T\x96\xe5\xf0\xf0\x885\xeb\x96\x9d:sB\x14EB\x08\x9f\xf8\xc8\xf15\xb8\x03\xe0\xf8\n\xee\x99\x91\xe3\xc6\x8dc\xbb\x81\xad\xbfn:r\xec`XX\x98\xdf\xf9\x00J\xa9J\xa5NHx4{\xdeT&amp;\xfb\xd3\xaaU+&gt;\xf1\x91\xe3kp\x07\xc0\xf1!\x98Jh\xef\xde\xbd\x0b\x15*D)\x95$\xd7\x84oG(\n\xf1\xbb\x90YQ\x94\xd0\xd0\xd0Ys\xa6\xdc\xb9{\x1bB\xa4R\xa9&amp;L\x98\xc0c\x7f\x8e\xaf\xc1\x1d\x00\xc7\x87`\xa5`A\x10f\xcc\x98A\x08\x11E\xf1\xd4\x99\x13k\xd6-\x0b\x0f\xf7\xa7\x99\x91L\xf5\xe1\xfc\x85\xb3\x8b\x96\xce\x11\x04Q\x96\xa5\xcf?\xff\xbc@\x81\x02\xbc\xf5\x93\xe3k\xf0"0\xc7\xe7`y\x92\xd6\xad[\xaf[\xb7\x0ec\x9c#\xfb;[~&gt;\xe0G3#\x15E\t\x0b\r\xeb\xd1\xb7\xfd\x8e][0\xc6\xb9s\xe7&gt;s\xe6LHH\x08\xaf\xfdr|\r\x1e\x8fp|\x0e\xb6\x0f`j9\x10\xc2;wo\xcf[8S\xaf3H\x92D}\x1eY\x96t:\xfd\xfe\x83\xbbw\xec\xda\xc2&amp;&gt;\x8e\x1a5*,,\x8c\x10\xffKdq2=|\x07\xc0\xf1E\xd8&amp;`\xc4\x88\x11\x13&amp;L\x10\x04188\xf8\x97\xf5\xfb\n\xe6/b\xb5Y1\xf6\xdd\xa8\x85&gt;U\xf6o\xfaa\xad+W/\x12B\xaaW\xaf\xbeo\xdf&gt;\x00\x00\xaf\xfdr|\x10\xee\x008\xbe\x08\x8b\xa6SSS\x8b\x15+\x96\x98\x98\xa8(J\xbd\xda\x8d\xa6|;\xc7f\xb7"\xe8\xbb\x0e@!\x8a.L\xbfx\xd9\xdcIS\xc7\xb0\xf0\x7f\xff\xfe\xfd|\xe6\x17\xc7g\xe1\x0e\x80\xe3\xa30\xa3\xb9t\xe9\xd2\x8f&gt;\xfaH\x14EI\x92BCB1\x16(\xf0\xe9;\x16\x02\x98j2\xaaD\x95Kru\xe9\xd2e\xc9\x92%\xdc\xfas|\x16\xee\x008\xbe\x0b\xab\xfa\xd6\xaaU\xeb\xd0\xa1C\xde^\xcb\xbf&amp;&lt;&lt;\xfc\xd2\xa5K111\x94O|\xe4\xf8*\x82\xb7\x17\xc0\xe1\xbc\n\x84\xd0\xb8q\xe3&gt;\xfc\xf0\xc3\xa7EVo/\xe8\x9f\x80\x00 \x8cdY\x1e&lt;xp\x96,Yx\xf8\xcf\xf1e\xf8\x0e\x80\xe3\x07\x98L&amp;\xd6E\xe3\x17\xb7+\xeb\xf6\xd1\xeb\xf5\x94\x9f\xfc\xe2\xf86\xfe\xf1Dq\x02\x19nF9\x9c\x0c\x82;\x00\x8e\x1f\xe0\x8fw)wZ\x1c\xdf\x87;\x00\x0e\x87\xc3\tPxs\x02\x87\xc3\xe1\x04(\xdc\x01p8\x1cN\x80\xc2\x1d\x00\x87\xc3\xe1\x04(\xdc\x01p8\x1cN\x80\xc2\x1d\x00\x87\xc3\xe1\x04(\xdc\x01p8\x1cN\x80\xc2\x1d\x00\x87\xc3\xe1\x04(\xdc\x01p8\x1cN\x80\xc2\x1d\x00\x87\xc3\xe1\x04(\xdc\x01p8\x1cN\x80\xc2\x1d\x00\x87\xc3\xe1\x04(\xdc\x01p8\x1cN\x80\xc2\x1d\x00\x87\xc3\xe1\x04(\xdc\x01p8\x1cN\x80\xc2GBr8\x01\x04M\x07\x84\xd0=\xb4\x80O-\x0eL\xf8&lt;\x00\x0e\'3C)%\x84\xb0? \x84^f\xe8\x15EA\x08\xf1!6\x81\x06w\x00\x1cN\xe6\xe1\xf9\x00\xff\x19\x8bO\x08\xb9\x7f\xff\xfe\xf5\xeb\xd7/\\\xb8p\xee\xdc\xb9\x1b7n\xe8\xf5\xfa\x89\x13\'\x16+V\x0cp7\x10xp\x07\xc0\xe1\xf81,\xc0gO\xf1\x0b\x03|\x93\xc9\xf4\xc7\x1f\x7f\xdc\xbbw\xef\xf4\xe9\xd3qqq\xf7\xee\xdd\xbb{\xf7\xae\xc5bI\xff\x1e\x95J\xd5\xbbw\xef\x11#FDGG\x03\x00\x14E\xc1\x18{\xecW\xe0x\x11\xee\x008\x1c\xbf\xe1\x99\x00\xff\xf9h\xddf\xb3%\'\'_\xb9r%...&gt;&gt;\xfe\xe6\xcd\x9bW\xae\\IHHx\xf5\xb7E\x08\x11B\xa2\xa3\xa3G\x8c\x18\xd1\xbbwo\x95J\xc5\xb2F\xbc0\x90\xe9\xe1\x0e\x80\xc3\xf1]\xfe1\xc07\x1a\x8d7n\xdc\xb8t\xe9R||\xfc\xc9\x93qW\xaf^IIIy&amp;\xc0OOxxD\x8el9\x0b\x15,\x92\xf3\x9d&lt;\xb1\xc5JJ\x92k\xc9\xf2yG\x8f\x1fr\xbf!66v\xd2\xa4I\r\x1b6\x04\x00\xc8\xb2\x8c1\xe6\x19\xa1L\x0cw\x00\x1c\x8e\xaf\xf0\xfa\x01\xfe\xc9\x93\'o\xde\xbc\xc9\xec~rr\xf2\xcb\xbe\xa1V\x1b\xa2\xd7\x19\xf2\xe5-P\xach\xc9\\9s\x17.X,G\xf6\x9cz}\xb8V\xabE\x08I\x92\x84\x11v8\x1d\xeb7\xac\x9c=o\xda\xad\xdb\xf1\x08AB(\x00\xa0m\xdb\xb6\xc3\x87\x0f\x8f\x8d\x8d\x05\x00\xc8\xb2,\x08\xbc]0s\xc2\x1d\x80\xdf\xc3\x0bw\x99\x00EQ\x9e/\xd8\x02\x00\x12\x13\x13/_\xbe|\xeb\xd6\xads\xe7\xce]\xb8p\xe1\xc6\x8d\x1b\xc9\xc9\xc9\xaf\x08\xf0##\xa3\xf2\xe6)\xf0N\xf6\\\xc5\x8a\x96(\x90\xbf\xd0;9rE\x84G\x19\xf4\x06QT\x11J$Ir\xb9\\\x8a")\n\xa1\x94"\x04)\xa5\x10\xa2pC\xc4\xa3\xc7\x0f\x17/\x9f\xb3p\xf1\x0ff\x8bY\x10\x04Y\x96U*\xd5\x90!C\xfa\xf7\xef\x1f\x1d\x1d\xcd6"\xbc0\x90\xf9\xe0\x0e \x93\xc0\x0bw\xfe\x0b!\x84\x99~\x9b\xcdv\xe7\xce\x9d?\xff\xfc3..\xee\xf4\xe9\xd3\xac]\xc7h4\xbe\xec\x1fj5\xdal\xd9\xde\xc9\x965{\xd1\xc2\xc5c\x8b\x95\xcc\x965G\xae\x9cy"\xc2#E\x95\n!,\xcb\x92$\xb9dY\x96e\x99P\x02\x01t\xf3\xcc\xf7a\xe6^\xa7\xd3_\xbat~\xea\x8c\xaf\xb7l\xdf\x00\x00@\x08\x13\xa2d\xcb\x96m\xfc\xf8\xf1]\xbbv\x05/\xf7R\x1c\xff\x85;\x00\x7f\x85e\t\x92\x93\x93\x97.]\xfa\xf1\xc7\x1f\xab\xd5j^\xb8\xf3G\x98\xe7^\xb4h\xd1\x8a\x15+n\xdd\xbau\xff\xfe}I\x92^\xf8N\x95\xa8\xd2\xe9\xf5yr\xe5\x7f\'\xc7_\x01~\xd6,\xd9\xb5\xda\x10A\x10\x08!\xb2,\xbb\\NI\x92(\xa5\x14P\x08!\x82\x08\x00\xf0:\xbbCJ\xa9\xa2\xc8Zm(F\xf8\xe0o{&amp;O\x1b\xff\xfb\xf9\xd3\x10\x02f\x1ej\xd7\xae=l\xd8\xb0\xda\xb5k\x03^\x18\xc8\\p\x07\xe0\xaf0\x07`4\x1a#""\n\x17.&lt;j\xd4\xa86m\xda\x00\x9e\x11\xf2+\x98\xf5?~\xfcx\xa5J\x95\x9e\xff\xaa^g\x88\x8c\x8c.\x90\xbfP\xc1\xfc\x85\xf3\xe7/\\0\x7f\xe1\xe8\xa8\x18\x83!B\x95.\xc0w\xb9\\\x84(\x94R\xf0\xf2\x00\xff\xf5a\x05g\x9dNo\xb5Z6\xfd\xb2v\xf2\xf7\x13\x12\x12\x1ea\x8c\x15E\x01\x00t\xeb\xd6m\xe8\xd0\xa1\x05\x0b\x16\x04|\xc7\x99Y\xe0\x0e\xc0_q;\x80B\x85\n%&amp;&amp;\x02\x00\xea\xd6\xad;n\xdc\xb8\n\x15*\x00\x1e\xa6\xf9\x03,\xf3s\xeb\xd6\xadr\xe5\xca\x99L&amp;EQ\xb4\xda\x90\xe2\xc5J\x15.T\xf4\x9d\x1c\xb9\x8a\x14.\x9e7w~\xbd^\x1f\x16\xa6\xc7\x08+\x8a\xe2\x92\\\xb2,I\xb2D\t\xa5\x80"\x08!\xcc\x10O\xcf\x8c\xbb.L\x7f\xff\xe1\x9f3~\x98\xb4j\xcd\x12I\x92\x98\x1b\xd0\xe9t\x03\x07\x0e\x1c4h\x90N\xa7\xe3;\xceL\x00w\x00\xfe\x8a\xdb\x01\xe4\xcb\x97\xcfd2!\x84dY\x16E\xb1S\xa7Nc\xc7\x8e\xcd\x9e=;\xe0a\x9a\x0f\xc3\xac\xa7\xd1hl\xd0\xa0\xc1\xa9S\xa7\x00\x00\xc5\x8b\x95\x9c3kE\xce\x1c\xb9\x05Q\x80\x10\xca\x92\xect9\x15E\x96e\xd9}\xac\xf7?\x06\xf8\xff\nY\x96\x83\x82\x82\x82\x835\x17.\x9c\x9d8y\xd4\x81C{\x00\x00\x10BJi\xa1B\x85F\x8f\x1e\xdd\xb6m[\xc0w\x9c~\x0ew\x00\xfeJz\x07\xf0L\x9d0::\xba\x7f\xff\xfeC\x86\x0c\xe1\'z|\x13\xd6\xe8\x89\x10\xaa[\xb7\xee\x9e={\x00\x00\x06C\xf8\xae-\xc7\xb2f\xcdn2\xa5B\x08\x01`\x16\x1fA\x08\x00\xf0\x9ame\xcd?Zm\x08\x82h\xf7\xbe\xed\x13\xbf\x1bu\xfd\xc6U\xe6\x03\x00\xdfqf\n\xb8]\xc8\x04@\x00@HHh\xe3\x06\xcdY\xbfvBB\xc2\xc8\x91#\xcb\x96-\xfb\xeb\xaf\xbf\xb2\xd3C\x8a\xa2pO\xef;\xb0\xa8\xb9W\xaf^{\xf6\xec\x11E1,L\xb7h\xce\x9a,1YM\xa6TA\x100\xc6\x18\x0b\x081{\xeaM\x93\n!\xc4\x18\xdblV\x8b\xd5\\\xafN\xe3\xed\x1b\x0f\x8d\x1a\xfe\x8d\xc1\x10\x0e\x00@\x08\xed\xde\xbd\xbbZ\xb5j\xdd\xbbw\xbf\x7f\xff\xbe \x08\x10BV*\xe0\xf8\x11\xdc\x01d\x12\x04,L\xfbn\xee\x865\xbb\xaaV\xae\xc9^\xb9x\xf1b\xa3F\x8d\x1a5jt\xf1\xe2E\x16\x9dq7\xe0\x0bH\x92$\x08\xc2\xf4\xe9\xd3\xe7\xcf\x9f\xafV\xab%I\x9a0zj\xd5*\xb5Li&amp;\xdf&lt;o\xc5b\x88\xb44\x13\xa1\xe4\x7f=\x07n\xdbx\xa8\xd5\x07\x1d D\x00\x00EQ\x16-ZT\xa6L\x99\xf1\xe3\xc7\xbb\\.\x8c1!\x84m:9~\x01w\x00\x99\x04\nhrJR\xd9\xd2\x15~Z\xb6e\xe6\xd4\x05yr\xe7c\xaf\xff\xfa\xeb\xafe\xcb\x96\x1d0`@BB\x82\xdb\rxw\xa9\x81\x0c\xab\xd3\xfc\xfc\xf3\xcf\x83\x06\rR\xa9TN\xa7s\xcc\xc8I\xad&gt;\xec\xf08\xe1\xa1(\x8a\xde^\xdd\xab`\xc5\xa4dcRtT\xcc\xaci\x8b\xd6\xad\xfa\xb5j\xe5\x9a\xcc\xd6\xf3\x1d\xa7\xff\xc2\x1d@\xe6A\xc0\x82\xcdfM3\x9bZ~\xd0q\xd3\xda\xbd\x03\xfb\x7f\x11\x1a\x1a\x06\x00\x90$i\xe6\xcc\x99\xc5\x8b\x17\x9f9s&amp;k\xe7\xe0a\x9aWP\x14E\x10\x84\xb8\xb8\xb8\x9e={\n\x82\xe8r\xb9\xda\xb4\xec\xd4\xbb\xfb\x80\x94\x94dQ\xf0i\xeb\xefF\xc0\x82$II\xc9\x89\xe5J\xbf\xbbz\xf9\xd6\x19S\xe6\x17\xc8_\x18\x00\x80\x10z~\xc7\xc9\xca\xd7\xde^2\xe7U\xf0"\xb0\xbf\x92\xae\x08\x9c\xdfhL\xd1\xe9\xf4{\xb6\x9d\x08\x0f\x8f\x90$I!\x8aJT\xe9t\x86\x0b\x17\xcf\xce\x99?}\xdd\x86U\xee\x7fU\xa1B\x85q\xe3\xc6\xd5\xad[\x17\xf0\xc2\x9dgaM\x9f\x89\x89\x89\xc5\x8a\x15cm\xbb\x95*T[\xbf\xeaW\xb3\xc5\x0c^\xef\xac\x96O\xc1\x02\x08]\x98\xdelI\x9b\xb7p\xe6\xbc\x853\xcc\x163k\x15\xe5\xe2\xd2~\x04\xdf\x01dB\x04,(\x8a\x92\x98\xf88o\x9e\x023\xa7.Z\xb9xS\xe5\x8a\xd5\xd9\x97N\x9c8Q\xaf^\xbdv\xed\xda]\xbcx\x91\x15\xeex\x98\xe6\x01\xd8\'l\xb3\xd9\x1a7n\xcc\xac\x7f\xb1\xa2%~\x9c\xb1\xd4\xee\xb03G\xee\xed\x05\xfekX\xaa\'\xd5d\x04\x00\x0c\xfdl\xd4\xa6u{[}\xd0\x9ee\x17\x15E\x999sf\x992e\x16/^\xccw\x9c&gt;\x0ew\x00\x99\x13\x08\xa1 \x08\x0e\x87=\xd9\x98T\xb3z\xddUK7\x7f;aftt\x16\x00\x00Bh\xf5\xea\xd5e\xcb\x96\x1d9rdBB\x02\xef\xdf\xc8h(\xa5\xb2,#\x84&gt;\xfe\xf8\xe3\xb8\xb88A\x10ua\xfa\x1f\xa6/\x89\x8c\x88r\xb9\\~\xdd\xa1\xcbB\xfb\xc4\xa4\x84\xf4\xa1\x06\xbb\x97\xee\xdf\xbf\xdf\xad[\xb7j\xd5\xaa\xed\xde\xbd\xdb]\x18\xf0\xf6z9\xcf\xe2\xc77\x1f\xe7\x1fA\x08\tX0\xa5\xa5:\x1c\xf6.\x1dzn\xdft\xa8_\x9f\xcf\xd8C+I\xd2\xf8\xf1\xe3Y\x98\xc6rA\xb2,\xf30-#P\x14E\x14\xc5A\x83\x06-Y\xb2D\x10DY\x96\xe6\xff\xb8\xaa@\xbeB\xa64S\xe6\xc8\x8d\xbc,\xd4\xc0\x18\xbbw\x9c\x97.]\xc2\x18\xf3\xbd\xa6\xaf\xc1\x1d@\xe6\x07c\x0c!JNI2\xe8\xc3\x87\x7f1~\xdb\xc6CM\x1b}\xc0\x1eE\x16\xa6U\xadZu\xef\xde\xbd\x82 \xb0\xe3\xc4\xfc)}\x8b01\xfd\xf9\xf3\xe7O\x9f&gt;]\xadV\xcb\xb24~\xf4\x94\xeaU\xdeK5\x19}\xb3\xe9\xf3\xcdxa\xa8\xc1\xa4\xe8\x04AX\xbdzu\xe9\xd2\xa5\'O\x9e\x0c!\xe4A\x86O\xc1\x8b\xc0\xfe\xca+\x8a\xc0/\xcb)SJ\x15E\t\t\tE\x10\xb9\x15\x1f\x01\x04\x80\x02\xc0\xa5\xbe2\x00\xb7\xd6[\xe5\xca\x95\x05A\x90$\xa9_\x9f\xcf\xc6~\xf5\xdd\xc3G\x0f2\x93\xf5\x7f\x06\xa6!\xa1\xd1h/\\\xfc}\xe6\xec\xef\x98\xb84\x00\x00c\xfc\xe7\x9f\x7ff\xcd\x9a\xd5O\xcb\x1e\x99\x12\xbe\x03\x08 Xa\xc0f\xb3\x9a-i\xb5j\xd4[\xbbr\xfb\xa4\t3\xa3\xa3\xb2\x00\x00 \x82\x8b\x16-\xaaP\xa1\xc2\x981cL&amp;\x13/\xdc\xfdw\x98\xf5\xbfp\xe1B\xe3\xc6\x8d\x99\xf5o\xde\xb4\xd5\xd0\xcfF=Nx\x94\xb9\x9d+\xfbeSR\x92\x0b\x15,:\xfb\xfb\xa5+\x97l*T\xb0\x08\x13\xac^\xb5j\x15\x00\x80\x17\x03|\x07\xee\x00\x02\x0e\x84\x10\xc6\xd8dJ\xa5\x94v\xee\xd0\xf3\xd7\xcd\x87\xbbt\xec)`\x01\x00\x90\x9a\x9a:z\xf4\xe8\n\x15*,^\xbc\x98\x9f\xe8\xf9/\x10B \x84)))\x1d:tHII\x91$)\xb6X\xc9\x89\xe3\xbew\xba\\\xc0\x0f\x9b&gt;\xff-\xeeP\xc3\x94fl\xda\xa8\xd9\xe0A_\xb1\xd4\xe2\xbau\xeb\xdc\xd3o8\xbe\x00\xbf\x12\x01\xca\x93\x83\x9d)Iz\x9da\xe2\xb8\xef\xb7\xfe|\xa0f\xf5:\xecK\xd7\xae]\xeb\xd6\xad[\x9d:uN\x9c8\xc1O\xf4\xbc\x01\xec\xb3\x82\x106n\xdc\xf8\xc2\x85\x0b\x00\x80\xec\xd9\xdeY\xb9x\x93Z\x1d\xe4r9\x03\xc7\xfc!\x84\x04A|\xf8\xe8q\xd9\xd2\x15\xa2\xa2b\x00\x00qqqqqq\xbc#\xc8w\x08\x94{\x91\xf3B\xd8n=5\xd5X\xb8p\xec\xf2\x85\x1b\x17\xcd]\xc3\x0ev\x02\x08\xf6\xee\xdd\xcb\xa5\xbe\xde\x0c\xa6\xf5\xd6\xbbw\xef\xe3\xc7\x8f\x8b\xa2\xa8\xd7\x19f\x7f\xbf$&lt;&lt;\xd2n\xb7e\xee\xe4\xcf\xf3\xb0\xe8![\xd6l\xef7\xfa\x00\x00@\x08\xf9\xf9\xe7\x9f\xc1S\x1f\xc9\xf1:\xdc\x01\x04:/T|\x0c7D\x00\x00$I\xe2R_\xff\x96\xbfi\xbd\xa9\xd4\x92$M\x9f&lt;\xafR\x85jL\xe9\xd3\xdb\xab\xf3\x02\x10BI\x92\xea\xd5i\xc2\x84M7m\xdad\xb3\xd9xK\xa8\x8f\xc0\x1d\x00\x07\x80\x97(&gt;&gt;#.\xbdz\xf5j^\x18x5L\xebm\xe9\xd2\xa5\x83\x06\rR\xa9\xd4N\x97s\xcc\xc8I\xf5\xeb6ILz\xec\xe3Zo\x19\x07\xc6\xd8j\xb3\x96.Y\xb6@\xbe\xc2\x00\x80\xeb\xd7\xaf\x1f8p\x80\xf7\x83\xfa\x08\xdc\x01p\xfe\xe2\x19\xc5\xc7\xb5+\x7fM/.\xdd\xae]\xbbz\xf5\xea\xb9\x0b\x03\xdc\r&lt;\x83[\xeb\xado\xdf\xbe\x82 \xba\\N\xa6\xf5\x96\x9aj\x14\xfcD\xeb-\x83\x90eY\xa77\xb4x\xbf5\x00\x00B\xc8z\x818\xbe\x00w\x00\x9cgy\x99\xe2#\x00\x80\xcd\x00\xe1\xe2\xd2\xcfC\x08\xc1\x18\'&amp;&amp;6n\xdc\xd8n\xb7\xcb\xb2T\xafN\xe3i\xdf\xcd5\xa6\xa6d\xfa\x9e\x9f\x7f\x04!d\xb7\xdb\xeb\xd4j\x18\x14\x14L)\xdd\xbcy\xf3\xc3\x87\x0fy\x16\xc8\x17\xe0\x0e\x80\xf3\x02X\x1b\x9f\xd5f5\x9b\xd3Z\xb6\xe8\xb0u\xc3\x81O?\xf92&lt;&lt;\x12\x00 \xcb\xb2[\\\x9a\x17\x06\x18\xcc\x90\x19\x8dF\xa6\xf5F)-V\xb4\xc4\xe4\x89?\xd8lV\x10\x00M\x9f\xff\x08B\xc8f\xb3\xc6\x16+Q\xe9\xdd\xaa\x10B\x8b\xc5\xc2\x06a\xf2\xe8\xc1\xebp\x07\xc0y)\x7fS|\xfct\xd4\xb6\x8d\x07[}\xd0\x9e\x19\xbb\x84\x84\x84\x01\x03\x06\xf0\x19  \x9d\xd6[\xaf^\xbd\xe2\xe2\xe20\xc6aa\xba\xd9\xd3\x97\x18\x0c\x11\x01\xd5\xf4\xf9j(\xa5\x08\xe1zu\x1a\xb3\x9bd\xc9\x92%\xfc@\x80/\xc0/\x00\xe7\x1f\xc0\x18\x03@\x93\x92\x13\xa3\xa3\xb2&lt;#.\xcdg\x80\x80tZo\xeb\xd7\xaf\x17\x04Q\x14UK\xe7\xaf\xcf\x97\xb7@Z\x9a\t\xe3@l\xfby!\x18c\xab\xcd\xf2^\xcd\xfa\xe1\xe1\x11\x00\x80C\x87\x0e]\xbf~\x1d!\x14\xe0{G\xaf\xc3\x1d\x00\xe7u\x80\x82 H\x92+\xd9\x98T\xb3z\x9d\x95K6\x7f\xf7\xf5\xacg\xa6N\x06\xa6\xb8tz\xad7\x95J-\xcb\xd2\x98\x11\xdfV\xa9\\#5P\x9b&gt;_\x06\x84\xd0\xe1p\xe4\xce\x95\xa7f\xb5\xba\x00@Y\x96\xb7n\xdd\n\x9e\x0e\x96\xe1x\x0b\xee\x008\xaf\x0b\x84P\xc0\x82)\xcd\xe4p\xd8;w\xe8\xf9\xcc\xd4I\xb7\xb8t\xe0\xcc\x00a\xd6\x7f\xcf\x9e=\xbdz\xf5R\xa9T.\x97\xb3_\x9f\xcfzt\xfd8!!p\x9b&gt;_\x01\x84PQH\xbd:\x8d\x99\xfa\xe0\xe2\xc5\x8bY\r\xc9\xdb\xeb\nh\xb8\x03\xe0\xfc;0\xc6\x08\xa1\xa4\xe4D\x8dF\xf3\xe5\x90q\x9b\xd6\xeeq\x17\x06\x9e\x9f\x01\x92\x893B\xac\xe9\xf3\xd4\xa9Sm\xdb\xb6\x15E\xd1\xe5r\xb5\xfa\xa0\xfd\x90O\xbfJH\xe4\xd6\xff\xc5 \x84,Vs\xf5*\xb5r\xe7\xca\x0b\x00\xb8t\xe9\xf2\xef\xbf\xff\x1eP\xfbE\x1f\x84;\x00\xce\x9b \x08\x7f\x9b:\xb9j\xc9\xe6R%\xca\xb2/\xbdp\xea\xa4wW\xfb\xd6\xa1\x94"\x84RRRZ\xb7n\x9d\x9c\x9c,IR\xc9\xe2e&amp;}\xfd\x83\xd3\xe5\xe4=?/\x83\x1d\t\x8e\x8c\x8c\xae]\xab\x01\x00\x00\x00\xba`\xc1\x02/\xaf)\xe0\xe1\x0e\x80\xf3\x86\xfc5u2%\xa9F\xf5:kWn\xffv\xc2\xcc\x98\xe7\xa6N\x9aL&amp;&amp;\x05\x9ci\x02=J)\x9b\xac\xd0\xa4I\x93[\xb7n\x01\x00\n\x16(\xbcl\xe1\x06EQdY\xe6\x0e\xe0\x15 \x84\xec\x0e{\xf3\xa6\xadEQ\x05\x00\xf8\xe5\x97_\xccf3?\x10\xe0E\xb8\x03\xe0\xfc\'\x10B\x82 0q\xe9.\x1dzn\xdb\x98~\xea\xa4&lt;~\xfc\xf8w\xdf}\x97\x89Kc\x8c\x15E\xc9\x04\x85\x01\xd6\xbf8t\xe8\xd0c\xc7\x8e\t\x82\x10\x1e\x1e1\xfd\xbby\x11\x11\x91N\xa7\x83\xf75\xbe\x1a\x84\x90\xddn+\x11[\xaaX\x91\xe2\x00\x80\xc7\x</t>
        </is>
      </c>
    </row>
    <row r="79">
      <c r="A79" s="1" t="n">
        <v>77</v>
      </c>
      <c r="B79" t="inlineStr">
        <is>
          <t>venn</t>
        </is>
      </c>
      <c r="C79" t="inlineStr">
        <is>
          <t>What is the missing number of the part denoted with a question mark?</t>
        </is>
      </c>
      <c r="D79" t="inlineStr">
        <is>
          <t>['0', '9', '1', '3']</t>
        </is>
      </c>
      <c r="E79" t="inlineStr">
        <is>
          <t>1</t>
        </is>
      </c>
      <c r="F79" t="inlineStr">
        <is>
          <t>There are 3 overlapping circles containing the numbers ['?', 3, 5]. The overlapping part between the first and second circle contains the number 4. The overlapping part between the second and third circle contains the number 8.</t>
        </is>
      </c>
      <c r="G79" t="inlineStr">
        <is>
          <t>We observe that the circles with 3 and 5 overlap to form the part 8, where 3 + 5 = 8. Hence, the pattern is most likely that the numbers in the overlapping parts are the sum of the numbers in the corresponding circles.</t>
        </is>
      </c>
      <c r="H79" t="inlineStr">
        <is>
          <t>Based on the pattern that the numbers in the overlapping parts are the sum of the numbers in the corresponding circles, the missing number of the circle where the overlapping part is 4 should be 1.</t>
        </is>
      </c>
      <c r="I79" t="inlineStr">
        <is>
          <t>b'\x89PNG\r\n\x1a\n\x00\x00\x00\rIHDR\x00\x00\x02\x00\x00\x00\x02\x00\x08\x06\x00\x00\x00\xf4x\xd4\xfa\x00\x00\x9e1IDATx\x9c\xec\xddu\x9cTU\x1b\xc0\xf1\xdf\xbdw:\xb6wi\x96\x92\x14$\x14\x05E0\xb1\xc5\x04\x03E\x14\x10l\x0c,P\x14\x1bP\x14\xc5\xc4n101\x00\xa5\x04\x14\x10\x94\x94\xee\xd8\x9a\x8e\x1b\xef\x1fwf\t\xe3U\xd9\x85\x9d\x99\xf3\xfd||\xf5]\x96\x9d\xbb\xf3\xcc\xbd\xe79\xe7&lt;\xe7\x1c\xc90\x0c\x03A\x10\x04A\x102\x8a|\xb0/@\x10\x04A\x10\x84\x03O$\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x07\xfb\x02\x84\x83\xc30\x8c\xbd\xfe{\xcf\xff\xbf\xef\x9f\'I\x92\xf4\x87\xff\xde\xf7\xdfB\xcd\x90\x8c\xdf\xbe\xb1\xfd\xb3\xb8\xeei\xdf\x18\x8b\xf8\xd6L{\xc6w\xcf\x7f\xef\xfb\xdf{\x12\xf7\xaf\xb0/\xc9\xf8\x7fO\x04!e%C\xab\xebz\xe5\x7f\'\x1f\xea\xb2\\\xf5\x83?\x9a\xa6\xfd\xe1u\xf6lD\x84\xaa\x95l\xdc\xf7l\xe4\x93\xb1\xad\x8e\xf7&lt;\xf992\x0c\xa3\xf2\xe7W\xd7k\t\x7f\x1d\xdf\xea\xb8\x7f\r\xc3\xf8\xd3\xe7\x84\xb8\x7f\xd3\x9bH\x00\xd2\xc8\xbe\x0fhEQ\xfe\xf6\xfb\x83\xc1 ~\xbf\x9f\x8a\x8a\n\x02\x81\x00\x81@\x80p8L(\x14BUUb\xb18\xba\xaec\xb1(X\xadV\xac6\x1b.\xa7\x13\x97\xcb\x8d\xc7\xe3\xc6\xe3\xf1\x92\x93\x93\x8d\xdb\xed\xc6\xe9t\xfe\xe5\xeb\xec\xf9p\xa9\xce\x06*\x9d%\xe3\xaa\xeb:`6\xbc\x7f\xd7\x08\x04\x83A\xe2\xf18;w\xee\xa4\xb4\xb4\x94h,F,\x1a\xa3\xac\xac\x14\xbf\xdf\x8f\xaa\xaaDc1\x0c\xc3\xc0f\xb5b\xb5Zq\xb9\\\xe4\xe6\xe6\xe2r\xb9\xb0X,dggS\xbbvml6\x1b^\xaf\xf7o\xafM\xc4w\xff\xec\xdb\xd8\xff\xbf\xf8j\x9aF(\x14\xa2\xa2\xa2\x02\x9f\xcf\x87?\x10 \x14\x0c\x12\n\x85\t\x87\xc3h\x9aJ,\x16\xc30\xc0j\xb3b\xb1Xp\xd8\xed8].\xdc.\x17\x1e\x8f\x07\xaf\xd7Kvv\x0en\xb7\x0b\x9b\xcd\xf6\xb7\xd7\xa6i\x1a\xb0;\xe1\x13\xf1M\x0f"\x01Ha{6\xf8\x16\xcb\x1fgs\x0c\xc3`\xfb\xf6\x1d\xac_\xbf\x8e5k\xd6\xb2z\xf5j\xd6\xac]\xc3\xc6\x8d\x1b\xd9\xb6u+;vl\xa7\xa2\xa2\x82h4\xf6\x9f\xaf\xc1\xe5r\x92\x93\x93K\x9d:u\xa8]\xbb6\x8d\x1a5\xa6q\xe3F4k\xd6\x8cF\x8d\x1a\xd1\xb0aCrss\xff\xf4\xdau]\x17\r\xc6_\xd8\xb3\xc1\xff\xabd.\x10\x08\xb0i\xd3&amp;\xd6\xaf_\xcf\xb2e\xcb\xd8\xb4i\x13+V\xac\xa0\xa4\xa4\x94\r\x1b\xd6\xe3\xf7\xfb\xf1\xf9|\xfbu\x1dn\xb7\x1b\xb7\xdbM\xfd\xfa\xf5),,\xa4q\x93&amp;\x14\x17\x17\xd3\xa2ys\x8a\x8b\x8bi\xdc\xb8\xb1\x88\xef\x7f\xf0O\xe2\x1b\x8dF\xd9\xb6m;\xeb\xd6%\xee\xdd5kX\xb3f\r\x9b7of\xdb\xd6\xad\xec\xda\xb5\x0b\x9f\xcf\x87\x9ah\x9c\xff-\t\xf0x\xbd\xe4\xe7\xe7W\xde\xbfM\x9a4\xa5Q\xa3b\xf3\xfem\xdc\x98\xfa\xf5\xea\xe1\xf1x\xfe\xf0wE|\xd3\x83H\x00R\xc8\x9e\x0f\rEQ\xfep\xd3m\xda\xb4\x89\xa5K\x97\xb2`\xc1\x02\x16.\\\xc8o\xbf\xfd\xc6\xea\xd5\xab\x89D"\x7f\xfa\xf3\x14\x8b\x15oV6\xd99\xb9x\xbcYx\xbc^\x9cN\x17\x0e\xa7\xd9\x03\xb4Zm\xc8\x8a\x8c\xaaj\xa8j\x8cx,F$\x1c&amp;\x14\n\x12\xf4\xfb\xf1\xfb+(/+%\xe0\xf7\x83\xa1\xff\xe9kdgg\xd3\xbcys\xda\xb6mK\xc7\x8e\x9d\xe8\xd8\xb1\x03-Z\xb4 //o\xaf\xefK&gt;P\xfe_\xcf\'\x9d\xed\xd9\xc3\xdf\xb7A\x88D"\xac\\\xb9\x8a_\x16\xff\xc2\xc2\x05\x0bX\xb4h\x11\xcb\x97/g\xeb\xd6\xad\x7f\xf9\xf3,V\x1bn\x8f\x07\xb7\xc7CNN\x1e\xde\xec\\\x14E\xc1b\xb5\xa2\xc82\x16\xab\rI\x92P\xd58\x9a\xaa\xa2\xaa*\xba\xae\x11\x0c\xf8)/-\xc5\xef\xaf \x1c\n\x11\t\x87\xfe\xf25rrrh\xd1\xa2\x05\xad[\xb7\xa6c\xc7\x8et\xec\xd8\x91V\xadZ\xfd!)\x10\xf1\xdd{\xa4d\xdf\x84]UU\xd6\xae]\xcb\xe2\xc5KX\xb0\xe0g\x16-Z\xc4\xd2\xa5K\xd9\xb8a\x03\x9a\xfe\xe7\xf7\x96\xcd\xee +;\xa7\xf2\xfeu\xb9=8\x9d.\xecN\'\x8a\xa2$z\xf5f|UU%\x16\x8d\x98\xf7o0@\xc0\xef\xc3WQAEy)\xe1P\xf0/\xaf\xb9\xa8\xa8\x88\x96-[\xd2\xae\xddat\xec\xd8\x91\xf6\xed\x0f\xa3y\xf3\xe6\xb8\xdd\xee\xbd\xbe/9\xfd\x97\xc9\xf1ME"\x01\xa8\xe1\xfe\xee\xa1\xb1a\xc3\x06\xe6\xce\x9d\xcb\x8c\x193\x98={6\x8b\x17/&amp;\x1e\x8f\xef\xf5=\xde\xec\x1c\x1a6jJq\x93f4h\xd4\x84\xfa\r\x1aQ\xabn=\xf2\n\x8a\xc8\xce\xcd\xc3\xed\xf6bw8\xb0\xd9lXm6$IF\x92 \x99[H\x12$?!\x86a\xfe\xa3k\x1a\xb1x\x8cX4J4\x12&amp;\xe0\xf7Q^ZB\xc9\xce\x1dl\xdd\xbc\x81\xcd\x1b\xd7\xb1~\xcd\xeflX\xbb\x9a\x8d\xeb\xd7\x12\x8d\x84\xf7\xba\xa6\xdc\x9c\x1c\xdaw\xec\xc81G\x1fM\xb7c\x8f\xa5c\x87\x0e\xe4\xe7\xe7\xef\xf5=\xaa\xaaf\xc4\xc3\xe4\xaf\x1a}UU\xf9\xed\xb7\xa5\xcc\x9a5\x93\x1ff\xcc`\xfe\xbcy\xacY\xb3\xe6\x0f\x7f?;\'\x97\x86\x8d\x9bR\xafA1\xc5M\x9bS\xabv]\xea\x177\xc1\xe3\xf5RPT\x07\xb7\xc7\x83b\xb1\x98\r\x83\xc3\x89\x04\x95\xc1\xad\xcc\x1f\r0\x92\xff\x01\xc4\xa21\xc2\xe1 \xf1X\x8cX,\xca\xce\xed[\t\xf8\xfdl\xdb\xbc\x91m\x9b7\xb2q\xfdZ6\xae[\xc3\x86\xf5\xab\xd9\xb1u\xcb\x1f\xae)??\x9f\xf6\xed\xdbs\xf4\xd1Gs\xec\xb1\xc7\xd2\xb1c\xc7\xbd\x12\x82\xe4\x90r&amp;\xc7\xd70\x0cV\xacX\xc1\xec\xd9s\x981\xe3\x07~\xfc\xf1G\x96/_\xfe\x87\xbf_PT\x9b\xe2\xc6M)nz\x08\r\x8a\x1bS\xb7A#\x8aj\xd5!7\xbf\x90\xec\x9c\\\x9cn76\x9b\x1d\x9b\xdd\x8e\xd5bE\x92\xa5\xddq\x95\xcc^\xfe\xbe\xf7\xaf\xa6\xaa\xc4bQb\xd1(\x91p\x08_E9\xe5\xa5%\xec\xda\xb9\x8d-\x1b\xd7\xb3y\xe3z\xd6\xad^\xc9\x86uk\xd8\xbca=\xba\xbe\xf7\x08C\xdd\xbau9\xfc\xf0\xc39\xa6[7\x8e9\xe6\x18\xda\xb5m\x87\xdb\xed\xda\xebw\xcb\x94\xf8\xa6:\x91\x00\xd4P\xc9\x1e\xd3\x9e\x8d\xbe\xa6i,\\\xb8\x90\xaf\xbf\xfe\x86)S\xbeb\xee\x8f?\x12\x8d\xed\x1e\xbe\xcf\xca\xce\xa1y\xeb\xb6\x1c\xda\xbe\x13\xad\xdb\xb6\xa7Q\xb3\x96\xd4\xa9\xd7\x80\x9c\xdc&lt;\x1cN\x07\x8a\x92x\x00h\xa0i:Z\xa2\xc7\x97|-\xf3\xa3`\xec\xd1 \xecM\xda\xe3\x7f\xcca?\xf3\x06W\x14\x05\xc5bAQ$\xe4\xc43N\x8dC(\x18\xa0\xacd\'\x9b6\xacc\xcd\xca\xe5,]\xb2\x90\xdf~\xf9\x99\x15K\x7fE\x8d\xef\xbe\xee\xfc\xfc|\xbau\xebF\xcf\x9e=9\xee\xb8\xe3h\xd1\xa2E\xe5\x9f%\x1f&amp;\x7f6\xe2\x91\xaa\xfe\xaaQ())a\xc6\x8c\x19L\x992\x85\xe9\xd3\xa7\xff\xa1A\xc8\xcd+\xa0y\xabCi\xd3\xbe#-\xdb\x1cF\xa3f\xcd\xa9S\xaf\x01\xd9\xb9\xf98\xf7\x89\xaf\xae\x1b\xa8j\x1c]\xd31\x0c\xbd2\xc6\x89+\xd8\xeb_T\xbe\xad\xbb+\xc2eEA\x96$$Y\xc6b\xb1\xa2(2\xb2\x0c\xb2\x02\xba\x06\xb1\xa8\x8a\xaf\xa2\x8c\x9d\xdb\xb7\xb2~\xcd\xef\xac\\\xba\x84eK\x16\xb1b\xd9\x126\xac]\xbd\xd7u\x17\x15\x15q\xcc1\xc7p\xf2\xc9=\xe9q\\\x0fZ4o\xbe\xd7{\x91n\xf1\x05*\xe7\xcc\xf7\x8c\xaf\xdf\xefg\xce\x9c9|\xf5\xd5\x14\xbe\xfd\xf6\x1b\x96,Y\xb2\xd7\xdf\xa9U\xb7&gt;\xad\xda\xb4\xa3\xcda\x1di\xd1\xa6\x1d\x8d\x9a\xb6\xa0\xb0v\x1d\xb2\xb2s\xb0\xdb\xad\xc82\xe8\xba\xf9\x8f\xaajh\x9a\xbaW|\xff\xd9\xfd\xbb\xbb\xb0/\xd9@\xcb\x8a\x05\x8b\xc5\x82,S\xf9\x19\x8a\xc7u\x02~?%;\xb6\xb1a\xdd\x1a~_\xf1\x1bK\x17/d\xd9\x92E\xfc\xbeb\xe9^?\xb7A\x83\x06t\xef\xde\x9d\x93N:\x89\xee\xdd\xbbS\\\\\\\xf9g\xc9\xeb\x12\xd3\x045\x93H\x00j\x90=\xe7\x04\x93\x99\xb3\xae\xeb\xfc8w.\x9f|\xfc1\x9f\x7f\xfe9\xbf\xfd\xf6[\xe5\xf7{\xbc\xd9\xb4?\xfcH\x8e\xe8z,\xed:u\xa6i\xf3\xd6\x14\x14\xd6\xc2\xee\xb4`\xe8\xe6M\x1c\x8f\xc7\xd0\xe2qs\x18\xd10*\x1b\xf0}\x0by\xfe\xcb\xcd\xb9\xfb\xa3c$z\x17FewC\x92%d\xd9\x1cn\xb6\xd9\xecX,\xe6C)\x14\x8c\xb0m\xf3&amp;V-[\xc2\xc2y\xb3\x99?g\x06K\x16\xfe\xb4W/\xa3k\xd7\xae\x9c}\xf6\xd9\x9cq\xc6\x19\xb4n\xdd\xba\xf2\xeb\x7f\xf6PM%\xc9\xc6n\xcf\xa4\xae\xb4\xb4\x94o\xbf\xfd\x8e\xc9\x9fN\xe6\xdbo\xbea\xfb\xf6\xed\x95\x7f\x96\x9b_@\xfbNG\xd2\xe9\xa8ch\xdb\xb13M\x0eiI~a-\x1c\x0e\x05\xbd\x9a\xe3\xfb\x87ee\x86a6*\x86\x01\x92\x84,K(\x8a5Q\x1cjAQ@U\xa1\xa2\xbc\x8c\x8d\xeb\xd6\xb0l\xc9"\x16\xcc\x9d\xc9\xc2\xf9sX\xb3jE\xe5\xcfRd\x99.\x89\xf8\x9e~\xfa\xe9\xb4j\xd5\xaa\xf2\xcf\xd21\xbe~\xbf\x9f\xe9\xd3\xa7\xf3\xc9\'\x9f0e\xca\x146m\xdaT\xf9g\xb5\xea\xd6\xa7S\xe7\xae\x1c\xde\xa5\x1bm\xda\x1fN\xa3&amp;\x87\x90\x93\x97\x87\xd5*\xa1i\x10\x8f\xab\xc4cq\xb3\xa1\xaf\x8c\xaf\xb4WC\x0e\xec5\xaa\xf3o\xafw\xf7\xbf\xcd{8\xf9\x19\x92$3\xb1\xb7ZmXmV\x14\x8b\x99\xf8\x05\xfc\x01\xb6l\\\xcf\xb2_\x7f\xe1\xe7\x1fg\xf0\xf3\xdcY\xac\\\xba;\x91\xb1\xdb\xedt\xef\xde\x83^\xe7\xf4\xe2\x94\x9e=i\xdc\xb8q\xe5\x9fi\x9aVm+\x90\x84\xffF$\x005\xc0\x9f=8V\xacX\xc1\x07\x1f|\xc0\xfb\xef\xbf\xcf/\xbf\xfcR\xf9\xf5\xe2\xc6\xcd\xe8\xd2\xfd\x04\x8e&gt;\xee$\xda\xb6?\x82Zu\xebc\xb3\xcb\xa8q\x88F#\xa8\xf1\x18\xba\xa6\xef\x95\xe9\x1f\xbc\xcc;\x99\x18${\'\x12\x8a"c\xb5\xd9\xb1\xdbm\xc8\n\x84\x8316\xae[\xcd\xa2\x9f~d\xd6\xf4o\x98\xf3\xc3TJv\xeen\x04{\xf4\xe8A\x9f&gt;}8\xe3\x8c3\xa8W\xaf^\xe5\xd7\x93C\x8c\xa9\xd0\xabH\xf6\x82\x92\r\x9b\xae\xeb|\xff\xfd\xf7\xbc\xfd\xf6;|\xf6\xf9gl\xdd\xb2{\x18\xfd\x90\x96m8\xea\xd8\xe3\xe9\xda\xfdD\xda\x1c\xd6\x89\xa2\xdau\xb1\xd9$\xe2q\x88F\x12\xf1\xd5kF|\xf7Z\xa2\x96\\yb\xb1b\xb7\xdb\xb1\xd9\x15\x0c\x03*\xca*\xf8}\xe52~\x9a\xf3\x03\xb3\xa6}\xc3O?\xce \x16\x8d\x02 \xcb\x12=z\x1cO\x9f&gt;\xbd9\xfd\xf4\xd3\xa9[\xb7n\xe5\xcfN\xe5\xf8\x02\xcc\x9e=\x9bw\xdey\x87\xc9\x93\'\xb3~\xfd\xfa\xca\xaf\x1f\xda\xbe\x13\xc7\x1c\xdf\x93.\xdd\x8e\xa7E\x9bv\xe4\x15\x14\xa2(\x10\x8b\xe9\xc4\xa2\x11TU\xc5\xa8A\xf1\x05\x03CO\xc48Q\xach\xb3;\xb0\xdb-H\x12\xf8}!\xd6\xad^\xc9\x82\xb93\x999\xedk\xe6\xce\x9cN0\xe0\x07\xc0f\xb3qr\xcf\x9e\xf4\xe9\xdd\x87SN=\x85\xfcD\xddO\xb2\xa3\x93*\xf1Mg"\x018\x88\xf6}p\x84\xc3\x11\xbe\xfc\xf2\x0b^y\xe5\x15&gt;\xff\xfc\xf3\xca!\xdb\x86\x8d\x9br\xc2)g\xd1\xe3\xe4\xd3isX\'r\xf3s\xd0u\x88\x84\xa3\xc4bQ\x8c\xc4\xa8\x81\x94"7T\xe5\x10\xb8a +\nv\xbb\x03\xbb\xd3\x8a\xa1\xc3\xf6\xad[Y8\x7f\x0eS\xbf\xfc\x84\x1f\xbe\xfb\x8a\x92\x9d;\x00\xb3\x98\xf0\x9cs\xce\xe5\xb2\xcb.\xe3\xb8\xe3zT\xfe,UUk\xec\xf0\xf1\xbe=\x9eM\x9b6\xf1\xfe\xfb\xef\xf3\xfa\xebo\xb0p\xe1\x82\xca\xef;\xa4e\x1b\x8e?\xe5L\x8e=\xf14Z\xb5kOv\x8e\x17M5\x0b\xff\xe2\xb1\x98\x19_YJ\xd4g\xd4\xbc\xdfsO\xbb\x93\x02\x1d\x90\xb0X,\xd8\x1dNlv\x99XDe\xdd\x9a\xdf\x997\xeb{\xa6}\xf5\ts~\x98F4j\x16\xa8\xe6\xe5\xe5\xd1\xabW/\xfa\xf6\xbd\x8c\x1e=\xbaW\xfe\xbcT\x8a\xef\xf6\xed\xdb\xf9`\xd2$^{\xed5\xe6\xcd\x9d[\xf9}m;\x1e\xc1I\xa7\x9f\xc31=N\xa2Y\xcbCq{\x1d\xa8q\x88\x84C\xa8\xf18\x06Felk\xe2\xef\xb9/C\xd7\xd1\x13\xc9\x81\xa2\x98\xf1\xb5\xdb\x15\xd4\xb8\xc1\xe6\x8d\xeb\x98?\xe7\x07\xa6~\xf9)3\xa7}]\x99\x0c\xd4\xa9S\x87\xf3/\xb8\x80K/\xb9\x84\xce\x9d;W\xfe\xac\x9a\x1c\xdfL \x12\x80\x83`\xdf\x86\x7f\xcb\x96-\xbc\xf1\xc6\x1bL\x9c8\x91\x15+\xcc\xe1Rov6\xc7\xf7&lt;\x93\xd3\xce\xe9M\xc7#\x8f&amp;/?\x17U\x85p(\x88\xaa\xc6\xd9=\x0f\x9f\xfa7Nr\x0e\x13$l6\x1bN\x97\x13I\x82\xad\x9b\xb70\xe7\xfbo\xf9\xf2\x93\xf7\x99\xfe\xcd\x17f\xcf\x08s\x8a\xe0\xca+\xaf\xe4\x82\x0b.\xa8\\\x9f^\x93z\x8c\xfb^\xcbO?\xfd\xc4\xc4\x89\x13y\xe7\xddw)+-\x05\xa0\xb0\xa86\xc7\x9fz&amp;\xa7\x9c}\x01\x87u:\x8a\xec\\/\xf1\x98A8\x14BS\xe3\x89a\xf6\x9a\xf1\xfb\xec\x17\xc3@7\x8cD\x12#\xe3p8q8\xad\xc4\xe3:kW\xad\xe0\xfbo&gt;\xe7\xab\xc9\x93X\xf4\xd3\x8f\x95\x7f\xe5\xe8c\x8e\xe1\xca\xfe\xfd9\xff\xfc\xf3+\xe3[\x93\x1a\x8a}\x1b\xfe\xc5\x8b\x17\xf3\xf2\xcb/\xf3\xe6\x9bo\xb2s\xe7N\x00\xea7lD\xcf\xb3\xce\xe7\xe43\xce\xa5U\xbb\x0e\xb8=\x0eb\x11\x8dH$\x84\xa6j)\x93\xd0\xfd\x13\xe6\xf3LG\x92dlv;N\xa7\x1d]\x87\x8d\xeb\xd60\xe3\xbb)|\xf5\xc9\xfb\xfc8sZ\xe5\xf7\x9ft\xd2I\x0c\x180\x80\xb3\xce:\x0b\xbb\xdd\x0e\xd4\xac\xf8f\x12\x91\x00\x1c@\xfb6\xfc+W\xae\xe4\xf9\x17^\xe0\x95\x97_\xa6\xa4\xa4\x04\x806\x87u\xe4\xec\x0b/\xe5\xc4\xd3\xce\xa1A\xe3F\x18:\x84\x82f\xa3o\xf6\x10\xd2\xe3\xa1\xf1W\xf6,\x90\xb3\xd9\xec\xb8\xdc\x0eTUg\xe5\xd2%L\x99&lt;\x89O\xde{\x9dM\x1b\xd6\x01\xd0\xb8qc\x06\x0e\x1cH\xff\xfe\xfd)**\x02\x0e\xee\x83d\xdf\x86a\xea\xd4\xa9\x8c\x1f?\x9e\x8f&gt;\xfa\xa8\xf2{:\x1du\x0cg]p\t\xc7\x9fr&amp;u\xea\xd7CK&amp;u\xf18R\x06TM\'\x93=I\xda\x9d\x0c\x84\x82\x11\x16\xcd\x9f\xc3g\x93\xdef\xca\xa7\x93(/3\x93\xa4\xa6M\x9br\xd5UW\xd5\x98\xf8\xee\xb9\t\x13\xc0\x0f3f\xf0\xf4\xf8\xf1\xbc\xff\xfe\xfb\x95\xf3\xe9\xddO&lt;\x95\xb3.\xec\xcb1\xc7\x9dDAQ\x01\xf1\x98N8\x144?\x1b\x19\x11\xdfD\x1d\x13`w8p\xba\xecD#*\xbf.\xfa\x89/&gt;~\x97\xcf\'\xbd\xc3\xce\x1d\xdb\x00h\xd3\xe6P\x06\r\x1aH\xdf\xbe}\xc9\xc9\xc9\x01jV"\x9f\tD\x02p\x00\xec;\xc7\xbf|\xf9r\x9ez\xea)^~\xe5e\xc2!s\x89\xdc\t\xa7\x9e\xc5\x05\x97^E\x97\xee\'\xe0\xf1\xba\x08\x85\xa2D\x13\xeb\xf73\xf5\x86\xd8\xb3(\xd2\xe9rawX\xd8\xb5}\x17\xd3\xa6|\xc6{\xaf\xbf\xc8\x82\xb9\xb3\x00\xa8]\xbb6\x83\x06]\xcd\xe0\xc1WS\xabV-\xe0\xc0&gt;H\xf6M\xec\xbe\xf9\xe6\x1b\xc6\x8e\x1d\xcbW_}\x05\x80\xd5j\xe5\xe43\xcf\xe5\xfcK\xaf\xe2\x88\xae\xc7\xe2t\xda\x08\x06"\xc4b\x11$$dEf\x8fR\xfc\x8ca$\xf7\x06P\x14\xdcn\x0f\x8aUb\xfd\x9au|\xf5\xc9{Lz\xf3e\xd6\xac2WA\xd4\xa9S\x97\x81\x03\x070x\xf0\xe0\x1a\x11\xdfi\xd3\xa61v\xec\xe3|\xf6\xd9\xa7\x00\xb8=Y\x9cy\xfeE\x9c{\xd1\xe5\xb4\xebx$\x16\xabL0\x10"\x1e\x8beD\xa3\xffW\xcc\xfb\xd7\x8c\x93\xd3\xe5\xc1f\x93\xd9\xb2i\x0b\xdf|\xf6!\xef\xbf\xf1\x12\xcb\x96,\x02\xa0\xb8\xb8\x98!C\x860`\xc0\x80\xca\xe5\xa2\xc9\x95!B\xf5\x12\t@5\xdb\xf3\x83\xbcn\xdd:\x1e\x7f\xe2\t^x\xfey\xc2\xe10\x8ab\xe1\xac\x0b.\xa6w\xbfAt8\xa2\x0b\x92$\x11\x0c\x04\xd0T\x15Y\x0c\x87\xedE\xd7u\x0c]\xc7j\xb3\xe1\xf6\xb8\x08\x87\xa3\xcc\xf9\xfe[\xde|\xf1i\xbe\xff\xf6K\xc0L\x04\xae\xbd\xf6:\xae\xb9f\xc8^=\x8a\xeaz\x90\xec\x9b\xd8\xcd\x9c9\x93\x87\x1f~\x98\xcf?\xff\x1c\x00\xb7\xc7K\xaf\xde\x97rA\xdf\xabhsXGt\x1d\x82\x01\x7f\xe2\xa1(\xe2\xbb\']77\x92\xb1;\x9c\xb8\xdcvJw\x95\xf1\xdd\x97\x9f\xf0\xf6\xc4\t\xfc\xf2\xf3&lt;\xc0\x8c\xef5\xd7\\\xc35\xd7\\s@\x1a\x8a}\xe3;g\xce\x1c\x1ey\xe4\x11&gt;\xf9\xe4\x13\x00\xf2\x0b\x8b\xb8\xa0\xefU\x9c\xdb\xe7r\x9a\xb6hN&lt;\xa6\x13\x0c\x06\xc4\xb2\xb7?\x91\xbc\x7fmv\x07n\x8f\x03_E\x80\x1f\xbe\xfd\x92\xb7^z\x9a\xb9\xb3\xbe\x07\xa0a\xc3bn\xbc\xf1\x06\x06\x0c\x18\x80\xc7\xe3\xd9k\xd33\xa1z\x88\x04\xa0\x9a${\xae\x92$Q^^\xce\x93O&gt;\xc9\x13O&lt;AYY\x19\xb2\xacp\xeeE\x97q\xc9\x95\xd7ph\xc7Nh\xaaN0\x10\xf8C%\xb1\xf0G\xbb{\x15\n\x1e\xaf\x17M\xd3\x99;s*\xaf&lt;\xf38\xd3\xbf\xf9\x02\x80&amp;M\x9a0l\xd80\xfa\xf7\xef\x8f\xc5b\xa9\x96\xde\xe2\x9e\r\xcf\xf2\xe5\xcby\xf0\xc1\x07y\xfd\xf5\xd7\x01p\xb9=\x9c\x7f\xc9\x15\\\xd4\xffj\x9a\xb7jM4\xaa\x12\n\x06\x91\x00Y\xc4\xf7o\x19\x86\x81\xaeiX\xacV&lt;YnB\x81\x10S\xbf\x9a\xcc\xab\xcf&gt;\xc9\xc2\xf9s\x00s\xea\xe7\xd6[o\xe5\xaa\xab\xae\xc2j\xb5V\xcb\xf2\xb2=\xe3\xbbj\xd5*\x1e|\xe8!^y\xf9e\x00\xf2\n\n\xb9\xb8\xff`\xce\xbf\xe4J\x1a6nH(\x14#\x12\x0eU\xee\x8b!\xfc\xb5d|\x15\x8b\x05\x8f\xd7C,\x1ac\xc6\xd4)\xbc\xfa\xec\x13\xcc\xf9a*\x00\xadZ\xb7\xe6\xf6\xdbo\xe7\xb2\xbe}\x011-P\x9dD\x02P\xc5\xf6\xed5\xbc\xf6\xfa\xeb\xdc\x7f\xdf}\xfc\xfe\xfb\xef\x00\x9c\xd6\xebB\xfa_s3\xed\x8f\xe8L&lt;\xa6\x11\x0c\x06\xc4\xda\xd8\xff(\xf9\xe0\xf7x\xb30t\x9d\x99\xd3\xa6\xf0\xc2\x93\x8f2w\xe6t\x00\xbat\xe9\xc2\xc8\x91#9\xe9\xa4\x93*\xbf\x7f\x7f\x13\xac=\xe7\x81}&gt;\x1f\xa3G\x8f\xe6\x89\'\x9e\xc0\xef\xf7\xa3(\n\xe7^\xd4\x8f~\x83o\xa4e\xdbC\x89\x84\xe2\x84C\xc1\x8c\x1e\x06\xfe\xaf\x92\x89\x9e\xa2(x\xb2\xbc\x84Ca\xbe\xfet\x12/\x8d\x1f\xcd\xb2%\xe6\xb2\xd8#\x8f&lt;\x92{\xef\xbd\x97SN9\x050\xeb\x03\xfe\xecL\x8c\x7fc\xcf\xf8\xfa\xfd~\xc6\x8e\x1d\xcb\x98\xb1c\xf1\xfb|\xb8\xdc\x1e.\xee?\x98\x8b\xaf\x1cBq\x93F\x84\x02\xe6N\x98\xb2bn\x8a%\xfc;\xc9\x86\xdd\xe3\xf5\x12\x8f\xc7\x99&gt;\xe5S^|\xea1\x16\xce7\x0bB{\xf4\xe8\xc1\xc8\x91#9\xf6\xd8c+\xbf_t\x90\xaa\x96H\x00\xaa\xd0\x9e\x1f\xd0\x05\x0b\x16p\xc7\x1dw\xf0\xf5\xd7_\x03\xd0\xf9\xe8\xee\\=\xf4N\x8e9\xeed4M#\x18\x10\r\x7fU\xd15\r$\toV\x16\xb1X\x8c\xaf&gt;y\x9fg\xc7&gt;X\xb9cY\xbf~W0r\xe4\xbd4l\xd8\xf0\x0f\x85\\\xff\xc6\x9e\r\xcc\xa4I\x93\xb8{\xf8p\x96/[\x06@\x8f\x93N\xe3\xea\x9b\xef\xe2\xf0\xa3\xba\x12\x8d\xc6\t\x07\x83f\xafE\xc4w\xbf%\x1b\x8a\xacl/\xbe\n\x1f\x1f\xbe\xf5\n/&gt;\xf9(\xdb\xb6n\x06\xe0\xd2K\xfbr\xdf}#i\xdc\xb8\xf1^\xa7\xe9\xfd\x97\xd7I\xde\xbf\x1f~\xf8\x11w\xdf}7\xcb\x96\x99\x9f\xa1^\xbd\xfb2\xe0\xfa\xdbh\xd9\xf6PB\xc1(\x91pXT\xadW\x91d|\xbdY^\xc2\xa1\x10\x9f~\xf06\xcf=\xf1P\xe5\x8e\x92\x83\xae\xbe\x9a{F\x8c\xa0N\x9d:\xfbu\xff\n\x7f$\x12\x80*\xb0g\xaf?\x1c\x0e\xf3\xd0C\x0f\xf1\xe8\xa3\x8f\x12\x8dF\xa9[\xbf\x98!\xb7\xdeM\xaf\xde}\xb1Y\xed\xf8|\x15\xa2\xe1\xaf&amp;{6\x14e\xa5e\xbc\xf1\xc2x^z\xea1\x02\x01?\x85EE&lt;0j\x14\x03\x06\x0c\x00\xfe]oq\xcf\xb9\xc8\xf5\xeb\xd7s\xfb\xed\xb7\xf3\xce;\xef\x00\xd0\xacEk\xae\xb9u8\xa7\xf6\xba\x10\x80\x80\xdf\'\x86\x82\xab\x89\xa6\xa9X,V\xb2\xb2\xddl\xda\xb0\x89\x97\xc6\x8f\xe6\xad\x97\x9e!\x1e\x8fSPP\xc0\xc8\x91#\x192d\x08\xb0\x7f\xf1\xbd\xe3\x8e;y\xfb\xed\xb7\x00\xe8\xd0\xb9+\xd7\r\xbb\x87n\xc7\x9fL&lt;\x16\'\x18\x0c\x8a\x86\xbf\x9a$\x13\xb0\xacl\x0f;\xb6\xef\xe0\xd5g\xc7\xf1\xca3\x8f\x13\x89\x84\xa9W\xaf\x1e\x0f&lt;\xf0\x00\x97_~9P5\xa3=\x82H\x00\xf6[rG+0\x8b\xc0n\xbc\xf1F~\xfe\xf9g\x00.\xb9\xea\x1a\x06\x0f\xbd\x93:\xf5\xeaRQ\xee\x17\x05-\x07\x88\xa6\xaaXl6\xb2\xb2\\,[\xf2+\xe3\x1e\x1a\xc1\xd7\x9f\x99K\xf1N?\xfdt\x1e\x7f\xfcq\x0e9\xe4\x90\x7f4\xb7\xb8g\xaf\xf0\x95W^\xe1\xf6;\xee`\xfb\xb6m\xd8\xedv\xfa]}\x13W]\x7f+\xb9\xf9yT\x94\xfb\x00\x03Y\x16\xf1\xadN\xc9d\xdb\xe1p\xe0\xf28\x98?{6\x8f\x8f\xba\xabr\xda\xe7\xe4\x93O\xe6\xf1\xc7\x1f\xa7u\xeb\xd6{\xd5\xe1\xfc\x95=\xe3\xfb\xf2\xcb/s\xc7\x1dw\xb0}\xfbv\xb2sr\x19r\xcbp.\xea\x7f5\x0e\x87\x13_\x85H\xdc\x0f\x14MU\xb1\xda\xedx\xbdN\x16/X\xc8\x13\x0f\x0eg\xfa\xd7fa\xed9\xe7\x9c\xc3\x981ch\xdc\xb8\xb1\xa8\r\xa8\x02"\x01\xd8\x0f\xc9,4\x1e\x8f3j\xd4(F\x8d\x1a\x85\xae\xeb\xb4n\xdb\x81\xdbF&gt;J\xb7\x13N4\x97{E#("[=\xa0\x92\r\x85\xdb\xe3FQ,|\xf2\xee\xeb\x8c\x1du\x17\xdb\xb6l"//\x8fG\x1f}\x94+\xaf\xbc\x12\xf8\xeb\xb9\xc5d|\xb7o\xdf\xceM7\xdd\xc4\xdbo\xbf\r@\xa7\xa3\x8e\xe6\xf6\xfbF\xd3\xe9\xa8\xa3\xf0\xfb\xcc\xe5^"\xbe\x07V2\xbe\xde\xacl4-\xce[/M`\xfc\xa3#\xa9(/#;;\x9b\x07\x1f|\xb0r4\xe0\xcf\xe2\xbb\xe7\xa8\xdd\xd6\xad[\x19:th\xe5\xa8\xceIg\x9c\xc3\xcd\xc3\x1f\xa2y\xab\x16T\x94\x07\xc4\xdc\xf3A\x90\x8c\x8f\xc7\xe3E\x92\xe0\x83\xb7^\xe6\x89\x07\xeef\xd7\x8e\xed\x14\x16\x16\xf2\xd8c\x8fU\x8e\x06\x88\xf8\xfcw"\x01\xf8\x0f\xf6\x1c2\\\xb6l\x19\x83\xae\xbe\x9a\x19?\xfc\x00\xc0U\xd7\xdd\xca\xe0\x9b\xef\xc6\x9b\x95\x85\xaf\xbc\\,\xe7;\xc8\x92[\x0e\xe7\xe4e\xb3q\xfd\x06F\x8f\x1c\xc6g\x93\xcc\x07\xfd\xa5\x97^\xca\x13O&lt;A~~\xfe^C\x8a{\xf6\x1c\xbf\xfc\xf2K\x86\\s\r\xeb\xd6\xae\xc5nw0\xe4\x96\xbb\xe8\x7f\xcd-Xm6\xfc&gt;\x9f\x18\x0e&gt;\xc8\xf4\xc4\x06;9\xb9^V\xfc\xb6\x8c\x87\x86\xdf\xcc\x0f\x89e\xa1\x17\\p\x01O&gt;\xf9$\xb5k\xd7\xfe\xcb\xf8~\xfe\xf9\xe7\\s\xcd5\xac_\xbf\x9e\xdc\xbc|n\xb9\xe7a\xce\xbf\xb4?\xaa\xaa\x11\n\x06\xc50\xf3A\x96\x9c\xf3\xcf\xc9\xcdb\xdd\x9a5&lt;v\xcfm|5y\x12\x00\xfd\xfa\xf5c\xec\xd8\xb1\xe4\xe6\xe6\x8a)\x81\xffH$\x00\xff\xd2\x9e\x0f\x8f7\xdf|\x93\xeb\xae\xbb\x8e\xb2\xb22\x1a7k\xce\xf0\x87\x9f\xa4\xfb\xc9=\xf1W\x04+w,\x13j\x06UUq8\x9d\xd8\xedv&gt;x\xe3%\x1e\x19q+\x15\xe5e\xb4h\xd1\x82\x17_|\x91c\x8e9\x06M3\xd7\xa2\'\x1f$#F\x8c\xe0\xfe\xfb\xef\x07\xa0u\xbb\x0e\x8cxt&lt;\x9d\x8f\xeeJE\x99\xe8\x15\xd64\xaa\xaa\xe2v\xbb\x91d\x99W\x9f}\x82q\x0f\x8e \x1c\x0e\xd1\xb8q\x13^x\xe1yN8\xe1\x84\xbd\x8e\xd8\xd6u\x9d\xe1\xc3\x87\xf3\xe0\x83\x0f\x02\xd0\xed\xf8\x9e\xdc\xf5\xd08\x0ei\xd5\x82\xf2R\x1f \n\xcdj\x12UUq\xba\\X\xadV\xde}\xf5y\x1e\xbd\xe76\x02~\x1f\xadZ\xb7\xe6\xa5\x17_\xa4K\x97.bJ\xe0?\x10\t\xc0\xbf\x90|\xe8\xab\xaa\xca\xad\xb7\xde\xca\x13O&lt;\x01\xc0\x99\xe7_\xcc\x1d\x0f\x8c\xa5\xb0\xa8\x16\xe5e\xe5\xa2WXC\x19\x89\x1d\xddr\xf3\xb3Y\xb6\xe4W\xee\xb9e\x08?\xcd\x99\x81\xcdfc\xf4\xe8\xd1\\w\xddu\x00l\xdd\xba\x95\x01\x03\x06Tn\xe8\xd3\xa7\xdf n\x1d\xf9\x08\x1eO\x16\xbe\x8a\n,\x16\x85L\xdc\xb9\xaf\xa63\x93s\xc8\xc9\xcb\xe2\xe79?2\xe2\xe6\xc1,[\xb2\x08EQx\xf0\xc1\x07\xb9\xed\xb6\xdb\x00\xf3P\xa6\xab\xae\x1a\xc0\x94)_!\xc92\xd7\x0f\xbb\x97A7\xde\x9e8\xaeZ\xf4\xfak*s4\xc0 7/\x9b_\x17\xfd\xc2=\xb7\x0ca\xe1\xbc\xd9\xd8\xedv\xc6\x8e\x1d\xcb\x90!C\xf6k\x15H&amp;\x12\t\xc0?\x94\x1cb\xda\xbcy3\xfd\xfa\xf5\xe3\xdbo\xbf\xc5f\xb3q\xeb\xc8G\xe9w\xf5\r\x84\xc3ab\x91\xa8\x98\x0bN\x01\xaa\xaa\xe2\xf1x\x88\xc7c\x8c\xb9\xffN^}v\x1c\x00\x83\x87\x0c\xe1\x82\xf3\xcf\xe7\xca+\xafd\xed\xda\xb5x\xb3\xb2\xb8\xeb\xc1q\\\xd0\xb7\x1f~\x9f\x18\xd5I\x15\xaa\xaa\x92\x95\x95\x8d\xdf_\xc1\x83w\xde\xc4\x87o\xbf\x02\x98C\xc6\xbd{\xf7f\xe0\xc0\x81l\xdc\xb8\x91z\r\x8a\xb9\xff\xf1\xe7\xe8\xd1\xb3\'\xe5\xa5~\xd1p\xa4\x08UU\xf1x\xbd\xc4"\x11\x1e\xbb\xefv\xdexa&lt;\x00\x83\x06\r\xe2\xc9\'\x9f\xc4f\xb3\x89\x11\xba\x7fH$\x00\xff@\xb2\xf1\x9f7o\x1e\x17]t\x11k\xd6\xac\xa1Aq\x13\x1e\x1a?\x91\xae\xdd\xbbSVRQy\x1c\xaf\x90\x1atMC\xb6(deyx\xef\xb5\x89&lt;\xfe\xc0pvl\xdbR\xf9\xe7m;\x1c\xce=\x8f=M\xc7\xce\x9d)\xdd%j9R\x8d\xa6iX\xadV\\n\x17\xaf&lt;;\x8eg\xc7&lt;H\xc9\xae\x1d\x95\x7f~\\\xcf3\xb8\xfb\xa1q4l\xdc\x84\xf2\xb2r\xd1\xebO1\xc9\x02No\x96\x9bw_\x9d\xc8\xfd\xb7_O8\x14\xe4\xb8\xe3\x8e\xe3\xcd7\xdf\xa4N\x9d:\xa2.\xe0\x1f\x10-\xd6\xff\x91\xfc\x10M\x9a4\x89\x13O&lt;\x915k\xd6\xd0\xa5\xdb\xf1\xbc\xfe\xe94:\x1f\xdd\x9d\x92d\xe3 \x1a\xff\x94"+\n\xba\xa6SZR\xc6\x95\xd7\xf6\xe7\xc4\xd3{U\xf6\xfe\x1cN\'\xd7\xdfq\x1f\xc7\x1c\xd7\x99\xed[w\xa2X,\xa2\xf1O1\x8a\xc5B&lt;\x1e\xc3\xef\xf33\xe4\xe6\x1b\xe8|t\xf7\xca\x18z\xbc^\x06\\?\x8c\x16m\x9aP\xb2s\x97h$R\x90\xa2(\xe8\xbaNYi9}\xfa\xf5\xe7\x95\x0f\xbf\xa6a\xe3\xa6L\x9b6\x8d\xee\xdd\xbb\xf3\xcb/\xbf`\xb1XPU\xf5`_j\x8d&amp;Z\xad\xbf\xb0\xe72\xa1\xf1\xe3\xc7s\xfe\xf9\xe7\xe3\xf7\xfb9\xef\xe2+x\xee\x9d\xcf((\xaa\x8d\xaf\\\xf4\x1cR\x95\xb9\x8aC&amp;+;\x87[\x07\xdf\xc4[/=\x03@\xa3\xa6\xcd\x89\x84\xc3\x0c\x1br9\x1f\xbd3\x99Zu\x0b\xc5C$\x05\xe9\xaa\x8a\xcdf\xc7j\xb32\xf8\xd2\xbe|\xf9\xc9\xfb\xd8lv\x0ei\xd9\x86\x80\xdf\xcf\x90\xbe\xbd\xf8l\xd2\xa7\x14\xd5)\x10\xf1MQ\x92$\xa1(\x16Jv\x95\xd3\xa1sW^\xffd*Gt=\x96U\xabVq\xc2\t\'\xf2\xcd7\xdf\x88$\xe0\xff\x10\t\xc0\x9f\xd8s\x99\xdf=\xf7\xdcSY\x1cv\xedm#x\xf8\xe9\x89\xe8\xbaN4\x12\x16\xf3\xfd)*Y\tn\xb5\xd9\xb8\xfd\xda+x\xf5\xd9\'\x90e\x99\x91c\x9f\xe5\xd3\x19?\xd1\xf3\xac\xf3)\xdd\xb5\x93\xeb\xaf\xb8\x80Io\xbeA~a\x0e\x9ax\x88\xa4\x0cM\xd3\xb0;\x1c\xc4\xe31\xae\xbd\xec&lt;&amp;\xbf\xf7\x06.\xb7\x9b\xb1/\xbc\xc5G\xd3\xe7\xd1\xf3\xcc\xf3(/-\xe1\xba~"\xbe\xe9\xc0b\xb1\xe0+/\xa7\xa0\xa86/\xbc\xfb9\xa7\x9ds!%%\xbb8\xf3\xcc3y\xff\xfd\xf7E\x12\xf07D\x02\xb0\x8fd\x15\xa9\xa2(\xdct\xd3M\xdcw\xdf}\xc8\xb2\xcc\xbd\xa3\x9fa\xe8\xdd#\xf1UT$v\xff\x13\x05&amp;\xa9H\xd7\xcd\xb9aI\x82\x1b\xaf\xbc\x88\x8f\xde~\x15\xb7\xc7\xcb\xf8W\'qq\xff\x01h\x9a\xcc\xb8\x89\xef\xd2w\xc0u\xc4c1n\x1d|\x19\xaf=;\x81\xbc\xc2\x1c4M&lt;Dj:M\xd3p\xba\\\x04\xfc&gt;\xae\xbe\xe8,\xbe\xff\xe6\x0b\nk\xd5\xe1\xc5\xf7\xbe\xa4\xe7Y\xe7\xa0\xc6u\xc6\xbd\xfc^"\xbe\xd1\xbd\xe3+\x1a\x89\x94\xa5X,D\xc2a$If\xec\x0bo\xd3w\xc0uD\xa3Qz\xf7\xee\xcdK/\xbd$\x92\x80\xbf \x8a\x00\xf7\xb0g\xcf\x7f\xf0\xe0\xc1&lt;\xfb\xec\xb3\xd8\x1d\x0e\x1ezj"\xe7\xf4\xb9\x88\x92\x9d\xa2\x18,\x95\x99\x8d\xbf\r]\xd7\xb8\xa1\x7f\x1f\xbe\xff\xe6s\xf2\xf2\x0b\x197\xf1]\xba\x1ew\x9cY\xec\x97XG\x9c\x95\xe3e\xec\xfd#xf\xb4\xb9\x0f\xc0\x9d\x0f&lt;\xceU\xd7\xddHiI\x85\xa8.\xae\xa1\xcc\xc6\xdfIEi)W_r6\x8b\x17\xcc\xa3A\xa3&amp;&lt;\xf3\xfaG\xb4&lt;\xb4\x1d\xe5ee(\xb2\x02\x92DV\xb6\x97\xb1\xf7\x0f\xe7\x991\xa3\x00\x11\xdft\x91\xdc\xa7%+\xdb\xcb\xd8Q\xc3yf\xb4\x19\xdfg\x9ey\x86\xc1\x83\x07\x8b\xc2\xc0}\x88\x04 a\xcf\xc6\x7f\xe0\xc0\x81\xbc\xf0\xc2\x0b\xb8\xdc\x1e\xc6\xbe\xf0\x16\'\x9fy&amp;%;\xc5|\x7f*\xd3u\x1d\x8b\xd5\n\x86\xce\xb5\x97\x9f\xcf\x8c\xef\xbe\xa2\xb0Vm\x9ey\xe3\x13:\x1c\xd1\x99\xb2\xd22,\x16+\x90\x1c\x05\xd2\xc9\xcd\xcb\xe6\xe9\xc7\x1ef\xcc\xfdw\x00p\xc7\xa8\xb1\x0c\xbc\xe1&amp;Jv\x95\xa3(\xe2\xb3P\x93T6\xfee\xa5\x0c\xe8}\x06\xbf\xfd\xf23M\x0ei\xc9\xb3oO\xa6\xb8q\xb3\xc4\xfe\rf\xcc\xf6\x8e\xefC\x8c\xb9\xffN@\xc47]\xfcU|\xc7\x8f\x1f\xcf5\xd7\\#\x92\x80=\x88\x04\x80\xbd\x1b\xff!C\x860a\xc2\x04&lt;\xde,\x9ex\xe9]\x8e?\xe5\x14Jv\xedn\x1c\x84\xd4\xa3\xeb:\x8aEA\x91e\xae\xbf\xe2B\xa6M\xf9\x8c\xa2\xdauy\xee\xed\xc9\x1c\xda\xbe\x13\xe5e\x7f\x8co\xf23\x91W\x90\xcd\xb3cG\xf3\xe8=\xb7\x020\xfc\x91\xa7\xb8b\xc8\xb5\x94\xee,\x175 5\x84\x9e\x98\xf3\x0f\x04|\x0c\xec}\x06\x8b\x17\xcc\xa3Y\xcb6&lt;\xff\xce\xa7\xd4\xad\xdf\x10\xbf\xcf\xff\x87\x07\xfe_\xc5w\xc4#\xe3\xe97\xe4\x1a\x11\xdf\x14\xf7W\xf1}\xfe\xf9\xe7\x190`\x80H\x02\x122&gt;\x01\xd8\xb3\xda\xff\x96[na\xcc\x981\xb8\xdc\x1e\xc6M|\x8f\x13N=\x95\x92\x9def\xcfQHI\x86a I\xe6\xd2\xbe\xa1W]\xcc\x97\x9f\xbcOAa-\x9e\x7f\xe73\xdav&lt;\xfcO\x1b\xff=i\x9aJ~A\x0eO?\xf6\x08\xa3\xef\xbb\x1d\x80\x87\xc6\xbfL\xef\xcb\xfb\x99\x9f\r\x91\x18\x1eT\xba\xaec\xb5ZQ\xd58\x03z\x9f\xce\xcf?\xce\xa4\xc9!-y\xf1\xfd/\xa8S\xaf!A\xbf\xffo\x1b\xf2?\x8b\xef\xc3\xe3_\xe6B\x11\xdf\xb4\xf0\xc7\xf8J\xbc\xf5\xd6\x9b\\t\xd1E"\t@\x14\x01V6\xfe\xa3F\x8db\xcc\x981\xd8\xed\x0eF?\xf7\x86h\xfc\xd3@\xb2\xa0\xd3\xe3\xf5r\xcf\xd0\xc1|\xf9\xc9\xfbd\xe7\xe6\xf1\xf4\xeb\x1f\x9a\x8d\x7f\xe9\xff\x7f\xc0\x9b\xcb\x8c*\x18r\xcb0\xae\x1bv/\x00#n\x1a\xc4\x97\x1f\x7fL^~\xae(,:\x88\x0c\xc3\\\xca)\xcb\x127]\xd9\x87\x9f\x7f\x9cI\x83FMx\xee\xed\xc9\xd4\xad\xdf\x90\xc0\xffi\xfca\xef\xf8^{\xdb\xbd\x00\x0c\x1f:\x88\xaf&gt;\xfeD\xc47\r\xfc\xf1\xfe5\xe8\xd7\xaf\x1f_}\xf5\x95(\x0c$\xc3G\x00\x92\x19\xe0\x0b/\xbc\xc0\xc0\x81\x03Qd\x99\x87\x9f~\x85\xf3.\xed+\xb2\xff4\xa0i*y\xf99&lt;v\xef\xddL\x18\xfb\x00.\xb7\x9b\xf1\xaf}\xc8\xb1\'\x9cLY\xc9?O\xee\x92s\x8a9\xb9\xd9\xdc\x7f\xfbP^\x99\xf08\x1eo\x16/\xbe\xf7\x05\x1d\x8f&lt;\x1a_\xb9\x18.&gt;\xd0\x92\xc9\x9d7\xcb\xcb\xad\x83/\xe7\x93w_\xa7\xb0V\x1d^\xfa\xe0+Z\xb4n\xbb\xd7\x9c\xff?\xfbYf|\xef\x1bv\x13\xaf&gt;\xfb\x04\x9e\xacl3\xbe\x9d\xbb\x8a\xf8\xa6\xb8?\x8bovv\x0e\xdf}\xf7-\x9d:u\xca\xe8m\x8336\x01H6\xfe_|\xf1\x05g\x9du6\x9a\xa6r\xd7\x83Op\xd5\xf57\xb0k\x87h\xfcS\x9d\xaa\xaa\xe4\x17\xe6\xf0\xfas\xcfr\xcf-\x83\x91\x15\x85\xd1\xcf\xbeA\xaf&gt;}(\xd9\xf1\xefGv\xcc\xdb\xc4\xc0\xe3\xcd\xe2\x96A}\x99\xfc\xfe\x1b\xd4\xae[\x9f\xd7\'O\xa3^\xc3bB\xc1P\xc6&gt;D\x0e\x86dr\xf7\xf0\xf0;x~\xdc\xc3x\xbcY&lt;\xff\xceg\x1cqt7\xcaK\xff}\xc1\xee\xee\xf8z\xb9y`_&gt;\xfd\xe0Mj\xd7\xab\xcf\x1b\x93\xa7S\xb7AC\x11\xdf\x14\xb7g|\xcd\xfb\xf7M\x1a6,f\xe6\xcc\x194h\xd0 \xb1\xb4;\xf3\x06\xc432\x01Hf|K\x96,\xa1{\xf7\xee\x94\x95\x951\xe0\xfa\xdb\xb8c\xd4#\x94\x96\x88\n\xe0T\xa7\xaa*9\xb99\xfc\xf0\xed\x14\x06_z6\xb1h\xb4\xb2\xc2{\xd7\x7fh\xfc\x93\x0c]GV\x14\x14\x8b\xc2\xa0&gt;g2\xfb\xfboisXG^\xfb\xf8;,6\x1b\x9a\xaa"I\x99\xf7\x109\xd0T\xd5\x9c\xd7}\xe3\xa5\xe7\x19q\xd3 ,\x16\x0b\x8f\xbf\xf8\x0e\xa7\x9d{\x1e\xa5\xfbQ\xb0\x9b,\x04V,2\x03{\x9f\xc9\x9c\x1f\xbe\xe3\xd0\xf6\x87\xf3\xea\'\xdfbQ\xach\x9a&amp;\x96\x00\xa7\xb0?\x8b\xef\x91G\x1e\xc9\xd4\xa9Sq8\x1c\x95\xc7\xbcg\x92\x8c{Z%O\xfc*--\xe5\x82\x0b.\xa4\xac\xac\x8c\xd3\xce\xe9\xcd\xad\xf7&gt;Ly\x99Ol\xf0\x93\xe24M\xc3\xedq\xb3f\xd5\n\x86]s9\xb1h\x94\xbe\x03\xae\xe3\xaa\xeb\xcd\xe5]\xfbS\xd3!\xc92\x9a\xa6\x01\x12c\x9e\x7f\x83\xa6\xcd[\xf3\xdb/\x0b\xb8\xe3\xfa\xabp8\x9cd^*}\xe0i\x89\xe4n\xe6\xb4i&lt;x\xc7\x8d\x00\xdcr\xcf#\x9cq\xdey\x94\xee\xe7\xb4\x9d\x9c\x88\xaf\x84\xcc\x98\xe7\xdf\xa0\xc9!-\xf9u\xd1O\xdc}\xfd\x00\x9c.\'\x19\xd8WJ+\xfb\xc6\xb7i\xf3\x96\xcc\x9d;\x97\x01\x03\x06V\xfeY\xa6\xc9\xa8\x04 \xb94D\x92$.\xbb\xec2V\xacX\xcea\x9d\x8e\xe4\x81\'_$\x1c\nc\x18d\\\x06\x98N\x0c\xc3\xc0b\xb1\x10\x8dD\xb8eP_v\xed\xd8N\xf7\x93N\xe3\xce\x07\xc7\xe2+\xf3WIr\'\xcb2\xd1H\x84\xdc\xfcB\x1e\x7f\xf1-rr\xf3\xf8\xfa\xd3I&lt;\xf5\xc8Hr\xf3\xb32\xbe\xa8\xa8:\xe9\x9a\x8e\xd3\xe5d\xd3\x86u\x0c\x1br9\x91H\x98\x8b\xfa\x0ff\xc0\rC\xf7;\xb9K\x92e\x99H$B^A\x11c_x\x8b\xec\x9c\\\xbe\xfc\xe4}\x9e~\xec\x01r\xf3D|S\xdd\x9e\xf1\x1d\xf3\xfc[d\xe7\xe6\xf2\xd6[o\xf2\xe8c\x8fedQ`F%\x00\xc9\xa1\xff\x11#F\xf0\xf9\xe7\x9fS\xabv]F?\xf7\x06v\xbb\x9dx&lt;\x9e\x91s@\xe9D\xd7u&lt;^7\xf7\xdf~\x03K\x16\xce\xa7q\xb3\x16&lt;&lt;~"j\\E7\x8c*K\xee\x14E\xc1\xef\xf3\xd1\xe6\xb0\xc3\x189\xe69dY\xe6\x991\xa3\x982y2\xb9y9\x19\xf7\x109 \x0c\x03Y1\xe3w\xfb5\xfd\xd9\xbay#Gu;\x8e\xbb\x1e|\x1c_y\xa0JG\xee\xcc\xf8V\xd0\xb6C\x07\xee\x1d\xfd\x0c\x92,3\xfe\xb1\x91|\xfb\xc5\x17\xe4\xe4\x8a-\x83S\xdd^\xf1}l\x02\xb2,s\xe7\x9dw2u\xeaT,\x16KF\x8d\x04dL\x8b\x97\\\xee\xf7\xf9\xe7\x9f3j\xd4(\xacV+\xf7?\xf1\x02\x8d\x9b5#\x18\x08\x8a\x02\x9f\x14\xa7\xaa*y\xf9\xd9\xbc\xf9\xd2s|\xf8\xd6\xcb\xb8\xdc\x1e\x1ey\xe6\x15\xf2\n\x8a\x88F"U\x9e\xdcY,\x16JK\xca9\xeb\x82\xf3\x19t\xd3\x1d\xe8\x9a\xc6\x88\xa1W\xb3~\xcd\x1a\\.\'\xba\xaeW\xe9\xebe:M\xd3\xc8\xce\xf12\xe6\xfe\xbb\x98;s\x1au\xea5\xe0\xe1\xa7_\x01\xcc\x8d\x80\xaaz\xe4\xceb\xb1RZRN\xaf\xde}\xb8\xea\xda[\xd1T\x95\x11C\x07\xb1y\xc3z\x1cN\x11\xdfT\xb7;\xbe\xbd\xb9\xf2:3\xbe\xfd\xfa\xf5c\xfb\xf6\xed\xc8\xb2\x9c1\xf1\xcd\x88"\xc0\xe4\xb0\xff\x96-[8\xfc\xf0#\xd8\xb6m+\xd7\xdf&gt;\x92\x1b\xef\x1a!\x96\xfb\xa5\x01]\xd7p\xb9\xdd\xacX\xba\x84K\xcf\xe8A\xc0\xef\xe3\xde\xc7\x9e\xe1\xb2\xab\x07\xff\xa7\x8a\xff\x7f\xce\xc00\xc0\xe9r2\xa0\xf7\x19\xcc\x9c:\x85\xae\xddO\xe4\xa5\xf7\xbf \x1c\x8e\x88\xe9\xa4*\xa2\xa9*\xd9y9|=\xf9#\xae\xbd\xfc&lt;,V+\xcf\xbe9\x99cO\xecIyYun\xd1m\xc6\xd7\xe1\xb4s\xe5\xf9\xa71\xe7\x87\xef8\xf6\xc4Sy\xfe\x9dO\t\x06\x82b\xc40\xe5%\xe2\xeb\xb0s\xe5\x05f|\xcf&lt;\xf3L&amp;O\x9e\x9c1\x9b\x04e\xc4\'\xd8H\x0c\xff^u\xd5Ul\xdb\xb6\x95cO8\x85!\xb7\xdcEy\x89O4\xfe)\xce,\xeaT\x88E\xa3\x0c\xbfq\x10\x01\xbf\x8f3\xcf\xbf\x84K\x07\x0c\xa6tWE5o\xe4$U\xee$y\xff\xe3\xcfQ\xabN=f\x7f\xff-\xcf&gt;\xfe09\xb9^1\x15P\x05\x0c]\xc7\xeet\xb2y\xc3\x06\xee\x1bv\x1d\x86a0\xe8\xa6;8\xfe\x94\x9e\x89]\x1c\xab\xf3!m\xc6\xd7\xd0a\xd4\x13\xcfQPT\x8b\x1f\xbe\xfd\x92\x97\xc6\x8f\x11\xf5\x00i!\x11_\xc3\x8coaQm&gt;\xfd\xf4S\x9e|\xf2\xc9\x8c\xa9\x07H\xfb\x04 9\xef\xff\xe4\x93O\xf2\xd5W_Q\xabv]F\x8e\x99\x80\xaa\xaa\xa4\xfd\xd0G\x06\xd05\x8d\xec\x1c\x0fO=r\x1fK\x16\xce\xa7Q\xd3\xe6\xdc\xfd\xd0\x13\x84\x82\xa1\x03\xd2C\x93e\x99p(L\x83\xe2b\xee~\xf8IdY\xe6\xd9\xc7\x1fb\xde\xec9x\xb3\xb2\xd03h&gt;\xb1:\x18\x80\xcdfc\xd4\xed7\xb0}\xebf\xba\x1c{\x02\xd7\xdc|\x17e\xa5\xfe\x03\x92\xbc\xcb\xb2L(\x14\xa2Q\xd3\xa6\xdc\xf9\xc0\x13H\x92\xc4\xd3\x8f\xdd\xc7\xa2\x9f~\xc6\xe3\xf5\xa2\xeb"\xbe\xa9l\xcf\xf8\xde\xf1\xc0\xe3H\x92\xc4\x9dw\xde\xc5\xd2\xa5K\xb1X,i?\x15\x90\xd6\t@r\xdd\xe7\xb2e\xcb\xb8\xf3\xce\xbb\x90$\x89\xdbG\x8d\xa5a\xe3FDBa1\x84\x97\xe24M\xc3\x9b\x93\xc5\xcci\xd3x\xf5\xd9\xc7\xb1X\xad\x8cx\xe4)\xf2\xf2\x0b\x88Ec\x07l\x08\xdeb\xb1P^Z\xce\xe9\xe7\x9cK\xef\xcb\x07\x12\x8d\x84\xb9\xef\xb6k\x88\x84C\xc8\x8a\x82X\x1f\xf8\xdf\xa8\xaaJN^\x16\xef\xbe\xfa\x02\xdf~\xf11\xb9y\xf9\xdc;\xfa\x19\xf4\xc4.\x80\x07\x8a\xc5b\xa1\xac\xb4\x82\xb3/\xec\xc39}\xfa\x11\n\x06\xb9\xef\xb6kQ+\x0b\x87E|S\xd9\x9e\xf1=\xf7\xa2~\x04\x83\x01\x06\x0e\x1c\x88\xa6i\x95;N\xa6\xab\xb4m\x01\x93\x81\xd3u\x9d\xc1\x83\x07\x13\x0c\x068\xa7\xcf\xe5\x9cyAo\xcaJ\xc5\xd6\x9e\xa9.\xb9\xe4/\x14\x08\xf2\xc0\x9d7\x12\x8f\xc7\xe9;\xe0:z\xf4&lt;\x99\xf2\x83\xb0u\xab\xac(\xf8|!\x86\x0e\x7f\x90&amp;\x87\xb4d\xe9\xe2\x85&lt;\xf7\xc4\xc3d\xe7x2\xaa\xaa\xb8\xaa\xe8\xba\xb9\xe4o\xed\xaa\xd5&lt;\xfe\xc0\xdd\x00\x0c\x1d\xfe\x10\x87\xb4l~\xc0Fw\xf6$\xcb2\xc1@\x98\xdbF&gt;L\x83FMX\xf4\xd3\x8f\xbc\xfc\xcc\xe3d\xe7xQU\x11\xdfT\x97\x8c\xef\xad\xf7&gt;L\xc3FM\x985k\x16\xe3\xc6\x8dCQ\x94\xb4\xbe\x7f\xd36\x01H\xf6\xfe\'L\x98\xc0\xf7\xdf\x7fO\xbd\x06\xc5\xdc</t>
        </is>
      </c>
    </row>
    <row r="80">
      <c r="A80" s="1" t="n">
        <v>78</v>
      </c>
      <c r="B80" t="inlineStr">
        <is>
          <t>grid_number</t>
        </is>
      </c>
      <c r="C80" t="inlineStr">
        <is>
          <t>What is the missing number of the part denoted with a question mark?</t>
        </is>
      </c>
      <c r="D80" t="inlineStr">
        <is>
          <t>['2', '7', '9', '6']</t>
        </is>
      </c>
      <c r="E80" t="inlineStr">
        <is>
          <t>6</t>
        </is>
      </c>
      <c r="F80" t="inlineStr">
        <is>
          <t>There is a 3x3 grid of numbers. The first row is [9, 4, 2]. The second row is [6, 3, '?']. The third and last row is [2, 9, 4].</t>
        </is>
      </c>
      <c r="G80" t="inlineStr">
        <is>
          <t>We observe that [9, 4, 2] sums to 15, and [2, 9, 4] also sums to 15. Thus, the pattern is that the numbers in each row add up to the same value.</t>
        </is>
      </c>
      <c r="H80" t="inlineStr">
        <is>
          <t>Based on the pattern that the numbers in each row add up to the same value, the missing number of the row [6, 3, '?'] should be 6.</t>
        </is>
      </c>
      <c r="I80" t="inlineStr">
        <is>
          <t>b'\x89PNG\r\n\x1a\n\x00\x00\x00\rIHDR\x00\x00\x02\x00\x00\x00\x02\x00\x08\x02\x00\x00\x00{\x1aC\xad\x00\x00|\xadIDATx\x9c\xed\xddw\x9c\x14E\xda\x07\xf0\xa7\xaaz\xf2N\xd8\xc4\x02\x92\xa3(\nGT\xe0\xc4\x84\x01\xc3\x19\x10D\x8cHP\x04\x05\xc5x*\x18\xeeT\xf4\xccz\x08*(\'r\xeak\x0e$\xc5\x84\x02\xc2I\x06\xc9q\xd9\xbc3;ag\xa6\xbb\xaa\xde?jw\\Qp\x81\t;;\xcf\xf7\xf39Of\x83\xcdoz\xea\xe9\xae\xae@\xa4\x94\x80\x10B(\xf3\xd0T\x1f\x00B\x08\xa1\xd4\xc0\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4T\x1f@\x83 \xa5L\xf5!\xa4\x00!$\xd5\x87P\x03\xf3O-\xcc?ceh\x01\x90R\n!\xa4\x94\x84\x10B\x08\xa5\x99x\'\x94\xc2\x100\x7f\xc0\xfcS\rC\x00\x00\x92Q\xc5_\xbd\xe5\x00\xc0\x18\xab\xfb\xba\xcf\xe7\x13B\x10\x92)i\xa8k\x1f\x8f\xc7S\xf7E\xf5a\xa0\x94&amp;\xee\xca\x08\xf3W0\xff\xd4JU\xfe\rP\xa6\xbc\xe5RJ\xce\xb9\xa6\xd5\xdc\xf1\xf8\xfd\xfe\x15+V,[\xbe\xfc\xe7\xff\xfd\xaf\xa2\xa2b\xd3\xa6M\x86\xc1\x81\x00dD\x18\x00\x04\x00\xa0C\xfb\xf6\x1e\x8f\xa7W\xaf^=z\xf4\xe8\xd3\xa7\xcfq\xc7\x1d\xa7\xbeh\x18\x06\xa54\xbe\x17D\x98\xffo`\xfe\xa9\x95\xf4\xfc\x1b.\x99\x01\x0c\xc3P\xff\x12\x89D&gt;\xfa\xe8\xa3\xcb/\xbf\xbcu\xeb\xd6\xa9\x0e\xbea\xc9\xce\xce\x1e4h\xd0\xcc\x993\x8b\x8b\x8bUV\xba\xae\xabk"\xcc?\t0\xff\xd4Jh\xfe\rY#\xbf\x03P\x7f;B\x88\xcf\xe7\x9b9s\xe6\x9c9s\xd6\xae]\x1b\xfbj\x96\xd3\xd9\xbcE\xeb\xfc\x82\x826\xed\x8f\xf7\xe4\xe4r\xc3\xc8\x84\xbb?\t\x92\x12\xaa\xeb\xd1\xcd\xeb\xd7\xf8\xbc\x95{wm\xaf\xac(\x8f}\xb5Y\xb3\xe6#F\\5j\xd4\xa8\xce\x9d;\x03\x80\x10\xe2X.\x850\xff\xdf\xc3\xfcS+\x99\xf97|\x8d\xb9\x00p\xceU_\xe7\xacY\xb3\xa6M\x9b\xb6y\xf3f\xf5z\xf3\x16\xadN9\xed\xcc\x81g\x9f\x7f|\xd7\xeeM\n\x9a9\xb2\x9cL\x83F\xfd.\xff\x01)\xc10 \x12\x8e\x94\x97\x16m\xfde\xe3\x0f_/Z\xbad\xd1\x96M\xeb\xd5Wsrr&amp;L\x980i\xd2$\xb7\xdbm\x18F\xac\xeb\xe0\x88`\xfe\x87\x81\xf9\xa7V\x12\xf2O\x0b\x8d\xb6\x00\xa8\xb3\xbf\xb0\xb0p\xe4\xc8\x91\x0b\x16,P/v\xea\xd2\xf5\xda\xb1\x13\x06]pin~\xbe\x94\x10\x89D\xf5\xa8.\x04\x97R4\xd2\x18\x0e\x89\x00\xa8\xa1\x0f&amp;\x93\xd9b\xb5h\x1a\xf8\xabB+~\xf8f\xf6\xcb\xcf,\xfdz\x91\xfa\x9e\xce\x9d;\xbf\xf6\xdak\xfd\xfb\xf7WO\x08\x8f\xe8\xf2\x10\xf3?&lt;\xcc?\xb5\x12\x9d\x7f\xbah\x9c\x05@\x15\xed\x05\x0b\x16\x8c\xbc\xf1\xc6\xc2\xfd\xfb\x01\xa0m\x87N7\x8e\x9f|\xc1\xa5\xc3\\\x1eW\xc0\x1f\xd2\xf5(\x00\xa1\x94\x12\x025\x8f\x842\x95\x94R\n!\xa5d\x9a\xe6\xc8\xca\xe2\\,]\xb2\xf0\xd5\x17\xa6-\xfbn\t\x00\x98-\x96\'\x1e\x7f|\xe2\xc4\x89G\xf4\x19\xc0\xfc\xeb\x0f\xf3O\xadD\xe4\x9fF\x1aa\x01Pg\xff\xcc\x993\xc7\x8c\x19\xa3^\xb9j\xe4\xb8\x89\xf7=\x94\xd7$\xcf\xe7\rp\xc3\xa0\x8c5\xbe72.8\xe7\x84\x10\xa7\xcb\xc5\xb91g\xc6\x8b\xcf?&gt;%\xe0\xaf\x02\x80\xd1\xa3G\xcf\x981\x83s^\x9fAr\x98\xffQ\xc3\xfcS+.\xf9\xa7\x97\xc6V\x00\xd4\x9do\xec\xecw{r\x1e\x9c\xf6\xc2e\xc3\xaf\xaa\xf2\x85\xa2\xd1h#\xee\xcb\x8b#\xf51\xc8\xcds\xadZ\xfe\xd3\xdfo\x1d\xbdy\xc3\x1a\xa8\xfd\x0c\xfc\xe9u\x10\xe6\x7f\xec0\xff\xd4:\x96\xfc\xd3N\xa3*\x00\x07\x9d\xfdyM\x9a\xbe0\xfb\xbd~\x03\xfb\x97\x14U2MkLo[\x12\xe8\xba\xee\xc9\xce./-\xbe\xe9\xaa\xbf\xadY\xb5\x1c\xea\\\x07\x1d4\x8d(\x06\xf3\x8f#\xcc?\xb5\x8e"\xfft\xd4x\n\x80zc\x16/^&lt;h\xd0 \x00\xc8\xce\xcd{g\xc1\x8f\xad\xdbu\xf0UVj&amp;S\xaa\x8f.-q\xc30[-\x8c\xb2\x1b.?w\xc5\xd2\xaf\x01`\xea\xd4\xa9S\xa6L\xf9\xc3q\x11\x98\x7f\xdca\xfe\xa9uD\xf9\xa7\xa9FR\x00\xd4p\xdd\xe2\xe2\xe2n\xdd\xba\x97\x94\x14\xbb\xdc\x9e\xe9s?\xeeyJ\x7f\x9f\xd7\xabix\xf6\x1f=\xce\xb9\xc5j\t\xf8|7\x0e=\x7f\xe3\xda\x9f\t!\x0b\x16,\x184h\xd0A\xd7A\x98\x7f\x82`\xfe\xa9U\xcf\xfc\xd3W#\x19\xfd+\xa5\xe4\x9c_s\xcd5\xc5\xc5E\x00\xf0\xc0\xe3/\xf4\x1b8\xc0[\x89g\xff\xb1b\x8cE\xaa\xc39\xf9M\x9e\x9e1\xd7\xed\xc9\x96\x12\xae\xb9\xe6\xda\xa2\xa2"B\x88ZUF\xc1\xfc\x13\x04\xf3O\xadz\xe6\x9f\xbe\x1aC\x01P\xd5x\xee\xdc\xb9\x8b\x16-\x02\x80+\xae\x19u\xf9\xd5#\x8a\x8b*Mx\xe7\x1b\x0fL\xd3|^o\xa7\x13\x8e\xbf\xef\x1f\xcf\x02\xc8\xe2\xe2\xa2{\xef\xbd\x97R\x1a\xbbw\xc4\xfc\x13\n\xf3O\xad?\xcd?\xad\xa5}\x17\x90Z\xd1\xc2\xeb\xf5\xf6\xed\xdbw\xc7\x8e\x1d-Z\xb7}o\xf1\n\x8b\xc5\xaa\x1e\xe5\xa7\xfa\xe8\x1a\x0f\xce\xb9\'\xdb=\xee\xea\xcb\x17~\xfa\xbe\xc5b\xf9\xee\xbb\xefz\xf5\xea%\xa5TKHb\xfe\x89\x86\xf9\xa7\xd6\xa1\xf2O\xf7\x85"\xd2\xfb\xe8\x01@\r\xce\x9d5k\xd6\xb6m\xdb\x84\x10\xa3&amp;\xdc\x95\xd7$\'\x1a\x8d\xe2\xd9\x1f_\x84\x10=j\xdcr\xe7\x83\x16\xab5\x12\x89L\x992E5=\x98\x7fr`\xfe\xa9u\xa8\xfcS}\\\xc7*\xbd\x0b\x80\x94\x921V]]=k\xd6,BH\xdb\x0e\x9d/\x1a2\xdcW\x19h4\xcf\xe8\x1b\x0eJi \x10\xe8\xda\xbd\xdb\xb9\x17]\x0e\x00\xdf~\xfb\xed\xa6M\x9b\x18c\x94R\xcc?\t0\xff\xd4:T\xfe\xe9\xfe$ \xbd\x0b\x80\x9a\x97\xb1x\xf1\xe2\r\x1b6H)o\x18w\xbb\xcb\xed\xe4\x86\x91\xea\xe3j\x9c(\xa5\xd1\x88&gt;\xf2\x96\xc96\xbb#\x18\x0c\xbe\xfa\xea\xab\xeaE\xcc?90\xff\xd4\xfa\xc3\xfc\xb1\x00\xa4\xde\xec\xd9\xb3\t!M\x9a5?\xe7\xc2\xcb\x02\xfe\x10m\x14\xc3\xb3\x1a Ji0\x18\xea\xda\xbd{\x9f\xfe\xa7\x11B\xde{\xef\xbd@ \x00\x00\xea\xf2\x13\xf3O4\xcc?\xb5~\x9f\x7f(\x14\xd24-\xad;\x82\xd2\xb8\x00\xa8\xfe\x1f\x9f\xcf\xb7b\xc5OR\xca~\xa7\x9d\x9d\xd7$O\xd7u\xec\xfdL )\t\x81\xb3\xce\xbfDJ\xb9\x7f\x7f\xe1\xc6\x8d\x1b\r\xc3X\xbe|9\xe6\x9f$\x98\x7fj\xfd6\xff5k\xd6@\x9a\xdf\x04\xa4q\x01P\xb9\xaf\\\xb9r\xdf\xbe\xbd\x000p\xd0\xe0T\x1fQ\xe3G\x19\xab\xae\x8e\x9e2\xe0\x8c,\xa7\x8bs\xe3\xdbo\xbf]\xb7n]aa!`\xfeI\x81\xf9\xa7\xd6A\xf9\x7f\xf1\xc5|\xa8\xddu\'M\xa5q\x01P\xb9\xafX\xf1\x13\x00\xd8\x1d\x8e.]\xbbE\xc2\xd1t\x1f\x95\xd5\xc0\x11B\xa2\x91H\xb3\x16\xadZ\xb7\xeb\x00\x00k\xd6\xacY\xbat)\x008\x1cY\x98\x7f\x12`\xfe\xa9uP\xfe+W\xfe\x04\x00i\x9dy\x1a\x1f\xba\xba\xd5]\xb5j%\x00\xb4h\xd5\xb6\xa0\xd9qx\xff\x9b\x04B\x08\x9b\xdd\xd2\xf9\xc4\x93\x01`\xcd\xda\xb5\x9f\x7f\xf1\x05\x004o\xd5\x1a\xf3O\x0e\xcc?\xb5\xea\xe6\xbfi\xd3\xa6@ \x90\xd6\x93\xc2\xd2x\xb8\x98\x1a\x87[ZZ\n\x009y\xf9\xf6,g\xc0_\x95\xd6\xd58-H)\x19\x83\x82f\xc7\x01@eE\x85\xea\x88\xcb\xc9\xc5\xfc\x93\x04\xf3O-\x95\x7f\xd3f-\x00\xc0\xeb\xf5UWWgee\xa5\xfa\xa0\x8e^\xba\x16\x005\x07\xcf\xeb\xf5n\xd9\xb2\x05\x00\xdaw:A\xd3d\xfa\xd6\xe14B\t1\x0ch\xdf\xe9\x04\x00(...++\x03\xcc?\x890\xff\xd4R\xf9\xb7\xeb\xd4\x05\x00\xaa\xaa|\x9b6m\xca\xcf\xcf\x17B\xa4\xe9\xdap\xe9Z\x00\x14)\xa5\xae\x1b\x00\x90\x9d\x93Kic\x98\x98\x97\x16\xa4\x84\xec\x9c\\\x000\x0cC]\x81b\xfe\xc9\x84\xf9\xa7V,\x7f!\x84\x91\xe6\xb3.\xd2\xfe\x86Quz\xa6\xfb\xdb\x90vT\xe0\xb1\xdd\x910\xff$\xc3\xfcS+\x16x\xba?tI\xfb\x02\xa0\xa4\xfb\xdb\x90v\x0e\n\x1c\xf3O2\xcc?\xb5\x1aM\xe0\x8d\xa4\x00 \x84\x10:RX\x00\x10B(Ca\x01@\x08\xa1\x0c\x85\x05\x00!\x842\x14\x16\x00\x84\x10\xcaPX\x00\x10B(Ca\x01@\x08\xa1\x0c\x85\x05\x00!\x842\x14\x16\x00\x84\x10\xcaPX\x00\x10B(Ca\x01@\x08\xa1\x0c\x85\x05\x00!\x842\x14\x16\x00\x84\x10\xcaP\xe9\xbd\x1f@:\x92RJ)\xa4\x04\x00\t\x12\x80@\xed\xb2\xbe\xa4\xd1,1\x88\xd0\xa1H)jN\xff\xba\xe7?\x00\xa1\x84\x10\xbc\x1eM6,\x00I"\xa5\x14\x82SJMf\x8b\xd9laL\x9d\xf5\x00\x12\x84\x00\xc3\x10\xd1HX\xd7u\x02@\xd3sk\xa1t\xa7\n\xb3j\x90b\xb0*\xc7\x8b\x10\\J\xc9\x98f\xb1\xd8Lf\x13\xa5\xbf\x9e\xffR\x82\x10\xa0G\xf5h4\xc2\xb9A\x08\xc5\x8d-\x93\x06\x0b@\xc2\xa9\xa6\xdfb\xb1\xda\x1d\xceH\xd88P\xb8w\xef\xce\xedE\x07\xf6\xfb**t#j\xb6X\xf3\xf2\x0bZ\xb4j\xd3\xaam\xfb\xdc&amp;\xf9R@\xc0\xef\x97B`\x19H&amp;\xb5\xc3\xa8\xcd\xee&lt;hS-\xce\x8dH8\x8c5\xe0\xe8I\xc9\x05gL\xcbr\xba5\r\xfc\xfe\xe0\x9e]\xdb\xf7\xef\xddUZ\\T\xe5\xad\xd4u]\xd3\x98\xd3\xe5\xc9/h\xd6\xa2u\xdb\xe6-Ze\xe7x\xa2Q\x1e\n\x06\x00\x08\x96\x81$\xc0\x02\x90Xj\xb3P\xb7\xc7\xb9w\xf7\x9e\xb7^{\xf7\xab/&gt;\xd9\xb4~\xb5\xbf\xca\xf7\xfb\xefl\xde\xa2U\xcfS\x06\\p\xd9\xf0\x01g\x0c2\x99\xcd\xfe*\x1fc\xf8\xee$\x83j\xfd\xa5\x94\x93\xc7\x8e(*\xdcG\x08\x95RP\xca\x84\xe0}\xfa\r\x9cp\xcf\x94` \x88\x8d\xd1Q\xe0\x9c3\xa6y\xb2\x9d\xc1@\xf5\x0f\xdf,\xfe\xf2\x8b\x8fV,\xfdf\xcf\x8em\xe1p\xf5\xef\xbf\xd9b\xb1\xb6i\xdf\xb1\xdf\xe9\x83\x06_2\xb4[\xaf\xbe\xba\xaeW\x87\x82\xf8\x11H4\xcc7\x818\xe7v\x87#\x1a\x89&lt;\xff\xf8#\xff\x99\xf9byY\x89z\x9d\x10B(%\x00\xea\x1eXJ\x10\x82\x17\xee\xdbS\xf8\xde\xdcO\xde\x9b\xdb\xb3\xef\x80\twO\x19p\xd6\xd9U^?4\xa2\xbd\x87\x1a,\xce\xb9\'\xc7\xf9\xc4\x83\xf7}\xf2\xde\xdc\x83\xbe\x94\x95\xe5\xd44\x86{\xed\x1e))\xa5\x10\xc2\xe5v\x07\x03\x81\xb7g\xcd\x987{\xc6\x865\xabb_%\x94\xd2\x9a\xb3\x9a\xd4~\xbb\x8cD\xc2\xbfl\\\xf7\xcb\xc6uoL\x7f\xee\xdc\x8b/\x9fp\xf7\x94\x8e]N\xf0U\xfa\xd2t\xb3\xf5t\x81\xd75\x89\xc2\xb9\xe1t\xb9v\xef\xd8z\xed\xdf\xce|\xee\xb1\x07\xcb\xcbJ\x18\xd3(e\x84\x10)\xa5\x14\xa2\xf6i\xb0\x94R\x10B\x08\xa1\x8c1J\xe9\xaa\xe5\xdf_\x7f\xd9\xa0\xa7\x1e\xfa\xbb\xcdnWW\xa6\xa9\xfe\xab4f\x9cs\xb7\xdb\xfd\xfd\x97K^}~\x9a\xa6i\x8ci\x941\xca\x98\xc9l\xa6\x8c\xd9\xec\x0e\x8c\xffHq\xce\x19c\x9el\xf7W\xf3?\x19q\xc1_\x1f\x984v\xc3\x9aU\x84\x10\xc64J)!D\x8a\xba\xb8\xfa?B\x08\xa5\x941M\x08\xfe\xc5\x87\xef\x0c;\xb7\xdfG\xf3\xfe\xe3\xc9qs\xceS\xfd\x17j\xcc\xf0\x0e !8\xe7YN\xe7\xa6u\xabG\x0f\xbb\xa0\xb4\xf8\x80\xa6i\x9cs\xce\r\x00`\x8c\xa9\xeb\xa3\xba-;\xa5L\xfd\x14\xa8\x87\xc0RN\x7f\xfa\x9f\xfb\xf7\xecz\xfc\xa5Y\xd1HTJ\x89\xf7\x01\x89 \xa54\x99L&gt;\x9f\xf7\xc1;\xc6r\xce)\xa5B\x08\xf5%\x02 8\x8f\xfd\x11\xd5\x93\xba\xf0\xf7VV&lt;z\xdfm\xef\xbe\xf9*\xd49\xe197(e\x94R\xf5@\x18\x00\x00j&gt;\x02\xb1\xef\x01\x10\x00\xc0\x98\xe6\xaf\xf2M\xbe\xe9\x9a@\xc0\x7f\xf5\xa8\x9b\xbd\x15&gt;\xa6\xe1}@B`\x01\x88?)\x84\xd5j)&gt;Px\xf3\xd5\x97\xa8\xd6\xdf0\x0c\xa8\xed\xccQ\xad\xbc\xcb\xed\xc9/hf\xb5\xd9\xc2\xd5\xd5\xc5\x07\xf6\x07\xfcU\x00\xa0\x1a \xc19!D3\x99&gt;yo\xae\xc5b\xfd\xe7\x8b\xaf\xf9}UX\x00\x12Ap\xee\xcev\xde}\xf3\xad\xbb\xb6oe\x8c\xe1\xc5\xe61\x92R\x9a-\xe6\x95\xcb\xbe\x9b:\xf9\x96-\x1b\xd7\xa9\x07\'\xb1\xcb\x1a)\x84\x105\t\xdb\xecv\xbb#K\xd3L\x91p\xb5\xcf[Y\xf3=\xb5\x05\x98sC\xfd\xecCw\xde\xd2\xbam\x87~\xa7\x9f\xe5\xaf\xf2c_P"`\x01\x88?\t\xa0\x99L\x0fN\xba\xe9\xc0\xbe=u[\x7fu\xd5s\xe6y\x17]&gt;b\xe4\x89\'\xf7py\xb25\x93\xc9\xd0uoE\xf9\xea\x95?\xce}\xed\xe5\x95\xcb\xbeW\r\xbd\x94\xd2\xd0uM3\xbd\xf7\xd6\xeb]N\xea~\xfd\xcd\x13*\xcb\xbdL\xc37+\x9e87&lt;9\x9eO\xde}\xe7\xbd\xb7^S\xad\x7f\xec=BGG\x08a\xb3Y\x17\x7f\xf6\xf1\x96\x8d\xeb\xcc\x16k4\x12\x06\x00\xf5\xb8Kp\x0e\x00=O\x19p\xfa9\x17\x9c\xf4\x97\xde\xcd[\xb4rd9)e\xba\x1e--.Z\xb3\xf2\xc7\xf7\xdf\x9e\xbd~\xf5\xaa\xd8[ \x84P\xfd\x9fS\xef\xbc\xe5\xfd/Wh\x9aI\n\x01x\x19\x14o\xf8\x0c \xce87\\\x1e\xd7\xe7\x1f\xbc\xfb\xcd\xe2\xcf\xd9o[\xff,\xa7\xeb\xe9\x99sg\xcc\xfbx\xd0\x85\x97\xe4\xe67!\x84r]\'\x84\xe6\x174\xbb\xf8\x8a\xe1s&gt;Y2y\xca\xe3\x00\xea\xdb\xd5\xbd\x82A)}\xfa\x91\xfb\xb6n\xfe\xc5f\xb7cwD\x1cI!,V\xdb\xfe\xbd{\x1f\xbd\xf76\xf5\xee`\xeb\x7f\xec\x18c\xfe\xaa\xc0\xe4)\xff&lt;\xed\xac\xf3\xa2\x910c\x1a\xab\xb9\xf0\x17\x03\x07\r~\xf3\xa3\xaf\xe6|\xb4d\xdc\xe4{N=\xed\xcc\xe6-Z;]n\xbb#\xcb\x93\x93\xdb\xe5\xa4\xee\xd7\xdd4~\xde\xfc\xa5\x93\xee\xff\x07\x00\xa8\xe7\x04P3\x82N\xdb\xbdc\xeb\x07\xf3\xdet\xba\x1cx\x7f\x96\x08X\x00\xe2\x8cR-\x1c\xaa\x9e\xf9\xfc\xb4X\x83\xa2&amp;\x13\xd9l\xf6\x97\xde\xfc\xe0\xb2\xab\x86{+\xbcU^\x9f\xae\xeb\x00\xea\x8aF\xe8z\xd4[\xe1\r\x05C\xb7\xde}\xf7\xa3\xcf\xbd*\xa5P\xf7\xbf\xaaU\n\x06\x03/?\xf5\xa8\xc5j\x96\x12\x0b@\xdcH\x00\x8b\xc5\xfc\xd0\x9d\xb7\x94\x95\x14\x11J\xd5\xb3\xf83\xce\xbb\xc8j\xb3\xa7\xfa\xd0\xd2\x9b\x14\x82s\xf1\xc4\xcb\xb3[\xb7\xed\xc0\xb9\xc19o\xd5\xa6\xfd\xf3\xb3\xdf\x9d1\xef\xd3\xbe\x03N\x0fW\x87*\xcb\xbc\x01\x7fU4\x1a1\x0c\x83s\xc3\xd0\xf5\xeaP\xb0\xa2\xdc\x1b\tGn\xbf\xff\xbe\xbb\x1f~J=\x10\xae\xf9m \t!\x1f\xbe3\xa7:\x14\xc1\x991\x89\x80\x05 \x9e\x04\xe7\x8e,\xfbO?|\xb7i\xdd\xcf\x00D\xdd\xf6\x12J\x85\x10\xe3\xef\x9ez\xfa\xb9g\x96\x1c\xa8`\x9a\xc6\x18#5\xf3 A\x15\x08\xa6i\x84\x90\xa2\x03\x95W\x8f\x1a9\xf2\x96;8\xe7\xea\xb1\xb0\xfa0|\xf1\xd1;\x1b\xd7\xae\xb5\xd9\x1dx\x13\x10\x17\x86ad\xe7\xb8\xfe3\xf3\xe5\xaf\xe6\x7f\xc2\x98\x06R\x12\x806\xed;\r\xbf\xfe\xa6H\x04\xa7}\x1d\x13Bi$\x1c\xce\xc9k\xf2\xf4\xabo;\xb2\x9c\x17\\v\xe5\xbb\x8b~\x1c|\xc9\x90\x80\xbf*PUE(eZ\xcdX\xb8\x18J\xa9\xa6i\x84\x90\xe2\x03\xbe\x91\xb7L\xea\xdd\x7f\xa0\xa8\x9d\x08\xa9\x06\xcb\xfd\xb2a\xed\xce\xed[-V\xab\xc4\xf3?\xde\xb0\x00\xc4\x93\x94\xd2d\xa2_\xcd\xff\x04\x00(\xa3\xa0Z\x7f\xce[\xb6nw\xe5\xf5c+\xca\x02&amp;\xb3\xe9P?K\x08\xd14\xad\xb2&lt;8\xfe\xce\x07Z\xb7\xeb\xa0\xee\x03\xa4\x94\x941=\x1a\xfd\xe8\xdd\xff\xd8l&amp;\xfc\x00\x1c;!DV\x96c\xe3\xda\xf5O=|\x8f\x1a\x91\xa2\xee\xd5F\xdfz\xb7=+K\xd6\xb9\xfcDG\x871\x16\xf0\xfb\xbbt\xed6o\xfe\xd2\xc7^\x98\xe5p\xba\xbd\x15^J\xd9\xe1/\xe1\t! %\xa5\xe4\x8a\xabo\x8c\xbd\xa8\xe6\xe8\xe9\xd1\xe8\x8e-\x9b\xccf\x93\xc0&gt;\xbax\xc3\x02\x10O\x94i\xc1@\xf8\x7f+\x96\x02\x80j\xacUg\xce9\x17]\x96\x9d\xe32\x0c\xe3\xa0\xa5f\x0eB\x08\xd1u\xdd\x9d\xed\xbe\xee\xa6\x89RJ\xf5\xc8K\xfd\x9e\xc5\x9f}\xe8\xad\xa8\xd2L\x87\xac\x1f\xa8~$%D\x08\xf1\xc0\xedcC\xc1\x80\x9a\x92\xc79o\xd7\xb1\xf3\xb0\xeb\xae-\xda\xbf\x17\x00\xf0I\xe3\xb1\xa3\x94VWW\xb7\xebp\xbca\xe8\xd1p\xb8\x9e\xe3\x17(\xa3\x91\xb0~\xc2\xc9=Lf\xb3\x1a\x0b\x07\x00j\x85\xb8\xa2\xc2\xbd\x94Al\xd8(\x8a\x17,\x00q#\xa54\x99M\xa5%E{v\xedP\x7f\x84\xda\xe6\xbbw\xbf\xd3\x0cC\xd2z\xb4,\x8c\xb1`0|\xf6\xe0K&lt;\xd9\xb9\xea3\xa0z\x81\xf6\xec\xd8\xb6i\xfdj\xab\xcd\x86\xbd@\xc7\xc20\xb8;\xc7\xf9\xf2\xbf\xfe\xf1\xf3\x8a\x1f\x98\xa6\t\xce\xd5{r\xf7\xc3O9\xb24\xbf\xcf\x07\x87/\xd1\xa8\xde(\xa5\x91p\xb5\xea\xe2\xa9\xf7\x0f\x11\xce\x8d\xec\x9c\\\x97\xdbS\xe75\x00\x80` @\x00\xdb\xff\xf8\xc3\x02\x107RJ\x93f*=P\xa8\x06\xf5K\t\xaa\xf96\x9b\xcd\xad\xda\xb4\xd7\xa3\x06\xa1\x7f\xde\xb6\x10B\xa2\x91H\xd3\xe6\xc7\xf5\xe8\xdb\x1fjo (c\x12\xe4\xcf+~4\x9b)\xf6\x02\x1d5\xce\xb9\xcb\xed\xfa\xf1\x9bo_y\xe6q\xc6\x98\xe0\\\x8d\xfe\xbcz\xd4-g\x9c{\xa1\xbf\n\xa2\xd1H\xaa\x8f\xb1Q9\x92\xa6\xbf\x86\x94@)\xd5\xb4\x83\xeftq\x12@\x82`\x01\x88\x1b)%e\xd4\xeb\xad\x00))\xa5\xb1\xcb\x15\xa7\xcb\xe3\xf2\xe4p\xfe\'\xfd?u\x7f\x11\xd3\xe0\xe4\x9e}\x00j\xbb#$\x00\xc0\x86\xb5\xff\xe3\x02;(\x8e\x92\x94R\xd3\xb4\x80\xdf\xff\xc0\xa4\xb1\x86\xa1\xab\x11V\x9c\xf3N]\xba\xde\xf1\xe0c~\x9f\x8f1\x88\xa8E\xca0\xe1\xd4!\x94\xe8z4\\\x1d\xfa\xf5%)\x01\xc0\xe5\xce\x96\x12\xef\xce\xe2\x0f\x0b@&lt;\x11\x02\xa1P\xb0\xe6\xdfj\xffi\xb5\xdbM&amp;\xd3\x11\x8c1\'Dph\xdb\xbe\x13\x00H!\x01@\r\x00\xdd\xbd}ku0\xac\x9e-\xa3#%8w\xb9\x1dON\xb9{\xc7\xd6\xcdj\xe1\x01B\x88\xc9l~\xf8\x99\x196\xbb\xc3\xe0\x06\xa1\x10\xd5\xf5T\x1ffF\x93Rj\x9a\xa9\xbc\xb4T\xddC\xc7^\x04\x80f-Z\xa9!u);\xb8F\n[\x938SM\xf6\xc1\x8e\xe4\xbc%\x04\x84\x90\x9e\xec\\\xa8m\xfa\xd5g\xa0\xa4\xf8@\xc0\xefcL\xc3\xf9JG\x8a\x1b\x86;\xc7\xf3\xf9\x07\x1f\xcc{\xe3\x15\xc64\xce9e\x8cs&gt;\xee\x8e\x07\xfa\xf4?\xd5_UU\xb3\x16\x93a\xa4\xfaH3\x9a\x94\xd2lf[7\xafW\xcb\xc9\xa9"-\x84\xb0Xmm\xdaw\x8cF\xa3\xf5y\x8a\x86\x8e\x08\x16\x808\xb3X\xad\x00\xb5\xdd?R\x02@8\x14\xd2\xa3\xfa\x91\x0c.$\xaa\'\xf4\xa0W\x03\xfe*\x7f\x15\xae\x8e{\xc4\xa4\x10\x16\xab\xb5h\x7f\xe1\xc3w\x8f\'\x84H)(c\xdc0\xfa\xf4\x1b8v\xd2\xdd\xde\n\xbf\xa6i\xa0\x16\xe6\x16\x02\xf0"3\x85\xa4\x04\x02\xdf}9\x1f\x00j\xf6\x8a\xa4\x94\x10\xd2\xa9K\xd7\x16\xad\xdbD#\x91\xa3x\xa8\x80\x0e\x0f\x03\x8d\x1bB@p\xa9\x060\xd4\x9d\xb5[\xe5\xf3VV\x941\xcdT\xcfA\x0cRJ\xc6\xa0\xa4\xe4\x00\xfc\xf61Z4\x12\x0e\xfa\xfd\x8c\xe2\xf2\xf4GFJi\xb5Y\x1f\xbe{BIQ!Q\xcbkK\xe9t\xb9\x1f~\xe6\x15)%\x86\xd9@H),6\xdb\xee\xed;\xbf^\xf8\x19\x00\xa8e\xe3\x08\x10)\xe5Y\xe7_l\xb7[\x04.\x05\x91\x00X\x00\xe2\x86\x00\xd5\r=\xbf\xa0\xb9\xc5j\x8b\xad-C)\xd5\xf5\xe8\xf6_6\x9a\xcdL\xfca\xef\xd0\xefH))#?,Y\x04\xb5\x0b\x88\xc6\x96\xc7\nG\xc2\xf5\x19J\x84b\x0c\xc3\xc8\xceu\xbf\xfd\xfa\x8cE\x9f\xbe\xcf\x98&amp;\xb8\xda\xeaK\xdc\xfd\xf0S\x1d\xbbt\x0e\x05C\xb8\xd5W\x03\xc1\xb9\xc8\xca\xb2\xcc\x99\xf9\x82\xba\xcd\xad\xed\xff\xe1j:q(\x18\xc5\xa7_\x89\x80\x99\xc6\x8d\x1a\xc0P\xd0\xac\xf9q-[Cm\xdb\xad.\xe1\xbf^\xf8\x19\xa5\xf5ZkL\x08n\xb3\xdbwl\xd9\xb6\xe0\x93\xf7\t!\xb1\xab\x9e\x9a\xe5\xb1\xea?\x94\x08\x01\x08!\x1c\x0e\xc7/\x1b7M\x9bz\xa7\x9a\xf4K\x19\xe5\xdc8\xef\xe2!\xc3\xae\x1bUY\xee\xd3p\x81\xd5\x86Ap\x9e\xe5\xccZ\xb3\xea\xe7y\xb3\xa6\xc7\x16\x85\xa6\x94I)/\xbb\xea\x86\xf6\x9d:\x84\xc3!5#\x0c\xc5\x17f\x1aO\xdc0\\\xee\xac\xee\xbdN\x89\xcd\x7fQ\x93\xb9\x16}\xf6\xc1\xb6_\xb6\xda\xed\xf6\xc3\xafh\xa8\xe6|Y\xad\xe6\xc7\x1f\x98\x1c\xf0\xfb\x08\xf9u;0\xf5\x7f\xf8\x198"\x84\x10 \xf0\xc0\xa4\x9b\x02\xfe*\xb5&amp;\x9f\x14\xa2\xe9q-\x1ex\xe2\xf9pu\x98\xe2\xbdT\x03\xa1\xf6d\x16\xe2\xe1\xbb&amp;\x84\xc3\xd5\xa0\x16g\xa5TH\x91\x93\x9b?j\xc2\xe4` \xac\x9e\xd2\xa3\xb8\xc3\x06%\xbe\x08\xe7\xf2\xec\x0b.U\x9b&gt;B\xcd\x8a\x9e4\x18\xf0?1e\xb2\xc5jf\x1a3\x0c\xe3\xf7\xb7\x02R\x08\xc3\xd0\xcdf\xb3\xdb\xe3z\xf4\xde\xdb\xbf\xfc\xe2#\xa6i\xb1\xdd3\x00j\x9e\'3M\x03\xec\xb3\xae\x1f\xc30&lt;9\xce\xe9\xcf&lt;\xbe\xf2\xc7ok\'\xfd\x12)\xe5\x94i/\x154m\x16\t\x87\xb1\x9a6\x10\x06\xe7\x9e\x1c\xe7\xbf\x1e\xf9\xfb\xffV,U\x13\xf4\x00@\x95\x84\x89\x7f\x7f\xb4E\xab\x96\x910\xae\xd0\x97(\xf8\x19\x88\'\xc6X0\x10\xec\x7f\xfa\xd9\x9dN8I\xad\xe3\x06\x00BpJ\xd9W_|\xfc\xc0\xa4qf\xb3\xd9\x93\xe3\xd14Mm\x91\'8W\xad\xbc\xc5f\xcb\xcd\xcf\xf6V\x96\xdfz\xfd\xf0\xd9\xff~\x861\xad\xee\x90Du\xf6S\xc6,\x16\x0b\xae\x87U\x1f\x9cs\xa7\xcb\xb5b\xe9\x0f\xff\xfe\xd7\xa3u\'\xfd\x8e\x18u\xcb\xb9\x17]\\Y\x89\xbb\xeb4\x14\x86\xae\xe7\xe6{\xde\x9e=\xeb\xb5\x17\x9f\x8am\xca\xa6\xce\xff\xb3\xce\xff\xdb\xb0\xebF{+\xab\xf0\xcdJ\x1c,\x00q\xc69\xb7;\xec\xb7\xdc\xf9\xa0\x94\xbf.\xfe#\x04\xa7\x94\xbe=\xeb\xdf\xc3\x07\x9f\xf6\xf9\xfb\xefT\xf9\xbc\x16\x9b\xdd\xe9v;\xdd\xee,\xa7\x1b\x08\xec\xd8\xba\xf9\x85\xc7\xffq\xe9\x19\xbd&gt;\xfb`\x1e\xd34\xce\x8d\xec\x9c&lt;\x9b\xfd7k\xd3\x9bMf\x9b\xdd!\x05\xc7\xab\xa1\xc3S\x93~\xabC\xc1\x07&amp;\x8e\xd5\xa3jGe\xaa&amp;\xfdN~\xf0\xb1*_\x10\x87\xd26\x10\x86\xaeg\xe7f/\x99?\x7f\xca\x1d7\xd5\xe9\xfa\xa7\x9c\x1b-[\xb7{\xe4\x99W\xa2\x910\x9e\xec\t\x85\xa55\xce\x18cU\xde\xaa\xf3/\x19\xf2\xd5\x17\xd7|\xf4\xce\x1c\x93\xc9\xa4\xeb:\xd4nq\xb7v\xd5\xf2\xdbF\x0e\xcb\xc9k\xd2\xba]\x87\x9c\xbc|M3\x05\xfdUE\x07\xf6\xef\xda\xb6\xc50t\x00\xd0L&amp;n\x18V\x9b\xfd\xc9\xe9s\xee\xbb\xf5\xc6\xeaP(\xd6\xdc[mvG\x96\x93\xe3Z@\x7f\x86s\xee\xc9v&gt;x\xfb\x84\xad\x9b\xd73\xc6\x84\x10\x94\xfe:\xe97\xe0\xc7\xdde\x1b\x04\xc30\xdc9\xd9\xabW\xae\x988j\xb8\x1e\x8d\xaa\x11\xba\xea\xb9\x97#\xcb\xf9\xeck\xf3r\xf2\xf2\xf1\xcdJ4,\x00\xf1G(\xa9\x0e\x06\xa7&gt;\xf5\xd2\x81\xfd{V,\xfd\x86i\x9a\x10Bm\x8c\xa7\x06\x1dV\x94\x95T\x94\x95\x1c\xf4S\x8ci\x84\x12C\xd7\x01`\xda\xcb\xb3;\x9fxry\xed\xf7\xa8\xcek\xb7\'\xdbf\xb3\xe3h\xe8\xc3\xe3\x86\xe1\xc9\xf6,\xfc\xf4\x93\xff\xbc\xfa\xa2\xeaR`\x9a\xc6\rc\xfc\xdd\x0f\xf5\xe9\x7fjy\xa9\x17G\xfe4\x04\x86a\xb8\\\xaem\x9b7\xde&lt;\xe2\x12\xbf\xcfK)S\x1b3\xa8\xa1sON\x9f\xd3\xadW\xef\xca\n|\xb3\x12\x0e\xbb\x80\xe2\x8f\x10b\x18\\\xd3L\xff~\xeb\xc3\xf3.\x1e\xc2\rC\n\xc1\x18c\x8cIY\xf3X\x98\xaa?3\x8di5\x84\x10\x86\xae\xdb\x1d\x8e\'\xa7\xcf\xb9|\xc4\x15\xbbwlU\x8b\x15\xc76\x06\xc8\xc9\xcb\xb7;\xb2\x04\xeeXrhR\n\x8b\xd5ZZT\xf4\xd0\x9d\xb7\xd4\xcc\xc3P\x93~\xfb\x0f\x1c;\xf1\xae\xd8\xa4_\x94Z\xdc0\xb2\x9c\xce}{v\x8e\xb9\xf2\xc2\xd2\xe2\x03\x8c\xd5\xb6\xfe\x94\n!\x1eyf\xc6y\x7f\xfb\x1b\xb6\xfe\xc9\x81\x05 !(\xa5\xd1hT\xd3\xcc\xcf\xbc6\xef\x91gf\xb4l\xd3\x8es\xce9\x97RH)\x01$H)\xa5\xe4\xdc\xe0F\r)\xc5\xc0A\x83\xe7~\xfe\xfd\xc5W\x8c\xf0W\xf1\xf2\xd2\x12U*\x00\x80\x00\x01\x80f\xc7\xb52\x995\xdc\x0f\xe00\x84\x906\xbb\xf5\x91{n;\xb0\x7f\xaf\xdaOM\xaaI\xbfO\xe3\xa4\xdf\x86\x82s\xc3\x91\x95Ur`\xff\xe8a\x17\xee\xdb\xbdS\xdd\xa5\xa9\x8d!\x05\xe7\xf7&gt;\xfa\xf4\xf0\x917V\xe0\x8dZ\xb2`\xca\x89B)\xe5\x9cW\x07\x83\xc3o\x18}\xce\x85\x97~9\xff\xe3%\xf3?\xdd\xb0fUiq\x91\xaeGc\x8d\x91\xcd\xeeh\xd1\xaaM\xafS\xfez\xfe\xa5C\xfb\xf4\x1b(\xa4\xf0V\x94\xe7\x17\xe4\xed\xde\xb1\x15\xd4&lt;2!\xd4\xdc\xaf\xd6\xed;R\x068\x0c\xf4P\xb8ad\xe7y\xe6\xcd~\xfd\x8b\x8f\xdeaL\xe3\x82SB\x85\xe0\x93\xa7&lt;\xd1\xbeS\xe7\x8a\xb2r\xcd\xa4\x1dj\x1e\x86\xa8-\xcf\x07\xbd.\xa5T\x95\xbb\xee\x8b\x8cR\\2\xfa\xe8p\xce\xed\x0eGYI\xf1\xa8\xa1\x83wl\xdd\xcc\x98\xc6\xb9\xa1Z\x7f\xce\xf9\xa4\xfb\xff1\xfa\xd6I\x15e8F+y0\xe8\x04"\x84\x00!\xdeJ\xaf\xd5f\x1fz\xcd\xc8!#FV\x94\x97\x95\x14\x15V\x96\x97E\xc2aJ\xa9\xdd\x91\x95\x9b_\xd0\xa4i3\x97;K\xd7e0\xe0\x07\x00M3q\x0e\xbfl\\\x07P3\x01L\xad0\xda\xf1\xf8\x13\x05\xee\x07p\x08B\x08\xbb\xc3\xb1m\xf3\x96\'\x1e\xbcC\xf5$\xa8+\xca!\xd7\xdc8\xe6\xb6\xb1&gt;\xaf\xcc\xc9\xcb=\xcc\x8f\xeb:\xf7\xb8\x99\xc5b;\xe8u\x93\xc9\xec\xf60\t\xd9\x1a\xfb5\xf6P\xb0Z\x08\x9c\x92}\xc48\xe76\xbb\xbd\xb2\xbcl\xd4\xb0\xc1[7oP\xcffb\xad\xffm\xf7=2\xe1\xae\xfb*\xca}\x8ca\xa3\x94&lt;\x98u\xc2\xa9\xf5\x87\xbd\x95&gt;\x02`\xb3\xd9\xdbw:A\xd34\xd5\x8c\x0b!\x0c\xc3\xd0\xa3\xd1\xca\n/!\xa4v\xba#\xf1W\xf97\xae\xfd\x19\x00\xa4\x14jE\x14\x93\xc9\xdc\xb1\xcb\x89z\xe4\x88V\x15\xcd j\x99\xcf\x87\xef\x1a_\xe5\xf5R\xc6\x84\xe0\xc0\x81\x10R\xbc\x7f\xdf\xa8\xa1\xc3\r]\'\x84\x1ef1&gt;)\xa5\xd9b\xde\xb4n\r\x00p.\x00@u\xb5\xadZ\xfe\xfd\xe8aW\xe9\xd1h\xdd\xd8o\xbd\xf7\xe1Vm\xdbG#\x11|/\xea\x8fsn\xb3\xdb\xaa\xbc\x15\xa3\x87]\xf0\xcb\x86\xb5\xb1\xd6_\x8d\xd0\x9dt\xff?\'\xdcuoe\xb9\x8f\xe1\xd2L\xc9\x85\x05 \x19\x08!j4\x1b\xe7\xdc0B\x002\xb6\xb6\x83\x12\xbb\xea\x11B\xd8\xed\xf6\x8dkW\xef\xd9\xb9\rj\x07\x8fJ)\xdbt\xe8\xd8\xb2u\xfbH$\x82\x8b\x97\xfd\x9e\x94\x921\xcd\xe7\xf5mZ\xbf\x9a\x10R\xb3\x8b\x0e\x00H\xf9\xddW\x0b\x8e\xfc\xb7\xfd\xba\x07\xc3\x81\xfd{?\xfd\xbf\xb7\x0f\xfa\x86\xeb\xc6\xde\xc6:\x1e/qzj\xbdq\xce\xad6\x9b\xbf\xca7z\xd8\x85\x1b\xd7\xfe\xfck\xebO\xa9\xe0\xfc\xae\xa9\xd3n\xba\xe3\xce\x8a2\x1fc\x14\xef\xab\x92\x0c\x0b@R\x91\xda\x91n\x87"\x85\xb0X\xb5\x1f\xbeY\x1c\x1b\xbf\xa8\x1e\x03\xf4\xee7\xd0\xe9\xb2W\x96c\xf7\xe8!\x11J\xccf\xabZE2\xf6"\xa5\xf4\xf0\xd7\xfeu\x7f\x81\x90\xe2\xa0-\x97ko\xcb~\xf3\xe3\xb8 \xc7\x11\xe1\x9c[\xad\xd6P\xd0?\xf6\xca\x8b\xd6\xaf^\xa9f\xf9\xc6Z\xff{\x1eyj\xec\xc4;\xca\xcbp\xa3\x8b\xd4\xc0\xd6\xa4a\xa1\x8c\x05\x83\x91/&gt;z\x07j\xf7\'Q\xff&lt;}\xd0\x05\x9cK\xbc\xe4&lt;&lt;B\x08e\x8c\x10*\xe5\xafA\xc9\xfam\xc3@@\x1e\xa2Y?\xf8Ul\xfb\xeb\x8fsn\xb1Z\xc3\xe1\xd0\xd8\xe1\x17\xafY\xb5&lt;\xf6\xd4\x97\x90\x9a1?\xa3o\x9bT^\xe6\xc5~\xffT\xc1\xdc\x1b\x10\xce\r\x97\xc7\xfd\xd5\x17\x9fm\\\xfb3\x8d=\xc9\x14\xb2U\x9b\xf6=O\xe9\x1f\n\x86(^%\x1dV\xc0\xef\x13\x9c\x03\xc4m\xae\x9c\x1a\x05t\xd0\x8b\x82s\xec\xa9\xa8\x0f\xc1\xb9\xc5b\x89F\xc27\r\xff\xdb\xcf+~8\xa8\xe7\xe7\xef\xff|\xf6\xc6\t\xb7U`\xeb\x9fR\x18}C!\xa5\xa4\x94\xe9\x91\xe8\x8b\xd3\x1e\x02\x80\x9a-\xf1\x08\x050.\x1crUv\x8e\x1b\x87\xc7\x1d\x86\xda{\xe7\xd4\x81gU\x96\x97\x11B\x7f?\xa0\xf3O\x7f\xdcd\xd2\xf6\xec\xdc\xb1\x7f\xefn5\x83L\xfd3\'\xafI\xa7.\'\x1a\x06\xaf{\xeb\x95\xe5t\ta\xe0\xdd\xd8\xe1\t\xce\xcd\x16\x8ba\xe87\x8f\xb8d\xe5\xb2\xef\x0ej\xfd\xef\x7f\xec\xf9\x1b\xc7O\xc0k\xff\x94\xc3\xf4\x1b\nn\xe8M\x9a\xe6L\x9b\xf2\xe0\xfa\xd5+)cj\xf9b!\x85\xd3\xe5\xbe\xec\xaa\xeb\x83\xc1\x08^\xfe\x1f\x8a\x1a\x02d6[\x9e{\xfd\xdd\xa3k\x97\r\xc3\xc8obz\xf4\x9e\xa9/L{\x881f\x18\x86\x1a\x9bx\xeaig\xce\x98\xf7\xb6\xb7\xd2\xa8\xdbC\x1d\tW\xe3\x10\xa0\xc3\x13\x82\x9b\xccf\xce\x8dqW_\xbab\xe9\xd7\x9a\xa6\x195c~\x88\xe0\xfc\xc1\'^\xb8a\xdc\xf8\xf2R\xbc\xa0I=|\x03RO\x08!\x84h\xd24\xe7\xbfo\xcey\xf9_\x8fR\xc6b;"qn\x8c\xb8\xf1\x96v\x1d\xda\xe1\xe5\x7f}\x84\x82\x81\xa3\xfbA\xc30l6O4\x1a=\xf8u]\x0f\xf8E0\xf0\x9b%\xc9p \xd6\xe1\t!L&amp;\x13\x80\x1c\x7f\xdd\x90\x1f\xbf\xfd\xf27\xad\xbf\x10S\xa6\xbdt\xfd\xcd\xe3\xb0\xf5o \xf0=H )\xc5av\x1dQ\x8b\x13\x08!\xacV\xab\xc3i}\xf3\x95\x19S\xef\x1c\x07@\xa4\x10j\x8f$\xce\x8d\xd6\xed:\x8c\x9a0\xb9\xca\x87\xbd\xff\xf5r\xd4M3\xa5\x94R\xfa\xfb\x8bz5MI9\xe6\xa3\xcb\x08B\x08M\xd3\x08!\xe3\xaf\x1d\xf2\xfdW\x0bb\xad\xbf:\xdb\x1fx\xe2\x85k\xc6\x8c+)*c\xda!ge\x1f\xc6\x1f\xbeG\xe8X`\x01H\x14J\xa9\xa6Y"\x91\xb0\x10\xa2f \x89:u%\x00\x01B\x08\xd3LV\xab\xd5d\xa6\xfbv\xedy\xf8\xeeG\xde\x9d\xf3\xaaZ\n\xb1f #!\x8c\xb1G\x9e~\xc5\xe9v\xfb\xabpQ\\\x94\x06\xa4\x94&amp;\xb3\x99\x12\xb8\xf5\x86a\xdf,\xfe\\\xb5\xfej\xec\xb3\xdd\xe1x\xf4\xd9W\xaf\xb9qXy\x85\xcc\xcd\xcf;\xba\xdf\x1f\nV\xabr\x12\xdf\xc3\xcedX\x00\x12\x82R\x1a\n\x06*+\xca[\xb6nk\xb5YU\xeb]S\x05\x08H\t\x86\x01\xbe\xca\x8a\r\xabW.\xfa\xec\xc3\x8f\xde\x99SY^F(U7\x05j,#7\x8c\xfb\x1f{\xae\xff\x99gVb\xe7\x0fJ\x0f\x92\x10\xc2\xf5\xc8\x1d\xe3n\xf8j\xfe\xc75\xad?\x00\xa9Y\xa8\xc3\xb9z\xe5\xb2\xef\xbeZ@)%G&gt;\x94V\xddC\x8c\x1cw{\xabv\x1d\xf0\x01L\x1ca\xcb\x12\x7fR\x08\x93\xd5Z\xb2\xfd\xc0\x88\x0bOk\xd9\xa6]\xbb\x8e\xc77m\xde\xd2\x93\x93k\xb1X8\xe7\xa1`\xa0\xbc\xacd\xef\xce\xed;\xb6\xfd\xb2\x7f\xcf.\xf5#u6\xc3cB\x08n\x18\xb7\xde\xf3\xd0\xf5\xe3n\xad,\xf7a\xeb\x8f\xd2\x82\xe0\xc2\xe9v\x7f\xbd\xf0\xf3E\x9f}\x10k\xfd\xa1vNui\xf1\x817\xa6?{\x8c\xff\x89\x8b\x86\\\xd5\xbe\xf3\t\xb8Ep\x1ca\xe3\x92\x10jTbu(\xb4i\xdd\xeaM\xebV\x1f\xe6;\x19\xd3\x84\xe0\x9cs\xd5\xbf\xc997\x99\xcc\xf7\xfd\xf3\xe9k\xc6\xdc\xe2\xab\xc4\xe9\x91(\xfd\xc46w\xac\xab\xceRWGC\xdd\x01h\x9a\x86kz\xc7\x17\x16\x80\x04b\x8cI)(\xa5\xb1\xb5ij\xd7\xf6\xaf}\x04,\xa5\x905\xab\xfd\xa8\xcfL\xb7\x9e}\xef}\xf4\xe9\xde\xfd\xfaUV`\xeb\x9f|\xe4\xf7R}H\xe9G]\xfd\xfc&gt;:!\x8e~\x82^\xec1\xf2\xb1\x1d\x1a:\x18\x16\x80\xc4R\x8fsA\xc8\xdanO\xb50\x01Q\xab:\xab\x01?\xeac\xd1\xa9K\xd7\xabG\x8f\xff\xdb\xb0k,\x16+\xae\xf9\x93\x12Bp)\xa5\xa1\xeb\x12@\xf5`\xf0\xda~\x0cTO\xb2f\xa7\xa38o\\\xaa\x9a~,\x00q\x87\xadL\xa2\x10B\xf5hT\x82\x84\xc3~\x18Z\xb4j\xd3\xa3o\xffs.\xba\xbc\xdf\xc0\xb3]n\xa7\xbf*\x10\xf4\xfb\xb1\xf5O&gt;)\xa5\xcdfw\xba=\x1ac\x06\xe7\x8c2.\xb8\xc3\xe9\xc4F\xa7\xfe\xa4\x94\x9a\xc9\xe4t{\xfe\xb0\x17\xe8X`\x17P\x82`C\x13\x7f\x84R=\x12iz\\\x8b7&gt;\xfej\xc7\x96M\x07\xf6\xed\xa9\xa8(\x0fT\xf9"\xe10!`\xb1X\x9dnO^\x93\xa6\xad\xda\xb6o\xdb\xa1s\xebv\x1dr\xf2r\xa5\x84P \xe8\xad\xf42\xa6\xe1\x90\xff\xe4\xd34\xad\xca\x17\x1a~\xe3\xcd\x97\x8f\xb8\xa1f\x9c\x16\x01\x90\xa0\x99\xcc\xa1`\x08\xfb\xe2\xea\x832V\x1d\nu\xeb\xd1\xe7\xb3\xef\xd7%\xe8?a\xcfrF\xc2\xd58\'#\x8e\xb0\x00$\x84\x04\xd04\xadO\xbf\x81\xfd\x07\x9e\xaez\x80\xa4\xf8u\x18\xa8\xdaRP\x08\xd0u\x11\x8d\x84}\x95&gt;\x00`\x94\xe2\xba()\xa4\xee\x00\x1c\x8e,\t\xaa\xf1\x07\x02 \xa4\x14\xf1\xee\xcdh\xc4\xd4\x1d@vn\x9eL\xccjy\x9cs\xbc\x03\x88/lq\x12EJ\x19\x0c\xf8\xa5\x14 k\xf6q\x8c\xcd\x03\xaby\x12\xf0\xebn0x\x81\xd9 \xa8\xe1X\x07\xbd\x88\xcf\x81\x8f\x88\x94R\xd7\xf5\x04\xfdr|/\xe2\x0e\x0b@\x02QJ\x01\xf0v5\x8d`\x0b\x13\x07\x18b\x1a\xc1\xe6\t!\x842\x14\x16\x00\x84\x10\xcaPX\x00\x10B(Ca\x01@\x08\xa1\x0c\x85\x05\x00!\x842\x14\x16\x00\x84\x10\xcaPX\x00\x10B(Ca\x01@\x08\xa1\x0c\x85\x05\x00!\x842\x14\x16\x00\x84\x10\xcaP\x8d\xa4\x00\xe0\xec\xf3$;(p\xcc?\xc90\xff\xd4j4\x81\xa7w\x01\x88m\xa4\xa5\xebQ\\%0\x99t=\n\x98\x7f\xea`\xfe\xa9\xa5\xf2\x07\x80\xf8n{\x90|\xe9Z\x00\xd4\x06\x11.\x97\xabc\xc7\x0e\x00\xb0y\xfd\x1a\xdd\x00\\(&lt;\t\x84\x94&amp;\x13l^\xbf\x06\x00\n\n\n\xdaw\xc0\xfc\x93\n\xf3O-\x95\xff/\xeb\xd7\x02\x80\xcb\xe5\xee\xd8\xb1#\xa4\xf3\rA\x1a\x9f1j\x87\xa0\xbc\xbc&lt;\x00\xf0z+\xa2\xe1H\xfa\xbe\r\xe9EH(/+\x01\x00\xa7\xd3YPP\x00\x98\x7fra\xfe\xa9\x15\xcb\xdf\xe1\xb0ggg\x03\x16\x80\x94P7_\'\x9f\xdc\r\x00\xf6\xec\xd8VV|\xc0l6\xe3~\x11\x89F)\x8d\x84\xb9\xba\x02\xed\xda\xb5\xeb\xb9\xe7\x9c\x03\x00{wn\xc7\xfc\x93\x03\xf3O-\x95\xff\xa6\xf5\xab\x01\xa0c\xc7\x8e\x0e\x87C\x08\x81\x05 \x05T\xe8\xbdz\xf5\x04\x00\x7f\x95o\xfb\xd6\xcdf\x8bY\xa6y\x97\\\x03\'\xa54\x9b\xcd\xe5%E\xbb\xb6o\x01\x80\xae\'\x9d4`\xc0\x00\xc0\xfc\x93\x05\xf3O\xad\x83\xf2\xef\xde\xbd{\xdcw?N\xb24.\x00\xaa\xc7\xf3\xd4SO\xcd\xc9\xc9\x11B,\xfdz\x91\xa6\x11\x81W@\x89$\x85\xb0\xda,\xabW.\xab(+\xa5\x94\xfeu\xc0\x80&gt;}\xfax&lt;\x1e\xcc?90\xff\xd4:(\xffs\xce9\x07\xd2\xb9\xff\x07\xd2\xba\x00\x10B\x84\x10\xcd\x9a5\xeb\xd6\xad\x1b!\xe4\x9bE\x9fU\xf9B\x9a\x86{\x9c%\x90\x90\x921\xb2\xf8\xf3\x8f\xa4\x94\x1e\x8f\xa7g\xcf\x9ev\xbb\xbd{\xf7\xee\x98\x7fr`\xfe\xa9uP\xfe\xfd\xfb\xf7\x07H\xefg\xefi|\xe8P\xfb\x18`\xd8\xb0+\xa5\x94\xbb\xb6o]\xb1t\x89#\xcb\xf1\xfbm]Q\\H)\xadV\xeb\xde\xdd\xfb\xbe_\xb2\x00\x00\xce=\xf7&lt;\xf5\x04\xec\xca+1\xffd\xc0\xfcS\xeb\xf7\xf9\xbb\xddn\xce9\xde\x01\xa4\x8c\xdaN}\xc8\x90\xcb\x0b\n\n\xa4\x94\xaf\xbe\xf0dZ?\x90i\xe08\xe7\x0e\xa7\xf5\xed\xd7_./-a\x8c\x8d\x193Z\r\xc6\x1d2d\x08\xe6\x9f\x04\x98\x7fj\xfda\xfe\xa9&gt;\xa8c\x95\xde\x05\x80\x10b\x18Fnn\xee\xd5W_-\xa5\xfc\xe9\x87o\xbf]\xbc\xd0\xe5r\xe2EP\xdcI)-V\xeb\xfe\xdd\xfb\xff\xfb\xe6LB\xc8_\xfe\xf2\x97\xd3O?]\x08\xc19\xc7\xfc\x93\x00\xf3O\xadC\xe5\xaf\xaeA\xd3Wz\x17\x00\x00\xa0\x94J)\xc7\x8c\x19\xe3\xf1x\x00`\xc6\xb3\x8fq\xbc\x08J\x00n\x18.\x97\xf5\x8d\xe9\xcfU\x96\x97\x01\xc0\x9dw\xde\t\x00RJ\xcc?90\xff\xd4:T\xfe\xa9&gt;\xaec\xd5\x18\n\x80\x10\xa2S\xa7N\x13\'N\x94R\xae\\\xf6\xdd\xec\x7f?\x97\x9b\xe7\xd2u=\xd5\x87\xd6xp\xc3p{\xdc\xcb\xbe\xfb\xe1\xcd\x99\xcf\x03\xc0i\xa7\r\x1c:t\xa8\xba\xfc\xc1\xfc\x93\x00\xf3O\xad\xc3\xe4\x9f\xeaC;V\xa4\x11\x141\xb5"J \x10\xe8\xd1\xa3\xc7\x8e\x9d;\x1d\x0e\xc7\x9b\x1f.9\xa9G\xcf*\xaf\x8f\xe1\xa0\x88c&amp;\x85\xd0L&amp;C\x8f^y\xfe\x80\xad\x9b7P\xca\x96/_\xd6\xa3G\x0fu\xf9\t\x98\x7f\x82a\xfe\xa9\xf5\xa7\xf9\xa7\xb5\xb4\xff\x0b\x00\x00!\x84\x10\xe2v\xbb\xe7\xce\x9d\xab1\x16\n\x04\xee\x19\x7f}EY\xa9\xd9j\xc1\xce\xd0c$\xa5\x94RZ\xad\x96\x07\xef\x18\xb7e\xd3z)\xe5SO=\xd9\xb3gO!D\xec\xec\xc7\xfc\x13\x07\xf3O\xad\xfa\xe4\x9f\xd6\x1a\xc3\xdf\x01\x00(\xa5\x86a\xf4\xed\xdb\xf7\xc9\'\x9f\x94\x00[7o\x18=\xecBF\xa9\xc5j\xe5\x86\x91\xea\xa3KWB\x08)E\x93f\xee\xa9wM\xf8\xf4\xff\xe6\x02\xc0\x90!C&amp;N\x9ch\x18\xc6A7\xbf\x98\x7f"`\xfe\xa9U\xff\xfc\xd3W#)\x00\x00\xa0i\x9aa\x18\x13\'N\x1c=z4\x00\xac\xfb\xf9\xa7\x1b\xaf\x18\xec\xf7y\x9dn7\xf6\x87\x1e\x05n\x18&amp;\x93)+\xcby\xcf\xf8\xf1\xf3f\xfd\x1b\x00z\xf7\xee=c\xc6\x8cCu}b\xfe\xf1\x85\xf9\xa7\xd6\x91\xe6\x9f\xa6\x1aO\x01\x00\x00\xc6\x98\x10b\xc6\x8c\x19\xea3\xb0\xec\xbb\xafF\x0f\x1b\xbcs\xeb\xe6\xbc\xfcl\xceyZ/\xd9\x91LRJC\xd7\x9dn\xb7\xaeG\xee\x1aw\xfd[\xaf\xbe$\x84\xec\xdd\xbb\xf7\x82\x05\x0b\x0e\xbf\xf6!\xe6\x1f\x17\x98\x7fj\x1du\xfe\xe9\xa81&lt;\x04\xaeK=\x10c\x8c\x8d\x193f\xe6\xcc\x99\x00\xe0\xc9\xce\xfd\xfbc\xcf^2\xecj]\xe7\xa1\x80\x9fP\xda8:\xef\x12AJ\xc99\xb7X\xadN\xa7u\xc5\xd2\x1f\xa6L\x1e\xa7V\x9d\xec\xd3\xa7\xcf\xfc\xf9\xf3\xb3\xb3\xb3\xff\xb4\xeb\x13\xf3?\x16\x98\x7fj\x1d{\xfei\xa7\xb1\x15\x00\xa8}nC)}\xe8\xa1\xa9S\xa7&gt;\xa4^\x1c|\xc9\xd0\x9bn\xbf\xf7\x84\x93\xbbG\xa3F(\x18\x04\x90\x94\xb2\xc6T\xc9\x8fE\xcd\xc6RRZ\xacVG\x96u\xdf\x9e\xfdo\xbd\xf6\xd2\xac\x97\xfe\x15\x8dF\x01`\xe8\xd0\xa1\xd3\xa7O\xaf\xff\xd9\x8f\xf9\x1f)\xcc?\xb5\xe2\x9b\x7fzi\x84\x05\x00\xea|\x06\x16,X0r\xe4\x8d\x85\x85\xfb\x01\xc0j\xb5\x0e\xbet\xd8\xb5co=\xb1[\x0fB \\\x1d\x8dF#B\x08)%\xc9\xbc\x8f\x82\x04\x90R\x12\x02\x84P\x93\xd9l\xb3Y\x19\x83\xbd\xbb\xf7\xbd\xf3\xe6\x8cw\xde\x9cYZ\\\x04\x00f\xb3\xf9\x89\'\x9e\x988q"\x00\x1c\xd1\xd9\x8f\xf9\xff)\xcc?\xb5\x12\x9a\x7f\x1ai\x9c\x05@1\x0cC\xd3\xb4\xc2\xc2\xc2\xfb\xef\xbf\x7f\xee\xdc\xb7#\x910\x00\xd8l\xf6~\xa7\x9f}\xc6\xb9\x17\xf5\x1d0\xb0\xd9q\xad\xac6\x0bc`\x18\xd0xc8$\x93\t\x84\x80h\x94\x97\x16\x17\xadY\xf9\xe3\xd7\x0b?\xff\xee\xab\xf9%E\x07\xd4W\x07\r\x1a\xf4\xc8#\x8f\xf4\xed\xdbW-/s\x14M\x04\xe6\x7fx\x98\x7fj%:\xff\xb4\xd0\x98\x0b\x00\x00p\xce\xd5#\xfb\xe5\xcb\x97?\xf6\xd8c\x8b\x16-\n\x85B\xeaKN\x97\xab]\xc7.\xed;ui\xde\xb2e\x9b\xf6\xc7g\xe7\xe4\x1a\x86\xd1X\xdf\xe6\xdf\x92\x84P]\x8fn^\xbf\xa6\xa2\xbct\xcb\xc6u\xdb\xb7l*/-\x89}\xb9_\xff\xfe\xe3o\xb9e\xf8\xf0\xe1P\'\xc0\xa3\x83\xf9\xff\x11\xcc?\xb5\x92\x97\x7f\x1a\x90\x8d\x9d\x10\xc20\x0c\xf5\xef\xeb\xd6\xad\x9b&lt;yr\x9b\xb6mS\x9dzC\xd4\xa4I\x93k\xaf\xbbn\xe1\xc2\x85*+\xce9\xe7\x1c\xf3O\x1a\xcc?\xb5\x12\x94\x7f\x03\xd7\xc8\xef\x00bT_\xa7*\xe6~\xbf\x7f\xd3\xa6MK\x97.]\xb5j\xd5\xbau\xeb\xbc^\xdf\x81\x03\x85\x997g\x924)h\xe2p8\xbaw\xef~R\xd7\xae}\xfb\xf6\xed\xd9\xb3g~~&gt;\xd4\x19I\x12\xc7\xff\x18\xe6\xff;\x98\x7fj%5\xff\x06+S\x96\nQ\xdb\x87I)\t!N\xa7\xb3w\xef\xde&amp;\x93\x89RZYYI\x19+))\xce\x90BX\x8b\x00\x80\xdb\xe5\xca\xcd\xcd\xed\xd9\xa3\xc7\xa9\xa7\x9e\xda\xb3gO\xa7\xd3\xa9\xbe\xc69\x8f\xfb\xf3.\xcc\xff\xb70\xff\xd4Jv\xfe\rWJ\xee;\x92,v\x0b\x1c\x89D&gt;\xfa\xe8\xa3\xcb.\xbb\xacE\x8b\x96\xa9\x0e\xbeaq\xb9\\g\x9d}\xf6\x8c\x193\x8a\x8b\x8bUV\xba\xae\xab&amp;\x03\xf3O\x02\xcc?\xb5\x12\x9a\x7fC\xd6\xc8\xbb\x80\xd4\xdf\x8e\x10\xe2\xf3\xf9f\xce\x9c9g\xce\x9c\xb5k\xd7\xc6\xbe\x9a\xe5t6;\xaeU~AA\x9b\xf6\xc7{rr\xb8\x91\xde\xbb\xbb\xd5\x93\x04I\x081t}\xf3\xfa5&gt;o\xe5\xde]\xdb\xbd\x95\x15\xb1\xaf6k\xd6|\xc4\x88\xabF\x8d\x1a\xd5\xb9sg8\xe6\xd1o\x98\xff\xefa\xfe\xa9\x95\xcc\xfc\x1b\xbe\xc6\\\x00bO\xf0g\xcd\x9a5m\xda\xb4\xcd\x9b7\xab\xd7\x9b\xb7hu\xcaig\x0e&lt;\xfb\xfc\xe3\xbbvoR\xd0\xcc\x91\xe5d\x1a4\xeaw\xf9\x0fH\t\x86\x01\x91p\xa4\xbc\xb4h\xeb/\x1b\x7f\xf8z\xd1\xd2%\x8b\xb6lZ\xaf\xbe\x9a\x93\x933a\xc2\x84I\x93&amp;\xb9\xddn5\x9a\xf0(\xfe\x13\x98\xffa`\xfe\xa9\x95\x84\xfc\xd3B\xa3-\x00\xea\xec/,,\x1c9r\xe4\x82\x05\x0b\xd4\x8b\x9d\xbat\xbdv\xec\x84A\x17\\\x9a\x9b\x9f/%D"Q=\xaa\x0b\xc1\xa5\x14\x8d4\x86C"j\x19aJM&amp;\xb3\xc5j\xd14\xf0W\x85V\xfc\xf0\xcd\xec\x97\x9fY\xfa\xf5"\xf5=\x9d;w~\xed\xb5\xd7\xfa\xf7\xef\x7f\x14C\xa11\xff\xc3\xc3\xfcS+\xd1\xf9\xa7\x8b\xc6Y\x00T\xd1^\xb0`\xc1\xc8\x1bo,\xdc\xbf\x1f\x00\xdav\xe8t\xe3\xf8\xc9\x17\\:\xcc\xe5q\x05\xfc!]\x8f\x02\x10J)!\xa0\x9e\x08e,)\xa5TCD4\xcd\x91\x95\xc5\xb9X\xbad\xe1\xab/L[\xf6\xdd\x12\x000[,O&lt;\xfe\xf8\xc4\x89\x13\x8f\xe83\x80\xf9\xd7\x1f\xe6\x9fZ\x89\xc8?\x8d4\xc2\x02\xa0\xce\xfe\x993g\x8e\x193F\xbdr\xd5\xc8q\x13\xef{(\xafI\x9e\xcf\x1b\xe0\x86A\x19\xae\x82\xf2\xc78\xe7\x84\x10\xa7\xcb\xc5\</t>
        </is>
      </c>
    </row>
    <row r="81">
      <c r="A81" s="1" t="n">
        <v>79</v>
      </c>
      <c r="B81" t="inlineStr">
        <is>
          <t>circle_size_number</t>
        </is>
      </c>
      <c r="C81" t="inlineStr">
        <is>
          <t>What is the missing number of the part denoted with a question mark?</t>
        </is>
      </c>
      <c r="D81" t="inlineStr">
        <is>
          <t>[3, 1, 5, 4]</t>
        </is>
      </c>
      <c r="E81" t="inlineStr">
        <is>
          <t>3</t>
        </is>
      </c>
      <c r="F81" t="inlineStr">
        <is>
          <t>There are 6 numbered circles with varying sizes arranged in a ring with number [6, 3, 6, '?', 2, 2] in a clockwise order.</t>
        </is>
      </c>
      <c r="G81" t="inlineStr">
        <is>
          <t>We observe that the size of the circle is related to the number in the circle. The circle with the largest value 6 seems to be the biggest and the circle with the smallest value 2 seems to be the smallest. Thus, the pattern is that the larger the number the larger the circle.</t>
        </is>
      </c>
      <c r="H81" t="inlineStr">
        <is>
          <t>Based on the pattern that the larger the number the larger the circle, the missing number of the circle denoted with a question mark should be 3.</t>
        </is>
      </c>
      <c r="I81" t="inlineStr">
        <is>
          <t>b'\x89PNG\r\n\x1a\n\x00\x00\x00\rIHDR\x00\x00\x02\x00\x00\x00\x02\x00\x08\x02\x00\x00\x00{\x1aC\xad\x00\x00\x91\xb2IDATx\x9c\xed\xbdy`\xcc\xd7\xf7\xff\x7f_\xf3\x9a%\x99l3\x93MlIH\xc8\x8a\x84\x10D\x94\xc6\x12K(\x8a"\xb6\xa2j\xeb\x9bZ[E[\xaaU\xaaTQ{QE\xa9}i-\x8d-Bd\xb1\x84D\xec\xb1e\x9b\x99\xcc\x92\xd9^\xcb\xef\x8f\xfb5\xbf|(\r\x92\x99\xd7+s\x1e\x7f\xb51\x99\xdc\x99s_\xe7y\xee\xb9\xe7\x9eK\xb0,\x8b\x00\x00\x00\x00\xc7C`\xef\x01\x00\x00\x00\x00\xf6\x01\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x05\x04\x00\x00\x00\xc0A\x01\x01\x00\x00\x00pP@\x00\x00\x00\x00\x1c\x14\x10\x00\x00\x00\x00\x07Eh\xef\x01\x00\\\x81eY\xfc\x1f\x0c\xc3\xfc\xeb\x0b\x04\x82\xff\x17.\x10\x04a\xa31\x01\xaf\x03X\x10x]\x08\xeb\xa4\x01\x1c\r\x86aX\x96\xc5\x13@ \x10X\xbdC\xe5\x7f\x91\xa8@u\x8e\x14\xf8w\xc0\x82\xc0[\x02\x02\xe0X0\x0c\xc30\x0cA\x10$I&gt;\xf7O4M+\x95J\x82 rrr\xd4j\xf5s\x1eA(\x14FGG\x93$\xe9\xec\xec\xec\xea\xea\xfa\xe2\xef\xb2,+\x10\x08\xc0\x95T7`A\xa0\n\x01\x01p\x08\xb0\xd7 I\xb2\xe2\xb3}\xe7\xce\x9dk\xd7\xaeeff\xde\xbbw///O\xa7\xd3\x95\x97\x973\x0c\xe3\xe6\xe6&amp;\x91Hh\x9a\xc6/\xc6q"\xcb\xb2j\xb5\x1a!$\x16\x8be2Y\x9d:u\x02\x03\x03[\xb7n\x1d\x14\x14\x14\x1e\x1e.\x14\xfe\xff\xb9D\x8a\xa2\x08\x82\xc0\xae\xc4\xe6\x1f\xb4\xc6\x02\x16\x04\xaa\x03\x10\x80\x9a\x0c\xcb\xb24MW|\xb6o\xdd\xbau\xe8\xd0\xa1S\xa7N\xdd\xbf\x7f\xbf\xa4\xa4D\xa1P\x84\x84\x84\x04\x04\x04DFF\xfa\xf9\xf9\x05\x04\x04X,\x96\xda\xb5kK\xa5\xd2\x8ayd\x82 h\x9a.(( \x08B\xa9T\xde\xbau\xeb\xce\x9d;\xb7n\xdd\xbaq\xe3\xc6\xd3\xa7O\xdd\xdc\xdc|}}\xe3\xe2\xe2z\xf6\xec\xd9\xacY3k"\x82\xa2\xa8\xd7\xcaK\x00/\x02\x16\x04\xaa\x15\x10\x80\x9a\tN\xf2Z\xb3\x04\x99\x99\x99\xbbw\xef&gt;t\xe8\x90N\xa7\xabW\xaf^lll\\\\\\xxx\xed\xda\xb5\xc5b1B\x88eY\x8b\xc5b2\x99\x08\x82\xb0X,\xff\xba\x8b(\x91H\x10B$IJ$\x12\xec\x14h\x9a...\xce\xcf\xcf?\x7f\xfe\xfc\xb9s\xe7n\xdf\xbem6\x9b\xe3\xe3\xe3\x07\x0c\x18\xd0\xa1C\x07\xec\xb6\xf0H \x9c|]\xc0\x82\x80\r\x00\x01\xa8i\xd04m}V\x9f&lt;y\xb2r\xe5\xca#G\x8e\x18\x8d\xc6\xe6\xcd\x9b\'&amp;&amp;\xb6n\xdd\xda\xdf\xdf\x1f!DQ\x94\xc1`0\x9b\xcd\xd8ST\xdc\t|\xd9s\x8e\xa7\x8au\xd7\x11;\x05\x91H$\x91H\xb0g)--MOO?~\xfcxJJ\x8a\xd1h\x8c\x8d\x8d\x1d7n\\tt\xf4\x8b\x03\x03^\x01X\x10\xb0\x19 \x005\x07\xec\x08pdw\xf1\xe2\xc5\xc5\x8b\x17gff\x06\x07\x07\x0f\x1b6\xack\xd7\xae2\x99\x8ca\x18\xbd^o2\x99\xaap\xbb\x8f}\x06BH(\x14\xba\xb8\xb8\x88D"\xa3\xd1x\xfe\xfc\xf9M\x9b6\x9d9s&amp;00p\xc2\x84\t\xbd{\xf7\xc6\x7f\x8b\xa6\xe9\x17w/\x01\x0cX\x10\xb01 \x005\x01\x96e\xf1\x0e!B\xe8\xc0\x81\x03\x0b\x17.\xd4j\xb5\xdd\xbbw\x1f2dHDD\x04\xc30\x1a\x8d\xc6b\xb1\xd8`g\xcf\xbaW\xe9\xea\xea*\x16\x8b\x1f=z\xb4s\xe7\xce={\xf6\x14\x17\x17\x8f\x1b7\xee\xe3\x8f?\x16\n\x85\x15\xdd\x1c\x80\x01\x0b\x02v\x01\x04\x80\xf7X#\xb2\xd3\xa7O\xcf\x981\xa3\xb4\xb4t\xcc\x981#G\x8eT(\x14z\xbd\xde`0 \x84l\x1f\xb2a?"\x91H\xdc\xdd\xdd\xcdf\xf3\xbe}\xfb\x96,Y\xa2R\xa9\xa6O\x9f\xfe\xe1\x87\x1f"\xc8\'T\x00,\x08\xd8\x0b\x10\x00\x1ec\r\xc4\x1e&gt;|\xf8\xc9\'\x9f\xe4\xe4\xe4\x8c\x1a5j\xd4\xa8Q2\x99L\xadV[,\x96\xe7\xaa\x06m\x0f.b\x11\x08\x04r\xb9\x9ca\x98\xbd{\xf7\xfe\xf0\xc3\x0f,\xcb~\xf7\xddw\xf1\xf1\xf1\xc8\xe1\xf3\t`A\xc0\xbe\x80\x00\xf0\x15\xeb\x83\xf7\xcd7\xdfl\xd8\xb0\xa1[\xb7n3g\xce\xac]\xbb\xb6J\xa5\xa2(\xaab\xe1 \x17\xc05\xe9r\xb9\xdcl6\xff\xfc\xf3\xcf\xabW\xaf\x8e\x8b\x8b[\xbe|\xb9\x9b\x9b\x1bEQvwsv\x01,\x08\xd8\x1d\x10\x00\xfea\xcd\x17\xe7\xe6\xe6\x0e\x1b6\x8c\xa2\xa85k\xd64o\xde\\\xa3\xd1\x98L&amp;\xae9\x8e\x8a`\'\xe2\xe9\xe9YXX8e\xca\x943g\xce\xacX\xb1"))\t!\xc40\x8c\xe3\xe4\x94\xc1\x82\x00G\x00\x83\xf1\x0c\xfc\x04\x92$\xb9|\xf9\xf2\x0e\x1d:t\xeb\xd6\xed\xc2\x85\x0b\xe1\xe1\xe1EEE\x1c\x0c\x1b\x9f\x83$I\x81@P\\\\\xec\xec\xec\xfc\xdbo\xbf-^\xbc\xf8\xe3\x8f?\x1e9r$\xaei\xa1(\xca\xde\x03\xb4\x05`A\x80;\xc0\n\x80O\xe0\xa4\x81N\xa7\x1b&gt;|\xf8\xf5\xeb\xd7\xb7m\xdb\xd6\xacY\xb3\xd2\xd2R\xc4\xb7\x92\x0c\x9cY\xf6\xf2\xf2*--\x1d9r\xe4\xdd\xbbww\xed\xda\xd5\xb8qc\xee{\xc0\xb7\x04,\x08p\n&gt;\xcd9\x07\x07gZ/]\xba\x14\x1d\x1d-\x16\x8b/]\xba\x14\x1a\x1aZTT\xc4\xc7\xc3\xfa\x04A\x08\x85\xc2\x92\x92\x12\xb1X\xbc\x7f\xff\xfe\xe4\xe4\xe4v\xed\xdam\xde\xbcY(\x14\xd24m\xef\xd1U\x17`A\x80k\xf0l\xda9,8\xb0JII\xe9\xd2\xa5\xcb\xe8\xd1\xa3\xb7m\xdbf2\x99\xb4Z\xadH$\xb2\xf7\xd0\xde\x1c\xa1PHQTqq\xf1\xf4\xe9\xd3\xb7o\xdf&gt;y\xf2\xe4\x1f~\xf8\x81$I\xdc\x99\xd2\xde\xa3\xabb\xc0\x82\x00\x07\x81\x14\x10\x0f\xb0X,"\x91h\xd9\xb2e\xb3f\xcd:x\xf0`\xc7\x8e\x1d\x8b\x8a\x8a\x84Ba\x8d\xa9\xbb\xb0X,\n\x85\xa2\xb8\xb8\xb8m\xdb\xb6-Z\xb4\xd8\xb9sg\r\xab1\x07\x0b\x02\xdc\x04V\x00\\\x07\xfb\x8e%K\x96\xfc\xf0\xc3\x0f\x17.\\h\xdf\xbe}QQ\x91H$\xaaI\x8f\x96H$R\xa9T\x1e\x1e\x1e\x19\x19\x19eee}\xfb\xf6%I\x12\xf7 \xb3\xf7\xd0\xaa\x00\xb0 \xc0Y`\x05\xc0i\xb0\xefX\xbcx\xf1O?\xfd\x94\x96\x96\xe6\xed\xed\xadR\xa9j\xea&amp;\x1bM\xd3b\xb1\xd8\xdd\xdd=11\xd1\xd9\xd9\xf9\xcf?\xff\xac\x01Q$X\x90\xef\x16\xac\xd9\x80\x00p\x17\x9c5\xb6\xfa\x0e\x99L\xa6\xd3\xe9j\xaa\xef\xc0\xe0Zr\xb9\\n\xf5 \xf8\xf6+\x9ez\x10\xb0 \xdf-X\xe3\x81\x14\x10G\xc1\xbec\xd9\xb2e+V\xacp\x10\xdf\x81\x10\x12\x08\x04\x0c\xc3\xa8T\xaa#G\x8e\x18\x0c\x86\x01\x03\x06\xe0\xear&gt;\x86)`A\xbe[\xd0\x11\x80\x15\x00\x17\xc1\xbe\xe3\xe0\xc1\x83IIIw\xee\xdc\xf1\xf3\xf3\xd3h45\xdewX\xb1F\x91\x8d\x1a5JLL\\\xb6l\x19N\xa4\xd8{\\\xaf\x01X\x90\xef\x16t\x10`\x05\xc09\x18\x86\x11\n\x85iii\xc3\x87\x0f?~\xfcx\x9d:u\x1c\xcaw\xa0gQ\xa4F\xa39u\xea\xd4\x81\x03\x07\x96-[&amp;\x12\x89xT]\x0e\x16\xe4\xbb\x05\x1d\x07X\x01p\x0b|5GYYYPP\xd0\xfc\xf9\xf3?\xfe\xf8c\\1b\xefq\xd9\x01\x8a\xa2d2\xd9\x8d\x1b7\xa2\xa3\xa3O\x9d:\xd5\xb6m[^4\x9e\x04\x0bZ\xe1\xa9\x05\x1d\n\x10\x00n\x81S\x07\x1d;v\x0c\x0e\x0e\xfe\xe5\x97_\n\x0b\x0b\xf1\x8d\xaf\x8e\x89\xc5b\xf1\xf1\xf1\xd9\xb1c\xc7\x84\t\x13n\xde\xbc\xe9\xe1\xe1\xc1\xfd\xedD\xb0`E\xf8hA\x87\x02\x04\x80C\xe0\xf8h\xfe\xfc\xf9\xdb\xb7o\xcf\xce\xce.++\xe3]\x87\x80*\x07{\x901c\xc6\xdc\xbe}\xfb\xc4\x89\x13\x1co5\x03\x16|\x11~Y\xd0\xd1\x00\x01\xe0\nx\xdf\xec\xe2\xc5\x8b\x1d;v\xbc|\xf9r\xadZ\xb5\x8cF#\xb8\x0f\x84\x10\xc302\x99,22r\xd8\xb0a3f\xcc\xe0l\x1a\x01,\xf82\xf8bA\x07\x04\x04\x80\x13\xe0\x06\xf1,\xcb6n\xdcx\xf2\xe4\xc9\x13&amp;L(..\x86@\tC\xd3\xb4\xab\xab\xeb\x8d\x1b7\xda\xb5k\x97\x99\x99\xd9\xa8Q#\x0e\xb6\x9e\x07\x0b\xbe\x02^X\xd01\x01\x01\xe0\x048&amp;\x9a2e\xca\xa5K\x97N\x9f&gt;]RR\x02!REp\x1a\xe1\x8b/\xbe8|\xf8\xf0\xa5K\x97\xac\xf7\xa7s\x07\xb0\xe0\xab\xe1\xbe\x05\x1d\x13\x10\x00\xfb\x83\x8fJ^\xbf~=..\xee\xd2\xa5K\xbe\xbe\xbe&amp;\x93\t\xe2\xa3\xe7\xc0i\x84f\xcd\x9a}\xfc\xf1\xc7\xe3\xc6\x8d\xe3T\x1a\x01,X\x19\xb8lA\x87\x05\x04\xc0\xfe\xe0\'!&amp;&amp;\xa6o\xdf\xbe3g\xcet\xd8\xaa\xc1WC\xd3\xb4\x9b\x9b[fff\x8f\x1e=\xf2\xf2\xf2\x14\n\x05w\xeaI\xc0\x82\x95\x81\xcb\x16tX H\xb13\xd8w\xec\xdb\xb7O\xa5R\x8d\x1b7N\xa5R\x81\xef\xf8WH\x92\xd4h4\xad[\xb7n\xdf\xbe\xfd\x97_~\x89\x8f\x1a\xd9{P\x08\x81\x05+\rg-\xe8\xc8\xc0\n\xc0\x9e\xe0CC\x14E5l\xd8p\xc9\x92%\xfd\xfa\xf5+--\x85\x9d\xc3\x97\xc1\xb2\xacX,.--m\xda\xb4\xe9\xb9s\xe7\xc2\xc2\xc2\xf0U\xb4\xf6\x1d\x12X\xb0\xf2p\xd0\x82\x0e\x0e|\xf5\xf6\x04\xd7B\xac]\xbbV&amp;\x93\xf5\xe9\xd3\xa7\x067\n\xae\x12\x08\x820\x18\x0c\xfe\xfe\xfe\x03\x06\x0c\xf8\xec\xb3\xcf\x08\xc2\xfe\xe1\x0bX\xf0\xb5\xe0\xa0\x05\x1d\x1c0\x80\xdd\xc0\xdf\xbc\xd1hl\xd4\xa8\xd1\xe2\xc5\x8b\xfb\xf5\xeb\xa7R\xa9`[\xec\xd5\xe0\x10\xb2\xb8\xb8\x18w\x17\x88\x8c\x8c\xb4c\x08\t\x16|\x038eA\x00\xbew\xbb\x81KG\x0e\x1c8\xe0\xe5\xe5\xd5\xa7O\x1f\xb5Z\r\xbe\xe3?\xc1!d```\xbf~\xfd\x96/_N\x10\x84\x1d\xf3\xc8`\xc17\x80S\x16\x04@\x00\xec\x06\xae\x7fX\xb2d\xc9\xf8\xf1\xe3\x85B!&lt;\x06\x95\x84$I\xbd^?y\xf2\xe4\xbf\xfe\xfa\xab\xb0\xb0\x90$I{\xadb\xc1\x82o\x06w,\x08\x80\x00\xd8\x07\x9c;\xce\xca\xcaz\xf2\xe4I\xaf^\xbd\x1c\xad]\xf0\xdb\x80C\xc8\xd0\xd0\xd0\xe0\xe0\xe0-[\xb6\x10\x04a\x97&gt;\xc3`\xc17\x86#\x16\x04\x10\x08\x80\xbd\xc0!\xcf\xfc\xf9\xf3\x13\x13\x13\xbd\xbd\xbd\xcdf\xb3\xbdG\xc43h\x9a\x1e3f\xcc\xcf?\xffl6\x9b\xed\x92x\x01\x0b\xbe%v\xb7 \x80@\x00\xec\x02\xcb\xb2$I\x96\x95\x95\xa5\xa5\xa5\x8d\x1c9\x12Z\x86\xbd.$Ij\xb5\xdan\xdd\xba\x11\x04\x91\x9a\x9aj\xfb\x10\x12,\xf8\x96\xd8\xdd\x82\x00\x06f\xad\x1d\xc0\xc9\xe2\xc3\x87\x0f\x07\x04\x04\xb4h\xd1B\xa7\xd3q\xc7}\xb0,K\xd34\xf5\x7f\xc1m\xce\xec=\xb4\xff\x03EQ\xee\xee\xee\xbdz\xf5\xda\xbau+z\x16\x8f\xdb\x0c\xb0\xe0\xdbc_\x0b\x02\x18\xc8Z\xda\x8d?\xfe\xf8\xa3[\xb7n\x1c\xd9\x01\xc3\xcd,\t\x82prr\x92H$8\x9d\xcd\xb2,\xae\xd46\x9b\xcd\x06\x83\xc1b\xb1\x90$\xc9\x91\xb3\xfb\x02\x81\xc0d2\xf5\xee\xdd\xfb\xe3\x8f?6\x99Lv\xb9t\x05,\xf86p\xc1\x82\x00\x08\x80\xad\xc1\xd9\x03\xa5R\x99\x91\x911g\xce\x1c\x83\xc1`\xf7\x04(EQb\xb1X&amp;\x93\x99\xcd\xe6;w\xee\xe4\xe4\xe4\xdc\xbau\xab\xa4\xa4\xc4l6\xbb\xb8\xb8\xd4\xabW/"""22\xd2\xcb\xcb\xab\xac\xac\x8c\xa6i.D\xbb\x02\x81@\xaf\xd7\xb7l\xd9\x12!t\xe6\xcc\x99\x84\x84\x04\x9b5\x17\x03\x0bV\tv\xb4 `\x05\x04\xc0\xd6\xe0F\xb8\xe7\xcf\x9fwuum\xdc\xb8\xb1\xc1`\xb0cD\x86S\x19\x9e\x9e\x9e\xc5\xc5\xc5\xdb\xb7o\xdf\xbd{wZZ\x9aV\xab}\xf1\x95\x91\x91\x91C\x87\x0e\xfd\xf0\xc3\x0f\xa5R\xa9^\xaf\xe7\xc2\x83J\xd3\xb4\xb3\xb3sTT\xd4\xc1\x83\x07\x13\x12\x12l\x16\x86\x83\x05\xab\n{Y\x10\xb0\x02\'\x81m\r\xbe\x12o\xf4\xe8\xd1$I\xae^\xbd\xda\x8e\xd7\x860\x0c\xe3\xe2\xe2\xc2\xb2\xec\xe6\xcd\x9b\x97.]\x9a\x97\x97\x87\x7f^\xa7N\x9d\xa0\xa0 \x1f\x1f\x1f\x91H\xa4\xd1h\xee\xde\xbd\x9b\x93\x93\x83\xff)&amp;&amp;f\xdd\xbau\x8d\x1b7\xd6j\xb5v\xf7 4M+\x14\x8a\x1d;v,Z\xb4(##\x03!d\x9b\xc0\x16,XU\xd8\xcb\x82\x80\x15X\x01\xd8\x1a\x92$i\x9a&gt;{\xf6\xec\x17_|\x81\x93\xb6v\x19\x06&gt;\x91\x9f\x9b\x9b\xfb\xf9\xe7\x9f\x1f&gt;|\x18!$\x93\xc9\xfa\xf5\xeb\xd7\xa7O\x9f&amp;M\x9a(\x14\n\x91H\x84Oi\xeat\xba\x9c\x9c\x9cU\xabVm\xdb\xb6-===11\xf1\xef\xbf\xff\x0e\x0c\x0c4\x18\x0c\xf6}\\\x05\x02AyyyLL\xcc\x93\'O\xee\xdf\xbf\x1f\x18\x18h\x9b{\xa6\xc0\x82U\x85\xbd,\x08X\x81\xef\xda\xa6\xe0M\xb9\xe2\xe2b\x83\xc1\x10\x13\x13S^^n\xaf\xe9\x8e\x83\xc7\xbf\xff\xfe\x1b\xfb\x8ea\xc3\x86\x9d={v\xcd\x9a5\t\t\tnnn\xe5\xe5\xe5j\xb5Z\xa5R\x95\x95\x95!\x84Z\xb4h\xf1\xdbo\xbf\xadX\xb1B$\x12=~\xfcx\xc4\x88\x11\\\xc8#\x13\x04a2\x99\xfc\xfd\xfd\xeb\xd6\xad\x9b\x99\x99\x89lRI\x02\x16\xacB\xecbA\xa0" \x006\x05gl/\\\xb8 \x97\xcb\xfd\xfd\xfdM&amp;\x93\xbd\xe2G\\\xc6&gt;q\xe2\xc4\xd1\xa3G\xaf]\xbbv\xd3\xa6M\x01\x01\x01%%%eee\x14E\t\x04\x02\xf2\x19\x08!\x9dNWTT4~\xfc\xf8\x193f \x84\xd2\xd3\xd3\xb7l\xd9"\x93\xc9\xec^\xbb\xcd0\x8cH$\x8a\x8c\x8c&lt;}\xfa4\xb2\x89\xfb\x00\x0bV-\xb6\xb7 P\x11\x10\x00\x9b\x82\xe7wjjj``\xa0X,\xb6{\xf7\x18\xa3\xd1\xf8\xd3O?\r\x1d:\xb4\xa4\xa4\xc4h4\n\x85\xc2\x7f-\x13$IR(\x14\xaaT\xaa\xff\xfd\xef\x7f\r\x1b6$\x08b\xeb\xd6\xadvO \xa0g\xddx\x9a5kv\xe9\xd2%d\x93\x0c2X\xb0j\xb1\xbd\x05\x81\x8a\xc0\xd7mS\xf0t\xbfu\xebV\x8b\x16-\xec=\x96\xff\x87N\xa7\xc3\xfb\x81\xaf~\xf6\x08\x82\xa0(J\xa1Pt\xeb\xd6\x8de\xd9k\xd7\xae\xdd\xbbwO"\x91\xd87d#\x08\xc2l6GEE\x95\x95\x95\x95\x97\x97\xdb \x18\x07\x0bV-\xb6\xb7 P\x11\x10\x00\x9b\x827\xe5\xee\xdd\xbb\xd7\xa8Q#;\xee\x1fVD \x10T2\xec\xc2G\x8a\x9a4i\x82\x10\xd2j\xb5\x0f\x1e&lt;\xb0{\x08lM"\xeb\xf5z\x95Je\x83\x0bF\xc0\x82U\x8b\xed-\x08T\x04\x04\xc0v\xe0\x8b/\xca\xca\xcaT*Uhh(\x17\x16\xe0\xaf\x0b\xc30\x9e\x9e\x9e\xf8\xbf\xb5Z\xad\xdd\xdd\x1fA\x10\x16\x8b\xa5V\xadZ\x1e\x1e\x1e\xb8\xd2\xb1Z\xdd\x19X\xb0\xca\xb1\xb1\x05\x81\xe7\xe0\xd9\xf4\xe558\xb4)--%I\xd2\xc3\xc3\xc3\xee\xfboo\x865@\xb3{\x159\x06\xef"\xcad\xb2\xc7\x8f\x1fW\xf7\xdf\x02\x0bV\x07\xb6\xb4 \xf0\x1c \x00\xb6\x03?xW\xae\\\x91\xc9d~~~\x16\x8b\xc5\xee\xf1\xd7\xeb"\x10\x08T*\x15B\x88 \x08www.\x04k8*\x0f\t\tIOOG\xd5\\F\x02\x16\xac\x0eliA\xe09@\x00l\x8dT*5\x9b\xcd\\x\xf0^\x17\xfc\xa0\xde\xbe}\x1b!\xe4\xe6\xe6V\xbbvm\x8b\xc5\xc2\x91\x1c\x88\xd1htvv\xb6\xcd\xdf\x02\x0bV\x07\xb6\xb4 `\x85\x13\xb6w(\xf2\xf2\xf2\xea\xd5\xab\xc7\x91\x16\x92\xaf\x05\xde\xafKOO\'\x08\xa2a\xc3\x86u\xeb\xd65\x9b\xcdv\x0f\x81\xf1\xb6aPP\xd0\xbd{\xf7\xd0\xb3*\x9dj\x05,X\xe5\xa3\xb2\xb1\x05\x01+ \x00\xb6\x03\xfb\x0b\xec&gt;\x04\x02\x01\xbf\xdc\x07\xc30\xce\xce\xce7o\xdeLKKcY\xb6c\xc7\x8e\xee\xee\xee\x14E\xd9{\\\xff\x8f\xe0\xe0`\x1b\xb8\x0f\xb0`\xf5a\x1b\x0b\x02\xcf\x01\x02`k\xc4b\xb1\xc5b\xb1\xf7(^\x1b\xdcx`\xd3\xa6M:\x9d\xce\xc9\xc9i\xe0\xc0\x81\x9c\xaa\x811\x9b\xcd"\x91\xc86\x7f\x0b,X\x1d\xd8\xd2\x82\x80\x15\xae\x98\xdfq\xc0\xcdd\xec=\x8a\xd7\x03\xfb\x8e\x9c\x9c\x9c\r\x1b6 \x84\xfa\xf5\xeb\x17\x1d\x1d\xcd\xa9k\xb0lY?\x0e\x16\xac\x0e\xe0\x04\x80]\xe0\x8a\xf9\x01.\x83\x1bO\xce\x981C\xadV\xcbd\xb2Y\xb3fq*x\x04\xfe\x13\xb0 \xf0\xaf\xc0\x0c\x00\xfe\x03\x8b\xc5\xe2\xe5\xe5\xb5d\xc9\x92C\x87\x0e!\x84\xbe\xfc\xf2\xcb\xd0\xd0P;v\xc1\x04^\x17\xb0 \xf02`\x06\xd8\x1a~e\x0f\xb0\xef\xd8\xbf\x7f\xff\x9c9s\x10B\x03\x06\x0c\x187n\\ii\xa9\xbd\xae@y\x19\xb6L\xcb\x80\x05\xab\x03&gt;&amp;\xd6j\x00 \x00\xb6\x06\xb7\xea\xb5\xf7(*\x05EQ2\x99,33s\xe4\xc8\x91f\xb3\xb9E\x8b\x16\xabV\xad\xd2\xeb\xf5\x1c\x1c\xbfP(\xb4\xd9\xb9\\\xb0`u`K\x0b\x02V87\x0fj08\xc0\x89\x89\x89\xc9\xcb\xcb\xe3\xc2u\x1c\xaf\x86\xa6iWW\xd7\x82\x82\x82\x01\x03\x06\x94\x96\x96\x06\x04\x04l\xdf\xbe]"\x91p\xed\xf8+\x8e\x1c333\xc3\xc3\xc3Q5\x9f#\x05\x0bV\x07\xb6\xb4 \xf0\x1c\x9c\x9e\xc15\x12//\xaf\xb2\xb22\x8e\xcfr|[\xb7J\xa5\xea\xdb\xb7\xef\x9d;w\xbc\xbc\xbcv\xee\xdcY\xaf^=\x8e\\&amp;\xfe"\xa5\xa5\xa52\x99\x0c\xd9\xc4}\x80\x05\xab\x03[Z\x10\xb0\x02\x02`\x07\x04\x02\x01M\xd3\x9c\x8a\xc2*B\xd3\xb4\x93\x93\x93\xc1`\xe8\xdb\xb7\xef\xe5\xcb\x97\xdd\xdc\xdc\xb6o\xdf\x1e\x1d\x1d]VV\xc6\xb5\xc41\x06\xbb\x0c[\xc6\xe3`\xc1\xaa\xc5\xf6\x16\x040\xf0\x8d\xdb\x0e&lt;\xbf\xa3\xa2\xa2\x94J\xe5\x93\'OD"\x11\x07\x83\x1d\x86a\xc4b1EQ\xef\xbf\xff~ZZ\x9aT*\xfd\xed\xb7\xdf:v\xec\xc8\xc1mC\x0c\xae\x1f\xcf\xc9\xc9\x89\x8d\x8dE\xd5\xbcC\x0b\x16\xac\x0eliA\xe09@\x00l\n\xcb\xb2...b\xb1\xb8\xa4\xa4D(\x14r\xcd}0\x0c#\x14\n\t\x82\xf8\xe0\x83\x0fRRR$\x12\xc9\xaf\xbf\xfe\xda\xb3g\xcf\xe2\xe2b\xce\x9e\xd2$IR\xaf\xd7\x1b\x0c\x06___T\xfd\xee\x03,X\xe5\xd8\xd8\x82@E@\x00l\x07\x8et&lt;&lt;&lt;d2Ynn\xae\x93\x93\x13\xa7\xdc\x07\xc30$I\x8a\xc5\xe2\xa1C\x87\x1e=zT(\x14\xae_\xbf\xbe_\xbf~EEE\x9c\xf5\x1d,\xcb\x8aD\xa2\xa7O\x9fj4\x9a\xb0\xb00T\xcd\xee\x03,X\xe5\xd8\xd8\x82\xc0spqIX\x83\xc1\xfe\xa2q\xe3\xc6999\x9c:\xfb\x8e\x1b\x05K\xa5\xd2a\xc3\x86\xed\xdd\xbbW \x10\xfc\xf2\xcb/\x83\x07\x0f\xe6\xb2\xef@\x08\xb1,\xeb\xe4\xe4\x94\x9f\x9f/\x93\xc9\xdc\xdd\xddmPK\x0e\x16\xacZloA\xa0"\xb0\x02\xb0)\xd8_4l\xd80++\x0bq&amp;\xd8\xc1\xa3rss\x1b;v\xec\xf6\xed\xdb\x11B?\xfd\xf4\xd3\xc8\x91#\xb9\x9c7\xc0\xe0\x8cGVV\x96B\xa1\xb0\xcd\xf5\xb6`\xc1\xaa\xc5\xf6\x16\x04*\x02\x02`S\xf0.b\xc7\x8e\x1d\x1f&gt;|\xc8\x91\xf38,\xcb\xb2,+\x93\xc9&amp;M\x9a\xb4q\xe3F\x84\xd0\x0f?\xfc0n\xdc\xb8\xe2\xe2bn\xee\x19\xbe\xc8\xe5\xcb\x97\xdb\xb7o\x8flRA\x08\x16\xac\x0eliA\xa0"\xf6\x9f\xbe\x0e\x05\x0e\x18###5\x1aM~~\xbe\xb3\xb3\xb3}g&lt;\xcb\xb2\x0c\xc3(\x14\x8ai\xd3\xa6\xadZ\xb5\n!\xb4p\xe1\xc2\xc9\x93\'\xf3\xc5w\x90$i0\x18\xae^\xbdj\xb3\x02\x12\xb0`\xd5b{\x0b\x02\x15\x01\x01\xb0)\x04A0\x0c\xe3\xe1\xe1\xe1\xed\xed\x9d\x9a\x9a\xea\xe4\xe4d\xdf5/\xc30^^^_|\xf1\xc5\x0f?\xfc\x80\x10\x9a7o\xde\xcc\x993q}\x8b\x1dGUIX\x96\xc57\x9c\xa8T\xaa\xa8\xa8(d\x93Br\xb0`\x15b\x17\x0b\x02\x15\x81\xaf\xdb\xd60\x0cC\x10D\x97.]\xce\x9c9c\xdf]D\x9a\xa6\xbd\xbc\xbc\x16,X\xb0`\xc1\x02\x84\xd0\xd4\xa9S?\xff\xfc\xf3\xa7O\x9f\xb2,KU\x0e\xfb6oa\x18\xc6\xc9\xc9\xe9\xdc\xb9s!!!&gt;&gt;&gt;\xf8\x8b\xb5\xcd\xdf\x05\x0bV\t\xf6\xb2 `\x85\x07aB\r\x03O\xf1\xee\xdd\xbb\x0f\x192D\xadV\xdb\xeb0\x11M\xd3r\xb9\xfc\x87\x1f~\x98={\xb6X,\x9e={\xf6\x17_|A\xd3\xb4\xaf\xafoe\x1eB&lt;f\x86a4\x1aM\xf5\x0f\xf6\xa5\x10\x04q\xe0\xc0\x81\x0e\x1d:\xe0\xc1\xd8&amp;~\x04\x0bV!v\xb1 `\x05\x04\xc0\xd6\xe0\xcb\xc4\xa3\xa3\xa3%\x12\xc9\xe5\xcb\x97[\xb7n\xad\xd5jm&lt;\xefi\x9a\xf6\xf0\xf0\xd8\xb9s\xe7\xd4\xa9S\xc5b\xb1L&amp;\xd3\xe9t\xff\xfb\xdf\xff*_\x84\x873!\xb5j\xd5\x1a;vlu\x8f\xf6e\x08\x85B\xa5Ry\xeb\xd6\xad\x85\x0b\x17"\x1bf\x0f\xc0\x82U\x85\xbd,\x08X\x01\x01\xb0\x03\xb8QW\xbbv\xed\xf6\xec\xd9\xd3\xbe}{\xdb\x07&gt;\xf8\xf4Mjj*\xcb\xb2f\xb3\xb9\xa8\xa8h\xd1\xa2Eo\xf0&gt;\x9e\x9e\x9e\x1f\x7f\xfc\xb1\xbd\xe2_\x99L\xb6\x7f\xff~ww\xf7&amp;M\x9a\xd8\xf8;\x04\x0b\xbe=\xf6\xb5 \x80\x01\x01\xb0\x038F\x1b8p\xe0\xe4\xc9\x93\xcb\xcb\xcbm\xdf\x9d\x91 \x08\x8b\xc5\x12\x19\x19\xd9\xae];\x92$\xf1\t\xd2\xd7}\x07\x96e\xfd\xfd\xfd\xabi\x84\xff\t\xcb\xb2B\xa1p\xf7\xee\xdd]\xbat\x11\x08\x046\xee\xd1\x0f\x16|{\xeckA\x00\xc3\xa1\xa3\x8c\x0e\x05\xcb\xb2\x16\x8b%88x\xc5\x8a\x15]\xbbv-++\xb3\xb1\x13\xc1\x97\xc4\x8a\xc5\xe2\xb7y\x13\x86a\x0c\x06CU\r\xa9\xf2`\xdf\xa1\xd3\xe9\x9a5kv\xf2\xe4\xc9\x88\x88\x08\xbb\xc4\xe0`\xc17\x86\x0b\x16\x04\x10\xac\x00\xec\x05n\xd9\xd8\xa7O\x9fu\xeb\xd6\xf5\xec\xd9\xd3\xf62L\x10\x84\xd9l6\x99Lo\xf9&gt;vyh\xf1\xfe\xe7\xbau\xeb\x02\x02\x02\xc2\xc3\xc3\xed\xe2;\xc0\x82o\x03\x17,\x08 X\x01\xd8\x0b\xbcY\xf7\xe8\xd1\xa3\x16-Z\x9c9s\xa6V\xadZf\xb3\x19j\xe0*\t\xc30nnn111\x9f}\xf6\xd9\x80\x01\x03h\x9a\xb6}\x12\x06,\xf86p\xc1\x82\x00\x82s\x00\xf6\x82 \x08\x9a\xa6\xeb\xd4\xa9\x13\x1b\x1b\xbbm\xdb6WWW\xb8\x10\xb5\x920\x0c\xe3\xea\xea\x9a\x9a\x9aj2\x99z\xf4\xe8\x81\x9b\xa0\xd9~\x18`\xc17\x86#\x16\x04\x10\x08\x80\xdd\xf9\xf4\xd3O\xd7\xae]\x8b\xcb\xc9\xed=\x16~\xc00\x8cD"Y\xb8pa\xff\xfe\xfd]\\\\\xec~3\x17X\xf0u\xe1\x9a\x05\x1d\x19\x10\x00\xbb\x81\x8b7\xda\xb6m\xeb\xed\xed\xbdz\xf5j\x99LFQ\x94\xbd\x07\xc5up\xea\xe0\xfc\xf9\xf3\xe9\xe9\xe9\xe3\xc7\x8fgY\xd6\x8e\xa9\x03\xb0\xe0\x1b\xc0)\x0b\x02\xb0\x07`Op\xea\xf3\xe8\xd1\xa3#F\x8c\xc8\xcd\xcd\xc5m\x1d\xed=(NCQ\x94\xb7\xb7w\xe7\xce\x9d\xc3\xc3\xc3\x97.]j\xf7\xdc1X\xf0u\xe1\x9a\x05\x1d\x1cX\x01\xd8\x13\x1cBv\xed\xda\xd5\xdf\xdf\x7f\xd5\xaaU\x10B\xbe\x1a\x86a\xdc\xdd\xddSSS\xb3\xb3\xb3?\xfb\xec3.\x94\x8e\x80\x05_\x0b\x0eZ\xd0\xc1\x81\x15\x80\x9d\xc1\r\xb0rrr\xe2\xe3\xe3\xf1\xb5\x18\x16\x8b\x05R\xa2\xff\nM\xd3\n\x85"**j\xf4\xe8\xd1\x13&amp;L\xe0H\xf0\x08\x16\xac&lt;\xdc\xb4\xa0#\x03\xf2kg\x04\x02\x01\xc30\x11\x11\x11\xdd\xbau\xfb\xf2\xcb/\xdd\xdc\xdc \x84\xfcW(\x8a\xf2\xf4\xf4\xdc\xb6m\x9b\xd1h\x1c3f\x0cM\xd3\x1c\t\x1e\xc1\x82\x95\x84\xb3\x16td`\x05`\x7fp\xe2X\xadV7l\xd8\xf0\x8f?\xfe\x88\x8f\x8f\xd7h4\x10\x19U\x04o\x15\x9a\xcd\xe6\xd0\xd0\xd0\xed\xdb\xb7\'$$p*x\x04\x0b\xfe\'\x1c\xb7\xa0\xc3\x02\x02\xc0\t\xf0\xc3\xb0i\xd3\xa69s\xe6\xdc\xb8q\xc3l6\xc3\xed\xd8\x15\xb1X,&gt;&gt;&gt;\xef\xbd\xf7\x9eT*\xfd\xed\xb7\xdf8\xe8;\xc0\x82\xaf\x86\xfb\x16tL@\x00\xb8\x02~$:w\xee\x1c\x18\x18\xf8\xcb/\xbf\x14\x15\x15A]9\x06\xd7\x8d\xec\xd8\xb1c\xd2\xa4I\xb7o\xdfvvv\x16\x08\x04\x1c\xf4\xad`\xc1\x97\xc1\x17\x0b:  \x00\\\x01\xdf,X\\\\\x1c\x12\x12\xb2m\xdb\xb6\xce\x9d;+\x95J^\\\xecW\xad\xe0\x96;:\x9d.""b\xcb\x96-\xdd\xbau\xe3l\xf0\x08\x16\xfcWxdA\x07\x04\x04\x80C\xe0\x07\xe3\xe0\xc1\x83C\x87\x0e\xcd\xc9\xc9quu5\x9b\xcd\x0e\xbeQ\x86o&lt;o\xdb\xb6m\xabV\xad\x96.]JQ\x14\x97]*X\xf0E\xf8eAG\x03\x04\x80[\xe0\xc7c\xf2\xe4\xc9iii\xe7\xce\x9dS*\x95\x8e\xbcX\xc6\x89\xe3\x193f\x9c8q\xe2\xd2\xa5K\xbc\xf0\x1d`\xc1\x8a\xf0\xd1\x82\x0e\x05\x08\x00\xe7\xc0\x0fITTT\xf3\xe6\xcd\xd7\xad[\xe7\xb0\xa9d\xec;\xb6o\xdf&gt;l\xd8\xb0\x82\x82\x02ooo\xbet\r\x03\x0bb\xf8kA\xc7\x01\x8c\xc19\xf0\xe1\xd2\x13\'N\x9c9sf\xe1\xc2\x85&gt;&gt;&gt;\x16\x8b\xc5\xde\x83\xb25\x14E)\x14\x8a\x7f\xfe\xf9g\xc2\x84\t)))&gt;&gt;&gt;&lt;\xf2\x1d`A\xc4s\x0b:\x0e\xb0\x02\xe0"\xf8\x88\xfc\xed\xdb\xb7\x1b7n\xbco\xdf\xbe\xee\xdd\xbb;T\x14IQ\x94\x9b\x9b\x9bJ\xa5\n\n\nZ\xb5j\xd5\xd0\xa1Cy\x97:\x00\x0b\xf2\xdd\x82\x0e\x02\x082\x17\x11\x08\x044M7l\xd8\xf0\xec\xd9\xb3C\x87\x0e=v\xec\x98\xe3D\x91\x14E\xb9\xba\xba\xaaT\xaa\xd8\xd8\xd8o\xbe\xf9f\xe8\xd0\xa1\x16\x8b\x85w\xbe\x03,\xc8w\x0b:\x08 \x00\x1c\x85$I\x9a\xa6ccc\xf7\xed\xdb7`\xc0\x00\xecA\xccf\xb3\xbd\xc7U\xbdX,\x16WWW\xb5Z\x1d\x1b\x1b;q\xe2\xc4O&gt;\xf9\x84\xa2(\x9e\x06\xce`A\xbe[\xd0\x11\x00\x01\xe0.$IR\x14\x15\x17\x17\xb7\x7f\xff~\xecA|}}kp\x14i\xb1X&lt;==\xad\xbec\xea\xd4\xa9|\x8f\x1c\xc1\x82|\xb7`\x8d\x07\x04\x80\xd3\x08\x85B\xecA\x0e\x1c80p\xe0\xc0\xd5\xabW\xfb\xf8\xf8\xd04]\xf3vnp\xc5HZZZ\xcb\x96-?\xf9\xe4\x13\xec;j@\xe4\x08\x16\xb4\xf7\xb8\x80W\x01\xe2\xccu\xb0\x07i\xdb\xb6\xed\xa1C\x87\x92\x92\x92JKK?\xff\xfcs\xb5ZMQT\xcd8N\xc9\xb2,\xc30&gt;&gt;&gt;G\x8e\x1c\x19&lt;x\xf0\x97_~9q\xe2\xc4\x9a\xe4;\xc0\x82\x00g\x81* ~\x80\x8b(\xf0\xc6ZHH\xc8\x8e\x1d;\x10B\x1a\x8d\x86\xef\xcf\x18EQb\xb1\xd8\xc3\xc3c\xc1\x82\x05\x0b\x17.&lt;v\xecX\xeb\xd6\xadk\xa4\xef\x00\x0b\x02\x1c\x04R@\xfc@(\x14\xd24-\x97\xcb322$\x12ITTTnn\xae\x8f\x8f\x0fEQ\xb8\x05\r\xef`Y\xd6b\xb1(\x14\n\x9a\xa6\x93\x92\x92v\xec\xd8\x91\x95\x95\xd5\xbau\xeb\x9a\xbag\x08\x16\x048\x08\x08\x00o\xc0\xc7\x8b\\]]w\xee\xdc9v\xec\xd8\xce\x9d;\xafZ\xb5\xca\xdb\xdb\xdb\xc9\xc9\x89w7\x90\xd04M\x10\x84\x8f\x8f\xcf\xa9S\xa7bbb&lt;==\xb3\xb3\xb3\x83\x83\x83i\x9a\xae\xc1{\x86`A\x80k@\n\x88g\xe0|+I\x92\x97.]\x1a9r\xa4\x8f\x8f\xcf\x9a5k\x1a4hPRRB\x10\x04\xf7OZ\xb2,\x8b\x03a\xa3\xd18}\xfa\xf4]\xbbv}\xff\xfd\xf7\xc3\x86\rC\xcf\x0eO\xd9{\x80\xd5\x0eX\x10\xe0\x0e`-\x9eA\x10\x04..l\xd1\xa2Evvvdddll\xec\xcf?\xff\xec\xe9\xe9\x89/#\xe4l&gt;\x81eY\x9c/\xf6\xf6\xf6&gt;y\xf2dll\xec\xdd\xbbw/_\xbe&lt;l\xd80\x8a\xa2\x1c\xa7O\x00X\x10\xe0\x0e\xb0\x02\xe0+\xd6h\xeb\xec\xd9\xb3\xb3f\xcd2\x9b\xcd_}\xf5U\x97.]\x8cF\xa3V\xab\x15\x08\x04\xdcy\x1aq\xcc\xe8\xe4\xe4\xe4\xe6\xe6\x96\x97\x977}\xfa\xf4\xdc\xdc\xdc\x993g\x8e\x181\x02=\xdb\x1d\xb5\xf7\x18\xed\x00X\x10\xb0; \x00\xfc\xc6\xfa\xec\xfd\xf4\xd3O+W\xael\xd4\xa8\xd1\xcc\x993[\xb7nm2\x99\xb4Z-B\xc8\xbe\xbd\x88\x19\x86a\x18\xc6\xd9\xd9\xd9\xd5\xd5\xf5\xee\xdd\xbbK\x97.=r\xe4HRR\xd2\x9c9s&lt;&lt;&lt;\xf0\xb5\xe0\x0e\xdb*\x19\x03\x16\x04\xec\x08WB\x0c\xe0\xcd\x10\n\x85\x0c\xc3\xb0,;q\xe2\xc4\xb4\xb4\xb4\xa0\xa0\xa0\xfe\xfd\xfb\xf7\xee\xdd\xfb\xe2\xc5\x8b^^^\x9e\x9e\x9e\x02\x81\xc0\xf6Y\x05\x9c+`Y\xd6\xc3\xc3\xc3\xdb\xdb\xfb\xc9\x93\'\x13\'N\x8c\x8f\x8f\x7f\xfc\xf8\xf1\xbe}\xfb\x96,Y\x82}\x07I\x92\xe0;\xc0\x82\x80\x1d\x81\x15@\r\xc1\x1aH&gt;}\xfat\xd1\xa2E\xc7\x8f\x1fW(\x14\xc9\xc9\xc9\xbd{\xf7\xf6\xf4\xf44\x99Lz\xbd\xde\x1a\xafU\xd3C\x8b\xa3E\x82 \xa4R\xa9T*5\x1a\x8d\'N\x9c\xd8\xb0a\xc3\xcd\x9b7\xc3\xc2\xc2f\xcd\x9a\xd5\xacY3&lt;Tp\x1c/\x02\x16\x04l\x0f\x08@\xcd\x01\'j\xb1\x131\x1a\x8d\xeb\xd7\xaf\xff\xfd\xf7\xdf\x1f?~\x9c\x98\x988h\xd0\xa0\xa8\xa8(\xa9TJQTyy\xb9\xd9lfY\x16\xd7\x9c\xbc\xcdc\xcc&gt;\x03!$\x14\n\x9d\x9d\x9d%\x12\t\xc30\xd7\xaf_\xdf\xb3g\xcf\xce\x9d;)\x8a\xea\xd7\xaf\xdf\xd8\xb1c\xeb\xd4\xa9\x83\x9e\xd5\x0er\'\xb5\xcd5\xc0\x82\x80\x8d\x01\x01\xa8iX\xab\x0c\xf1\xff\x9e&lt;y\xf2\xf7\xdf\x7fOKK\x93H$111\x9d;wn\xdd\xba\xb5\xaf\xaf/A\x104M\x1b\x8dF\xb3\xd9\x8c[\xd3X\xfd\xc8\xcb\x02Lk\x16\x02\xbf\x98 \x08\xb1X\xec\xe4\xe4\x84O\xfd\xa8\xd5\xea+W\xae\x1c=z455\xb5\xb0\xb00,,\xaco\xdf\xbe\xef\xbf\xff&gt;\xfeWp\x1c\x95\x07,\x08\xd8\x0c\x10\x80\x9a\tv"\xd6\xf0\x90\xa2\xa8\x7f\xfe\xf9g\xfb\xf6\xed\x99\x99\x99j\xb5\xda\xdf\xdf?66\xb6E\x8b\x16\x11\x11\x11u\xeb\xd6uuu\xc5\xbf\x85\x97\xffF\xa3\x91\xa6\xe9\xe7\xde\x90 \x08gg\xe7\x8a\x9e\xc5d2=~\xfc8///;;;555//O"\x914l\xd8\xb0O\x9f&gt;=z\xf4\x90\xcb\xe5\xf8e\x90.x3\xc0\x82\x15\xa9\xb8R\xc1\xff\xfb\xb2W\xe2qZ?&amp;L\xbcW\x03\x02P\xc3\xc1\xb1a\xc5*\xbd\xec\xec\xecS\xa7Negggddh4\x1a\x0f\x0f\x0f//\xaf\xa0\xa0\xa0z\xf5\xea\x05\x07\x07\x9b\xcd\xe6\xb0\xb00\xb9\\^\xd1\x83\x10\x04AQTVV\x16B\xa8\xa4\xa4\xe4\xfa\xf5\xeb\x0f\x1f&gt;|\xf4\xe8\x11\xaeV\x8c\x8c\x8c\x8c\x88\x88\xe8\xd0\xa1C\xdb\xb6m\xad\x7f\x08\xff:\x94\x88\xbc=\x0ehA,~\xd85\xbde9,\xde\xd5@\xcf$\xa1\xfa\xb6Ox\n\x08\x80C`}\xa2\x9e\xab\xd7...\xbe~\xfd\xfa\x9d;w\xb2\xb3\xb3\x1f=z\xf4\xf0\xe1C\x82 \x94J\xa5\xc5bynb\x08\x04\x02///\x82 &lt;&lt;&lt;\x1a7n\xdc\xa0A\x83F\x8d\x1a5k\xd6\xacV\xadZ\x15\x9fO\xf0\xfb\xd5D\x8d\xb7 \xfet/~@Lqq\xb1F\xa3\xb9v\xed\x1aA\x10j\xb5:##\xe3\xb9\x17\x10\x04\xc10LPPP`` M\xd3\xfe\xfe\xfeu\xeb\xd6\x95\xcb\xe5/\xbe\x1b\x16\xd4j\xddK\xe7\x11 \x00\x0e\x875&amp;z\xd9\xe1\x1d\x9dNg0\x18\x08\xe2\xff\xcd\r\xfc\x1f$I*\x14\x8a\x7f}\xbd5\x01\r~\xdf6\xd4\x18\x0bZU\xed\xb9\x14\xd3\xd3\xa7O\xb3\xb2\xb2\xf2\xf2\xf2\xf2\xf3\xf3/_\xbe\\^^\xaeV\xab\x85B\xa1\xf5\xe4Add\xa4H$\xaa\xe8\xbb\xf0\x9b\xdc\xb8qC\xa7\xd3\t\x85B\x9dNg2\x99\xa4R\xa9\xab\xabk\xe3\xc6\x8d\x03\x02\x02\xa2\xa3\xa3#""\x02\x02\x02*\xaa\x1dEQ\x0e&gt;oA\x00\x1c\x1a\xfc\x04\xa2\n\xbb\x82\x08\xa1\x97\xad\xb8\xad\xaf\xb4\xba\x15\xfcJ\x87}x\xb8\x00O-\xf8b^\xeb\xd6\xad[g\xcf\x9e=u\xeaTFFFYY\x99\x8b\x8bKPP\x90\xbf\xbf\x7ftt\xb4\xb7\xb7whh\xa8X,\xae]\xbb6\xfe\x98/\xbbG\x01\x97Q\t\x04\x82\xd2\xd2R\x9dNw\xff\xfe\xfd\xc7\x8f\x1f_\xbdz\xf5\xde\xbd{\xb9\xb9\xb9J\xa5\xd2\xd9\xd99"""...&gt;&gt;\xbei\xd3\xa6\xd6\xf7q\xd8\x95+\x08\x00\xf0&lt;/\x9b\x12\x8e\xf6l\xf0\x17\xceZ\x10;hk\xbcOQ\xd4\xa9S\xa7\x0e\x1c8\x90\x92\x92\xa2\xd3\xe9\xfc\xfd\xfdcbb\xf0\xcev\xfd\xfa\xf5\xa5R\xa9\xf5W\x8cF#\xc30\xd6\xdb4_v,\x0eK \xcb\xb2"\x91\x88$I\x91H$\x16\x8b\xf1\xdf2\x9b\xcd\x8f\x1f?\xce\xcd\xcd\xbd|\xf9\xf2\xf9\xf3\xe7o\xdd\xbaEQTlll\xe7\xce\x9d\xbbu\xeb&amp;\x93\xc9\xf0;P\x14\xc5\xa9&amp;\x1c\xd5\r\x08\x00\x00\x00\xd5\x8e5\xd5\x83\xff\xf7\xc4\x89\x13\xdb\xb7oOKK3\x18\x0cm\xda\xb4\xe9\xd6\xad[\xeb\xd6\xad\xfd\xfd\xfd\x11B\xd8\xdd\x9bL&amp;\xfc+\x15wn+/`\xd8\xadU\xac\x1d\x12\x08\x04\x15k^KKK\xd3\xd3\xd3\x8f\x1f?~\xf4\xe8Q\x93\xc9\xd4\xa4I\x93\xbe}\xfb\xf6\xed\xdbW"\x91XG\xeb\x08\x0b\x02\x10\x00\x00\x00\xaa\x91\x8a\xfd\x82\x9e&lt;y\xb2r\xe5\xca\xa3G\x8f\xaaT\xaa\xce\x9d;\x0f\x1e&lt;\x18\x17,1\x0c\xa3\xd7\xebM&amp;S\xb5nE&lt;w\xea\xcd\xc5\xc5E$\x12\x19\x0c\x86\xfc\xfc\xfc}\xfb\xf6\xed\xdc\xb9\x93\xa6\xe96m\xda\x8c\x1b7.::\xfa\xc5\xc1\xd7H@\x00\x00\x00\xa8\x16*\x9e\x1d\xbbx\xf1\xe2\xe2\xc5\x8b333\x83\x83\x83\x87\r\x1b\xd6\xad[7www\x93\xc9d0\x18,\x16\x8b]vb\xf1^:I\x92NNNR\xa9\xd4d2\xa5\xa6\xa6n\xda\xb4\xe9\xcc\x993\x81\x81\x81\x13&amp;L\xe8\xdd\xbb7\x1eR\r\x96\x01\x10\x00\x00\x00\xaa\x18|\x1e\r{\xcc\x03\x07\x0e,\\\xb8P\xab\xd5v\xef\xde}\xc8\x90!\x11\x11\x11\x0c\xc3\x94\x95\x95q\'\xdbn\xdd\x99puu\x15\x8b\xc5\x8f\x1e=\xda\xb9s\xe7\x9e={\x8a\x8b\x8b\xc7\x8d\x1b\xf7\xf1\xc7\x1f\xe3\xcdj\xfc\x1a{\x0f\xb6\x8a\x01\x01\x00\x00\xa0\xca\xa8\xd8\xc7\x02\xbb\xfe\xe2\xe2\xe2\x8f&gt;\xfah\xe4\xc8\x91\n\x85B\xaf\xd7\x1b\x0c\x06\x84\x107=)^\x13H$\x12www\xb3\xd9\xbco\xdf\xbe\xc5\x8b\x17\xab\xd5\xea\t\x13&amp;`\x19\xc0\x9b\xcf\\\x10\xad\xaa\x02\x04\xa0\xb2X\xbf\xa8\x97U X\xa7E\x8d\\*\x02\xc0\x7fb\x8d\x91\xb3\xb3\xb3\'N\x9c\xf8\xe4\xc9\x93\xb1c\xc7\x8e\x1a5J&amp;\x93\xa9\xd5j\x8b\xc5b\xf7\x96\x12\x95\xc1ZK\x8a7\'\xf6\xee\xdd\xfb\xfd\xf7\xdf\xab\xd5\xeao\xbf\xfd\xf6\xbd\xf7\xdeC\xdc\xe8\x8dQU\x80\x00\xfc;l\x05\xf0b\xb6\xf2\xb2o=\xd3\x88\x9e\x95Z\xd7\x8c\xb9\x02\x00/\xc3\x1a\x1a\x17\x15\x15\xcd\x981\xe3\xd8\xb1c\xff\xfb\xdf\xff*\xba~&gt;^\x19\x86\xf70d2\x19\xcb\xb2\xfb\xf6\xed\xfb\xea\xab\xaf\\]]W\xae\\\xd9\xb4iSTS2B \x00\xff?\xd6s\x89\xff\x9a\x9a,//\xd7\xeb\xf5\x04A\xe4\xe4\xe4\xa8\xd5\xea\xe7|\xbaP(\x8c\x8e\x8e&amp;IR(\x14Z\xbbhY\xb1\xb6Y\x071\x00j\x1e\xd6\x9b\x0c\xd6\xaf_?{\xf6\xecw\xdf}w\xc1\x82\x05\xfe\xfe\xfe\xfcu\xfd\x15\xc12 \x97\xcb\xcb\xcb\xcb\x97,Y\xb2z\xf5\xea\x81\x03\x07~\xff\xfd\xf7B\xa1\xb0\x06,\x05@\x00\xfe\x7f\xef\\Q\xcf\xb5Zm~~\xfe\x95+W\xb2\xb2\xb2p\x8b\x95\xc2\xc2B\x81@\xc00\x8c\x9b\x9b\x9bD"\xc1\xd3\x02=;\x81\xc9\xb2\xacZ\xadF\x08Q\x14\xe5\xeb\xeb\xabP(BBB\x02\x03\x03\x9b5k\x16\x19\x19\xe9\xe9\xe9\xf9\xdc\x9f\xe3\xc8\xf6\x17\x00\xbc\r\xd6\x8c\x7fnn\xee\xc8\x91#\x19\x86\x99?\x7f~BB\x82V\xab5\x1a\x8d|w\xfd\x15\xc1\xf1\xbe\\.\xcf\xcf\xcf\x9f:u\xea\xf5\xeb\xd7\x97,Y\x92\x94\x94\x84*\xdc\xed\xccG\x1cW\x00\xf0\xdc\xad\x98\xdb\xd1\xe9tiii\x07\x0f\x1eLOO/--%I\xd2\xcf\xcf\xafa\xc3\x86\xf5\xeb\xd7o\xd8\xb0\xa1\x9f\x9f_\xfd\xfa\xf5-\x16K\xed\xda\xb5\xa5Ri\xc5\x9d\x00\x82 h\x9a.((\xc0\x9d\xaan\xde\xbcYRR\x92\x93\x93\xf3\xf8\xf1\xe3\xbbw\xef\x96\x97\x97+\x14\x8a\xd0\xd0\xd0\xce\x9d;\'$$\xf8\xfa\xfaV\x1c\x00\xac\t\x00\x9eb\xcd\x81l\xd8\xb0\xe1\xf3\xcf?\x1f3f\xcc\xec\xd9\xb3\x11Bj\xb5\x9a\xefq\xf1\xcb\xa0(\n_\x8f\xbc}\xfb\xf6O?\xfd\xb4\x7f\xff\xfe?\xfc\xf0\x03\xee\xb4\xcaS\xb5sD\x01x\xeeP\xe2\xfd\xfb\xf7\xf7\xee\xdd{\xe6\xcc\x99\x9c\x9c\x1c\x89D\x12\x16\x16\x16\x1f\x1f\x1f\x1b\x1b[\xaf^=k\xe4\xce\xb2\xac\xd9l6\x9b\xcd\x04AX,\x96\x7f\xdd\x07\xc6g\x08I\x92\x94H$\x15E\xe5\xd1\xa3G\x97.]:}\xfatFF\x86Z\xad\x0e\x08\x08\x88\x8b\x8b\xeb\xdd\xbb7\xbe]\x0f\xc1U\x1b\x00\x0f\xc1.O\xaf\xd7\x0f\x1b6,\'\'\xe7\xf7\xdf\x7fo\xd6\xacYiii\xc5\'\xabF\x82\xb7\x88\xbd\xbc\xbcJKKG\x8c\x18q\xef\xde\xbd]\xbbv5n\xdc\x98\xa7\x1a\xe0X\x02P\xd1\xf5\x9bL\xa6]\xbbv\xad]\xbb\xf6\xe6\xcd\x9b\r\x1a4\xe8\xd1\xa3GbbbPP\x90\x8b\x8b\x0bB\xc8`0\x98L&amp;|/v%\xaf\x98\xa8x\xfa\x1c=K\r\x91$)\x16\x8b\x9d\x9d\x9d\x05\x02\x81\xc5b\xb9\x7f\xff\xfe?\xff\xfc\xb3o\xdf\xbe+W\xae\xc8\xe5\xf2\xe4\xe4\xe4\xc1\x83\x07\xfb\xf9\xf9\xa1\x17\xee\x81\x02\x00\xceb\xb1XD"Qzz\xfa\xa0A\x83bbb\xd6\xad[G\x92dYY\x19\xee\xb2\xe0\x08P\x14\x85\xabE\x17-Z\xf4\xfd\xf7\xdf\x7f\xff\xfd\xf7\xc3\x87\x0f\xe7\xe3y1G\x11\x80\x8a\xae\xff\xda\xb5k\xeb\xd6\xad\xfb\xfb\xef\xbf=&lt;&lt;\xfa\xf4\xe9\xd3\xbd{\xf7\xd0\xd0P\x82 \xca\xcb\xcb\xf1UJU\xbb[[qoY"\x91\xe0\xcb\x9b\x1e&gt;|x\xec\xd8\xb1]\xbbv\xe5\xe5\xe5EGG\x8f\x1d;\xb6c\xc7\x8e\x08d\x00\xe06\xd6\xf9\xf9\xd3O?}\xf9\xe5\x97\xf3\xe7\xcf\x1f;v\xacJ\xa5\xaa\x19%1\xaf\x05^\nx{{\x9f;w.99\xb9}\xfb\xf6\x1b7nD|\xdb\x12\xa8\xf9\x02P\xd1\xa5fdd|\xf3\xcd7\x17/^\xec\xd4\xa9Srrr\\\\\x9cH$\xc2\x87S^lJ^}\x83aYV"\x91\xb8\xb9\xb9\x11\x04q\xed\xda\xb5\xad[\xb7\xee\xd9\xb3\xc7\xd3\xd3s\xfa\xf4\xe9\xbd{\xf7F\x15\x8a\xea\xaau0\x00\xf0ZX]\xdb\xa4I\x93\x0e\x1d:\xb4{\xf7\xeef\xcd\x9a\x15\x15\x15\t\x85B~\x85\xbdU\x88\xc5b\x91\xcb\xe5:\x9dn\xd0\xa0A&amp;\x93i\xcf\x9e=\xf8\xd2\x02\xbe\xc8a\r\x17\x00kb.;;{\xc1\x82\x05\xf9\xf9\xf9\x89\x89\x89\x1f~\xf8aPP\x90\xc9d\xd2\xe9tX\x1b\xecu\xe9\x1dB\xc8\xd9\xd9\xd9\xc5\xc5E\xa9Tn\xd9\xb2e\xf7\xee\xdd$IN\x9e&lt;\x19W\x17\xf0qE\t\xd4T\xb0\xf7gY\xf6\xfd\xf7\xdf\x7f\xfc\xf81\x0eY\x94J\xa5\xe3\xa4}^\x06EQNNN...\x1f}\xf4\xd1\xd9\xb3gO\x9e&lt;\xe9\xe7\xe7\xc7\x17\r\xa8\xb1\x02`\x8dV\x1e&gt;|\xf8\xc9\'\x9f\xa4\xa7\xa7\x8f\x1f?~\xf4\xe8\xd1\n\x85\x02\xdf\x97\xc4\x91BL\xbc\x90\x14\x89D2\x99\xccl6\xef\xd9\xb3\xe7\xdbo\xbfurr\xfa\xee\xbb\xef\xe2\xe3\xe3QM9o\x02\xf0\x1a&lt;\t\xcb\xca\xcaZ\xb6l\xd9\xa8Q\xa3\x03\x07\x0e\xd4\xbcB\xcf\xb7\x01/\xeb\xbd\xbc\xbc\x16.\\8\x7f\xfe\xfc\x93\'O\xb6j\xd5\x8a\x17\xdb\xc25S\x00\xf0W\xcf0\xcc\x8c\x193\xf6\xec\xd9\xd3\xad[\xb7\xc9\x93\'\x07\x06\x06r\xf9&lt;:\xee\x8d\xa5P(4\x1a\xcd\xda\xb5k\xd7\xae]\x1b\x19\x19\xf9\xd3O?\xe1h\x02\x96\x02\x80\xbd\xc0\xde_\xa5R\xc5\xc6\xc6\xf6\xee\xdd{\xe1\xc2\x85eee\xfc\xcat\xdb\x00\xeb\x96\xc0\x8e\x1d;\xc6\x8f\x1f\xbfw\xef\xde\xb8\xb88\xeek@M3\xa1\xf5\xae\xd43g\xceDGGgee\xed\xdc\xb9s\xf9\xf2\xe5^^^\xc5\xc5\xc5\xf8\x16:nzR\xa1P\x88\xaf\xb2c\x18f\xea\xd4\xa9)))^^^\xd1\xd1\xd1\xeb\xd7\xaf\xc7\x8a\x85o\xad\x03\x00[b\xf5\xfe111\x83\x07\x0f\xfe\xee\xbb\xef\x94J%\xaeh\xb0\xf7\xd0\xb8\x05A\x10B\xa1\xb0\xa8\xa8h\xc0\x80\x01\xbf\xff\xfe{RR\xd2\xd9\xb3g\xf1ia{\x0f\xedU\xd4\xa8\x15\x00\xd6[\x96e\'O\x9e\xbco\xdf\xbe\x193f\x8c\x1d;\xd6h4j4\x1a\xce\xfa\xfd\x7f\xc5Zdv\xfc\xf8\xf1\xcf?\xff\\\xa1P\xac_\xbf\xbev\xed\xda\xdc\x0f(\x80\x9a\x04\x0e\xf3\x95Je\xabV\xad\x92\x93\x93\xe7\xcc\x99\xe3\xe0[\xbe\x95\xc1l6\xfb\xfa\xfa\x1e;vl\xc0\x80\x01\xfb\xf7\xef\x8f\x8b\x8b\xe3r\x16\xb7\xe6\xc88v\x8eyyy\xcd\x9a5\xbbr\xe5\xca\x993g\xc6\x8e\x1d[\\\\\xac\xd7\xebE"\x11\xbf\xa6,\x0e\x1c\x8a\x8a\x8a\xda\xb7o\x7f\xf6\xec\xd9\xc0\xc0\xc0\xa8\xa8\xa8}\xfb\xf6\xe1\xbcVM\xd2l\x80\xb3\xe0\xc5\xb4J\xa5j\xdd\xba\xf5\x90!C\xb0\xf7\xe7\xdd\xa3d{\xc4bqQQQ\xa7N\x9dv\xec\xd8\xd1\xabW\xaf\xb4\xb44\x92$9\xbb|\xaf\t\x02\x80\xb3oB\xa1p\xd3\xa6Mqqq\x83\x07\x0f&gt;y\xf2\xa4\x87\x87Gqq1\xce\xab\xd8{\x80o\x02A\x10"\x91\xa8\xac\xacL\xa3\xd1\xac\\\xb9r\xd3\xa6Mc\xc7\x8e\x9d&lt;y2\xde\x0c\xe0\xec|\x02j\x06\xd6{t[\xb4h\xd1\xb3g\xcf\xb9s\xe7b\xefo\xefq\xf1\x03\x91H\x845`\xf3\xe6\xcdqqq\xb7o\xdf&amp;I\xf2em\xe4\xed\x0b\xefS@\xd6\xcd\xa8\xe1\xc3\x87\x9f:uj\xeb\xd6\xadm\xdb\xb6-..\xe6\xe6N\xef\x9ba\xb1X&lt;==\x0b\x0b\x0b\x07\x0e\x1ch0\x18\x8e\x1f?\xee\xe1\xe1\x01\xe9 \xa0\xfa\xc0\xb3\xab\x7f\xff\xfe\x06\x83a\xff\xfe\xfd\xa5\xa5\xa5P\x86\xf0\xbaX,\x16\x1f\x1f\x9f\x85\x0b\x17n\xdc\xb81--M&amp;\x93Y\xbb\tp\x07^F\xc7VpyLYYY\xa7N\x9d\xee\xde\xbd\x9b\x96\x96\x16\x1b\x1b[\xf3\xd2\x94"\x91H\xa9T\xba\xbb\xbb\x9f:u\xaaE\x8b\x16111\xe9\xe9\xe9\xdc\xdf_\x02x\n\xee\xe1&lt;i\xd2\xa4;w\xee\x1c8p@\xa5R\x81\xf7\x7f\x03\xf0:`\xd6\xacY=z\xf4\xe8\xd0\xa1\x83@ \xa0i\x9ak\x017\x8f\x05\xc0Z\x9f\xd0\xb2eK\x85Bq\xea\xd4)\xa9TZSO\xa6\x08\x85B\x93\xc9TZZ\xbaj\xd5\xaa1c\xc6t\xee\xdc955\x154\x00\xa8r\xf0\xa9\x94U\xabV\x1d8p\xe0\xd0\xa1C\x1a\x8d\xc6\xda\x0e\x0bx]\x84BaII\xc9\xe2\xc5\x8b\xeb\xd7\xaf?h\xd0 \xa1P\xc8\xb5\xe4-_S@\x15\xbd\xff\x90!C\xe6\xce\x9d[RR\xe2\x08=5_\xac1\x80\\\x10PU\xe0\x84jVVV\\\\\\jjjXX\x98Z\xad\x86\xd9\xf56\xe0\x1e3\x12\x89$$$d\xea\xd4\xa9\x13&amp;L\xe0\xd4\x03\xcbK\x01\xa8X\x9b&lt;t\xe8PG\xabN\x03\r\x00\xaa\x03\xdc\x9e\xc4h4\x86\x86\x86~\xf6\xd9gc\xc7\x8</t>
        </is>
      </c>
    </row>
    <row r="82">
      <c r="A82" s="1" t="n">
        <v>80</v>
      </c>
      <c r="B82" t="inlineStr">
        <is>
          <t>size_grid</t>
        </is>
      </c>
      <c r="C82" t="inlineStr">
        <is>
          <t>What is the size of the missing part denoted with a question mark?</t>
        </is>
      </c>
      <c r="D82" t="inlineStr">
        <is>
          <t>['small', 'medium', 'large']</t>
        </is>
      </c>
      <c r="E82" t="inlineStr">
        <is>
          <t>large</t>
        </is>
      </c>
      <c r="F82" t="inlineStr">
        <is>
          <t>There are circles arranged in a grid formation with varying sizes in the image. The sizes in the first row are ['medium', 'large', 'medium'], the sizes in the second row are ['large', 'small', '?'], and the sizes in the third row are ['medium', 'large', 'medium'].</t>
        </is>
      </c>
      <c r="G82" t="inlineStr">
        <is>
          <t>We observe that the circles at the corners are medium size, while the circles directly adjacent to the center are large size. Only the center circle is small size. Hence, the pattern is that the circles alternate in size depending on if they are at the corner or adjacent to the center.</t>
        </is>
      </c>
      <c r="H82" t="inlineStr">
        <is>
          <t>Based on the pattern that the circles alternate in size depending on if they are at the corner or adjacent to the center, the size of the missing part that is adjacent to the center should be large.</t>
        </is>
      </c>
      <c r="I82" t="inlineStr">
        <is>
          <t>b'\x89PNG\r\n\x1a\n\x00\x00\x00\rIHDR\x00\x00\x02\x00\x00\x00\x02\x00\x08\x02\x00\x00\x00{\x1aC\xad\x00\x00Z\x04IDATx\x9c\xed\xddyxT\xd5\xfd?\xf0\xcf\xb9\xf7\xceL&amp;\xfb$aW\x04\x84$\x08!\x80\x84]d\x13\xa5J\xb5EA+\nAA\x7f\xb8\x05\xb5V\xac\xadk[\x05\x14\xda\n*A@Q\xe1\xab]@\xa1\x10\x16Qd\x11\x91\x80I \x10\xc2\x12\x96\x90\x04\xc8B\xf6\x99{\xce\xf9\xfdq$MA1\t!\x99\x99\xfb~=}\xfa\xb4\xc9$\xdc\xcc|\xeey\x9fs\xee\xb9\xe72)%\x01\x00\x80\xf5h\xcd}\x00\x00\x00\xd0&lt;\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a3\xb9\x0f\xc0Zd-\x17|\x8b\xd5\xd2,\xc7\x06p\xa5\xa1\xfe\xbd\r\xbb\xf8\x93\x80F\'\xa5\x14B\x10\x91\xae\xeb?\xfbb\xce\xb9\x94R\xd34M\xc3\xf8\x0c\xfc\x01\xea\xdfk!\x00\xae,!\x84\x94\xb2\xa6\xee9\xe7\'O\x9e&lt;t\xe8PNN\xce\xb1c9\x8c1)\x89H\x86\x87\xbb\xe2\xe2\xe2Z\xb7n\xdd\xa1C\x07\xa7\xd3Y\xfbg5MC\x9f\x08|\x14\xea\xdf\xcb!\x00\xae\x14!D\xcdx6??\x7f\xeb\xd6\xad\xabW\xaf\xde\xb9\xf3\xdb\x9c\x9cc\xe7\xce\x9d\xfb\xd1\x1fq8\xec\xed\xda\xb5\xeb\xdd\xbb\xf7\xad\xb7\xde\xd6\xbf\x7f\xff\xd8\xd8X\xf5u\xcey]\xbaN\x00\xde\x03\xf5\xef\x13\x10\x00\x8dO\rxU\xc9\xa6\xa5\xa5\xcd\x9b\xf7\xd6\xaaU\xabsss/xY\x8b\x16\x91$\x85$bL+))u\xbb\xdd\xb5\xbf\x1b\x14\x14x\xd3M7M\x9b\xf6\xc8\xf0\xe1\xc3u]W#h\x0c\x8a\xc1\xfb\xa1\xfe}\x08\x02\xa0\x91\t!T\x99fdd\xfc\xeew\xbf\xdb\xb0aCMe_\xd3\xbem\x9f&gt;\xddz\xc7\xc7\xf4\x89\x8fu\xb9B;_\xdb\x9e\x84 "\xd2\x8d\xbc\xdc\xfcS\xa7\x0b\xd3\xf7\x1dNK\xcf\xda\xb9kozFV\xcd/\x8c\x8f\x8f\xff\xcb_\xfe2z\xf4hBW\x08\xbc\x1e\xea\xdf\xb7 \x00\x1a\x93i\x9a\x86a\x94\x96\x96\xfe\xfe\xf7\xbf_\xb80\xb9\xb2\xb2\x8a\x88\x02\x9d\x01w\x8d\x1d\xf5\xeb;F\x0e\x1d\xdc;\xb4U\x14\x91Nd\x92\x10T\xed&amp;R\x93\x9b\x92l\x06\x19\x06\x91N$yi\xe9\x8e]{W|\xbe\xe9\xa3e\xabsO\x9dV\xbfy\xf4\xe8\xd1s\xe7\xce\x8d\x8e\x8eV\xffD\xf3\xfd\x89\x00?\t\xf5\xefs\x10\x00\x8dF\x95fjj\xea\x94)SRSS\x89\xc8\x19\xe0\xb8g\xfc\xe8\xe9\x8f\xdd\xd7\xfd\xfa\xeeD\x92**\xb8\xdb#%1\xc6\x88\x91V\xeb\xd2\x96Z\x17\'\xa5d\x8ct]\xa7 \'i\x8e\xfc\xe3\xc7\xdfI\xfe\xe4\xdd\xe4OO\xe5\x9d!\xa2\xa8\xa8\xa8y\xf3\xe6\x8d\x1b7\xae\xf6\xec*\x80\x97@\xfd\xfb"\x04@\xe3P\xd5\xbfh\xd1\xa2\xe9\xd3\xa7\xabk\\\xb7\x8c\x1c8{\xe6\xd3\xddzu#\x8f\x9b\x97U\x10\xa3:\xaeg\x90DR\x08!\x84\x11\x10@\xce\xc0\x82\x13\xa7^\xfd\xf3;\xf3\xdeY.\xa4$\xa2\xa4\xa4\xa49s\xe6\xe0\x1c\xb8\x1c55/\xa5T\xef!\xde\xc9\xcb\x84\xfa\xf7Q\x08\x80F\xa0\xaa?99y\xea\xd4\xa9D\xe4\xb0\xdb^{\xe5\x89\xa4\'\x13\x89$/-g\x1ak\xd8\xc5+)%\xe7\\\x9d\x06)\x9fox`\xea\x1fO\xe6\x9d!\xa2)S\xa6,X\xb0\x80s\x8e\x15ru\xa7n&gt;R\r\xc7\xc5\xf3\xc8\xea\xadf\x8c\xe1-m\x00\xd4\xbf\xefB\x00\\\xae\x0b\xaa?"&lt;\xe4\xb3\x7f\xbd5h\xd8@QRLRj\xfa\xe5\xae[\x90Rr.\x0cW\xd8\xa9c\xb9\xb7\xdf\xf1\xe8\xce\xdd\xfb\xe8\xfc9`\x9a\xa6\xae\xeb8\x07.\xed\x87v\xe4\x7f\'\x8eKKK+**\xdcn\xb7\xcdf\x0b\n\n\n\t\t\xa9\xf9\x16\xae4\xd6\x0b\xea\xdf\xa7!\x00.\x8bj,\xde\x7f\xff\xfdI\x93&amp;\x11\xd1u1\x1d?\\:\xabWB\x9cYXd\xd8\x1a\xf3R\x95\xe91\x8d\x90\xe0\xa2\xa2\x92\xc9\x93\x9f[\xb1\xfa+"z\xe8\xa1\x87\xdey\xe7\x1d\\\x13\xbb\xb4\x9aI\x1e"JMM\xdd\xb4i\xd3\xf6\xed\xdb\xb3\xb3\xb3\xf3\xf2\xf2***T/2((\xe8\xea\xab\xaf\xee\xdd\xbb\xf7\x981cF\x8f\x1e\xad\xeb:2\xa0\x8eP\xff\xbe\x0e\x01\xd0pj\xc5[zz\xfa\x80\x01\xfd\xcb\xcb+"]\xa1\x9b\xd6-\x8a\xeb\xd3\xc3,&lt;k\xd8l\x8d\xfe\xcfq\x93\xebA\xce\xaa*\xf7\x90\xa1\xf7\xed\xdc\x9dID\x8b\x16-JLLDk\xf5ST\xeb\x9f\x9b\x9b\xbbt\xe9\xd2\xe5\xcb\x97\xef\xd9\xb3\xe7g\x7f\xe4\xfa\xeb\xaf\xff\xf3\x9f\xff&lt;j\xd4(\xbc\xab?\x0b\xf5\xef\x07\x10\x00\r\xa4&amp;\x94+**\x06\x0f\x1e\x94\x96\x96n\x18\xfa\xd7)\xef\xf5\x1f&gt;\xc0,,4\xec6\xba2o\xaa\xe0\\\x0bp\x14\x95\x94\xf5\xe9?\xfeHNn``\xe0\xb6m\xdbz\xf4\xe8Q\xb3\xf8\x1aj\xa8v\xe1\xa3\x8f&gt;z\xfc\xf1\xc7\x0b\x0b\x0b\xd5\x17m6\x9b\xa6i\xea\xb3SW\x05\xd4\xbc?\x9d\xbfH\xc09\'\xa29s\xe6$%%\xa1e\xb9\x04\xd4\xbf\x7f\xc0\xbb\xd6@\xea^\xc7\x193f\xa4\xa5\xa5\x13\xd1\xacW\x9e\xe8?|\xb0\xa7\xb0\xc8\xb0]\xa9\xea\'"M\xd7ye\xb5\xabe\xe4\xc7\x8b\xfed3\xf4\xf2\xf2\xf2I\x93&amp;\xa9\x1bm\x10\xe4?\xea\xaa\xab\xae*,,\xb4\xdb\xed6\x9bM\xd7u\x8f\xc7S]]\xedv\xbbM\xd3\xe4\x9c\x0b!8\xe7\x1e\x8f\xc7\xe3\xf1\xa8\xff\xab\xeb\xba\xae\xeb\xd3\xa7O\xff\xe4\x93O\xd4\\Ps\xff\x05^\n\xf5\xef\x1f0\x02h\x08\xd5\xe38p\xe0@\\\\\x9ci\x9a#\x86&amp;\xac_\xbf\xc4,+3\x9a\xa4\x1bbzL#\xa2\xc5K3^{\xf1\xb5d"Z\xb2d\xc9\xc4\x89\x13\xd1]\xbd\x98\xfa\x98F\x8f\x1e\xbdv\xedZ\xf5\x95V\xadZ\r\x192\xa4\x7f\xff\xfe\xd1\xd1\xd1\xe1\xe1\xe1\x86a\x94\x95\x95\xed\xdd\xbb\xf7\xb3\xcf&gt;\xfb\xe2\x8b/\xd4k\xd4\x10!***333""\x82\xb0H\xf4"\xa8\x7f\xbf\x81\x00h\x08\xb5\x9ap\xf4\xe8\xd1)))\x01\x01\xf6\xef\xb7-\x8f\x8e\x8b\x16e\x15\x97\xbf\xe6\xa1.\xa4\x94\x821\xc1\xb4\x1e\xd7\xff:+\xfbX\xabV\xad\xd2\xd2\xd2"##\tM\xd5\xffR\xd7x\xd7\xaf_\x7f\xf3\xcd7\x8f\x181b\xd2\xa4I\xa3G\x8fVo\xd4\xc5\x96/_&gt;y\xf2\xe4\xea\xeaj\xb5{\xa5i\x9a\x7f\xfd\xeb_\x1f\x7f\xfcq\\f\xbc\x18\xea\xdfo`\n\xa8\xdeT\xf5gffn\xdc\xb8\x91\x88\xc6\xffzTt\xaf\xee\xbc\xb4\xbci\xaa\x9f\x88\x18c\xd2\xe4\xb6\xe0\xe0\x19\xd3\'\t!N\x9d:\xb5b\xc5\n\xc6\x18\xe6+.\xa0\xd6\x08\x0e\x1d:t\xd7\xae]\x1b6l\x980aBdd$\xe7\\\xcd\xff\xd40M\xd34\xcd\xbb\xef\xbe{\xd6\xacY\xaao\xab\xae\r\xac^\xbd\x9a\xb0\x01\xd9EP\xff\xfe\x04#\x80zS\x83\xcd\xa9S\xa7&amp;\'\';\x9d\x01\xbb\xb7~\x14\xdd=ZVT6eK!\x89$#\x8f\xa0\xde\xfd\xee\xca&lt;p\xb4[\xb7\xebv\xef\xde\x835\xd1\x97\xa0.Z\xfe\xd4\xadC\xea\x9apuuu\xa7N\x9d\xf2\xf3\xf3\xd5\xec\x7f\xa7N\x9d233\xedv{\xed\xb5\xa4\x80\xfa\xf7\'\xe8\xdd\xd4\x8f\x9a\x1f\xc8\xcf\xcf_\xb9r%ct\xe7\xed\xc3cz\xc5\x89\xb2\x8a&amp;\xee\'2"\xe1\xe1\x8e\xd0\xd0\xa7\x1e\x9d \xa5\xdc\xb7/\xf3\xab\xaf\xbeB\'\xe8\xa7\xd4\xdc\x00\xfcS\r\x84z\xfeT```\xe7\xce\x9d\xe9\xfcLBIIIeee\x93\x1e\xa8\xd7C\xfd\xfb\x19\x04@\xfd\xa8\n\xdb\xbe}{AA\x81\x94t\xf7\xd8\x9b\xa5\x14\xd4\x1c\xfd\x0e]\xd7dU\xc5\xad\xb7\xdc\x10\x1e\x16"\x84\xf8\xfc\xf3\xcf\x08k!~B]\x9a\'\xf5\xd6\xd5N\x08\xec4p1\xd4\xbf\x9fA\x00\xd4\x8fj\x11V\xadZ\xc5\x18\xbb\xaa]\xab\xc17\xf4f\x95\x15\x9a\xd6\x0c\'\x00cLV\xb9[u\xbcj\xc8\xa0\xdeD\xb4q\xe3\x17n\xb7\x1b\x0b!\x1aF=z\xd0\xe3\xf1\x9c&lt;y\xb2\xe6\x8b.\x97+00\xb0\x19\x8f\xca\x0b\xa1\xfe\xfd\x0c\x02\xa0~4Ms\xbb\xdd\xdb\xb6m\x93R\x0e\xe8\x1b\x17\xda\xaa\x05w{\x9a\xab\x9f(\xa4$\xcd\xb8iX_"\xca\xce&gt;x\xe4\xc8\x11\xc6\x98zv\x12\xd4\x8bz\xd3v\xee\xdcy\xf4\xe8Q5\\`\x8c\xc5\xc6\xc6\x1a\x86\xa16\x89k\xee\x03\xf4\x16\xa8\x7f?\x83\x00\xa8\x075\x95\x9c\x9b\x9b{\xe2\xc4q"\xea\x1d\x1fK\xa47\xe3\xa0\x931F\xd2\xec\xd9#F\xd3\xb4\xaa\xaa\xea\xb4\xb44\xc2(\xb8\xfej\x9a\x8cg\x9f}V\xbd{\xea\xae\xe0\xb1c\xc7\x12\xde\xcfZP\xff\xfe\x07\x01P\x0f\xaa\xb6\x8e\x1d;VZZFD=\xe3\xa2\x89\x9a\xb3{\xa8i\x8c\xaa\xdd\xd1\x9d\xaf\t\x0b\r!\xa2\xac\xac\x03\x84\x13\xa0\x9eT\xeb\xaf\xeb\xfa\xb4i\xd3\xbe\xfe\xfak5\xef\xcf9\x8f\x89\x89\xb9\xeb\xae\xbb\xd45\xcf\xe6&gt;Fo\x81\xfa\xf7?\x08\x80z;r\xe40\x11\xd9l\xb6\xa8(\x17\t\xde\xbc\xd3\x03\x92\x8b\xc0\x90\xc0\xf0\xf0`":r\xe4\x08\xe1^\x98\xfa\xa8\xd9S~\xca\x94)o\xbf\xfdvM[\xcf\x18{\xf7\xddw\x9dN\xa7\xea\xf36\xefAz\x1b\xd4\xbf?A\x00\xd4\x83\xea\\dgg\x13\x91+&lt;\xb4\xcb\xb5\xed\xa9\xda\xdd\x8c\x05\xc7\x18\x93\xa6\x19\x1c\xe5\xearm{"\xca\xce&gt;D8\x01\xeaL\xadg/**\x1a3f\xcc\xc2\x85\x0b\r\xc3P\x9f/\xe7|\xc1\x82\x057\xdex#v\x17\xb8\x00\xea\xdf\xff\xe0\x1e\xf7z\xb3\xdb\xedt\xfe\xc6\xa2\xe6&gt;\x16"":\x7f$\xea\xc0\xa0.T\xe3\x9e\x99\x99y\xe7\x9dw\xee\xdb\xb7O\xb5\xfej\x833\xb5\xb7\x0cv\x80\xf8)\xa8\x7f\x7f\x82\x12o8\xef\x99m\xf4\x9e#\xf1\t\xaa\xa1\xff\xe6\x9bo\xc6\x8c\x19s\xe6\xcc\x19\xd5\xfas\xce\xa3\xa2\xa2&gt;\xfc\xf0\xc3\x9bo\xbe\x19\xad\x7f]xO\xd5y\xcf\x91\xf8\x1cTy\xbd\x99\xa6ID\x9a\xc6l\x86A\xdePy\x9af3\x0c:\x7f`pijC\x88\xcc\xcc\xcc[o\xbd\xb5\xb0\xb0PM\xf2p\xce{\xf6\xec\xb9|\xf9\xf2\x98\x98\x18\xb4\xfe\x97\x86\xfa\xf7\'\xb8\x06Po\x91\x91QDTVVq\xfcd&gt;\xd9m\xcd\xd8\xfb\x90R2]\xaf,.=\x91[@D?\xb5\xcf%\xd4P\x1fVuu\xf5\xbd\xf7\xde[XXh\x9co8F\x8d\x1a\xf5\xe5\x97_\xa2\xf5\xaf\x0b\xd4\xbf?A\x00\xd4\x83\xba\xbe\xd4\xbd{w"*\xaf\xa8&lt;\x95w\x9a\x0c\xa3y\xfb@L\xd7\xaa\xce\x95\xe5\x9e:CD\xdd\xbbw\xa3Z\xab\xda\xe1bj\xd9\xcf\xc7\x1f\x7f\xbc{\xf7n\xc30\xd4\x03aF\x8e\x1c\xf9\xd9g\x9f\x85\x85\x85]\xfc\xecx\xa8\r\xf5\xef\x7f\x10\x00\xf5\xa0N\x80\xd6\xad[9\x9d\x01Dt\xe0`\x0e\x91\xde\xbc= r\xd8\x8e\x1e?UV^NDW]uus\x1d\x89\xafPw\xf9.]\xba\x941\xc6\x18\x93R\xb6o\xdf\xfe\x93O&gt;q8\x1cX\xf3\xf3\xb3P\xff\xfe\x07\x01P\x0f\xea\x04\xe8\xd8\xb1S\xabV\xad\x88h\xd7\x9e\xfdD\xb2\x19W\x9d\t!I\xb3\xa7g\x1ct\xbb=\x86a\xf4\xee\xdd\x9b\xb0\x7f\xfdOS\x1b\xfe\x94\x96\x96\xee\xdd\xbb\xb7\xe6\x8e\xdfg\x9ey\xc6\xe5ry&lt;\x1e\xb4\xfe?\x0b\xf5\xef\x7f\xf0f\xd5\x83\xbaG\xd4\xe9t\xf6\xea\xd5\x9b1\xb6\xfd\xdbtwi\xa9f4[\xc3\xc1\x18\x11\xc9M[v\x11Q\xdb\xb6m\xbbt\xe9BX\x07\xfd\xd3T\xa3\x9f\x9f\x9f_TTDD\xa6i\xea\xba&gt;b\xc4\x08\xdc\xee[G\xa8\x7f\xff\x83\x00\xa8\x1f\xd5\x88\x8c\x19s\x9b\x942+;g\xf7\xb7\xe9\xe4tr\xde\x0c\xd3\x8eRJ\xcdn;\x97_\xb0a\xd3\xb7D4l\xd8\xd0\xe0\xe0`\xec\\\xf6\xb3*++\xd52P\xc6XXXX\xcb\x96-\xd5tPs\x1f\x97o@\xfd\xfb\x19\x04@\xfd\xa8\x01\xe6\r7\x0c\t\n\n\xe2\x9c\xff\xf3\xf3MLw4\xcb4\xa8\xe0\x92\x05\x06n\xf9:\xf5\xc4\xc9|"\x1a5\xeaf\xc2\x82\xe8:\xa8y\x12\xa4\x10\xa2\xaa\xaa\n}\xffzA\xfd\xfb\x19&lt;\x12\xb2\xde\xd4\xd5\xc21c\xc6\xacZ\xb5\xaau\xab\xc8\x8c\x9d\xff\x88\x88\n\'\x8f\xd9\xc4]\x0f!\x84\x16\x14t\xd3\xa8\xc4\x8d_\xeel\xdd\xbauVVVpp0\x1e^x\t\xea\xcd)++\xdb\xb9s\xa7\xfa\x8a\xcdf\xeb\xdf\xbf?V\xfe\xd4\x0b\xea\xdf\x9f`\x04\xd0@III\x1acy\xf9g\xdfz{\x19s\x067\xf1(\x98s\xc1B\x82\xbfL\xf9z\xc3\xa6o\xa5\x94S\xa6L\xc5\xf8\xf7g\xa97\'88x\xd8y\x83\x07\x0fF\xeb\xdf0\xa8\x7f\xff\x80\x11@C\xa8\x9d\x03\xe2\xe3{df\xee\x8f\x8a\x0c?\xf0\xfd\x8a0W(k\xc2N\x10\xe7\\\x0f\x0b\x1d&gt;\xf4\xbe/\xbf\xdee\xb7\xdb\xf7\xed\xdb\xd7\xa9S\'u\x8fk\xd3\x1c\x80\xef\x92R\x9a\xa6\xa9V\x8b3\xc6\xb0\x81L\x03\xa0\xfe\xfd\x06\xde\xaf\x86\x10B\x18\x861g\xce\\)\xe5\xe93E\x7fx\xf1-\xad\t;A\xdc\xe4z\xb8\xeb\xd3\x0fV|\xf9\xf5.)\xe5\xd3O?\xdd\xa9S\'u\x8bS\xd3\x1c\x80O\x93R\xdal6\x87\xc3\xe1p8\xecv;:@\r\x80\xfa\xf7\x1b\x18\x014\x90\xean\xdc&lt;j\xd4\xba\xf5\xeb\x19c)+\xde\xba\xe9\x97#\xcc\xc2b\xc3ve\xa7\x14\x84\x10\xcca/\xc8;\xdb\xa3\xef]\x05\xa7\x0b[\xb6l\x91\x99\xb9\xdf\xe5r\x11\x16\xc0\xd5\x81\x9a#\xde\xb3g\xcf\xc6\x8d\x1b\xab\xaa\xaa\x06\x0c\x180|\xf8\xf0\xe6&gt;(\x9f\x84\xfa\xf7\x0f\x08\x80\x06R\x8f\n9|\xf8p\xdf\xbe\t\x85\x85E\xad[F~\xbf\xf3\xd3\x96mZ\xf0\xb2\n\xfd\x8a\xad\x8c\x96B\n\x8d\xe9\xc1A\xa3FL\\\xbf\xe9["\xfa\xf4\xd3O\xef\xbc\xf3N\xdc\xc5Z\x17\xaa\xcd\x9a7o\xde\x13O&lt;\xc19W_|\xf0\xc1\x07\xdf}\xf7]\xc2\rD\xf5\x84\xfa\xf7\x0f(\xfa\x06\xd24M\x08q\xed\xb5\xd7.X\x90LDy\x05g\xc7\xfc\xea\xd1\xe2\xa2sz\xa0\xb3\xa6qi\\5\xd5?5q\x86\xaa\xfe\xa4\xa4$T\x7f\x1d\xa9\xdb\x80KJJ\x9e\x7f\xfey\xce\xb9\xddn7\x0cC\xd7\xf5\x85\x0b\x17n\xdf\xbe]\xd3\xb4+\xf4\xa9\xf9+\xd4\xbf\x7f@\x004\x9c\xae\xeb\xa6i\x8e\x1d;6))\x89\x88\xbeM\xdd\x978\xf9\xb9\xd2*\xb7\x1e\x10\xc0\xcdF&gt;\x07\x04\x17\xaa\xfa\xff\xf4\xc7\xbf%\xbf\xbf\x82\x88\x06\x0c\x180{\xf6lL}\xd6\x91\x1a\xe9\x1e9r\xa4\xa4\xa4\x841\xe6v\xbbM\xd3d\x8ci\x9a\xf6\xfd\xf7\xdf\x13\x96\x90\xd7\x1f\xea\xdf\x0f\xe0\xbd\xbb,\xea\x1c\x983g\xce\x94)S\x88h\xc5\xea\xafF\x0e\xbf\xbf\xb0\xb8T\x0f\x0f5=fc\xb5)\xa6ij\x01\x0e\xd5\xf7y\xfe\xd5\xb7\x89(!!a\xd5\xaaU\x9a\xa6\xa9G\xda6\xca\xbfb\x05?\xdaUD\x0b\xd2`\xa8\x7f_\x87\xd2\xbf,\x8c1]\xd7\x85\x10\x0b\x16,P\xe7\xc0\xb7\xa9\xfb\x06\x0c\xfe\xcd\xd6/\xbf5"\xa2\x18c\xa6\xc9/\xe7,\xe0\x9c\x0b.\x0cW\xc4\xa9\xfc\xd3\xb7\xdc\x94\xa8\xfa&gt;\t\t\t)))\x11\x11\x11\xb8\xed\xa5\xee\xd4\xde\x9f\x1d;vl\xd1\xa2\x85\x94\xd2n\xb7\xdbl6!\x84\x10\xa2O\x9f&gt;\x84\x18h\x10\xd4\xbf\xafC\xd1_.\xb5\x93\x8cz\x92\xf8C\x0f=DDY\x87\x8e\x8d\xb8e\xcaK\xcf\xcfv3f\xb8\xc2\x99F\xa6\xc9\xeb\xd5\x1bR\xeb\xac\x85\x10zX\x88\x16\x1a\xbc|\xe9\xbf\x13\x06\xdc\x93\xb2\xf1\x1b"\x1a4hPJJ\x8a\xcb\xe5\xc2\xaa\xe7za\x8c\t!\x82\x83\x83g\xcf\x9em\xb7\xdb\xddn\xb7\xc7\xe3\x11B&lt;\xf9\xe4\x93}\xfa\xf4\xc1\x9b\xd9`\xa8\x7f\x9f\x86U@\x8d\xa3\xe6\x91\xe2\x0b\x17.\xfc\xed\xd3O\x17\x97\x94\x10Q\\\xb7\xce\xd3\x1f\xbf\xef\xde\xf1\xb7\xda\xc3B\xa9\xaaBT\xb9\x85\x94\x8c1Mc\xf4\xbf\xab\xd6\xd4\xa7 \xa4\x94B2"\xddn\xa3\xa0@\xe2|\xfd\xba-\xb3\xdf\\\xb2n\xc3v\xf5\xb2\xa4\xa4\xa4Y\xb3f\xa9\'\x99\xa0\xfa\x1b@\xf5\x19\xf7\xee\xdd\x9b\x92\x92RYYy\xc3\r7\x0c\x192\x04\x1d\xc9\xcb\x87\xfa\xf7Q\x08\x80\xc6\xa4\x16$\xa4\xa6\xa6&gt;\xf2\xc8\xb4o\xbe\xd9\xa1\xbe\xd8\xa3{\xf4c\xd3\xee\xb9\xe5\xa6AW]{\x151\x83\xa4I\xd5n\xe2BxLR\xa7\x80$\xcd\xd0I\xd7\xc8n\'\xdd \xa2s\xf9\xa7\xbf\xdc\x9a:\xff\x9d\xe5)\xeb\xb7\xa9_\xd2\xae]\xbb7\xdf|s\xdc\xb8qt\xbe\x15k\x96?\xd0\x0f\\\xd0v\xe0\xcdlD\xa8\x7f\x9f\x83\x00hd\xea\x1c0M\xf3\x83\x0f&gt;x\xf1\x85\x17\x8e\x9f8\xa1\xbe\xeer\x85\xddx\xc3\xf5C\x87\xf4\xe9\x15\x17}]t\x87\xa0 \xa73\xcaER\x92$\xd24^Rz\xae\xac"\xfb\xe8\xc9\xbd\x99\x87\xb6l\xdb\xbdq\xd3\xb7GsN\xaa\x1ft:\x9dO=\xf5\xd4c\x8f=\xd6\xb2eK\xb5\xe6\x01\xd5\x7f\x99\xd4\xd4?\x9d\x9f\xc2n\xee\xc3\xf1+\xa8\x7f\xdf\x82\x00h|5}\xcc\x82\x82\x82\x95+W\xce\x9f?\x7f\xcf\x9e=\xb5_\x10\x19\x11\x1e\x1a\x1at\xed\xb5\xedI\x08\x92D\x86\x9e\x97[\x90\x7f\xba\xf0\xf4\xe9"\xa2\xff~\x1c\xd7\\\xd3&gt;1q\xf2\xf8\xf1\xe3ccc\xe9\xfc\xa9\xd5\xb4\x7f\n@\xbd\xa1\xfe}\x08\x02\xe0\x8a\xa8\x99\x12%"\xce\xf9\xc6\x8d\x1b\xd7\xae]\xb3a\xc3\xc6\xac\xac\x03\xd5\xd5\xeeK\xffl\xa7N\x1d\x87\x0e\x1d6t\xe8\xd0\xdbo\xbf=44\x94\xce?\xca\x1c\x1d\x1f\xf0\x15\xa8\x7f_\x81\x00\xb8\x82j\x9f\x06D\xc49\xcf\xca\xca\xca\xcc\xcc\xcc\xc8\xc88v,\'\'\xe7\x98\xaai)exxx\\\\\\\xfb\xf6\xed\xbbu\xeb\xd6\xad[\xb7\xc0\xc0\xc0\x9a\x1fQ7+5\xdb\xdf\x00\xd0P\xa8\x7f\xef\x87\x00\xb8\xe2\xd4i \xa5\xac\xfb\xd6\xf3\x9cs\xf5\xa0Z\xf4z\xc0\xd7\xa1\xfe\xbd\x19\x02\xa0\xe9\xc8Z.x\x0e\xad\xfa"\x11\xa9\xfe\x0e\xea\x1e\xfc\x0f\xea\xdf\x0b!\x00\x00\x00,\n\x93k\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Fs\x1f\x80\x15I)\x7f\xf4\xeb\x8c\xb1&amp;&gt;\x12\x80\xa6\x87\xfa\xf7\x1e\x08\x80+K\xd6BD\x9a\xa6\xd5\xfc\xf7\xc5\x84\x105\xff\xcdji\xc2\xe3\x05hL\xa8\x7f/\xc7~*\x8d\xa1\xc1T\xb9\x0b!\x18c\xba\xae_\xfc\x02!DII\tc?\xbc\xf9\xea\x7f\x04\x04\x048\x9d\xce\x1f}\xb1\xfaU\x9a\xa6\xe1d\x00\xef\x87\xfa\xf7!\x08\x80F\xa3\x8a^Ji\x18\xff\x1dWq\xcesss\xb3\xb3\xb3\xd3\xd3\xd3\xce\x9c9\xb3s\xe7w\xa6i\xe6\xe7\xe5\xe5\xe5\xe71b\x92\xd4\x9b\xcf\x88dpPp\xe7.\x9d\xa5\xa4\xb8\xb8\xb8\xa8\xa8\xa8&gt;}\xfa\\}\xf5\xd5\xd7\\sM```\xed\xdfFD8\x13\xc0\x0b\xa1\xfe}\x11\x02\xa0\x11H)9\xe75u\xcf9\xcf\xca\xcaJII\xd9\xb2eKVVVN\xce\xd1s\xe7J\x1b\xf0k\x1d\x0e{\xdb\xb6mcbb\xfa\xf7\x1f0j\xd4\xa8\xf8\xf8\xf8\x9a\x93\xc14MM\xd3~j(\r\xd0\x94P\xff\xbe\x0b\x01pYT\x97D\x8ds9\xe7;v\xecX\xb1b\xc5\x9a5k\x0e\x1e\xcc\xaa\xaev\xd7~eHHPPP\xe0u\xd1\x1d4C\x0f\x0b\t\xea\xd1#Zr\xa1\xba1RJf\xd8r\x8e\x9e8v"\x8f\xe9zv\xf6\xb1s\xe7\xca\xce\x16\x16_\xf0ou\xec\xd8a\xd8\xb0\xe1\xb7\xdf~\xfb\xd0\xa1CCCC\xe9|\x9f\x0b\x1d"h.\xa8\x7f_\x87\x00h \xceyM\xe5\x9d8qb\xf9\xf2\xe5\x1f}\xf4\xd1\x9e={\xfe\xfb\n\xc6:\\\xd3\xee\xfa^]{\xc7\xc7\xf4\xe9\x19\xdb5\xa6ShXpX\x0b\x17i:i\x8c\xc8FT\xfb\x9dgD&amp;\tN\x8cU\x9e)*/\xaf\xdc\x9butwZVz\xc6\xc1\x9d\xbb\xf6\x1e\xcc\xce\xa9\xaa\xaa\xaey\xe95\xd7\\3n\xdc\xb8\t\x13&amp;\xf4\xe8\xd1\xa3\xe6`~t\xb2\x15\xe0\nA\xfd\xfb\x07\x04@\xbd\xa9\x89NUp\xdb\xb6m{\xef\xbd\xf7\xfe\xfd\xef\x7f\x15\x15\x15\xab\xef\xba\\\xa1}zw\xbbyD\xff!7\xf4\xe9\x16\xdb!0*\x82\xc8 2\xa9\xdaM\\\x08\x8f\x87\x88\xa4$)\x05Q\xedn\x8b\xfca\xc1\x83$\xcdf\x90\xae\x91\xc3N\xcc \x92\xfc\\i\xd6\xa1\xe3;v\xa6\xadJ\xd9\xb2k\xd7\xbe\xa39\'\xd5\x0f\xd8\xed\xf6\xa1C\x87N\x9b6m\xf4\xe8\xd1v\xbb]\xf5\x86p\x1a\xc0\x95\x86\xfa\xf7\'\x08\x80z\xa8=\xd7\xb9q\xe3\xc6\x993g\xae[\xb7\xae\xe6\xbb\x83\x07\xf6\xba}\xcc\xb0\xbb\xef\xbc\xf9\xaaNW\x91f#\xe1\xa1\xcaj\xee1\xa5\x945\xeb\xd9\xea2VU\x9f\x88\x10RJ\xc9\x18\xe9\x86N\x0e\x07\xd9\xecD\xa24\xbfp\xc5\xeaM\xffZ\xf1\xc5\xfa/\xb6\x97\x97W\xaa\xd7\xf7\x88\x8bK\x9a&gt;=11\x91\xfe\xb7_\x06\xd0\xb8P\xff\xfe\x07\x01PWj\xb6\x91\x88\xb2\xb2\xb2^\x7f\xfd\xf5%\x8b\x17\x0b)\x89\xc8\xe9\x0c\xf8\xcd\xb8\xd1\x93\'\xfdj\xe0\x80xr8\xa9\xbaRTU\x0b!\x99\xc6\xb4\xc6X\xc5\xac\xbaKBJF\xa4\xdbm\x14\x18DR\xec\xcf\xc8\xfa\xbfOS\x16,\xfc4\xf7\xd4i\xf5\xb2\x91#G&gt;\xfb\xec\xb3#F\x8c \x8c\x88\xe1\n@\xfd\xfb%\x04@\x9d\x98\xa6i\x18\x86\xdb\xed\x9e9s\xe6\x9c9o\x16\x16\x16\x11Q\x84+lr\xe2\xaf&amp;\xdesk\xf7&gt;\xf1$&lt;\xb2\xac\x82s\xa1\xebW\xb0\x03\xf2\xc3\xf2j"-\xc8I6g~\xce\xb1\xa5\xcb\xd7,Z\xfc\xcf\xcc\x03G\x88\x881\x96\x98\x98\xf8\xca+\xaf\xb4m\xdb\x16]!hD\xa8\x7f\x7f\x85\x00\xf8\x19\xea\xbeDM\xd3\xb6n\xdd\xfa\xf0\xc3\x0fgdd\x10\x91\xd3\xe1\xb8\xe7\xee\xd1\xcf&lt;99\xa6G7\xf2\x94\xf3\xf2JFL\xd3\x9bnQ\x9a\x10B\x08i\x04\xd8\xc9\x19ZR\x907\xf7\xad\x0f\xdfM\xfe\xf4T\xde\x19"j\xdd\xba\xd5+\xaf\xbc\xfa\xe0\x83\x0f\x12\xbaBp\xd9P\xff\xfe\r\x01p)5\x05\xf4\xe2\x8b/\xbe\xf6\xda_\xd4\xca\xb6\x91\xc3\xfa\xbd\xfa\xf2c\xfd\x06\xf7#w\xa5YV\xa1\xe9\xcd\xb6\x1eYJ\xc9Mn8\xec\x14\x14\x9a{\xf8\xc8\x1f^\x9a\xb7d\xe9J50\xbf\xfb\xee\xbb\xdfz\xeb\xad\xc8\xc8H\xd5wk\x96\xc3\x03_\x87\xfa\xf7{\x08\x80\x9f\xa4\xaa\xff\xd4\xa9S\x89\x89\x89)))D\xe4\n\x0fy\xe9\x8f\x8f&lt;\xf6\xe8\x04\xd2\x18?W\xca\xbc\xe3V\x94\x1f.\xcd9\x03( (\xe5\xf3\rO&lt;\xf5\xda\x81\x839D\x14\x1d\x1d\xbdh\xd1\xa2A\x83\x06\xa1\x1f\x04\r\x80\xfa\xb7\x02\x04\xc0\x8fS\x1d\x87\xad[\xb7\x8e\x1b7.77\x97\x88\x06\x0f\xe8\xf9^\xf2+\xd1\xddbEI1I\xd9\x94\x03\xde\xba\x90Rr.\x0cWX\xc9\xd9\xe2\xa7\x9f~}\xe1\x92\x7f\x13\x91\xc3a\xff\xeb_\xff\xf6\xd0C\x0faJ\x14\xea\x05\xf5o\x11\xde\xf5)z\tU\xfd\xc9\xc9\xc9\xc3\x86\rS\xd5\x9f\xf4\xe8\xbd\x9b\xd6/\x8e\x8e\xee`\x16\x9d\xd5\xb4&amp;\x9d\xee\xac#\xc6\x98a\xe8\xbc\xa8$\xcciO^\xfcZ\xf2\xdb/\x86\x87\x06WW\xbb\x1f~\xf8\xe1\x87\x1f~X\xd7u\xb5|\xbb\xb9\x0f\x13|\x00\xea\xdf:0\x02\xb8PM\xf5O\x9d:\x95\x88\xc2B\x82\xde\x9c\xfd\xcc\xe4\xa9\x13di\x91\xe4\xc2\x0bK\xff\x02RJ\xc1\x85\xee\x8a\xfcv\xcb\x8e\xfb&amp;=\x9bu\xe88\x11M\x992e\xc1\x82\x05\xe8\x07\xc1\xcfB\xfd[\n\x02\xe0\x7f\\P\xfd\x91\xae\xd05\x9f\xbd\x9d0\xb8\x9fYxF7t\x1f*\x1d\xd3c\x1a\xe1\xa1\x85\x05\x85\xa3o\x9d\xfam\xea&gt;\xc29\x00u\x80\xfa\xb7\x1ao\xcf\xf3\xa6tA\xf5\xf7\xed}\xdd\xf6\xad\xcb\x12\x06\xf62\x0b\xcf\x186\xc3\xb7\x8a\xc6\xb0\x19\xbc\xa44\xc2\x15\xb2a\xc3\x92\xc9\x13~ID\xea\xef\xc2X\x18~\n\xea\xdf\x820\x02\xf8\xc1\xc5\xd5\xbf\xf6?\xc9\xae\x16\xe1\xbc\xa4T\xf7\xd9ed\x82\x0b\xcdn#g\xc0\xd4\xc4\x19\xc9\xef\xaf\xa0\xf3\xfd \xf5\x84\r\xdf:\xa5\xe1\x8aB\xfd[\x13\x02\x80\xe8\xfc\x8a\xb7\x9a\xeaO\xe8\xd55e\xcdB\x97+\x84\x97W\xea\x86o/ \x13BHM\xd3\x83\x83.8\x07\xb06\x0ej\xa0\xfe-\x0b\x01\xf0C\xf5o\xdf\xbe}\xf0\xe0\xc1B\x88\x88\xf0\xd0\xef\xb6-\xeb\x18\xd3\x81\x97\x94\xf9z\xf5+R\x08\xa9\xeb\xccf\x1bt\xc3o\xb6\xef\xcc \xa29s\xe6$%%\xe1\x1e\x19 \xd4\xbf\xb5Y=\x00\xd4`\xb0\xa0\xa0 &gt;\xbeG~~AP\xa0sSJr\xc2\xc0\xde\xbc\xa4\xd4?\xaa_\x11B\x90\xcdV\\Z1l\xf8\xfdi\xfb\x0e\x11\xd1\xbau\xebn\xba\xe9&amp;\xf4\x83,\x0e\xf5o\xf1\xfa\xb7\xfaE`\xb5\xd5\xc9}\xf7\xdd\x97\x9f_@D\xf3\xde\xfc]\xc2\xe0\xfef\xf19\x7f\xaa~"\xd24MV\xbb#Z\xb8&gt;\\\xf2Z\x84+\x94\x88\xee\xbf\xff\xbe\xfc\xfc|M\xd3\xd4;\x00\xd6\x84\xfa\xb7x\xfd[:\x00\xd4\x18\xf0\xe5\x97_^\xbf~=\x11%\xfd\xbf\xbb\'&gt;t\x9f\xa7\xf0\x8ca\xf3\xc3\x81\xa1n\xe8f\xf1\xb9\xb8\x84^\x0b\xfe\xf6&lt;\x11\xe5\xe5\xe5\xdfw\xdf}\x8cY}\x08he\xa8\x7f\xd4\xbfu\xff~\xb5\xbf\xf97\xdf|3d\xc8\x10\x8f\xc7\xd3\xbfO\xf7-\x9b?\x94\x1eS\'\xe9\xc7\xcb\x03L\xd34\\\x91\xd3\xa7\xfda\xee\xdb\xcb\xe9\xfcd(\x06\xc2\x16\x84\xfa\'\xd4\xbfe\x03@m,\xce9\x8f\x8b\x8b\xcb\xca\xca\n\t\t\xda\xb3}y\xa7\xe8\x0e\xa2\xbc\xd2\xfb\xefu\xbc\x1cRJ\xc1\x18\x19F\xdf\x01\xe3S\xbf\xcf2\x0c-#cott\xb4\x94\xd2\x1b6\xf6\x82\xa6\x81\xfaG\xfd+V\xfc\x9b\x89H=&gt;t\xf6\xec\xd9YYYD\xf4\xda\x0b\x8ft\xea\x16k\x96\x96\xfbw\xf5\x13\x11c\x8c\xb8\xd0m\xb6\x85\xf3\xfe\xe8p\xd88\x17\x8f?\xfe8\x06\xc2V\x83\xfaG\xfd+~\xfey\xff(5\xf8=t\xe8\xd0\xcc\x993\x89h\xc8\xa0^\xd3\x9e\x98\xc8K\x8a\xfcr\xea\xf3b\xba\xae\x99\xa5\xa5\xbd\x06\xf5{\xfa\xd1{\xa5\x94\xeb\xd6\xad\xfb\xf4\xd3Ou]\xe7\x9c7\xf7\xa1AS@\xfd\xa3\xfekX1\xfa\xd4\x94\xdf\xc4\x89\x13?\xf8\xe0\x83\x80\x00\xc7\xd6\xf5\xef\xf5\xee\xdfS\x94U\xf8}\xf7\xa7\x86\x94R\xe8zyEU\x9f\x01w\x1f:r\xbcs\xe7.\xe9\xe9\xe9\x86a\xe0\xf6H+@\xfd\xa3\xfekX\xe5#\xaf\xa1\xaa\x7f\xf3\xe6\xcd\x1f}\xf4\x11\x11\x8d\xff\xd5\xc8\xde\x83\xfb\xf3\xd22\xebT?\x111\xc6\xa4\xdb\x13\xda\xa2\xc5\xf3\xbf\x9d,\x84\xcc\xca\xca\x9a={6\x96\xc4Y\x01\xea\x9fP\xff\xb5Xn\x04\xa0&gt;\xe3\x91#Gn\xda\xb4)2"\xec\x9b\xaf\x96v\xea\xd2\x81\xaa\xaa5\xcdZ\xc9/\x89$\x91\x87\xd8\x90a\xf7\xefL\xdd\x17\x11\x11\xb1o\xdf\xbe\x16-Z\x90\x9a\'\x05?\x85\xfaWP\xff\x8a\x85b\x9f\x88\xd4f\xb0\xa9\xa9\xa9_~\xf9%\x11%\xde;\xa6s\xf7\xee\xa2\xbc\xc2j\xd5OD\x8cH\x9a\xdc\x11\x12\xfc\xd2\x8c\xa9R\xca\xb3g\xcf~\xf8\xe1\x87\x8c1k\xce\x84Z\x04\xea\xbf\x06\xea_\xb1V\x00(\xf3\xe7\xcf\x97R\x06\x04\xd8\'\xdf\x7f\xbbt\x97iV]\x02\xac\x19\xba(+\x1d2b@lL\x07\xc6\xd8\xa2E\x8b*++u]\xb7\xda\xa0\xd0jP\xff\n\xea\x9f,\x15\x00RJ\xf5\x90\xeb\x7f\xfc\xe3S"\xba\xe7\xce[\xba\xf6\x89\x17\x15\x95\x16\xec\xfe(\x8cHzx`x\xf8\x8c\xe9\x93\xa4\x94{\xf7\xee\xdd\xb8q#c\xcc"3\xa1\xb2\x96\xe6&gt;\x96\xa6\x80\xfa\xbf\x80\xc5\xeb_\xb1P\x00\xa8\xc1\xdd\xb2e\xcbJK\xcbt]\x9f\xf6\xe0\x9dRx\x88,Z\xfd\x8a\xa6k\xb2\xa2l\xec\xafG]\xd5\xae\x15c,9y\x01\xf9\xf5\x1c\xa8\x10\xc24M\xcey\xcd\x8e\xf0\x8a\x94\x92sn\x9a\xa6\x1f\x9f\xfc\xa8\xff\x8bY\xad\xfe/f\xa1\x00\xd0u\xdd\xedv\xbf\xbfd\tc\xac\xef\xf5\xddz\xf7\x8f\x97e\x15\xba\x95\x16?\\\x8c1\xc6\xab=A-\xa2\xee\x19;JJ\xb9q\xe3\xc6\x83\x07\x0f\xfa\xe5r\x08\xce\xb9\x9a\x017\x0cC\xd7uM\xd3JJJ\x8a\x8a\x8a\x8a\x8b\x8b\x8b\x8b\x8b\x19c\xba\xae\x1b\x86\xa1i\x9a\n\x83\xe6&gt;\xde\xc6\x87\xfa\xbf\x98u\xea\xff\xa7X\xe5\xe3\xe7\x9c3\xc6v\xefNM\xcf\xc8\x90R\x8e\xfd\xe50\xcd\x11(\xb8U&gt;\xe6K`\x8c\x91\xf0\x8c\xbd}\x84\xa6i\xe5\xe5\x15+V\xac\xa0\xf3kE\xfc\x83j\xd0u]\xd7u\xfd\xc4\x89\x13K\x96,y\xf0\xc1\x07F\x8c\x18\xd1\xb5klLLtLtttt\xf4\xc0\x81\x03\xee\xba\xeb\xae\xb9s\xe7fff\xaa0P\x9b%4\xf7\xb17\x1a\xd4\xffO\xf1\xfb\xfa\xbf4\xab,\x03U\x1b\x1f\xfe\xeew\xcf\xcc\x9c9+\xc2\x15\x96\xf1\xed\'m\xaen%\xab=\x96\x1a\xee\xfd\x14!%9\x1c7\x0e\xbb\x7f\xeb7\xdf\x0f\x1c0`\xf3\xd7_\x13\x91\x7fl\x8dR\xb3\xcf\xd7\xc6\x8d\x1b?\xf8\xe0\x83\xcf?\xff\xbc\xa8\xa8\xe8\x12\xafw8\x1c7\xdex\xe3\xbd\xf7\xde{\xff\xfd\xf7\xd7\xfeq_\x87\xfa\xbf\x04?\xae\xff\x9fe\x89\x9b\xbf\x89H\xd7u\x8f\xc7\xbdj\xd5j"\xea\xd9#\xbaM\xa7\xabEi\x99E&gt;\xe3\x9f%\xb80\x1c\xce\x91\xc3\xfan\xd9\xbegWjjvvvtt\xb4\xda0\xa0\xb9\x0f\xed\xb2\xa8\xe6;77\xf7\x0f\x7f\xf8\xc3\xe2\xc5\x8bk\xfa:\xd7\xb4o\xdb\xa5\xcb5\xddc;\xba"\xc2\x89s\x8f\xc7\xfc.-\xeb\xc4\x89\xbc\x8c\xbd\xd9\xd5\xd5\xd5\xeb\xd6\xad[\xb7n\xdd\xd2\xa5K_}\xf5\xd5~\xfd\xfa\xf9\xc7\xf3cQ\xff\x97\xe0\xaf\xf5_\x17\x96\x08\x80\xf3\x9b\x9f\x1c&gt;|\xf8\x10\x11\xdd2r i\x86\x10\xd2\x02\x9fo\x9d0\xc6H\xb8G\r\xeb\xff\xea\xeb\xefUUUm\xdd\xba\xd5\x0fN\x00\xd5\xe7MIIy\xe0\x81\xc9\'O\xe6\x12\x913\xc0\xf1\x9b\xf1\xbf\xb8\xe7\xee_$\xc4\xc7\x84\xb6iA\xa4\x11\xe9D\x92\x88H\x9afiYj\xc6\xc1\xb5)[\xdeY\xf0\xe9\xa9\xbc\xd3\x1b6l\xd8\xbcy\xf3\xeb\xaf\xbf\x9e\x94\x94\xa4&amp;\x04|7\x03P\xff\x97\xe6\x97\xf5_G\xfe\xff\x17\xd2\xf9\x19\xbd\xb5k\xd7TUU\x1b\xba&gt;\xe2\xc6\x04\x12\x18\xfc\xfe\x97\xa61\xaa\xac\x8a\xef\xd5\xb5]\xbb\x96D\xf4\xf9\xe7\x9f\x91/\xb7wD\xc497\x0c#99\xf9\x96[nQ\xad\xff\xe4\xfb\xef\xd8\xb9\xf5\xe3\x85K^\x1bq\xcb\xe0\xd0\xb0`Q\\j\x16\x15\x9bEg\xcc\xa2B\xb3\xa8P\x94\x94\x1a\x8c\xf5\xed\x17\xff\xc7\x97\xa6\xef\xfe\xf6\x93\x17\xff0\xcd\x15\x16\xe2v\xbb\xa7O\x9f&gt;u\xeaTue\xd8w\'KQ\xff\x97\xe6\x7f\xf5_w\x96\x08\x00\xf5Yn\xd9\xba\x95\x88\xda\xb5m\x19\x13\xdb\x91*\xab,\xbb\xfc\xf9b\x8c1\xee\xe1\x81\x11\xe1\xd7\xf7\x8c%\xa2\xdd\xa9\xbb+**|\xf7\x8e\x185\xf3\x93\x9c\x9c&lt;u\xeaT"\x8at\x85\xfd\xdf\x87\xb3\xde{\x7fv\xb7\xb8h^\\\xcc\x8bK\xa5\xc95]3\x0c\xdd0\x0c\xc3\xd0\rC\xd7tM\x12\x89\xb2r\xb3\xa8\xb0Ud\xf8\x0b/?\xbda\xfd\xa2\xde=b\x88H\xfd\x1e\x9f^\x19\x82\xfa\xbf4?\xab\xffz\xb1D\x00h\x9a\xe6v\xbb\xf7gf\x12Q\xc2\xf5\xdd\x82\xa2"\xb8\x87[$\xe1\xebHJIL\x1f:\xf8z"\xca/\xc8?~\xfc\xf8\x0f_\xf45\xaa\xf5\xdf\xb0a\x83j\xfd#\xc2C\xd6|6\x7f\xdc\xbd\xbf\xf6\x14\x9e\x11\x15\x95\xba\xae\xeb\xba\xf6\xa3\x1f=#\xd24\xcd0ti\x9a\x9e\xb3\xf9\xbd\xfbt\xdb\xb0~QB\xaf\xaeD\x94\x9c\x9c\xfc\xd2K/\xe9\xban\x9afS\xff=\x8d\x01\xf5\xff\xb3\xfc\xa6\xfe\xeb\xcb\xff\x03@]\xc4;u\xea\xd4\xb1c\xc7\x88\xe8\xfa\x9e\xb1\xc4\x0c+|\xb4\xf5\xc2\x18#i\xf6\x8a\x8f\xd54\xad\xb2\xb2*--\x8d|\xf0\x04P\x9fu^^\xde}\xf7M \xa2\x08W\xe8\xda\xcf\xdfI\x18\xdc\xc7s\xb6\xc0f3\xea8\xa5\xcb\x18\xb3\xd9m\xbc\xf8\x9c+&lt;$e\xed\xc2&gt;\xbd\xba\x12\xd1K/\xbd\xb4a\xc3\x06\xc30|\xee\x16\x01\xd4\x7f]\xf8G\xfd7\x80\xff\x07\x80\xfa\x14\x8f\x1c9RZZFD={\xc4\x10\xa1\xfbs!McT\xed\x8e\xe9|MxX\x08\x11\xed\xdf\x9fI&gt;x\x02\xa8\x07\xfb\xcdx\xf6\xd9\xbc\xbc|\xc3\xd0\x17\xfc\xed\xf7\t\x83\xfb{\xce\x16\xda\xec\xb6\xfa\xfe*\xdd0xy\xa5+*\xfc\x93\x0fgGE\x86\x13\xc9G\x1f}\xd4\xedv\xfb\xdc\xd3\xa3P\xffu\xe1\x1f\xf5\xdf\x00V\t\x80\xf4\xf44"\n\x0b\r\xe9\xd6\xb5\x13UW\xe3\x04\xb8\x80\xda!\xdd\xd5\xb6E\x97\xce\xed\x89(==\x83|\xed:X\xcdN\xf7K?\xfc\x90\x88\xee\x1d7z\xec\x84;=\x85\xa7\x1b\xd0\xfa+\xba\xa1{\x8aJ;^\x173\xfb\xd5\'\xa4\xa4\x03\x07\x0e\xf8\xe2\xae\xf1\xa8\xff\xba\xf0\x83\xfao\x18\xff\x0f\x00%//\x8f\x88\x02\x03\x03\xc2\xc2B\x88s\x0b|\xb2\xf5&amp;\xa54\x1c\xf6\xc8\x880"\xca\xcf\xcf\x97R\xfa\xe2\t\xf0\xce;\xefp\xce\x1d\x0e\xfb\x8c\xa7\x13\x85\xbb\xfc2\xb7:0\xec\x06/-\xbe\xfb7cb\xa3\xff\xbba\xa4Z\x14\xd4X\x07\xdc4P\xff?\xcb?\xea\xbf\xbe\xfc?\x00\xd4\xccoj\xean"\x8a\x8d\xe9\x10\xdc\xc2%&lt;\xa6\x15&gt;\xda\xfa\x12B\x123\xae\x8f\x8f%\xa2\xac\xac\x03\xc5\xc5\xc5&gt;\xd4\xd2\xd5lu\xf9\x9f\xd5\xab\x19c\x13\xc6\x8f\x8e\xe9\xd5]VT^\xe6RnFD&amp;w\x84\x86&lt;\xf7T"\x11\x1d:t\xe8\x8b/\xbe\xf0\xad\r#Q\xffu\xe4\xd3\xf5\xdf`\xfe\x1f\x00\x8a\xfa \x99e\xee\xf0n(\xa6V\x07\n!|k\x0b\x04umv\xfd\xfa\xf5%\xe7\xceI)\xef\xbf\xe7V)E\xa3lu\xa9\xe9\x9a\xac\xac\xb8\xfd\xb6\xa1\x11\xae0b\xec_\xff\xfa\xe7\xe5\xff\xce\xa6\x87\xfa\xaf\x1b_\xad\xff\x06\xf3\xffj`\x8cUUU\xe5\x9e&lt;ID\xae\xf0P"\xe6\xe7\x99~Y\xa4+&lt;\x94\x88\xca\xcb\xcbO\x9e&lt;I\xbes\x1dLui\xbf\xf8b#\x11u\xb8\xa6m\x8f\xf8X\xaal\x9c\x9d\xee\xd5\xecpp\xcb\xa8!\x83z\x91\x94\xdb\xb7m\xaf\xaa\xaa\xf2\xa1f\x14\xf5_\x1f\xbeZ\xff\r\xe63u\xdc0j"\xaf\xa2\xa2\xe2\xc4\xc9\x13D\xd4\xabG4i6)\xfc\xfcCm\x18\xc6\x18\x11\xef\x15\x1fCD\xe5\xe5\x15\'N\x9c \xdf9\x01\xd4\xe2\x9c\xc3\x87\x8f\x10\xd1\xb5\x9d\xae\x0eo\x13%\x1bo\xa2C\x08\xa9\x19\x8e^q\xd1D\x94\x97\x9fWZZ\xea+k\x81P\xffu\xe7\xd3\xf5\xdf`~\x1e\x00\nc\xccf\xb3\x11\x91i\xfa\xcc\xd4ms\xa9y\x8b\xd4;\xe6\x13\xd4\xea\xcf\x92\x92\x92\xec\xec\x83D\x14w\xdd\xb5$\x1b\xf36N\xc6\x18\x91\xd9\xed\xba\xceDTRr.33\x93|j\xc7`\xd4\x7f\xdd\xf9b\xfd_\x0eK\x04\x00\xd5\xcc\x81\xe2\xd2\xd7\xcf\xa9y\x8b|\xae\xef#\xa5\xf4x&lt;D\x14\x15\x11FLk\xec\xc3\x97Q\x91at\xfe\x99b\x8d\xfb\xab\x9b\x00\xea\xbf\x8e|\xb7\xfe\x1b\xc6*\x01\x00V\xa0\xa6\xe6\xf9\x95y\xceI\xcd\xaf\xf5\xa1\x0b\x00\x00\x97f\x95RV\xd3\xc1\x16I\xf5\xcbQ\xf3\x16\xf9\xdcJ\xc1\x9aG9z&lt;&amp;]\x81\x0f\xda\xe3\xf9\xa1\xe3\xefs\xbbA\x10\xea\xbf\xce|\xb7\xfe\x1b\xc6\x12\x01 \xa54\xb9IDvk\xcc\xeb]\x8e\x9a\xb7\xc8\x87&amp;:\xd4%\xd9\xd0\xd0\xd0N\x9d\xae%\xa2\xdd\xe9\x07\x88\xf1F\xdc\xedRJId\xecI;@D\xa1\xa1!]\xbat!\x9fj P\xffu\xe7\x8b\xf5\x7f9\xfc?\x00\xa4\x946\x9b-,4\x8c\x88\xb2\x8f\x1c\'\x89\x8dP.A\xcb&gt;r\x9c\x88l6[XX\x18\xf9N3\'\x840\x0c\xa3}\xfb\xf6D\x94s,\xaf\xaa\xa4\x8c5\xde\xe3\xce\x19#\x92&lt;\xeb\xd01"\x8apEDEE\x91\xef\xbc3\xa8\xff\xfa\xf0\xd5\xfao0?\x0f\x00\xd57\x0c\t\t\x89\x8e\x8e!\xa2CGN\x924\xfd\xfd3m )%\x91v\xe8\xf0\t"r\xb9\xc2\xa3\xa3\xa3\xc9wN\x005r\x1f&lt;x0\x11\xed\xdb\x7f83=\x8b\x9cN\xde\x18\x0bu\xa4\x94\x9a\xcd\xa8**^\xf7\xc5\x0e\xc6X\xaf\xde\xbd\x02\x03\x03\xd53\xd6/\xff\x97_i\xa8\xff\xba\xf3\xe9\xfao0?\x0f\x80\x1an\xb7\x9b\x88\x02\x02\xec\xc4\xac\xf2\'7\x8c3\xc0AD\x9cs\xdf\x9a\xe9V\x17fo\xb9\xe5\x16\xbb\xdd.\x84\xf8|\xcdf\xa6\xdb\xa91\x16\xbc\x0b!\x993\xf0\x9b\xed{N\xe5\x9d\x96R\x8e\x19\xf3K\xf2\xc1\xc9t\xd4\x7f\x1d\xf9h\xfd7\x98\xffW\x83Z\xaf\x1d\x1f\x1fODY\xd9\xc7\xcb\xce\x141\x03\xfb\xa1\xff\x08\xb5%\xfa\xee\xf4,"\xea\xdc\xb9Khh\xa8\x0f\xed\x87\xa56\xe9\x8c\x89\x89\x19&lt;x0c\xec\xad\x05\x9f\x9c9~\x829l\x8d\xf1AK\x12\xe2\x95Y\xef\x99&amp;o\xd9\xa2\xc5m\xb7\xddFD&gt;\xb4O\x00\xea\xbf\x8e|\xba\xfe\x1b\xcc\xff\x03@i\xd3\xa65\x11\x15\x17\x97V\x94V4\xe2\xec\xb0?a\x1a\tn\xe6\x9f.$\xa2\x16-Z\x18\xbe\xd6L\xa8\'\x9f&lt;\xf8\xe0\x83R\xca\xd3g\x8a\xe6\xbd\xbdL\x0b\x0c7=\x97u)\x8f\x9b\\\x0f\x0f\xdb\xbc~\xeb\xa6\xcd\xdf\x11\xd1\xedw\xdc\xd1\xa2E\x0b_\x99\xff\xa9\r\xf5\xff\xb3|\xbd\xfe\x1b\xc6\xffKA\x9d\xabqq=\x88\xa8\xe4\\iVv\x0e9\xec\x02w\xc3\xff/)\xa5f\x18\xa5\x05\x85\x87\x0e\x9d \xa2\xee\xdd\xbb\x91O\xdd\xecJD\x86a\x08!\xee\xba\xeb\xae!C\x860\xa2\xb9o/K\xdf\xf9\x9d\xcd\x15\xc6\x1b\xba\x9cC\x08\xc1\x1c\xb6\x8a\xa2sO&lt;;\x9b1\x16\x11\xe1z\xe9\xa5\x97\xd4]\xc7\x8d{\xe4W\x14\xea\xbf.\xfc\xa0\xfe\x1b\xc6\x97J\xb9a\xd4\t\xd0\xa1C\x87\x80\x80\x00!\xc4\x9e\xb4,&lt;\x12\xefbRJ\np\x1c&gt;|\xfc\xf4\x99B"R\xd7\x0c}\x91a\x18s\xe6\xcc\xd1\r\xbd\xb8\xb8tB\xe2sE\xa7\x8b\xf4\xa0@n\xd6{&gt;W\x08!\x99\xa6\x05\x06N{\xe4\xa5=iYB\x88\x97_~\xa5M\x9b6j\x9cq%\x8e\xfc\nA\xfd\xd7\x85\xdf\xd4\x7f}Y(\x00\xda\xb6iCD\xbb\xd3\x0e\x10I\x9f:\x85\x9b\x82\x10\x924#}o\xb6\xc74m6[\xcf\x9e=\xc9\x07oy\xd54\x8ds\xde\xbbw\xefY\xb3f\x13Q\xda\xde\xec\x9bG?XTT\xaa\x87\x85x&lt;\x9e\xba\xb7y\xdc45\x9bM\x0f\t\x9a:\xe9\xd9\xf7\x97\xad&amp;\xa2;\xef\xbc\xf3\x91G\x1e1M\xd3\x87f\xff\x15\xd4\x7f]\xf8G\xfd7\x80\xff\xff\x85\xea\xf1\x1dN\xa73:&amp;\x86\x88\xbe\xd9\x99\xee.-\xd5|\xed4\xbe\xd2T\x8b\xf0\xe5\x96]D\x14\x19\x19\xd1\xa9S\'\xf2\xcd5p\xba\xaes\xce\x93\x92\x92\xa6L\x99BD;wg\xde\xfc\x8b)\x07\xf7\x1f\xb1E\xb4`D\xdc\xe4\x97\xe8\xfcJI\x9cs\xc1\x85\xeer\x95V{\x1e\xb8\xffw\xc9\xef\xaf \xa2\x84\x84\x84\x05\x0b\x16\xf8\xe8\x1e\xf1\xa8\xff\xba\xf0\x9b\xfa\xaf/\xff\x0f\x00:?\x97\x97\x90\x90@D\x87\x8f\x9c&lt;z0\x879\x1d\x98\x06\xadM\xd3uOi\xe9\x8e\xef\xf6\x12Q\xd7\xae\xd7\x85\x84\x84\xf8\xdc\\G\r\xb5"h\xc1\x82\x05?d@\xea\xbeAC\xee]\xbc\xe0c\xb7 \xdd\xe5b\x86\xa16t\xe3\x9cs.\xd4\x7f\xd4\xffc\x1a\xd3\xc3C\xb5\x90\xc0\xf5k7\x0f\x1b&gt;q\xd1\x87\x9f\x11QBBBJJ\x8a\xcb\xe5"\x9fm\x11P\xff?\xcb\x9f\xea\xbf^,\x11\x00\xea\x83\x1c=z\xb4a\x18U\xd5\xd5[w|O\x86\xdd\nWx\xeaH\x08\xc9\x9c\x8eC\x07\x8e\x1e&gt;z\x92\x88~\xf1\x8b\xd1&gt;\xf7\xe8\xf3\xda\x18c\xaa\xdb\xbb`\xc1\x82\x17^x\x91\x88N\x9f-\x9e\xfc\xd0\x1f\xfb\x0c\xbag\xf1\x82eg\x8b\xcei!A\x86+J\x0f\x0f\xd3\xc3C\xd4\x7f\x0cW\x84\x1e\x1eV\xe1\xf6\xac_\xb3\xf9\x96\xd1SG\x8d\x9e\xb2kO&amp;\x11\x8d\x1b7N\xb5\xfeB\x08\xdf\x9d\x10@\xfd_\x9a\x9f\xd5\x7f\xbd\x18\xcd}\x00MA\x9d\xba\xf1\xf1\xf1m\xdb\xb49v\xfc\xf8\xe7k\xbeN|\xf8\x1e\x0b\xa4{]\t!\x98\xe1H\xd9\xb8\xbd\xaa\xaaZ\xd7\xb5\xe1\xc3G\x90\xcf\xf6v\x15u\xf0B\x88\x17_|a\xc0\x80\xfeO?\xfdtFFF\xfa\xde\x83\x93\x1fz\xa1e\x8b\x88\x81\xfd\xe3{\xf6\xec\x1a\x17\xd3\xd1\x15\x19F\\x&lt;\xe6\xce\xb4\x03\x87\x0f\x1f\xdf\xb4\xf9\xbb#GN\xa8\xdf\xd0\xbau\xab\xe7\x9e\xfb\xfdc\x8f=\xa6~\x8f\xef\xb6\xfe\x84\xfa\xff9\xfeW\xffug\x89\x00`\x8cq\xce\x03\x03\x03\x87\x8f\x18\xb1d\xc9\x92\xefvg\x96\x9d)\x0c\x0erJ\xd3\xf7\x16t_\t\x1a#&amp;\xf9\xa6\xafw1\xc6bbb\xbau\xeb\xa6\x9e\xb1\xde\xdc\xc7uY\xd48\xc04\xcd\x9bo\xbey\xd8\xb0a3g\xce\\\xb6\xec\xe3}\xfb2\x0bN\x17\xae\xf8|\xd3\x8a\xcf7\xfd\xd4\x0f\xb6i\xd3\xe6\xb6\xdbn{\xe1\x85\x17\xda\xb5k\xa7\xe6\x01|\xba\xf5\'\xd4\xff\xcf\xf1\xcb\xfa\xaf#\xdf\xae\xec\xfa\xba\xeb\xae;\x89\xe8\xf8\x89\xbc\x95+\xbf g\x10\xc74\xa8z\xdea\x90\xf3\xe0\xf7\xfb7l\xda!\xa5\xbc\xf5\xd6\xdb\x1c\x0e\x87\xdf\xdc\x07o\x18\x06\xe7\xdcn\xb7?\xff\xfc\xf3\xa9\xa9\xbbW\xacX1y\xf2\xe4\xb8\xb8\xeeQQ\x91\xb5_\x16\x1a\x1a\xda\xa9S\xc7\xb1c\xc7.^\xbcx\xcf\x9e=\x0b\x16,h\xd7\xae\x1</t>
        </is>
      </c>
    </row>
    <row r="83">
      <c r="A83" s="1" t="n">
        <v>81</v>
      </c>
      <c r="B83" t="inlineStr">
        <is>
          <t>shape_morph</t>
        </is>
      </c>
      <c r="C83" t="inlineStr">
        <is>
          <t>What is the missing shape of the part denoted with a question mark?</t>
        </is>
      </c>
      <c r="D83" t="inlineStr">
        <is>
          <t>['triangle', 'square', 'hexagon', 'circle']</t>
        </is>
      </c>
      <c r="E83" t="inlineStr">
        <is>
          <t>hexagon</t>
        </is>
      </c>
      <c r="F83" t="inlineStr">
        <is>
          <t>There are eight shapes arranged in a grid. The top left shape is a square and the bottom right shape is a ?. The other shapes do not appear to regular shapes.</t>
        </is>
      </c>
      <c r="G83" t="inlineStr">
        <is>
          <t>We observe that from the top left to bottom right direction, the shapes look like a square but gradually change shape into something like a hexagon. Hence, the pattern is the the shapes are morphing between square and hexagon shapes.</t>
        </is>
      </c>
      <c r="H83" t="inlineStr">
        <is>
          <t>Based on the pattern that the shapes are morphing between square and hexagon shapes, the missing shape at the bottom right should be a hexagon.</t>
        </is>
      </c>
      <c r="I83" t="inlineStr">
        <is>
          <t>b'\x89PNG\r\n\x1a\n\x00\x00\x00\rIHDR\x00\x00\x02\x00\x00\x00\x02\x00\x08\x02\x00\x00\x00{\x1aC\xad\x00\x00\x9a\x83IDATx\x9c\xec\xddg\\TG\xdb0\xf09e\xfb.\xbb,\x1d, \x8a\xa2\x82\xa2A1\xc6^\x12\xf5\xb6\x0bj4\xb6(h0F\x13{\xc5\x16o\xa3\xb1\xc5\x06\x1a[4*(\xa2\x89zG\x8d\xbd\x10\xbb\xa0\xa0(\xc5\x02R\x96\xb2\xec\xb2\xed\xb4\xf7\xc3\xc4}y4\x1a\x0be\xd93\xff\x0f\xf9E\xa5\x9c={v\xae\x99k\xe6\x9a\xc18\x8e\x03\x08\x82 \x08\xff\xe0\xd5}\x01\x08\x82 H\xf5@\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a8N,\xcb2\x0cS\xddW\x81 \x08Oa\x1c\xc7U\xf75\xf0\x11\xbc\xed\x18\x86\xbd\xf4\xffHUbY\x16\x00\x80\xe3\xa8\x1b\x84\xf0\x14z\xf4\xab\x01\xc7q\x1c\xc7a\x186v\xec\xd8i\xd3\xa6a\x18\x06\xff\xa6\xba\xaf\x8b_\x18\x86\xc1q\x1c\xc7q4\x08Cx\x8b\xac\xee\x0b\xe0\x1d\x8e\xe3X\x96%\x08"&lt;&lt;\xfc\xe7\x9f\x7f\x06\x00h\xb5\xda\x98\x98\x18\xd8\x1e\xa1q@\x15\x80\xe1\x96 \x88\x8c\x8c\x0c\xadV\x1b\x14\x14\xc4\xb2,\x86a\xe8\xe6W%\x96e\xad#04\x08\xab.\xe8\xbeW\xa9\xf2\xad\xff\x96-[\xc4"\x91X,\xde\xb2eKxx8A\x10,\xcb\xa2q@e\xa3i\x1a\xc30\x1c\xc7\xb7o\xdf\xde\xbau\xeb\x0e\x1d:l\xdf\xbe\x1d\x86^\x9a\xa6\xab\xfb\xeax\x81eY\x9a\xa6q\x1c\'I\x92$I\x1c\xc7i\x9aF\x0f\x7f\xb5@s\x00U\xe7\xa5\xd6_$\x14\x9a-\x16\x00\x00\xfc\x9fq\xe3\xc6\xa1q@\xa5\x82M\x0cA\x10EEEC\x87\x0e=q\xe2\x04\x06\x00\x86\xe3,\xcbv\xef\xde}\xef\xde\xbdj\xb5\x9aa\x18\x18\x1e\xaa\xfbb\xed\x10\xec\xf2\x13\x04\x01\x1f\xef\xcc\x8c\x8c}\xfb\xf7[,\x96\x11_|\xe1S\xaf\x1e\xfc\x1a\x18\x18\xd0\xfd\xaf:\x1cR%`\xaf\x87\xe3\xb8q\xe3\xc6\x01\x00$b1\x00`|X\xd8\xf8\xb00\xeb\x1f\xc7\x8d\x1b\xc7q\x9c\xb57\x84T x\xf39\x8e\xdb\xbfo_\xfd\xfa\xf5\x01\x00"\xa1\x10~\x04\xe0\xff\xd4\xaf_\x7f\xff\xbe}/}1R!\x18\x86a\x18\xc6\xfa\xc7K\x97.M\x9d:\xd5\xc1\xc1\x01\xde\x7f\x07\x07\x87\xa9S\xa7^\xbat\xc9z\xdb_\xfaz\xa4\xf2\xa0\x00P\x15^n\xfd%\x12\x00\xc0\xa8~\xfd\xb8\xfb\xa9\xdc\xfd\xd4Q\xfd\xfaY\xff\x12\xc5\x80\ng\xbd\x93\x19\x19\x19c\xbe\xfc\x12\x00 \x13\x8bk\xb9\xbb\xd7q\xf7\x18\xda\xab\xe7\xd0^=\xeb\xb8{\xd4rw\x97\x89\xc5\x00\x801_~\x99\x91\x91\xf1\xd27"\xef\x87a\x18\x8a\xa2\xac\xb71%%e\xc5\x8a\x15\x1f\x7f\xfc1l\xf7\x1b\xf9\xf8\xbc\xf4?\x81\x81\x81+V\xacHII\x81_\xcf\xb2,EQ(\x12T*\x14\x00*\x1d\\\xec\xcf\xbd\xda\xfa\xa7\xa6\x94^\xbbZz\xed*\x97\x9a\xf2j\x0c`\x18\x065@\x1f\x8e\xa2(\x8e\xe3X\x96\xdd\xbcy\xb3T*\xf5\xf6\xf0h\xdb"\x08\x00\x10\xe0\xe7\xb7v\xf6,\xeea\x1a\xf70m\xed\xecY\x01~~\x00\x80\xb6-\x82\xbc=&lt;\xa4R\xe9\xe6\xcd\x9b\xe1\xcd\x87\xdf\x8e\xbc\xab\x97\x9e\xde\xa4\xa4\xa4\xc1\x83\x07\x13\x04Q&gt;\xf7\xe0\xe7\xed\xfd\x9f\x8e\x1d\xfe\xd3\xb1\x83\x9f\xb77(\xb7\x0c\x9a \x88A\xa1\xa1\x97/_.\xff\xd3P\x18\xa8$h\x0e\xa0rq/\xe5\xfdE"\xb3\xd9&lt;\xaa_\xbf\xed\xcb\xbe\xd7\x97\x95\x01x\xf31L.\x93\x8d\x9e5{GB\x02\xfc\x024\x1f\xf0\xe1\xe0\xf3\x8d\xe3x^n\xee\x80A\x83\xd2SSE"Qv~\xfe\xaee\xdf\'&amp;%\x8f\xea\xd7\xb7E\xd3\xa6\xa5Z-\x00\xc0A\xa9\xbcy\xf7\xee\x8e\x84\xc3!\x81\x01#f\xcd\xf6ru5\x9b\xcd\xbe\xfe\xfe\xf1\x07\x0e\xb8\xb9\xbb\xa3Z\x81\xb7\xf7R\x96\xff\xfe\xfd\xfb\xbf\xff\xfe{\xc2\xa1C\x7f]\xbdJ\xd3\xb4\x80$)\x9a\x06\x00\xc8$\x92\x90f\xcd&amp;\x0e\xfb\xfc\xd3\xb6m\x01\xc7\x1d\xbft\xf9\xe0\x89\x13\x07O\x9c\x80Sb\x02\x92\x94\x8b\xc5\xc5z}\xdb\xb6m\xfb\xf5\xeb\xd7\xabW/\x7f\x7f\x7f\x00\x00\xc7q\xd6\x95\xbb\xd5\xfb2\xed\t\n\x00\x95\xc8\xda\xfa\xafY\xbdz\xca\xb7\xdfb8\xce\xb1\xec\xa8~}\xb7/[\x06[\xff\xff_\x08\xf6w\x0c\x98\xb5#\xe10\xfc\xb2\xd5\xabVM\x9e2\x05\xc5\x80\xf7C\xd34I\x92\x00\x80\xf8\xf8\xf8q\xe1\xe1E\x85\x85\xde^^\xa3\xfa\xf5=z\xfe\xc2\xc2\xc8\xafz\xf4\xe8a).6Y,\x04\x8e\x03\x00\x18\x96\x15\x0b\x85BG\xc7\xe3\xc7\x8f/\xd8\xb0\xb1W\xfbv;\x12\x0egeg\xab\x9d\x9c\xb6\xc4\xc4\x0c\x180\x00\x00\xc00\xccK\x1dX\xa4\xbc\x97\xc2djj\xea\xca\x95+\xb7m\xdbf\xfd\x02\xa1@\xe0\xee\xe2\xec\xe3Ukd\xbf\xbe\x9f\xb4h\xe1\xe3\xe5E\n\x85z\xbd\x1e\x03@&amp;\x93\x01\x1c\xbf\x93\x92z#%\xe5\xe7\x03\x07\x84$\x99\xfe\xf4\xe9\xd3\xdc\\\xf8\x8d\x04A\x0c\x1a4h\xce\x9c9\x01\x01\x01\xf0o\xac\xa1\xbdj_\xa2}B\x01\xa0\xb2X[\xff\xf1\xe3\xc7GGG\x8f\xe8\xdb\xf7\xfc\xf5kNJ\xd5\xf5C\xf1z\x9d\xce\xda\xfa[\xbf\x18`\x98\\\xa1\xf8\xa8\xff\x80BmI\xfb\x8f\x82w\x1d&gt;\x1c\x11\x11\xb1y\xf3f\x14\x03\xde\x89\xb5%*((\x981c\xc6\xf6\xed\xdb\xfbu\xee|\xf2\xca\x952\xa3q\xd5\x8c\x19\xdf\x8c\x1cI\x99M&amp;\xb3\xd9\xdaK\x85`\xefR,\x12\tD\xe2\xb5;w~\xbb|\xb9L"\xe9\xd6\xa6M\xc2\xe9\xd3#F\x8e\xfc~\xe9R///4\x14x\x15\xbco/w\xf9\x13\x12\x12\x13\x13k\xbb\xb88\xa9\xd57RR\x00\x00\x0ery\x8b\xc6\x8d\xc7\x87\x85\r\xfc\xb4;)\x12QF\xa3\xd9b\x81\x9f\x0e\x00\x00,\xc4\x93J$\xa4Db\xd2\xeb\xefgfN[\xb1\xf2\xf2\xed\xdb\x06\xa3\x11\x00\x00\xc7\r$I\xb6j\xd5\xaa\x7f\xff\xfe={\xf6l\xdc\xb8\xf1\xab\xbf\x1ay?(\x00T\x8a\x972?\x02\x92tvt\\;kf\xc3z\xbe~&gt;\xde\x16\xb3\x99x\xa5\x1daXV(\x12\xa5ef=\xc8H\xfff\xd9\x7f5\xc5\xc5\x14M\xa3\\\xd0;\xb1\xf6\xd3\xf7\xed\xdb\xf7\xddw\xdf\xe5\xe4\xe4\xa8\x1c\x1c\x02\xfd\xfc\xba\x84\xb4\x96\x8a\xc5S\xc7\x8e\xd5\xebt\x1c\x00\xf8k\xee$\xcbq\x18\x00r\x85b\xe5\xd6\xad\x06\x93\xe9\xcf\xc4\xbf\x92\x1f&gt;4\x9b\x8c\x18)\xf8\xf1\xc7\x1f#""\x00\x1a\n\xbc\xc6\x9d;w\xa2\xa2\xa2\x8e\x1f?n6\x9b\xe1\xdf\x10\x041\xba_\xbf\xbc\xe2\xa2&gt;\x1d;vj\xdd\xda\xb7v-\xc0\x01\xbd\xc1\xc0\xb0,\xf1O\x0f3\x0b?28.\x11\x8b9\x8e\xcb\xcc\xce\xb9x\xf3\xc6\xce\x84\xc3\x99\xd9\xcfr\x0b4\x16\x8a\x82_F\x92d\x97.]\x96/_\xde\xacY\xb3*}\x85v\n\x05\x80\x8a\xc7\xbdR\xede2\x9b?i\xd1b\xfb\xf7K\xeb\xd7\xa9S\xaa\xd3\xbd\xae\x05a\x18\xc6A\xa1x\xf4\xe4\xc9\xe8\xd9s.\xde\xbc\t\xbf\x11\xc5\x80\xb7a\xbd\xe7\x0f\x1f&gt;\x9c&lt;y\xf2\xb1c\xc7\x00\x00&gt;\xb5j=\xcb\xcd\xed\xfe\xf1\xc7\xb1\xeb\xd6J\xc5b]i)\x86\xe3o\xbe\x83\x1c\x00\x1c\xcb*\x1c\x1c\x0cFc\xd8\xe4)G\xcf\x9d\x0b\xf2\xf7OMO7Y,={\xf6\\\xb3fM\x83\x06\r\xd0{\x01^l`\xa5\xd3\xe9bbb\xe2\xe3\xe3\xef\xbc\xe8\xb0CJ\xb9\xbcm\x8b\xa0oG\x8e\xec\xd2\xbe=`\x18\xcal6\x99\xcd\x1c\x00\xaf\xf6{^\x05\xab\xb2EB\xa1@"\xa1\xcd\xe6\x83\x7f\x9c\xd8\x1c\x1b{3%\xa5T\xaf\x87_\x80\x01 \x91H\x9a5o&gt;`\xc0\x80\xa1C\x87zzz\x02\xb4\x95\xd6\xfbB\x01\xa0\x82\xbd\xd4\xfaK$\x12\xa3\xd18\xaa_\xbf\xed\xff]F\x99\xcdF\x93\xe9\xcd\xfdG\x86a$b\xb1@$\x1a=s\xd6\x8e\x84\x04\xf8\xed(\x06\xbc\x19\xecT\x02\x00\x8e\x1d?\xfe\xc5\xf0\xe1EEE&gt;\xb5je&gt;{\xa6V*\x97O\xfd\xee\xf3\x9e=1\x1c\xb7X,\xe4[\xf7\xdci\x86\x11\t\x854M\x1f\xbbpq\xd1\xc6\x8d\xa9\x19\x19u&lt;&lt;\xb2\xb2\xb3\xd5j\xf5/\xbbw\xf7\xec\xd1\xa3\xfc/\xe5\'\x9a\xa6\t\x82\x08\x0b\x0b;p\xe0\x00\x00\x00\xc7\xf1N\xad[\x9d\xf9\xeb\xaa\x7f=\x9f\xc8a\xc3&gt;m\xdb\xb6^\xed\xda,M\xeb\r\x06\xf8\xaf\xef\xfa\xdcr\x1c\x07\xef\xb0\\*\x05\x18x\xf4\xf4\xd9\xb9\xab\xd7\xf6\xfc\xfe\xdb\xf9k\xd7;\xb6nu\xe6\xaf\xab0#\xd7\xbe}\xfb\xb3g\xcf2\x0c\x03\xa7|\x90w\x85\x02@Ezm\xeb\xbf\xec{}Y\x19\xc7\xb2o\x93AfY\x16\xc3q\xeb\xba \x14\x03\xde\x0c\xe6d4\x1a\xcd\xf8\t\x13\x0e\x1e8 \x11\x8b\x9cU\x8e\x85%%#\xfb\xf6\x1d\x1b:\xa8E``Yi)\xf7\x7fg\\\xde\xc6\xdf\xb32*\xd5\xa3\x87\x8fVn\xdf\xfe\xcb\x91#N*\x95\xa6\xa4\xd8h2\x0f\x1c4h\xf3\xa6M\xce\xce\xce\xbcM\x07\xc19\xf6\x85\x0b\x17FEE\x89\xc5b\x93\xc9$\x15\x8b#?\x1f\xfa\x9f\x0e\x1d\x83\xfc\x1b)T*\xcah4\x9a\xcdXEL\x990,\x8b\x01 \x12\n\x85R\xa9\xc5`\xf8+)\xe9\xb7\xb3g7\xee\xddWf4\xc2_\x1d\x15\x15\xb5`\xc1\x02\xeb\xb4?\xf2NP\x00\xa80\xff\xd2\xfas\xdc\xebR\xcf\xafb9\x0e+\xb76\x14\xc5\x80\xd7\x81\x1f\xfb\xf8\xf8\xf8\x99\xd3\xa7\xe7&lt;{\x86\x91\xa4J.w\x90\xcb\xa3&amp;F\x0e\xec\xd6\x8d\xe38\xbd\xc1@\x10\xc4{\xdf,\x9a\xa6%b\xb1\x80$\x0f\x9c&lt;\x19\xb5~C\xa9^_\xa2\xd7s4\xedY\xab\xd6\xf2\x15+\xfa\xf7\xefOQ\x94@ \xa8\xc8\x97d\xf3`\xd8K\xbcr\xa5]\xfb\xf64\xc3\x00\x8e\xeb\x18\x1c\xfc\xf3\xf7Kk\xb9\xba\n\x08\xc2h6S4\xfd\x8fY\xfe\x0fa\x1d\x10\xc8\xa4R\xb3\xc5\xa2\xd1\xe9\xa6/\xffa\xef\xd1\xa3\x00\x00\x92$/\x9c?\x1f\xd2\xa6\ro\xe3\xf1\x87@\x01\xa0b\xbc\xb9\xf5\x07\xef\xdd\x03E1\xe0\xf5\xe0\x07&gt;99\xf9\x93v\xedJ\xb5\xda\x90\xe6\xcd\x12o\xdf\t\xfd\xf4\xd3\xe9_\x8e\xf9\xa8Y3\x9dV\x0b*\xa2\x07\nS\r\n\xa5\xf2\xfa\x9d;?\xfc\xbc-\xee\x8f?B\x9a7\xfb\xeb\xf6\x1d\xb9\x83\xc3\xc5\x0b\x17\x02\x03\x03y\xd5\xee\xb0,\x8b\xe3x~~~\xe3&amp;MJKJ\xeaxz\xe6\x16\x14\xdc8\x10\xd7\xd0\xd7W\xab\xd5\xe2\x18\xf6\xaf\xb3,\x1f~\x01\x1c\xc79(\x95\xa9\x0f\x1f\x05\x87\x85\xb9\xbb\xb8&lt;\xc9\xc9qP\xa9R\xee\xddsuue\xdfn\x90\x8dX\xa1\x00P\x01*\xbc\xf5\xb7\xfeX\x14\x03^\x07~\xd4\x8b\x8b\x8b;t\xe8\x90\x9c\x9c\x0c\'\x017-\x98?\xba\x7f\x7f\x92 teeo\x9f\xf1\x7f\x1b4\xc3(d2\x9aa\xb6\x1f:\x14\xb9h1\xec\x8d\xb6\x08\n\xfa\xe5\xd7_\x1b\xfa\xf9\xf1\xa4\xdd\xe1^l\x8f\xd1\xae]\xbbkW\xaf*\x15\nG\xa5CLTT\xfb\x8f&gt;*3\x1a+\xf6\x86\xbf\x19\xc302\x89\xe4\xdc\xf5\xeb\xe1QQ\xc5\xdaR\xadN\x17\xdc\xaa\xd5\x85\x0b\x17\xe0F~|\xfe\\\xbc+\xfb\x7fj+[%\xb5\xfe\x00.l\xe08}Y\xd9\xf6e\xdf\x8f\xea\xd7\xcfh4J$\x12\xb4w4(\xd7\xfa\x7f\xf6\xd9g\xc9\xc9\xc9\r}|\xdc\x9d\x9cV\xcf\x9c\x111z\xb4\xd9l\xd6\x1b\x0c\x15\xde\x18\x91\x04\xa17\x18\xccfs\xc4\xe8\xd1?L\xfd.\xa0A\x83Y\x11\xe1\xd7n\xdc\xf8\xec\xb3\xcf\x8a\x8b\x8bq\x1c\x87\x03\x05\xfb\x06\'~\x97.]\x9a\x98\x98H\x92d\x1dO\x8f\xb1\x03\x06v\x0e\t1\x9aLU\xd9\xfa\x03\x00\x08\x820\x98L\x9dCB\xc6\x0e\x18X\xc7\xd3\x83$\xc9\xc4\xc4\xc4\xa5K\x97\x12\x04\x81\xf6\xf4~\'h\x04\xf0A*\xaf\xf5/\xff+\xd08\xa0&lt;X\x08j2\x99:v\xecx\xed\xda5\x81@@\xd3T\xec\xea\xd5\xbd;u\xb2\x98\xcd\x95z\xae\x0b\xc7q\x1c\x008\x8e\xa7&lt;z\xd4\'r\xa2D,\xca|\x96\x1d\x1c\x1c|\xf6\xecY\xb1Xl\xdfG\xca\xc0L\xd7\xc1\x83\x07\x07\r\x1a\xe4\xe9\xe6\x96\x93\x97\xd7\xaeE\x8b\xf3q\xb1\xa5\x1aMue\xc0\x18\x86qpvn\x1f\x1av\xe1\xe6MxI\x07\x0e\x1c\x188p \xaf\x92r\x1f\x08\x8d\x00\xde_\x15\xb4\xfe\x00\x8d\x03^\x01\xc3^dd\xe4\xb5k\xd7\xe0Y"\xebf\xcf\x1e\xf4\xd9g\x94\xc5R\xd9M0\xfc\xe9\x04\x8e\xfb\xd6\xae=\xf1\xf3\xcf\xcb\x0cF\x00\xc0\xb5k\xd7"##\xe1\x95\xd8\xeb{\x01\x87\\III\xe1\xe1\xe12\x89\xc4l1\x87~\xda}\xfd\x82\xf9\xe6\xb2\xb2j\x8cy\x18\x86\x99\xcb\xca\xd6/\x98\x1f\xfaiw\xb3\xc5,\x93H\xc2\xc3\xc3\x93\x92\x92x2 \xab\x10(\x00\xbc\xa7\xaai\xfd!\x14\x03\xac(\x8a"Ir\xed\xda\xb5;v\xecpuv\xaeW\xab\xd6\xe7={N\x1c7N\xab\xd5\x82*\xe9\x80\xc3\x83\xc3DB\xe1\x9c\xa9\xdfuj\xd5\xaa~\x9d:n\xce\xce;v\xecX\xb3f\x8d@ \xb0\xcb\xfc\x03\x1cr\x01\x00F\x8d\x1aUTTT\xcb\xdd\xdd\xdb\xd3s\xf4\x80\x01\x81\x8d\x1b\x9b\x8c\xc6j\x9c\xfc\xc0q\xdcd4\x066n&lt;z\xc0\x00oO\xcfZ\xee\xeeEEE\xa3F\x8d*\x7f\xcd\xc8\x9b\xa1\x00\xf0&gt;\xaa\xb2\xf5\x87P\x0c\x00\x00\xd04-\x10\x08N\x9d:5y\xf2d7gg\x8ea\x02\xfc\x1a\xc4,Y\xac+( *y\xf1Iy\x18\x86q\x1cW\x9a\x9b\xbb\xfd\xbf\xcb\x02\xfc\x1a\x98\xccfOW\xd7)S\xa6l\xd9\xb2\xc5.c\x80uK\xab[\xb7nI%\x92\x07\x99\x99SF\x8e\xec\xd1\xa9SIaa\x15\xa7\xfe_E\x12DIaa\x8fN\x9d\xa6\x8c\x1c\xf9 3S*\x91\xdc\xbauk\xfc\xf8\xf1\xf0CQ\xbd\xd7V#\xa0\x00\xf0\xce\xaa\xbe\xf5\x87x\x1e\x03`\xb5\xe7\xb6m\xdb\x86\x0c\x1e\xdc\xed\xe3\x8f\xf5ee\xcd\x1b5Z4i\x12I\x10\x95w\xcf_\xc7\x9a\x0bZ4iR\xef\x8e\x1dr\xf2\xf3\x85\x02Axx\xf8\xd6\xad[I\x92\x84\xbb\x9b\xd9\x078\xf1\x1b\x13\x13\x13\x13\x13# \xc9\x06u\xeb~\xde\xabW\xbf\xce\x9d\xcb\xb4Z\x81m\x14^\tH\xb2L\xab\xed\xd7\xb9\xf3\xe7\xbdz5\xa8[W@\x92\xf0j\xd1\x84\xf0\xdb@\x93\xc0\xef\xc6\xba\x15m\x15\xb7\xfe\xe5/\x80\x87s\xc2\x7f\x17\x1f%&amp;\xb6m\xdb\x96e\xd9\x0e\xc1\xc1\xfd\xbbtqrT\r\x1f8P\xab\xd1TW\t(\xc30\n\x85&lt;;/\xbf\xcfW\x91\xb7RS\x01\x00\x18\x86]\xbe|9$$\xc4&gt;\xe6!\xe1\xab\xb8}\xfbvPP\x90\\*\xad\xeb\xe9)\x15\x8b/\xec\xfe\x85e\x18\x86em\xe7I\xe38\x8e\xc0q\x9c \xda\r\xff\xc2`2=\xce\xc9\xd1\x1b\x0c\xb7n\xddj\xde\xbc\xb9}\xbc\x11\x95\x07\x05\x80w\xf0\xaf\xa7\xbbT\xcdG\x82o1\x00\xee\x0eVPP\xd0\xa4I\x13mII]/\xaf\x8c\xa7O\xaf\xc5\xeeo\xd1\xbcy\x89FS\xbd\xfdP\x9a\xa6\x1d\x14\x8ag\xb9y\x01}\xfb:\xab\xd5Orr\x94*UJJ\x8a\xb3\xb3\xb3u\xbb\xe3\x1a\n\xf6u\xb4Zm\xa7N\x9d\x92\x93\x93Y\x96\xf5\xf3\xf6&gt;\xb1%\xc6U\xad\xa6Y\xf6\xed\xcb\xda\xab\x06\xcbq$\x8e\xe7\x17\x15u\x1f\x17\x9e\x96\x95\x85\xe3x@@\xc0\x993g\x94J\xa5}\xaf\xce\xfa@(\x05\xf4\xb6\xca\x9f\xee\xb2e\xcb\x16\x0c\xc7\xcdf\xf3\xa8~}\xab\xb8\xf5\x07&lt;\xcb\x05Y\x8f\xfe\xe8\xd3\xb7oQa\xa1R\xa1\xe0X\xf6\xcfm?7\xf3\xf3\xd3Vw\xeb\x0f\x00 IR\xa7\xd7{8;\xc5\xaf[\x0b8N\xa9P\x14\x17\x15}\xda\xa3\x07\x86a\x04A\xd4\xe87\x82a\x18\x0c\xc3"""\xee\xdc\xb9\xe3[\xa7v\x1d\x0f\x8f\x11}\xfa\xd4\xf5\xf6\xb6\xd0\xb4\xad\xb5\xfe\x00\x00\x1c\xc3,4]\xd7\xdb{D\x9f&gt;u&lt;&lt;|\xeb\xd4\xbes\xe7NDD\x04\x86a\xf6\x94\x91\xabp(\x00\xbc\x95\xf2\xa7\xbbL\xf9\xf6\xdb\x11}\xfb\xd6\xf5po\xd9\xb8\xf1\xf6\xe5\xcb\xab\xb8\xf5\x87x\x12\x03`\'\x94\xa2\xa8\x88\x88\x88\xbf\x12\x13\xc5b\xb1\xabZ=v\xd0\xa0\x8e\xadZ\x19L&amp;\x1b\xd9\xfc\x8b \x08\xa3\xd9\xdc9$d\xdc\xa0A\xce\x8e*\x82 \n\xb3\xb3\x87\x0e\x1dZXXXs\xd7\xa2\xc0M\x96\x16/^\x1c\x17\x17W\xbfn\xdd\xe7\xf9\x05\x13\x86\x0c\x9e9a\xbc\xae\xa4\xa4\xda\'~_\x87$\x08]I\xc9\xcc\t\xe3\'\x0c\x19\xfc&lt;\xbf\xa0~\xdd\xbaqqq\x8b\x17/&amp;I\x12M\x06\xbc\x0eJ\x01\xfd\xbb\xf78\xdd\xa5\xca.\xcc\x8esA\xf0\xc8\'\x92${\xf5\xeau\xec\xd8\xb1:\x9e\x9e\n\xa94\xc0\xaf\xc1\xdeU?\xeaJu\xb6\xb6\xf5\x02\xcb\xb2\n\x07\x87A\x93\xbe\t\xf4\xf3;v\xfe\xfc_II\xdd\xbbw\xff\xe3\x8f?\xe0$j\xcdz#`\xde\xfc\xca\x95+\xed\xdb\xb7g\x18F&amp;\x95\x8c\x1d8p\xda\xd8qj\x85\x9c\xb2\xc9\xee\xbf\x15\xcbq\x02\x92,\xd2\xe9Wl\xdd\xb2\xf5\xe0\xc12\x83\x91 \x88\xf3\xe7\xcf\xb7A[\xc5\xbd\x86m}\x8al\xd0\xab\xa7\xbbP4\xed[\xbbvP\xe3\xc6\x81~\r,&amp;S5n\no\xdf\xe3\x00\xd8\t\x9d2e\xca\xb1c\xc7&lt;]]\xb5\xa5\xa5=\xda}\xb2w\xe5\xca\xd2R\x1dfc\xad?\x00\x00\xc7\xf1\x92\x92\x92\x03\x9b7\x89\x04\x82\xbf\x92\x92\xeazz\x9e8qb\xca\x94)5\xae\xfb\tk\xbe\n\n\n\xfa\xf6\xedK\x12\x84O\xadZ4\xcd\x8c\x190\xc0\xd3\xd9\xc9b\xb1\xd8r\xeb\x0f`"\xc8b\xf1tv\x1a3`\x00M3&gt;\xb5j\x91\x04\xd1\xb7o\xdf\x82\x82\x02T\x1d\xf6\x8fl\xee\x83dS^]\xf1i2\x9bG\xf5\xebw\xe1\xd7=u=&lt;\xdep\xb6W\x95\xb1\xd7\x18\x00\x97\xfc\xef\xdc\xb9s\xcd\x9a52\xa9\x84a\x98\xf6\xc1\x1f\xcd\x18;\xd6\x047{\xa8\xee\xcb\xfbG$A\x18\x8a\x8bG\xf4\xed3y\xc4\x17\x1c\xc7I%\x925k\xd6\xec\xd8\xb9S \x10P/N4\xb4}\xb0\x95\x8c\x8c\x8c,((0[,b\xa1\xf0\xe8\xa6\x8dM|}m\xe1i\x7f\x1b\x04A\x94\xeatM|}\x8fn\xda(\x16\n\xcd\x16KAAAdd$x\xf1\xd2\x90\xf2P\x00x\xad7\xad\xf7\xd7\xeb\xe1\xc1\xe2\xd5}\x8d\x00\xd8c\x0c\x80}\xffk\xd7\xae}=q"\x00\xa0\xae\x87\xa7\x7f\xbdz\x9b\xe6\xcfwtp\xb0P\x94\xcdvB\xe1|\xa3\xab\xb3\xf3w\xa3F\xd5\xabU\xcb\xdb\xcb\x13\x00\x00\xb7\xac\xa8)\x05b\x7f\xa7\xfe\x17-\x8a\x8b\x8b\xf3\xad[G$\x14\xb6\xf0\xf7\xef\xdc\xa1\x83\xce`\xb0\x91\xa7\xfdm\x10\x04\xa13\x18:w\xe8\xd0\xc2\xdf_$\x14\xfa\xd6\xad\x13\x17\x17\xb7x\xd1\xa2\x1a7\x1a\xab\x02h\x0e\xe0\x9f\xbdy\xbd\xff;\x9d\xeeR5\xde&lt;\x1f\x00\xb7\xc9\xad\xeek|+0\x05\x91\x93\x93\xd3\xa9c\xc7\xb4\x87\x0f\x03\x1b6,\xd5\xeb~\xdf\xb8\xb1a\xbdz\x86\x9a\xd0\x0c1,+\x95H\xd223?\x0b\x0fw\x90+\xee=z\xa4R\xa9N\x9c8\x11\x1c\x1cl\xe3ih\xebvo\xa1\xa1\xa1\xee\xce\xce\xa5z\xfd\xd8A\x03\xe7M\x9c(\x16\x088\x86\xb1\xd5q\xd7?\xe38\x0e#\x08\x13E-^\xbf~\xeb\x81\x83\x0ery\xaeF\x13\x17\x17\x87\xb6\x8a{I\xcdh\x14\xaa\x18\xc7q4M\xe38\x1e\x11\x11\xb1e\xcb\x16\x89X\xfcR\xb5\x97\xad\xb5\xfe\xe0\x1f\xc7\x01b\xf1\x96-["""\x08\x82\xc0q\xbcFDz8w}\xf7\xee\xdd\xa0\xa0 \xaa\xaclh\xaf\x9e\xe9O\x9el]\xb4\xa8\x81\xb7\xf7\xbf\x1e\xa7l#\x08\x1c7\x99L\xde^^\xbfm\xda\xa4\xd5\xe9\x00\x00Z\xad\xf6\xd3O?MNN&amp;\x08\xc2f\x97$ZOz\x990a\x02\xc7q\x04Ato\xdbvd\xff\x01\x8e\n\x05C\xd35\xab\xf5\x07p4F\xd3\x8e\n\xc5\xc8\xfe\x03\xba\xb7m\x0b\x97\xe4N\x980!??\x1fM\x06\x94\x87\x02\xc0\xcb`\xe6G \x10L\x9a4)&amp;&amp;F*\x95\x1aM\xa6\xaa\xaf\xf6z\x0f/\xc7\x00\x93I(\x14\xc6\xc4\xc4\x8c\x1d;V\xa7\xd3\xb1,k\xe3\xcf=&lt;\xb9\xb7\xb8\xb8x\xd8\xb0a\xf9\xf9\xf9\x9999\x8e\n\x87\xdf6n\x08\xf2\xf7g\x18\xc6\x06\x83\xee\xeb\xc0\\P\xb3F\x8d\xf6\xacX\xe1\xa4Rq\x1cW\\\\&lt;|\xf8\xf0\xe2\xe2b\xb8\x8fPu_\xe0\xcb\xac\xcbU\xfb\xf4\xe9STX\xe8\xea\xe4\xf4,77r\xe8\xd0\xa0\x80\xa6\xa5\xa5\xa5\xd5\xb8\xcc\xe1C\x108^ZZ\x1a\x14\xd04r\xe8\xd0g\xb9\xb9\xaeNNE\x85\x85}\xfa\xf4\x01h\xab\xb8rj\xe4[[y\xe0\x93A\x10\xc4\xbc\xf9\xf3c\x7f\xfd\xd5E\xad6\x18\x0c_\xf4\xe9\xbd\xfd\xbf\xcbl\xbc\xf5\x87\xca\xc7\x80/z\xf7\xe6X\xd6\xb7N\x9d\x9f\x7f\xfe\xf9\xcb/\xbf\x84\x9d \x9b}\xee\xcb\x8f\xba\x92\x92\x92\xfc\xbc\xbdk\xbb\xbbK\xc4\xa2N\x1d:\x08\x05\x02\x9b\xed8\xbf\x0e\x8e\xe3\xc5%%\xed\xdb\xb7[81\xb2\xb6\xbb\xbb\x9f\x8fwRR\xd2\xf8\xf1\xe3\xe1f\xa2\xb6\xf6.\xc0\xac\xc8\xf8\xf1\xe3\xff\xfa\xeb/\xa1P\xe8\xacR\xad\x9a1\xbdc\xf0G\xa5EE\xd5^j\xf7!\x04$YZT\xd41\xf8\xa3U3\xa6;\xabTB\xa1\xf0\xaf\xbf\xfe\x82[\xc5\xd5\xb8\'\xaa\x92\xa0\x00\xf0\xff\xc1\xbe?l\x83\x96,^\x8ca\xd8w#G\xf6\xeb\xd2y\xc9\xa4I\x94\xc5\xc2\xd9\xd2\xe6\'o\x00c@YY\xd9\xf6\xe5\xff\x1d\xd5\xaf\xdf\xd3\xe7\xcf\xeb\xd7\xa9\x13\x17\x17\x07sA6;\'\x0cG]\x8b\x16-\xfa\xbb\xf2\xa8\xa0\xe0\xab\xa1CV\xce\x9e]\xaa\xd1\x00\xf8\xa2j\x1a\xa1@P\x9a\x9f?n\xe8\xd0\xaf\x86\x0ey\x9e\x97\xef\xe7\xed\x1d\x1b\x1b\xbbx\xf1b\x81@`SC18\xf1\x1b\x17\x17\x17\x13\x13#\x93J\xfd\xeb\xf9\x04\xfa\xf9M\x195\xcah3\xcb\x1c&gt;\x04,\xd3\x9b2jT\xa0\x9f\x9f\x7f=\x1f\x99T\x1a\x13\x13\x13\x17\x17\x87&amp;\x84![\x1c\x90V\x8b\x97\xd6\xfcH\xa5R\x83\xc1\xd0\xb3}\xfb\xa3[btZm\x8d\xdbN\x84eY\x81HXPX\xbcx\xd3\xa6\x1d\x87\x0e\xe1\x04a6\x9bm\xb6F\x0c\xf6@\xd7\xaeY3y\xca\x14\x17\xb5\xba\xcch\x1c;p\xc0\x8c\x88\x08G\xb9\x9c\xb6\xed\xca\xa37c9N \x10\x14\xe9t?\xc4l\xd9\xb8wo\x87V\xc1\x89\xb7n\x8f\x1e;v\xdd\xbau62\x15\t{&lt;\xc9\xc9\xc9\x1d:t`h\xaaT\xa7o\xe2\xeb{\xebP\xbc\xd9l\x0653\xee\xbe\n6q"\x91(\xa8\xff\x80{\xe9\xe9\x0e\n9A\n\xce\x9d;\x17\x10\x10\xc0\x93\xc3\x9c\xdf\x80\xd7/\xde\xea\xe5\x15\x9fb\xb1\xc1`\x18\xd1\xa7\xcf\xcfK\x97\xe8t\xba\x1a\xd7\xfa\x03\x00p\x1c\xa7\xcc\x167\xb5c\xf4\xc2\xa8!={\x9a\xcdf\x89Dl\x9bkCa\xad\xec\xda\xb5k\'O\x99\xa2V\xa9\x9c\x1d\x1d{|\xf2\xc9\xe8\x81\x03=\x9c\x9d)\x9b\xaf&lt;z3\x1c\xc3,f\xb3\xa7\x8b\xcb\x90\x9e=\x96L\x9aT\xc7\xddCo4\xfe\xf4\xd3Ok\xd7\xac\xb1\x85\xcd\x8aaJ\xb0\xe8\xc5\xfc\x84\xa3\xc2\xa1M\xb3f\x8b&amp;M"H\x92\xb5\xf9l\xe7\xdb\xc30\x8c\xe58\x82$\x17M\x9a\xd4\xa6Y3G\x85\x03\x9c\x92)*.\xb6\xe5\xa4h\xd5@#\x807\xad\xf77\x9b\xcd\x14E\xd5\xdcO\x02\xec\xe0\xc8lx\xaf\x08\x98\x7f8u\xeaT\xb7n\xdd\xdc\x9d\x9d\x19\x86\xa9\xed\xe1\xf1\xbf-1j\xa5\xb2\xac\xac\xcc\x16\xfa\xc8\x1f\x8ea\x18\xa9Dba\x18\xff\x9e\xbd\x8c&amp;\x13N\x10y\x1a\xcd\xc9\x93\'\xbbv\xed\n_~u]\x18\xfc\xed\x83\x07\x0f\x8e\x8d\x8dm\\\xdf\xb7\xa4T\xb7d\xd2\xa4\xd1C\x87h5\x1a\x9b\xdd\xf0\xe7\xbd\xd1\x0c\xa3tv\xde\xbew\xdf\xdcu\xebT\x0e\x8a\x94G\xe9aaa\xfb\xf7\xef\xaf\xde\xb7\xa0\xda\xf1=\x00\xbc\xf9t\x17\xae\xe6\x8f\x10my\xbf \x98\x06\xc9\xca\xcaj\xd1\xb2%G\xd3,\xcbz{znY\xbc\xa8e\x93&amp;\xfa\xb22{j\x83h\x86\x11\x89D\xd9yy_-\\t\xe5\xce\x1d\x82 0\x92\xbcq\xfd\xba\x8f\x8fOu\xe5\x82\xe0\xef\x8d\x89\x89\x81\x93C\x0c\xc3\xac\x986u\xe2\x17_Pfs\x8d\x1eu\xbd\x01\xcbq\x02\x91h\xfd/\xbfL[\xb1\x12\xbe\xe4\xe8\xe8\xe8\xf0\xf0p\x1bI\xc7U\x8b\x9a\xdd\xba} \xeb\x9a\x9f\xd7\x9d\xeeR\xd3[\x7f`\xc3u\xc20\xee\x1a\x0c\x86\x01\x03\x07\x96\xe9t4C\x07\xf8\xf9-\x9c8\xb1U\xcb\x96:\xbd\xde\x9eZ\x7f\x00\x00I\x10f\x93\xc9\xd7\xc7\'&lt;,\xb4Y\xc3\x86\x0c\xc3\xe8\xb4\xda\xb0\xb0\xb0\xe2\xe2\xe2j9\xbc\xd0z\xc0NDD\x84\x80$\x1b\xfb\xfa6\xa9_\x7fX\xaf^\xb8-\xcdNW\x06\x9ce\x87\xf5\xea\xd5\xa4~\xfd\xc6\xbe\xbe\x02\x92\x8c\x88\x88HLL\xe4\xf3\xa2\xa0\x1a\xdf\xc0\xbd7\xeb\x9a\x1f\xeb\xe9.U|\xb6W\x95\xb1\xc1\x18`=l$\xf2\xab\xaf\xee%%\t\x04\x82\x06u\xea\xf6\xfc\xe4\x93~\xbd\xffS\\PP\xa3\x97\x1e\xbe\x0eI\x92%\x85\x85\x03\xfb\xf5\xeb\xd1\xae]\x1d\x0f\x0f\'G\xd5\xf5\xeb\xd7?\xfb\xec\xb3\xa2\xa2"P\xb5\xdb\xd4X\xb7{\xeb\xd3\xa7\x8fD$\xf2tu5\x9aL\xc7\xa37;\xabT\xe6\x1a&gt;\xe9\xf2f8\x86\x99-\x16g\x95\xeax\xf4f\xa3\xc9\xe4\xe9\xea*\x11\x89\xfa\xf4\xe9\xc3\xe7\xad\xe2x\x1a\x00l\xe7t\x97\xaaaS1\xc0\x1az{\xf4\xe8\xb1c\xe7\xceQ\x03\x06\x84\x04\x064k\xe87\xfb\x9bI%yyB\x81\xa0\xca\xae\xa4\x8a\t\x04\x82\x92\xdc\xdc\xd9_M\x98:ft\x9e\xa6P,\x16_\xbdz\xb5W\xaf^\xb0:\xac\xca\xde\x82\xf2\xdb\xbd\x99,\x16\xb9T\xf2\xd3\x9c\xd9\x1e..&amp;\x8b\xc5\x0e\x86\xbco\x86\xe3\xb8\xc9b\xf1pq\xf9i\xcel\xb9Tb\xe2\xfdVqv\xfe~\xff#[;\xdd\xa5j\xd8N\x0c\xb0\x96\x1d]\xb9rE*\x91l\x89\x8b\x9b\xfe\xe5\xd8\x953g\xeam\xf8\xb0\x91\x8a" \xc9\xd2\x92\x92Q\xa1\xa1\xebf\xcf6\x99LR\x89$11\xb1*K\x93^\xdd\xee-\xa8\x91\xffg\xdd\xba\x95\x19\x8dv\xdf\xfaC8\x8e\x97\x19\x8d\x9fu\xeb\x16\xd4\x08m\x15\xc7\xbfI`\x9b=\xdd\xa5jT\xfb\x9c0EQ\x02\x81\x00\xce=\n\x05\x82\xc6\xbe\xbe\r}\xbc\xd7\xcd\x9e\xadT(j\xf4\x82\xabw\xc2\xb2\xacB&amp;\x1b&gt;c\xe6\xddG\x0fS\xd23(\x8a\xda\xbcysDDDe\xafH\xb1\xa7\xed\xde&gt;\x04\xda*\xce\x8a_\x01\xe0\xd5\xd3]Lf\xf3\'-Zl\xff~i\xfd:uj\xca\x8e\xe7\x1f\xa8\x1ac\x00l\xe0\x12\x13\x13\xdb\xb4i#\x12\n\xeb\xd7\xa9#\x15\x8b/\xee\xfe\x85\xe38\x0bE\xf1\xa4\x07\n`\x03\x04\x00I\x92\xed\xbe\x18a4\x9b\xef&gt;|H\xe0\xf8\x99\xb3g\xdb\xb5kWy1\x80eY\x0c\xc3\n\n\n\x9a6mZPPP\xcb\xdd=\xb8i\xd3y_}\xd5\xacQC\xbd^o\xdf\xfd\x9eW1,+\x97\xcb\xef\xdc\x7f\xb0x\xe3\xc6kw\xef&gt;\xcb\xcduqq\xb9{\xf7\xae\x8b\x8b\x0bg\x17\xab?\xde\x12_^\'\xa8\t\xa7\xbbT\x8d\xea\xca\x05\xc1\xf3\x1d\x13\x12\x12\xfe\xd3\xab\x97T"Q+\x95f\x8b%n\xf5j\x86ax\xd5\xfa\x03\x000\x0c\xe3\x00`Y\xf6\xc0\xda5Z\x9d\xae\xddG-;\xb6j\xd5\xb5k\xd7]\xbbvUR"\xc2.\xb7{\xfb\x10h\xab8\x88/o|M9\xdd\xa5jT}\x0c\x807\xff\xfa\xf5\xeb\x9f\x7f\xfeyaQ\x91\x9b\x93Sc_\xdf\xcd\x0b\xe6{\xba\xba\xd05\xbf\xd8\xe2=`\x18\xc6\xb0\xac\x9b\x93\xd3/+~\x18\xd4\xad\xfb\xa5[\xb7(\x8a\x8a\x8c\x8c\xbc~\xfd:I\x92\x15&gt;!i\xaf\xdb\xbd}\x08\xb4U\x1c\xe0I\x00xy\xbd\xff\xff\xdd\xdf\x9fW#&gt;\xab\xd7\x9d\x1fP\x191\x00\xee\xf3\\XX\x18\x16\x16f4\x1a\xfd}\xeb\x15k\xb5\xd3F\x8f\xea\xd2\xa1\x83\xd1d\xb2\xe3u\x87o\x86a\x98\xc9l\xee\xd0\xb6\xad\x87\x8b\xb3\xb3\xa3*\xb0\xa1\x9f^\xaf\x0f\x0b\x0b+,,\x04\x15\xba(\x05\x8e\xbd\xe0voR\x89\xa4\x91}m\xf7\xf6!\xcao\x15\xd7\xa8\x9e\x8fT"\xb1n\x15\xc7\x93\x18`\xffs\x00/\x9d\xed%\x12\x89^\xac\xf8\xac\x19;&lt;W\xaar\xf3\x01\xb3v$\x1c\x867\x07\xce\x07\x80\x17\r\xf7\x87\xff\nx\xff\xbbu\xebv\xea\xd4)?o\xef\x9c\xfc\xfc-\x8b\x16\x0e\xee\xd1\xa3\xd4\xee\n\xbe\xde\x03\xcd0J\xa5\xf2\xe4\xc5\x8baS\xbeuurJ\xcb\xca\xea\xda\xb5\xeb\xc9\x93\'A\x05\xdd\x7f\xb8\xe26))\xa9S\xa7Nz\x9d\xceBQ\x8d\xeb\xd5\xbb\x9dp\xc8\x9e\xb6{\xfb\x10\xd6\xad\xe2\x9a\xf7\xeb\x9f\x92\x91!\x14\x08\xe4\n\xc5\xb9s\xe7\x9a6m\xca\x87\xad\xe2\xec\xfc\xe5\x81\x17o\xf0\xdf\xb3\xbeb\xb1\xd9l\x1e?x\xf0\xf6e\xcbtz=\xcf[\x7f\xf0b\x1c\xa0\xd3\xeb\xb7/[6~\xf0`\xb3\xd9,\x12\x89\xb6l\xd92l\xd80\x83\xc1P!\xc9P\xeb\xfd?u\xea\x14I\x92\xc5\xa5\xa5kf\xcd\x1c\xd0\xad[\x99\xd1\x88Z\x7f\x00\x00I\x10z\x9d\xee\x93\x96-WL\x9bZ\\ZJ\x10\xc4\xa9S\xa7*\xf0\xfe\x03\x00(\x8a\x9a0aBQQ\x11\x07\x80\x9b\x93\xd3\xaa\x993q\x82\xb0\xa7\xed\xde&gt;\x04\xdc*\x0e\'\x88U3g\xba99\xb1\x1cWTT4d\xc8\x10\xadVk\x9b\xa7\xf7T,\xfb\x0f\x00\xe0\xc5a#\xe0Ec\x84\xfc+\x96e+p*\xd2z\xff\x91\xb7T\xb1\xf7\x1fyW\xfc\xb9\xff\xf6\x1f\xe2P\n\xe8\r\xaa&amp;\x05\x04\x00\xc00\x0c\xa5\x80\xfe\x11J\x01U/\x94\x02\xb2sp7\x7f\x96ecbb\xc6\x8d\x1bg6\x9b%b\xf1\x8e\x84\xc3\xa3g\xcd\x96\xcbd\x80\x07\xa3\xbc\xd7\xf9\xbf\x05\x01\x87%bq\xf9Cc*\xa4\xf5\x01/\x9a\x18\x96e\xf7\xed\xdb\xe7\xe3\xe3\x93\x96\x95U\xdb\xc3}\xc2\xc2E\'.^T:9\xf1d\xaa\xeduh\x86Q\xba\xb8\xc4\x1d;6f\xee\xdc\xba^\x9eiYY&gt;&gt;&gt;\xfb\xf6\xed\x83\x078W\xc8\xfd\xc7q\x9ca\x98\xc0\xc0\xc0\xcd\x9b7[(J*\x91\x88\xc4\xa2\x113f\xca\xe5\xf2\x0f\xff\xe1\xf6A.\x97\x8f\x981S$\x16I%\x12\x0bEm\xde\xbc\xb9i\xd3\xa6\xf0\x80\xd2\xea\xbe\xb4Jg\xff\xaf\x10\xbc\x88\x01\x0c\xc3\xc0\x18`4\x99$\x12\xc9\x8e\x84\x04&gt;\xc7\x00\x98\x02\xfe?\xe5`&amp;S%\x95\x83\xc1\x1f\xe5\xe4\xe4\x14\x1b\x1b+\x91HR\xd33\x1c\x95\xca\x15\xdbw\xfcy\xee\x9cD,f\xf9w\xf3!\x8e\xe3\xc4"\xd1\xb9K\x97\x9e\x17h4\xc5%I\x0f\xd2\xe4ryll\xac\x93\x93\x13\x00\xa0\x02[\x1fx\xf8Lhhhxx\xb8\xc1h\xbc\x9f\x91\x99\x94\x96\xb6z\xc7\x0e\x89H\xc4\xf3\x00\xcc0\x8cD$Z\xbdcGRZ\xda\xfd\x8cL\x83\xd1\x18\x1e\x1e\x1e\x1a\x1a\xca\x9fC\x02x\xd4\xf6\xbdy\xeb\x7f^\xe5\x828\x8e\xc3p\\*\x91|9g\xce\xf6CUT\x0c\x0c\x97\xa2\'$$\x8c\xfd\xf2K\xa3\xd1\xa8\x94\xcbe\x12\xc9\xa9\x9f\x7fvU;\xd2\x0c\xc3\x87\xdeVy\x1c\xc7\x118^PR\xf2\xc9\xb0\xe1\xde\xb5\xbc\x84\xa4\xe0\xc2\xcd\x9b[\xb6l\x191bDe\xb4&gt;\xd6\r\xf8\xda\xb4is\xfd\xda5\'G\xc7\xfc\xc2\xc2S?\xff\xdc\xa5}\xbb\x92\xc2B~\x96\x02P4\xadrr\xfa\xf3\xfc\x85\xae_~\xe9\xea\xe4TX\\\xfcQp\xf0\x95+W\xe0\x8d\xe2Ik\xc0\xa3\x00\x00P\x0c\x00\x00X\x93\x9eb\xf1\xf8\x05Q\xdb\xe2\xe3\xd1V\x10U\x0fm\x05Q\xed\xd0V\x10\x10_^\'\x84a\x18L\x89\xfe\x9d\x0b2\x1a\xf9\x96\x0bbY\x16\xc70\x89X\xfc\xd9\xd8\xb1\'.]r\x90\xcb\xabr38\x92$)\x8a\n\t\t\x89\x8e\x8e6[,\x0f\x1f?\xa6hz\xc4\xacYZ\xbd^(\x14\xda\xfd\xcd\xb7\xe28N&amp;\x95~9o\xbe\x85\xa6\x1ede\x01\x006l\xdcX\xa9\xad?\x00\x00ny\xef\xea\xea\xbai\xd3&amp;\x98\x11=q\xe9\xd2\xceC\xf1\xc5:\x1dA\x92\xfc\xb9\xf9\x00\x0e\xbfH\xb2X\xa7\xdby(\xfe\xc4\xa5K\x0c\xc3`\x18\xb6i\xd3&amp;WWW&gt;L\xfc\x96\xc7\xa3\x97\n\xf19\x06\xc0\xae\x8dT*\x1d\x1f\xb5\xf0A\xd6c\xa3\xd9\\\xaa\xd7W\xf1\xf1\x90\x02\x81\x80\xa6\xe9\xf0\xf0\xf0\xf0\xf0p\x0bE\xa5=~\x1c\xfb\xbf?n\xdf\x7f\xa07\x99\x00\x8e\xdb\xf1\xcd\xb7b\x18F\xe1\xe8\xf8\xd3\x9e_\xf7\xfc\xfe\xfb\xc3\xc7O(\x8a\n\x0f\x0f\xaf\x82\xad@\xc1\x8b\xc9\x80\x81\x03\x07F-X\xf0\xbc\xa0\xc0\xdd\xd5%:6n\xf2\xe2%2\x95\x8a\xe1\xd3n\xf8\x0c\xcb\xcaT\xaa\xc9\x8b\x97D\xc7\xc6\xb9\xbb\xba&lt;/(\x88Z\xb0`\xe0\xc0\x814M\xf3\xad4\xda\x9e\xdb\xbb7\xe0a.\xc8\xba\xe6g\xcc\xec\xd9\xdb\x0f%\xc8e2}YY\x8f\x1e=\x8e\x1e=\n\x17\xfcT\xd9K\xb6\xe6\xa3\xdb\xb6m{\xe5\xca\x95\xf0\xb0\xb0\xf4\'\x8fk\xbb\xbbo\xff\xf1\xc7\x12;=\x0e\xcc\x8a\xa2i\x95\xa3\xe3\x8e\x83\x07G\xcf\x9e#\x16\x8bM&amp;SHH\xc8\xe5\xcb\x97\xab2\xef\x0c\x9b\xb9\xc1\x83\x07\xc7\xc5\xc5a\x18\xd6\xd8\xb7\xde\xcai\xd3\xba\xb6ic4\x99\xf8\xd0\xf9eYV"\x16\x9f\xbare\xea\x8a\x15)\xe9\x19\x1c\xc7\x85\x86\x86\xee\xdf\xbf\x1fn\x98Q\xddWW\xd5x\x1a\x00\x00\xcfb\xc0\x1b\xb6\x80\x86\xa9\xe1*~\xb1\xf0\xe6\xeb\xf5\xfa\xc9\xdf|\xf3\xeb\x9e=\x02\xa1\xd0\xafn\xddA\xdd\xba\xcd\x9e2\xb987\xd7^\x0f\x05\xa3(J\xe5\xe1\xf1\xfd\xea5\xbf\x1e=\xaa))\xce\xd3\x14\xb6j\xd5\xea\xf8\xf1\xe3*\x95\nT\xe8\xb2\x9f7\x83\xef\xb8F\xa3i\xd2\xa4\x89\xbe\xb4\xd4\xd5\xc9I@\x92\xa7\xb7oswr\xb2\xfbC\xc1X\x96\x15\x0b\x85\xb9\x85\x85\x9dG\x8f\xa1h:\xbf\xb0P\xee\xe0p\xef\xde=ggg^\xa5\xfe\xadx\xf7\x82\xad\xf8\x93\x0b\xb2\xb5\xd6\x1f\xbcX\x98\xabT*7l\xdc\xd8$0\x90\xa2\xa8\x87O\x1e\x1f\xbbx1\xe1\xb7\xdf\x1d]\\({,\xc2\xa4iZ\xe5\xe4t0!\xe1\xf8\x85\x0bO\x9e?/,.\xf9\xe8\xa3\x8f\xfe\xf7\xbf\xff\xa9\xd5jP\x85\xad?x1\x19\xe0\xe2\xe2r\xe4\xc8\x11\xa3\xd9\x9c\x93\x9f/\x11\x8b{D\x8c\xd7\x94\x94\x88\x84B;^\x95\xcbr\x9cH(\xd4\x94\x94\xf4\x88\x18/\x11\x8bs\xf2\xf3\x8df\xf3\x91#G\\\\\\\xf8\x96\xfa\xb7\xe2\xe3k\xb6\xe2C\x0cx\xf3\xf1/\xd5\xd2\xfaC\xf0\xceK\xa5\xd2\xf8\x83\x07e\n\x05I\x90\xc9ii\x0b\xd6\xaf\xbfz\xe3\x86B.\xa7\xedk}:\xcd0"\xb18=33&amp;6\xee\xce\x83\x07\x04A(\x94\xca\xd8\xd8XGGG\xa6:\x96\xc0\xc2\x1d\x8f\xe1l&lt;E\xd3)\xe9\xe9\xf7\x1e=\xdas\xf4(k\xef\x8d \x8b\xe3{\x8e\x1e\xbd\xf7\xe8QJz:E\xd3\xd1\xd1\xd1!!!|;\x05\xac&lt;;\x7f\xbf\xff\x95}\xc7\x00\xd8\xc1\xaf\xc6\x03 \xdf\x0c\xceIz{{\xc7\xee\xdf_RZ*\x15\x8b\x9f\x17\x14LX\xb8\xa8H\xab\x95\xcbdvS\xa3\xc40\x8cL"a9\xae\xf3\xa8\xd1\xb7RS\xa5\x12IIii\xec\xfe\xfd&gt;&gt;&gt;\xd58\xeb\x08o~xxxXX\x18\xc30\x8d\xeb\xfb\xae\xde\xb9k\xef\x91\xdf\x14j\xb5\x9dE_\x88f\x18\x85Z\xbd\xf7\xc8o\xabw\xeej\\\xdf\x97a\x98\xb0\xb0\xb0\xf0\xf0p\x1eN\xfc\x96\xc7\xf7\x00\x00\xec7\x06\xb0,+\x12\n\xa5R\xe9\x88\x193w$$H$b\x9bj\xfd!x\x00V\xd7\xae]\xd7\xacY\x93\xab\xd10\x1cg4\x9b\'D-L~\xf8P\xe1\xe0`\x071\x80a\x18\x07\xa5\xf2\xfa\xbd{\xeb\x7f\xd9\xdd\xb5M\x9b\x82\xe2\xe2&lt;\x8df\xcd\xea\xd5]\xbbv\xad\xf6rS8\x0e\xd8\xb4ys```\xca\xa3t\x01In\x89\x8b\x8b\xff\xfd\xa8B\xa1\xb0\xb3EA\x0c\xcb*\x14\x8a\xf8\xdf\x8fn\x89\x8b\x13\x90d\xca\xa3\xf4\xc0\xc0\xc0M\x9b7\xf3\xb9\xef\x0f\xd5\xd4\xd6\xad\xc2\xd9\xd9\x9c0\xcb\xb2\x02\x91\xb0\xa0\xb0x\xf1\xa6M;\x0e\x1d\xc2\t\xa2\xfc&gt;?6\xd2\xfa[\xc1\xcf\xe1\xda5k&amp;O\x99\xe2\xa2V\x97\x19\x8dc\x07\x0e\x98\x11\x11\xe1(\x97\xd34]sO\x8ca9N \x10\x14\xe9t?\xc4l\xd9\xb8wo\x87V\xc1\x89\xb7n\x8f\x1e;v\xdd\xbau6\xd2\xf4\xc0\xdcwrrr\x87\x0e\x1d\x18\x9a*\xd5\xe9\x9b\xf8\xfa\xde:\x14oO[\xc5Y\xb7{\x0b\xea?\xe0^z\xba\x83BN\x90\x82s\xe7\xce\x05\x04\x04\xf06\xf5o\xc5\xeb\x17_\x9e=\x8d\x03\xe0z\x06\x81@\xb8x\xe3\xc6\x9d\t\tu==\xcdfsxx\xb8m\xb6\xfe\xe0EW\xf4\x9b\xc9\x93\x17.\\XPT\xe4\xe9\xea\xba\xfdP\xc2\xae\xf8x\x89LV\xa3\x0fh\xe58\x0e\x17\x08v\xc5\xc7o;x\xd0\xa7V\xadS\x97\xafL\x9b9\xd3vZ\x7f\x00\x00\x8e\xe34M\x07\x04\x04DGG\x97\xea\xf42\xa9T$\x12\xda\xdfVq\x7fo\xf7&amp;\x12\xca\xa4\xd2R\x9d&gt;:::  \x80\'\xdb\xbd\xbdYMj\xd7\xaa\x80\x1d\x8c\x03\xac\xb3\xbe#\xa6\xcf\xd8w\xfcx\x1dO\xcf\xf4\'OBCCcccm\xb3\xf5\x87\xe0\x99\x01\x02\x81 ,,,..\xce\xcf\xdb\xdbh2\x85}\xf6\xe9\xca\xf9\xf3\xf5\x85\x85\xa0\x06\xf6F-\x14\xe5\xe8\xe1\xb1a\xeb\xd6\xe5[\x7f\x96H\xc4i\x99Yaaa\xfb\xf6\xed\x83\x99\x1f\x9bz9\xf0\x92"""bbb$b\xb1\x8f\x97\xd7\xd8A\x03\'\r\x1bVf4\xdaH\xa0zop\x02f\xdd\x9e=[\x0f\x1c\xcc\xcc\xce6\x9aL\xe1\xe1\xe1\xd1\xd1\xd1\xd5\x9e\x7f\xb3\x11(\x00\xbc\xacF\xc7\x80\x97\xd6\xfc\x08\x85B\x8b\xc5\xf2\xe5\x97_\xae^\xbdZ*\x95\xc2QNu_\xe3k\xc1\xce\xbeV\xab\xed\xd8\xb1cRR\x12\x00\xe0\xab!C\x06}\xda\xbdY\xc3\x86\x12\xb1\xb8\xc2\xcfI\xafT,\xcb*\x14\x8a\xf3\xd7\xae\x0f\x984\xa9\xb0\xa4\x04\x00\x10\x18\x18x\xf6\xecY\xa5RY\x8d+\xaf^\xc7^\xb7\x8aC\xdb\xbd\xfd+\xdbm\x0e\xaaK\xcd\xcd\x05\xbd\xbc\xe2S,\xb6X,\xe1\xe1\xe1[\xb7nU(\x148\x8e\xdbr\xeb\x0f\x00\x80\'\xf09::\xee\xd9\xb3\xc7\xd5\xd5\xd5\xc7\xd3\xb3XW\xda\xfb\xab\xc8[\xa9\xa9\x04A\xd4\xa0\xf5\xe9\x1c\xc7\x11\x04q\xe7\xfe\xfda\xd3\xa6\x15\x96\x94`\x18\xe6\xe8\xe8\xb8{\xf7nGG\xc7\x8a:e\xa1bYc\xd2\x91#G\xd4NN\xf9\x85\x85\xb5\xdc\xdd7\xec\xdd{+\xf9\xae\x83\x83C\r\x9d\x10fX\xd6\xc1\xc1\xe1V\xf2\xdd\r{\xf7\xd6rw\xcf/,T;9\x1d9r\x04\x94{\xbd\x88M\xb7\x08\xd5\xa5&amp;\xc6\x80\x7fX\xefo2\x8d\x1b7.::\x9aa\x98\x8a:]\xa4\xb2\x11\x04\xc1\xb2l\xd3\xa6Mo\xdd\xba%\x90\xc9\xf6\x1e=\xe6[\xa7\xce\xd8\xf9\xf3\x1ffeI\xc4\xe2\x1a\xb1(\x88aY\xb1X\x9c\x95\x9d\xdd{\xc2\x04\xa5B\x01\x00P*\x95\x7f\xfc\xf1G@@\x80\xed\xa4\xfe_eg[\xc5\xa1\xed\xde\xde\x12\xba\x11\xff\xacf\xc5\x80\x7f8\xdd\xe5\xff\xae\xf8\xacAO&lt;\x9c\x96\xf4\xf4\xf4\xdc\xbdg\x8fB.Oz\xf0@*\x96L\\\xb24O\xa3\x91I\xa56\xde\x1beYV&amp;\x95\xe6\x16\x14D.^\xa2\x90\xcb\xef=z$\x95\xc9N\x9c8\x11\x1c\x1cl\xfb\xeb\xcd_\xbbU\x9cRi\xe3\xb7\xfdU\x0c\xcb\xca\x94J\xb4\xdd\xdb\xbf\xaa1\xedB\xd5\xab)1\xc0\xba\xc7\xe7\x98\xd9\xb6X\xed\xf5\x1e`q@pp\xf0O\xeb\xd7\x03\x00\x1e?\xcfI\xcd\xc8\x98\xb0hQqi\xa9P \xb0\xd9\\\x10\xcc\xfc\xe4k4?\xee\xd8\x91\xf1\xecYVv\x0e\x00`\xc3\x86\r\xc1\xc1\xc1\x14E\xd5\x88)Gx\xe7\xe7\xcd\x9f\x1f\x1a\x1a\x9a\xfe\xf8\x89\xd9b\xb9\x99\x9az\xfa\xdc9\x85TZ#\x86_\x10\xc30\n\xa9\xf4\xf4\xb9s7SS\xcd\x16K\xfa\xe3\'\xa1\xa1\xa1\xf3\xe6\xcfG\x13\xbf\xafB\x01\xe0Ml?\x06\xc0\x0b\x10\n\x85c\xe7\xce\xab\xb2\xb3\xbd\xaa\x00&lt;9`\xe4\xc8\x91\x93\'O.3\x18\t\x828\x7f\xed\xfa\xf2\xad[\xc5"\x91\xcd.\x0b\xa5\x19F\xea\xe8\xb8\xeb\xf0\x915\xbb~\xc10\xcc`4N\x9e&lt;y\xd4\xc8\x91\x14E\tj\xce\xf6vp\xb0\xb8a\xc3\x06\x17\x17\x17\x91Ph\xb2XzM\xf8\xea^z\xba\x83BQ#b\x00\xc30\x0e\n\xc5\xbd\xf4\xf4^\x13\xbe2Y,"\xa1\xd0\xc5\xc5e\xc3\x86\r\xa0j7\\\xaa)\xd0\x1d\xf9\x17\xb6\x1c\x03\xaa\xf7t\x97\xca\x06{\xa3\xabW\xaf\xee\xd9\xb3gN~\xbe\xd2\xc1\xe1\xf8\x85\x8bC\xa7NupPp\xb6\x97\x91`YV\xa5R\r\x1a?\xc1LQ\xad\x03\x03\x1f\xe7\xe4t\xef\xde}\xf5\xea\xd55\xae\xd7i\xdd*\xee\xf0\xe1\xc34\xc3d&gt;{F\x92\xc4\xb6\xf8\xf8\x1cM\xa1\xd0\xe6\xb7\x8ac9N(\x14\xe6h\n\xb7\xc5\xc7\x93$\x91\xf9\xec\x19\xcd0\x87\x0f\x1f\xe6\xf3voo\x86\xee\xc8\xbf\xb3\xcd\x18`\x0b\xa7\xbbT*\x0c\xc3\xe0\x9cpBB\xc2\xb8q\xe3\x9e\xe4\xe4dfg\'=H\xfbo\xf4\x16\x85\\nS\xabBY\x96U\xc8\xe5\xcb\xa3c\xee=z\xb84:\xfay~\xfe\x90!C~\xfd\xf5W\xb8\x9e\xb8\xc6\xbd\x11p2\xa0M\x9b6\xf3\xe6\xcd\xe38\xce\xdd\xd9e\xeb\x81\x83\xbb\x0e\xc5\x0b\xc4\xe2\xea\xbe\xb4\x7f\'\x10\x8bw\x1d\x8a\xdfz\xe0\xa0\xbb\xb3\x0b\xc7q\xf3\xe6\xcdk\xd3\xa6\rJ\xfd\xbfN\xf5\'1j\n\x9b\xaa\x0f\xb0\x9d\xd3]*\x1b|9\x1c\xc7\xb5\xf9\xf8\xe3k\x7f\xfd\xa5V\xa9\x94r\xf9\xd6\xc5\x8b\xda\xb5h\xa17\x18l\xa1s\xcd0\x8cT,&gt;\x7f\xe3F\xf8\x82(\xad^_\xac\xd5\x06\x06\x05\xdd\xbc~\xddz\xf1\xd5}\x81\xef\xa9\xfc\xb91\r\xbc\xeb\x9a\xcd\x96\xf0\xd0\xd09_O\xd4\x16\x15\x916\xd9\x98\xd2\x0c\xa3T\xab\x97\xfe\xb4&gt;&amp;.N$\x12&gt;\xccz\xcc\xe7\x93^\xde\x12\n\x00\xef\xc0Fb\x80\r\xee\xef_\xa9\xac\xa7\x997i\xd2D[RR\xd7\xcb+\xe3\xe9\xd3k\xb1\xfb[4o^\xa2\xd1To\x99\x12M\xd3\x0e\n\xc5\xb3\xdc\xbc\x80\xbe}\x9d\xd5\xea\'99J\x95*%%\xc5\xd9\xd9\x19&gt;*\xd5xm\x1f\xc8Z\x97\xd7\xa9S\xa7\xe4\xe4d\x96e\xfd\xbc\xbdOl\x89qU\xabi\x96\xb5\xb5\r\x9aX\x8e#q&lt;\xbf\xa8\xa8\xfb\xb8\xf0\xb4\xac,\x1c\xc7\x03\x02\x02\xce\x9c9c\x9b\x95w\xb6\x03\xa5\x80\xde\x81-\xe4\x82\xf8\xd6\xfa\x83rK\xd4\x7f\xfb\xed7\x86e\x1f=~\xdc\xaee\xcb\x0b\xd7o\xec&gt;xP\xe5\xecLW\xdf\xe91\x0c\xc388(\xb2\xf3\xf3\xfbN\x9c\xa8\xd5\xeb\xd3\x9f&lt;\xa1\x19\xe6\xb7\xdf~\x83\x19\xe7\x1a\xdd\xfa\x83ruy;v\xec`YV.\x95\nH2t\xca\xb78A\x906vz3\xc7q$\x8e\xe3\x04\x11:\xe5[\x01I\xca\xa5R\x96ew\xec\xd8a\xb3\x95w\xb</t>
        </is>
      </c>
    </row>
    <row r="84">
      <c r="A84" s="1" t="n">
        <v>82</v>
      </c>
      <c r="B84" t="inlineStr">
        <is>
          <t>shape_size_hexagon</t>
        </is>
      </c>
      <c r="C84" t="inlineStr">
        <is>
          <t>What is the size of the missing shape denoted with a question mark if it is a triangle?</t>
        </is>
      </c>
      <c r="D84" t="inlineStr">
        <is>
          <t>['small', 'medium', 'large']</t>
        </is>
      </c>
      <c r="E84" t="inlineStr">
        <is>
          <t>large</t>
        </is>
      </c>
      <c r="F84" t="inlineStr">
        <is>
          <t>There are 7 shapes with different sizes in the image, of which there is a missing triangle in the center. The other shapes are arranged around the center, which are ['pentagon', 'triangle', 'square', 'pentagon', 'triangle', 'square'] in anti-clockwise order. Their corresponding sizes are ['small', 'large', 'medium', 'small', 'large', 'medium'].</t>
        </is>
      </c>
      <c r="G84" t="inlineStr">
        <is>
          <t>We observe that the pentagons are small size, the triangles are large size, and the squares are medium size. Hence, the pattern is that each shape appears with a distinct size.</t>
        </is>
      </c>
      <c r="H84" t="inlineStr">
        <is>
          <t>Based on the pattern that each shape appears with a distinct size, the size of the missing triangle should be large.</t>
        </is>
      </c>
      <c r="I84" t="inlineStr">
        <is>
          <t>b'\x89PNG\r\n\x1a\n\x00\x00\x00\rIHDR\x00\x00\x02\x00\x00\x00\x02\x00\x08\x02\x00\x00\x00{\x1aC\xad\x00\x00FfIDATx\x9c\xed\xdd{xT\xd5\xb9?\xf0u\xd93\x01$\t\x01\xe4\xa2\x08(\x08*hK\xa8\x15[\xb9\xa8(\x91Z)\xe5"(\x08\xfe\x8a@\x15!\x10\x91\x04\x1a5\x11/\xd4(`k\xcf\xc1\xd3s\xb4\xf5p)\xc1\xd3\x8b\xc5V&lt; \tR=\xb6\x89\xb5z\xda\x864\xd4c[\x89\x08\x99\xcc$\x84df\xaf\xb5~\x7f\xbc\xc96$B!3\xc9\xcc\xec\xfd\xfd&lt;&gt;&gt;B0\xd9\xc3\xcc^\xdfu\xdb\xeb\xe5\xc6\x18\x06\x00\x00\xde#\xe2}\x01\x00\x00\x10\x1f\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9e\xa6\xb5\x8e\xf7%\x00@\xdc \x00\xbc\xcb\x18#\x04&gt;\x00\x00\xde\x85\xfb\xdf\xa3\x8c1\x9c\xf3\xb7\xdf~;\x1c\x0e\x1bc\xe2}9\x00\x10\x07\x08\x00/2\xc6\x18cB\xa1\xd0\x94)SJJJ8\xe7J\xa9x_\x14\x00t5\x04\x80\x17i\xad\x85\x10\xf9\xf9\xf9\xa1P(??\xdf\xb6m\xce9\xc6\x01\x00^\x83\x00\xf0\x1cj\xfd\xcb\xca\xca~\xf0\x83\x1f\xf8|\xbe\xff\xf9\x9f\xff\xd9\xb2e\x8b\x10\x02\x0b\xc2\x00^\x83~\x9f\xe7(\xa5\xa4\x94\x93&amp;M*))\xf1\xf9|J\xa9\xf4\xf4\xf4\xaa\xaa\xaa\xf4\xf4t\xce9\xe7&lt;\xde\x17\x08\x00]\x04#\x00o\xa1\xd6\xbf\xb8\xb8\xb8\xa4\xa4DJ\x19\x89D8\xe7\x81@ ??\x1f\x83\x00\x00\xaf\xc1\x08\xc0C\x8c1Zk\xa5\xd4\xe8\xd1\xa3+++\xa9\xc5\xa7^\xbf\x10\xe2\xed\xb7\xdf\xce\xcc\xcc\xc4\xdeP\x00\xef\xc0\xad\xee!Zk)eQQQee\xa5\x94\x92\xfa\xfb\xb4\x1f\xd4\xb6\xed\x9c\x9c\x1c,\x05\x03x\nnx\xaf\xa0\xce\xfe\xe1\xc3\x87333\xeb\xeb\xebi\'\xa8\x10\xc2hm\x18\x93R*\xa5v\xee\xdc9k\xd6,\x9a&amp;\x8a\xf7\xf5\x02@\xa7\xc3\x08\xc0+\xa8\xa7_XX\x18\n\x85\x84\x10\xf4K\xad\xb5i\xf9*cl\xdd\xbau\xe1p\xd8\xf9%\x00\xb8\x1b\x02\xc0\x13\xa8S_ZZ\xbau\xebV)\xa5\xb3\xf1\xff\xb6\x9b\xc6\xf7\xe8\xde\x8d\x92\xc0\xb2\xac\xca\xca\xca\xa2\xa2"gv\x08\x00\xdc\r\x01\xe0\x15J\xa9\xfc\xfc|z\xe2\x97F\x00\x17\x0f\xbe\xf0g?}a\xe6\xad\x93\x8d1\x96%\x95RB\x88\r\x1b6TUUaG\x10\x80\x17 \x00\xdc\xcf\xb6m)\xe5\xb6m\xdbJKKi\xae\x9f6\xfb?\x96{\x1f\xf7Y\xb9+\x16\xa5\xa5\xf6\xa4\xa9 !D(\x14*,,\xa41A\xbc/\x1c\x00:\x17\x02\xc0\xe5h\xa57\x14\n\x15\x14\x14\xd0\xb4\x0fe\xc0\x84k\xc7\xce\x9d7\xa3\xf1\x1fG.\x1f{\xe5\xea{\xef\xd2ZK)(*\xb6n\xddz\xe0\xc0\x01\xcb\xb2p@\x10\x80\xbb!\x00\\\x8e\x0e~h=\xb1c\x8c\xf1\xfb}E\x0f\xaf2\xb6-,\xcb\xae\xa9]\xbdb\xd1\xf0\x8b\x07+\xa5ijH)\x95\x9d\x9d\xdd\xd4\xd4\x84]\xa1\x00\xee\x86\x00p3\xda\xf8\xef,\xed*\xa5-Kj\xad\xe7L\xcb\xbaz\xc2\xb8H]\xbd\x94B\xdb*%\xf5\xbc\xf5k\xeeu\xf6\x05I)\xcb\xcb\xcbw\xec\xd8\x81\x95\x00\x00wC\x17\xcf\xcdh\xf3\xcf\xec\xd9\xb3\x8b\x8b\x8bio\x0f\xe7,=-\xf5\x83\xd2\x9f\xf6\xef\xdfGGl\xc19cLk\xedKK\xbd\xf9\xb6\x85\xaf\x97\xbc-\xa5\xd0\xdap\xce\xfb\xf5\xeb\xf7\xbf\xff\xfb\xbf\xbdz\xf5\xc2\x01A\x00n\x85\x11\x80kQ\xeb_RRB\xad?m\xf2\xd1\xda\x14&lt;\xb0\xf4\x82a\x83UcX\xb4j\xd6\x8dmo~\xf4A\xcb\x92\xc64?1P]]\xfd\xcc3\xcf`\x10\x00\xe0b\x18\x01\xb8\x13=\xe8\xab\xb5\x1e7n\\yy9u\xe1\x8d1\x97^2\xf8\xfd7\x7f&amp;\xb4f\x8c\xb5\xee\xd5+[\xf9{\xf7\xba\xef\xfe\xef\xfc\xe0\xc5\x9d4Y$\x04\xb7,\xeb\x0f\x7f\xf8\xc3\x88\x11#p@\x10\x80+\xe1\xaev\'Z\xfb\xdd\xb2eKYYY\xcb\xa1o\xcc\x18\xb3\xf9\xd1\xd5\xfe\x1e\xdd\xb5Rm\xe6t\x84\x14\xba\xa1\xa10wYF\xaf4c\x0c\xe7\x8cs\x1e\x0e\x87\x97/_\x8e\xa5`\x00\xb7B\x00\xb8\x10u\xd8[\x1f\xf2,\xa5PJ\xdf4q\\\xd6\xd4\x1b#\xa1\xba\xf6G\xfdp\xce\xed\xc6p\x9fA\x03\nr\x96Rx\xd0\x0c\xd2\x9e={\xf6\xec\xd9C3Hqy-\x00\xd0y\x10\x00.D\xe7\xbe\xe5\xe7\xe7\x07\x02\x01\xea\xbf\x1b\xc3\xfc~\xdf\xe6\xf5\x0f\x9a\xd3\xb7\xe3BJ;X\xb7d\xf1\x1d\x99W]N\x19@\x8b\x01\xcb\x97/G\xcdH\x00WB\x00\xb8\r\xb5\xdd\x15\x15\x15T\xe8\x91:\xf2Z\xeb\x9c%\xf3/\xcf\xbc*R\x7f\xe2t\xb3\xf9\x9c3\xad\x94\xbf{\xb7\xa2\x87V:[B[\x7f+\xac\x06\x03\xb8\x0c\xbaunC-\xfe\x94)Sh\xea\x86F\x03\xe7\xf7\xcd\xf8\xa0\xf4\xbfzg\xa4\xeb\x88}\xe6=\x9dZ)+-u\xf6\xbc\xfbw\xfd\xf2\xbf\x9d\xff===\xfd\x8f\x7f\xfcc\xbf~\xfd\x18cX\r\x06p\r\xdc\xcc\xae\xe2T|t&amp;\xee\xa9\xe7\xfex\xee\xb2\xbe\x17]\x18il\xfa\xe7;\xfa9\xe7Z\xaf\xcf]\xe6\xf7\xfbXK\xcd\x80@ \x90\x97\x97G\x93B]\xf2:\x00\xa0+`\x04\xe0\x1e\xb4\xf5\xd3\xb6\xed\xd1\xa3G\xff\xe5/\x7f\xe1-\x0fy\x8d\xb9\xf2\xb2\xdf\xec\xd9ni\xc5\xd8Y=\xd0\xa5l\xdb\xdf\xb7w^\xee\xe3O~\xef\x05\'E,\xcbz\xeb\xad\xb7233i^\xa8\xb3_\x0b\x00t\x01\xdc\xc9\xeeAMs\xeb\x8a\x8f\x9cs)\xc5\xc6\x82\x07\xba\x9d\xd7]+}\x96\x8f\xf3\n)\xedP\xfd\x9a\x95\x8b\x87\r\xbdHk-\x04\xa7-\xa1\xd9\xd9\xd9J)\xf4\x18\x00\\\x03\x01\xe0\x12\xd4\xdcWWW?\xfd\xf4\xd3\xce\xda\xafRj\xee\xf4[&amp;N\x99\x18\x0e\x04\xcf\xbe\xca#\xe7\\\x85\xc3\xbd\x06\x9c\xff\x9d\xecE\xc6\x18\xc1\x85R\xca\xb2\xac\x03\x07\x0el\xdb\xb6\r[B\x01\\\x03S@.A-\xfe\xddw\xdf\xfd\xe2\x8b/\xd2I\xce\x9c\xf3\xd4\x9e\xe7\xfd\xf6\xb5m\xc3.\x1d\xaaN6\tqn\xe7\xf9h\xadE\x8f\xee\x93\xa6\xce\x7f\xf3\x7f\xde\x95R\xd0\x11\x11\x97\\rIYYYjj*\x0e\x08\x02p\x01\x8c\x00\xdc\xc09\xc2s\xdb\xb6mB\xd0\xb1\xfeBk\xbdb\xd1\xdcK\xc7\x8c\x8a\xd47\x9ck\xeb\xcf\x183\x86I!6\x16&lt;\xe0\xf7\xfb\x8ci\xfe\x11UUU\x9b6m\xa2\x11Fg\xbc\x10\x00\xe8J\x18\x01\xb8\x015\xc7\xd7_\x7f\xfd\x81\x03\x07\xa4\x94\xb4\x1a&lt;t\xf0\x05e\xfb\x8aS{tcJw\xac\xb7\xael\xdb\x7f~\xdf\x05\x0b\xb2\x7f\\\xfc\x8ae\xd1\x01A\xa2g\xcf\x9e\xe5\xe5\xe5\x17_|1\x0e\x08\x02Hv\xb8\x81\x93\x1eM\xfel\xdb\xb6\xcd)\xe3EO\xed&gt;\xb9vyF\xff\xf3u8\xd2\xe1\xb9\x1a.\xa5\xaa\xab\x7f"\x7fE\xef\x8ct\xe7)\xb0`0\xb8f\xcd\x1a&lt;\x18\x0c\xe0\x02\x08\x80\xe4F\x8f\xec\x06\x83A\xaa\xf8H\x135T\xf1q\xf6\x9ci\x91\x9a\x80\xb4\xac\x0e\x7fs\xc1\xb9jl\xbc`\xf8\xd0\x95\xf7\xdc\xa9\xb5\x91-k\xcb\xbbv\xed*))\xc1j0@\xb2C\x00$7\xda\xa4\xbfi\xd3\xa6\xaa\xaa*\xda\xfa\xf9Y\xc5G\xa5L\xd4\xeb\xb4BZv \xb8:{\xd1\x88aCT\xab\x03\x82rrrp@\x10@\xb2C\x00$1\xea\xef\x1f&gt;|x\xe3\xc6\x8d\xd4\x1fo[\xf11\xea9z: (\xa5g\x8f\xcd\x8f\xae\xa6c\xa2\xe9i\x83\xb2\xb22\x1c\x10\x04\x90\xec\xd0\x83Kb4!3k\xd6\xac]\xbbv9\x15\x1f{\xa5\xa7\xbd_\xf2r\xff\xfe\xe7\xebHD\xc4h\xa7\xa6\xd6\xda\x97\xda\xf3\xe6iw\xb7\xae\x19\x99\x9e\x9e^UU\xd5\xabW/\xc6\x18\xb6\x84\x02$#\x8c\x00\x92\x95S\xf1\x91Z\x7f\xa5\x94\x14Bk\xb3\xf2\x9e;/\x18&gt;T56\xc6\xaa\xf5\'F\xa9\xcd\xeb\x1f\xa4-\xa14\x0bD\xf5\x06h\xe1!\x86?\x08\x00\xba\x0cF\x00I\x896zF"\x91\xaf~\xf5\xabm*&gt;\xfe\xe1\xc0O\xa51\xcc\x9c\xdd\xb9?gM\xd9\xb6\xbfo\x9f\xb5\xb9\x8f?\xf1\xbd\xffp\x0e\x08\x12B|\xf0\xc1\x07\xa8\x19\t\x90\xa4p\xd3&amp;%\x9a\x88\xdf\xb1cG\xfb\x8a\x8f)={h\xa5b&gt;%#\xa4\xd4\xf5\xf5\xab\xee[\xd0\xbf_\x1f\x1a\x01p\xcem\xdbF\xcd\xc8\x983\xee\x15\xef\xbfZh\x0b\xb7n\xf2\xa1{)\x18\x0c^q\xc5\x15G\x8f\x1e5\xc6\x08\xc1\xa9\xe2\xe3\x9e\x9f\xbf\x10\xa9\xab\xef\xa4\xce\xb8m\xdb)}\xfb\xfc\xc7\x96\x97\xbe\xb5\xaa\xa0y\xd2IJ\xa5\xd4\xce\x9d;g\xcd\x9aE\xbf\xec\x8c\x9f\x0b\x00\x9d\x04\x01\x90|\xa8\xa9]\xb6l\xd9s\xcf=\xd7j6\x86\xffa_\xf1e\xa3F\xd8\r\';)\x00\x0cc\x8c\x19[\xc8\xaf\xdc&lt;\xf7\xdd\xf7\xffL?\xc5\x183|\xf8\xf0\x0f&gt;\xf8@J)\x84\xc0jp\x94\x8c1\xa1P\x88\x8e\xf6s\xcd\xbdI\xaf\xa5{\xf7\xee\xdd\xbau\x8b\xf7\xb5\xc0)\xdc\xf3!\xf3\x08j\x1a\x0e\x1d:4z\xf4h\xad\xb5\xf3\xe4\xd7\xbd\x0bg?\xf7\xfd\xf5\xe1\xe3\xb5\xd2\xea\xc4n\xb8R\xca\xdf+\xad\xe4\xbf\xdf\xbcq\xd6b\xc68\x9d\x12j\xdb\xf6c\x8f=\xb6v\xedZ\x0c\x02\xa2a\x8c\xe1\x9c\xd7\xd6\xd6\x8e\x193&amp;\x18\x0c\xc6\xfbrb\x89&gt;\xa2k\xd6\xacY\xb3f\x8dm\xdbV\x14\x0f\'Bl\xe1\x9dH2\xc6\x18!\x04\x15j\x97RR\xdf\xaa\x7f\xbf&gt;\x85y\xf7\xeb\x13\rBv\xee\xa2\x8e\x942\x1c\x08N\x9c2q\xee\xf4[\xfes\xd7n\xcbj\x1e\x7fl\xd8\xb0\xe1\xf6\xdbo\xbf\xe4\x92KP.&amp;J\xc6\x98\xe3\xc7\x8f\xd7\xd5\xd5\xc5\xfbBb\xaf\xa1\xa1!\xde\x97\x00m\xe1^M&amp;\xd4\xc5\xde\xb3gO\xfb\x8a\x8f}\x06\r8\xab\x8a\x8fQ\xe3B\xea\x93\x8d\x0f=\xb04-\xb5\xa7\xd6\x861&amp;\x84\x08\x85B\x85\x85\x85n\x9a\xb5\x88#\x9f\xcf\xc79\xa7\xf94\xfa\x8f\xe4E/\x81^\x11F\x87\t\x08\x01\x904h\x8a \x1c\x0e;\x1bo\x84\x10Z\xeb\xcc\xab.\xbfc\xee4\xbb6\x18\xcd\xb1?gO\x08\x1e9\xd1p\xe9\x17\xaeX}\xef]Zk)\xe9\xf4i\xb9u\xeb\xd6\xd2\xd2R\x1c\x10\x14\xbd6;gt2\xc3.\xa0\x04\x87)\xa0\xa4\xa1\xb5\x96R\x16\x15\x15UTT\xd0\xcc;=\xfd[\x94\xbf\xb2\xdby\xe7\x85k\xcf\xa1\xe6W\x94\xa4e\xd95\xb5\xabW,\xfaQ\xf1/\xffr\xf8#!\x04cL)\x95\x9f\x9f\xff\xc6\x1bot\xcd5x\x04\xe7&lt;-\xf5&lt;\xc1y\xd2\xb5\x9d\x9c\xf3\x93\'\x9b\x1a\x9b\x9a\xe2}!p&amp;\x08\x80\xe4\xa0OS\xf1q\xc6\xd7n\x9ct\xd3\xf8H\x17\xb6\xfe\x8c1\xce\x98\xb2UJ\xef\xf4\xf5\x0f\xde;gi.\xe7\x9c\xae\xa7\xb4\xb4\xf4\xa5\x97^Z\xb0`\x01V\x83\xa3G\x83\xbc\xb4\xd4\xf3\xca\xf7\xec\xc8\xe8\x9d\xae"v\x12\xed\xb0\xb2m\xdb\xdf\xb7\xf7\x93\x8f?\xfb\xdd\xef\xbf\x88%\xdfD\x86\xf7&amp;9\x18c\xa4\x94yyy555t\xe8?3&amp;=-\xf5\xc9\x87V2\xa5b\xfc\xd4\xefY\x90\x96\x8c\xd4\x06o\xbf\xe3\x1b?\xf8Qq\xe9[eN\r\xfa\xdc\xdc\xdc\xaf\x7f\xfd\xeb\xbdz\xf5\xa2\t\xab.\xbe*\xf7\xe1\x9c\xf7\xe9\x9d\x9e\xde\'\x83E"]\xff.w\x98\xb2m\xd9\xb7w\x8f\xee\xdd\xe3}!\xf0O \x00\x92\x80n9\x80s\xfb\xf6\xedB\x08\xdb\xb6-K\xda\xb6Z\xb1h\xee\xf0/\\\xd1T\xfd\xa9\xe5\x8b\xc3\xfbh\x187\xb6*zx\xd5Wn\xbd\x8b&amp;{\xa5\x94\xd5\xd5\xd5\xcf&lt;\xf3\xcc\xfa\xf5\xeb1\x08\x88\x95H\xc46\x91\x88\x9dl#\x00\x11\x89(\x85C\xa2\x12\x1d\x16\x81\x93\x80i9\x82\xbf\xa9\xa9\x89sN\xcf\xfd\x0e\x1bzQ\xf6}\x0b\xed@\xe7n\xfc?\x03)D\xa4\xee\xc4\xd5\x13\xaeY&lt;o\x86n~\x1cA\x0b!\x9ez\xea\xa9\x8a\x8a\n\x81\x93\xa2c\x84\'\xb1x\xff\xdd\xc1?\x83\x00Ht\xed\x8bpq.\x8c1\xdf\xc9^\x941\xb0\x9f\x8a\xa2\xe2c\xf4\x84\x14\xaa\xae\xbe0wYF\xaf4c\x0c\xe7\x8c\x9f\xbaO)^\x17\x06\x00g\x03\x01\x90\xd0\xa8\rm]\x86WJ\xa1\x94\x1a?.s\xfe\xbc\x19\x91\xe3\x81\xf8\xae\xb0q\xceUc\xb8\xcf\xa0\x01\x059Ki\x9e\xaa\xfd\x93\nq\xbc&lt;\x0083\x04@B\xa3\xf6t\xd3\xa6M\x87\x0f\x1f\xa6\x85V\xc6\xb8\x10\xa2p\xf5\xb7\xa5\xcfJ\x84.\xb6\x90\xd2\x0e\xd6-Y|G\xe6U\x97\xebV5#\xe9Ye\x8c\x03\x00\x12\x19\x02 q\xd1\xc4zUU\xd5\xc6\x8d\x1b[o\xfd\x9c7c\xea\xa4\xacI]\xb9\xf1\xff\x0c\xa8f\xa4\xbf{\xb7\xa2\x87VR\xd3O1PQQ\x81\x9a\x91\x00\t\x0e\x01\x90\xb8hceaaa0\x18\xa4\x89~\xa3u\xef\x8c\xf4\'\xf3W\xea\x13\r&lt;\x01Z\x7f"\xa5\x8c\xd4\x86&amp;M\x1e?\xf3\xd6\xc9\x94R\x94\x01\xf9\xf9\xf9\xd5\xd5\xd5\x1c%\xc3\x00\x12\x15\x02 A\xd1A\x9b\x07\x0e\x1c\xd8\xbau\xebg\x15\x1f\x8dYy\xcf\x9d\x03\x87\x0f\x89\x9c\x8cq\xc5\xc7hq\xce\xb5^\x9f\xbb\xcc\xef\xf7\xd1Q\x06B\x88@ \x90\x97\x97G\x93B\xf1\xbe&gt;\x00\xf8\x1c\x08\x80DDs)MMM\xd9\xd9\xd9J)jO\x95\xd6\xc3/\x1e\xbc:{\x91\x1d\x08J\x99X\x0fp\x08!\xc2u\xf5#\xc7\x8cZ\xb5d\x9e\xd2ZJi\xdb\xb6\x10b\xfb\xf6\xedN\xcd\xb2x_#\x00\xb4\x85\x00HD\xba\xa5\xe2cyy\xb9\xf3\x90\xad1f\xfd\x9a{SR\xcf\xd3v\xec+&gt;FOHi\x87\xea\xd7\xac\\&lt;l\xe8EZk:\x08\xb2\xa9\xa9)\'\'\x07K\xc1\x00\x89\t\x01\x90p\xa8\xfb_SS\x93\x9b\x9bK}g\xda\xfay\xd3\xc4q\xb7\xcf\xfdF\xa46\x14\xaf\'\xbf\xce\x8cs\xae\xc2\xe1^\x03\xce\xffN\xf6"c\x8c\xe0\xcd\xab\xd6%%%\xbbv\xed\xc2\x96P\x80\x04\x84\x00H8\xd4\xfd\x7f\xe6\x99gh\x05\x95\x8e\xd1\xb5,\xb9\xf9\xd1\x07\x8dm\xc7\xfb\xea\xce\xc4\xb2\xac\xc8\xf1\xc0\xfc\xf93\xae\xbbf\x8c\xad\x94\x94\xcd[B\xd7\xacYC%\xae0\x0e\x00H(\x08\x80\xc4\xe2\xec\xa1|\xea\xa9\xa7\x84\x10Ji\x9a\x02Z&lt;o\xc6\xe5cFG\xea\x1bDb\xd7\xdb2\x86I!6\x16&lt;\xe0\xf7\xfb\x8ci\xde\xc9z\xf8\xf0\xe1M\x9b6a\x10\x00\x90h\x12\xba5\xf1 \xe7)\xaap8L\xa7\xa9\x18c2z\xa5\x15\xe6.\xd3\r\x9d^\xf11zR\x8ap\xa8\xeeK\x13\xc6\xcd\x99\x96\xa5\xb5\xa6\x9a\x91R\xca\x8d\x1b7\xb6z\x96\r\x00\x12B\xa27(\x9er\xba\x8a\x8f\x059K\xfb\x0c\x1a`7\x86\x93\xe2x-.\xa5\xaa\xab\x7f"\x7fE\xef\x8ct\xa7\xb9o}\x9aE|/\x0f\x00\x1c\x08\x80DA}\x7f\xdb\xb6\xdbW|\\\xb2\xf8\x0e;X\'\x12\xe6\xc9\xaf3\x13\x9c\xab\xc6\xc6\x0b\x86\x0f]y\xcf\x9dZ\x1b\xd9\xf2\x0cs\xeb\xf3\xec\xe2}\x8d\x00\xc0\x18\x02 q\xd0\xec\xff\x96-[\x9c\xb3\x94)\x06\x8a\x1eZ\xe9\xef\xdeM\xabD\xdc\xfay:BZv \xb8:{\xd1\x88aCT\xab\x03\x82\x9c\x13\xad1\x0e\x00H\x04\x08\x80\x84\xe0T|\xcc\xcf\xcfo\xd9\xfa)\x95R3o\x9d&lt;i\xf2\xf8Hm(\x11\x8e\xfd9{t@PJ\xcf\x1e\x9b\x1f]M\xc7D;5mv\xec\xd8\x81\xe7\xc2\x00\x12\x04\x02 !\xd0\x84O^^^ \x10h&gt;;\xc1\x18\xbf\xdf\xb7&gt;w\x19\xd7:\x89j\x01:\xa4\x94\x91`]\xd6\xd4\x1bo\x9a8N)-\xa5\xa0\x0c\xc8\xcd\xcd\r\x04\x02\x18\x04\x00$\x02\x04@\xfc\xb5\xaf\xf8(\xa5TZ\xafZ2o\xe4\x98Q\xe1\xba\xfa\x04\xdf\xfay\x06F\xa9\xcd\x8f&gt;hY\xd2\x98\xe6E\x8e\xd6\xa3\x9cx_\x1d\x80\xd7%k\xcb\xe2&amp;\xed+&gt;j\xad\x87\r\xbdh\xcd\xca\xc5v\xa8&gt;Y\xd6~\xdb\x13BD\xea\x1b.\xcf\x1c\xdd\xaaf\xa4j\xb3\xce\x11\xefk\x04\xf04\x04@\x9c\xd1\x0e\x99\xe2\xe2\xe2\xf6\x15\x1f{\r8_\x85\x93c\xeb\xe7\xe9\x08)\xf4\x89\x86\xc2\xbc\xfb\xfb\xf7\xebC9\xd7f\xa7S\xbc/\x10\xc0\xd3\x10\x00\xf1D-`8\x1c^\xb7n\x1d\xfd2\xa1*&gt;F\x8fs\x1eil\xea3h\xc0\xe3\xb9\xcb\xda\xd4\x8c,..\xc6\x96P\x80\xf8B\x00\xc4\x13M\x8c\x14\x15\x15UVVZ\x96E\x15\x1f\xa5L\xa0\x8a\x8f\xd1\x93\x96e\xd7\x06\xef\x98\xfb\x8d1W^FS@4\x14X\xb7n\x1d=\xed\xec\x8e\x97\t\x90\x8c\x10\x00qC=\xe2\xaa\xaa\xaa\r\x1b6P\xd7\x98\x0eN\x98;\xfd\x96IY\xd7\'H\xc5\xc7\xe8q\xc6\xb4\xd2\xdd\xce\xeb\xbe\xb1\xe0\x01)\x05\x15\x08\x93RVVV\x16\x15\x15a%\x00 \x8e\x10\x00qC\x1d\xe1\xc2\xc2\xc2P(D\xfb|\xb46i\xa9=\x1fz`\xa9&gt;y\x92\x0b7\xb4\xfeDJ\x19\x0e\x04\'N\x998w\xfa-Nec!\xc4\xd3O?]]]\x8d\x0c\x00\x88\x17\x04@|P;XZZJ\x15\x1fm\xdb\xa6\x9d\xf2\xab\xef\xbd\xeb\xd2/\\\x119\xd1 D\x12\xaf\xfd\xb6\xc7\x85\xd4\'\x1b\x1f\xcaY\x9a\x9e\x96Js&gt;N\xcd\x03\xcc\x02\x01\xc4\x0b\x02 n\xb4\xd6\xf9\xf9\xf9\xb4\n*\x84\xb0m5\xfc\x92\xc1\xabW,\xb2kje\x92\xaf\xfd\xb6\'\x04\x8f\xd47\\:f\xd4\x8aEs\x9d\x127R\xca\x97^z\xa9\xb4\xb4\x14\xab\xc1\x00q\x81\x00\x88\x83\xf6m\x1f\xed\xf5\\\xff`K\xc5\xc7x_ag\x90\x96\xb4\x03\xb5\xd9\xf7-\xbcx\xc8\x85J\xe9\x96Y/\x9d\x9f\x9f\x8f) \x80\xb8@\x00t\xb5\xd6\x15\x1f\x9d\x15Q\xa5\xd4\x84k\xc7\xde~\xc77"\xb5\xc1\xc4\xac\xf8\x18=\xce\xb9\x0eG2\xfa\x9f\xff\xe4\xda\xe5\xf4\x97\xe0\xcc\x83\xbd\xf4\xd2K\x18\x04\x00t=\x04@Wk]\xf1\x91\xf6D\x1ac,K\x16=\xbc\xca\xd8\xca0W\xf6\xfe\x9bI\xcb\x8a\xd4\x04f\xcf\x996\xe1\xda\xb1\xd4\xfa\xd3)x\xb9\xb9\xb9555X\x0c\x00\xe8b\x08\x80.E\xad\x7feee\xfb\x8a\x8fWO\xb8&amp;RwB&amp;\xed\xb1?g\xc9pn\x94*zx\x95eI\n?!Duu\xf53\xcf&lt;\x83\xed@\x00]\xcc\xe5\xcdM\xa2i\xf3\x0c\x14\x9d\x93L\x15\x1fU]}\xe2W|\x8c\x9e\x14"Rw\xe2\xea\t\xd7\xb4: H\x0b!\x9ez\xea\xa9\xca\xcaJd\x00@Wr\x7f\x8b\x938\xda\x9f\x82@S@\x05\x0f,\xed3h\x80J\x92\x8a\x8f\xd1\x13R\xa8\xba\xfa\xc2\xdce\x19\xbd\xd2\xb4\xd6\x9c3\xce9\x9d\x87\x81Y \x80\xae\x84\x00\xe8"\xa7\xab\xf88b\xd8\x90%\xdf\x9a\x9bD\x15\x1f\xa3\xc79W\x8d\xe1&gt;\x83\x06\x14&lt;\xb0\x94\xfe\x1e\x9c\x13\xf1\x9cb\xc8\xf1\xbeF\x00O@\x00t\x91\xcf\xab\xf8\xc8\x8c1\x9b\x0bW\xfb{tO\xae\x8a\x8f\xd1\x13R\xda\xc1\xba%\xdf\x9a;b\xd8\x10\xdd\xaaf\xe4\xf2\xe5\xcbm\xdb\xc68\x00\xa0k \x00\xba\x02\xf5s\x03\x81@~~~\xab\xad\x9fz\xe6\xad\x93\xb3\xbe&gt;9\x12L\xb2\x8a\x8f\xd1\xa3\x9a\x91\xfe\x1e\xdd7\x17\x9eR3\xb2\xa2\xa2b\xcb\x96-X\t\x00\xe8\x1a\x08\x80\xae@\x9b\x1d\xf3\xf3\xf3\x9d\x8a\x8f\xa6\xa5\xe2\xa3\xb1\xedd\xac\xf8\x18=)e$\x18\xca\xfa\xfa\xe4\x99\xb7NvvC\t!\xf2\xf3\xf3\xab\xab\xab)&amp;\xe3}\x8d\x00.\x87\x00\xe8tm\xfa\xb6\xce\xfe\xf7\x9c%\xf3G\x8e\x19\x15\xa9;\x91\xbc\x15\x1f\xa3\xc5\xb9\xb1\xed\xf5\xb9\xcb\xfc~\x1fk\xd9\x12\x1a\x08\x04\xf2\xf2\xf2\x9a\x0b#\x03@g\xf2j\xd3\xd3\x85\xda\xccnS\xdf\xb6\x7f\xbf&gt;\xab\xee[\xa8\xebOxg\xed\xb7=!D\xa4\xee\xc4\xc81\xa3V-\x99\xa7\xb4\xa6C\xf1\x84\x10\xdb\xb7o/++\xc3D\x10@gC\x00t\xae\xf6\xfb[\xa8o\xfbD\xde\xfd}/\x1a\x18il\xf2\xc8\xd6\xcf\xd3\x11R\xda\xa1\xfa5+\x17\x0f\x1bz\x91\xd6Z\x08\xce9ojj\xca\xc9\xc9\xc1R0@gC\x00t"\xea\xfb\xb7\xde\xe1\xeeT|\xbc\xeb\xae\x99\x91\x9a\xdad\xaf\xf8\x18=\xce\xb9\n\x87{\r8\xff;\xd9\x8b\x8c1\x9c7O\x91\x95\x94\x94\xec\xda\xb5\x0b[B\x01:\x15\x02\xa0\x13\xd1\xec?U|\xa4y\xff\xcf*&gt;Z.\xa9\xf8\x18=\xcb\xb2"\xc7\x03\xf3\xe7\xcd\x18?.S)%e\xf3\x96\xd05k\xd6\x04\x83A\xd6R9\x19\x00b\x0e\x01\xd0Y\xa8\xf5\xaf\xae\xae~\xfa\xe9\xa7\x9d\xb5_\xf7U|\x8c\tc\x8c\xf4Y\x85\xab\xbf-\x84`\xacy\x9b\xec\xe1\xc3\x877m\xda\x84A\x00@\xe7A\x00t\x16\xea\xc6:\xe7\\\xd2\xef\xa4\xa7\xa5&gt;\x94\xe3\xb6\x8a\x8f\xd1\x93R\x86k\x83\x93\xb2&amp;\xcd\x9b1\xd5IJ)\xe5\xc6\x8d\x1b\x0f\x1f&gt;\xdc2x\x02\x80\x18C\x00t\x8a\xf6\'\xddS\xc5\xc7\x15\x8b\xe6^:fT\xa4\xdem\x15\x1f\xa3\xc7\xa5\xd4\'\x1a\x9e\xcc_\xd9;#\xdd\x99\xf3\t\x06\x83k\xd6\xac\xc1j0@\'A\x00t\x16\xa5\x94S\xeb\x8aN~\xbex\xc8\x85\xd9\xf7-\xb4\x03\xb5n-\xf9\x12\r\xc1y\xe4d\xe3\xc0\xe1CV\xdes\xa7\xd6Z\xb6L\x9a\xed\xda\xb5\xab\xa4\xa4\x04\x13A\x00\x9d\x01\x01\x10{\xb6mK)\xb7m\xdb\xd6\xba\xe2\xa31\xe6\xc9\xb5\xcb3\xfa\x9f\xaf\xc3\x11\x8fo\xfd&lt;\x1d)-;\x10\\\x9d\xbdh\xc4\xb0!\xaa\xd5\x01A999MMM\x18\x07\x00\xc4\x1c\x02 \xc6\xe8q\xd6P(TPP\xd0\xb2\xf5\xb3\xb9\xe2\xe3\xec9\xd3"5\x01\xf7\x15|\x8f\x15: (\xa5g\x8f\xcd\x8f\x9er@PYY\xd9\x8e\x1d;\xf0\\\x18@\xcc!\x00b\x8c\xda\xac\r\x1b6TUUQ\x9bE\xc7\xfe\x14=\xbc\xca(e\xd0\xf7?#)e$X\x975\xf5\xc6\x9b&amp;\x8eSJ\xd3\xc2\x89\x10"777\x10\x08`\x10\x00\x10[\x08\x80X\xa2\xfd\x8b\x95\x95\x95EEEt\xde\xa7eI\xad\xf5\x9ciYWO\x18\x17\xa9\xabw}\xc5\xc7\x980Jm~\xf4A\xcb\x92\xc64o\xa6\xaa\xae\xae\xce\xcf\xcf\xc7 \x00 \xb6\xd0\x1e\xc5\x12\xf5O\xa9\xe2#\xa39\r\xad3z\xa5=\x91\x9f\xad\xea\xea86\xfe\x9f\x05!D\xa4\xbe\xe1\xf2\xcc\xd1\xadjF\xaa6\xa5\x14\xe2}\x8d\x00.\x81\x00\x88\x19\xe7\x0c\x83\xd6\x15\x1f\xb56\x05\x0f,\xbd`\xd8`\xd5\x18\x16\x98\xff9;B\n}\xa2\xa10\xef\xfe\xfe\xfd\xfa\xd0\x08\xa0M1\xb5x_ \x80K \x00b\xc3\xa9\xf8\xe8\x9cbvJ\xc5\xc7\xda\x90\xc0\xd6\xcf\xb3\xc69\x8f46\xf5\x194\xe0\xf1\xdce\xb4\x06\xe0\x94SF\xcdH\x80\x18B\x00\xc4\x86S\xf1\xd19\xc7\xb8\xb9\xe2\xe3\xa3-\x15\x1f\xe3}\x85\xc9EZ\x96]\x1b\xbcc\xee\xb4\xcc\xab.oS32\x1c\x0ec\x1c\x00\x10\x13\x08\x80\x18h]\xf1\x91Z\x7f)\x85R\xfa\xa6\x89\xe3\xb2\xa6\xde\x18\t\xd5\xe1\xd8\x9fs\xc5\x19\xd3Jw;\xef\xbc\xa2\xfc\x95\xd4\xf4\xd3z@EEEQQ\x11V\x02\x00b\x02\x01\x10\x03\xad+&gt;R\xe7\xd4\x18\xe6\xf7\xfb6\xaf\x7f\xd0`\xb2\xa2\xa3\xa4\x94\x91\xda\xe0\xa4\x9b\xc6\xcf\xf8\xda\x8d\xce\x01AB\x88\xa7\x9f~\xba\xba\xba\x1a\x19\x00\x10=\x04@\xb4\xceP\xf1\xf1\xf2\xcc\xab"\xf5\x1e\xae\xf8\x18=\xce\x99RO&gt;\xb42=-\x95\x19\xc3\x18\xe3\x9c\xd7\xd4\xd4\xe4\xe6\xe6b\x16\x08 zh\x9b\xa2\xd5\xbe\xe2\xa31\xa6\x7f\xbf&gt;\xab\xee[\xa0\xeb\xeb\xbd\\\xf11zB\x88p\xdd\x89\xe1_\xb8b\xc5\xa2\xb9\xaaybMI)_z\xe9%\xe7\x98\x8dx_c\xa7SJ\'\xe7?J#\xa1\x13\x1e\x8e%\x88J\xfb\xdd)\xf4\xef\xc7s\x97\xf5\xbd\xe8\xc2\xa6c\xc7Q\xf3+J\xd2\x92v\xa06\xfb\xbe\x85/\xbd\xbc\xfb\xc3\x8f&gt;\xa6\xe1\x94\xd6:??\x7f\xdf\xbe}\xf1\xbe\xbaN\xc79\xef\x95\xdeS\xf6J\x95a\x9b%\xcf6b\xbfm\xb3\x9e\xe9\xddSR\xe2}!\xf0O\xa0y\xea8\xa7\xe2\xa3\xb3?\x9d\xa6\x80\xbe0j\xc4\xed\xb3\xbf\xdet\xbc\x86q\xae\x14\xe6\xa9\xa3\xa5\xc2M\x19\xe7\xf7~l\xcd}w\xdc\xbb\xd6\x99d+--\xdd\xb6m\xdb\xfc\xf9\xf3m\xdbvq\xcaF"\xf6\xaf\xf6\x1eLK\xeb\x99\\c\x1d\xa5\x94\xbfWzE\xd5\x87\xac\xe56\x89\xf7\x15\xc1\xe7s\xed\x9d\xd3\x05h_JQQQEE\x85\xb3DiY\xf2\xdf\x9fy\xe4\xbc\x0b\x07\xb0@\x90a\xfe\'V\x94\x9a\xbbt\xfe\xd6\x9f\xfej\xf7\xeb\x07\xa4\x94\xd4\xa6\x14\x14\x14L\x9b6\xadg\xcf\x9e\xaelbh\x85\xa3\xfeD\xc37\xee^\x19\xefk\x89\x8aR\xca\xc5\t\x9d\xec\xf0\xc6t\x10\xed\xfcq*&gt;\xd2R\xb0\xd6z\xcc\x95W\x04\x1b\x1b_\xdf\xf9\x8a\xfb\x9a\xa48\xd2Z[\xe7\xf5\xb8\xe1\xab_~\xed\x8d\xdfhm(z\xab\xaa\xaa6l\xd8\xf0\xd8c\x8f\xd1\x98 \xde\xd7\xd8Y\x92w\x13\x81\xa1\xfdp\x90\xc0\x10\x00\x1dD\xe7&lt;\xe7\xe5\xe5\xd5\xd4\xd4\xd0\xb6\x1f\xfa\xac\x97\xff\xe1O7N\xfb\x7f\xf1\xbe:\xf7s\x86_\x0b\x17.\x1c&gt;|8\x05p\xbc/*6\xa4\x94RJ\x17lsr\xfa@4hs\xcd\x1b\xe4&amp;\x08\x80\x8e\xa0\xd6\xa7\xbc\xbc|\xdb\xb6mm6\xa4\xe3\x83\xdeyZ\xf7(\xe9?\xc2\xe1\xf0\xbau\xebv\xee\xdc\xe9\x9ag\x02\x8c1\xb5\xb5\xb5\xc95\xe3\xffO\xd1\xcb9y\xf2d\xbc/\x04\xdaB\x00t\\NN\x0e\xad@\xba\xecvMX\xedg\xd5\xfc~\x7fqq\xf1\xbe}\xfbn\xb8\xe1\x06wL\x04\xf9|\xbe\xa9S\xa7\xd6\xd5\xd5\xb9`\x04\xe0\xa0\x15\xb2\xcb.\xbb\x8c}\xde\x9b\x08q\xe4\x9e\x0fY\x97\xa1\x86\xe6\xb9\xe7\x9e[\xb6lY\xbc\xaf\x05\x18cl\xe0\xc0\x81\x7f\xfe\xf3\x9fSSS\x19\xda\x17\x80s\x81\x11\xc09\x13B\xd8\xb6\xfd\xde{\xef\xddp\xc3\rtFM\xbc\xaf\xc8\xd3\xe8\xed\xf8\xfd\xef\x7f?a\xc2\x04Z\x99\x8f\xf7\x15E\xcb\xad\x9f(zL2\xdeW\x01\xa7\xc0\x08\xa0#\\\xb9\xef\x10\x00\xbc\x06\x01\xd0A\xd8\xe2\x96P\xb0\xf0\x0e\xd0\x01\x08\x00\x00\x00\x8fB\xbf\t\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de\x17\x00\xd0\x15\x8c1\xf4o\xd2\xe6\xab\xbc\x95x\\\x1d@|\xf0\xf67\x03\x80kh\xad\xb5\xd6\x9cs)\xe5\xd9\xffy!\x84\x10\x18\x1c\x83\xfb!\x00\xc0\x85\xa8\x1d\xb7\xacS\x06\xb8G\x8f\x1e\xfd\xc7?\xfe\xf1\xe9\xa7\x9f\x1e;v,\x14\n\x85\xc3ac\x8c\xdf\xefOOO\xef\xd7\xaf\xdf\xa0A\x83\x06\x0f\x1e\xdc\xa3G\x0f\xe7;0\xc6\x10\x03\xe0n\x9e\x0e\x00c\x0cu\x0fq\x9f\xbbC\xfb7\xf4\x8f\x7f\xfc\xe3\x81\x03\x07\xde|\xf3\xcd\xf7\xdf\x7f\xff\xc3\x0f?\x0c\x06\x83\xa7\xfb\x7f-\xcb\x1a8p\xe0\x17\xbf\xf8\xc5\x9bn\xbai\xea\xd4\xa9\xc3\x86\rc\x8c)\xa5\x84\x10\x98\x17r%\xdc\xfe\xcc\xcb\x01@#}\xfao\xa5\xd4YN\x11@\xc2j\xfd&amp;\xfe\xe9O\x7fz\xf9\xe5\x97\x7f\xfe\xf3\x9f\xbf\xfb\xee\xbbJ\xa9\xd6\x7f\x8c\xfeL\xeb6\x9dV\x05\xa8\xcbOz\xf4\xe8q\xdbm\xb7=\xf0\xc0\x03c\xc7\x8ee\xa7~T\xc0\x1dp\xfb\x13\x8f\x06\x80m\xdb\x96e\xd5\xd5\xd5=\xfb\xec\xb3\xd3\xa7O\xbf\xe2\x8a+\xd0\xd7Kj\xc6\x18\xce\xb9\xd6\xfa\x17\xbf\xf8\xc5\xf3\xcf?\xff\xfa\xeb\xaf\xdb\xb6M_\xa2\x89 \xad\xf5\xe7.\xff:Z\xaf\x03\xd3\xffkYVvv\xf6\xfa\xf5\xebSRR\x90\x01n\x82\xdb\xff3\xc6c\x94RJ)c\xcc\x9bo\xbe9r\xe4H\xc6X\xdf\xbe}\xb7o\xdfN_\xb5m;\xaeW\x07\x1dA3\xfe[\xb7n\xcd\xcc\xcct&gt;\xd8\x96eu\xf8\x96\xa6Ec\xfa\x7f\xc7\x8f\x1f\x7f\xe4\xc8\x11c\x0c}l \xa9\xe1\xf6o\xc3[\x01\xe0\xbc\xc1\x1b7n\xf4\xf9|\x8c1\xfa7cl\xd1\xa2E\xa1P\xc8\x18\x13\x89D\xe2z\x8dp\xce\xe8\x96\x9e&lt;y2c\xcc\xef\xf7;m\xf7\xe7\xb6\xecB\x08y\xaa\xd3\xe5\x04\xe7\x9c&gt;\x1eW^y\xe5\xa7\x9f~J1\x13\xef\xd7\n\x1d\x87\xdb\xbf=\xaf\x04\x80\xd6\x9a\xde\xda\x8f?\xfex\xca\x94)\xf4\xae\xd3\xa0\xde\xd9#\x98\x99\x99Y^^n\x8c\xb1m\x1b\xb7z\x12\xa1\x1b\xfb\xad\xb7\xde\xa2\xd6\xfcs\xbb\xf3\x96e\x9dy4\xf0\xb9\xff\xaf\xd3FL\x9e&lt;Y)\x85\x0fF\x92\xc2\xed\x7f:\x9eX\x03p&amp;p_{\xed\xb5\xbb\xef\xbe\xfb\xc8\x91#\x96e\xd1\xda\xa0\x94BkC[\x06m\xdbNMM}\xec\xb1\xc7\xee\xbf\xff~\xe6\xed\xa5\xa1\xa4Co\xf1\x84\t\x13\x0e\x1c8 \xa5lys%c\xac\xf5"p\xef\xde\xbd/\xb8\xe0\x82&gt;}\xfa\xa4\xa6\xa6\xfa\xfd\xfeH$\x12\x0c\x06\xff\xfe\xf7\xbf\x7f\xf4\xd1G4\xef/\xa5\xa4\x9b\xbf\xf57\xf7\xf9|\x91H\xe4\xe9\xa7\x9f^\xb5j\x15&gt;\x15I\x07\xb7\xff\x99\xc4;\x81:\x1du\x0f#\x91Hvv6\xbddz_e\xab\xee\x9e\x94\x82\xb5\xda\xf4={\xf6\xecc\xc7\x8e\x19\xef\x8d\x07\x93\x17\xbdS?\xfb\xd9\xcf\xe8\xfdm\xfd\x04@zz\xfam\xb7\xdd\xf6\xdcs\xcf\xfd\xf6\xb7\xbf=~\xfcx\xfb\xce]cc\xe3\x9f\xfe\xf4\xa7\xef\x7f\xff\xfb\xb4\xe7\x87\x9d\xbaG\x88&gt;\x18B\x88\x8c\x8c\x8cO&gt;\xf9\x04\x13A\xc9\x05\xb7\xff\x99\xb99\x00\xb4\xd6\xf4\xf6\x97\x95\x95]s\xcd5\xce\x9d\xcc\x18\xb3,\xc9\x18\xeb\x7f~\xef\xa7\x9f\xc8\x1b{\xd5\xe5\xf4\xb1\xa0\x1d \xd4v\x8c\x181\xe2\xd7\xbf\xfe\xb5i\xb5j\x04\t\x8e\x86\xf9\xa3G\x8fvn\xec\xf1\xe3\xc7\xff\xeb\xbf\xfe\xeb\xdf\xfe\xf6\xb76\x7f\x92&amp;sH\xeb7\xd7\xb6\xed\xcd\x9b7\xfb\xfd\xfe\xf6gB\xd0\xa7\xe2\xbb\xdf\xfd\xae\xf1F\xbb\xe0\x02\xb8\xfd\xcf\x86k\x03\xc0Y\xf0\xf9\xb7\x7f\xfb\xb7\xd4\xd4T\xe7\x1evr\xfe\xe6I\xd7\xfe\xed\x0f\xffm\xc2\x1f\xd6\xfe\xdf\xff|k\xde7\x9b\xfb\x02\xcd\x9f\x8f\xe6\xfe\xe3#\x8f&lt;B\xdf\x04\xf7|\xe2\xa3\xf7\xe8\xf9\xe7\x9f\xef\xd6\xad\xdb\xddw\xdf}\xf0\xe0A\xe7KJ\xa9H$\xa2\x94\xfa\xdc\xfe\xbb\xd6\x9a\xfe\x00}\xe9\x95W^\xf1\xf9|mV\x86\xa9\x81\xf8\xd2\x97\xbe\x84\x11@R\xc0\xed\x7f\x96\xdc\x19\x00\xf4\x86\x1d;vl\xce\x9c9\xa7\x8c\xfb\xa4d\x8cYR&gt;\xb4z\xa99\xfe\x81\xf9\xf4\x0f\'\xff\xfa\x96\xae~\xd7\x04\xff\xbc\xed\xf9\xef\xf6\xee\x95\xd6\xfa\x83B\x9f\x95)S\xa6|\xfc\xf1\xc7\xf4=q\xe7\'\xbe\xfa\xfa\xfa\x8a\x8a\n\xfao\x1a\x13\x9c\xfd\xbb\xa6\xb5njj2\xc6\xe4\xe7\xe7;\x9f\x96\xd6\x93B)))\x1f~\xf8\xa1\xc1\x96\xd0\xc4\x86\xdb\xff\xec\xb9-\x00Z\xef\xf3\x1d1bD\xeb\xc1\x1d\xcd\xf4]z\xc9\xe0\x03\xbb\x7flNV\x85\xff\xf6\xbb\xf0\xdf~k\x7f\\\x16\xf9\xfb\xef\x9a&gt;z\xc7\x9c\xa8\xacxg\xf7W\xae\xfeB\xf3\xdb\xcf\xb9\xf3i\x188p\xe0O~\xf2\x13\xe7\xfb\xc7\xf5\xf5\xc1Yi3\xb7s\xf6\xe8\xf3\x13\x08\x04\xfa\xf4\xe9\xd3f1\x80Z\x84\xdd\xbbw\x1bOn\x18O\n\xb8\xfd\xcf\x95\xab\x1en\xb4m\x9b\xa2\xbb\xa0\xa0`\xd2\xa4I\x87\x0e\x1d\xa2\xe5~\xc1\xb91F)\xfd\xad;\xbf\xf9\xce\x1b\xc5\xd7}\xf5\xea\xa6\xa3\xc7\x84\xe0B\x08f\x9a\xf7\x815\x1d\xab\x191l\xc8\xfe_\xbc\xf8\xd0\x03Ki\x90/\xa5\xb4m[Jy\xe4\xc8\x91\xdbo\xbf}\xe5\xca\x95\xf4\xfd\xdb\x1c-\x00\t\xc5\x18\xa3\xb5&gt;\xdd\x9e\xce\x7fJ\x08a\x8c\xe9\xd5\xab\xd7\x84\t\x13\xd8\xa9\x83\x00\xfa\x86\x1f~\xf8!k9\\\x1a\x12\nn\xff\x0epI\x00\x18c\xe8\xf1\xee#G\x8edee=\xf2\xc8#\xf4n\xd9\xb6mI\xa9\xb4N\xeby\xde\xf3\x1b\x1f\xf9\xe1\xbf&gt;\x99\xee\xf7\x87Cum\xce\x89d\x8cY\x96\x159qRh]P\xf8\xc0\xaf~\xf2/\x03\xfb\xf5UJYR\xd23\xe2R\xcaM\x9b6\xd1\xa7\x8av\x19\xa2\tHL\xd1\x9f\xedE=\xa3\xd6\x8b\xc9\xad\xd5\xd4\xd4D\xf3\xcd\xa13\xe0\xf6\xef07\x04\x00\x1d\xe9gY\xd6\xce\x9d;\xbf\xf4\xa5/\xbd\xf6\xdak\x96e\xd11GB\x08[\xa9\xaf\\\xfd\x85w\xf6\xfe\xe4\x9e{\xee\x08\x07j\xcf\xb0\xbdWHa\x8ci\xfa\xf4x\xd6\xd4\x1b~\xb7\xf7\'7O\xba\xd6nI{\xa5\x94eY\x07\x0f\x1e\xfc\xf2\x97\xbf\xfc\xc3\x1f\xfe\x90\xc6\x95.\xeb\x0b\x80\x83s\x9e\x9e\x9e\xfe\xb9_\x8aD"]|1pf\xb8\xfd\xa3\x91\xf4\x01@Q_WW\xb7|\xf9\xf2\xdbo\xbf\xfd\xe3\x8f?n\x19\xbb\t\x9a\rX\xb1x\xde\xfeW~4r\xf8\xd0\xa6\xe3\x813\x1c\x12@\xe8\x93\xd4T\x13\xbc\xa0\xff\xf9\xaf\xfd\xf4\xdf\x9f.\\mI\xa9\xb5\xb6\xac\xe6\xf1`0\x18\xbc\xe7\x9e{\xee\xb9\xe7\x9e`0H?\xa8\xcb^)t\xa5\xd35\xf4~\xbf\xbf\x8b\xaf\x04\xce\x00\xb7\x7f\x94\x928\x00\x8c1\x94\xcc\xe5\xe5\xe5\x93&amp;M\xfa\xde\xf7\xbe\xe7$3\x8d\xdd\x06\xf6\xeb\xfb\xab\x9f\xfc\xcb\xa6g\x1e\x16JEN\x9cl?\xee;\x1d\xcb\x92\x91\xa6\xa6H\xfd\x89U\x0f,y\xe3\x17/\\z\xf1E\xb6\xad\xa4\x14Nm\xa9\x1f\xfe\xf0\x87_\xfe\xf2\x97\x0f\x1e&lt;H\x93\x8c\xadO\x12\x06\x170\xc6\x1c9r\xe4s\xbfD\x8b\xc3\x10w\xb8\xfdc"Y\x03@)Eo\xc6\xf7\xbe\xf7\xbdI\x93&amp;\x95\x97\x97\xd3\x9b\xc19g\x9c\xd9J\xdd&lt;\xe9\xda\xdf\xed\xfdI\xd6\xd4\x1b\x9a\x8e\x07\x8c1B\x9e\xdb+\xa5\xd5\xa4\xa6O\x8f_w\xdd\x97\x7f\xf3\xda\xf6\xdb\xbf\x91\xa5\x946\xc6\x08\xc1i\x14y\xe8\xd0\xa1\xeb\xaf\xbf~\xd3\xa6M\xb4\xde\xe8\x8e\xf1 0\xc6\xe8\t\x80\xf7\xde{\x8f\x9d\xba\xd8K\xf7\xf9\xd0\xa1CY\xbbG\x85\xa1\x8b\xe1\xf6\x8f\x95\xa4&lt;\x0b\xc8\x18\xc39?~\xfc\xf8\xbd\xf7\xde\xbbs\xe7N\xc6\x98\x10\x82\xf6~(\xa5,)6&lt;\x9c\xb3\xea\xfe\xbbY\xc4n:\xd9HO\xfdu\x98R\xca\xe7\xf7\xf3\x9e=\xfe\xed\x87\xdbs\xd6m\xa8;\xd1`Y\xd2\xb6\x15\xfdD\xc6\xd8\xec\xd9\xb37m\xda4p\xe0\xc0\xd8\xbc6\x88+\xea\xe5\xfd\xfd\xef\x7f\xbf\xec\xb2\xcbN\x9e&lt;\xc9Z2\x80sn\x8c\xe9\xd6\xad[EE\xc5\xe0\xc1\x83Q\x1e \x8ep\xfb\xc7P\xf2}\x88i\xe8\xf7\xea\xab\xaf~\xe5+_\xd9\xb9s\'\x9d\xf2hZ\xde\xfe1\xa3/;\xf0\xeb\xad\xabV-\x8e\x9ch\x8845E\xf9\xf63\xc6\xa4\x94\xca\xb6\xc35\xb5\xf7,\xbe\xf3\x8d_\xbe\xf8\xe51\xa3\xe9\xed\xa7v\x81\x96\x9e\xc6\x8e\x1d\xfb\xea\xab\xaf\xbaio\x80gQ\x00l\xda\xb4\xa9\xa1\xa1AJ\xe9\xbc\xa14,\xb8\xea\xaa\xab.\xba\xe8"Z]\x8c\xefuz\x16n\xff\xd8J\xbe\x11\x801&amp;\x1c\x0e\x8f\x1c9\xf2\xff\xfe\xef\xff\xe8\x98F\xce\x19\xbd\x88o\xdd\xf9\xcdg\x9e\xc8MKKm\n\x86\xce~\xca\xef,\xd9\xb6\x9d\x92\xda3\x12\x89\xac\xce/\xda\xfc\xfc\x7f\xb2\x96^!]\xc3\x90!C***\xe8\x18\x99\xd8\xfe\\\xe82\xb4\x95\xf0w\xbf\xfb\xddu\xd7]\xe7&lt;\xfdO_\xa2\xf6e\xe3\xc6\x8d\xd9\xd9\xd9\xf4\xc7\xe2{\xa9\x9e\x85\xdb?\xb6\x92\xaf#\xa3\x94JII\x993g\x0e\xe50\xe7\x9c1\xde\'#}\xfb\x96\r?\xfc\x97\xc7S\xfd\xbe\xcf\xdd\xe7\x1b=\xcb\xb2\xc2\xf5\r\xc2V\x9b6=\xb2\xe3\xf9\xef\xf6\xceH\xe7\xbc\xf9C\xc09\x9f3gNJJJ\xf2N\x05\x02\xad(~\xf2\xc9\'s\xe6\xccijjb\xad\x16\x00\xe8\x93\xd6\xaf_\xbf\x05\x0b\x16\x18c&lt;qJp\xa2\xc2\xed\x1f[\xc9\x17\x00\x94\xb1\xd3\xa7O7-\x85\xbc\xa9\x9fv\xcb\r_\xd5\r\x8dv\xd8\xee\xbc\xfb\x93v\x02\xa8`]\xd6\xf5_a\x8cimX\xcb\xda\xe0\xf4\xe9\xd3\x19\xd6\x06\x93\x16\xad\xec\x1d=zt\xea\xd4\xa9UUUT\x15\xc0\xf9*M\xf8\x16\x16\x16fdd\xd0\x1cQ\x1c/\xd5\xe3p\xfb\xc7V\xf2\x05\x00\xcd\xcc\x8e\x193f\xe4\xc8\x91\xce\xc6\xac\x9a@p\xcf\x1b\xbf\xe1\xe7u7\xacsg\xb4\x8c1\xb2\xe7y{\xde\xf8MM H\xdb\xce\xb4\xd6#G\x8e\x1c3f\x0c\xfa\x86I\x8a\xb6x\x7f\xf8\xe1\x877\xdexcyy\xb9SO\x86P\xa9\x90)S\xa6,^\xbc\xd8+EB\x12\x18n\xff\xd8J\xbe\x00`\x8c)\xa5\xfc~\x7fVV\x16k^\x9dc\x8c\xb1W\xf7\xbe\xd9E\t\xcc\xd9\xab{\xdfd\x8cq\xde|&gt;LVV\x96\xdf\xefO\xc6\x01 \xd0\x84\xfeo\x7f\xfb\xdb\x89\x13\'~\xf0\xc1\x07N\xad(B\xad\xff\xb0a\xc3^z\xe9%\x96\x9c]&lt;\xf7\xc1\xed\x1fCI\x19\x00\xf4N\xdfx\xe3\x8d\x8c1\xad\xb5R\x9a1\xf6\xeb7\x0e\x06\x8f\x1c\xf5\xf9}\x9d\xb7\xacm\x8c\xf1\xf9}\xc1#G\x7f\xfd\xc6A\xc6\x18\x1d/\xef\\\tZ\x87\xe4\xe2&lt;I\xf4\xf2\xcb/\xdfp\xc3\r\x1f}\xf4Q\x9bg;\xa9\xf5\xbf\xf0\xc2\x0bw\xef\xde}\xfe\xf9\xe7c\xf3O\x82\xc0\xed\x1fCI\xf9\x81\xa6\xfbp\xe2\xc4\x89\x03\x06\x0c\xa0\xf7@\x08Y}\xf4x\xe9o~\xc7{\xf4\xe8\xbc\x07\xf3\xb4\xd6\xbcG\x8f\xd2\xdf\xfc\xae\xfa\xe8q!$\xfd\xce\x80\x01\x03&amp;N\x9c\xe8\\\x15$\x05g\xf6\xe0\xb1\xc7\x1e\x9b9sf}}}\x9b\xc7y\x9c\xbe\xff\xbe}\xfbF\x8e\x1cI\x87\x82\xc5\xf1\x82\xc1\x81\xdb?\x86\x92\xf2\xa2\xe9\x81\xef\xd4\xd4T\x1a\x06J\xd9\\\xe0\xf3\xe5\xdd{\x99\xe8\xe4\x1c\x16\xfc\xe5\xdd{\x19cB4\x9f\x15\x9c\x95\x95\x95\x9a\x9a\xda\xfc\x14"$\x03z\x8c\xab\xb1\xb1\xf1\xce;\xef\xfc\xcew\xbeC{\xfc[7\x1c\xd4\xfa_}\xf5\xd5\xfb\xf7\xef\x1f1b\x04\xa6\xfe\x13\nn\xff\x18J\xca\x00p\xcc\x9a5\x8b\xb5\x1a\x06\xbe\xb6\xff7\x9d7\x0ct\x06\x80\xaf\xed\xff\rk5\x00\xa4k\x80dA\xad\x7f \x10\xb8\xe5\x96[\xb6m\xdbfYV\xeb\xfd\xfe4,\xb0m{\xfa\xf4\xe9{\xf7\xee\x1d4h\x10Z\xff\x84\x85\xdb?z\xc9\x1a\x004\xe0\xba\xee\xba\xeb\xbal\x18x\xba\x01\xe0u\xd7]\xc7\x92v\x00\xe85\xb4k\xbb\xb6\xb66++k\xff\xfe\xfd&gt;\x9f\x8fj{\xd1Wik\xb9R*//\xef\xbf\xfe\xeb\xbfRSS\xe9\x80\x81\xf8^3\xb4\x87\xdb?V\x92\xf5\xbai\x18\x98\x96\x96\xf6y\xc3\xc0N{QB\xb4\x1f\x00\xa6\xa5\xa5%\xef\x00\xd0SLK\xfd\xf7\x993g\xbe\xf3\xce;\xf4\x0c\xa7\xf3U\xda\xfb\xdf\xa3G\x8f\xed\xdb\xb7?\xfe\xf8\xe3T\x006yolw\xc3\xed\x1f+I\xff\xf9n?\x0c\x0c\xfc\xa3:\xe6\xc3@\x1a\x00\x06\xfeQ\xed\xb2\x01\xa0\xa7Pw\xfe\xc1\x07\x1f\xdc\xbbwo\xfb\xd6_)u\xe1\x85\x17\xee\xdb\xb7o\xce\x9c9t\xca|\xf2\xde\xd5\xde\x81\xdb?JI\x1c\x00\x9f7\x0c\x14\xd5G\x8f\x97\xbf\xf7\xbf\xbc{wzN/V\xb46\xbc{\xf7\xf2\xf7\xfe\xb7\xfa\xe8q\xfa\xb9\xee\x18\x00z\x07M\xe5\x1f&lt;xp\xe3\xc6\x8d\xb4\xc6\xeb|\x89Z\xff\x11#F\x94\x94\x94\\s\xcd5\x91H\x04G\xfd$&gt;\xdc\xfe1\x91\xc4\x97\xee\x0c\x03o\xb9\xe5\x16\xd6&lt;\x0c\x14\x8c\xb1\xd7J\xdef\x964&amp;\x96\xf3\x80\xc6hf\xc9\xd7J\xdef\x8cQ\x8dP\xc6\xd8-\xb7\xdc\x92\xec\x03@\xef\xa0\xf7(??\x9f\xb5T\xfd\xa5\xdf\xa7\xdd\x9f#F\x8c\xd8\xbbw\xef\xb0a\xc3l\xdb\xf6\xf9|\xf1\xbcP8;\xb8\xfdc"\x89\x03\xc01m\xda4\xd62\xc3\xcb\x18\xfb\xf9\xaf\xdeh\n\x84|\xbeXv\xe2|&gt;\xab)\x10\xfa\xf9\xaf\xde`\x8c\xd1\xec\xb0\xf3s!\xf1\xd1\xce\x9fw\xdf}w\xff\xfe\xfd\xad\xf7\xfb\xd3\xaao\xdf\xbe}\x7f\xf9\xcb_\x0e\x1a4\x08\xc7|&amp;#\xdc\xfe\xd1H\xee\x00\xa0\xcc\xbf\xfa\xea\xabi+.\xad\xdaU\xfe\xf5\xa3\xb2\xf2?\x88\x1e=hZ0zJi\xd1\xa3GY\xf9\x1f*\xff\xfa\x91\xb3Q$55\xf5\xea\xab\xaffI&gt;\x00\xf4\x88\xe6\xa6\xe1\xe7?o\xbf\xaek\x8cy\xfe\xf9\xe7/\xbd\xf4R\xcc\xfc$\x1d\xdc\xfe\xd1K\xee\xab\xa7\xe7w.\xb8\xe0\x82\t\x13&amp;\xb0\x96Bn\xc6\x98\x9f\xfe\xea\r\xe6\xf3\xc5j\x18h\x8cf&gt;\xdfO\x7f\xf5\x06}\xc2\xe8-\x9f0a\xc2\x05\x17\\\x80\xb3!\x93\x02\xbde\x07\x0f\x1ed\xad\x0ey\xa6m?7\xdf|\xf3\xf4\xe9\xd31\xf3\x93\x8cp\xfbG/\xb9\x03\x80\xb5t\xee\x9c\xe5x\xad\x15c\xec\x17{J\x9a\x02\xc1X\r\x03}&gt;\xab)\x10\xfc\xc5\x9e\x12\xe7\xfb\xb3V\xdb\x0fb\xf2#\xa0\xf3\xd0}\x1b\x0e\x87\xab\xaa\xaa\xd8\xa9e~\x19cK\x96,I\xba\x9aH\xe0\xc0\xed\x1f\xa5\xa4\x0f\x00Z\x90\x992eJ\xcb0\x90\t!*\x0f\xc7l\x18\xf8\xd9\x00\xf00\r\x00\x19\r\x00\xa7L\x99\xe2\xfctH|\xb5\xb5\xb5\xc7\x8e\x1dc\xadj\xfc*\xa5\xbaw\xef~\xcd5\xd7\xd0\xd3\xbf\xf1\xbe@\xe8\x08\xdc\xfeQJ\xfa\x00\xa0a\xe0\x80\x01\x03:i\x18x\xba\x01 m&gt;K\xf6\x01\xa0\x17P\x8b\x1f\n\x85\x1a\x1b\x1b\x9d\xdf\xa47n\xd0\xa0A\xfd\xfb\xf7\x8f\xdb\x95A\xd4p\xfbG)\xe9\x03\x80\x9da\x18X\x1b\x83a\xa0\xcfg5\xd5\xbav\x00\xe8\x1d\xe1p\xb8\xf5a\x9ft\xeb\xf6\xee\xdd\x9b\xce\x02r\xc1\x9d\xecY\xb8\xfd\xa3\xe1\x86\x008\xdd0\xf0\x9d\xdf\xbegRR\xc2\x11[)\xdd\xb1\x7f\xc2\x11\xdb\xa4\xa4\xbc\xf3\xdb\xf7\xdc:\x00\xf4\x0ej\xe5\xc5\xa9RRRX\xbbU\x01H.\xb8\xfd\xa3\xe1\x86}o\xad\x87\x81\xbbw\xef\xa6\x87\xf8m\xdb\xde\xfb\xe6;\xe3\xa7\xdd\xd2\x9d1\xd6\xe1\xed}\xb6\xcdz\xf7\xd9\xfb\xe6;T\xef\x8dv\x809\x03\xc0d\xdf\x01\xe6)t\nP\xeb_2\xc6\x1a\x1a\x1a\xe2wE\x10\x1b\xb8\xfd\xa3\xe1\x86\x00`-O\xfa\xcc\x9c9s\xf7\xee\xdd\xac\xe5\xf6\xde\xfdz\xe9\xc4W^\xb3O\x9e\xec\xf0\x00\xdf\x18cu\xef\xbe\xfb\xf5R\xd6RB\x8416s\xe6L\xe7\'\xc6\xec\x05@\xa7\xa1w\xed\x92K.\xd9\xb7o_\x9b/\xa5\xa7\xa7\xb3\xa4\xad\xe5\x04\x0e\xdc\xfe\x1d\xc6\xdd1\xfe\xa5\xf7\xe3\xd0\xa1CW^ye$\x12\xe9\xa4\x17\xc59\xf7\xf9|\xef\xbf\xff\xfe\x88\x11#\\\xf3\t\x00Hv\xb8\xfd;\xcc\r\xaf\x811&amp;\x84\xd0Z\x0f\x1f&gt;&lt;33\x93\xc6k\x8c\xb1\xf6s\xbe\x1dC\xc9Oc\xc0\xcc\</t>
        </is>
      </c>
    </row>
    <row r="85">
      <c r="A85" s="1" t="n">
        <v>83</v>
      </c>
      <c r="B85" t="inlineStr">
        <is>
          <t>venn</t>
        </is>
      </c>
      <c r="C85" t="inlineStr">
        <is>
          <t>What is the missing number of the part denoted with a question mark?</t>
        </is>
      </c>
      <c r="D85" t="inlineStr">
        <is>
          <t>['5', '0', '7', '3']</t>
        </is>
      </c>
      <c r="E85" t="inlineStr">
        <is>
          <t>7</t>
        </is>
      </c>
      <c r="F85" t="inlineStr">
        <is>
          <t>There are 3 overlapping circles containing the numbers ['?', 9, 8]. The overlapping part between the first and second circle contains the number 16. The overlapping part between the second and third circle contains the number 17.</t>
        </is>
      </c>
      <c r="G85" t="inlineStr">
        <is>
          <t>We observe that the circles with 9 and 8 overlap to form the part 17, where 9 + 8 = 17. Hence, the pattern is most likely that the numbers in the overlapping parts are the sum of the numbers in the corresponding circles.</t>
        </is>
      </c>
      <c r="H85" t="inlineStr">
        <is>
          <t>Based on the pattern that the numbers in the overlapping parts are the sum of the numbers in the corresponding circles, the missing number of the circle where the overlapping part is 16 should be 7.</t>
        </is>
      </c>
      <c r="I85" t="inlineStr">
        <is>
          <t>b'\x89PNG\r\n\x1a\n\x00\x00\x00\rIHDR\x00\x00\x02\x00\x00\x00\x02\x00\x08\x06\x00\x00\x00\xf4x\xd4\xfa\x00\x00\xa0hIDATx\x9c\xec\xddg\x98\x14\xc5\x16\x80\xe1\xaf\xbb\'\x87\xcd\xe4\xb0\xe4(HP\x14\x94`\xc4\x80\\\x0c\x08\x06\x14A@0GL\x181+\x82\xa2"*\x8a\x11T\x0c\x98\x00\x11P\x10D$\xab$\xc99l\x9a\x9c\xba\xfb\xfe\xe8\x99%\x88\n\xec\x02;3\xf5&gt;\x8fW/\xbb\xec\xf6\xcc\x99\xee:Uu\xaaJ\xd2u]G\x10\x04A\x10\x84\xb4"\x1f\xef\x0b\x10\x04A\x10\x04\xe1\xd8\x13\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91\x00\x08\x82 \x08B\x1a\x12\t\x80 \x08\x82 \xa4!\xd3\xf1\xbe\x00\xe1\xf8\xd0u}\xbf\xff\xde\xf7\xff\x1f\xf8\xf5\x04I\x92\xfe\xf6\xdf\x07\xfe[\xa8\x18\x12\xf1;0\xb6\x07\x8b\xeb\xbe\x0e\x8c\xb1\x88o\xc5\xb4o|\xf7\xfd\xf7\x81\xff\xbd/q\xff\n\x07\x92\xf4\xffz"\x08I+\x11ZM\xd3J\xff;\xf1P\x97\xe5\xf2\x1f\xfcQU\xf5o\xbfg\xdfFD(_\x89\xc6}\xdfF&gt;\x11\xdb\xa3\xf1\x9e\'&gt;G\xba\xae\x97\xfe\xfc\xa3\xf5\xbb\x84\x7f\x8e\xef\xd1\xb8\x7fu]?\xe8sB\xdc\xbf\xa9M$\x00)\xe4\xc0\x07\xb4\xa2(\xff\xfa\xfd~\xbf\x1f\xaf\xd7KII\t&gt;\x9f\x0f\x9f\xcfG0\x18$\x10\x08\x10\x8b\xc5\x88D\xa2h\x9a\x86\xc9\xa4`6\x9b1[,8\xecv\x1c\x0e\'.\x97\x13\x97\xcbMVV&amp;N\xa7\x13\xbb\xdd\xfe\x8f\xbfg\xdf\x87\xcb\xd1l\xa0RY"\xae\x9a\xa6\x01F\xc3\xfbo\x8d\x80\xdf\xef\'\x1a\x8d\xb2{\xf7n\n\x0b\x0b\tG"D\xc2\x11\x8a\x8a\n\xf1z\xbd\xc4b1\xc2\x91\x08\xba\xaec1\x9b1\x9b\xcd8\x1c\x0e\xb2\xb3\xb3q8\x1c\x98L&amp;233\xa9Z\xb5*\x16\x8b\x05\xb7\xdb\xfd\xaf\xd7&amp;\xe2[6\x076\xf6\xff\x15_UU\t\x04\x02\x94\x94\x94\xe0\xf1x\xf0\xfa|\x04\xfc~\x02\x81 \xc1`\x10U\x8d\x11\x89D\xd0u0[\xcc\x98L&amp;lV+v\x87\x03\xa7\xc3\x81\xcb\xe5\xc2\xedv\x93\x99\x99\x85\xd3\xe9\xc0b\xb1\xfc\xeb\xb5\xa9\xaa\n\xecM\xf8D|S\x83H\x00\x92\xd8\xbe\r\xbe\xc9\xf4\xf7\xd9\x1c]\xd7\xd9\xb9s\x17\x1b7n`\xdd\xba\xf5\xac]\xbb\x96u\xeb\xd7\xb1y\xf3fvl\xdf\xce\xae];)))!\x1c\x8e\x1c\xf158\x1cv\xb2\xb2\xb2\xa9V\xad\x1aU\xabV\xa5N\x9d\xba\xd4\xad[\x87\x06\r\x1aP\xa7N\x1dj\xd7\xaeMvv\xf6A\xaf]\xd34\xd1`\xfc\x83}\x1b\xfc\x7fJ\xe6|&gt;\x1f[\xb6la\xe3\xc6\x8d\xacX\xb1\x82-[\xb6\xb0j\xd5*\n\n\n\xd9\xb4i#^\xaf\x17\x8f\xc7S\xa6\xebp:\x9d8\x9dNj\xd6\xacI\xa5J\x95\xa8[\xaf\x1e\xf9\xf9\xf94n\xd4\x88\xfc\xfc|\xea\xd6\xad+\xe2{\x04\x0e%\xbe\xe1p\x98\x1d;v\xb2aC\xfc\xde]\xb7\x8eu\xeb\xd6\xb1u\xebVvl\xdf\xce\x9e={\xf0x&lt;\xc4\xe2\x8d\xf3\xe1\x92\x00\x97\xdbMnnn\xe9\xfd[\xaf^}\xea\xd4\xc97\xee\xdf\xbau\xa9Y\xa3\x06.\x97\xebo\x7fW\xc475\x88\x04 \x89\xec\xfb\xd0P\x14\xe5o7\xdd\x96-[\xf8\xf3\xcf?Y\xb4h\x11\x8b\x17/\xe6\x8f?\xfe`\xed\xda\xb5\x84B\xa1\x83\xfe&lt;\xc5d\xc6\x9d\x91IfV6.w\x06.\xb7\x1b\xbb\xdd\x81\xcdn\xf4\x00\xcdf\x0b\xb2"\x13\x8b\xa9\xc4b\x11\xa2\x91\x08\xa1`\x90@\xc0\x8f\xdf\xeb\xc5\xeb-\xa1\xb8\xa8\x10\x9f\xd7\x0b\xbav\xd0\xdf\x91\x99\x99I\xa3F\x8dh\xd1\xa2\x05m\xda\xb4\xa5M\x9b\xd64n\xdc\x98\x9c\x9c\x9c\xfd\xbe/\xf1@\xf9\xaf\x9eO*\xdb\xb7\x87\x7f`\x83\x10\n\x85X\xbdz\rK\x97-e\xf1\xa2E,Y\xb2\x84\x95+W\xb2}\xfb\xf6\x7f\xfcy&amp;\xb3\x05\xa7\xcb\x85\xd3\xe5"++\x07wf6\x8a\xa2`2\x9bQd\x19\x93\xd9\x82$I\xc4bQ\xd4X\x8cX,\x86\xa6\xa9\xf8}^\x8a\x0b\x0b\xf1zK\x08\x06\x02\x84\x82\x81\x7f\xfc\x1dYYY4n\xdc\x98f\xcd\x9a\xd1\xa6M\x1b\xda\xb4iC\xd3\xa6M\xff\x96\x14\x88\xf8\xee?Rr`\xc2\x1e\x8b\xc5X\xbf~=\xcb\x96-g\xd1\xa2\x85,Y\xb2\x84?\xff\xfc\x93\xcd\x9b6\xa1j\x07\xbf\xb7,V\x1b\x19\x99Y\xa5\xf7\xaf\xc3\xe9\xc2nw`\xb5\xdbQ\x14%\xde\xab7\xe2\x1b\x8b\xc5\x88\x84C\xc6\xfd\xeb\xf7\xe1\xf3z\xf0\x94\x94PR\\H0\xe0\xff\xc7k\xae\\\xb92M\x9a4\xa1e\xcb\x13i\xd3\xa6\r\xadZ\x9dH\xa3F\x8dp:\x9d\xfb}_b\xfa/\x9d\xe3\x9b\x8cD\x02P\xc1\xfd\xdbCc\xd3\xa6M\xcc\x9f?\x9f\xd9\xb3g3w\xee\\\x96-[F4\x1a\xdd\xef{\xdc\x99Y\xd4\xaeS\x9f\xfcz\r\xa8U\xa7\x1e5k\xd5\xa1J\xf5\x1a\xe4\xe4U&amp;3;\x07\xa7\xd3\x8d\xd5f\xc3b\xb1`\xb6X\x90$\x19I\x82Dn!I\x90\xf8\x84\xe8\xba\xf1\x8f\xa6\xaaD\xa2\x11"\xe10\xe1P\x10\x9f\xd7Cqa\x01\x05\xbbw\xb1}\xeb&amp;\xb6n\xde\xc0\xc6u\x7f\xb1i\xfdZ6o\\O8\x14\xdc\xef\x9a\xb2\xb3\xb2h\xd5\xa6\r\xa7\x9fv\x1a\x1d;u\xa2M\xeb\xd6\xe4\xe6\xe6\xee\xf7=\xb1X,-\x1e&amp;\xff\xd4\xe8\xc7b1\xfe\xf8\xe3O~\xfey\x0e?\xcd\x9e\xcd\x82_\x7fe\xdd\xbau\x7f\xfb\xfb\x99Y\xd9\xd4\xae[\x9f\x1a\xb5\xf2\xc9\xaf\xdf\x88*U\xabS3\xbf\x1e.\xb7\x9b\xbc\xca\xd5p\xba\\(&amp;\x93\xd10\xd8\xecHP\x1a\xdc\xd2\xfcQ\x07=\xf1\x1f@$\x1c!\x18\xf4\x13\x8dD\x88D\xc2\xec\xde\xb9\x1d\x9f\xd7\xcb\x8e\xad\x9b\xd9\xb1u3\x9b7\xaeg\xf3\x86ul\xda\xb8\x96]\xdb\xb7\xfd\xed\x9arssi\xd5\xaa\x15\xa7\x9dv\x1a\x9d:u\xa2M\x9b6\xfb%\x04\x89!\xe5t\x8e\xaf\xae\xeb\xacZ\xb5\x8a\xb9s\xe71{\xf6O\xfc\xf2\xcb/\xac\\\xb9\xf2o\x7f?\xafrU\xf2\xeb\xd6\'\xbf~Cj\xe5\xd7\xa5z\xad:T\xaeR\x8d\xec\xdcJdfecw:\xb1X\xacX\xacV\xcc&amp;3\x92,\xed\x8d\xabd\xf4\xf2\x0f\xbc\x7f\xd5X\x8cH$L$\x1c&amp;\x14\x0c\xe0))\xa6\xb8\xb0\x80=\xbbw\xb0m\xf3F\xb6n\xde\xc8\x86\xb5\xab\xd9\xb4a\x1d[7mD\xd3\xf6\x1fa\xa8^\xbd:\'\x9dt\x12\xa7w\xec\xc8\xe9\xa7\x9fN\xcb\x16-q:\x1d\xfb\xbd\xb6t\x89o\xb2\x13\t@\x05\x95\xe81\xed\xdb\xe8\xab\xaa\xca\xe2\xc5\x8b\x996\xed{\xa6N\x9d\xc2\xfc_~!\x1c\xd9;|\x9f\x91\x99E\xa3f-8\xa1U[\x9a\xb5hE\x9d\x06M\xa8V\xa3\x16Y\xd99\xd8\xec6\x14%\xfe\x00PAU5\xd4x\x8f/\xf1\xbb\x8c\x8f\x82\xbeO\x83\xb0?i\x9f\xff1\x86\xfd\x8c\x1b\\Q\x14\x14\x93\tE\x91\x90\xe3\xcf\xb8X\x14\x02~\x1fE\x05\xbb\xd9\xb2i\x03\xebV\xaf\xe4\xcf\xe5\x8b\xf9c\xe9BV\xfd\xf9;\xb1\xe8\xde\xeb\xce\xcd\xcd\xa5c\xc7\x8et\xed\xda\x953\xce8\x83\xc6\x8d\x1b\x97~-\xf109\xd8\x88G\xb2\xfa\xa7F\xa1\xa0\xa0\x80\xd9\xb3g3u\xeaTf\xcd\x9a\xf5\xb7\x06!;\'\x8fFMO\xa0y\xab64i~"u\x1a4\xa2Z\x8dZdf\xe7b? \xbe\x9a\xa6\x13\x8bE\xd1T\r]\xd7Jc\x1c\xbf\x82\xfd\xfeE\xe9\xdb\xba\xb7"\\V\x14dIB\x92eL&amp;3\x8a"#\xcb +\xa0\xa9\x10\t\xc7\xf0\x94\x14\xb1{\xe7v6\xae\xfb\x8b\xd5\x7f.g\xc5\xf2%\xacZ\xb1\x9cM\xeb\xd7\xeew\xdd\x95+W\xe6\xf4\xd3O\xe7\xdcs\xbb\xd2\xe5\x8c.4n\xd4h\xbf\xf7"\xd5\xe2\x0b\x94\xce\x99\xef\x1b_\xaf\xd7\xcb\xbcy\xf3\x982e*\xd3\xa7\x7f\xcf\xf2\xe5\xcb\xf7\xfb;U\xaa\xd7\xa4i\xf3\x964?\xb1\r\x8d\x9b\xb7\xa4N\xfd\xc6T\xaaZ\x8d\x8c\xcc,\xacV3\xb2\x0c\x9af\xfc\x13\x8b\xa9\xa8jl\xbf\xf8\x1e\xda\xfd\xbb\xb7\xb0/\xd1@\xcb\x8a\t\x93\xc9\x84,S\xfa\x19\x8aF5|^/\x05\xbbv\xb0i\xc3:\xfeZ\xf5\x07\x7f.[\xcc\x8a\xe5K\xf8k\xd5\x9f\xfb\xfd\xdcZ\xb5j\xd1\xb9sg\xce9\xe7\x1c:w\xeeL~~~\xe9\xd7\x12\xd7%\xa6\t*&amp;\x91\x00T \xfb\xce\t&amp;2gM\xd3\xf8e\xfe|\xbe\xfc\xe2\x0b\xbe\xf9\xe6\x1b\xfe\xf8\xe3\x8f\xd2\xefw\xb93iu\xd2)\x9c\xdc\xa1\x13-\xdb\xb6\xa3~\xa3f\xe4U\xaa\x82\xd5nB\xd7\x8c\x9b8\x1a\x8d\xa0F\xa3\xc60\xa2\xae\x976\xe0\x07\x16\xf2\x1c\xc9\xcd\xb9\xf7\xa3\xa3\xc7{\x17ziwC\x92%d\xd9\x18n\xb6X\xac\x98L\xc6C)\xe0\x0f\xb1c\xeb\x16\xd6\xacX\xce\xe2_\xe7\xb2`\xdel\x96/\xfem\xbf^F\x87\x0e\x1d\xf8\xdf\xff\xfeG\xb7n\xddh\xd6\xacY\xe9\x9f\x1f\xec\xa1\x9aL\x12\x8d\xdd\xbeI]aa!\xd3\xa7\xff\xc0\xe4\xaf&amp;3\xfd\xfb\xef\xd9\xb9sg\xe9\xd7\xb2s\xf3h\xd5\xf6\x14\xda\x9ez:-\xda\xb4\xa3^\xc3&amp;\xe4V\xaa\x82\xcd\xa6\xa0\x1d\xe5\xf8\xfemY\x99\xae\x1b\x8d\x8a\xae\x83$!\xcb\x12\x8ab\x8e\x17\x87\x9aP\x14\x88\xc5\xa0\xa4\xb8\x88\xcd\x1b\xd6\xb1b\xf9\x12\x16\xcd\x9f\xc3\xe2\x05\xf3X\xb7fU\xe9\xcfRd\x99\xf6\xf1\xf8^x\xe1\x854m\xda\xb4\xf4k\xa9\x18_\xaf\xd7\xcb\xacY\xb3\xf8\xf2\xcb/\x99:u*[\xb6l)\xfdZ\x95\xea5i\xdb\xae\x03\'\xb5\xefH\xf3V\'Q\xa7^C\xb2rr0\x9b%T\x15\xa2\xd1\x18\xd1H\xd4h\xe8K\xe3+\xed\xd7\x90\x03\xfb\x8d\xea\x1c\xee\xf5\xee\xfd\xb7q\x0f\'&gt;C\x92d$\xf6f\xb3\x05\xb3\xc5\x8cb2\x12?\x9f\xd7\xc7\xb6\xcd\x1bY\xf1\xfbR\x16\xfe2\x9b\x85\xf3\x7ff\xf5\x9f{\x13\x19\xab\xd5J\xe7\xce]\xe8qq\x0f\xce\xeb\xda\x95\xbau\xeb\x96~MU\xd5\xa3\xb6\x02I82"\x01\xa8\x00\x0e\xf6\xe0X\xb5j\x15\x9f~\xfa)\x9f|\xf2\tK\x97.-\xfd\xf3\xfc\xba\rh\xdf\xf9,N;\xe3\x1cZ\xb4:\x99*\xd5kb\xb1\xca\xc4\xa2\x10\x0e\x87\x88E#h\xaa\xb6_\xa6\x7f\xfc2\xefDb\x90\xe8\x9dH(\x8a\x8c\xd9b\xc5j\xb5 +\x10\xf4G\xd8\xbca-K~\xfb\x85\x9fg}\xcf\xbc\x9ffP\xb0{o#\xd8\xa5K\x17z\xf7\xeeM\xb7n\xdd\xa8Q\xa3F\xe9\x9f\'\x86\x18\x93\xa1W\x91\xe8\x05%\x1a6M\xd3\xf8\xf1\xc7\x1f\xf9\xe8\xa3\t|\xfd\xcd\xd7l\xdf\xb6w\x18\xbda\x93\xe6\x9c\xda\xe9L:t&gt;\x9b\xe6\'\xb6\xa5r\xd5\xeaX,\x12\xd1(\x84C\xf1\xf8j\x15#\xbe\xfb-QK\xac&lt;1\x99\xb1Z\xadX\xac\n\xba\x0e%E%\xfc\xb5z\x05\xbf\xcd\xfb\x89\x9fg~\xcfo\xbf\xcc&amp;\x12\x0e\x03 \xcb\x12]\xba\x9cI\xef\xde\xbd\xb8\xf0\xc2\x0b\xa9^\xbdz\xe9\xcfN\xe6\xf8\x02\xcc\x9d;\x97\t\x13&amp;0y\xf2d6n\xdcX\xfa\xe7\'\xb4j\xcb\xe9gv\xa5}\xc73i\xdc\xbc%9y\x95P\x14\x88D4"\xe1\x10\xb1X\x0c\xbd\x02\xc5\x17tt-\x1e\xe3x\xb1\xa2\xc5j\xc3j5!I\xe0\xf5\x04\xd8\xb0v5\x8b\xe6\xcfa\xce\xcci\xcc\x9f3\x0b\xbf\xcf\x0b\x80\xc5b\xe1\xdc\xae]\xe9\xdd\xab7\xe7\x9d\x7f\x1e\xb9\xf1\xba\x9fDG\'Y\xe2\x9b\xcaD\x02p\x1c\x1d\xf8\xe0\x08\x06C|\xf7\xdd\xb7\xbc\xf3\xce;|\xf3\xcd7\xa5C\xb6\xb5\xeb\xd6\xe7\xac\xf3\xba\xd3\xe5\xdc\x0bi~b[\xb2s\xb3\xd04\x08\x05\xc3D"a\xf4\xf8\xa8\x81\x94$7T\xe9\x10\xb8\xae#+\nV\xab\r\xab\xdd\x8c\xae\xc1\xce\xed\xdbY\xbc`\x1e3\xbe\xfb\x92\x9f~\x98B\xc1\xee]\x80QLx\xf1\xc5\x97p\xcd5\xd7p\xc6\x19]J\x7fV,\x16\xab\xb0\xc3\xc7\x07\xf6x\xb6l\xd9\xc2\'\x9f|\xc2{\xef\xbd\xcf\xe2\xc5\x8bJ\xbf\xafa\x93\xe6\x9cy\xdeEt:\xfb\x02\x9a\xb6lEf\x96\x1b5f\x14\xfeE#\x11#\xbe\xb2\x14\xaf\xcf\xa8x\xafs_{\x93\x02\r\x900\x99LXmv,V\x99H(\xc6\x86u\x7f\xf1\xeb\xcf?2s\xca\x97\xcc\xfbi&amp;\xe1\xb0Q\xa0\x9a\x93\x93C\x8f\x1e=\xe8\xd3\xe7\x1a\xbat\xe9\\\xfa\xf3\x92)\xbe;w\xee\xe4\xd3I\x93x\xf7\xddw\xf9u\xfe\xfc\xd2\xefk\xd1\xe6d\xce\xb9\xf0bN\xefr\x0e\r\x9a\x9c\x80\xd3m#\x16\x85P0@,\x1aEG/\x8dmE|\x9d\x07\xd25\r-\x9e\x1c(\x8a\x11_\xabU!\x16\xd5\xd9\xbay\x03\x0b\xe6\xfd\xc4\x8c\xef\xbeb\xce\xcci\xa5\xc9@\xb5j\xd5\xb8\xacgO\xae\xbe\xea*\xda\xb5kW\xfa\xb3*r|\xd3\x81H\x00\x8e\x83\x03\x1b\xfem\xdb\xb6\xf1\xfe\xfb\xef3n\xdc8V\xad2\x86K\xdd\x99\x99\x9c\xd9\xf5".\xb8\xb8\x17mN9\x8d\x9c\xdclb1\x08\x06\xfc\xc4bQ\xf6\xce\xc3\'\xff\x8d\x93\x98\xc3\x04\t\x8b\xc5\x82\xddaG\x92`\xfb\xd6m\xcc\xfbq:\xdf}\xf9\t\xb3\xbe\xff\xd6\xe8\x19aL\x11\xf4\xef\xdf\x9f\x9e={\x96\xaeO\xafH=\xc6\x03\xaf\xe5\xb7\xdf~c\xdc\xb8qL\x988\x91\xa2\xc2B\x00*U\xae\xca\x99\xe7_\xc4y\xff\xeb\xc9\x89mO%3\xdbM4\xa2\x13\x0c\x04Pc\xd1\xf80{\xc5x=e\xa2\xebh\xba\x1eObdl6;6\xbb\x99hTc\xfd\x9aU\xfc\xf8\xfd7L\x99&lt;\x89%\xbf\xfdR\xfaWN;\xfdt\xfa\xf7\xeb\xc7e\x97]V\x1a\xdf\x8a\xd4P\x1c\xd8\xf0/[\xb6\x8c\xb7\xdf~\x9b\x0f&gt;\xf8\x80\xdd\xbbw\x03P\xb3v\x1d\xbav\xbf\x8cs\xbb]B\xd3\x96\xadq\xbalDB*\xa1P\x005\xa6&amp;MBw(\x8c\xe7\x99\x86$\xc9X\xacV\xecv+\x9a\x06\x9b7\xacc\xf6\x0fS\x99\xf2\xe5\'\xfc2gf\xe9\xf7\x9fs\xce9\x0c\x180\x80\xee\xdd\xbbc\xb5Z\x81\x8a\x15\xdft"\x12\x80c\xe8\xc0\x86\x7f\xf5\xea\xd5\x8c}\xe3\r\xdey\xfbm\n\n\n\x00h~b\x1b\xfew\xf9\xd5\x9c}\xc1\xc5\xd4\xaa[\x07]\x83\x80\xdfh\xf4\x8d\x1eBj&lt;4\xfe\xc9\xbe\x05r\x16\x8b\x15\x87\xd3F,\xa6\xb1\xfa\xcf\xe5L\x9d&lt;\x89/?~\x8f-\x9b6\x00P\xb7n]\x06\x0e\x1cH\xbf~\xfd\xa8\\\xb92p|\x1f$\x076\x0c3f\xcc`\xf4\xe8\xd1|\xfe\xf9\xe7\xa5\xdf\xd3\xf6\xd4\xd3\xe9\xde\xf3*\xce&lt;\xef"\xaa\xd5\xac\x81\x9aH\xea\xa2Q\xa44\xa8\x9aN${\x92\xb47\x19\x08\xf8C,Y0\x8f\xaf\'}\xc4\xd4\xaf&amp;Q\\d$I\xf5\xeb\xd7\xe7\xfa\xeb\xaf\xaf0\xf1\xddw\x13&amp;\x80\x9ff\xcf\xe6\x95\xd1\xa3\xf9\xe4\x93OJ\xe7\xd3;\x9f}&gt;\xdd/\xef\xc3\xe9g\x9cC^\xe5&lt;\xa2\x11\x8d`\xc0o|6\xd2"\xbe\xf1:&amp;\xc0j\xb3awX\t\x87b\xfc\xbe\xe47\xbe\xfdb"\xdfL\x9a\xc0\xee];\x00h\xde\xfc\x04\x06\r\x1aH\x9f&gt;}\xc8\xca\xca\x02*V"\x9f\x0eD\x02p\x0c\x1c8\xc7\xbfr\xe5J^~\xf9e\xde~\xe7m\x82\x01c\x89\xdcY\xe7w\xa7\xe7\xd5\xd7\xd3\xbe\xf3Y\xb8\xdc\x0e\x02\x810\xe1\xf8\xfa\xfdt\xbd!\xf6-\x8a\xb4;\x1cXm&amp;\xf6\xec\xdc\xc3\xcc\xa9_\xf3\xf1{o\xb2h\xfe\xcf\x00T\xadZ\x95A\x83n`\xf0\xe0\x1b\xa8R\xa5\npl\x1f$\x07&amp;v\xdf\x7f\xff=#F\x8c`\xca\x94)\x00\x98\xcdf\xce\xbd\xe8\x12.\xbb\xfazN\xee\xd0\t\xbb\xdd\x82\xdf\x17"\x12\t!!!+2\xfb\x94\xe2\xa7\r=\xb17\x80\xa2\xe0t\xbaP\xcc\x12\x1b\xd7m`\xca\x97\x1f3\xe9\x83\xb7Y\xb7\xc6X\x05Q\xadZu\x06\x0e\x1c\xc0\xe0\xc1\x83+D|g\xce\x9c\xc9\x88\x11/\xf2\xf5\xd7_\x01\xe0tep\xd1eWp\xc9\x15\xd7\xd2\xb2\xcd)\x98\xcc2~_\x80h$\x92\x16\x8d\xfe?1\xee_#Nv\x87\x0b\x8bEf\xdb\x96m|\xff\xf5g|\xf2\xfe[\xacX\xbe\x04\x80\xfc\xfc|\x86\x0c\x19\xc2\x80\x01\x03J\x97\x8b&amp;V\x86\x08G\x97H\x00\x8e\xb2}?\xc8\x1b6l\xe0\xc5\x91#yc\xecX\x82\xc1 \x8ab\xa2{\xcf+\xe9\xd5w\x10\xadOn\x8f$I\xf8}&gt;\xd4X\x0cY\x0c\x87\xedG\xd34tM\xc3l\xb1\xe0t9\x08\x06\xc3\xcc\xfbq:\x1f\xbc\xf9\n?N\xff\x0e0\x12\x81\x9bn\xba\x99\x1bo\x1c\xb2_\x8f\xe2h=H\x0eL\xec\xe6\xcc\x99\xc3\xd3O?\xcd7\xdf|\x03\x80\xd3\xe5\xa6G\xaf\xab\xe9\xd9\xe7z\x9a\x9f\xd8\x06M\x03\xbf\xcf\x1b\x7f(\x8a\xf8\xeeK\xd3\x8c\x8dd\xac6;\x0e\xa7\x95\xc2=E\xfc\xf0\xdd\x97|4\xee5\x96.\xfc\x150\xe2{\xe3\x8d7r\xe3\x8d7\x1e\x93\x86\xe2\xc0\xf8\xce\x9b7\x8fg\x9ey\x86/\xbf\xfc\x12\x80\xdcJ\x95\xe9\xd9\xe7z.\xe9}-\xf5\x1b7"\x1a\xd1\xf0\xfb}b\xd9\xdbA$\xee_\x8b\xd5\x86\xd3e\xc3S\xe2\xe3\xa7\xe9\xdf\xf1\xe1[\xaf0\xff\xe7\x1f\x01\xa8];\x9f\xdbn\xbb\x95\x01\x03\x06\xe0r\xb9\xf6\xdb\xf4L8:D\x02p\x94$z\xae\x92$Q\\\\\xccK/\xbd\xc4\xc8\x91#)**B\x96\x15.\xb9\xe2\x1a\xae\xea\x7f#\'\xb4i\x8b\x1a\xd3\xf0\xfb|\x7f\xab$\x16\xfeno\xafB\xc1\xe5v\xa3\xaa\x1a\xf3\xe7\xcc\xe0\x9dW_d\xd6\xf7\xdf\x02P\xaf^=\x86\x0e\x1dJ\xbf~\xfd0\x99LG\xa5\xb7\xb8o\xc3\xb3r\xe5J\x9e|\xf2I\xde{\xef=\x00\x1cN\x17\x97]u\x1dW\xf4\xbb\x81FM\x9b\x11\x0e\xc7\x08\xf8\xfdH\x80,\xe2\xfb\xaft]GSULf3\xae\x0c\'\x01_\x80\x19S&amp;3~\xccK,^0\x0f0\xa6~\xee\xbe\xfbn\xae\xbf\xfez\xccf\xf3QY^\xb6o|\xd7\xacY\xc3\x93O=\xc5;o\xbf\r@N^%\xae\xec7\x98\xcb\xae\xeaO\xed\xba\xb5\t\x04"\x84\x82\x81\xd2}1\x84\x7f\x96\x88\xafb2\xe1r\xbb\x88\x84#\xcc\x9e1\x95\xf1cF2\xef\xa7\x19\x004m\xd6\x8c{\xef\xbd\x97k\xfa\xf4\x01\xc4\xb4\xc0\xd1$\x12\x80rv`\xaf\xe1\xdd\xf7\xde\xe3\xf1\xc7\x1e\xe3\xaf\xbf\xfe\x02\xe0\x82\x1e\x97\xd3\xef\xc6;iur;\xa2\x11\x15\xbf\xdf\'\xd6\xc6\x1e\xa1\xc4\x83\xdf\xe5\xce@\xd74\xe6\xcc\x9c\xca\x1b/=\xcb\xfc9\xb3\x00h\xdf\xbe=\x8f&gt;\xfa(\xe7\x9csN\xe9\xf7\x975\xc1\xdaw\x1e\xd8\xe3\xf1\xf0\xfc\xf3\xcf3r\xe4H\xbc^/\x8a\xa2p\xc9\x15}\xe9;\xf86\x9a\xb48\x81P J0\xe0O\xeba\xe0#\x95H\xf4\x14E\xc1\x95\xe1&amp;\x18\x082\xed\xabI\xbc5\xfayV,7\x96\xc5\x9er\xca)&lt;\xf2\xc8#\x9cw\xdey\x80Q\x1fp\xb031\x0e\xc7\xbe\xf1\xf5z\xbd\x8c\x181\x82\x17F\x8c\xc0\xeb\xf1\xe0p\xba\xb8\xb2\xdf`\xae\xec?\x84\xfczu\x08\xf8\x8c\x9d0e\xc5\xd8\x14K8&lt;\x89\x86\xdd\xe5v\x13\x8dF\x995\xf5+\xde|\xf99\x16/0\nB\xbbt\xe9\xc2\xa3\x8f&gt;J\xa7N\x9dJ\xbf_t\x90\xca\x97H\x00\xca\xd1\xbe\x1f\xd0E\x8b\x16q\xdf}\xf71m\xda4\x00\xda\x9d\xd6\x99\x1b\xee\xb8\x9f\xd3\xcf8\x17UU\xf1\xfbD\xc3_^4U\x05I\xc2\x9d\x91A$\x12a\xca\x97\x9f0f\xc4\x93\xa5;\x96\xf5\xed{\x1d\x8f&gt;\xfa\x08\xb5k\xd7\xfe[!\xd7\xe1\xd8\xb7\x81\x994i\x12\x0f\x0e\x1b\xc6\xca\x15+\x00\xe8r\xce\x05\xdcp\xe7\x03\x9ctj\x07\xc2\xe1(A\xbf\xdf\xe8\xb5\x88\xf8\x96Y\xa2\xa1\xc8\xc8t\xe3)\xf1\xf0\xd9\x87\xef\xf0\xe6K\xcf\xb2c\xfbV\x00\xae\xbe\xba\x0f\x8f=\xf6(u\xeb\xd6\xdd\xef4\xbd#\xf9=\x89\xfb\xf7\xb3\xcf&gt;\xe7\xc1\x07\x1fd\xc5\n\xe33\xd4\xa3W\x1f\x06\xdcr\x0fMZ\x9c@\xc0\x1f&amp;\x14\x0c\x8a\xaa\xf5r\x92\x88\xaf;\xc3M0\x10\xe0\xabO?\xe2\xf5\x91O\x95\xee(9\xe8\x86\x1bx\xf8\xa1\x87\xa8V\xadZ\x99\xee_\xe1\xefD\x02P\x0e\xf6\xed\xf5\x07\x83A\x9ez\xea)\x9e}\xf6Y\xc2\xe10\xd5k\xe63\xe4\xee\x07\xe9\xd1\xab\x0f\x16\xb3\x15\x8f\xa7D4\xfcG\xc9\xbe\rEQa\x11\xef\xbf1\x9a\xb7^~\x0e\x9f\xcfK\xa5\xca\x95yb\xf8p\x06\x0c\x18\x00\x1c^oq\xdf\xb9\xc8\x8d\x1b7r\xef\xbd\xf72a\xc2\x04\x00\x1a4n\xc6\x8dw\x0f\xe3\xfc\x1e\x97\x03\xe0\xf3z\xc4P\xf0Q\xa2\xaa1L&amp;3\x19\x99N\xb6l\xda\xc2[\xa3\x9f\xe7\xc3\xb7^%\x1a\x8d\x92\x97\x97\xc7\xa3\x8f&gt;\xca\x90!C\x80\xb2\xc5\xf7\xbe\xfb\xee\xe7\xa3\x8f&gt;\x04\xa0u\xbb\x0e\xdc&lt;\xf4a:\x9ey.\xd1H\x14\xbf\xdf/\x1a\xfe\xa3$\x91\x80ed\xba\xd8\xb5s\x17\xe3\xc7\x8c\xe2\x9dW_$\x14\nR\xa3F\r\x9ex\xe2\t\xae\xbd\xf6Z\xa0|F{\x04\x91\x00\x94YbG+0\x8a\xc0n\xbb\xed6\x16.\\\x08\xc0U\xd7\xdf\xc8\xe0;\xee\xa7Z\x8d\xea\x94\x14{EA\xcb1\xa2\xc6b\x98,\x1622\x1c\xacX\xfe;\xa3\x9ez\x88i_\x1bK\xf1.\xbc\xf0B^|\xf1E\x1a6lxHs\x8b\xfb\xf6\n\xdfy\xe7\x1d\xee\xbd\xef&gt;v\xee\xd8\x81\xd5j\xa5\xef\r\xb7s\xfd-w\x93\x9d\x9bCI\xb1\x07\xd0\x91e\x11\xdf\xa3)\x91l\xdbl6\x1c.\x1b\x0b\xe6\xce\xe5\xc5\xe1\x0f\x94N\xfb\x9c{\xee\xb9\xbc\xf8\xe2\x8b4k\xd6l\xbf:\x9c\x7f\xb2o|\xdf~\xfbm\xee\xbb\xef&gt;v\xee\xdcIfV6C\xee\x1a\xc6\x15\xfdn\xc0f\xb3\xe3)\x11\x89\xfb\xb1\xa2\xc6b\x98\xadV\xdcn;\xcb\x16-f\xe4\x93\xc3\x985\xcd(\xac\xbd\xf8\xe2\x8by\xe1\x85\x17\xa8[\xb7\xae\xa8\r(\x07"\x01(\x83D\x16\x1a\x8dF\x19&gt;|8\xc3\x87\x0fG\xd34\x9a\xb5h\xcd=\x8f&gt;K\xc7\xb3\xce6\x96{\x85C("[=\xa6\x12\r\x85\xd3\xe5DQL|9\xf1=F\x0c\x7f\x80\x1d\xdb\xb6\x90\x93\x93\xc3\xb3\xcf&gt;K\xff\xfe\xfd\x81\x7f\x9e[L\xc4w\xe7\xce\x9d\xdc~\xfb\xed|\xf4\xd1G\x00\xb4=\xf54\xee}\xecy\xda\x9ez*^\x8f\xb1\xdcK\xc4\xf7\xd8J\xc4\xd7\x9d\x91\x89\xaaF\xf9\xf0\xad\xd7\x18\xfd\xec\xa3\x94\x14\x17\x91\x99\x99\xc9\x93O&gt;Y:\x1ap\xb0\xf8\xee;j\xb7}\xfbv\xee\xb8\xe3\x8e\xd2Q\x9ds\xba]\xcc\x9d\xc3\x9e\xa2Q\xd3\xc6\x94\x14\xfb\xc4\xdc\xf3q\x90\x88\x8f\xcb\xe5F\x92\xe0\xd3\x0f\xdff\xe4\x13\x0f\xb2g\xd7N*U\xaa\xc4s\xcf=W:\x1a \xe2s\xe4D\x02p\x04\xf6\x1d2\\\xb1b\x05\x83n\xb8\x81\xd9?\xfd\x04\xc0\xf57\xdf\xcd\xe0;\x1f\xc4\x9d\x91\x81\xa7\xb8X,\xe7;\xce\x12[\x0eg\xe5d\xb2y\xe3&amp;\x9e\x7ft(_O2\x1e\xf4W_}5#G\x8e$77w\xbf!\xc5}{\x8e\xdf}\xf7\x1dCn\xbc\x91\r\xeb\xd7c\xb5\xda\x18r\xd7\x03\xf4\xbb\xf1.\xcc\x16\x0b^\x8fG\x0c\x07\x1fgZ|\x83\x9d\xacl7\xab\xfeX\xc1S\xc3\xee\xe4\xa7\xf8\xb2\xd0\x9e={\xf2\xd2K/Q\xb5j\xd5\x7f\x8c\xef7\xdf|\xc3\x8d7\xde\xc8\xc6\x8d\x1b\xc9\xce\xc9\xe5\xae\x87\x9f\xe6\xb2\xab\xfb\x11\x8b\xa9\x04\xfc~1\xcc|\x9c%\xe6\xfc\xb3\xb23\xd8\xb0n\x1d\xcf=|\x0fS&amp;O\x02\xa0o\xdf\xbe\x8c\x181\x82\xec\xecl1%p\x84D\x02p\x98\xf6}x|\xf0\xc1\x07\xdc|\xf3\xcd\x14\x15\x15Q\xb7A#\x86=\xfd\x12\x9d\xcf\xed\x8a\xb7\xc4_\xbac\x99P1\xc4b1lv;V\xab\x95O\xdf\x7f\x8bg\x1e\xba\x9b\x92\xe2"\x1a7n\xcc\x9bo\xbe\xc9\xe9\xa7\x9f\x8e\xaa\x1ak\xd1\x13\x0f\x92\x87\x1ez\x88\xc7\x1f\x7f\x1c\x80f-[\xf3\xd0\xb3\xa3iwZ\x07J\x8aD\xaf\xb0\xa2\x89\xc5b8\x9dN$Yf\xfc\x98\x91\x8cz\xf2!\x82\xc1\x00u\xeb\xd6\xe3\x8d7\xc6r\xd6Yg\xedw\xc4\xb6\xa6i\x0c\x1b6\x8c\'\x9f|\x12\x80\x8egv\xe5\x81\xa7F\xd1\xb0ic\x8a\x0b=\x80(4\xabHb\xb1\x18v\x87\x03\xb3\xd9\xcc\xc4\xf1cy\xf6\xe1{\xf0y=4m\xd6\x8c\xb7\xde|\x93\xf6\xed\xdb\x8b)\x81# \x12\x80\xc3\x90x\xe8\xc7b1\xee\xbe\xfbnF\x8e\x1c\t\xc0E\x97]\xc9}O\x8c\xa0R\xe5*\x14\x17\x15\x8b^a\x05\xa5\xc7wt\xcb\xce\xcdd\xc5\xf2\xdfy\xf8\xae!\xfc6o6\x16\x8b\x85\xe7\x9f\x7f\x9e\x9bo\xbe\x19\x80\xed\xdb\xb73`\xc0\x80\xd2\r}z\xf7\x1d\xc4\xdd\x8f&gt;\x83\xcb\x95\x81\xa7\xa4\x04\x93I!\x1dw\xee\xab\xe8\x8c\xe4\x1c\xb2r2X8\xef\x17\x1e\xbas0+\x96/AQ\x14\x9e|\xf2I\xee\xb9\xe7\x1e\xc08\x94\xe9\xfa\xeb\x070u\xea\x14$Y\xe6\x96\xa1\x8f0\xe8\xb6{\xe3\xc7U\x8b^\x7fEe\x8c\x06\xe8d\xe7d\xf2\xfb\x92\xa5&lt;|\xd7\x10\x16\xff:\x17\xab\xd5\xca\x88\x11#\x182dH\x99V\x81\xa4#\x91\x00\x1c\xa2\xc4\x10\xd3\xd6\xad[\xe9\xdb\xb7/\xd3\xa7O\xc7b\xb1p\xf7\xa3\xcf\xd2\xf7\x86[\t\x06\x83DBa1\x17\x9c\x04b\xb1\x18.\x97\x8bh4\xc2\x0b\x8f\xdf\xcf\xf81\xa3\x00\x18&lt;d\x08=/\xbb\x8c\xfe\xfd\xfb\xb3~\xfdz\xdc\x19\x19&lt;\xf0\xe4(z\xf6\xe9\x8b\xd7#Fu\x92E,\x16###\x13\xaf\xb7\x84\'\xef\xbf\x9d\xcf&gt;z\x070\x86\x8c{\xf5\xea\xc5\xc0\x81\x03\xd9\xbcy35j\xe5\xf3\xf8\x8b\xaf\xd3\xa5kW\x8a\x0b\xbd\xa2\xe1H\x12\xb1X\x0c\x97\xdbM$\x14\xe2\xb9\xc7\xee\xe5\xfd7F\x030h\xd0 ^z\xe9%,\x16\x8b\x18\xa1;D"\x018\x04\x89\xc6\xff\xd7_\x7f\xe5\x8a+\xae`\xdd\xbau\xd4\xca\xaf\xc7S\xa3\xc7\xd1\xa1sg\x8a\nJJ\x8f\xe3\x15\x92\x83\xa6\xaa\xc8&amp;\x85\x8c\x0c\x17\x1f\xbf;\x8e\x17\x9f\x18\xc6\xae\x1d\xdbJ\xbf\xde\xa2\xf5I&lt;\xfc\xdc+\xb4i\xd7\x8e\xc2=\xa2\x96#\xd9\xa8\xaa\x8a\xd9l\xc6\xe1t\xf0\xce\x98Q\x8cy\xe1I\n\xf6\xec*\xfd\xfa\x19]\xbb\xf1\xe0S\xa3\xa8]\xb7\x1e\xc5E\xc5\xa2\xd7\x9fd\x12\x05\x9c\xee\x0c\'\x13\xc7\x8f\xe3\xf1{o!\x18\xf0s\xc6\x19g\xf0\xc1\x07\x1fP\xadZ5Q\x17p\x08D\x8b\xf5\x1f\x12\x1f\xa2I\x93&amp;q\xf6\xd9g\xb3n\xdd:\xdaw&lt;\x93\xf7\xbe\x9aI\xbb\xd3:S\x90h\x1cD\xe3\x9fTdEAS5\n\x0b\x8a\xe8\x7fS?\xce\xbe\xb0Gi\xef\xcff\xb7s\xcb}\x8fq\xfa\x19\xed\xd8\xb9}7\x8a\xc9$\x1a\xff$\xa3\x98LD\xa3\x11\xbc\x1e/C\xee\xbc\x95v\xa7u.\x8d\xa1\xcb\xedf\xc0-Ci\xdc\xbc\x1e\x05\xbb\xf7\x88F"\t)\x8a\x82\xa6i\x14\x15\x16\xd3\xbbo?\xde\xf9l\x1a\xb5\xeb\xd6g\xe6\xcc\x99t\xee\xdc\x99\xa5K\x97b2\x99\x88\xc5b\xc7\xfbR+4\xd1j\xfd\x83}\x97\t\x8d\x1e=\x9a\xcb.\xbb\x0c\xaf\xd7\xcb\xa5W^\xc7\xeb\x13\xbe&amp;\xafrU&lt;\xc5\xa2\xe7\x90\xac\x8cU\x1c2\x19\x99Y\xdc=\xf8v&gt;|\xebU\x00\xea\xd4oD(\x18d\xe8\x90k\xf9|\xc2d\xaaT\xaf$\x1e"IH\x8b\xc5\xb0X\xac\x98-f\x06_\xdd\x87\xef\xbe\xfc\x04\x8b\xc5J\xc3&amp;\xcd\xf1y\xbd\x0c\xe9\xd3\x83\xaf\'}E\xe5jy"\xbeIJ\x92$\x14\xc5D\xc1\x9ebZ\xb7\xeb\xc0{_\xce\xe0\xe4\x0e\x9dX\xb3f\rg\x9du6\xdf\x7f\xff\xbdH\x02\xfe\x83H\x00\x0eb\xdfe~\x0f?\xfcpiq\xd8M\xf7&lt;\xc4\xd3\xaf\x8cC\xd34\xc2\xa1\xa0\x98\xefOR\x89Jp\xb3\xc5\xc2\xbd7]\xc7\xf81#\x91e\x99GG\x8c\xe1\xab\xd9\xbf\xd1\xb5\xfbe\x14\xee\xd9\xcd-\xd7\xf5d\xd2\x07\xef\x93[)\x0bU&lt;D\x92\x86\xaa\xaaXm6\xa2\xd1\x087]s)\x93?~\x1f\x87\xd3\xc9\x887&gt;\xe4\xf3Y\xbf\xd2\xf5\xa2K).,\xe0\xe6\xbe"\xbe\xa9\xc0d2\xe1).&amp;\xafrU\xde\x98\xf8\r\x17\\|9\x05\x05{\xb8\xe8\xa2\x8b\xf8\xe4\x93OD\x12\xf0/D\x02p\x80D\x15\xa9\xa2(\xdc~\xfb\xed&lt;\xf6\xd8c\xc8\xb2\xcc#\xcf\xbf\xca\x1d\x0f&gt;\x8a\xa7\xa4$\xbe\xfb\x9f(0IF\x9af\xcc\rK\x12\xdc\xd6\xff\n&gt;\xffh&lt;N\x97\x9b\xd1\xe3\'qe\xbf\x01\xa8\xaa\xcc\xa8q\x13\xe93\xe0f\xa2\x91\x08w\x0f\xbe\x86w\xc7\xbcFN\xa5,TU&lt;D*:UU\xb1;\x1c\xf8\xbc\x1en\xb8\xa2;?~\xff-\x95\xaaT\xe3\xcd\x8f\xbf\xa3k\xf7\x8b\x89E5F\xbd\xfdq&lt;\xbe\xe1\xfd\xe3+\x1a\x89\xa4\xa5\x98L\x84\x82A$If\xc4\x1b\x1f\xd1g\xc0\xcd\x84\xc3az\xf5\xea\xc5[o\xbd%\x92\x80\x7f \x8a\x00\xf7\xb1o\xcf\x7f\xf0\xe0\xc1\x8c\x193\x06\xab\xcd\xc6S/\x8f\xe3\xe2\xdeWP\xb0[\x14\x83%3\xa3\xf1\xb7\xa0i*\xb7\xf6\xeb\xcd\x8f\xdf\x7fCNn%F\x8d\x9bH\x873\xce0\x8a\xfd\xe2\xeb\x883\xb2\xdc\x8cx\xfc!^}\xde\xd8\x07\xe0\xfe\'^\xe4\xfa\x9bo\xa3\xb0\xa0DT\x17WPF\xe3o\xa7\xa4\xb0\x90\x1b\xae\xfa\x1f\xcb\x16\xfdJ\xad:\xf5x\xf5\xbd\xcfirBK\x8a\x8b\x8aPd\x05$\x89\x8cL7#\x1e\x1f\xc6\xab/\x0c\x07D|SEb\x9f\x96\x8cL7#\x86\x0f\xe3\xd5\xe7\x8d\xf8\xbe\xfa\xea\xab\x0c\x1e&lt;X\x14\x06\x1e@$\x00q\xfb6\xfe\x03\x07\x0e\xe4\x8d7\xde\xc0\xe1t1\xe2\x8d\x0f9\xf7\xa2\x8b(\xd8-\xe6\xfb\x93\x99\xa6i\x98\xccf\xd05n\xba\xf62f\xff0\x85JU\xaa\xf2\xea\xfb_\xd2\xfa\xe4v\x14\x15\x16a2\x99\x81\xc4(\x90FvN&amp;\xaf&lt;\xf74/&lt;~\x1f\x00\xf7\r\x1f\xc1\xc0[o\xa7`O1\x8a"&gt;\x0b\x15Ii\xe3_T\xc8\x80^\xdd\xf8c\xe9B\xea5l\xc2\x98\x8f&amp;\x93_\xb7A|\xff\x06#f\xfb\xc7\xf7)^x\xfc~@\xc47U\xfcS|G\x8f\x1e\xcd\x8d7\xde(\x92\x80}\x88\x04\x80\xfd\x1b\xff!C\x86\xf0\xdak\xaf\xe1rg0\xf2\xad\x89\x9cy\xdey\x14\xec\xd9\xdb8\x08\xc9G\xd34\x14\x93\x82"\xcb\xdcr\xdd\xe5\xcc\x9c\xfa5\x95\xabV\xe7\xf5\x8f&amp;sB\xab\xb6\x14\x17\xfd=\xbe\x89\xcfDN^&amp;cF&lt;\xcf\xb3\x0f\xdf\r\xc0\xb0g^\xe6\xba!7Q\xb8\xbbX\xd4\x80T\x10Z|\xce\xdf\xe7\xf30\xb0W7\x96-\xfa\x95\x06M\x9a3v\xc2WT\xafY\x1b\xaf\xc7\xfb\xb7\x07\xfe?\xc5\xf7\xa1gF\xd3w\xc8\x8d"\xbeI\xee\x9f\xe2;v\xecX\x06\x0c\x18 \x92\x80\xb8\xb4O\x00\xf6\xad\xf6\xbf\xeb\xae\xbbx\xe1\x85\x17p8]\x8c\x1a\xf71g\x9d\x7f&gt;\x05\xbb\x8b\x8c\x9e\xa3\x90\x94t]G\x92\x8c\xa5}w\\\x7f%\xdf}\xf9\ty\x95\xaa0v\xc2\xd7\xb4hs\xd2A\x1b\xff}\xa9j\x8c\xdc\xbc,^y\xee\x19\x9e\x7f\xec^\x00\x9e\x1a\xfd6\xbd\xae\xedk|6Dbx\\i\x9a\x86\xd9l&amp;\x16\x8b2\xa0\xd7\x85,\xfce\x0e\xf5\x1a6\xe1\xcdO\xbe\xa5Z\x8d\xda\xf8\xbd\xde\x7fm\xc8\x0f\x16\xdf\xa7G\xbf\xcd\xe5"\xbe)\xe1\xef\xf1\x95\xf8\xf0\xc3\x0f\xb8\xe2\x8a+D\x12\x80(\x02,m\xfc\x87\x0f\x1f\xce\x0b/\xbc\x80\xd5j\xe3\xf9\xd7\xdf\x17\x8d\x7f\nH\x14t\xba\xdcn\x1e\xbec0\xdf}\xf9\t\x99\xd99\xbc\xf2\xdegF\xe3_\xf8\xdf\x0fxc\x99Q\tC\xee\x1a\xca\xcdC\x1f\x01\xe0\xa1\xdb\x07\xf1\xdd\x17_\x90\x93\x9b-\n\x8b\x8e#]7\x96r\xca\xb2\xc4\xed\xfd{\xb3\xf0\x979\xd4\xaaS\x8f\xd7?\x9aL\xf5\x9a\xb5\xf1\xfdG\xe3\x0f\xfb\xc7\xf7\xa6{\x1e\x01`\xd8\x1d\x83\x98\xf2\xc5\x97"\xbe)\xe0\xef\xf7\xafN\xdf\xbe}\x992e\x8a(\x0c$\xcdG\x00\x12\x19\xe0\x1bo\xbc\xc1\xc0\x81\x03Qd\x99\xa7_y\x87K\xaf\xee#\xb2\xff\x14\xa0\xaa1rr\xb3x\xee\x91\x07ym\xc4\x138\x9cNF\xbf\xfb\x19\x9d\xce:\x97\xa2\x82CO\xee\x12s\x8aY\xd9\x99&lt;~\xef\x1d\xbc\xf3\xda\x8b\xb8\xdc\x19\xbc\xf9\xf1\xb7\xb49\xe54&lt;\xc5b\xb8\xf8XK$w\xee\x0c7w\x0f\xbe\x96/\'\xbeG\xa5*\xd5x\xeb\xd3)4n\xd6b\xbf9\xffC\xfbYF|\x1f\x1bz;\xe3\xc7\x8c\xc4\x95\x91i\xc4\xb7]\x07\x11\xdf$w\xb0\xf8fff\xf1\xc3\x0f\xd3i\xdb\xb6mZo\x1b\x9c\xb6\t@\xa2\xf1\xff\xf6\xdbo\xe9\xde\xfd\x7f\xa8j\x8c\x07\x9e\x1c\xc9\xf5\xb7\xdc\xca\x9e]\xa2\xf1Ov\xb1X\x8c\xdcJY\xbc\xf7\xfa\x18\x1e\xbek0\xb2\xa2\xf0\xfc\x98\xf7\xe9\xd1\xbb7\x05\xbb\x0e\x7fd\xc7\xb8Mt\\\xee\x0c\xee\x1a\xd4\x87\xc9\x9f\xbcO\xd5\xea5yo\xf2Lj\xd4\xce\'\xe0\x0f\xa4\xedC\xe4xH$wO\x0f\xbb\x8f\xb1\xa3\x9e\xc6\xe5\xce`\xec\x84\xaf9\xf9\xb4\x8e\x14\x17\x1e~\xc1\xee\xde\xf8\xba\xb9s`\x1f\xbe\xfa\xf4\x03\xaa\xd6\xa8\xc9\xfb\x93gQ\xbdVm\x11\xdf$\xb7o|\x8d\xfb\xf7\x03j\xd7\xceg\xce\x9c\xd9\xd4\xaaU+\xbe\xb4;\xfd\x06\xc4\xd32\x01Hd|\xcb\x97/\xa7s\xe7\xce\x14\x15\x151\xe0\x96{\xb8o\xf83\x14\x16\x88\n\xe0d\x17\x8b\xc5\xc8\xca\xce\xe2\xa7\xe9S\x19|\xf5\xff\x88\x84\xc3\xa5\x15\xde{\x8e\xa0\xf1O\xd05\rYQPL\n\x83z_\xc4\xdc\x1f\xa7\xd3\xfc\xc46\xbc\xfb\xc5\x0f\x98,\x16\xd4X\x0cIJ\xbf\x87\xc8\xb1\x16\x8b\x19\xf3\xba\xef\xbf5\x96\x87n\x1f\x84\xc9d\xe2\xc57\'p\xc1%\x97RX\x86\x82\xddD!\xb0b\x92\x19\xd8\xeb"\xe6\xfd\xf4\x03\'\xb4:\x89\xf1_N\xc7\xa4\x98QUU,\x01Nb\x07\x8b\xef)\xa7\x9c\xc2\x8c\x193\xb0\xd9l\xa5\xc7\xbc\xa7\x93\xb4{Z%N\xfc*,,\xa4g\xcf\xcb)**\xe2\x82\x8b{q\xf7#OS\\\xe4\x11\x1b\xfc$9UUq\xba\x9c\xac[\xb3\x8a\xa17^K$\x1c\xa6\xcf\x80\x9b\xb9\xfe\x16cyWYj:$YFUU@\xe2\x85\xb1\xefS\xbfQ3\xfeX\xba\x88\xfbn\xb9\x1e\x9b\xcdN\xfa\xa5\xd2\xc7\x9e\x1aO\xee\xe6\xcc\x9c\xc9\x93\xf7\xdd\x06\xc0]\x0f?C\xb7K/\xa5\xb0\x8c\xd3vr&lt;\xbe\x122/\x8c}\x9fz\r\x9b\xf0\xfb\x92\xdfx\xf0\x96\x01\xd8\x1dv\xd2\xb0\xaf\x94R\x0e\x8co\xfdFM\x98?\x7f&gt;\x03\x06\x0c,\xfdZ\xbaI\xab\x04 \xb14D\x92$\xae\xb9\xe6\x1aV\xadZ\xc9\x89mO\xe1\x89\x97\xde$\x18\x08\xa2\xeb\xa4]\x06\x98Jt]\xc7d2\x11\x0e\x85\xb8kP\x1f\xf6\xec\xdaI\xe7s.\xe0\xfe\'G\xe0)\xf2\x96Kr\'\xcb2\xe1P\x88\xec\xdcJ\xbc\xf8\xe6\x87de\xe70\xed\xabI\xbc\xfc\xcc\xa3d\xe7f\xa4}Q\xd1\xd1\xa4\xa9\x1av\x87\x9d-\x9b60t\xc8\xb5\x84BA\xae\xe87\x98\x01\xb7\xdeQ\xe6\xe4.A\x96eB\xa1\x109y\x95\x19\xf1\xc6\x87dfe\xf3\xdd\x97\x9f\xf0\xcasO\x90\x9d#\xe2\x9b\xec\xf6\x8d\xef\x0bc?$3;\x9b\x0f?\xfc\x80g\x9f{.-\x8b\x02\xd3*\x01H\x0c\xfd?\xf4\xd0C|\xf3\xcd7T\xa9Z\x9d\xe7_\x7f\x1f\xab\xd5J4\x1aM\xcb9\xa0T\xa2i\x1a.\xb7\x93\xc7\xef\xbd\x95\xe5\x8b\x17P\xb7Ac\x9e\x1e=\x8eX4\x86\xa6\xeb\xe5\x96\xdc)\x8a\x82\xd7\xe3\xa1\xf9\x89\'\xf2\xe8\x0b\xaf#\xcb2\xaf\xbe0\x9c\xa9\x93\'\x93\x9d\x93\x95v\x0f\x91cB\xd7\x91\x15#~\xf7\xde\xd8\x8f\xed[7sj\xc73x\xe0\xc9\x17\xf1\x14\xfb\xcau\xe4\xce\x88o\t-Z\xb7\xe6\x91\xe7_E\x92eF?\xf7(\xd3\xbf\xfd\x96\xacl\xb1ep\xb2\xdb/\xbe\xcf\xbd\x86,\xcb\xdc\x7f\xff\xfd\xcc\x981\x03\x93\xc9\x94V#\x01i\xd3\xe2%\x96\xfb}\xf3\xcd7\x0c\x1f&gt;\x1c\xb3\xd9\xcc\xe3#\xdf\xa0n\x83\x06\xf8}~Q\xe0\x93\xe4b\xb1\x189\xb9\x99|\xf0\xd6\xeb|\xf6\xe1\xdb8\x9c.\x9ey\xf5\x1dr\xf2*\x13\x0e\x85\xca=\xb93\x99L\x14\x16\x14\xd3\xbd\xe7e\x0c\xba\xfd&gt;4U\xe5\xa1;n`\xe3\xbau8\x1cv4M+\xd7\xdf\x97\xeeTU%3\xcb\xcd\x0b\x8f?\xc0\xfc93\xa9V\xa3\x16O\xbf\xf2\x0e`l\x04T\xde#w&amp;\x93\x99\xc2\x82bz\xf4\xea\xcd\xf57\xdd\x8d\x1a\x8b\xf1\xd0\x1d\x83\xd8\xbai#6\xbb\x88o\xb2\xdb\x1b\xdf^\xf4\xbf\xd9\x88o\xdf\xbe}\xd9\xb9s\'\xb2,\xa7M|\xd3\xa2\x0801\xec\xbfm\xdb6N:\xe9dv\xec\xd8\xce-\xf7&gt;\xcam\x0f&lt;$\x96\xfb\xa5\x00MSq8\x9d\xac\xfas9Ww\xeb\x82\xcf\xeb\xe1\x91\xe7^\xe5\x9a\x1b\x06\x1fQ\xc5\xff\xa1\xd3\xd1u\xb0;\xec\x0c\xe8\xd5\x8d93\xa6\xd2\xa1\xf3\xd9\xbc\xf5\xc9\xb7\x04\x83!1\x9dTN\xd4X\x8c\xcc\x9c,\xa6M\xfe\x9c\x9b\xae\xbd\x14\x93\xd9\xcc\x98\x0f&amp;\xd3\xe9\xec\xae\x14\x17\x1d\xcd-\xba\x8d\xf8\xda\xecV\xfa_v\x01\xf3~\xfa\x81Ng\x9f\xcf\xd8\t_\xe1\xf7\xf9\xc5\x88a\xd2\x8b\xc7\xd7f\xa5\x7fO#\xbe\x17]t\x11\x93\'ON\x9bM\x82\xd2\xe2\x13\xac\xc7\x87\x7f\xaf\xbf\xfezv\xec\xd8N\xa7\xb3\xcec\xc8]\x0fP\\\xe0\x11\x8d\x7f\x923\x8a:\x15"\xe10\xc3n\x1b\x84\xcf\xeb\xe1\xa2\xcb\xae\xe2\xea\x01\x83)\xdcSr\x947r\x92Jw\x92|\xfc\xc5\xd7\xa9R\xad\x06s\x7f\x9c\xce\x98\x17\x9f&amp;+\xdb-\xa6\x02\xca\x81\xaeiX\xedv\xb6n\xda\xc4cCoF\xd7u\x06\xdd~\x1fg\x9e\xd75\xbe\x8b\xe3\xd1|H\x1b\xf1\xd55\x18&gt;\xf2u\xf2*W\xe1\xa7\xe9\xdf\xf1\xd6\xe8\x17D=@J\x88\xc7W7\xe2[\xa9rU\xbe\xfa\xea+^z\xe9\xa5\xb4\xa9\x07H\xf9\x04 1\xef\xff\xd2K/1e\xca\x14\xaaT\xad\xce\xa3/\xbcF,\x16#\xe5\x87&gt;\xd2\x80\xa6\xaadf\xb9x\xf9\x99\xc7X\xbex\x01u\xea7\xe2\xc1\xa7F\x12\xf0\x07\x8eI\x0fM\x96e\x82\x81 \xb5\xf2\xf3y\xf0\xe9\x97\x90e\x991/&gt;\xc5\xafs\xe7\xe1\xce\xc8@K\xa3\xf9\xc4\xa3A\x07,\x16\x0b\xc3\xef\xbd\x95\x9d\xdb\xb7\xd2\xbe\xd3Y\xdcx\xe7\x03\x14\x15z\x8fI\xf2.\xcb2\x81@\x80:\xf5\xebs\xff\x13#\x91$\x89W\x9e{\x8c%\xbf-\xc4\xe5v\xa3i"\xbe\xc9l\xdf\xf8\xde\xf7\xc4\x8bH\x92\xc4\xfd\xf7?\xc0\x9f\x7f\xfe\x89\xc9dJ\xf9\xa9\x80\x94N\x00\x12\xeb&gt;W\xacX\xc1\xfd\xf7?\x80$I\xdc;|\x04\xb5\xeb\xd6!\x14\x08\x8a!\xbc$\xa7\xaa*\xee\xac\x0c\xe6\xcc\x9c\xc9\xf81/b2\x9by\xe8\x99\x97\xc9\xc9\xcd#\x12\x8e\x1c\xb3!x\x93\xc9Dqa1\x17^|\t\xbd\xae\x1dH8\x14\xe4\xb1{n$\x14\x0c +\nb}\xe0\x91\x89\xc5bd\xe5d0q\xfc\x1bL\xff\xf6\x0b\xb2sry\xe4\xf9W\xd1\xe2\xbb\x00\x1e+&amp;\x93\x89\xa2\xc2\x12\xfewyo.\xee\xdd\x97\x80\xdf\xcfc\xf7\xdcD\xac\xb4pX\xc47\x99\xed\x1b\xdfK\xae\xe8\x8b\xdf\xefc\xe0\xc0\x81\xa8\xaaZ\xba\xe3d\xaaJ\xd9\x160\x118M\xd3\x18&lt;x0~\xbf\x8f\x8b{_\xcbE={QT(\xb6\xf6Lv\x89%\x7f\x01\x9f\x9f\'\xee\xbf\x8dh4J\x9f\x017\xd3\xa5\xeb\xb9\x14\x1f\x87\xad[eE\xc1\xe3\tp\xc7\xb0\'\xa9\xd7\xb0\t\x7f.[\xcc\xeb#\x9f&amp;3\xcb\x95VU\xc5\xe5E\xd3\x8c%\x7f\xeb\xd7\xac\xe5\xc5\'\x1e\x04\xe0\x8eaO\xd1\xb0I\xa3c6\xba\xb3/Y\x96\xf1\xfb\x82\xdc\xf3\xe8\xd3\xd4\xaaS\x8f%\xbf\xfd\xc2\xdb\xaf\xbeHf\x96\x9bXL\xc47\xd9%\xe2{\xf7#OS\xbbN=~\xfe\xf9gF\x8d\x1a\x85\xa2()}\xff\xa6l\x02\x90\xe8\xfd\xbf\xf6\xdak\xfc\xf8\xe3\x8f\xd4\xa8\x95\xcf\x9d\x0f?E\xc0/z\xfe\xa9@UU22\x9d\x8c\x1d\xf9\x0c\xab\xfeXF\x83&amp;\xcd\xb9\xe9\x9e\x87\xf0\x14\x1f\x9f\x15\x1d\x92$\x11\x8bF\xc9\xca\xce\xe6\xfe\'^DQ\x14\xde~u\x04\x8b\xe6\xff\x8a\xd3\</t>
        </is>
      </c>
    </row>
    <row r="86">
      <c r="A86" s="1" t="n">
        <v>84</v>
      </c>
      <c r="B86" t="inlineStr">
        <is>
          <t>rectangle_height_number</t>
        </is>
      </c>
      <c r="C86" t="inlineStr">
        <is>
          <t>What is the missing number of the part denoted with a question mark?</t>
        </is>
      </c>
      <c r="D86" t="inlineStr">
        <is>
          <t>[3, 2, 4, 1]</t>
        </is>
      </c>
      <c r="E86" t="inlineStr">
        <is>
          <t>3</t>
        </is>
      </c>
      <c r="F86" t="inlineStr">
        <is>
          <t>There are 7 rectangles in the image with varying lengths and numbers inside them. The numbers from left to right are [3, 1, 3, 1, 2, 2, '?']. The lengths from left to right are ['long', 'short', 'long', 'short', 'medium', 'medium', 'long'].</t>
        </is>
      </c>
      <c r="G86" t="inlineStr">
        <is>
          <t>We observe that the short rectangles are denoted as 1, the medium rectangles are denoted as 2, and the long rectangles are denoted as 3. Hence, the pattern is that the number in each rectangle corresponds to its length.</t>
        </is>
      </c>
      <c r="H86" t="inlineStr">
        <is>
          <t>Based on the pattern that the number in each rectangle corresponds to its length, the missing number of the rectangle with a question mark should be 3.</t>
        </is>
      </c>
      <c r="I86" t="inlineStr">
        <is>
          <t>b'\x89PNG\r\n\x1a\n\x00\x00\x00\rIHDR\x00\x00\x02\x00\x00\x00\x02\x00\x08\x02\x00\x00\x00{\x1aC\xad\x00\x00F\xeeIDATx\x9c\xed\xddy|T\xd5\xf9?\xf0\xe7\x9cs\'\xc9d\x9b\xc9F\x90\xc5\x05A@\x91}\xdfD\x14\xc1\xda\xa2~ED\x01\x176w\xbf\xa1\xad\xb6V[@k]\xa0\xb5\xb6\xb6\xb5\xecH\xc5\x15k\xab\xad \xb8\x00\xa2\xac*\x88\t\x9b .\x81\x90u\x96,3s\xef9\xbf?.\xe4\xc7WY\x02d2\xf7r&gt;\xefW_\xaf\xea$N\x9e&lt;ss&gt;\xe7\x9e{\xe6\x0eSJ\x11\x00\x00\xe8\x87\'\xba\x00\x00\x00H\x0c\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xcaHt\x01\r\xa2\x94:\x85\xff\x8a1\xd6\xe8\x95\xe8\t\xfd\x07\x9d\x9d\xc1\xc7\xbfC\x03@)%\xa5TJ1\xc6\x18c\x9c\x9f\xca\x99J\xa3&lt;\x89\x9e\xd0\x7f\xd0\x99&gt;\xc7?;\xb5p\x8b\x13\xbbeD$\x848\xf2\xf1@  \xa5d\xac\xa1\xd5\xda\xd9\xeb\xf7\xfb\x8f|\xd0~18\xe7\xaeH\xe6\x84@\xffAg\x1a\x1e\xffN\t\x00\xa5\x94eY\x86q\xe8\x8c$\x14\nm\xd8\xb0a\xfd\xfau\x9f|\xf2iEEEQQ\x91i\x99\r\x7f6FL\x91j{~[\xbf\xdf\xdf\xb3g\xcf\xee\xdd\xbb\xf7\xee\xdd\xbbe\xcb\x96\xf6WM\xd3\xe4\x9c;3\x90\x13\x05\xfd\x07\x9di{\xfc;"\x00,\xcb\xb2#7\x1a\x8d.[\xb6\xec\xf9\xe7\x9f\xdf\xb4i\xd3\xbe}\xfb\x1a\xf1Gdee\xf5\xec\xd9s\xf4\xe8\xd1#G\x8el\xd6\xac\x19\x11\x99\xa6)\x84pT\x1a\'\n\xfa\x0f:\xd3\xf9\xf8Op\x00\xd8?\x9d1\x16\x08\x04\xe6\xcc\x99\xb3x\xf1\xe2\xad[\xb7\xd6\x7f5=#\xbd\xd5\xd9-\xf3\xf2\xf3\xda\xb4;/;\xdbo\x9aVC\xfa\xa5Hq\xc6c\xb1X\xe1\xe7EU\x95\x81}{\xbe\xae\xac\xa8\xac\xff\xeaY-\xce\x1a{\xd3\xd8I\x93&amp;\xb5o\xdf\x9e\x88\xa4\x94\x0e\x89\xe2\x84@\xffAg8\xfe\x13\x19\x00\xf5\xc1\xbb`\xc1\x82\xa7\x9ezj\xfb\xf6\xed\xf6\xe3\xadZ\xb7\xec?\xa4\xdf\xd0\xe1C.\xec\xdc1\xbfy^Zz\xba\x10B\x08~r\x85*\x15\x8b\x99\x91\xbaH\xd9\xc1\xb2\x9d\xdbw\xadyo\xed\xea\x95k\xb6\x17\xee\xb4\xbf\x98\x9d\x9d}\xef\xbd\xf7N\x9d:\xd5\xe7\xf3\x99\xa6Y\x7f\xea\xa7\x15\xf4\x1ft\x86\xe3\x9f\x12\x18\x00v\xf7\x8b\x8b\x8b\'L\x98\xb0|\xf9r\xfb\xc1\x0e\x17\xb6\x9fp\xf7-#F\x0e\xcfk\x96\xa3\x94\xaa\xab\x8b\xc4\xa21iIE\xea\xe4\xebd\x9c1\xc6\x99\xc7\xe3INI6\x0c#\x14\x0c\xae\xfbp\xc3\x9c?\xcd_\xfd\xde\x87\xf6w\xb4o\xdf~\xde\xbcy\x03\x06\x0c\xb0\xaf\xf0$\xfct\xac)\xa1\xff\xa03\x1c\xff\x87\xaaLH\x00\xd8\xa1\xb7|\xf9\xf2\t\x13\'\x14\x7fWLDm\xda\xb5\xb9s\xea\xe4\x9f\\w\x95/\xcb\x17\x0e\x86c\xb1\x18\x115\xca\x15s\xa5\x94\x94\x8a\x94\x12\x86HKO\x93\xd2Z\xb5\xf2\xc3\xe7\x9e\x9e\xbdv\xd5\xc7D\x94\x9c\x9c\xf4\xc4\x13O\x16\x14\x14h5\x06\xa1\xff\xa03\x1c\xff\xf5\x12\x10\x00v\xf7\xe7\xcc\x993e\xca\x14\xfb\x91[\xa6\x8c\xfb\xf9o\xa6\xe6\xe5\xe7\x05*\x03\x96iq\x11\xaf\x9dR\x96e1\xc62}\x19\x96i\xcd\xff\xdb\xf3\xb3\x1e}:\x1c\n\x13\xd1\xe4\xc9\x93g\xcf\x9emY\x96\xd36i\xc5\x03\xfa\x0f:\xc3\xf1\x7f\xa4\xa6\x0e\x00\xfb\xcc\xab\xbe\xfb\xfe,\xdfo\xff0\xfd\xfa\xf1\xa3\x82U\xc1h4\xda4ka\xf6\xcb\x90\x93\x97\xb3\xe9\xe3\xcd?\xbf\xf3\x17\x85\x9fo\xa7\xc3\xaf\xc1\x19?\x0fE\xffAg8\xfe\xbf\xa7I\x03\xe0{\xdd\xcf\xcb\xcf\x9b\xbd\xe4/\x83.\x1dp`\x7f\x89a\x18M\xfcg\x1f\x8b\xc5\xfcY\xfe\xf2\xd2\xf2[GM\xfet\xe3gtD\x0e\x7f\xefm g\x0c\xf4\x1ft\x86\xe3\xff\x87\x9a.\x00\xec_l\xe5\xca\x95\xc3\x86\r#\xa2\xec\x9c\xec\x7f\xafz\xed\xdc6\xe7VUVy&lt;\x9e\xa6\xa9\xe1{L\xd3JNI\x12B\xdc\xf4\xe3\x9b?^\xb3\x9e\x88\xa6O\x9f&gt;m\xda\xb43r_\n\xfa\x0f:\xc3\xf1\x7fTM\x14\x00\xf6v\xd7\x92\x92\x92.]\xbb\x1c,9\x98\xe9\xcb\\\xb8tN\xaf~=\x03\x95\x01\xc3\x93\xc8?u\xcb\xb2\x92S\x92C\xc1\xd0\xb8\x91\xb7m\xdb\xf2\x05cl\xf9\xf2\xe5\xc3\x86\r;\xc3\xe6\xa1\xe8?\xe8\x0c\xc7\xff\xb14\xd1{\x10\xecwZ\x8f\x1f?\xbe\xe4@\t\x11=\xfa\x87i\x83.\x1dPUY\x95\xd8\xee\x13\x91\x10\xa2\xae\xb6.7/\xe7\xd9\x85\x7f\xf4g\xf9\x14\xa9\xf17\x8f?p\xe0\x00c\xcc\xbe+\xc8\x99\x01\xfd\x07\x9d\xe1\xf8?\x96\xa6\x08\x00;\xcd\x96,Y\xb2b\xc5\n"\xba\xf1\xd6\xd1cn\xb9\xfe\xc0\xfe\x92D\x9dy}\x8fa\x18U\x95\x81\x8e\x9d\xdaO\x7f\xea\xd7\xa4\xa8\xe4@\xc9\x83\x0f&gt;\xc89w\xc2M2\x1a\x05\xfa\x0f:\xc3\xf1\x7f\x1cq_\x02RJ)\xa5\xaa\xaa\xaa\xfa\xf4\xe9\xb3g\xcf\x9e\xb3\xcfm\xfd\xd6\x9a\x7f&amp;\'\'\xdb\x97\xc2\xe3\xfa\xa3O\x8aeZ\xfe\x1c\xff\xc4\xebo\x7f\xfb\xdf\xcb\x93\x93\x93\xd7\xacY\xd3\xb3gO\xfb\xee}\x89.\xed\xb4\xa0\xff\xa03\x1c\xff\xc7\x17\xf7\xbf.{s\xeb\x82\x05\x0bv\xef\xde-\xa5\xbcc\xea\xe4\xbc\xfc\xdch4\xea\xa8\xee\x13\x11\xe3,\x16\x8dM\xfd\xd5\xbd\xc9\xc9\xc9\x91Hd\xda\xb4i\r\xbf\xfb\xab\x93\xa1\xff\xa03\x1c\xff\xc7\x17\xdf\x00PJ\t!jkk\x17,X\xc0\x18;\xbf]\x9bko\xb8\xba\xaa"\xe0\xc0=\x1e\x9c\xf3p(\xdc\xb9\xfb\xc5W];\x82\x88V\xaf^]TT$\x84p\xf5J4\xfa\x0f:\xc3\xf1\x7f\xe2\x9f\x1b\xd7g\xb7\xdf\xd7\xb0r\xe5\xca/\xbe\xf8B)5\xf9\xbe\x89&gt;\x7f\xa6i\x9e\xc4\x9d\xb5\x9b\x12\xe7&lt;\x12\x89N\xf9\xdfI\xa9\xa9\xde\xea\xea\xea\xb9s\xe7\x12\x91\xab\x07 \xf4\x1ft\x86\xe3\xff\xc4?4\xae\xcfn[\xb8p!c,\xff\xac\xfc\x1f]3&lt;\x14\x0c;v{\x1f\xe7\xbc:\\\xdd\xb9{\xa7\xbe\x83\xfa0\xc6^{\xed\xb5\x9a\x9a\x1a\xc30\xdc\xbe\x10\x81\xfe\x83\xcep\xfc\x1f\xef\x87\xc6\xef\xa9\xed\xf3\xaf@ \xb0a\xe3\x06\xa5\xd4\xa0K\x07\xe45\xcb\x8d\xc5bN[};\x92R\x8a1~\xc5\x8f\x87)\xa5\xbe+\xfen\xcb\x96-\xe4\xdaI(\xfa\x0f:\xc3\xf1\xdf\x10q\x0c\x00\xbb\xeeM\x9b6}\xfb\xcd\xb7D4t\xc4\x10\xe7O\xe4\x84\x10u5\xb5\xfd/\xe9\x9b\x9e\x99n\x99\xd6\xdb\xcb\xde\xa6\xc3\x9f\x1a\xe1:\xe8?\xe8\x0c\xc7\x7fC\xc4\xf7\x0c\x80\x886l\xdc@D\xa9\xe9\xa9\x17v\xee\x18\xa9\x8d8|W\x1fc,\x12\x89\xb6j\xdd\xe2\xbc6\xe7\x12\xd1\xa6\x8d\x9b\x88\xc8\xe15\x1f\x0b\xfa\x0f:\xc3\xf1\xdf\x10q|j\xfbTk\xf3\xa6\xcdDt\xf69\xad\xcfj\x91\xef\xf0\xf3/\x9b\x94\xd2\x9b\xea\xbd\xf0\xe2\x0eDTTT\x14\x0e\x87]\xfa\xa6$\xf4\x1ft\x86\xe3\xbf!\xe2\x1b\x00J\xa9\xd2\xd2R"\xca\xc9\xcdNKO\xb3,+~?\xae\xb1(\xa5\xb8\x10\xcd[4\'\xa2\xaa@Ummm\xa2+:E\xe8?\xe8\x0c\xc7\x7fC\xc4+\x00\xec\xf7\xb0\x05\x02\x81\x9d;w\x12Q\xbb\x0em\x85K\xb6s0\xc6,\xd3l\xdb\xe1|"\n\x06\x82EEE\xe4\xc2\xeb\x90\xe8?\xe8\x0c\xc7\x7f\x03\xc5\xfd\x8d`13FDY\xd9Y.:\x91WJeeg\x11\x91\x94\xd2\xb1\xbb\x86\x1b\x02\xfd\x07\x9d\xe1\xf8?\xa1\xb8_\x12\xb1\x17\xdd\\\xf7g\\_\xb0\xf3\x17\r\x8f\x0f\xfd\x07\x9d\xe1\xf8?\xbe&amp;\xba&amp;\xee\xba?c\xd7\x15||\xae\xfbu\\W08\x99\xeb\x0e\xa7&amp;+\xd8\xd1\x9b\xa2\x00\x00 ~\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2\x12]\x00\x00\x9c\x80R\xea\x14\xfe+\xc6X\xa3Wrj\xdc^\xff\x19\x0c\x01\x00\xe08J))\xa5R\x8a1\xc6\x18\xe3\xfcT\xce\xd4\x1b\xe5IN\x8d\xdb\xeb\xd7\x07\x02\x00\xc0)\xec!\x8f\x88\x84\x10B\x88\xfa\xc7\x03\x81\x80\x94\x921\xd6\xc0\xa9\xb4=w\xf6\xfb\xfdG&gt;\x89=\x98r\xce\xe37\xb3v{\xfd\x1aB\x00\x00$\x9eR\xca\xb2,\xc30\xec!/\x14\nm\xd8\xb0a\xfd\xfau\x9f|\xf2iEEEQQ\x91i\x99\r\x7f6FL\x91j{~[\xbf\xdf\xdf\xb3g\xcf\xee\xdd\xbb\xf7\xee\xdd\xbbe\xcb\x96\xf6WM\xd3\xe4\x9c7\xee\x84\xda\xed\xf5k\x0b\x01\x00\x90`\x96e\t!\x0c\xc3\x88F\xa3\xcb\x96-{\xfe\xf9\xe77m\xda\xb4o\xdf\xbe\xd3|\xda\xb2\xd22"Z\xb6l\x19\x11eee\xf5\xec\xd9s\xf4\xe8\xd1#G\x8el\xd6\xac\x19\x11\x99\xa6)\x84h\x94\xd9\xb4\xdb\xeb\xd7\x19\x02\x00 a\xec%\x11!D \x10\x983g\xce\xe2\xc5\x8b\xb7n\xddZ\xff\xd5\xf4\x8c\xf4Vg\xb7\xcc\xcb\xcfk\xd3\xee\xbc\xecl\xbfiZ\r\x19\xef\x14)\xcex,\x16+\xfc\xbc\xa8\xaa2\xb0o\xcf\xd7\x95\x15\x95\x95\x95\x95+V\xacX\xb1b\xc5o\xa6\xfdf\xecMc\'M\x9a\xd4\xbe}{"\x92R\x9e\xceT\xda\xed\xf5\x03\x02\x00 1\xec\x893\x11-X\xb0\xe0\xa9\xa7\x9e\xda\xbe}\xbb\xfdx\xab\xd6-\xfb\x0f\xe97t\xf8\x90\x0b;w\xcco\x9e\x97\x96\x9e.\x84\x10\x82\x9f\xdcN\x1a\xa5b13R\x17);X\xb6s\xfb\xae5\xef\xad]\xbdr\xcd\xf6\xc2\x9d\xfb\x8b\xf7\xcf\x9a5k\xfe\xfc\xf9\xf7\xde{\xef\xd4\xa9S}&gt;\x9fi\x9a\x86q*\xe3\x80\xdb\xeb\x07B\x00\x00$\x84=z\x16\x17\x17O\x980a\xf9\xf2\xe5\xf6\x83\x1d.l?\xe1\xee[F\x8c\x1c\x9e\xd7,G)UW\x17\x89Ec\xa1@H\x91:\xf9\x9d\x94\x8c3\xc68\xcbm\x96\xdb\xf2\xec\x96\xc3~ty(\x18\\\xf7\xe1\x869\x7f\x9a\xbf\xfa\xbd\x0f+**f\xcc\x98\xf1\xd2K/\xcd\x9b7o\xc0\x80\x01\xf6\x15\xda\x93ZNq{\xfd`C\x00\x0045{\xd2\xba|\xf9\xf2\t\x13\'\x14\x7fWLDm\xda\xb5\xb9s\xea\xe4\x9f\\w\x95/\xcb\x17\x0e\x86++\xaa\x88\xc8\xde\xf1\xc2\xc5i-q\xc4b\xb1H$JJ\tC\\z\xc5\x90K.\x1f\xb4j\xe5\x87\xcf=={\xed\xaa\x8fw\xec\xd8q\xd9eC\x9fx\xe2\xc9\x82\x82\x02{\xf7N\x03\xc7P\xb7\xd7\x0f\xf5\xb0|\x06\xd0\xa4\xec\xd1s\xce\x9c9#F\x8c\xb0G\xcf[\xa6\x8c\xfb\xd7\xfb\xaf\x8e\x9f&lt;\x961VYViO\xae\x1b\xeb\n\'cL\x08.\x0cAD\xc1@\xb0:\\3t\xf8%/\xbe\xf5\xfc\xf4\xa7~\x9d\x9e\x91\x1e\x89D\xa7N\x9d:e\xca\x14\xce\xb9\xbd\xcf\xf2\x8c\xaf\x1f\x8e\x84\x00\x00h:\xf6^\xc99s\xe6L\x992\x85\x88\xfcY\xbeg\x17&lt;\xfd\xd4_\x1fOII)/-\'"a\xc4qg\x8b\x10\x82s\x1e\xa8\nVW\xd7\xdc\xf5\xb3\xdb_y\xfb\x85\x0b/\xee@Dv=B\x08\xa5N\xb0V\xe3\xf6\xfa\xe1{\x10\x00\x00M\xc4\x9e\x1a\xd7\x8f\x9ey\xf9y\x0b^\x9b3\xe6\x96\xd1\xa5%\xa5\xf6\xc0\xda4e\xd8\xc3\xe8\xc1\x03\x07;w\xbf\xf8\xc5\xb7\x16w\xeb\xd5\x95\x0e\x8f\xa1\xf6&lt;\xfaL\xad\x1f~\x08\x01\x00\xd0\x14\xec\xd1s\xe5\xca\x95\xf6\xe8\x99\x9d\x93\xfd\xcfw_\xee\xd5\xaf\xe7\x81\xfd%\x1e\x8f\xa7\xe9\x17\xaf=\x1eO\xa0*\x98\x96\x91\xf6\xfa\xca\x97\xfb\r\xeaCDs\xe6\xcc\x991c\x86\x10\xc24\x8f\xf2\xa6-\xb7\xd7\x0fG\x85\x00\x00\x88;)\xa5\x10\xa2\xa4\xa4d\xdc\xf8q\x8c1\x9f\xdf7\xef\x95\xe7\xcemsn\xa02\xe0\xf1x\x12U\x95a\x88h$*\xa5\xfc\xdb?\xfe\xdc\xa9\xcbED4c\xc6\x8c\x15+V\x18\x86aY\xd6\x91\xdf\xe9\xf6\xfa\xe1X\x10\x00\x00qg\xdf)a\xfc\xf8\xf1%\x07J\x88\xe8\xd1?L\x1bt\xe9\x80\xaa\xca*\xc3\x93\xe0mxB\x88\xba\xda\xba\xdc\xbc\x9cg\x17\xfe\xd1\x9f\xe5S\xa4\xc6\xdf&lt;\xfe\xc0\x81\x03\x8c\xb1#\xd7R\xdcX\x7fb\x0bs\x0b\x04\x00@|\xd9\x8b\'K\x96,Y\xb1b\x05\x11\xddx\xeb\xe81\xb7\\o\xaf\x9c$\xba4""\xc30\xaa*\x03\x1d;\xb5\x9f\xfe\xd4\xafIQ\xc9\x81\x92\x07\x1f|\x90s^\x7f5\xd5\x8d\xf5\x1fy\x1798\x0e\x04\x00@\x1c\xd9w3\xae\xa8\xa8x\xe4\x91G8\xe7\xe7\xb69\xe7W\xbf\xfdE\xa02\xe8\xa87\xafz&lt;\x9e\xf2\xd2\x8a\xd17\x8f\xbar\xe4p"z\xf1\xc5\x177n\xdcX\xbf\xb1\xd2\x8d\xf5o\xd8\xb0\xa1\xfe\xd6\xa4p\x1c\x08\x00\x808\xb2,\x8bs\xbe`\xc1\x82\xdd\xbbwK)\xef\x98:9/?7\x1a\x8d:m\x8d\x82q\x16\x8b\xc6\xa6\xfe\xea\xde\xe4\xe4\xe4H$2m\xda4\xfb\xee\xcdn\xaf\x9f\xb0)\xf4\xb8\x10\x00\x00\xf1\xa2\x94\x12B\xd4\xd6\xd6.X\xb0\x801v~\xbb6\xd7\xdepuUE\xc0Q\xd3g\x1b\xe7&lt;\x1c\nw\xee~\xf1U\xd7\x8e \xa2\xd5\xabW\x17\x15\x15\xd9\x1b.]Z\xff\xae]\xbb\xd2\xd3\xd3q\x12p|\x08\x00\x80x\xb1\xefQ\xb3r\xe5\xca/\xbe\xf8B)5\xf9\xbe\x89&gt;\x7f\xa6c7)r\xce#\x91\xe8\x94\xff\x9d\x94\x9a\xea\xad\xae\xae\x9e;o\xae\xfd\xa0\x1b\xeb\xaf\xa9\xa9\x997o^JJ\n\x02\xe0\xf8\x10\x00\x00\xf1\xb5p\xe1B\xc6X\xfeY\xf9?\xbafx(\x18v\xec\xf5I\xceyu\xb8\xbas\xf7N}\x07\xf5a\x8c\xbd\xf6\xeak\xe1p\x98\x88\xec\xe9\xbf\xeb\xea\x7f\xf5\xb5WKJJ\x92\x93\x93\x12]\x97\xa3!\x00\x00\xe2\xc2^\xff\t\x04\x02\x1b6nPJ\r\xbat@^\xb3\xdcX,\xe6\xb4\xd5\xf3#)\xa5\x18\xe3W\xfcx\x98R\xea\xbb\xef\xbe+,,4Ms\xfd\xfa\xf5n\xac\xff\x9b\xaf\xbf\xde\xbcy\xb3755\xd1E9\x9a\xe3\xd6\xf2\x00\xce\x0c\xf6\x9b\xa76m\xda\xf4\xed7\xdf\x12\xd1\xd0\x11C\x9c\x7f=R\x08QWS\xdb\xff\x92\xbe\xe9\x99\xe9\xe1`x\xf5\xea\xd5\x1e\x8f\xa7\xb8\xb8\x98\\W\x7fzz8\x1c^\xb6lYR\x12\xce\x00\x8e\x07g\x00\x00qa\xef\xa3\xdf\xb0q\x03\x11\xa5\xa6\xa7^\xd8\xb9c\xa46\xe2\xf0\x8f\xafb\x8cE"\xd1V\xad[\x9c\xd7\xe6\\"\xda\xb2e\xcb\xda\xb5k\x89(5\xcde\xf5\x9f{\xfe9D\xb4q\xd3F3f\x12\x116\x03\x1d\x8b\xa3_N\x00\xf7\xb2\x97J6o\xdaLDg\x9f\xd3\xfa\xac\x16\xf9\x0e_?\xb1I)\xbd\xa9\xde\x8e\x17\xb7\'\xa2\xad[\xb7\xfe\xf7\xed\xff\x12Q\xebsZ\xb9\xab~\xfb.\xa1E\x85E%%%D\x84\xf1\xffX\xb0\x04\x04\x10\x17\xf6&gt;\xf4\xd2\xd2R"\xca\xc9\xcdNKO\x0b\x05\xc3\x0e\x9fA\x13\x91R\x8a\x0b\xd1\xbcEs"\xaa\xa8\xa8\xb0\xa4E\xae\xad?\x14\n9?\xb1\x12\x0b\x01\x00\xd0\xf8\x94R\x9c\xf3\xaa\xaa\xaa\x9d;w\x12Q\xbb\x0em\x85a\xb8\xe2V\xf5\x8c1\xcb4\xdbuhKD%%%eee\xe4\xda\xfa\xf19\x91\'\x84\x00\x00\x88\x17\xa5T\xcc\x8c\x11QVv\xd6\x91w\xd7q8\xa5TVv\x16\x11\x99\xa6i\xef\xa3w_\xfd9Yt\xf8&gt;\x1c\x89.\xc7\xd1\x9c~B\x07\xe0j\xf6\x00\xe4\xd87O\x1d\x8b]p\xfd\x0c\xda\xa5\xf5\xc3\t!\x00\x00\xe2\xceu\xf3\xd0\xef\x15\xec\xf6\xfa\xe1X\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xcaHt\x01ZPJ\x9d\xc2\x7f\xc5\x18k\xf4J\xf4\x84\xfe\x03\x1c\x15\x02 .\x94RRJ\xa5\x14c\x8c1\xc6\xf9\xa9\x9ci5\xca\x93\xe8\t\xfd\x07h\x08\x04@c\xb2\x87\x0c"\x12B\x08!\xea\x1f\x0f\x04\x02RJ\xc6X\x03\xa7\xa2\xf6\xdc\xd3\xef\xf7\x1f\xf9$\xf6`\xc49\xc7\xcc\xf4X\xd0\x7f\x80\x93\x82\x00h\x1cJ)\xcb\xb2\x0c\xc3\xb0\x87\x8cP(\xb4a\xc3\x86\xf5\xeb\xd7}\xf2\xc9\xa7\x15\x15\x15EEE\xa6e6\xfc\xd9\x181E\xaa\xed\xf9m\xfd~\x7f\xcf\x9e=\xbbw\xef\xde\xbbw\xef\x96-[\xda_5M\x93s\x8e\t\xe9\x91\xd0\x7f\x80S\x80\x00h\x04\x96e\t!\x0c\xc3\x88F\xa3\xcb\x96-{\xfe\xf9\xe77m\xda\xb4o\xdf\xbe\xd3|\xda\xb2\xd22"Z\xb6l\x19\x11eee\xf5\xec\xd9s\xf4\xe8\xd1#G\x8el\xd6\xac\x19\x11\x99\xa6)\x84\xc0l\x94\xd0\x7f\x80S\x85\x008-\xf6\x92\x82\x10"\x10\x08\xcc\x993g\xf1\xe2\xc5[\xb7n\xad\xffjzFz\xab\xb3[\xe6\xe5\xe7\xb5iw^v\xb6\xdf4\xad\x86\x8c\x17\x8a\x14g&lt;\x16\x8b\x15~^TU\x19\xd8\xb7\xe7\xeb\xca\x8a\xca\xca\xca\xca\x15+V\xacX\xb1\xe27\xd3~3\xf6\xa6\xb1\x93&amp;Mj\xdf\xbe=\x11I)u\x9e\x8a\xa2\xff\x00\xa7\x03\x01p\xea\xec\x89\'\x11-X\xb0\xe0\xa9\xa7\x9e\xda\xbe}\xbb\xfdx\xab\xd6-\xfb\x0f\xe97t\xf8\x90\x0b;w\xcco\x9e\x97\x96\x9e.\x84\x10\x82\x9f\xdcN\x14\xa5b13R\x17);X\xb6s\xfb\xae5\xef\xad]\xbdr\xcd\xf6\xc2\x9d\xfb\x8b\xf7\xcf\x9a5k\xfe\xfc\xf9\xf7\xde{\xef\xd4\xa9S}&gt;\x9fi\x9a\x86\xa1\xe3\xeb\x88\xfe\x03\x9c&amp;\x1c\xb8\xa7\xc8\x1e}\x8a\x8b\x8b\'L\x98\xb0|\xf9r\xfb\xc1\x0e\x17\xb6\x9fp\xf7-#F\x0e\xcfk\x96\xa3\x94\xaa\xab\x8b\xc4\xa2\xb1P \xa4H\x9d\xfcND\xc6\x19c\x9c\xe56\xcbmyv\xcba?\xba&lt;\x14\x0c\xae\xfbp\xc3\x9c?\xcd_\xfd\xde\x87\x15\x15\x153f\xccx\xe9\xa5\x97\xe6\xcd\x9b7`\xc0\x00\xfb\n\xa7V\xcb\x11\xe8?\xc0\xe9C\x00\x9c\n{\xd2\xb7|\xf9\xf2\t\x13\'\x14\x7fWLDm\xda\xb5\xb9s\xea\xe4\x9f\\w\x95/\xcb\x17\x0e\x86++\xaa\x88\xc8\xde1\xc2\xc5i-\x11\xc4b\xb1H$JJ\tC\\z\xc5\x90K.\x1f\xb4j\xe5\x87\xcf=={\xed\xaa\x8fw\xec\xd8q\xd9eC\x9fx\xe2\xc9\x82\x82\x02{\xf7\x8b&amp;c\x10\xfa\x0f\xd0(\xb0|y\xd2\xec\xd1g\xce\x9c9#F\x8c\xb0G\x9f[\xa6\x8c\xfb\xd7\xfb\xaf\x8e\x9f&lt;\x961VYViON\x1b\xeb\n!cL\x08.\x0cAD\xc1@\xb0:\\3t\xf8%/\xbe\xf5\xfc\xf4\xa7~\x9d\x9e\x91\x1e\x89D\xa7N\x9d:e\xca\x14\xce\xb9\xbdO\xf1\xf4\x7f\xa2\xc3\xa1\xff\x00\x8d\x05\x01pr\xec\xbd\x86s\xe6\xcc\x992e\n\x11\xf9\xb3|\xcf.x\xfa\xa9\xbf&gt;\x9e\x92\x92R^ZND\xc2\x88\xe3\xce\x10!\x04\xe7&lt;P\x15\xac\xae\xae\xb9\xebg\xb7\xbf\xf2\xf6\x0b\x17^\xdc\x81\x88\xecz\x84\x10J\x9d\xc2Z\x87\x9b\xa0\xff\x00\x8d\x08\x01p\x12\xec\xa9e\xfd\xe8\x93\x97\x9f\xb7\xe0\xb59cn\x19]ZRj\x0fLMS\x86=\x0c\x1d&lt;p\xb0s\xf7\x8b_|kq\xb7^]\xe9\xf0\x18d\xcfC\x9b\xa6\x8c\xa6\x87\xfe\x034.\x04@C\xd9\xa3\xcf\xca\x95+\xed\xd1\';\'\xfb\x9f\xef\xbe\xdc\xab_\xcf\x03\xfbK&lt;\x1eO\xd3/\xfez&lt;\x9e@U0-#\xed\xf5\x95/\xf7\x1b\xd4\x87\x88\xe6\xcc\x993c\xc6\x0c!\x84i\x9e\xc4\x9b\x9e\xdc\x02\xfd\x07ht\x08\x80\x06\x91R\n!JJJ\xc6\x8d\x1f\xc7\x18\xf3\xf9}\xf3^y\xee\xdc6\xe7\x06*\x03\x1e\x8f\'QU\x19\x86\x88F\xa2R\xca\xbf\xfd\xe3\xcf\x9d\xba\\DD3f\xccX\xb1b\x85a\x18\x96e%\xaa\xaax@\xff\x01\xe2\x01\x01\xd0P\x96e\x8d\x1f?\xbe\xe4@\t\x11=\xfa\x87i\x83.\x1dPUYex\x12\xbc\x8dJ\x08QW[\x97\x9b\x97\xf3\xec\xc2?\xfa\xb3|\x8a\xd4\xf8\x9b\xc7\x1f8p\xe0\xcc\xdb\x8e\x82\xfe\x034:\x04@\x83x&lt;\x9e%K\x96\xacX\xb1\x82\x88n\xbcu\xf4\x98[\xae\xb7W\x1e\x12]\x17\x11\x91a\x18U\x95\x81\x8e\x9d\xdaO\x7f\xea\xd7\xa4\xa8\xe4@\xc9\x83\x0f&gt;x\xe4]\xcc\xce\x00\xe8?@&lt; \x00N\xc0\xde\xd4Q^^\xfe\xc8#\x8fp\xce\xcfms\xce\xaf~\xfb\x8b@e\xd0Qo\xfe\xf4x&lt;\xe5\xa5\x15\xa3o\x1eu\xe5\xc8\xe1D\xf4\xe2\x8b/n\xd8\xb0\xa1\xfe\xd6\x98\xae\x86\xfe\x03\xc4\x0f\x02\xe0\x04\xec\x0bz\xf3\xe6\xcd\xdb\xbd{\xb7\x94\xf2\x8e\xa9\x93\xf3\xf2s\xa3\xd1\xa8\xd3\xce\xf1\x19g\xb1hl\xea\xaf\xeeMNN\x8eD"\xd3\xa6M;t\xf7c\x97oJD\xff\x01\xe2\x07\x01p\x02\x1e\x8fGJ\xb9`\xc1\x02\xc6\xd8\xf9\xed\xda\\{\xc3\xd5U\x15\x01GM?m\x9c\xf3p(\xdc\xb9\xfb\xc5W];\x82\x88V\xaf^\xbdk\xd7\xae\xf4\xf4t\xb7OB\xd1\x7f\x80\xf8A\x00\x9c@ff\xe6\x9a5k\xb6o\xdf\xae\x94\x9a|\xdfD\x9f?\xd3\xb1\x9b\xfc8\xe7\x91Ht\xca\xffNJM\xf5\xd6\xd4\xd4\xcc\x9b7/%%\xc5\xed\x03\x10\xfa\x0f\x10?\x08\x80\x13`\x8c\xd9\xd3\xcf\xfc\xb3\xf2\x7ft\xcd\xf0P0\xec\xd8\xeb{\x9c\xf3\xeapu\xe7\xee\x9d\xfa\x0e\xea\xc3\x18{\xf5\xb5WKJJ\x92\x93\x93\x12]\xd7iA\xff\x01\xe2\x07\x01p\x02\xdf}\xf7\xdd\xc6\x8d\x1b\x95R\x83.\x1d\x90\xd7,7\x16\x8b9m\xf5\xf9HJ)\xc6\xf8\x15?\x1e\xa6\x94\xfa\xe6\xeb\xaf7o\xde\xecMMMtQ\xa7\x05\xfd\x07\x88\x1f\x04\xc0\xf1\x18\x86\xf1\xf1\xc7\x1f\xef\xdc\xb9\x93\x88\x86\x8e\x18\xe2\xfc\xebyB\x88\xba\x9a\xda\xfe\x97\xf4MOO\x8f\xc5\xcce\xcb\x96%%\xb9x\x06\x8a\xfe\x03\xc4\x15\x02\xe0x\x92\x92\x926m\xdad\x9af\x8a7\xe5\xc2\xce\x1d#\xb5\x11\x87\x7f\xfc\x13c,\x12\x89\xb6j\xdd\xe2\xdc\xf3\xcf!\xa2\x8d\x9b6\x9a1\x93\x88\\\xba\x19\x05\xfd\x07\x88+G\xff9%\\4\x1a\xdd\xb4i\x13\x11\xb5&gt;\xbb\xd5Y-\xf2\x1d\xbe\xfe`\x93RzS\xbd\xf6]*\x8b\n\x8bJJJ\x88\xc8\xa5\xe3\x0f\xfa\x0f\x10W\x08\x80\xe3\x91RVVV\x12Qn\xb3\xec\xb4\xf44W\xdc\xe0E)\xc5\x85h\xde\xa29\x11\x85B\xa1\xba\xba\xbaDWt\xea\xd0\x7f\x80\xb8B\x00\x9c\x80\xbd\xe5\xfc\x82\x8e\x17\x08\xc3p\xc5\xad\xde\x19c\x96i\xb6\xeb\xd0\xd6\xfeg\xe7O\x99\x8f\x0f\xfd\x07\x88\x1f\x04@\x83degq\xce]1\x00\x11\x91R*+\'\x8b\x0e\xdfG\xe1\x0c\x80\xfe\x03\xc4\x03\x02\xa0A\x1c\xfb\xe6\xa3cq]\xc1\xc7\xe7\xba_\xc7u\x05\x83\x9e\x10\x00\r\xe2\xba\x13y\xd7\x15||\xae\xfbu\\W0\xe8\t\x01\x00\x00\xa0)\x04\x00\x00\x80\xa6\x10\x00\x00\x00\x9aB\x00\x00\x00h\n\x01\x00\x00\xa0)\x04\x00\x00\x80\xa6\x10\x00\x00\x00\x9aB\x00\x00\x00h\n\x01\x00\x00\xa0)\x04\x00\x00\x80\xa6\x10\x00\x00\x00\x9aB\x00\x00\x00h\n\x01\x00\x00\xa0)\x04\x00\x00\x80\xa6\x10\x00\x00\x00\x9aB\x00\x00\x00h\n\x01\x00\x00\xa0)#\xd1\x05\x9c\x8a\x1f~\xd4*&gt;\x80\xa9)\xa1\xff\t\xf7\xbd\x97\xc0u\xfdG\xfd\x0e\xe1\x9a\x00PJI)I\x11\xe7\\\x18\x82s\xce8cDR)iI\xcb\xb2\xa4\x94D\xc49w\xd1\x8b!-)\x95\xb4\xff\x99\x11\x13\x86Hl=\xc7\x81\xfe\'\xdc\xa1\x97\x80Hpa\x18\x86\xddj\xa5\x94%-\xcb\xb4\xa4%\x19c\\8\xf7\x9c\xde\xed\xf5K)\x95T\xc4\x98\x10\xfcp\xfd\xa4\x14I)-\xcb\xb2,\x8b\x88\x04\x17\xe4\x9a\xc3\x9f\xc8\x15\x01`\xf7=)\xd9\xe3M\xcd\x10\x82\xd7\xd5E\xc2\xc1pMuM]]D)\x95\x9c\x9c\xe4M\xf5f\xf82\xbc\xa9^i\xc9\x9a\xea\x9aX,&amp;\x84\xa3\xff\x92\x89\xec\xe3\xc6\xca\xcc\xcc\xf0$\'\x91"b\xa4\xa4\x0c\x06B?\x9c\\\'\x1c\xfa\x9fp\xf6\xd0\x99\x94\x94\x94\x9a\x96\xca\x18UW\xd7\x84\x02\xa1\x9a\x9aZ3\x16\xf3$yRS\xd3|\xfe\x0co\xaa\xd7\x8c\x99\xe1p\xb5\x92\xcai\xc3\xa8\xab\xebWJIK\nC\xa4\xa5\xa7%%%Y\xa6Y]]\x13\x0c\x04\xebj\xebb\xb1\x98a\x18\xdeTo\xa6/3\xd3\x97)\xa5\x0c\x87\xc2\x96e9\xff\xf8\xaf\xe7\xe8\x00\xb0[\xefM\xf3z\xbd)\xfb\x8bK\xde]\xf6\xfeG\xab\xd7\x17n-:P| P\x15\x88\xc5LRJ\x18FzFz\xf3\x16\xf9\x17u\xee8h\xe8\xc0\x81C\xfa\xe7\xe4\xe5\x04\xaa\x02\xe4\xe0\xf32)%g,;\'\xfb\xad\xd7\xff\xfb\xd9\xe6-\x9cs%UZz\xea\xb8Ic\x93\x93\x93\xecY\x92\x13\xa0\xffN`\x99VJj\x8a\xd7\xeb-\xfe\xb6\xf8\xbfo,\xfb\xf0\x83\xb5E\x9f\xef8P|\xa0\xa6\xa6\xc6\xb2\xa4\x10"=#\xbdE\xab\xb3\xba\xf5\xecr\xd9\x95C\xfb\r\xea\xe3I\xf2\x84\x82!\xe7\x8cA\xae\xae_J\x99\x9c\x9c\x9c\x9a\xe6\r\x06B\x9b\xd7\x7f\xb2n\xcd\x86\xcf6o\xd9\xb7\xe7\xeb\xb2\x83e\xb5\xb5u\xd2\xb2\x18\xe7\xa9\xa9\xde\xe6-\x9bw\xea|\xe1eW\x0e\x1d|\xd9\xc0L_f0\x10tH\xfd\'\xe4\xdc\x00\x90Rz&lt;\x9e4\x7fZ\xd1\xb6\xed/-z\xe5\xad\xd7\xff[\xfc\xed\xfe\xa3~g8\x14&gt;P|\xe0\xb3M[^\x98\xff\xd2\xb9\xe7\x9f3\xe5\xde\x89c\'\xde\x18\x8dDM\xd3\xe4\xdcAS\t\x9biZ^o\n\x17\xfc\xb1\x87\x9e\xf8\xf3\xcc\xbf\xd6?\x9e\x9c\x9c&lt;\xfa\xe6\xebSR\x92\x95RN\x18:\xd1\xff\x84\x93R2\xc6\xb2s\xb3vm\xff\xf2\xf9\xd9\xff\xf8\xd7ko\x1d&lt;p\xf0\x87\xdfV\x1d\xae.\xd9_\xf2\xe9\xc6\xcf\xe6\xffmQ\xaf~=~\xfaP\xc1\x90a\x83\xaa*\x03\to\xbe\xdb\xebWR\xa5\xa6y\xbf\xfb\xba\xf8\x8dW\xde|\xeb\xf5\xff\x14~\xbe\xfd\xa8\xdfVS]SVZ\xbe\xed\xb3/^z\xfe\xd5\x8b\xba\\x\xffo~z\xc5U\x97\x07\xaa\x12_\x7fC84\x00\x94R)\xde\x94`U\xf0\xc9\xe9\xb3^\x98\xffRMu\r\x11q\xc1\x85\x10\x8c\x98&lt;\x8c\x888\xe7Bp"&amp;\x95TR}\xf5\xe5\xbe_\x15\xfcf\xed\x07\x1f\xfda\xf6L\xc3cX\xa6\xe5\x90?f\x9bi\x9a\xfe,_\xf1\xb7\x07\xee\xbf\xfb\xc1\x0f\xdeY\xc59\xaf_I\xcc\xce\xcdrN\xa9\xe8\x7f\xc2)\xa5R\xd3R-\xd3\xfa\xf3S\x7f}v\xd6s\xf6I\x95\x10\xc2.XJec\x8cq\xce\x95R\x8a\x94\x94r\xe3\xc7\x9bo\xfc\xf1\xf8_\xce\xb8\xff\xde\x07\xee\n\x06\x82\t\x1c\x83\xdc^\xbfe\xc9L_\xfa\xcb\xcf\xbf\xf6\xc8/\x7fg\x17OD\x86\xc7\xe0\x8c\xdb\xa5*\xa9\x88\x881V\x7f1LI\xf5\xc5\x96\xc2[\xaf\x9b\xf4\xd0c\xbf\xbc\xebg\xb7\x07+\x83\x8eZ\xcb:*\'\x06\x80\x92*9%y\xef\xee\xaf\xc6]s[\xf17\xc5D$\x0c\xc1\x88Y\x96\x15\xb3b\xf5\xdf\xc69\'R\xf5#\x11\xe3\x8c\x141\xce\x84\x10\xffycY,f\xce~\xf1\xaf\x96i%\xec\xd7\xf8\xbf\x94TJ\xa9\xdc\xbc\x9c\x0fV\xac\xfe\xd9\x1d\xbf\xf8\xf6\xeb\xef\x0cCX\x964M\xf3\xd0\xa50\'\x95\x8a\xfe\'\x96R\xca0\x8c=\xbb\xf6&lt;&lt;u\xfa\xdaU\x1f\x13\x910\x04)RJ\xc5b\xb1\xef}\xb3}\xf9\xd1^\xc8\x12B(\xa5\x9e\x986\xd30\xc4\xdd?\xbf\xa3\xb2\xbc*!W\xb6\xdd^\xbfM)\xcak\x96\x17\xa8\nx&lt;\x1e"\x92R\x9a1\xf3(\xdfg\x11\x1d^\xf0\xb4G\xfc\xc7\x1ez"\xafY\xee\xe8\xf1\xa3\xaa*\xab\x1c\xbe\x16\xe4\xc4\x00`\x8c\xc5b\xb1f\xcd\xf3\x9a\xe5\xe7\xee\xffv\xbfa\x18\xa6i\xdaW\xe7\xdauh;\xe8\xd2\x01]zvn\xd1\xf2\xac\xd4\xb4T"\n\x06\x82;\x8bv\xbd\xfd\xefw\xd6\xadYOD\xa4\xc8\x94\xa6\xc7c\xbc\xf3\x9f\x95\x8b\xfe\xbex\xca}\x93*+*\x13\xfe\x1aX\x96\x95\x94\x94\xe4M\xf5&gt;;\xeb\xb9\xdf=\xfc\xa4eY\xc2\x10\x96%\x9dy\xc9\x11\xfdw\x02\xc3c\xfc\xfc\xce\x077\xaf\xff\xc4\xe3\xf1\x98\x96IJY\x96$\xa2v\x1d\xda\x0e\xbct\xc0E\x9d;\xe6\xe5\xe7y&lt;F0\x10\xfabK\xe1[\xff\xfc\xef\xde\xdd_1\xce,\xcb\xb23\xf8\xf1\xdf\xcc\xec=\xa0W\xd7\x1e\x9d\xab\xabk\x122\x8fv{\xfdB\xf0p(|\xd9\x95\x97\x0e\x1a:p\xcd{\x1f\xda\x0f\xe6\xe6\xe5\xf4\xea\xdf\xb3K\x8f\xce\xe7\xb69\xc7\xe7\xcf\x14BTW\xd7|\xb9s\xcf\xbbo\xbf\xff\xf1\x9auD\xa4,e\xefnz\xe4\x97\x8f\r\xbc\xb4\xbf?\xdbo\xc6LG\x9dY~\x8f\x13\x03\x80\x18Y\x96\x95\xe9\xcb|f\xde\x1f~r\xc9\xff\x04\xab\x82D4t\xf8\x90\tw\xdd\xda\xbb\x7fO\xfbj\xbbeY\xd2\x92D\xc4\x05\x1f2\xec\x92\tw\xdf\xfa\xe2\x82\x97\x1f\x9e:\xdd\x1e\xaa,K2\xc6\xfe\xfe\xcc\xdc\xebn\xbc69%\xd9\xb2d\x02_\x023ff\xfa3\x02U\xa1\x9f\xdd\xf1\x8b\x7f\xbd\xfa&amp;1\x12B\xd8\xf3\xcd\xa4\xe4\xa4h$\x9a\xb0\xca\x8e\x05\xfdO4;\x99~\xf3\xf8\x83c\xaf\xbe\xad\xb6\xa6VIe\x91\xea\xd6\xab\xeb]?\xbd\xfd\x92\xcb\x07e\xfa2\xa5\x92\xd2\x92D\x8a1~\xed\r#\xef}\xe0\xce\xdf?\xfa\xcc\xdf\xff4\x97s.\xa5$A\x96e\xfd\xe9\xa9\xbf,Z:7!\x19\xe7\xf6\xfa\x8f\xfc-n\xbbc\xfc\x9a\xf7&gt;\xec7\xb8\xef\xa8\x9b\xae\xbd\xe4\xf2Ag\xb5&lt;K\x08aY\x96RR)\xe2\x8c\x89\x91W\xdcQ0\xf9\xd5\x7f,}\xf0\xbe\x87#\xd1\xa8R\x8as^Q^\xf9\xcf\x97\xffu\xef\xfdwU\x94U:y{\xb1C\x97\xa88\xe7\xa1`\xa8\xfd\x85\x17&lt;\xf4\xe8/:tj\xbfp\xe9\x9c\xe7\xff9\x7f\xc8\xb0\xc1J\xa9\x8a\xb2\x8a\xaa\xca\xaap(\\SSSSS\x13\x0e\x85+\xca+BU\xa1\xc9wM\xf8\xd5o\x7f!\xa5d\x9cI)\x89\xb1\xe2o\xf7oZ\xf7\x897\xd5\xab\x12\xb7\xafC)\x95\x93\x97\xf3\xf9\xa7_\xfc\xcf\xb0\xd1\xffz\xf5M!\x84\xe0\xc2&gt;\xe7}\xf0\xd1\x07\xda\xb5oK\x87\xd6R\x9c\x05\xfdO,\xceyMuM\xdfA}\x1f\x7f\xe6Q\xcb\xb2\xbc\xde\x94iO&gt;\xb4t\xf9\x8bW];B)U^VQUQ\x15\x0c\x84B\x81p\xa0*PVZ\xae\x14=\xf6\xcc#c\'\xdc(\xa5\x14\x82\xdbW_\xd7\xbc\xb7v\xd7\xf6/\xbd\xde\x14\xd9\xe4\x83\xa8\xdb\xeb\xb7\t!\xaa\xab\xab{\x0f\xe8\xf5\xfa\xca\x97\x97\xbc\xb9\xe8\xa6\xdb\xc6\xf8\xb3\xfc\x81\xaa@EYE\xa0*\x10\n\x84\xc3\xa1p \x10*/\xab\x0cT\x05n\x9d|\xf3\x03\xd3\x7f\xa6\xa4\xe2\x9c\x11\x11cl\xd5\x8a5\xb1h\x8cq\xe7N\xff\xc9\xb1\x01@D\x86a\x04*\x03\xd7\x8e\xb9\xfa\xf5\x15/\x0f\xfb\xd1\xe5\xa1`(\x18\x08\x12\x910\x84})\xa9\x9ea\x18\\\xf0\x92\x83\x07o\xba\xed\x86s\xda\x9c#-\xc99\x17\x9c1\xc6\n\xb7\x15\x19\x1e#Q\x07\x90R\xca\x93\xe4Y\xb2\xf0\xe5QW\x8c\xd9Y\xb8\xcb^\t\xb1,+99\xf9\xcf\x0b\x9e\xbes\xea\x94\xaa\xca\xaa\x84\x14\xd6\x10\xe8\x7fb\t!\xca\xcb*\xfe\xe7\xc6k~\xfd\xf8\xaf\x16\xbd&gt;\xef\xde\x07\xee\x8e\xc6bU\x95\x01"2\x0c!\xec\x17Ap!\x84a\x18\xd2\x92\x81\xca\xc0}\x0f\xdc\x95\xe9\xcb\xb0WZ\x18g\x91\xba\xc8\xd6O?ONINH\x00\xbb\xbd~\x9b\x92*))\xa9g\x9f\x1e\x91\xbaHey\xa5i\x9aB\x88C\x7f\x02\x82\xdb; \xec_\xa7\xb4\xac\xf4\x7fn\xbc&amp;\'/\xc7\xae_)\xb5o\xef\xd7\x81\xaa\xa0a\x08\'\xaf4:7\x00l\xf6\xd5${O\xd5q\x96\x92\x19c\xd2\x92\xe9\x19\xe9\xdd{u\xa1\xc3\x17d\xec\xe9*\xa9\xc4\xbc5\xcf\xae\xe7\xdd\xb7\xdf\xff\xe9\x94\xfbkk\xeb8\xe7\xf6\xd2J\xab\xb3[.y\xeb\xf917__\xb2\xbf$\x12\x89\x12\x91"\xe7\x1e\x1f\xe8\x7f\x02\t\xc1\x83\x81\xe0\x1d\x05\x93\xfb\x0c\xe8U\xb2\xff c\xecX/\x01\x17&lt;\x12\x89\xb4h\xdd\xa2K\xf7\xceDtho\x13\xd1\xbe=_\xdb\x97U\x9b\xb4\xee\xc3\xdc^\xbfM)U]]\xcd\x18\x13\x868\xd6j&gt;cLJ\xe9\xf3\xf9\xce9\xaf5\x11\xd9G|8\x14\xae\xab\x8b0\xe7\x9d_\x1e\xc9\xd1\xc5\xd9\xa4\x94\r\xbc\x8a\xc8\x18\xf3g\xf9\x89\xa8~\xc8I\xe0\xe5\x17.xu\xb8z\xf0e\x03/\xb9l\x90RJ\x18\xc22\xad\x01C\xfa\xbd\xbe\xf2\x95\xde\xfd{\x96\x97U0\xc6\x0fm*p\xe8\xf8s\x08\xfa\x9f@\x9c\xf3@U\xa0\xa6\xa6\xd6h\xc0:\xb2a\x88\x96g\xb7 \xb2\xfb\xcf\x88(\x1c\n\x93\xfdF\xe7\x04q{\xfd\xb6\x86,\x12*E\xc4\x881N\x87\xcben\xb8-\x8a\x0b\x02\xa0\xa1Md\xa4\x94\n\x05C\xf6\xbf)"\xc6(\xafY.\xb1\x84\xfd\x81K\xa9\x92S\x92\x9f\x9e3\xb3e\xeb\x96\xb1h\xec\xb6;oY\xfc\xcf\xf9y\xcdr\x82UA\x8f\xc7\xa3\x94t\xda\x9bN\x8f\n\xfdO,{\xc1\xad\x81\xdf\xfc\xbd\xef4&lt;\x1e"Jl\xc4\xb9\xbd\xfe\x06Q$\x04\xaf\xa9\xae)\xd9_Bv\x18\x10\xf9\xfc\x99\xde\xd4\x14iI\x96\xe8\x00;\x0eG\xee\x02:%\x9c\xf3\xda\x9a\xdam[\n\x89HIe_\xc3\xefxqG3f\xf2\x04]\x87\xe1\x9c\xd5V\xd76o\x91\xff\xd4_~\xf7\xe5\xce/o\xff\xdfI\x81\xca\xa0%-{W\x80R\xe4\x82#\xbb\xc1\xd0\xff\x84\x93RU\x94W\x12\xd9\xabZ\x8a\x88r\xf3r\x94RN\x1e\x80\x8e\xe4\xde\xfa-\xcb\xca\xcc\xc8\\\xf3\xfe\xda\xef\xbe)\xae\xbf\x08\xdc\xa6\xedy\x99\xbe\xccP0\xe4\xc0]\x06\xf5\xce\x90\x00\x88Fcy\xcdr\xdeyk\xe5\x8e\xc2\x9d\xf6ew\xa5\xa8\xd59\xad\xba\xf7\xeeZS]\x93\xc0\x0b\xf1\xc2\x10\x81\xaa`\xffK\xfa\x0e\x196\xb8\xa2\xbc\xb2\xfe}\x8f\x89\xaa\'N\xd0\xff\x84\x13BT\x87\xab\xbf\xdc\xb1\x87\x88\xec7\xd9\x12Q\xdb\x0b\xda\x98\xa6E\x8e_\x88 7\xd7/\xa5\x14\x860c\xe6\xef\x1f\xfd\xa3R\xca^\x05RJ\r\xbb\xear!\x84\x92\xca\xc9\xeb,\x0e.\xed\x07\x94:td\xd4\xb37\xa4\x9b\xa6\x95\x93\x9b]\xfc\xed\xfe\x19\xbf|\x8cH1b\xf6\x85\xa3)\xf7M\xcc\xce\xc96M3\xb13\x08\xcey]m\x9d}\x1d\xd5\xf9k\x82\xc7\x81\xfe;\x96\x942\xc5\x9b\xb2\xb3p\xe7\x9e\xdd{\x19c\xf6\x10\x9a\x95\x93\xd5\xf1\xe2\x0euuu\x89:\x03k8\xf7\xd6o\xef[\xcd\xc8H\xff\xe5}\x0fmZ\xb7\xd9\x9e\xec[\x96u\xde\xf9\xe7\x8e\x1c\xf5\xe3P0\xc4\x13\xfd.\xc8\xe3sS\x00p\xce\xea\xb7\x1e\n!\x0c\x8f\xe1M\xf5fe\xfb\xfdY\xbe\x8fV\xaf\xbb\xe1G\xe3\xbe\xdc\xb9\x87s\xc19\x8f\xc5b\xc3\xae\xba\xec\xe6\xc9c\x03U\x81\x84\xbf\r\x95\x0e\xdd0\'\xf1e\x9c&amp;\xf4\xdf\xb1\xa4%SR\x92_Z\xfc\x9aeY\x9cs{\xe7\xc9\x90\xcb\x07\xb7l\xdd"\x1a\x89:?\xf6\\Z\xbf\xfd\x0esOR\xd2}\x93~\xf6\xd2\xa2W\x85\x10\xf5;\xca\x1e\xfd\xc3\xf4L_\x86i\x9aN\xad\xfd\x107-\x01\x99\xa6Y\xbf#@Z\xb2\xae.r\xb0\xe4`\xd1\xe7\xdb\x97\xbf\xb9\xe2\x9d\xff\xac$"\xc3c\xd8\xfb:F\x8c\xbc\xe2\x8fsf\xfd\xf0\xae#p:\xd0\x7fg\xb27\xbcn\xf9\xe4\xf3\xd7^x\xdd\xde\x8fh\xaft\x8d\x9f|S\xcc\xd9\xf7!\xb0\xb9\xb4~\xd34323*\xcb+\xef\x9b\xf8\xd3U+\xd7\xd4oW\x95R&gt;\xf6\xc7G.\x1b1$\xb172j \x17\x04\x80\xbd\x15=\x14\x0c\xdd6jJ\xa0*\xc08SJ\x99\xa6\x15\x0e\x85\x03\x95\x81#7r\x981\xf3\xac\x96g\xdd9u\xf2\xcdS\xc6\xc5b13\xe6\xc4\xdb\x11\xbb\x0e\xfa\xefp\x8c\x11\xe3l\xfa\x03\x8f\xd6\xd5\xd6\xd9\xcb\\\x96e]}\xfd\x8f\xfb\x0e\xec]U\xe9\x883\xb0\xe3sc\xfd\xa6i\xf9\xb3\xfc_l)\xbc\xf3\xe6{\xbf\xdc\xb9\xc7\x9e\xfbK)9\xe7O\xfe\xe5\xb1\x9b\'\x8f\xab(\xafp\xfe\xe8O\xae\x08\x00""FR\xca\x9d\xdbw\xd9\xf7%&gt;\x92\x10\x82\x18\t.\x06_&gt;h\xd4M\xd7\x8c\x189\xdc\x97\xe1\xdb\xbf\x7f?\xb1C7 \x84F\x80\xfe;\x95i\x9ay\xcd\xf2~\xf7\xf0\x13\x1f\xadZ\'\x84\xb0o\xca\xed\xcf\xf6\xffb\xc6\xfdu\xb5\x11\xc7N\x9f\xeb\xb9\xb1~\xcb\xb4\xfc\xfe\xccuk\xd6O\x1csGU\xc5\xa1\xfb}JK\xfa\xb3|\x7f\x9c3k\xc4\xd5\xc3+\xca*\x9c\x99[?\xe4\x92\x00 "\xa2\xd4\xb4T{A\xf0\xf0.\x8eC\xeb\x11\xf6\xc5\xc8=\xbb\xf6\xbc\xfe\xe2\xbf\xb6\x17\xee\x1cr\xd9\xe0\x1e}\xbb\x9b\xa6Y[S\xeb\x96\x97\xc1\x15\xd0\x7f\xa71cfn\xb3\x9c\x97\x9e\x7f\xe5\x8fO&lt;+\x84\x90Rr\xc1-\xd3\x9a1\xf3\xd7\xe7\x9d\x7f\x8e\xf3\x97 \xdcX\xbf\x942-#m\xdb\xd6\xc2\xdb\xae\x9fR\xff\xc9_\x96eu\xb8\xa8\xfd_\x16=\xd3\xb1S\x87\xf2\xd2r\xc3p\xcd\xb8\xea\x9a3t\xa5T8\x186M3\x16\x8b\x99\x87X\x87\xfe\xcf\x92\xa6i\xed\xd9\xb5\xf7\x9d\xff\xac\xfc\xe3\xef\xfe\xfc?\xc3n\x98r\xd3]_}\xb9/\xd3\x97i\xdf\xf6\x0bN\x1f\xfa\xef4f\xcc\xcc\xce\xcdzo\xf9\x07\xf7\xdf\xf9 \xe7\xcc~\xc3\xb6eZ\x13\xef\xbem\xf4\xf8Q\xce\x1c=\x8f\xe4\xca\xfa\x15q\xce#u\x91\x82I?\x0f\x06\x82\xc2\x10\x8a\x94eY\xfd/\xe9\xf7\xea\xf2%\xed:\x9c_Y^\xe9\xa2\xd1\x9f\\q\x06`\xdfg&amp;5-u\xfe\xab\x7f\x8f\xc5LF\xa4\x88L\xd3\xac\x0eU\x97\x1e,\xdb\xb7\xf7\xebm\x9fm\xdb\xfa\xe96{\xc5\x99sn\x9a\xe6\xdb\xffZ\xfe\xf1\x9a\xf5\x7fY\xf8\xcc\x90\xcb\x07\x05\xdc\xf3\xf9\x9c\xce\x84\xfe;\x90\x193\xfd\xd9\xfe\xcd\xeb?\xbdc\xdc=\x91H\x84s&amp;\x047Ms\xc4\xc8+\xa6=\xf9P\xc0\xa9K\xe7\xf5\\Z\xbf%\xad\xac\xec\xac\x05\x7f[T\xb4m\xbb0\x84\x92JJ\xd9op\xdfEK\xe7\n!\xc2\xc1j\xc3\xe3\x82\x11\xf5H\xee(\xd7\xbe\x0e9\xf8\xb2\x81G\xac\t2{\xab\x00\x91\xaa\xad\xa9\xdb\xb3{\xef\xcb\xcf\xbf:\xff\xaf\x8b\xec\x0fx\x12\x82WUTM\xb9\xe9\xae7\xde{\xb5]\x87\xb6\xb55\xb5\xb8\x1ay:\xd0\x7fG1M\xd3\x97\xe5+\xda\xb6\xfd\xb6\xeb\xa7\x04\xaa\x82\xf6\xe7Z\x9a\xa6\xd5w`\xef?\xcf\xffC\xa4.\xa2\x94r\xf2]\x88\xdd[?c,\x1a\x8d\xfe\xfb\xb5\xb7\x18c\x8c1\xa9d\x8bVg\xfde\xe1\x1f\r\x8fQ[S\xeb\xc4S\x96\x13q\xcd\x9f\xa5R*\x14\x08\x07\xaa\x82\x87\xff\x17\xa8\xaa\xac\xaa(\xab\xa8(\xab\x8c\xd4E\xda\xb4;\xef\xb1?&gt;\xb2\xf0\xb59\x19\x99\x19\x8c1\xcb\x92\x86aT\x87\xab\x1f\xf9\xe5c\x18z\x1a\x05\xfa\xef\x10\xa6ifff~\xb9\xf3\xcb\x9b\xaf\x9dPZR\xca9g\x9c\x99\xa6\xd5\xa5G\xe7\xb9/=\xc7\x850MGo\xbero\xfd\xf6\xdd\xc5\xcb\x0e\x96\xed\xda\xbe[)e\x7f\xc2\xe5\xa4{&amp;\xb4:\xbbeu\xb8\xda\x99\xa7,\'\xe4\xc4F\x1f\x8b}\xf7\xf0\xff\xc3\x10\xc2\x10\x8c\xb3\xba\xda\xba\x03\xc5\x07~t\xf5\x88_\xfd\xf6\x01\xfb3I,\xcb\xe4\x9c\x7f\xf8\xfeG\x9fm\xdc\x92\x9a\x96\xea\x8a\xdb~9\x1c\xfa\x9fp\xa6ifff|\xb5w\xdf\xb8\xabo+\xfev\xbf\x10\x82qf\x99V\xa7.\x17-Z:7-=-R\x17q\xe6\xe8isu\xfdJ)C\x18\x15e\x15\xc1@\x88\x88,\xcb\x12B\xf4\x1b\xd4\xa7\xa6\xda\xc5\x9b\x1d\x1c\xda\xeb\x93\xc59\xf7x&lt;\xa5\xa5eW_\xff\x93\x96\xad[HK2\xc6\xec\x1d\xeb\xeb\xd6\xaeOII\x96\x12\x1b\x12\xe3\x08\xfdo\x02\xa6ied\xa4\x7f\xf3\xf5\xb7\xe3\xaf\xbe\xed\x9b}\xdf\xda\x1bp-\xd3\xba\xb8k\xa7\xc5o\xcc\xf7e\xf9jk\x1d=\x12\xb9\xbd~"b\x9c\xd5\xd6F\xec\xa1\x9f1\x96\x9e\x99\x9e\x9d\x9bmY\x963\xb7\xab6\xc4\x19\x12\x00Dd\xbf\x7f$\xd3\x97\xd9\xb1S\x07\xa2C7\xe6&amp;\xa2\xbd\xbb\xbf\x92R\xb9\xf6\x05r\r\xf4?\xae,\xd3J\xcfH+\xfe\xee\xc0\xb8\xabo\xfbj\xcf\xbe\xfa\xd1\xb3k\x8f.\xff\xf8\xf7B\x7f\xb6\xdf\xe1\x9bn\xdd^\xbf\x8d\x11Y\x96u\xe83\xb1\xa5\x8c\xd4F\xec\x8d@\x89\xae\xeb\xd4\xb9\xe3"p\xc3q\xce\xd23\xd2\x0f\xfd\x8b""\n\x87\xab\x13\xf8\x91r\xbaA\xff\xe3\xc1\xb2\xac\xd4\xf4\xd4\x83\x07\x0e\x8e\xbf\xe6\xb6=\xbb\xf6\xd6\x8f\x9e\xddzu]\xf4\xfa\xdc\x8c\xcc\x0c\x87\x8f\x9en\xaf\xdf\xc6\x18\x8bD\xa2\xe7\xb69{\xd1\xeb\xf3\xec\xbdp\x1e\x8f\x91\x9a\xea\xb5\xcfw\x13]\xdd):\xc3\x02\x80I\xa9\xc2\xa1\xf0\x91\x0f%\'%9\xfcv\xb2g\x10\xf4\xbf\xf1Y\x96\x95\x9a\x9aZ^Z&gt;\xfe\x9a\t\xbb\xb6\xef\xae\x1f=\xbb\xf7\xee\xb6h\xe9\xdc\xf4\x8ct\x87\x8f\x9en\xaf\xbf\x9e}\x9f\xa2\xf4\x8c\xf4\xcb\xaf\xbc\xd4~D)US]\xeb\xea\xbb\x8b\x9fQ\x01 \x04\x0f\x87\xaa\xbf\xdcy\xe8\x96\xe2\x9c3\xc6X\xfeY\xcd\x84\xe0n~\x8d\\\x03\xfdot\x96eyS\xbdU\x95U7_;a\xfb\x17;\xeaG\xcf\x1e}\xba-Z:/-=\xcd\xe1\xeb\xe6n\xaf\xff\x87\xa4%++\x02\xf6I-\xe3\xccs\xe83\xcb\xdc\xca\xd1\x01`_]i\xe0\xae\x00\xd34}~\xdf\x9a\xf7&gt;\xfcj\xcf&gt;\xfb\x8d\x85D\\)ua\xe7\x0b-Kb\x0ez\n\xd0\xff\xc4\xb2,\xcb\xeb\xf5\x06\x03\xa1\xf1\xd7N\xf8bk\x91\xbd\xcd\xdc2\xad\x9e}{,\\:\'--\xd5\xe1\xa3\xa7\xdb\xeb?*\xa9dFfzrJ2#\x16\x8bE\xc3\xa1jJ\xe8g_\x9f&amp;G\x07\x80?\xcb\x17\x8d\xc6jkj\x95T\x8c\xdb\xef\xbd8J\xa3\x95R\x96i%\xa7$\x9b\xa6\xf9\xfb\xdf&gt;\xa3\x94\xe2\x9c3FJ)\x9f?\xb3W\xdf\x1ex#\xd2\xa9A\xff\x13\xc8\xb2\xac\x94\x94\x94p\xb8\xfa\xd6\xff\x99\xf8\xf9\xa7\xdb\x84\x10\xd2\x92J\xa9n\xbd\xba\xce{\xe5\xef\xc9\xc9\xc9\xe1P\xb50\x84i\x1e\xf3f\x1b\xec\xf0\'3\'d\x90u{\xfdG\xa5\x94JOO\xfbd\xc3g\x1f\xadY\x17\xa9\x8bt\xeb\xd5\xf5\x92\xcb\x06E\xa3Q%\x95\xe3?\xb6\xf2\xe8\x9c\x18\x00\xd2\x92\xbe\xac\xccg\x9e\xfcKiI\xd9\xcd\x93oj\xd3\xb6MR\xb2\'\x1a\x8dE#Q\xd34\xbf\xb7\xa3\x9cs\xeeI\xf2\xf8\xb</t>
        </is>
      </c>
    </row>
    <row r="87">
      <c r="A87" s="1" t="n">
        <v>85</v>
      </c>
      <c r="B87" t="inlineStr">
        <is>
          <t>color_overlap_squares</t>
        </is>
      </c>
      <c r="C87" t="inlineStr">
        <is>
          <t>What is the missing color of the part denoted with a question mark?</t>
        </is>
      </c>
      <c r="D87" t="inlineStr">
        <is>
          <t>['red', 'orange', 'green', 'yellow']</t>
        </is>
      </c>
      <c r="E87" t="inlineStr">
        <is>
          <t>red</t>
        </is>
      </c>
      <c r="F87" t="inlineStr">
        <is>
          <t>There are 3 squares which overlap each other in the image. The color of the squares are ['?', 'yellow', 'blue']. The part where the first and second squares overlap is orange. The part where the second and third squares overlap is green.</t>
        </is>
      </c>
      <c r="G87" t="inlineStr">
        <is>
          <t>We observe that the yellow and blue squares overlap to form green. Hence, the pattern is that the color of the part where two squares overlap is determined by mixing the two colors.</t>
        </is>
      </c>
      <c r="H87" t="inlineStr">
        <is>
          <t>Based on the pattern that the color of the part where two squares overlap is determined by mixing the two colors, the missing color of the part which overlaps with yellow to form orange should be red.</t>
        </is>
      </c>
      <c r="I87" t="inlineStr">
        <is>
          <t>b'\x89PNG\r\n\x1a\n\x00\x00\x00\rIHDR\x00\x00\x02\x00\x00\x00\x02\x00\x08\x02\x00\x00\x00{\x1aC\xad\x00\x00!;IDATx\x9c\xed\xdd}\x90]e\x81\xe7\xf1\xe7\xbc\xdc{\xbbo7I7\xd9\xc4\x9a\x9dhYH9U*\x1bX\x08(Z!3@\x85PZf\xcba\xdd\x1d\xb3YKMB\t\x86\xd9\xb2DQ\xf6\x0fF\x0cSc\xcd\x14\x89\x82$)\\L`\x17\x9dr\xdd\xb1\xa6Bekd$\xeaJL\x02\xf2\x16\x17g\xc6q#\x96\x1bB\xe8$\xfdr\xfb\xde{\xcey\xe6\x8f\x07\x9a\xa6\xd3\xdd\xb9/\xcf9\xe7y\xf9~\xfe\xb0\x98\x18+g\xc8s~\xdf\xbe/\xdd7\x90R\n\x00\x80\x7f\xc2\xb2/\x00\x00P\x0e\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93\xa6\xa9\x94\xb2\xec\xab@q\x02\xfe\xbe\x01\x08!\xa4\x94A\x10\xcc\xfe\x078\x8fG\x00\x80\xef\xa4\x94j\xf4\xb7o\xdf~\xe2\xc4\x89 \x08\xb2,+\xfb\xa2P\x04\x02\x00xMJ\x99eY\x10\x047\xdf|\xf3\x97\xbe\xf4\xa5\x0f\x7f\xf8\xc3ccca\x18\xd2\x00\x1f\x10\x00\xc0_j\xfd\xa3(\xda\xb2e\xcb\xae]\xbb\x06\x07\xeb\x87\x0e\x1dZ\xb7n\x1d\r\xf0\x04\x01\x00&lt;5{\xfd\xf7\xec\xd9S\xad\xd6\x1a\x8d\xa98\x8e\x0f\x1f&gt;L\x03&lt;A\x00\x00\x1f\x9d\xbb\xfe\xadVs\xe5\xbb\xaeJ\xd2\x94\x06\xf8\x83\x00\x00\xde\x99\xb3\xfe\xb5\x81\xc1V\xab\xf9\xee\xb57\xfd\xa7\xbf&lt;p\xdd\xe6\xaf$IR\xad\xd6h\x80\x0f\x08\x00\xe0\x97s\xd7\xbf9\xddx\xcf\x1f}\xf4\xc6\xff\xf2\xb5\xc9\xd3/_\xfe\xe1\xad\xd7m\xd9\xdej5i\x80\x0f\x08\x00\xe0\x91\x85\xd6\x7f\xfdm;Z\x8d\t!\xc4\xd4\xe9\x93Wl\xb8\x99\x06x\x82\x00\x00\xbeX|\xfd\xa5\xcc\x82 \x0c\xa3xr\xece\x1a\xe0\t\x02\x00x\xa1\x93\xf5W\xbf\x93\x06\xf8\x83\x00\x00\xee\xeb|\xfd\x15\x1a\xe0\t\x02\x008\xae\xdb\xf5Wh\x80\x0f\x08\x00\xe0\xb2\xde\xd6_\xa1\x01\xce#\x00\x80\xb3\xfaY\x7f\x85\x06\xb8\x8d\x00\x00n\xea\x7f\xfd\x15\x1a\xe00\x02\x008H\xd7\xfa+4\xc0U\x04\x00p\x8d\xde\xf5Wh\x80\x93\x08\x00\xe0\x94&lt;\xd6_\xa1\x01\xee!\x00\x80;\xf2[\x7f\x85\x068\x86\x00\x00\x8e\xc8{\xfd\x15\x1a\xe0\x12\x02\x00\xb8\xa0\x98\xf5Wh\x803\x08\x00`\xbd"\xd7_\xa1\x01n \x00\x80\xdd\x8a_\x7f\x85\x068\x80\x00\x00\x16+k\xfd\x15\x1a`;\x02\x00\xd8\xaa\xdc\xf5Wh\x80\xd5\x08\x00`%\x13\xd6_\xa1\x01\xf6"\x00\x80}\xccY\x7f\x85\x06X\x8a\x00\x00\x961m\xfd\x15\x1a`#\x02\x00\xd8\xc4\xcc\xf5Wh\x80u\x08\x00`\r\x93\xd7_\xa1\x01v!\x00\x80\x1d\xcc_\x7f\x85\x06X\xc4\x88\x13\x03`q\xb6\xac\xbfB\x03la\xd0\xa1\x010/\xbb\xd6_\xa1\x01V0\xee\xdc\x00\x98\xcd\xc6\xf5Wh\x80\xf9\x0c=:\x00\x84\xcd\xeb\xaf\xd0\x00\xc3\x19}z\x00\x9f\xd9\xbe\xfe\n\r0\x99\x05\x07\x08\xf0\x90\x1b\xeb\xaf\xd0\x00cYs\x86\x00\x7f\xb8\xb4\xfe\n\r0\x93e\xc7\x08p\x9e{\xeb\xaf\xd0\x00\x03Yy\x92\x00W\xb9\xba\xfe\n\r0\x8d\xc5\x87\tp\x8c\xdb\xeb\xaf\xd0\x00\xa3X\x7f\x9e\x007\xf8\xb0\xfe\n\r0\x87#G\n\xb0\x9a?\xeb\xaf\xd0\x00C8u\xaa\x00\x1b\xf9\xb6\xfe\n\r0\x81\x83\x07\x0b\xb0\x88\x9f\xeb\xaf\xd0\x80\xd29{\xb6\x00\xf3\xf9\xbc\xfe\n\r(\x97\xe3\xc7\x0b0\x16\xeb\xaf\xd0\x80\x12yq\xc2\x00\xd3\xb0\xfe\xb3\xd1\x80\xb2xt\xc8\x00C\xb0\xfe\xe7\xa2\x01\xa5\xf0\xee\x9c\x01\xe5b\xfd\x17B\x03\x8a\xe7\xe9Q\x03J\xc1\xfa/\x8e\x06\x14\xcc\xeb\xd3\x06\x14\x89\xf5\xef\x04\r(\x12\x07\x0e(\x02\xeb\xdf9\x1aP\x18\xce\x1c\x90;\xd6\xbf[4\xa0\x18\x1c; _\xac\x7foh@\x018y@\x8eX\xff~\xd0\x80\xbcq\xf8\x80\xbc\xb0\xfe\xfd\xa3\x01\xb9\xe2\xfc\x01\xb9`\xfdu\xa1\x01\xf9\xe1\x08\x02\xfa\xb1\xfez\xd1\x80\x9cp\n\x01\xcdX\xff&lt;\xd0\x80&lt;p\x10\x01\x9dX\xff\xfc\xd0\x00\xed8\x8b\x806\xac\x7f\xdeh\x80^\x1cG@\x0f\xd6\xbf\x184@#N$\xa0\x01\xeb_$\x1a\xa0\x0b\x87\x12\xe8\x17\xeb_&lt;\x1a\xa0\x05\xe7\x12\xe8\x0b\xeb_\x16\x1a\xd0?\x8e&amp;\xd0;\xd6\xbf\\4\xa0O\x9cN\xa0G\xac\xbf\th@?8\xa0@/X\x7fs\xd0\x80\x9eqF\x81\xae\xb1\xfe\xa6\xa1\x01\xbd\xe1\x98\x02\xdda\xfd\xcdD\x03z\xc0I\x05\xba\xc0\xfa\x9b\x8c\x06t\x8b\xc3\nt\x8a\xf57\x1f\r\xe8\n\xe7\x15\xe8\x08\xebo\x0b\x1a\xd09\x8e,p~\xac\xbf]h@\x878\xb5\xc0y\xb0\xfe6\xa2\x01\x9d\xe0\xe0\x02\x8ba\xfd\xedE\x03\xce\x8b\xb3\x0b,\x88\xf5\xb7\x1d\rX\x1c\xc7\x17\x98\x1f\xeb\xef\x06\x1a\xb0\x08N00\x0f\xd6\xdf%4`!\x1cb`.\xd6\xdf=4`^\x9cc\xe0MX\x7fW\xd1\x80sq\x94\x817\xb0\xfen\xa3\x01sp\x9a\x81\xd7\xb0\xfe&gt;\xa0\x01\xb3q\xa0\x01!X\x7f\x9f\xd0\x80\x19\x9ci\x80\xf5\xf7\x0e\rP8\xd6\xf0\x1d\xeb\xef\'\x1a \x08\x00&lt;\xc7\xfa\xfb\x8c\x06p\xb8\xe1/\xd6\x1f\x9e7\x80\xf3\rO\xb1\xfeP|n\x00G\x1c&gt;b\xfd1\x9b\xb7\r\xe0\x94\xc3;\xac?\xce\xe5g\x038\xe8\xf0\x0b\xeb\x8f\x85x\xd8\x00\xce:&lt;\xc2\xfacq\xbe5\x80\xe3\x0e_\xb0\xfe\xe8\x84W\r\xe0\xc4\xc3\x0b\xac?:\xe7O\x038\xf4p\x1f\xeb\x8fny\xd2\x00\xce=\x1c\xc7\xfa\xa37&gt;4\x80\xa3\x0f\x97\xb1\xfe\xe8\x87\xf3\r\xe0\xf4\xc3Y\xac?\xfa\xe7v\x03\xb8\x01\xe0&amp;\xd6\x1f\xba8\xdc\x00\xee\x018\x88\xf5\x87^\xae6\x80\xdb\x00\xaea\xfd\x91\x07\'\x1b\xc0\x9d\x00\xa7\xb0\xfe\xc8\x8f{\r\xe0f\x80;X\x7f\xe4\xcd\xb1\x06p?\xc0\x11\xac?\x8a\xe1R\x03\xb8%\xe0\x02\xd6\x1fEr\xa6\x01\xdc\x15\xb0\x1e\xeb\x8f\xe2\xb9\xd1\x00n\x0c\xd8\x8d\xf5GY\x1ch\x00\xf7\x06,\xc6\xfa\xa3\\\xb67\x80\xdb\x03\xb6b\xfda\x02\xab\x1b\xc0\x1d\x02+\xb1\xfe0\x87\xbd\r\xe0&amp;\x81}X\x7f\x98\xc6\xd2\x06p\x9f\xc02\xac?\xccdc\x03\xb8U`\x13\xd6\x1f&amp;\xb3\xae\x01\xdc-\xb0\x06\xeb\x0f\xf3\xd9\xd5\x00n\x18\xd8\x81\xf5\x87-,j\x00\xf7\x0c,\xc0\xfa\xc3.\xb64\x80\xdb\x06\xa6c\xfda#+\x1a\xc0\x9d\x03\xa3\xb1\xfe\xb0\x97\xf9\r\xe0\xe6\x81\xb9X\x7f\xd8\xce\xf0\x06p\xff\xc0P\xac?\xdc`r\x03\xb8\x85`"\xd6\x1f.1\xb6\x01\xdcE0\x0e\xeb\x0f\xf7\x98\xd9\x00n$\x98\x85\xf5\x87\xab\x0cl\x00\xf7\x12\x0c\xb2\xc0\xfa\xff{\xd6\x1fn0\xad\x01\x81\x94\xb2\xe0?\x12%*\xfd]\x07\x8b\x90R\x06A\x10\x86\xa1Z\xffj\xb5\xdaj\xb5\xde\xfd\x877\xad\xbfmGkjB\xca,\x08C\xc1i\xcdU Hl\x01\xb24\x19\x1a]q\xe4\x7f=\xf0w\xbb\xbf\x18\xc7q\x92$\xabW\xaf&gt;p\xe0\xc0\xe8\xe8\xa8\xba\x0b\n\xbb\x12\x02\x00\xb3\xbc\xbe\xfe\xb5v\xd2\xbe\xf4\x86\xff\xfc\xa6\xf5G~\xa4\x10\x81\x90Y\x9a\xb4\x9ae_\x8a\x17\xb24\xa9\x8f,?\xfa7\xbb\x9e\xd8{\xb7\xc8\x92v\xab\xf5\xde\xf7\xbe\xf7\xdb\xdf\xfe\xf6\xca\x95+\x83 (\xac\x01\x04\xc0\x17\xea+\x8b\xcf~\xf6\xb3O?\xfdt\x14Ei\x9a\x96}Es\x05Ap\xe6\xcc\x99\xa3G\x8f\xaa\xcb\x0b\xc2\xe8\xad\xef~\xaf\x94Rfi\x10\x84\x92/\xfe\xf3\x14\x84\x91\xcc\xd2\xe5o\x7f\xd7\x1f}\xf2\xaevs\xba\xc8/B\xfd$e&amp;\xa4\x18\x1a]\xb1\xef\xb3\xeb^:vhp\xb0\xdehL}\xf9\xcb_\xbe\xf3\xce;\xd34\x8d\xa2\xa8\x98\xcb\x88\x8b\xf9cP:\x15\x80\x9f\xfc\xe4\'\x87\x0e\x1d*\xfbZ\x16S\xab\xc6i\x96\xc5Q\x98\xa4\xe9\xf1\xe7~R\xf6\xe5\xf8%i6\x820\x16R\n\x02\x90\'\xf5jV\xb5&gt;\xfc\xfd\xbf\xd8\xfc\xd2\xb1C\xd5j\xad\xd1\x98\xda\xbau\xeb\x1dw\xdc\xa1^\x03+\xecJ\x08\x80_\x86\x87\x87\xa3(\x8a\xa2\xa8\xd5j\x95}-\xf3k\xb6\x12\xf5\x0fA \x82 \x94"\x10BJ\x83_\xbapC\x18We\x96V\x06\x86\x04\x8f\xb4r\xf6\xda\xfa\x0f\x0e?\xb6\xe3\xb6\x17\xfe\xfe\xaf\xab\xd5Z\xab\xd5\xdc\xbcy\xf3\x03\x0f&lt;P\xfc\xf31\x04\xc0/Y\x96\xa5i*\xa5\\{\xd5\xbf^\xbb\xe6\xad\xd9T;\x0c\xcd\xfaZOJ!\xe2\xf0\xd4\xa9\xc6\xd7\xf7=/\x84\x0c\x02)\x82`\xcdMW\x8e\xfc\xab\x0b\xa6\xa7ZQ\x14J!\x03a\xd65\xdb+\x93\xb26X9\xf6\xd3\x7f\xfa\xc7\x9f\x1f\x972\x93\x92\xd0\xe6k\xf6\xfa?\xff\xf8\xb7\xd5\xfb\xdc6o\xde\xbc{\xf7\xee4M\xc30,\xf8\xc97\x02\xe0\xa3,\xcbn\\\xf3\xd6\xcfm\xbfF\xbc&lt;%b\xf3^\\\x95R\xd4\xe2\x7f\xf3\x07\x17n\xb9\xf3`\x14\x85Y&amp;O\x1e?\xf5\'\x9f\xff`\xfd\x82\x81f\xa3\x1dF!_\xa5\xea\x92\xa6\xd9\xd2e\xc3\xff}\xfb\xdf\xfe\xc3\xd3\xbf.\xfbZ\xdcg\xda\xfa\x0b\x02\xe0\xad\x89\xa9v\xf2\xf2T\xf2\xcaTl`\x00\x84\xc8\xa4\xd8\xbc\xf5R!\xc4\x96;\x0f\xc6qx\xec\xd0?\xfd\xd9\x7f\xb8\xefO\xef\xffx\xfd\x82\x81fC=\x0e\x80\x06Y\x9a\t)\x9a\rC\x9f\x0ft\x89\x81\xeb/\x08\x80\xb7\xc20\x88\xe3P\xc4\xa1\x99\x01\x10B$/O\xcd4\xa0R\x8d~\xfb\x8f\'\xbe\xb6m\xef\x9f\xde\xf7F\x03\xca\xbe@GDq\x18\x18\xf64\xa0{\xcc\\\x7f\xc1w\x02\xc3Xq\x1c\xaa\x06\xec\xbe{M\xbb\x95V\xaa\xd1\xf1\xff\xfb\xbb{oyhj|\xba6X\xcdR\x9e\xad\x86\x1d\x8c]\x7fA\x00`2\x1a\x00\xdb\x99\xbc\xfe\x82\x00\xc0p4\x00\xf62|\xfd\x05\x01\x80\xf9h\x00ld\xfe\xfa\x0b\x02\x00+\xd0\x00\xd8\xc5\x8a\xf5\x17\x04\x00\xb6\xa0\x01\xb0\x85-\xeb/\x08\x00,B\x03`&gt;\x8b\xd6_\x10\x00\xd8\x85\x06\xc0dv\xad\xbf \x00\xb0\x0e\r\x80\x99\xac[\x7fA\x00`#\x1a\x00\xd3\xd8\xb8\xfe\x82\x00\xc0R4\x00\xe6\xb0t\xfd\x05\x01\x80\xbdh\x00L`\xef\xfa\x0b\x02\x00\xab\xd1\x00\x94\xcb\xea\xf5\x17\x04\x00\xb6\xa3\x01(\x8b\xed\xeb/\x08\x00\x1c@\x03P&lt;\x07\xd6_\x10\x00\xb8\x81\x06\xa0Hn\xac\xbf \x00p\x06\r@1\x9cY\x7fA\x00\xe0\x12\x1a\x80\xbc\xb9\xb4\xfe\x82\x00\xc014\x00\xf9ql\xfd\x05\x01\x80{h\x00\xf2\xe0\xde\xfa\x0b\x02\x00\'\xd1\x00\xe8\xe5\xe4\xfa\x0b\x02\x00W\xd1\x00\xe8\xe2\xea\xfa\x0b\x02\x00\x87\xd1\x00\xf4\xcf\xe1\xf5\x17\x04\x00n\xa3\x01\xe8\x87\xdb\xeb/\x08\x00\x9cG\x03\xd0\x1b\xe7\xd7_\x10\x00\xf8\x80\x06\xa0[&gt;\xac\xbf \x00\xf0\x04\r@\xe7&lt;Y\x7fA\x00\xe0\x0f\x1a\x80N\xf8\xb3\xfe\x82\x00\xc0+4\x00\x8b\xf3j\xfd\x05\x01\x80oh\x00\x16\xe2\xdb\xfa\x0b\x02\x00\x0f\xd1\x00\x9c\xcb\xc3\xf5\x17\x04\x00~\xa2\x01\x98\xcd\xcf\xf5\x17\x04\x00\xde\xa2\x01P\xbc]\x7fA\x00\xe03\x1a\x00\x9f\xd7_\x10\x00x\x8e\x06\xf8\xcc\xf3\xf5\x17\x04\x00\xa0\x01~b\xfd\x05\x01\x00\x04\r\xf0\x0f\xeb\xaf\x10\x00@\x08\x1a\xe0\x13\xd6\x7f\x06\x01\x00^C\x03|\xc0\xfa\xcfF\x00\x807\xd0\x00\xb7\xb1\xfes\x10\x00\xe0Mh\x80\xabX\xffs\x11\x00`.\x1a\xe0\x1e\xd6\x7f^\x04\x00\x98\x07\rp\t\xeb\xbf\x10\x02\x00\xcc\x8f\x06\xb8\x81\xf5_\x04\x01\xf0\x8b\x94\xb2\xecK\xb0\t\r\xb0\x1d\xeb\xbf8\x02\xe0\x0b)\xa5\x942\x8e\xe3\xb2/\xc424\xc0^\xac\xffy\x11\x00/H)\x83 \x08\x82\xe0\xf4\xe9\xd3\xbe\x1f\xf9\xee\xd1\x00\x1b\xb1\xfe\x9d \x00\xee\x93RfY\x16\x86\xe1\x96-[\x8e\x1c9R\xa9\xc6B\x08\x9e\n\xea\n\r\xb0\x0b\xeb\xdf!\x02\xe08\xb5\xfeQ\x14m\xd9\xb2e\xcf\x9e=Q\x14eY&amp;\x84\xa8\xc4aF\x04\xbaA\x03l\xc1\xfaw\x8e\x00\xb8l\xce\xfaW\xab\xd54M\xd5\x7f\xf5\xf2\xa9FX\x8bi@Wh\x80\xf9X\xff\xae\x10\x00g\xcdY\xffZ\xad\xd6j\xb5\xc20L\x92,\x0c\x83\xfb\xff\xc7\xb1=_?Z}\xcbp\x920[]\xa0\x01&amp;c\xfd\xbbE\x00\xdc4g\xfd\x07\x07\x07\x9b\xcd\xe6\xcd7\xdf\xbcf\xcd\x1a!D\x10\x84i*\xb7\xfc\xd7\x83{v=\x1d\xaf\xa8\xd3\x80\xae\xd0\x003\xb1\xfe= \x00\x0e:w\xfd\x1b\x8d\xc6\xc6\x8d\x1b\xbf\xf1\x8do\xcc\xfa&gt;\x00Y\x89\xc3-w\x1e\xdc\xb3\xeb\xe74\xa0[4\xc04\xac\x7fo\x08\x80k\xe6]\xffM\x9b6=\xf8\xe0\x83\xcdf3I\x92\xd7\x7f\x9bh\'\x19\r\xe8\x19\r0\x07\xeb\xdf3\x02\xe0\x94E\xd6\x7f||\\\x08\x11\x86\xa1\x10"M\xd3[&gt;\xb4\xea\xdaU+\xdbIV\xabF4\xa074\xc0\x04\xac\x7f?\x08\x80;\x16_\xff,\xcbf\xdf\t\xbfwa\xfdo\xbe\xfa\xc7\xab.Z\xdel\xa54\xa0g4\xa0\\\xac\x7f\x9f\x08\x80#\xce\xbb\xfe\xeak\xff\x19\xe3\x8d\xf6\xd0P\xf5\xc0\xf6\r\xff\xf6\xe2\x154\xa0\x1f4\xa0,\xac\x7f\xff\x08\x80\x0b\xba]\x7f!D\x1c\x85r:\x19\x1d\xae\x1d\xf8\xf3\x7fG\x03\xfaD\x03\x8a\xc7\xfakA\x00\xac\xd7\xc3\xfa+A\x18LM\'\xa3C4@\x03\x1aP$\xd6_\x17\x02`\xb7\x9e\xd7_\x89\xa2\xa0A\x034\xa1\x01\xc5`\xfd5"\x00\x16\xebs\xfd\x15\x1a\xa0\x11\r\xc8\x1b\xeb\xaf\x17\x01\xb0\x95\x96\xf5Wh\x80F4 ?\xac\xbfv\x04\xc0J\x1a\xd7_\xa1\x01\x1a\xd1\x80&lt;\xb0\xfey \x00\xf6\xd1\xbe\xfe\n\r\xd0\x88\x06\xe8\xc5\xfa\xe7\x84\x00X&amp;\xa7\xf5Wh\x80F4@\x17\xd6??\x04\xc0&amp;\xb9\xae\xbfB\x034\xa2\x01\xfdc\xfdsE\x00\xacQ\xc0\xfa+4@#\x1a\xd0\x0f\xd6?o\x04\xc0\x0e\x85\xad\xbfB\x034\xa2\x01\xbda\xfd\x0b@\x00,P\xf0\xfa+4@#\x1a\xd0-\xd6\xbf\x18\x04\xc0t\xa5\xac\xbfB\x034\xa2\x01\x9dc\xfd\x0bC\x00\x8cV\xe2\xfa+4@#\x1a\xd0\t\xd6\xbfH\x04\xc0\\\xa5\xaf\xbfB\x034\xa2\x01\x8bc\xfd\x0bF\x00\x0ce\xc8\xfa+4@#\x1a\xb0\x10\xd6\xbfx\x04\xc0DF\xad\xbfB\x034\xa2\x01\xe7b\xfdKA\x00\x8cc\xe0\xfa+4@#\x1a0\x1b\xeb_\x16\x02`\x16c\xd7_\xa1\x01\x1a\xd1\x00\x85\xf5/\x11\x010\x88\xe1\xeb\xaf\xd0\x00\x8dh\x00\xeb_\xae\xf2\x07\x05\x8a\x15\xeb\xaf\xd0\x00\x8d|n\x00\xeb_:S6\xc5s\x16\xad\xbfB\x034\xf2\xb3\x01\xac\xbf\t\xcc\x9a\x15?Y\xb7\xfe\n\r\xd0\xc8\xb7\x06\xb0\xfe\x860qY\xbcb\xe9\xfa+4@#\x7f\x1a\xc0\xfa\x9b\xc3\xdcq\xf1\x81\xd5\xeb\xaf\xd0\x00\x8d|h\x00\xebo\x14\xd3\xf7\xc5a\x0e\xac\xbfB\x034r\xbb\x01\xac\xbfi\xec\x98\x18\xf78\xb3\xfe\n\r\xd0\xc8\xd5\x06\xb0\xfe\x06\xb2ie\x9c\xe1\xd8\xfa+4@#\xf7\x1a\xc0\xfa\x9b\xc9\xbe\xa1\xb1\x9d\x93\xeb\xaf\xd0\x00\x8d\\j\x00\xebo,[\xb7\xc6R\x0e\xaf\xbfB\x034r\xa3\x01\xac\xbf\xc9\xec\x9e\x1b\xbb8\xbf\xfe\n\r\xd0\xc8\xf6\x06\xb0\xfe\x86saq\xac\xe0\xc9\xfa+4@#{\x1b\xc0\xfa\x9b\xcf\x9d\xd11\x99W\xeb\xaf\xd0\x00\x8dll\x00\xebo\x05\xd7v\xc7@\x1e\xae\xbfB\x034\xb2\xab\x01\xac\xbf-\xdc\x9c\x1esx\xbb\xfe\n\r\xd0\xc8\x96\x06\xb0\xfe\x16qy}J\xe7\xf9\xfa+4@#\xf3\x1b\xc0\xfa\xdb\xc5\xfd\x01*\x0b\xeb?\x83\x06hdr\x03X\x7f\xeb\xf8\xb2A\x05c\xfd\xe7\xa0\x01\x1a\x99\xd9\x00\xd6\xdfF~\xcdP1X\xffy\xd1\x00\x8dLk\x00\xebo)\x1f\x97(W\xac\xff"h\x80F\xe64\x80\xf5\xb7\x97\xbfc\x94\x07\xd6\xff\xbch\x80F&amp;4\x80\xf5\xb7\x9a\xef{\xa4\x11\xeb\xdf!\x1a\xa0Q\xb9\r`\xfdm\xc7$\xe9\xc1\xfaw\x85\x06hTV\x03X\x7f\x07\xb0J\x1a\xb0\xfe=\xa0\x01\x1a\x15\xdf\x00\xd6\xdf\r\x0cS\xbfX\xff\x9e\xd1\x00\x8d\x8al\x00\xeb\xef\x0c\xb6\xa9/\xac\x7f\x9fh\x80F\xc54\x80\xf5w\t\xf3\xd4;\xd6_\x0b\x1a\xa0Q\xde\r`\xfd\x1d\xc3B\xf5\x88\xf5\xd7\x88\x06h\x94_\x03X\x7f\xf70R\xbd`\xfd\xb5\xa3\x01\x1a\xe5\xd1\x00\xd6\xdfI\xecT\xd7X\xff\x9c\xd0\x00\x8d\xf46\x80\xf5w\x15S\xd5\x1d\xd6?W4@#]\r`\xfd\x1d\xc6Zu\x81\xf5/\x00\r\xd0\xa8\xff\x06\xb0\xfenc\xb0:\xc5\xfa\x17\x86\x06h\xd4O\x03X\x7f\xe7\xb1Y\x1da\xfd\x0bF\x034Z\xac\x01\x03\x0b6\x80\xf5\xf7\x01\xb3u~\xac\x7f)h\x80F\x0b7\xa0Q\x1b\xa8\xa6\xe74\x80\xf5\xf7\x04\xcbu\x1e\xac\x7f\x89h\x80F\xf36`\xc7\xad{\xa7&amp;\xa6\x07\xea\xd5\xd9\xbf\x93\xf5\xf7\x07\xe3\xb5\x18\xd6\xbft4@\xa3s\x1b\xf0\xd2?\xfc\xff\xbf\xba\xf9\xbf\x9d95&gt;\xf3{X\x7f\xaf\xb0_\x0bb\xfd\rA\x034\x9a\xd3\x808\x0e_&lt;\xf2\xcf?\xfc\xce\xcf\x820\x12BH)\x03\x11V\x07\x87\xf7\xb3\xfe~`\xc2\xe6\xc7\xfa\x1b\x85\x06h4\xbb\x01I\x92\xc5q8\xb3\xeaa\x18U\xeb\xc3\xfbw\xdc\xf6\x02\xeb\xef\x07Vl\x1e\xac\xbf\x81h\x80Fs\x1a \xc4k\xd3\x1e\x04\xc1\xfe{\xb7\x1d\xfb\xe1_\xb3\xfe\x9e`\xc8\xe6b\xfd\x8dE\x034z\xbd\x01\x97\xed\xfe\xf2\x9a(\n\x84\xc8\x84\x10\xbfy\xfe\xff\xfc\xfc\xb1\x87*\xd5*\xeb\xef\t\xb6\xecMX\x7f\xc3\xd1\x00\x8d\xe28l\x9d\x98\xd8|\xeb\xe5\x9f\xfe\x8f\xef\xca2\x19\xc7\xa1\x94\xb2R\xad\xb6[-\xd6\xdf\x13\xcc\xd9\x1bX\x7f+\xd0\x00\x8d\xc2 \xc8\x9a\xc9\x8ae\x83\xea\xff\x8c\xa2\x88\xf5\xf7\n\x8b\xf6\x1a\xd6\xdf"4@\xa30\x08\xdaI&amp;\x84\x08\xc30MS\xd6\xdf+\x8c\x9a\x10\xac\xbf\x85h\x80Fj\xe7\xdb\xad\xe4\x8a+\xae\xd8\xbd{\xb7:\xf0\xac\xbf\x0f\xd85\xd6\xdfV4@/)\xc4\xc8\xc8\x88\x94RJ\xc9\xfa{\xc2\xf7ic\xfd\xadF\x03\xf4J\x92$\x08\x02\xd6\xdf\x1f^\xaf\x1b\xeb\xef\x00\x1a\xa0\x11\xd3\xef\x1b\x7f\x07\x8e\xf5w\x06\r\x00z\xe3\xe9\xc6\xb1\xfe\x8e\xa1\x01@\x0f|\x9c9\xd6\xdfI4\x00\xe8\x96wK\xc7\xfa;\x8c\x06\x00]\xf1k\xecX\x7f\xe7\xd1\x00\xa0s\x1e\xed\x1d\xeb\xef\t\x1a\x00t\xc8\x97\xc9c\xfd\xbdB\x03\x80Nx\xb1z\xac\xbf\x87h\x00p^\xee\x0f\x1f\xeb\xef-\x1a\x00,\xce\xf1\xedc\xfd=G\x03\x80E\xb8&lt;\x7f\xac?\x04\r\x00\x16\xe6\xec\x02\xb2\xfe\x98A\x03\x80y\xb99\x82\xac?\xe6\xa0\x01\xc0\xb9\x1c\xdcA\xd6\x1f\xf3\xa2\x01\xc0\x1c\xaeM!\xeb\x8fE\xd0\x00`6\xa7\xd6\x90\xf5\xc7y\xd1\x00`\x86;\x83\xc8\xfa\xa3C4\x00P\x1c\xd9D\xd6\x1f]\xa1\x01\x80p#\x00\xac?z@\x03\x00\xeb\x97\x91\xf5G\xcfh\x00&lt;g\xf78\xb2\xfe\xe8\x13\r\x80\xcf,\xdeG\xd6\x1fZ\xd0\x00x\xcb\xd6\x89d\xfd\xa1\x11\r\x80\x9f\xac\\I\xd6\x1f\xda\xd1\x00x\xc8\xbe\xa1d\xfd\x91\x13\x1a\x00\xdfX\xb6\x95\xac?rE\x03\xe0\x15\x9b\xe6\x92\xf5G\x01h\x00\xfca\xcdb\xb2\xfe(\x0c\r\x80\'\xec\x18M\xd6\x1f\x05\xa3\x01\xf0\x81\x05\xbb\xc9\xfa\xa3\x144\x00\xce3}:Y\x7f\x94\x88\x06\xc0mF\xaf\'\xeb\x8f\xd2\xd1\x008\xcc\xdc\x01e\xfda\x08\x1a\x00W\x19\xba\xa1\xac?\x8cB\x03\xe0$\x13g\x94\xf5\x87\x81h\x00\xdcc\xdc\x92\xb2\xfe0\x16\r\x80c\xcc\x1aS\xd6\x1f\x86\xa3\x01p\x89A{\xca\xfa\xc3\n4\x00\xce0eRY\x7fX\x84\x06\xc0\rF\xac*\xeb\x0f\xeb\xd0\x008\xa0\xfcae\xfda)\x1a\x00\xdb\x95\xbc\xad\xac?\xacF\x03`\xb52\xe7\x95\xf5\x87\x03h\x00\xecU\xda\xc2\xb2\xfep\x06\r\x80\xa5\xe2R\xfeT\xd6\xbftY&amp;\x934KR\xb6I\x9b\xf1\xc9\xd6\xf0@\xe5o\xef\xdep\xc3\x1d\xff\xf3\xd9\x7f~\xa5\x12\x87[\xee&lt;(\x84\xd8\xbc\xf5\xd2\xd6\x89\xa90(\xfb\xfa\xe6\x93$\x99H\xb2,\x93e_\x08\xcaQB\x00X\x7f\x13\x0c\rV\xe2\xd1\xa1Q!D\xc4\xbfmM\x02!R\xf9{\xa3\xf5\xa7\x1f\xf8\xd8\xfa;\xbe\xf7w?\xff\xcd\x1b\r\xb8\xe5r\xd1LD`\\\x04\xe2$\x13+\xea\xc3\xf5J\xd9\x17\x82r\x14\x1d\x00\xd6\xdf\x04a\x18\xfe\xef\xa3\xff/\xf9\xda\xe3\xcd\xe9vh\xde*YK\n\x11\xa4iV\xafW/\xfe\xfd\x91\xc7\x9fy)\xcdd\x10\x88-w\x1e|\xf6\xc5W\x97-\x1b\x14If\xda\xbf\xec,\x93a\xbd\xf2\xc3\x83\xbf\t\xc30\xcbx8\xe8\x9dB\x03 \xa5\x14B\xcc\xac\x7f\xadVc\xfd\x0b\x16\x86a\x14EQ\x14\x1d|\xee\xb7\x07\x9f\xfbm\xd9\x97\xe3\xb2(\x8a\x82 \x08\x02\x91e\xe9\xd7\xf7=_\xf6\xe5\x9cG\xb5ZM\xd3\x94\x1b\xd07E\x07@Jy\xcb-\xb7\xa8\xf5o6\x9b\x1b7nd\xfd\x0b\x13\x04\xc1\xc4\xc4D\x9a\xa6i\x9a\x96}-\xee\x9b\xfd/9\x8eB\x11\x88(\x0c\x9b\xad\xa4\xc4KZD\xab\xd5\x12BLLL\x94}!(Tq\x01H\xd34\x8a\xa2\xbb\xef\xbe{\xd7\xae]\xf5z}jj\xea\x03\x1f\xf8\xc0\xbe}\xfbN\x9d:%\x84`\xfd\xf3\x16\x04A\x92$W]uU\xbd^\xe7\xf1~\x01\xb2,\x8b\xe38\x08\x82\x1f\xfd\xe8GI\x9aFQ\xd4l%\x97_~\xf9\xd2\xa5K\xd5Ca\xa3DQ\x94\xa6\xe9e\x97]&amp;\x84\x08L{\xa2\n\xb9\t\n;\x8b\xea\xcb\xff\x97^z\xe9\xa3\x1f\xfd\xe8\x93O&gt;Y\xadV+\x95\xca\xf6\xed\xdb\xb7m\xdbv\xf2\xe4\xc98.\xe7\xfdH\xbe\x19\x18\x18\x88\xa2\xa8\xec\xabp_\x96eA\x10\xd4j\xb5O\x7f\xfa\xd3\xbbv\xed\xaaT*\xcdfs\xf3\xe6\xcd\xbbw\xef.\xfb\xd2\x807\x14\x17\x00!\x84\x942\x08\x82\xb1\xb1\xb1u\xeb\xd6\x1d&gt;|X}\xd1\xb1c\xc7\x0e\x1aP\x18\xbe\xf0/\x80z&gt;\xf3\x82\x0b.\xf8\xc4\'&gt;\xf1\xc8#\x8fT\xab\xd5V\xab\xa5\xd6?\xcb2u\x17\x94}\x8d\x0b\xe2\xb1\xb8W\n\r\x80x\xfd\xde\x98i\x80z%\x80\x06\xc0\x193\xeb\xff\xc9O~r\xef\xde\xbd\xea}nj\xfd\xd5\xab\xac&amp;\xaf?|St\xed\xd5\xb3\xcf\xa3\xa3\xa3\x07\x0e\x1cX\xbdzu\xb3\xd9\xac\xd5j\xb7\xddv\xdb\xce\x9d;\x97/_\x9e$\x86\xbeD\x06t\x82\xf5\x87]Jx\xb8G\x03\xe0$\xd6\x1f\xd6)\xe7\xf9&gt;\x1a\x00\xc7\xb0\xfe\xb0Qi/\xf8\xd0\x008\x83\xf5\x87\xa5\xca|\xc5\x9f\x06\xc0\x01\xac?\xecU\xf2[\xbeh\x00\xac\xc6\xfa\xc3j\xe5\xbf\xe7\x97\x06\xc0R\xac?lW~\x00\x04\r\x80\x85X\x7f8\xc0\x88\x00\x08\x1a\x00\xab\xb0\xfep\x83)\x01\x104\x00\x96`\xfd\xe1\x0c\x83\x02 h\x00\x8c\xc7\xfa\xc3%f\x05@\xd0\x00\x18\x8c\xf5\x87c\x8c\x0b\x80\xa0\x010\x12\xeb\x0f\xf7\x98\x18\x00A\x03`\x18\xd6\x1fN*\xfa\xc7Aw\xc5\xe1\x9f\x1d=\xe7_;\xf3a2\xd6\x1f\xae2:\x00\xc2\xad\x06dY\xa6&gt;(J},\xbb\x1a\x0e)e\x96e3\x9f\xd3\xcb\x9a\x98\x86\xf5\x87\xc3L\x0f\x80\xb0\xbf\x01R\xca4M\xe38\xae\xd7\xeb\xd5j5M\xd3\x89\x89\x89\xf1\xf1\xf1F\xa3\xd1j\xb5*\x95J\xbd^_\xbat\xe9\xf0\xf0p\x96e\xe3\xe3\xe3\xea\xc3\x93\xcb\xbej\x08\xc1\xfa\xc3u\x16\x04@\xd8\xdc\x80,\xcbj\xb5\xda\xd0\xd0\xd0\x993g\x9ey\xe6\x99\x83\x07\x0f\x1e9r\xe4W\xbf\xfa\xd5\x89\x13\'\x1a\x8d\x86\x1a\x91z\xbd\xber\xe5\xcaU\xabV\xddx\xe3\x8d\xd7]w\xdd\xf0\xf0\xf0\x993gh@\xe9X\x7f8\xcf\x8e\x00\x08;\x1b\x90e\xd9\xd0\xd0\xd0\xf1\xe3\xc7\x1f}\xf4\xd1\xef~\xf7\xbb\xcf&gt;\xfb\xecy\xff\'\xabV\xad\xba\xeb\xae\xbb&gt;\xf4\xa1\x0f\x8d\x8d\x8d\xf1\xe9\xac%b\xfd\xe1\x03k\x02 lk@\x9a\xa6K\x97.\xfd\xd6\xb7\xbeu\xfb\xed\xb7\x8f\x8d\x8d\xa9_\xacT*j8\xd4\xeb\x01B\x88 \x08\xd4\xd0\xab\x17\x03\xd4/\xdes\xcf=\x9f\xfb\xdc\xe7\xc6\xc6\xc6x\x1cP\n\xd6\x1f\x9e\xb0\xe9kL\xeb\xde\x1b*\xa5|\xcb[\xde266V\xa9T*\x95J\x14E\xedv\xbb\xd5j\xb5Z\xad$I\xd4\xdc\xa7i\xdan\xb7\xdb\xedv\x9a\xa6RJ\xf5\xfa\xf0\x1dw\xdc\xb1w\xef\xde\xd1\xd1Q\xf5\xca0\x8a\xc4\xfa\xc3\x1f6=\x02P,z\x1c\x90e\xd9\xd2\xa5Ko\xb8\xe1\x86\x1f\xfc\xe0\x07\xeaWV\xacXq\xf5\xd5W_q\xc5\x15\xefx\xc7;FFF\xa2(\x9a\x9c\x9c\xfc\xe5/\x7f\xb9\x7f\xff\xfe\'\x9exB\xfd\x9e0\x0c\xa5\x94\xcb\x96-;r\xe4\xc8\x85\x17^\xd8n\xb7Y\x9c\xc2\xb0\xfe\xf0\x8a}\x01\x10\xf64 M\xd3\x91\x91\x91\xef\x7f\xff\xfb\x1f\xf9\xc8G\xae\xb9\xe6\x9a\x8d\x1b7^w\xddu+W\xae\x8c\xe38M\xd3,\xcb\xa4\x94a\x18FQ\x94$\xc9\xde\xbd{?\xf3\x99\xcf4\x9bM\xf5\x8bi\x9a\xdes\xcf=_\xf8\xc2\x17\x8c\xfa\xff\xc8m\xac?|ce\x00\x84=\r\x08\x82\xa0\xd5j\x1d;v\xec\xca+\xaf\x1c\x1c\x1c\x9c\x98\x98P\x13\xaf\xa6D}\x1f\x80\xfa+X\xbe|\xf9W\xbf\xfa\xd5\xdbo\xbf]=\xef\x9fe\xd9\xda\xb5k\x1f{\xec\xb1\x89\x89\t^\r.\x00\xeb\x0f\x0f\xd9\x1a\x00aU\x03\x06\x07\x07\'\'\'\xd5\x1b\xfc\xe7\xdd\x11\xf5U\xff\xe4\xe4\xe4e\x97]v\xf2\xe4\xc9(\x8a\xd24}\xfb\xdb\xdf\xfe\xe4\x93O\x0e\x0c\x0c\xa4i\xca\xfa\xe4\x8a\xf5\x87\x9f,\xfe\xd2\xd2\x96\xd7\x84\xa5\x94\x13\x13\x13A\x10\xc4q\xbc\xd0\x8e\x04A\xa0\x9e/\xba\xe8\xa2\x8b\xc4\xeb?\x19\xe2\xec\xd9\xb3\xd3\xd3\xd3|\xf9\x9f7\xd6\x1f\xde\xb2{\\li@\x87#\x1e\x04\xc1\xec\xadaz\n\xc0\xfa\xc3gv\x07@\xd8\xd3\x80\xc5\xa97\x80NNN\xfe\xeew\xbf\x9b\xf9\xc5\x91\x91\x91z\xbd\xce;A\xf3\xc3\xfa\xc3s\xd6\x07@8\xd1\x804M\x87\x87\x87\x9fz\xea\xa9\xe3\xc7\x8f\xab\xb7\x81\x06A\xf0\xcew\xbes\xe9\xd2\xa5I\x920Cy`\xfd\x01\x17\x02 ,o@\x96e\x95J\xa5\xddn\xdfu\xd7]3\xaf\xc9K)?\xf8\xc1\x0fFQd\xef\xab\xf4&amp;c\xfd\x01a\xf5\xbb\x80\xcee\xcb\xfb\x82fS\xd7\xbcd\xc9\x92O}\xeaS\x0f=\xf4\x90z\xb5 \xcb\xb2\x8b/\xbe\xf8\xa7?\xfdi\x1c\xc7\xea\'H\x97}\x99Na\xfd\x01\xc5\x91G\x00\x8au\x8f\x03\x92$\xa9\xd5j\xb5Z\xed\xe3\x1f\xff\xf8C\x0f=4\xfb\'\xff\xdc{\xef\xbd&lt;\xff\x93\x07\xd6\x1f\x98\xe1T\x00\x84U\rH\x92d\xc9\x92%g\xcf\x9e\xdd\xb0a\xc3\xc3\x0f?&lt;\xf3lO\x96e;w\xee\\\xbf~\xfd\xe9\xd3\xa7\xf9apz\xb1\xfe\xc0lN=\x054\xc3\xfc\xe7\x82\x92$\x19\x1d\x1d}\xe6\x99g&gt;\xf6\xb1\x8f\xbd\xf8\xe2\x8bj\xe8\xd5\x06\xddw\xdf}[\xb7n=u\xea\x14\xeb\xaf\x17\xeb\x0f\xcc\xe1f\x00\x84\xd9\rP\xeb\x7f\xf0\xe0\xc1\x9bn\xba\xe9\xd5W_\x9dY\xff\xd1\xd1\xd1o~\xf3\x9b\x1b6l(\xfd\n\xdd\xc3\xfa\x03\xe7r6\x00\xc2\xd4\x06\xa8O\x89y\xfe\xf9\xe7\xaf\xbf\xfe\xfa\x99\'y\xd24}\xcf{\xde\xb3o\xdf\xbeK.\xb9\xe4\xd5W_e\xfd\xf5b\xfd\x81y\xb9\x1c\x00a^\x03\xd4\x1b\xfc\x83 X\xb3f\xcds\xcf=\x17\xc7\xb1\xfa\xc4\xe0\xb5k\xd7&gt;\xfa\xe8\xa3###g\xce\x9c\xa9T*\x05_\x95\xdbX\x7f`!\xae\xbd\x08&lt;\x87i\xaf\t\xab\x8f\t{\xf8\xe1\x87\xd5\xfa\xab\x0f\x84\xb9\xe6\x9ak\xbe\xf7\xbd\xef\r\r\r\x9d={\x96\xf5\xd7\x8b\xf5\x07\x16\xe1x\x00\x84a\r\x08\xc3\xb0\xddn\x7f\xe7;\xdfQ\x8f\x03\xa4\x94+W\xae\xdc\xbbwo\xb5Z\x9d\x9e\x9e\xe6\x99\x1f\xbdX\x7f`q\xee\x07@\x18\xd3\x00)e\xb5Z=q\xe2\xc4/~\xf1\x0b\xf9\xbam\xdb\xb6\xbd\xedmo\x9b\x98\x98\xe0=?z\xb1\xfe\xc0yy\x11\x00aF\x03\xd4O|{\xe5\x95W\xce\x9c9#\x84P\x1f\x0f\xb0f\xcd\x9aF\xa3\xc1\xfa\xeb\xc5\xfa\x03\x9d\xf0%\x00\xc2\x8c\x06\x84a\xd8h4f&gt;\x19f\xc9\x92%\xea\x8ff\x8f4b\xfd\x81\x0ey\x14\x00aF\x03\xd4\xa7\x01\xab\xff\x9c\x9e\x9e\xe6k\x7f\xbdX\x7f\xa0s\x8e\xbf\rt^e\xbd7T=\x054&gt;&gt;\xfe\xd4SO\xa9_\xa9T*\xabW\xafVo\x06\xcd\xe9\x0f\xf5\n\xeb\x0ft\xc5\xc7\x00\x88R\xbf? \x0c\xc3\xa1\xa1!\xf5\xcfR\xca\xc9\xc9I?\xff\n\xb4c\xfd\x81ny\x1a\x00Q\xea\xe3\x80$I\xb2,\x13B\x84a\xc8\x1b\xff\xb5`\xfd\x81\x1e\xf8\x1b\x00QR\x03\xd4\x8f\x82\x18\x18\x18\x10B\xb4\xdb\xed\xf1\xf1q\xf1\xfa\xa7\xc0\xa37\xac?\xd0\x1b\xaf\x03 \no\x80\x94rhh\xe8g?\xfb\xd9\x13O&lt;1==}\xe5\x95W^\x7f\xfd\xf5\xcdf\x93O}\xe9\x19\xeb\x0f\xf4\xcc\xf7\x00\x88\x02\x1b\xa0~\x0e\xc4\xce\x9d;?\xff\xf9\xcf\xcf|\xd4\xfb\xa6M\x9b\xee\xbf\xff\xfef\xb3\xc9N\xf5\x80\xf5\x07\xfaA\x00\x84(\xa4\x01R\xca8\x8eO\x9f&gt;}\xc9%\x97\xa8\x9f\xf9\xa3\xbe\x138M\xd3\xfd\xfb\xf7_{\xed\xb5\xe3\xe3\xe3\xea\xf3 \xd1!\xd6\x1f\xe8\x13\x8b#D!\xdf\x1f \xa5\xac\xd5j\xbf\xfe\xf5\xaf\xc7\xc7\xc7\x83 h\xb7\xdb\xea\xfb\xbf\xc20|\xe1\x85\x17*\x95\x8azY\x18\x1db\xfd\x81\xfe\x11\x80\xd7\x14\xf3=b\xf3~\x8d\xcf\x17\xfe\xddb\xfd\x01-\x98\x9e7\xe4\xda\x80 \x08\xa6\xa7\xa7/\xba\xe8\xa2e\xcb\x96\xa9\x9f\n\xa7~\x1ct\x96e\x97^zi\xab\xd5"\x03\x1db\xfd\x01]\x18\x9d7\xc9\xaf\x01\xeai\x9f\xe5\xcb\x97\x7f\xe5+_\xa9V\xab\xadVK}7\xc0\xad\xb7\xdez\xf5\xd5WOLL\x10\x80N\xb0\xfe\x80F\xbc\x08&lt;\x8f\xfc^\x13\x96R\x0e\x0f\x0f\x1f=z\xf4\xf1\xc7\x1fo4\x1a\xef{\xdf\xfb\xae\xbd\xf6\xda\xe9\xe9i\xfe\x16:\xc1\xfa\x03z\x11\x80\xf9\xe5\xd7\x80,\xcb\xea\xf5\xfa\xe0\xe0\xa0\x10\xa2\xd5j\xf1\xe6\x9f\x0e\xb1\xfe\x80v\x04`A\xb96@\xbd\xe7\'\x08\x02~\x1ah\'X\x7f \x0f\x04`1\xa6}\xa6\xbc\x9fX\x7f \'&lt;\xf9\xb0\x18\x13&gt;?\xc0s\xac?\x90\x1f\x02p\x1e4\xa0D\xac?\x90+\x02p~4\xa0\x14\xac?\x907\x02\xd0\x11\x1aP0\xd6\x1f(\x00\x01\xe8\x14\r(\x0c\xeb\x0f\x14\x83\x00t\x81\x06\x14\x80\xf5\x07\nC\x00\xbaC\x03r\xc5\xfa\x03E"\x00]\xa3\x019a\xfd\x81\x82\x11\x80^\xd0\x00\xedX\x7f\xa0x\x04\xa0G4@#\xd6\x1f(\x05\x01\xe8\x1d\r\xd0\x82\xf5\x07\xcaB\x00\xfaB\x03\xfa\xc4\xfa\x03%"\x00\xfd\xa2\x01=c\xfd\x81r\x11\x00\rh@\x0fX\x7f\xa0t\x04@\x0f\x1a\xd0\x15\xd6\x1f0\x01\x01\xd0\x86\x06t\x88\xf5\x07\x0cA\x00t\xa2\x01\xe7\xc5\xfa\x03\xe6 \x00\x9a\xd1\x80E\xb0\xfe\x80Q\x08\x80~4`^\xac?`\x1a\x02\x90\x0b\x1a0\x07\xeb\x0f\x18\x88\x00\xe4\x85\x06\xcc`\xfd\x013\x11\x80\x1c\xd1\x00\xc1\xfa\x03\x06#\x00\xf9\xf2\xbc\x01\xac?`2\x02\x90;o\x1b\xc0\xfa\x03\x86#\x00E\xf0\xb0\x01\xac?`&gt;\x02P\x10\xaf\x1a\xc0\xfa\x03V \x00\xc5\xf1\xa4\x01\xac?`\x0b\x02P(\xe7\x1b\xc0\xfa\x03\x16!\x00Es\xb8\x01\xac?`\x17\x02P\x02\'\x1b\xc0\xfa\x03\xd6!\x00\xe5p\xac\x01\xac?`#\x02P\x1ag\x1a\xc0\xfa\x03\x96"\x00er\xa0\x01\xac?`/\x02P2\xab\x1b\xc0\xfa\x03V#\x00\xe5\xb3\xb4\x01\xac?`;\x02`\x04\xeb\x1a\xc0\xfa\x03\x0e \x00\xa6\xb0\xa8\x01\xac?\xe0\x06\x02`\x10+\x1a\xc0\xfa\x03\xce \x00f1\xbc\x01\xac?\xe0\x12\x02`\x1cc\x1b\xc0\xfa\x03\x8e!\x00&amp;2\xb0\x01\xac?\xe0\x1e\x02`(\xa3\x1a\xc0\xfa\x03N"\x00\xe62\xa4\x01\xac?\xe0*\x02`\xb4\xd2\x1b\xc0\xfa\x03\x0e#\x00\xa6+\xb1\x01\xac?\xe06\x02`\x81R\x1a\xc0\xfa\x03\xce#\x00v(\xb8\x01\xac?\xe0\x03\x02`\x8d\xc2\x1a\xc0\xfa\x03\x9e \x006)\xa0\x01\xac?\xe0\x0f\x02`\x99\\\x1b\xc0\xfa\x03^!\x00\xf6\xc9\xa9\x01\xac?\xe0\x1b\x02`%\xed\r`\xfd\x01\x0f\x11\x00[il\x00\xeb\x0f\xf8\x89\x00XLK\x03X\x7f\xc0[\x04\xc0n}6\x80\xf5\x07|F\x00\xac\xd7s\x03X\x7f\xc0s\x04\xc0\x05=4\x80\xf5\x07@\x00\x1c\xd1U\x03X\x7f\x00\x82\x00\xb8\xa4\xc3\x06\xb0\xfe\x00\x94@JY\xf65@\'\xb5\xefccc\xeb\xd6\xad;|\xf8p\xadVk6\x9b;v\xec\xd8\xb6m\xdb\xc9\x93\'\xc30d\xfd\x01(&lt;\x02p\xcd\xe2\x8f\x03\x84\x10\xac?\x00\x85G\x00nZ\xe8q\xc0\xad\xb7\xde\xbai\xd3\xa6G\x1ey\x84\xf5\x07@\x00\x9c5\xa7\x01q\x1c\xa7i\xfa\xfe\xf7\xbf\xff\xc7?\xfe\xb1\xea\x01\xeb\x0fx\x8e\x00\xb8\xec\xdc\x06$I\xc2\xfa\x03Px\r\xc0es^\x0fH\x92\xa4^\xaf\xb3\xfe\x00\x14\x1e\x01\xb8o\xe6q\xc0\xfa\xf5\xeb\x0f\x1d:\xb4u\xeb\xd6\x07\x1ex\x80\xf5\x07@\x00\xbc\xa0\x1ap\xe2\xc4\x89\x07\x1f|\xf0\x8b_\xfc\xa2\xfaKg\xfd\x01\xcf\x11\x00_H)\xd5\xe2\xcf\xfc\x03\x00\xcf\xf1\x1a\x80/\x82 \x90R\xa6i\xca\xfa\x03Px\x04\x00\x00\x9e\xe2\x11\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fe\x05\xbb8\x7f\xdev\x02\xb6\x94\x00\x00\x00\x00IEND\xaeB`\x82'</t>
        </is>
      </c>
    </row>
    <row r="88">
      <c r="A88" s="1" t="n">
        <v>86</v>
      </c>
      <c r="B88" t="inlineStr">
        <is>
          <t>rectangle_height_color</t>
        </is>
      </c>
      <c r="C88" t="inlineStr">
        <is>
          <t>What is the missing color of the part denoted with a question mark?</t>
        </is>
      </c>
      <c r="D88" t="inlineStr">
        <is>
          <t>['yellow', 'blue', 'green', 'red']</t>
        </is>
      </c>
      <c r="E88" t="inlineStr">
        <is>
          <t>yellow</t>
        </is>
      </c>
      <c r="F88" t="inlineStr">
        <is>
          <t>There are 7 rectangles in the image with varying colors and lengths. The lengths from left to right are ['medium', 'medium', 'short', 'long', 'long', 'short', 'short']. The colors from left to right are ['green', 'green', 'yellow', 'red', 'red', 'yellow', '?'].</t>
        </is>
      </c>
      <c r="G88" t="inlineStr">
        <is>
          <t>We observe that the green rectangles are of medium length and the red rectangles are of long length. Hence, the pattern is that the color of each rectangle corresponds to its length.</t>
        </is>
      </c>
      <c r="H88" t="inlineStr">
        <is>
          <t>Based on the pattern that the color of each rectangle corresponds to its length, the missing color of the part denoted with a question mark should be yellow.</t>
        </is>
      </c>
      <c r="I88" t="inlineStr">
        <is>
          <t>b'\x89PNG\r\n\x1a\n\x00\x00\x00\rIHDR\x00\x00\x02\x00\x00\x00\x02\x00\x08\x02\x00\x00\x00{\x1aC\xad\x00\x00&gt;\x9dIDATx\x9c\xed\xddy|T\xd5\xfd?\xfe\xf79\xf7\xced&amp;\xdb\xcc\x10\x92\xb0\x8aB\x00\xa1(\x91U\x08".\x08\xd6\xba[\x04\x05\xdbR\x81\xd6\xa5\r\xbf~\xbb\xf8\xf9\xfa-\xa0\x9f\xd6\x0f\x82]\xfc\xf8\xf9H\x89@AEZ\xb5Vi\x0b!\xa8,.\x10P\tK\xc2&amp;\xc8\x16\x13\xb2N\xb6\xc9\xcc\xdc{\xce\xef\x8f+)\xe2\x16B&amp;so\xce\xeb\xf9\xe0\x8f0\t3o2g\xce\xeb\xdcs\xcf=\x97I)\t\x00\x00\xd4\xc3\xe3]\x00\x00\x00\xc4\x07\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a5\xc7\xbb\x00\x80\x98\x93R\xb6\xe1_1\xc6\xda\xbd\x92\xb6qz\xfd`[\x08\x00\xe8\x84\xa4\x94B\x08)%c\x8c1\xc6y[\x8et\xdb\xe5I\xda\xc6\xe9\xf5\x83S\xb0\xb6\r.\x00l\xc8\xea\xf2\x88H\xd3\xb4\xb3\x1f\x0f\x06\x83B\x08\xc6Z\xdb\xda\xad\xb1\xb3\xdf\xef?\xfbA\xab3\xe5\x9c\xc7nd\xed\xf4\xfa\xc1q\x10\x00\xd0\x19H)M\xd3\xd4\xf5\xcf\x8eh\xeb\xeb\xeb\x0b\x0b\x0b\xb7o\xdb\xf6\xe1\x87\x1fVWW\x97\x14\x17\x1b\x86\xc1\x88Z\xd9\xd6\xad\xae6++\xcb\x1f\x08\x8c\x189r\xd8\xb0a\xa3F\x8d\xea\xd9\xb3\xa7\xf5]\xc308\xe7\xed;\xa0vz\xfd\xe0P\x08\x00p&lt;\xd34\xad!s$\x12Y\xbf~\xfd\xaa\x95+w\xee\xd8q\xec\xc4\x89v|\x89\x80\xcf7b\xe4\xc8)S\xa6\xdcr\xeb\xad\x19\x19\x19Dd\x18\x86\xa6i\xed2\x9avz\xfd\xe0\\\x08\x00p0\xab\xf52\xc6\x82\xc1`^^\xde\xf3\xabV\xed\xde\xb3\xa7\xe5\xbb)\x1eO\xaf\x94\x94\x0c\xaf7\xcb\xef\x0fx&lt;\x86\x10\xad\xec\xed\x18cQ\xd3\xdcW]]\x1b\x0e\x1f\r\x06k\x9a\x9aZ\xbe\xd5\xbd[\xb7{\xa7O\xbf\xff\xfe\xfb\x07\x0e\x1cHDB\x88\x0b\x19J;\xbd~p:\x04\x008U\xcb\xc0y\xc5\x8a\x15O.\\\xb8\xff\xc0\x01\xeb\xf1^&gt;\xdfU=z\\\xdf\xa7\xcf\x90\xb4\xb4\x8c\xa4\xa4d\x97K\xe7\x9c\x9f\xe7PWJi\x08\xd1l\x9a\x15MM\x07jj\xb6\x9c&lt;\xf9\xf6\x89\x13%UU$%\x11u\t\x04\x1e\xfe\xc9O\xe6\xce\x9d\xeb\xf3\xf9\x0c\xc3h\x99\xbaQ\xaa~\xe8\x04\x10\x00\xe0HV\xefYZZ:s\xe6\xcc\xfc\xfc|\xeb\xc1A]\xbb\xce\xba\xec\xb2\x9b\xfa\xf6MOL\x94R\x86M3b\x9aBJ\xd9\xa6\x95\x94\x8c1\xce\x98\x8bs\x8f\xa6\xe9\x9c\xd7E"\xef\x95\x96.)*\xdat\xe2\x84\xd5\x8d\x0e\x1c8p\xd9\xb2e999\xd6\x19\xda\xf3\x9aNqz\xfd\xd09 \x00\xc0y\xacAk~~\xfe\xcc\x993KKK\x89(+\x10x0;\xfb\xb6\xfe\xfd\xfd\t\t\xf5\x91H\xd44\x891\xde\x1ek\xe1%\x91\x90RJ\xa9s\x9e\xecr\x99Rn:q\xe2\xbf?\xfa\xe8\x9d\x93\'\x89(\xc1\xed\xfe\xaf\x85\x0bsss\xcf\xab\x0fuz\xfd\xd0i \x00\xc0a\xac\xde3//o\xf6\xec\xd9DD\x8c\xfd\xe0[\xdfz\xe4\xca+3\xbc\xde\xdap\xd8\x10B\xe3&lt;F\xdd\x98)%#JMH0\x85\xc8\xdb\xbd{\xe1\x8e\x1d\xf5\xe10\x11\xcd\x9a5k\xe9\xd2\xa5\xa6i\xb6f\x91\xa5\xd3\xeb\x87\xce\x04\x01\x00Nb\xcd\x9c\xb4\xf4\x9e~\x8f\xe7\xbf\xae\xbaj\xda\xa0A\xc1p8b\x9az\x87\x9c\xcf\xb4\xba\xd1\xae^oaY\xd9O\xdfzk_U\x15Ii\xf5\xa1\xdf8\x8evz\xfd\xd0\xc9 \x00\xc01&gt;\xd7{2\x96\xe1\xf5\xae\x98&lt;y|\xef\xdee\x8d\x8dz\xccF\xcd_%*D\xc0\xe3\xa9hj\x9a\xfe\xcf\x7f~PQAB\xb4\x8c\xa3\xcf\xb9\x8c\xab\xd3\xd4\x0f\x9d\x0f\x02\x00\x9c\xc1\xea\x986n\xdc8q\xe2D"J\xf3z\xd7\xddyg_\x9f\xaf&amp;\x1cv\xc5i!\xa3!\x84G\xd79c\xdf}\xe3\x8dwO\x9d"\xa2\xf9\xf3\xe7\xcf\x9b7\xefK\xd7\xd58\xbd~\xe8\x94\x10\x00\xe0\x00\xd6r\xf5\xf2\xf2\xf2\xa1C\x87\x9e&gt;}\xda\x97\x90\xf0\xe2\xb7\xbf=\xba{\xf7\xdap\xb8c\xa6M\xbe\x8a)\xa5G\xd3\xea"\x91)k\xd7\xee\xa9\xacdD\xf9\xf9\xf9\x13\'N&lt;g\x1c\xed\xf4\xfa\xa1\xb3\xc25 \xe0\x00\xd6N\t3f\xcc(//\'\xa2\'\xae\xbaj|\xef\xde5\xf1\xee=\x89Hc,d\x9a]\xbd\xde?M\x9c\xe8OH\x90R\xce\x981\xa3\xac\xac\x8c1f\xed\xeacqz\xfd\xd0Y!\x00\xc0\xee\xac\xd1\xe8\xea\xd5\xab\x0b\n\n\x88h\xfa\xa0A\xf7\x0e\x1e\\\xd6\xd8\x18\xaf\x99\x93s\xe8\x8c\xd5\x86\xc3\x83\xbbv\xfd\xcf\x9c\x1c"*//\x7f\xe4\x91G8\xe7-\xc7\xd6N\xaf\x1f:1L\x01\x81\xadI)\xa5\x94\xb5\xb5\xb5\xa3G\x8f&gt;\xf2\xf1\xc7}RS7|\xf7\xbb\t\x9af-e\xb1\x0fS\x88\x80\xc73c\xdd\xba\x7f\x1e9\x92\xe0vo\xdd\xbau\xc4\x88\x11\xd6V\xcc\x8e\xae\x1f\x1bEtnxw\xc1\xd6\xac\xc5\xe9+V\xac8|\xf8\xb0\x90\xf2\xa1+\xae\xc8HL\x8c\x98\xa6\xadzO"b\x8cE\x84\xf8\xf9\x88\x11\x1eM\x0b\x87\xc3\xf3\xe6\xcd\xb3\xba~\xa7\xd7\x1f\xef\xba \xb6\x10\x00`_RJM\xd3B\xa1\xd0\x8a\xe5\xcb\x19cY\x81\xc0\x9d\x03\x06\xd447\xc7}\xea\xfc\x8b8c\r\x91\xc8\xd0\x8c\x8c\xef\xf4\xebGD[6o.))\xd14\x8ds\xee\xe8\xfaq&amp;\xa0s\xb3]C\x04ha]\x97\xb4q\xe3\xc6}\xc5\xc5R\xca\x1f\x0f\x1d\xeaKH0\xec\xda%q\xc6\xc2\xa6\xf9\xc0\xd0\xa1\x89nwcS\xd3s\xcf=GD\x9csG\xd7\x8f\x00\xe8\xdc\x10\x00`w\x7f^\xb1\x821\xd6-%\xe5\xa6~\xfd\xea#\x11\xcd~\xc3g\x0bg\xac1\x12\x19\x9a\x911\xb6G\x0f\xc6\xd8+\x7f\xfdkCC\x03\x11Y\xc3\x7f\'\xd6\xdf\xd4\xd4\xa4\xeb:&amp;\x82:1\x9b\xb6E\x00k\xfe\'\x18\x0c\x16\x16\x16J)\xc7\xf7\xec\x99\x91\x98\x18\xb5\xdf\xec\xf9\xd9$\x11g\xec\xc6\x8b/\x96R\x9e\xfa\xf4\xd3\xe2\xe2b\xc30\xb6o\xdb\xe6\xd0\xfa\x8b\x8a\x8a\x08\x07\x01\x9d\x1a\x02\x00l\xca\xeawv\xee\xdcy\xf2\xd4)"\x9a\xd8\xa7\x0f\x11\x91\xbd\xb7\xa9\xd18\x0f\x19\xc6\xb8\x9e=S&lt;\x1e\xd34\xb7l\xd9\xb2g\xcf\x9e\xd2\xb22rf\xfd\xeb\xd6\xad\xa36\xedD\rN\x81\x0b\xbe\xc1\xa6\xac~\xa7\xb0\xb0\x90\x88\x92\x12\x12\xbe\x95\x96\xd6l\x18\xe7{_\x94\x0e\xc6\x88\xc2\xa6\xd93%\xe5\x12\x9fowss\xd1\xae]\x1e\x8f\x87\x1c[\xff\xce\x1d;\x88\x08+A;1\xbc\xb5`S\xd6\x9e\x94\x1f\xec\xdcID\x17\xa5\xa6vON\xb6\xf9\xfc\x89E\x08\x91\xe8r}\xabK\x17"\xda]T\xb4\xee\x9f\xff$\xa2\xde))N\xac\xbf\xa4\xb8\xb8\xa1\xa1\x01\x17\x85ub\x08\x00\xb0)k\x1dzEE\x05\x11\xa5y&lt;\xc9n\xb7\xe9\x84nH\x12i\x8cuOJ"\xa2\xea\xaa\xaa\xe3\xc7\x8f\x93c\xeb\xaf\xad\xad\r\x85B\xf1\xae\x08b\x08\x01\x00vd]\x83\x1a\x0c\x06\x0f\x1e8@D\x03\xfd~\xdd!\xd7%1\xc6\x0c!\x06\x04\x02DT^Qq\xf8\xf0a"\x1a\xe0\xcc\xfa\xeb\x1a\x1aJJJ\x08\xe7\x81;/\x9c\x03\x00\xfb\x92RF\xa3Q"\nx&lt;\x9c1\x07t\x9fDD$\x89\xbax&lt;Dd\x18\x86`\x8c\x88\xba8\xb3~!\x84a\x18\xf1.\x07b\x08G\x00`k\xd6\x99\x00\xc3\tc\xe7\xb3Y\x05\xb7\xdc]\xcb\xa1\xf5S{\xdc\x94\x18\xec\x0c\x01\x00\x0e\xe0\xb8N\x88}\xed_\xed\xcfq\x05C\xdb \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94\x1e\xef\x02ZEJ\xd9\x86\x7f\xc5\x18k\xf7J\xda\xc6\xe9\xf5\x03@\xa7d\xd3\x00\x90R\n!\xa4\x94\x8c1\xc6\x18\xe7m9Ri\x97\'i\x1b\xa7\xd7\x0f\x00*\xb0W\x00X]\x1e\x11i\x9a\xa6iZ\xcb\xe3\xc1`P\x08\xc1\x18k\xe5P\xda\x1a;\xfb\xfd\xfe\xb3\x9f\xc4\xeaL9\xe7\xb1\x1bY;\xbd~\x00P\x8a]\x02@Ji\x9a\xa6\xae\xebV\x97W___XX\xb8m\xdb\xb6\x8f&gt;\xfa\xb0\xaa\xba\xba\xa4\xa4\xd80\xcc\xf3}\xce\xac~Y\xfe\x80\x7f\xe4\x88\x91\xc3\x86\r\x1b5jT\xcf\x9e=\xad\xc7\r\xc3\xe0\x9c\xb7\xef\x80\xda\xe9\xf5\x03\x80\x82l\x11\x00\xa6ij\x9a\xa6\xebz$\x12Y\xbf~\xfd\xaaU+w\xec\xdcy\xfc\xd8\xf1\x0b|\xda\xaa\xca*"\xca_\x9fOD\xfe\x80\x7f\xc4\xf0\x11S\xee\x9er\xeb-\xb7fdd\x10\x91a\x18\x9a\xa6\xb5\xcbh\xda\xe9\xf5\x03\x80\x9a\xe2\x1c\x00\xd6\x94\x88\xa6i\xc1`0//o\xd5\xf3\xab\xf6\xec\xde\xd3\xf2\xdd\xc4do\x97n\xfe\xd4\xae\xc9\x99}\xd2\x92}^\xd3\x14\x8c\xbe\xb9\xbf\x93$\x19c\xa6a\x9e&lt;X\xdeT\x17\xaa8YS_\xdbP[S\xbbq\xe3\xc6\x8d\x1b7\xce\xfb\xf5\xaf\xef\xbdw\xfa\xfd\xf7\xdf?p\xe0@"\x12B\\\xc8P\xda\xe9\xf5\x03\x80\xca\xe2\x19\x00\xd6\xc0\x99\x88V\xacX\xb1\xf0\xc9\x85\x07\xf6\x1f\xb0\x1e\xef\xda=0p\xe4%Cr\xfa\xf7\x1a\xd8\xdd\xdf5%!\xd1\xadi\x9cqNt&gt;ki$\x99\x86\x19\x8d\x18uU\x8d\xa5GN\xef/\xfc\xb8\xf8\xfd\x8fO\x1e.\xfb\xf4\xd3\xb2\xc5\x8b\x17/[\xbe\xec\'\x0f\xffd\xee\xdc\xb9&gt;\x9f\xcf0\x0c]o\xcb\xef\xc1\xe9\xf5\x03\x80\xe2\xe2\xd6qX\xbdgii\xe9\xcc\x993\xf3\xf3\xf3\xad\x07{eu\xbbv\xda\x95\xd9\xd7\x0cJ\xed\x92L$\xa3a\xc3\x88\x9a\xa1\x86\xb05\xd2f\xe7\xd3\x832"b\x8c3\x96\x9a\x96\x94\xd6}\xc0\xd0\xab/\r54\x1f\xfc\xe0\x93\x8d/\xbeW\xbc\xed\xe3\x9a\xea\x9a\x05\x0b\x16\xacY\xb3f\xd9\xb2e999\xd6\x19\xda\xf3\x9aNqz\xfd\x00\x00\xf1\t\x00k\xd0\x9a\x9f\x9f?s\xe6\xcc\xd2\xd2R"\xea\xd6\'\xfd\x86\xfbrFN\xba,1\xc5\x13j\x0c7\x06\x9b\x88\x88qk\xf9#\xa3V\xcc\x9c|\xe5kE\xcdh\xc4$)\xb9\xc6/\xcb\x19\xf0\xad1Y\xc5\xdb\x0e\xe7\xaf|g\xff\x8e#\x07\x0e\x1c\xb8\xf6\xdak\x17.\\\x98\x9b\x9bk\xad\xdeie\x1f\xea\xf4\xfa\x01\x00(.\x01`\xf5\x9eyyy\xb3g\xcf&amp;"F\xec\xea\xef\x8e\xbc\xf5\x81\xebS\xd3\x92\x9b\xeaB\r\xb5M\x9cs\xae\xb5\xdb\xbc\xf6\x99\x911#\xa2\xa6\x86\x10\x11\x1b\x923`\xf0\x95Yo\xad\xd9\xf6\xc6\xb3o\x85\x1a\x9b\xe7\xce\x9d[\\\\\xbct\xe9R\xd34[\xb3\xc8\xd2\xe9\xf5\x03\x00X::\x00\xac\xb5\x92-\xbdgRj\xe2\xb4_\xde4\xf6\x96+\x9a\xea\x9b\xeb\xab\x1b5\xbd=\xbb\xce/\xb2\xce\x976\xd5\x85\x18c\x93\xbf\x7fUVv\x9f\x95\x8f\xbdv\xf2`Y^^\x1e\x11-]\xba\xf4\x1b\xc7\xd1N\xaf\x1f\x00\xa0E\x87. \xb1\xe6\xcd\xcf\xf4\x9e\xcc\x97\x96\xfc\xd0\x1f\xee\x1dw\xdb\xf0\xba\xaa\x06a\nM\xef\xa0b\xb8\xc6\x19g\xb5\x95\xf5\x17\x0f\xee9\xf7\x7f\xbf\x7f\xc9\x90^\x8c\x98U\x15\xe7\xdc\xeaC;e\xfd\x00\x00g\xeb\xb8\x00\xb0z\xcf\x8d\x1b7Zc\xe7\x14\xbf\xf7\x17\xcbgee\xf7\xa9\xad\xa8\xd3\xf48\xacg\xd7u\xad\xa9&gt;\xe4MJ\xf8\xc5\xf2Y\x03\x86_LDyyy\x0b\x16,\xd04\xcd0\x8c\xceW?\x00\xc09:(\x00\x84\x10\x9a\xa6\x95\x97\x97O\x9f&gt;\x9d1\x96\x94\xea}\xe0w\xf7f\xf4\xee\xd2X\x17\xd2t\xed\x9b\xff}lp\x8dG\xa3\x86\x14r\xf6\xc2\xbb/\x1a\xd8\x9d\x88-X\xb0\xa0\xa0\xa0@\xd7u\xd3\xfc\xdc\x85\xbbN\xaf\x1f\x00\xe0\x8b:(\x00\xac\x9d\x12f\xcc\x98Q^^NDS\x7f\xf1\x9dA\xa3\xfb5\xd4\x85:l\xda\xe4\xabp\xce#\xe1hJ\x97\xa4\xfb\x9f\x98\x92\x94\xea\x91R\xce\x981\xa3\xac\xac\x8c1v\xf6\\\x8a\xd3\xeb\x07\x00\xf8\xa2\x8e\xe8\xbf\xac\xc9\x93\xd5\xabW\x17\x14\x14\x10\xd1\xb8\xdb\x86\x8f\xbbmXmE\xbd\x1e\xbf\xb1\xf3\xd94\x8d7\xd6\x85zeeN\xf9?\xdf&amp;\xa2\xf2\xf2\xf2G\x1ey\x84s\xde\xb2q\x9b\xd3\xeb\x07\x00\xf8R1\x0f\x00k7\xe3\xea\xea\xea\xc7\x1e{\x8cs\x9e\xd1+\xed\x8e\x9f\xde\xd0T\x17\xe2\x9a\x8dV\xaa\xe8\xbaV_\xd3\x98s\xcb\xb0a\xd7\x0e&amp;\xa2\x97^zi\xc7\x8e\x1d\xd6\tU\xa7\xd7\x1f\xef\xd2\x00\xc0\xbeb\x1e\x00\xd6\xe2\xf4\x15+V\x1c&gt;|X\x08q\xc3\xf7\xc6\xf9\xd2\x92\xa3Q\xd3vK\x15\x193\xa3\xe6M\xb3\xafq\'\xb8\xc2\xe1\xf0\xbcy\xf3\xac\xdd\x9b\x9d^\x7f\xbc\xcb\x02\x00\xfb\x8am\x00H)5M\x0b\x85B\xcbW,g\x8cu\xbf8}\xf4\x8d\x977\x06CZ,\x17\xcb\xb7\r\xe7\xac\xb9)|\xf1\xa0\x1e\xd6 z\xf3\x96\xcd%%%\x9a\xa6q\xce\x1d]?\x0e\x02\x00\xe0\xab\xc4\xb6#\xb3\xf6\xa8\xd9\xb8qc\xf1\xbeb)\xe5u\xf7\x8eML\xf5\x98\xa6]\xbb$\xc6\x8c\x88q\xfd\x8c\x9c\x04\xaf\xbb\xa9\xb1\xe9\xb9\xe7\x9e#"\xce\xb9\xa3\xebG\x00\x00\xc0W\xe9\x88\x91\xec\x8a?\xaf`\x8c\x052|\xc3\xae\x1d\xdc\xdc\x10\xe6\xdcf\x93\'gp\xce\x9a\x9b"\x17\x0f\xee9p\xd8%\x8c\xb1\x97_y\xb9\xa1\xa1\x81\x88\xac\xe1\xbf\x13\xebojj\xd2u\x1d\x13A\x00\xf0\xa5b\x18\x00\xd6\xfcO0\x18,,,\x94R\x0e\x1a\xd5\xd7\xd75\xd9\xb0\xe1\xec\xf9Y$1\xc6\xe8\xf2\t\x97J)KO\x95\x16\x17\x17\x1b\x86\xb1}\xfbv\x87\xd6_TTD8\x08\x00\x80\xaf\x10\xc3\x00\xb0\xfa\x9d\x9d;w\x9e:y\x8a\x88\xbe5\xae\xbf\x94D6\xee=\x89\x88s\x8a4G\x07\x8e\xbc$1\xd9c\x9a\xe6\x96-[\xf6\xec\xd9\xf3i\xe9\xa7\xe4\xcc\xfa\xd7\xad[Gg\xeeZ\x03\x00p\x8e\xd8\x1e\x01\x10Qaa!\x11y\x12\x13z\x0f\xe8\x1e\rG\xed\xdd\x7f\x12c\xcc\x88\x98i\xdd\xfc\x19\xbd\xd3\x88hW\xd1\xaew\xdf}\x97\x1c[\xff\x8e\x9d;\xe8\xcc\x16r\x00\x00\xe7\x88a\xd7`M\x95\xec\xfc`\'\x11u\xed\x11\x08\xa4\xa7\x9aQ\xd3\xe6\x1d(\x11\t!\x12\xbc\xae\x9e\xfd3\x89\xa8\xa8\xa8\xe8_\xff\xfa\x17\x11\xa5u\xf7;\xb1\xfe\x92\x92\x92\x86\x86\x06\\\x14\x06\x00_*\xb6\x01 \xa5\xac\xa8\xa8 \xa2\x94@\x92\')A\x08y!\xb7F\xe9\x18\x92\x88q\xe6\xcfH%\xa2\xea\xaa\xaa\xe3\xc7\x8f\x91\x03\xeb\x0fd\xf8\x88\xa8\xb6\xb66\x14\n\xc5\xbb"\x00\xb0\xa9X\x05\x80\x94\x92s\x1e\x0c\x06\x0f\x1e&lt;HD\xdd.I\xe7\x9a3\xaeKb\x8c\tSt\xbb$\x9d\x88NWT\x1c&gt;|\x98\x1cY\x7fW"\xaa\xaf\xab/))!\x9c\x07\x06\x80/\x13\xdb\x1b\xc2H)\xa3\xd1(\x11%\xfb\x13\x19g\x0e\xe8&gt;\x89\x88HJJ\xf6\'\x12\x91a\x18\x821r`\xfdI\xfeD"\x12B`kh\x00\xf8*1?=h\x9d\t\x10\x86\xc3F\xa0V\xc1-wZwh\xfd\x84\xbb\x83\x01\xc0W\xeb\xa8\xf5!\x8e\xeb\x85\xd8\xd7\xfe\xd5\xfe\x1cW0\x00t8,\x10\x04\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z\xbc\x0b\x00\x07\x90R\xb6\xe1_1\xc6\xda\xbd\x12p"\xa7\xb7\x1f\xa7\xd7\xff5\x10\x00\xf0%\xa4\x94B\x08)%c\x8c1\xc6y[\x8e\x14\xdb\xe5I\xc0\x89\x9c\xde~\x9c^\x7f\xeb!\x00\xe0\xdf\xac&amp;KD\x9a\xa6i\x9a\xd6\xf2x0\x18\x14B0\xc6Z9\x14\xb2\xc6&gt;~\xbf\xff\xec\'\xb1&gt;\x0c\x9csG\x8c\x8c\xa0\r\x9c\xde~\x9c^\x7f\x1b \x00\x80\x88HJi\x9a\xa6\xae\xebV\x93\xad\xaf\xaf/,,\xdc\xbe}\xdb\x87\x1f~X]]]RRl\x1a\xc6y&lt;\x1dc$e\xbf\xac\xac\x80?0|\xc4\xc8a\xc3\x86\x8d\x1a5\xaag\xcf\x9e\xd67\r\xc3\xe0\x9c\xdbs@\x04m\xe3\xf4\xf6\xf3\x15\xf5o?S\x7f\x89i\x9a\xe7\xfb\x9c\xfd\xfa\xf5\xf3\xfb\xfd#F\x8c\xb0s\xfbG\x00\x00\x99\xa6\xa9i\x9a\xae\xeb\x91Hd\xfd\xfa\xf5\xabV\xad\xdc\xb9s\xc7\xb1c\'.\xf0i+*\x0b\x89h\xdd\xfa|"\xea\x12\xf0\r\x1f1r\xca\x94)\xb7\xdcrkFF\x06\x11\x19\x86\xa1i\x9a\xadFC\xd06No?_\xa8\x7f\xd5\xce\x9d;\x8f\x1d;v\xa1\xf5WT\x10\xd1\xfa\xf5\xeb\x89(\x10\x08\x8c\x181b\xca\x94)\xb7\xdcr\x8b\xad\xda?\x02@i\xd6!\xad\xa6i\xc1`0//\xef\xf9\xe7W\xed\xde\xbd\xa7\xe5\xbb\xa9\xc9\x9e&gt;\xbdR2\xd3\xbdC\xfa\xfa\x03]&lt;\xd2\x10\xadi\xaeR\x12\xe3,\x1a5w\x16W\xd7\xd6\x86\x0f\x1d\x0bV\xd54U\xd7\x04\x0b\n6\x16\x14l\x9c\xf7\xeb_\xdfs\xef\xf4\xfb\xef\xbf\x7f\xe0\xc0\x81D$\x84\xb0\xc9P\x08\xda\xc0\xe9\xed\xe7\x0b\xf5?\xbf{\xf7\xee\x96\xef\xa6\xa4\xa4\\t\xd1E\xdd\xbau\x1b0`@\x97.]\x0c\xc3he\x7f\xcd\x18\x8bF\xa3\xbbw\xef\xae\xa9\xa9\xf9\xf8\xe3\x8f\xab\xab\xabkjj\n\n\n\n\n\n\xe6\xcd\x9bw\xcf=\xf7\xd8\xa7\xfd#\x00\xd4e\r|\x88h\xc5\x8a\x15O&gt;\xb9p\xff\xfe\x03\xd6\xe3}z\xf9\xae\x1b\xdb\xe3;\xd7\xf6\x19&gt;8\xadgf\x92\x96\xe4"\x8d\x93\xc6\xe8\xfc\x96BH\x8a\n\n\x9b\x95\x95ME\x07k\xd6o=\xb9~\xcb\x89\xbd\xfb\xabJ?-[\xbcx\xf1\xf2\xe5\xcb\x1e~\xf8\'s\xe7\xce\xf5\xf9|\x86a\xe8:\xda\xa1\xf38\xbd\xfd|\xbe\xfe\'\xf7\xef\xdfo=~\xd1E\x17M\x980a\xf2\xe4\xc9C\x87\x0e\xed\xd6\xad[JJ\x8a\xae\xebm\x18\xaaG\xa3\xd1p8\\^^^RR\xf2\xe6\x9bo\x16\x14\x14\xec\xdb\xb7\xaf\xb4\xb4t\xf1\xe2\xc5\xcb\x97/\x7f\xf8\xe1\x87\xed\xd0\xfe\xf1\xc1S\x94\xd5\xfaKKKg\xce\x9c\x99\x9f\x9fo=x\xf9\xa5]sg^v\xe7\xe4\xbe\xa9\xe9\x89$%5\x9b\x145E}DH\xa2\xf3_\t\xc79c\x8cu\xed\x9ax]\xcf\x94\xeb&amp;^\xfcD}\xe4\xedm\xa5O\xe5\x15\xe5o9Q]]\xb3`\xc1\x825k\xd6,[\xb6,\'\'\xc7:\xc3\x16\xf7\xc3ah=\xa7\xb7\x9f/\xad\xff[\xdf\xfa\xd6C\x0f=t\xdbm\xb7eddH)\x9b\x9b\x9b#\x91H0\x18\xa46\xad\x04\xb5V\xfeddd\xf4\xe9\xd3\xe7\xa6\x9bn\xaa\xab\xab\xdb\xbau\xeb\x1f\xff\xf8\xc7\x8d\x1b7VWW\xdb\xa4\xfd\xe3\xe8[E\xd6\xfcc~~\xfe\xa8\x91#\xad\xd6\x7fi\xdf\xc0\xf2E\xd7\xec\xf8\xfb\x1d?\x981$\xd5\xab\x9b5!\xb36,"\x86$\xe2\x9c\xe9\x1a\xd3u~\xbe\x7f\xac\xf5\x0e2*\xcc\xba\x88Q\x1d\xd2\x85\x9cx\xcdE\xeb_\xf8\xce\x86\xe7\xbfs}N/":p\xe0\xc0u\xd7]\xfb\x87?\xfc\x81s.\xa5l\xdbjk\xe8xNo?\xff\xae\x7f\xd4(\xab\xfe\xfe\xfd\xfb/Y\xb2d\xcb\x96-s\xe6\xcc\xf1z\xbdUUU555\xe1p\x98\xce\xac\x08\xd2\xcf\x9f5\xc5\x1f\x8dFkkk+++\x85\x10\x93\'O\xfe\xc7?\xfe\xb1v\xed\xda\t\x13&amp;\x9c\xa9\xff\xba\xf8\xb6\x7f\x04\x80r\xacC\xce\xbc\xbc\xbc\xc9\x93\'\x9f*-%b\x0f\x7fo\xc8\xb6\xd7\xef\xfc\xc1\x8c!nFfMH\x9aR\xd3\xb8\xa6\xb1vY\xb0\xc6\x18i\x1a\xd35.\x89\xcc\xba\x88h\x8cN\xbc\xb6O\xc1K\xb7&lt;=\x7f\x9c?9!\x1c\x8e\xcc\x9d;w\xf6\xec\xd9\x9csk\x9d\\;\xfc\x0f!\x96\x9c\xde~&gt;W\xff\xa9SD\xf4\xa3\x1f\xfdh\xeb\xd6\xads\xe6\xcca\x8cUVV\xb6,\x07j\x97!9c\xcc\xca\x0f"\xaa\xad\xadmhh\x98&lt;y\xf2\xbau\xeb\x16/^\x9c\x92\x92\x12\x0e\x87\xe3\xdb\xfe\x11\x00j\xb1\x1aw^^\xde\xec\xd9\xb3\x89(\xcd\xef\xf9\xcb3\xd7?\xfd\xe4\xb5&gt;\x8ffT\x85$\x91\xa6\xf1\x18\x1d\x892"Mc\x9c33\x18\x16\x8d\xd1\x87\x1f\x18\xf6\xd6_o\x1d6\xb8+\x11\xb3\xea\xd14\r\xc7\x016\xe7\xf4\xf6sN\xfd\x81@`\xd5\xaaU\xcf&gt;\xfb\xac\xc7\xe3\xb1\x16\xed\xb4m\xba\xbf\x954M\xe3\x9c\xd7\xd6\xd6666\xfe\xecg?\xdb\xb0a\xc3\xe5\x97_NDql\xff\x08\x00\x85X\xf3\x9egZ?\xeb\x91\x9e\xb8n\xc5\xb7\xa7L\x1d\x1c\xadh\x92\xa6\xd4u\xde1s\x90\xd6\xc7\xd88\xddt\xc5\xe5\x19\x1b_\xba%\xe7\x8a\x0c"nUe\x8d\x83:\xa4\n8oNo?\x9f\xaf\x9f233_{\xed\xb5\x193f\x9c&gt;}\xda\n\x86\x0e)\xff\xb3\x188}\xfa\xf4\xf0\xe1\xc3\xd7\xad[7j\xd4(:\x93\x01\x1d\xdf\xfe\x11\x00\xaa\xb0Z\xff\xc6\x8d\x1b\xad\xd6\x9f\xd1\xc5\xb3\xed\xb5;F\x8e\xecn\x945\xba\\\xb1\x1a\xb5}\r\xdd\xc5\xcd`s \xc9\xbd\xe9ow\\?\xa6;\x11\xe5\xe5\xe5-X\xb0@\xd34\xe3\xbc.\x1a\x82\x0e\xe1\xf4\xf6sN\xfd]\xbbv\xdd\xb4i\xd3\xd8\xb1cO\x9f&gt;\xedr\xb9:\xfe\x04\xac\xcb\xe5\xaa\xad\xadMIIy\xfb\xed\xb7\xc7\x8f\x1f\xff\x8d\xf5\xc7\x08\x02@\tB\x08M\xd3\xca\xcb\xcbgL\x9f\xce\x18\xeb\xe2\xf3\xfcc\xd9\x8d\xbd/\xf6\x19\xc1\xb0\xee\x8a[\x1b\xd0t."\xa6.\xe4\x9ag\'\x8d\x18\x92N\xc4\x16,XPPP\xa0\xebz\x1b.\xbc\x84\xd8qz\xfb\xf9w\xfd3f0\xc6\x02\x81\xc0+\xaf\xbc\xd2\xaf_\xbf\x9a\x9a\x1a\x97\xcb\x15\xaf\xfau]\x0f\x87\xc3B\x88\xd5\xabWggg\x13Q\xc7\xb7\x7f\x04\x80*L\xd3\x9c1cFYy9\x11-}\xfc\xaa\x91W\xf56j\xc3\xba\x1e\xe7\x06\xc05f6\x9bi]\xbd\x7f}fb\x17\x7f\x02Iy\xdf\x8c\x19eeeX\x12j7\x8ek?g\xcf\xa5X;=\xcc\x981\xa3\xac\xac\x8c\x88\xfe\xf0\x87?\\}\xf5\xd5\xf1\xed\xfd-\x9a\xa6\x85B\xa1\xf4\xf4\xf4\xe7\x9f\x7f&gt;\x10\x08\x10\xd1}\xf7\xdd\xf7\xc5\xfac\x07\x01\xa0\x04\x97\xcb\xb5z\xf5\xea\x82\x82\x02"z`\xda\xa0;\xa7\x0e\x8e\x965\xc6q\xecv6MgFm\xf8\x92A]\x97\xcc\xcf\x91De\xe5\xe5\x8f&lt;\xf2\xc8\xd9\xbbhA\xdc9\xae\xfdX\x0b+\xad\x1f\xb0&amp;\x7fZ\xea\x9f9s\xe6}\xf7\xddg\xcd\xfc\xc4\xb5\xf0\xcf\xe8\xba^[[;d\xc8\x90\xa7\x9ezJJYVVvN\xfd1e\x8b\xb7\x10b\xc7jFUUU\x8f=\xf6\x18\xe7\xac\xff\xc5\xbe\'\xfec\xac\x19l\x8e\xfb\xd8\xedl\xba\x8b\x1bUM\xdf\x9d2h\xca\x8d\xfd\x88\xd8\x9a\x97^*,,l\xd9\x9a\x11\xe2\xc8\xa1\xedg\xc7\x8e\x1d-\x0b+\x19c\xd5\xd5\xd5\x8f=\xf6\x18\xe7\xbco\xdf\xbe\xbf\xf9\xcdo\x82\xc1\xa0\xad.&gt;w\xb9\\\x95\x95\x95\xdf\xfb\xde\xf7n\xbb\xed6"z\xe9\xac\xfac\xfd\xd26z\x17!\x16\xac\x13J\xcb\x96=w\xf8\xf0a!\xe4\xa3?\xba"%=QFL\xbbM\xb1p\xc6dT\xfc\xe7\xdc\x11\x9e\x04\xad9\x1c\x9e7o^\xebw\xdf\x85\xd8qz\xfb1M\x93s\xbeb\xc5\x8a\xc3\x87\x0f\x0b!~\xf6\xb3\x9feffF"\x11\xbb\xcd12\xc6"\x91\xc8\xa3\x8f&gt;\x9a\x90\x90\x10\xee\xc0\xf6\x8f\x00\xe8\xe4\\.\x97\x10b\xc5\x8a\x15\x8c\xb1K\xfb\x05\xee\xbe}\x80\xa8m\xd6\xec4|\xb3p\xceDC\xa4\xff\xe5\x19So\xeaGD[\xb6l9t\xe8Prr2\x0e\x02\xe2\xcb\xb1\xedgsII\x89\xb5\xe02\x14\nY\xf5\x0f\x180`\xda\xb4i555\xb6\x1a\xfe[8\xe7\xf5\xf5\xf5\xc3\x86\r\xbb\xe3\x8e;\x88h\xcb\x96-V\xfd\xb1n\xff\xb6{#\xa1}\xa5\xa6\xa6n\xdd\xbau\xff\xfe\x03R\xcaGf\rM\xf0%HC\xd8k\xf0s\x06\xe3L\x86\xcd_\xcd\x1e\x9a\x94\xe8njjZ\xb6\xec9\x8f\xc7\x83\x00\x88/\x87\xb6\x9f\xc6\xc6\xa6\xe7\x9e{\x8e\x888\xe7\x1b7n\xdc\xb7o\x9f\x94277\xd7\xef\xf7\xdbv\x911\xe7\xbc\xb9\xb9y\xee\xdc\xb9\x89\x89\x89\x8d\x8d\x8dV\xfd\x08\x00\xb8 \x8c1k\xf8\xd333\xe5\xceo\xf7\x93\xf5\x11\xae\xd9\xf4M\xe7\x9c\x89\xc6\xc8\xc0\xcb3\xae\xbd\xb2\x07c\xec\x95\x97_.//OHH\x88w]Jsp\xfby\xe5\xaf\r\r\rDd\xd5\xdf\xbd{\xf7\xdbo\xbf\xbd\xae\xae\xce\xb6\xeb\x0b8\xe7\x8d\x8d\x8d\xc3\x86\r\x1b?~&lt;c\xec\x95W^ijj\xd2u=\xa6\x13A6}/\xa1\xbd\x9c:uj\xc7\x8e\xedR\xcaIW\xf5LJO\x14Q\xdb\xcd\xde\x9eMJ\x92\x8c\xddy\xc3\xc5R\xca\xe3\'N|\xf0\xc1\x07\x89^o\xbc\x8bR\x9as\xdbO\xe9\xa9O\x8b\x8b\x8b\r\xc3\xd8\xbe}\xbb\x94\xf2\xba\xeb\xae\xcb\xc8\xc8\x88F\xa3v\x9b\xfd?\x9bu\xca\xfa\xe6\x9bo\x96R\x96\x96\x96\x16\x15\x15Q\x8c\x0f\x02\x10\x00\x9d\x99\xaek\xef\xbf\xff\xfe\xa1\x83\x87\x88\xe8\x96k\xfb\x90$"\xfb\xb6~\xb2v\x92i6&amp;\x8e\xed\x99\x9a\x9c\x10\x8d\x1a\xeb\xd7\xafs\xbb\xdd\xf1.J]\xba\xe6\xdc\xf6\xe31Ls\xcb\x96-{\xf6\xec)--%\xa2\xc9\x93\'\xdb\x7fM\x81uY\xc05\xd7\\\x93\x9a\x9aj\x18\x86u71\x1c\x01@\x1b\xb9\xdc\xee\x9d;wF\r3\xd1\xe3\x1a&gt;8\x8d\xc2\x06\xef\xa0\xfdZ\xda\x881\x92a3\xb3WJ\xff\x8b}D\xb4s\xc7\x8e\xa8]glU\xe0vl\xfb\x19p\x89\x8f\x88v\x17\xedz\xf7\xddw\x89(99y\xe8\xd0\xa1\xcd\xcd\xcd6\xbf\xfd\x1cc,\x1c\x0e\xf7\xee\xdd\xbb_\xbf~D\xb4c\xc7\x0e"\x8ai\xcd\xb6\xfeu\xc0\x05\x8aD";w\xee \xa2Kz\'\xa7wO\x96\xf6&gt;~\xb7\x08!4\xaf\xeb\x8a\xc1]\x88\xa8\xb8\xa4\xb8\xbc\xbc\x9cb&lt;\x08\x82\xaf\xe2\xdc\xf6\x93=\xa8\x0b\x11\x15\xed.Z\xb7n\x1d\x11]t\xd1E={\xf6\xb4\xf9\xfc\x8fE\x08\x91\x98\x98x\xd9e\x97\x11QIIICCCL/\nC\x00tfB\x88\x9a\x9aZ"\xca\xec\xeaMHrK\xd3\x01\xdd\xa8\x94D\x9c\xf5\xee\x96DD\xf5\xf5\xf5\xcd\xcd\xcd\xf1\xaeH]No?U\xd5U\xc7\x8f\x1f\'\xa2\xf4\xf4\xf4\xe4\xe4dGl0%\xa5\xe4\x9c\xf7\xec\xd9\x93\x88\x82\xc1`(\x14\x8a\xe9\xcb!\x00:9\xeb\x8a\xcd\xcb\x06t!\xcd\x19\xd7U1\xc6\xc8\x14C\xfaw!"\xd6&gt;\xf7\x14\x81\xb6sl\xfb\t\x10\xd1\xe9\xf2\x8a\xc3\x87\x0f\x13\xd1\xa0A\x83\xac\xdd\xf6\xe3]\xdd7c\x8c\x99\xa6y\xe9\xa5\x97\x12Q0\x18,))\xa1X\x9e\x07\xb6\xdd\x05\x11\x10\x0b]\x03\x1e\xe2\xcc\t\xed\x9f\x88\x88$u\rx\xc8Z\x14a\xef\xb3\x8e\x8aph\xfb1\x0cC\x08ID]\xbat\xe9\xb0\xddu.\x9c\x942--\x8d\x88\x84\x10\xb1\xbej\x01G\x00J0\x0cg4\xfd\x16\x8e+\xb8ss\xdc\xdba\x15\xdcr\xa7u\xdb^\xfc\xf5UZ\n\x8e\xf5\x110\x02@\t\x8e\x9bGq\\\xc1\x9d\x9b\xe3\xde\x8es\nv\xdcDb\x87\x15\x8c\x00\x00\x00P\x14\x02\x00\x00@Q\x08\x00\x00\x00E!\x00\x00\x00\x14\x85\x00\x00\x00P\x14\x02\x00\x00@Q\x08\x00\x00\x00E!\x00\x00\x00\x14\x85\x00\x00\x00P\x14\x02\x00\x00@Q\x08\x00\x00\x00E!\x00\x00\x00\x14\x85\x00\x00\x00P\x14\xee\x07\x00\x00\xd0*\xf2,-\x0f\xb2\xb3\xc4\xb1\xb6\xb6A\x00\x00\x00|\x1d!\x84\x10B\xd34\xb7\xdb\xedv\xbb5M\xe3\x9c3\xf6\xd9-\xd2\x84\x10\x91H$\x1c\x0e\x1b\x86\xc1\x18\xb3\xf9}\xe7\xcf\x81\x00\x00\x00\xf8\x12RJ\xd34u]OIIq\xbb\xdd\r\r\r\xa5\xa5\xa5\xc7\x8f\x1f/++\xab\xac\xac\xb4\xeeV\x9d\x94\x94\x94\x99\x99y\xf1\xc5\x17_r\xc9%iii\xd1h\xb4\xbe\xbe\xde\x8a\x87x\x97\xdf*\x08\x00\x00\x80sI)\x13\x12\x12\x12\x13\x13\x83\xc1\xe0\x96-[\xf2\xf3\xf37o\xde|\xe8\xd0\xa1\xda\xda\xda/\xfe\xb0\xcb\xe5\xea\xd3\xa7\xcf5\xd7\\s\xcf=\xf7\xe4\xe4\xe4\x84\xc3\xe1\xe6\xe6fM\xd3:\xbc\xea\xf3\x86\x00\x00\x00\xf8\x1c)\xa5\xa6i\'N\x9c\xf8\xdb\xdf\xfe\xf6\x97\xbf\xfce\xf7\xee\xdd_\xff\xf3\xd1h\xf4\xf0\xe1\xc3\x87\x0f\x1f\xce\xcb\xcb\x9b:u\xeao~\xf3\x9b^\xbdz\xd5\xd5\xd5\xd9?\x03\x10\x00\x00\x00\x9fc\x9af \x10x\xe2\x89\'\x16.\\\xd8\xf2 c\xaco\xdf\xbe\x03\x07\x0e\xec\xd7\xaf_zz\xba\xd7\xeb\x95R\xd6\xd6\xd6\x1e=zt\xd7\xae]%%%D\xa4i\xda\x9a5k\xde{\xef\xbd5k\xd6\x0c\x1f&gt;\xdc\xfe\x19\x80\x00\x00\x00\xf8\x1c\xcey(\x14\x9a:u\xea\xa2E\x8b\x84\x10\x83\x07\x0f\xbe\xed\xb6\xdb&amp;M\x9a4h\xd0 \xbf\xdf\xefr\xb9\x88\xc8:\x03\xcc\x183M\xb3\xae\xaen\xe7\xce\x9dO?\xfd\xf4?\xfe\xf1\x0f\x97\xcbu\xfc\xf8\xf1[o\xbdu\xd3\xa6M\x17_|q(\x14\xb2\xf3ia\x04\x00\x00\xc0\xe7p\xce\x9b\x9b\x9b\x07\x0c\x18\xf0\xab_\xfd\xaa\x7f\xff\xfe\xb7\xdf~\xbb\xcf\xe7\x0b\x87\xc3\xa1P(\x18\x0c\x9e\xbd\x06\x94\x88\x18c\x9a\xa6]}\xf5\xd5\xd7]w\xdd\x92%K~\xfa\xd3\x9f\xba\xdd\xee\x8a\x8a\x8a\x07\x1f|p\xdd\xbau\xf1\xfa/\xb4\x12\x02\x00\x00\xe0\\\x8c\xb1\xe6\xe6\xe6\xf9\xf3\xe73\xc6\x1a\x1a\x1a***\xac\xb5=_5\xa5SWW\'\xa5|\xe0\x81\x07\xa4\x94\x0f=\xf4\x90\xae\xeb\x9b6m\xfa\xe7?\xffy\xeb\xad\xb7\xd6\xd6\xd6\xdav"\xc8\xbe\xc7&amp;\x00\x00q\xc4\x18\x0b\x06\x83\xb5\xb5\xb5B\x08]\xd7\xbf~q\xa7\xa6i\x9a\xa6UTT\xfc\xf8\xc7?\xbe\xee\xba\xeb\xack\x02V\xaf^m\xf3\xf5\xa0\x08\x00\x00\x80/gu\xeb\xad\xec\xc4\xad\x1f\x93R\xfe\xf0\x87?\xb4\xbe(,,\xac\xa8\xa8p\xb9\\\xe7\xcc\x1a\xd9\x07\x02\x00\x00\xa0}h\x9a\x16\n\x85\x86\r\x1b\x96\x94\x94DDeee\'O\x9et\xbb\xdd\x08\x00\x00\x80\xce\xcf0\x8c@ \x90\x99\x99i}]UU\xa5i\x1a\x02\x00\x00\xa0\x93\xb36\x08r\xb9\\\x89\x89\x89\xd6#\xe1p\xd8\xce\xcb@\xed[\x19\x00\x80\xb3H)\x19cB\x88h4j=\xa2\xeb\xbam\x87\xff\x84\x00\x00\x00hG\x9c\xf3\xa6\xa6\xa6\x9a\x9a\x1a\xebk\xbf\xdfo\x9a\xa6m\xd7\x02!\x00\x00\x00\xda\x87\x94\xd2\xedv\x1f?~\xbc\xaa\xaa\x8a\x88\x02\x81@\x8f\x1e=\xa2\xd1(\x02\x00\x00\xa0\x93\x13Bx&lt;\x9e\xb7\xdez\xcb\x1a\xf5\x0f\x192\xa4{\xf7\xee\x91H\x04\x01\x00\x00\xd0\x99Y\xa7\x7f+++W\xacXa\xfd\xf5\xf6\xdbow\xbb\xddB\x88x\x97\xf6\x95\xb0\x15\x04\x00@;0\x0c###\xe3g?\xfb\xd9\xd1\xa3G\x19c\xbd{\xf7\xbe\xfb\xee\xbbm\xbe!(\x8e\x00\x00\x00.T4\x1a\xcd\xc8\xc8X\xb9r\xe5\xef\x7f\xff{\xeb\xd2\xdf\xc7\x1e{,==\xdd\xce\xf3?\x84\x00\x00\x00\xb8\x10RJk\xec\xff\xc2\x0b/\xcc\x9a5\xcb\xe5rE\xa3\xd1\xef\x7f\xff\xfb\xd3\xa7O\xaf\xa9\xa9\xd1u[\xcf\xb2 \x00\x00\x00\xdaH\x08\xc1\x18KOO\xff\xdd\xef~w\xdf}\xf7\x11Q$\x12\xf9\xcew\xbe\xf3\xdf\xff\xfd\xdf\xd6\xcd\x81\xe3]\xe07\xb0u:\x01\x00\xd8\x96a\x18IIIB\x88\x1f\xff\xf8\xc7K\x96,\xb1\xc6\xfe\xdf\xfd\xeew\x97/_n\x9a\xa6i\x9a\xf6\x0f\x00\xbb\xd7\x07\x00`C\xd6\x9e?\'N\x9c\xb8\xf1\xc6\x1b\x97,Y\xa2iZ4\x1a\xcd\xcd\xcd}\xfe\xf9\xe7\r\xc30\x0c\xc3\xfe\xbd?\xe1\x08\x00\x00\xe0|\x19\x86\xd1\xa5K\x97\xad[\xb7\xde{\xef\xbd\xa5\xa5\xa5D\xe4r\xb9\x9ey\xe6\x999s\xe6\xd4\xd4\xd4H)\x1d\xd1\xfb\x13\x02\x00\x00\xe0\xbcX\xb7\x8c\x7f\xf3\xcd7\xef\xbc\xf3\xce\x86\x86\x06"\xca\xca\xca\xfa\xf3\x9f\xff\x9c\x93\x93SQQ\xa1i\x9aSz\x7fB\x00\x00\x00\xb4\x9e\x10"))i\xef\xde\xbdw\xdf}wcc#\x11\xe5\xe4\xe4\xacY\xb3&amp;##\xe3\xf4\xe9\xd3\xd6\xfd\xe2\x1d\x04\x01\x00\x00\xd0Z\x9cs\xd34\xe7\xcc\x99S[[KDW^y\xe5\x1bo\xbc\x91\x90\x90\x10\x0c\x06\x1d\xd7\xfb\x13N\x02\x03\x00\xb4\x92i\x9a\xa9\xa9\xa9\xaf\xbe\xfajaa!\xe7\xbc[\xb7n/\xbc\xf0\x82\xd7\xebmjj\xb2\xf9z\xff\xaf\x82\x00\x00\x00h\x15k\xaf\x7f\xebV\xefB\x88\xff\xf8\x8f\xff\xe8\xd7\xaf_}}\xbdC{\x7fB\x00\x00\x00\xb4\x86\xb5\xd7\xdb\xa7\x9f~\xbak\xd7.)e\xb7n\xdd\xee\xb8\xe3\x8e`0\xe8\xdc\xde\x9f\x10\x00\x00\x00\xadq\xce^\xffW^yeff\xa6\x9d\xf7\xfao\r\x04\x00\x00\xc07\x93R\xea\xba~\xfa\xf4i\xd34\x89h\xd0\xa0A6\xbf\xddck \x00\x00\x00Z\x85sn-\xfe!\xa2\xee\xdd\xbb[w\x00\x8ekE\x17\xca\xc1\xb3W\x00\x00\x1d,\x1c\x0e[\xd7y\xa5\xa6\xa6\xda\xf9N/\xad\x84\x00\x00\x00h\x15\xc6X$\x12\xb1\xfa\xfdN0\xfc\'\x04\x00\x00@kp\xce\x1b\x1a\x1a&amp;M\x9a\xf4\xfa\xeb\xaf\x13\xd1\xa0A\x83\x1a\x1b\x1b\x1d\xb4\xeb\xc3\x97B\x00\x00\x00|3\xc6X4\x1a\xed\xd5\xabWVV\x16\x11\x85B!\xa7/\x01"\x04\x00\x00@+YS@\xcd\xcd\xcdD\xc49wz\xefO\x08\x00\x00\x80\xd6c\x8c\xd9\xf9&amp;\xef\xe7\xcb\xd9\x13X\x00\x00\x1dLJ\xd9\t\xd6\xffX\x10\x00\x00\x00\xad%\x84p\xbb\xdd\x1e\x8fGJ\xe9\xf4\xab\xc0\x08\x01\x00\x00\xd0J\x8c\xb1\xe4\xe4\xe4\xd2\xd2\xd2#G\x8e\xb8\\.\xb7\xdb\xed\xf4\x0c@\x00\x00\x00|3k/\xa0_\xfe\xf2\x97#G\x8e\x1c=z\xf4\xcd7\xdf\\QQ\xe1r\xb9\x1c\x9d\x01\x08\x00\x00\x80o \x84HNN~\xff\xfd\xf7\xff\xf8\xc7?\xd6\xd5\xd5\x85\xc3\xe1\xcd\x9b7?\xfb\xec\xb3\xc9\xc9\xc9\xd6\xd6@\x0e\x85U@\x00\x00\xdf\xc0\xda\tn\xff\xfe\xfd\x9a\xa6Y\xab?\x19c%%%\xa6i:z1(\x8e\x00\x00\x00Z\xc5\x1a\xefs\xce5M\x13B$&amp;&amp;:\xfdJ`gW\x0f\x00\xd0\x018\xe7\x8d\x8d\x8d\xe3\xc7\x8f\xcf\xcc\xcc\x8cD"\xe1pXJy\xe7\x9dw:z\xfe\x870\x05\x04\x00\xf0\x8d\xack\x80\xbbu\xeb\xf6\xc6\x1bo\xac\\\xb9\xb2\xa9\xa9\xe9\x86\x1bn\xb8\xf9\xe6\x9b\xeb\xeb\xeb\x1d}]\x18\x02\x00\x00\xe0\x9bq\xce\x9b\x9a\x9a\x86\x0c\x19\xf2\xcc3\xcfX\xd7\x82\xd5\xd5\xd59\xfa\x04\x00!\x00\x00\x00Z\x89s\x1e\n\x85\x1a\x1b\x1b\xad~\xdf\xd1c\x7f\x0b\x02\x00\x00\xa0\xb58\xe7N?\xf1{\xb6\xce\xf3?\x01\x00\x80\xf3\x82\x00\x00\x00P\x14\x02\x00\x00@Q\x08\x00\x00\x00E!\x00\x00\x00\x14\x85\x00\x00\x00P\x14\x02\x00\x00@Q\x08\x00\x00\x00E!\x00\x00\x00\x14\x85\x00\x00\x00P\x14\x02@\t\x8e\xdb\xb1\xcaq\x05wn\x8e{;\xce)\xd8q[\xb6uX\xc1\x08\x00%D\xa2\x82\x1cu\xe3\xd2HT\xc4\xbb\x04\xf87\x87\xb6\x1fk\xcfN"\x8aF\xa3\xce\xbaso4\x1a\xb5\xbe\xb0\xea\x8f\x1d\x04@\'g5\xa0\x0f\xf6U\x92!8w\xc08HJI:\xff\xb0\xb8\x92\x1c8\xf0\xec|\x1c\xdb~\xaa\x88(33#++\x8b\x88v\xef\xdem\xdd\xc9+\xde\xd5}3\xeb\xde\x93EEED\xe4\xf3\xf9\xfa\xf7\xefO\xb1&lt; p\xc0o\x04.\x84\xcb\xe5&amp;\xa2\xca\x9af#l8\xe6@X\xca\xf2\xca\x10\x11\xb9\\.G|h;1\x97\xcbENl?U!"JMI\xcd\xcc\xcc$\xa2\xea\xea\xea\xe6\xe6f\xa7\xd4/\xa5\xac\xa8\xa8 \xa2\xc4\xc4\xc4@ @\x08\x00h\x1b\x8f\xc73l\xd8p":t\xb4\xae\xe6t#ss\xfb\x1f\x07s\xced\xd8\xfc\xa0\xb8\x8a\x88\x06\x0e\x18\xd8\xad[7r\xe0\x1cn\xe7\xe0\xf1x\x86\r\x1bA\x0el?\x1f\x15W\x11\xd1\x90!Cn\xb8\xe1\x06":r\xe4HYY\x99\xdb\xed\xb6\xffD\x10\xe7&lt;\x1c\x0e\xef\xde\xbd\x9b\x88\xfa\xf7\xef\x9f\x94\x94$\x84@\x00@[\x98\x861l\xd80\xceX}c\xa4\xf8p-%\xe8B\xd8\xfa\x03 %q\xb7V[\xd1x\xe0H\x90\x88\x86\x0e\xcd\xf6z&lt;\xf1.J]\x86c\xdb\xcf\xfe#A"\x1ar\xd9e\xe3\xc6\x8d#\xa2`0\xb8\x7f\xff\xfe\x84\x84\x84XO\xa9_ )\xa5\xdb\xed.//?t\xe8\x10\x11eggs\xcecZ3\x02\xa03\x8bF\xa3c\xc7\x8e\xed\xdd\xbb\xa7\x90r\xdd\xd6\x13\xa4q\x9b\x8f\x80\x84\x90\xd2\xa3\xbf\xffAyEU#\xe7|\xe2\r7\x18\x0e\xbf\xe9\xb6\xa39\xb7\xfd\x9c\xaej\xe0\x9c\x8d\x1bw\xd5\xa8Q\xa3\xfc~\xbf\x10b\xe3\xc6\x8d\xba\xae\xdb\xbe~\xe1\xf5z\xb7m\xdbVQQ\xc19\xb7\x0e_bz\xf8\x8b\x00\xe8\xcc\xa4\xa4\xfe\xfd\xfbg_1\x8c1\xf6\xc6[\'\x8c\xba\xb0\xa6\xdb\xfb\x1d\x97\x92\xe9\xfc\x95\r\x9fH\xa2\xf4\xaei\xe3\xc6\x8dkjj\x8awM\xea\x92\xe4\xd8\xf6#\xc9\xef\xf7\x0f\x1f&gt;&lt;111;;\x9b1\xb6~\xfd\xfa\xba\xba:]\xb7\xf5=\x10\xad3\xc0k\xd7\xae\x95R\xfa\xfd\xfe\x9c\x9c\x1c"\x8a\xe9i0{\xbf\x9dp\xc1t]\xbf\xfb\xee\xa9R\xca\x83Gj\xb6\xbe\x7f\x92%\xbbM\xd3\xa6\x83 )\x89{\xf4\xaac\xc1\x7fm&gt;AD\x93&amp;O\xee\xd5\xabWsss\xbc\xebR\x9as\xdb\xcf\xe4I\x93\xad3\xa8S\xa7N\x95R\x1e:th\xf3\xe6\xcd)))\xa6]\x8f)\xa5\x94\x1e\x8f\xe7\xe8\xd1\xa3\x05\x05\x05D4y\xf2d\x9f\xcfg\x9a&amp;\x8e\x00\xa0\xed\x1a\x1a\x1an\xbb\xed\xb6\x8c\xf4t!\xe5\x7f.\xd9EB\x92]\xcf\xa7\x9a\xa6`\xc9\xeeg\x9e\xdf[^\xd9\xa8i\xda\xacY\xb3\xe3]\x118\xb5\xfd\xe8\x9a6k\xf6l\xc6\x98\x94\xf2\xae\xbb\xee\xca\xcc\xcc\x94R.^\xbc8\xd6\xfd\xe9\x850M3%%\xe5O\x7f\xfa\xd3\xe9\xd3\xa75M\x9b5kV\x07\x94\x8a\x00\xe8\xe4B\xa1\x90\xd7\xeb\x9dv\xcf=R\xca\xb7\xb7\x95nz\xfb\x98\x96\x9a`\xc3A\x9c5|\xab&gt;Q\xf7?/\x960\xc6\x86\x0e\x1d:n\xdc\xb8\xba\xba:M\xd3\xe2]\x9a\xd2\x1c\xda~\xb2\xaf\xc8\x9e0a\x82\x10\xc24\xcd\xb4\xb4\xb4\xe9\xd3\xa7K)\xdfy\xe7\x9d\xfc\xfc|kX\x1d\xefz\xcfe\r\xff\x8f\x1d;\xb6l\xd92\xc6\xd8\x15W\\a\xd5\x1f\xeb\xf6\x8f\x00\xe8\xe44M\x93R\xfe\xe8G?\xf2\xfb\xfdD4\xff\x99\x0f\xc9\x94\xd2~c \xd3\x10&lt;\xc5\xfd\xbb\xe7\x8a*\xaa\x9b\x88\xe8\xe7?\xffy\xcbe\x9c\x10G\x8em?\xbf ")%\xe7\\J9{\xf6l\xab\xfe\'\x9f|\xd2\x9e\x07\x01\x86a\xa4\xa4\xa4&lt;\xfd\xf4\xd3\x95\x95\x95D\xf4\xf3\x9f\xff\x9c\xac\x8b\xdab\x0c\x01\xd0\xc9q\xce\x19c\x97^zinn\xae\x94rsa\xe9\xff&gt;\xb7K\xef\x9ah\xd8i\xaf\x05\xd3\x10\xba?a\xd7{\xa7\x16/\xdf\xc3\x88\xae\x1e?~\xea\xd4\xa9\x8c1\x0c\xff\xe3\xce\xa1\xedg\xca\x94)\xd6\xf0\xd9ZF9`\xc0\x00\xab\xfew\xdf}\xf7\xe9\xa7\x9fNKKk\xd9k\xc1\x0e\x0c\xc3\x08\x04\x02[\xb6l\xf9\x9f\xff\xf9\x1f"\xba\xfa\xea\xab[\xea\x8f\xf5K#\x00\x94`\x18Fnnn\xdf\xbe}\x19\xa3_=\xb5cOa\xa9\xee\xf7\x98\x86-&gt;\xc3RH\x96\xa07\xd5G\xbe\xf7\xcbM\x91\xa8\xa9i\xda\xe2\xa7\x9e\xb2\xf9r=\xd58\xba\xfdp\xceM\xd3&lt;S?{\xec\xb1\xc7\xb6m\xdb\x16\x08\x04\x0c\xc3\x88c\xd9-\x84\x10\t\t\tuuu\x0f&lt;\xf0@$\x12\xd1u}\xf1\xe2\xc5\x1d\xd6\xfe\x11\x00J\x90R\xfa|\xbe\xd5\xabWk\x9a^\xdf\x18\x9d&gt;\xf7\xcd\xea\xaa\x10K\xd0E\xbc\'s\xa5$C\x12\xf7h\x0f&gt;\xb2y\xf7\x81*)\xe5\xa2\xc5\x8b\x87\x0f\x1fn\xc3YZ\x959\xae\xfd\x08!ZVO2\xc6\x18cg\xea\xd7\x1a\x1a\x1a~\xf8\xc3\x1fVTTx&lt;\x9e\xb873)\xa5\x94\xd2\xeb\xf5&gt;\xf4\xd0C\xfb\xf6\xed\x93R.Z\xb4\xe8\x9c\xfac\n\x01\xa0\x04\xce\xb9a\x18\xa3G\x8f^\xb4h\x11\x91\xdc}\xb0\xfa;\xf7\xade\x1a\xe3\x1e-\x8e\'\xf4\xa4\x90BJW\xb7\xa4\xb9\xffw\xf3\x9f\xff~\x90\x88\xee\xba\xeb\xae\xdc\xdc\\\xc300\xf9c+No?\x9f\xaf\x9f\x8a\x8b\x8bo\xb9\xe5\x16M\xd3&lt;\x1eO\x1c\x8f\x03\x84\x10R\xca\xae]\xbb\xfe\xe4\'?Y\xb3f\r\xc5\xa3\xfd#\x00T\xa1\xeb\xbau ?k\xd6,"z\xbf\xa8b\xf2\xf4\xb55u\x11-\xd5\x1d\x97\xf9\\\xd3\x10\xcc\xa5i\xc9\xee\xb9\xff\xdf\x9b\x7f|\xbe\x84\x88F\x8e\x1c\xb9t\xe9\xd2\x8e\x99\xfa\x84\xf3\xe5\xf4\xf6sN\xfd\x1f|\xf0\xc1M7\xdd\x14\x0c\x06\xfd~\x7f\\\xce\x07\x18\x86\xe1v\xbbSRR\x1ex\xe0\x81\xa5K\x97R\x9c\xda?\x02@!\x9a\xa6\t!\x96.]:k\xd6,"\xb9\xe1\xdd\x93\x93f\xac=t\xb8F\xef\xea5M\xd9a\xdb\xbcH)\x8d\xa8\xd0|\t\xf5Q\xf3\x87\xb9\x1b\xff\xf0\xe7=R\x98#G\x8e\xcc\xcf\xcf\x8f\xf5\xde\x87p!\x9c\xde~&gt;_?m\xda\xb4\xe9\xe6\x9bo&gt;p\xe0@FF\x86i\x9a\x1d\xb6\xe4LJ\x19\x8dF\xfd~\x7f$\x12\x999s\xe6\xb3\xcf&gt;+\x84\x88W\xfbG\x00(\xc4\x9a\x0c5M\xb3\xe53\xb0cOE\xce\xed\xaf\xad\xf9\xeb~\xcd\x9f\xc0\x13]\xa6!b\xfa1\x96\x92\x0cC0]\xd3\xd3\x13\xb7\x7fP6\xe1\xce\xd7\x96\xbfz\x80\x88F\x8d\xfa\xac\xf5w\xd8\xd4\'\xb4\x81\xd3\xdb\xcf\x17\xeb\xff\xe8\xa3\x8f\xae\xbe\xfa\xea\x95+W\x06\x02\x81\xa4\xa4$\xc30b\x1a\x03RJ\xc30\\.WFF\xc6\xb6m\xdb\xae\xbd\xf6\xda\x17_|\x91\x88F\x8d\x1a\x15\xaf\xf6\x8f\x0f\x9bZ\x18c\xd6\xc2\xb8\xa5K\x97\xce\x9b?\x9f\x88*jB\xd3~\xb2\xf1\x9e9\xf9{\x0fTk]\xbc&lt;\xd1e\x9a\xd20\xa5h\xbfu\x08R\x92iJ\xd3\x10\xcc\xc5\xf5\xb4\xc4\xd3\xb5\xcd\xbf~\xfc\xdd\t\xdf}\xdd\xba\xeb\xcb\x94)S\xd6\xafG\xef\xef\x0cNo?g\xd7?\x7f\xfe|"\xaa\xae\xae\xfe\xfe\xf7\xbf?u\xea\xd4}\xfb\xf6\xa5\xa5\xa5%&amp;&amp;\x9a\xa6i\x9af;\xae\xc3\x91R\x9a\xa6iu\xfd\xe9\xe9\xe9\xd5\xd5\xd5\xbf\xfa\xd5\xaf\xae\xbf\xfezk\xcf\xe7)S\xa6\xac_\xbf&gt;^\xed\x1f\x9f7\xe5X\xe3 !\xc4\xfcy\xf3\xd6\xaf_\xdf\xb3G\x0f"\xf9\xd2\xdaC\xa3ny\xf5\x87?\xdd\xb8w\x7f\x95\xe6O\xd0\x03\x1e\xee\xd6\xac\x0f\x9ea\x08\xd3\x94m\xf8c\x18\xc20\x85\x10\x92\x</t>
        </is>
      </c>
    </row>
    <row r="89">
      <c r="A89" s="1" t="n">
        <v>87</v>
      </c>
      <c r="B89" t="inlineStr">
        <is>
          <t>circle_size_number</t>
        </is>
      </c>
      <c r="C89" t="inlineStr">
        <is>
          <t>What is the missing number of the part denoted with a question mark?</t>
        </is>
      </c>
      <c r="D89" t="inlineStr">
        <is>
          <t>[1, 5, 3, 2]</t>
        </is>
      </c>
      <c r="E89" t="inlineStr">
        <is>
          <t>2</t>
        </is>
      </c>
      <c r="F89" t="inlineStr">
        <is>
          <t>There are 6 numbered circles with varying sizes arranged in a ring with number [6, 6, 1, 1, 2, '?'] in a clockwise order.</t>
        </is>
      </c>
      <c r="G89" t="inlineStr">
        <is>
          <t>We observe that the size of the circle is related to the number in the circle. The circle with the largest value 6 seems to be the biggest and the circle with the smallest value 1 seems to be the smallest. Thus, the pattern is that the larger the number the larger the circle.</t>
        </is>
      </c>
      <c r="H89" t="inlineStr">
        <is>
          <t>Based on the pattern that the larger the number the larger the circle, the missing number of the circle denoted with a question mark should be 2.</t>
        </is>
      </c>
      <c r="I89" t="inlineStr">
        <is>
          <t>b'\x89PNG\r\n\x1a\n\x00\x00\x00\rIHDR\x00\x00\x02\x00\x00\x00\x02\x00\x08\x02\x00\x00\x00{\x1aC\xad\x00\x00\x89\xa5IDATx\x9c\xed\xbdy`L\xf7\xf7\xff\x7f\xef\xdcY\xb2gf\xb2\xd9\x13\x12Y$!\t!\xb1D\xa9\xda\x85\xdai\xedK\xd1\xa0ZKuQZ-U\xaa\xaaEQ\xd5ZJ\xa8-\x94w\x8b\x8aD\x84\xc8\x86\x10{P[&amp;\x93\x99I&amp;\x99\xed\xde;\xbf?\xce\xd7\xfc\xf2Qm\xa9d\xee\xbd3\xe7\xf1W\xdfoY^\x99s\xefy\x9e\xd79\xe7u^\xa4\xd5j%\x10\x04A\x10\xe7C\xc4\xf5\x02\x10\x04A\x10n@\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A\x01@\x10\x04qRP\x00\x10\x04A\x9c\x14\x14\x00\x04A\x10\'\x05\x05\x00A\x10\xc4I\x11s\xbd\x00\x84/X\xadV\xf8\x0f\x96e\x9f\xfa\x05"\xd1\xff\x0b\x17H\x92\xb4\xd3\x9a\x90\xe7\x01-\x88&lt;/\xa4\xed\xa1A\x9c\r\x96e\xadV+&lt;\x00"\x91\xc8\xe6\x1d\x9e\xfd\x1b\xc9\x1a\xd4\xe5J\x91\xa7\x83\x16D^\x10\x14\x00\xe7\x82eY\x96eI\x92\xa4(\xea\x89\x7fb\x18\xa6\xbc\xbc\x9c$\xc9\xa2\xa2"\xadV\xfb\x84G\x10\x8b\xc5qqq\x14E\xb9\xba\xbazxx\xfc\xf5{\xadV\xabH$BWR\xd7\xa0\x05\x91Z\x04\x05\xc0)\x00\xafAQT\xcdw\xfb\xe6\xcd\x9b\x17/^\xcc\xcb\xcb+))\xb9r\xe5\x8a^\xaf\xaf\xae\xaefY\xd6\xd3\xd3S&amp;\x931\x0c\x03_\x0cq\xa2\xd5j\xd5j\xb5\x04AH\xa5R\xb9\\\xde\xb0a\xc3\xa6M\x9b&amp;&amp;&amp;\x86\x84\x84DFF\x8a\xc5\xff\x7f.\x91\xa6i\x92$\xc1\x95\xd8\xfd\x0fuX\xd0\x82H]\x80\x02\xe0\xc8X\xadV\x86aj\xbe\xdb\xd7\xaf_?t\xe8Pzz\xfa\xed\xdb\xb7\xcb\xca\xca\x94JexxxPPPttt\xfd\xfa\xf5\x83\x82\x82,\x16K\x83\x06\r\xdc\xdc\xdcj\xe6\x91I\x92d\x18\xe6\xee\xdd\xbb$I\x96\x97\x97_\xbf~\xfd\xe6\xcd\x9b\xd7\xaf_\xbf|\xf9\xf2\xc3\x87\x0f===\x03\x02\x02:v\xec\xd8\xaf_\xbf\x98\x98\x18["\x82\xa6\xe9\xe7\xcaK \x7f\x05-\x88\xd4)(\x00\x8e\t$ymY\x82\xbc\xbc\xbc_~\xf9\xe5\xd0\xa1Cz\xbd\xbeq\xe3\xc6\t\t\t\x1d;v\x8c\x8c\x8cl\xd0\xa0\x81T*%\x08\xc2j\xb5Z,\x16\x93\xc9D\x92\xa4\xc5byj\x15Q&amp;\x93\x11\x04AQ\x94L&amp;\x03\xa7\xc00\x8cJ\xa5\xbav\xed\xda\xe9\xd3\xa7O\x9d:u\xe3\xc6\r\xb3\xd9\x9c\x94\x944l\xd8\xb0.]\xba\x80\xdb\x82\x95`8\xf9\xbc\xa0\x05\x11;\x80\x02\xe0h0\x0cc{W\x1f&lt;x\xb0f\xcd\x9a\xc3\x87\x0f\x1b\x8d\xc6\xd6\xad[\xf7\xea\xd5+11100\x90 \x08\x9a\xa6\r\x06\x83\xd9l\x06OQ\xb3\x12\xf8w\xef9&lt;*\xb6\xaa#8\x05\x89D"\x93\xc9\xc0\xb3\xa8\xd5\xea\x9c\x9c\x9c\xa3G\x8f\x9e8q\xc2h4&amp;$$L\x9b6-..\xee\xaf\x0bC\xfe\x01\xb4 b7P\x00\x1c\x07p\x04\x10\xd9\x9d={v\xf9\xf2\xe5yyy\xcd\x9b7\x1f3fL\xcf\x9e=\xe5r9\xcb\xb2UUU&amp;\x93\xa9\x16\xcb}\xd6\xc7\x10\x04!\x16\x8b\xdd\xdd\xdd%\x12\x89\xd1h&lt;}\xfa\xf4\xe6\xcd\x9b322\x9a6m\x9a\x92\x922`\xc0\x00\xf8]\x0c\xc3\xfc\xb5z\x89\x00hA\xc4\xce\xa0\x008\x02V\xab\x15*\x84\x04A\xa4\xa5\xa5-Y\xb2\xa4\xb2\xb2\xb2O\x9f&gt;\xaf\xbf\xfezTT\x14\xcb\xb2\x15\x15\x15\x16\x8b\xc5\x0e\x95=[\xad\xd2\xc3\xc3C*\x95\xde\xbbw/55u\xef\xde\xbd*\x95j\xda\xb4iS\xa7N\x15\x8b\xc55\xdd\x1c\x02\xa0\x05\x11N@\x01\x10&lt;\xb6\x88\xec\xe4\xc9\x93\xf3\xe6\xcdS\xab\xd5\x93\'O\x1e?~\xbcR\xa9\xac\xaa\xaa2\x18\x0c\x04A\xd8?d\x03?"\x93\xc9\xbc\xbc\xbc\xccf\xf3\xfe\xfd\xfbW\xacX\xa1\xd1h\xe6\xce\x9d;a\xc2\x04\x02\xf3\t5@\x0b"\\\x81\x02 `l\x81\xd8\x9f\x7f\xfe9s\xe6\xcc\xa2\xa2\xa2\x89\x13\'N\x9c8Q.\x97k\xb5Z\x8b\xc5\xf2D\xd7\xa0\xfd\x81&amp;\x16\x91H\xa4P(X\x96\xdd\xb7o\xdf\x97_~i\xb5Z?\xff\xfc\xf3\xa4\xa4$\xc2\xe9\xf3\thA\x84[P\x00\x84\x8a\xed\xc5\xfb\xec\xb3\xcf6m\xda\xd4\xbbw\xefw\xdf}\xb7A\x83\x06\x1a\x8d\x86\xa6\xe9\x9a\x8d\x83|\x00z\xd2\x15\n\x85\xd9l\xfe\xf6\xdbo\xd7\xad[\xd7\xb1c\xc7\xaf\xbf\xfe\xda\xd3\xd3\x93\xa6i\xce\xdd\x1c\'\xa0\x05\x11\xceA\x01\x10\x1e\xb6|qqq\xf1\x981ch\x9a^\xbf~}\xeb\xd6\xad+**L&amp;\x13\xdf\x1cGM\xc0\x89\xf8\xf8\xf8&lt;z\xf4\xe8\xed\xb7\xdf\xce\xc8\xc8\xf8\xe6\x9bo\x92\x93\x93\t\x82`Y\xd6yr\xcahA\x84\'\xa0\xc1\x04\x06\xbc\x81\x14E}\xfd\xf5\xd7]\xbat\xe9\xdd\xbb\xf7\x993g"##KKKy\x186&gt;\x01EQ"\x91H\xa5R\xb9\xba\xban\xdb\xb6m\xf9\xf2\xe5S\xa7N\x1d?~&lt;\xf4\xb4\xd04\xcd\xf5\x02\xed\x01Z\x10\xe1\x0f\xb8\x03\x10\x12\x904\xd0\xeb\xf5c\xc7\x8e\xbdt\xe9\xd2\xf6\xed\xdbcbb\xd4j5!\xb4\x96\x0c\xc8,\xfb\xfa\xfa\xaa\xd5\xea\xf1\xe3\xc7\xdf\xbauk\xf7\xee\xddaaa\xfc\xf7\x80/\x08Z\x10\xe1\x15Bz\xe6\x9c\x1c\xc8\xb4\x9e;w...N*\x95\x9e;w.""\xa2\xb4\xb4T\x88\x87\xf5I\x92\x14\x8b\xc5eeeR\xa9\xf4\xc0\x81\x03\xa3F\x8d\xea\xd4\xa9\xd3O?\xfd$\x16\x8b\x19\x86\xe1zuu\x05Z\x10\xe1\x1b\x02{\xec\x9c\x16\x08\xacN\x9c8\xd1\xa3G\x8fI\x93&amp;m\xdf\xbe\xddd2UVVJ$\x12\xae\x97\xf6\xdf\x11\x8b\xc54M\xabT\xaa\xb9s\xe7\xee\xd8\xb1c\xd6\xacY_~\xf9%EQ0\x99\x92\xeb\xd5\xd52hA\x84\x87`\nH\x00X,\x16\x89D\xb2j\xd5\xaa\xf9\xf3\xe7\x1f&lt;x\xb0k\xd7\xae\xa5\xa5\xa5b\xb1\xd8a\xfa.,\x16\x8bR\xa9T\xa9T\x1d:th\xd3\xa6Mjj\xaa\x83\xf5\x98\xa3\x05\x11~\x82;\x00\xbe\x03\xbec\xc5\x8a\x15_~\xf9\xe5\x993g:w\xee\\ZZ*\x91H\x1c\xe9\xd5\x92H$\x1a\x8d\xc6\xdb\xdb;77W\xa7\xd3\r\x1a4\x88\xa2(\x98A\xc6\xf5\xd2j\x01\xb4 \xc2[p\x07\xc0k\xc0w,_\xbe|\xf5\xea\xd5\xd9\xd9\xd9~~~\x1a\x8d\xc6Q\x8bl\x0c\xc3H\xa5R//\xaf^\xbdz\xb9\xba\xba\xee\xd9\xb3\xc7\x01\xa2H\xb4\xa0\xd0-\xe8\xd8\xa0\x00\xf0\x17\xc8\x1a\xdb|\x87\\.\xd7\xeb\xf5\x8e\xea;\x00\xe8%W(\x146\x0f\x02\xb7_\t\xd4\x83\xa0\x05\x85nA\x87\x07S@&lt;\x05|\xc7\xaaU\xab\xbe\xf9\xe6\x1b\'\xf1\x1d\x04A\x88D"\x96e5\x1a\xcd\xe1\xc3\x87\r\x06\xc3\xb0a\xc3\xa0\xbb\\\x88a\nZP\xe8\x16t\x06p\x07\xc0G\xc0w\x1c&lt;x099\xf9\xe6\xcd\x9b\xf5\xeb\xd7\xaf\xa8\xa8px\xdfa\xc3\x16E\x86\x86\x86\xf6\xea\xd5k\xd5\xaaU\x90H\xe1z]\xcf\x01ZP\xe8\x16t\x12p\x07\xc0;X\x96\x15\x8b\xc5\xd9\xd9\xd9c\xc7\x8e=z\xf4h\xc3\x86\r\x9d\xcaw\x10\x8f\xa3\xc8\x8a\x8a\x8a\xf4\xf4\xf4\xb4\xb4\xb4U\xabVI$\x12\x01u\x97\xa3\x05\x85nA\xe7\x01w\x00\xfc\x02\xae\xe6\xd0\xe9t!!!\x8b\x17/\x9e:u*t\x8cp\xbd.\x0e\xa0iZ.\x97_\xbe|9...==\xbdC\x87\x0e\x82\x18&lt;\x89\x16\xb4!P\x0b:\x15(\x00\xfc\x02R\x07]\xbbvm\xde\xbc\xf9w\xdf}\xf7\xe8\xd1#\xb8\xf1\xd59\xb1X,\xfe\xfe\xfe;w\xeeLII\xb9z\xf5\xaa\xb7\xb77\xff\xcb\x89h\xc1\x9a\x08\xd1\x82N\x05\n\x00\x8f\x80\xf8h\xf1\xe2\xc5;v\xec(((\xd0\xe9t\x82\x9b\x10P\xeb\x80\x07\x99&lt;y\xf2\x8d\x1b7\x8e\x1d;\xc6\xf3Q3h\xc1\xbf",\x0b:\x1b(\x00|\x01\xeafg\xcf\x9e\xed\xda\xb5kaaa\xbdz\xf5\x8cF#\xba\x0f\x82 X\x96\x95\xcb\xe5\xd1\xd1\xd1c\xc6\x8c\x997o\x1eo\xd3\x08h\xc1\xbfC(\x16tBP\x00x\x01\x0c\x88\xb7Z\xadaaa\xb3f\xcdJIIQ\xa9T\x18(\x01\x0c\xc3xxx\\\xbe|\xb9S\xa7Nyyy\xa1\xa1\xa1&lt;\x1c=\x8f\x16\xfc\x07\x04aA\xe7\x04\x05\x80\x17@L\xf4\xf6\xdbo\x9f;w\xee\xe4\xc9\x93eee\x18"\xd5\x04\xd2\x08\x1f~\xf8\xe1\xaf\xbf\xfez\xee\xdc9\xdb\xfd\xe9\xfc\x01-\xf8\xcf\xf0\xdf\x82\xce\t\n\x00\xf7\xc0Q\xc9K\x97.u\xec\xd8\xf1\xdc\xb9s\x01\x01\x01&amp;\x93\t\xe3\xa3\'\x804BLL\xcc\xd4\xa9S\xa7M\x9b\xc6\xab4\x02Z\xf0Y\xe0\xb3\x05\x9d\x16\x14\x00\xee\x817!&gt;&gt;~\xd0\xa0A\xef\xbe\xfb\xae\xd3v\r\xfe3\x0c\xc3xzz\xe6\xe5\xe5\xf5\xed\xdb\xf7\xca\x95+J\xa5\x92?\xfd$h\xc1g\x81\xcf\x16tZ0H\xe1\x18\xf0\x1d\xfb\xf7\xef\xd7h4\xd3\xa6M\xd3h4\xe8;\x9e\nEQ\x15\x15\x15\x89\x89\x89\x9d;w^\xb4h\x11\x1c5\xe2zQ\x04\x81\x16|fxkAg\x06w\x00\\\x02\x87\x86h\x9a\x0e\x0e\x0e^\xb1b\xc5\xe0\xc1\x83\xd5j5V\x0e\xff\x0e\xab\xd5*\x95J\xd5ju\xabV\xadN\x9d:\xd5\xa2E\x0b\xb8\x8a\x96\xdb%\xa1\x05\x9f\x1d\x1eZ\xd0\xc9\xc1\x8f\x9eK\xa0\x17b\xc3\x86\rr\xb9|\xe0\xc0\x81\x0e&lt;(\xb8V I\xd2`0\x04\x06\x06\x0e\x1b6\xec\xbd\xf7\xde#I\xee\xc3\x17\xb4\xe0s\xc1C\x0b:9h\x00\xce\x80O\xdeh4\x86\x86\x86._\xbe|\xf0\xe0\xc1\x1a\x8d\x06\xcbb\xff\x0c\x84\x90*\x95\n\xa6\x0bDGGs\x18B\xa2\x05\xff\x03\xbc\xb2 \x82\x9f;g@\xebHZZ\x9a\xaf\xaf\xef\xc0\x81\x03\xb5Z-\xfa\x8e\x7f\x05B\xc8\xa6M\x9b\x0e\x1e&lt;\xf8\xeb\xaf\xbf&amp;I\x92\xc3&lt;2Z\xf0?\xc0+\x0b"(\x00\x9c\x01\xfd\x0f+V\xacx\xf3\xcd7\xc5b1\xbe\x06\xcf\x08EQUUU\xb3f\xcd\xfa\xdf\xff\xfe\xf7\xe8\xd1#\x8a\xa2\xb8\xda\xc5\xa2\x05\xff\x1b\xfc\xb1 \x82\x02\xc0\r\x90;\xce\xcf\xcf\x7f\xf0\xe0A\xff\xfe\xfd\x9dm\\\xf0\x8b\x00!dDDD\xf3\xe6\xcd\xb7l\xd9B\x92$\'s\x86\xd1\x82\xff\x19\x9eX\x10!P\x00\xb8\x02B\x9e\xc5\x8b\x17\xf7\xea\xd5\xcb\xcf\xcf\xcfl6s\xbd"\x81\xc10\xcc\xe4\xc9\x93\xbf\xfd\xf6[\xb3\xd9\xccI\xe2\x05-\xf8\x82pnA\x84@\x01\xe0\x04\xab\xd5JQ\x94N\xa7\xcb\xce\xce\x1e?~&lt;\x8e\x0c{^(\x8a\xaa\xac\xac\xec\xdd\xbb7I\x92YYY\xf6\x0f!\xd1\x82/\x08\xe7\x16D\x00|j9\x00\x92\xc5\xbf\xfe\xfakPPP\x9b6m\xf4z=\x7f\xdc\x87\xd5je\x18\x86\xfe\xbf\xc0\x983\xae\x97\xf6\x7f\xa0i\xda\xcb\xcb\xab\x7f\xff\xfe[\xb7n%\x1e\xc7\xe3v\x83\xb7\x16\x84\x99thA\xe4\x19\xc1\xac%g\xec\xda\xb5\xabw\xef\xde&lt;\xa9\x80\x81\xe3 I\xd2\xc5\xc5E&amp;\x93A:\xdbj\xb5B\xa7\xb6\xd9l6\x18\x0c\x16\x8b\x85\xa2(\x9e\x9c\xdd\x17\x89D&amp;\x93i\xc0\x80\x01S\xa7N5\x99L\x9c\\\xba\xc2\x1f\x0b\x82\xf9\x08\x82\x90H$...\x12\x89\x04\x04\xc9fA\x8b\xc5b0\x18 \xd9\x82\x16Dl\xa0\x00\xd8\x1b\xc8\x1e\x94\x97\x97\xe7\xe6\xe6.X\xb0\xc0`0p\x9e\x00\xa5iZ*\x95\xca\xe5r\xb3\xd9|\xf3\xe6\xcd\xa2\xa2\xa2\xeb\xd7\xaf\x97\x95\x95\x99\xcdfww\xf7\xc6\x8d\x1bGEEEGG\xfb\xfa\xfa\xeat:\x86a\xf8\x10\xed\x8aD\xa2\xaa\xaa\xaa\xb6m\xdb\x12\x04\x91\x91\x91\xd1\xad[7\xbb\r\x17\xe3\xa1\x05E"\x91\x97\x97\x97H$z\xf4\xe8Q~~\xfe\xd5\xabW\xff\xfc\xf3\xcf\xca\xcaJ\x9a\xa6\xdd\xdc\xdc\x1a4h\x10\x11\x11\xd1\xb2e\xcb\x80\x80\x80\xca\xcaJ\x9e\xe4\xdc9\xb4 b\x03\x05\xc0\xde\xc0 \xdc\xd3\xa7O{xx\x84\x85\x85\x19\x0c\x06\x0e#2\x08\x1b}||T*\xd5\x8e\x1d;~\xf9\xe5\x97\xec\xec\xec\xca\xca\xca\xbf~ett\xf4\xe8\xd1\xa3\'L\x98\xe0\xe6\xe6VUU\xc5\x87\x17\x95a\x18WW\xd7\xd8\xd8\xd8\x83\x07\x0fv\xeb\xd6\xcdna8\xaf,\x08\xa7\xa8\x18\x86IKK\xdb\xbbwoff\xe6\xad[\xb7\x9e\xfa\x95!!!C\x86\x0cy\xf3\xcd7\xfd\xfc\xfc***\x9c\xd9\x82\x88\r&lt;\tlo\xe0J\xbcI\x93&amp;Q\x14\xb5n\xdd:\x0e\xaf\raY\xd6\xdd\xdd\xddj\xb5\xfe\xf4\xd3O+W\xae\xbcr\xe5\n\xfc\xff\r\x1b6\x0c\t\t\xf1\xf7\xf7\x97H$\x15\x15\x15\xb7n\xdd***\x82\x7f\x8a\x8f\x8f\xdf\xb8qcXXXee%\xe7\x1e\x84a\x18\xa5R\xb9s\xe7\xcee\xcb\x96\xe5\xe6\xe6\x12\x04a\x9f\xad\t\x7f,\x08{\x11\xa3\xd18`\xc0\x80\xec\xecl\xf8?\xc5bq\xb3f\xcd\x1a5j$\x97\xcbE"QEEEII\xc9\xd5\xabW\xe1_CBB\xbe\xff\xfe\xfb\xc4\xc4D\x9dN\xe7\xb4\x16Dl\xe0\x0e\xc0\xdeP\x14\xc50Lff\xe6\x87\x1f~\x08iwN\x96\x01\'\xf2\x8b\x8b\x8b\xdf\x7f\xff\xfd_\x7f\xfd\x95 \x08\xb9\\&gt;x\xf0\xe0\x81\x03\x07\xb6l\xd9R\xa9TJ$\x128\xa5\xa9\xd7\xeb\x8b\x8a\x8a\xd6\xae]\xbb}\xfb\xf6\x9c\x9c\x9c^\xbdz\xfd\xf6\xdboM\x9b65\x18\x0c\xdc\xbe\xae"\x91\xa8\xba\xba:&gt;&gt;\xfe\xc1\x83\x07\xb7o\xdfn\xda\xb4\xa9}\xee\x99\xe2\x89\x05\t\x82 I\xd2b\xb1\xf8\xf8\xf8\xf8\xf9\xf9\x11\x04\xd1\xad[\xb7\xbe}\xfbv\xec\xd8100\xd0\xd3\xd3\x13\xfc;\xcb\xb2\x15\x15\x15\x97.]Z\xbf~\xfd\xf6\xed\xdb\xaf_\xbf\x9e\x9c\x9c|\xf4\xe8\xd1\xc8\xc8\xc8\xea\xeaj\xe7\xb4 b\x03?k\xbb\x02E9\x95Je0\x18\xe2\xe3\xe39|\x03!\xfc\xff\xed\xb7\xdf\xc0\xfb\x8f\x193&amp;33s\xfd\xfa\xf5\xdd\xbau\xf3\xf4\xf4\xac\xae\xae\xd6j\xb5\x1a\x8dF\xa7\xd3\x11\x04\xd1\xa6M\x9bm\xdb\xb6}\xf3\xcd7\x12\x89\xe4\xfe\xfd\xfb\xe3\xc6\x8d\xe3C%\x80$I\x93\xc9\x14\x18\x18\xd8\xa8Q\xa3\xbc\xbc&lt;\xc2.\x9d$\xfc\xb1 \x00\x1a\xf0\xd1G\x1f\x1d&lt;x\xf0\xd0\xa1C3f\xcch\xd1\xa2\x85X,\xd6\xeb\xf5Z\xadV\xab\xd5VVV\x8a\xc5\xe2\xb6m\xdbn\xdd\xbau\xc3\x86\r2\x99L\xa7\xd3M\x9f&gt;\x1d\xfe\x10\x0eWNpdA\xa4&amp;(\x00v\x05r\xeeg\xce\x9cQ(\x14\x81\x81\x81&amp;\x93\x89\xab\x97\x10\xda\xd8\xa7O\x9f&gt;i\xd2\xa4\r\x1b6l\xde\xbc9((\xa8\xac\xacL\xa7\xd3\xd14-\x12\x89\xa8\xc7\x10\x04\xa1\xd7\xebKKK\xdf|\xf3\xcdy\xf3\xe6\x11\x04\x91\x93\x93\xb3e\xcb\x16\xb9\\\xcey\xef6\xcb\xb2\x12\x89$::\xfa\xe4\xc9\x93\x84]\xdc\x07\x7f,\x08\x88D"\x83\xc1\x10\x1e\x1e\xfe\xca+\xafTVV\x96\x95\x95UWWC\x1c\r\xe6\x83\xb1\xfb`\xc1\t\x13&amp;\xcc\x993\x87 \x88\xec\xec\xec\xa3G\x8fzzz:\xa1\x05\x91\x9a\xa0\x00\xd8\x15x\xbe\xb3\xb2\xb2\x9a6m*\x95J9\x9f\x1ec4\x1aW\xaf^=z\xf4\xe8\xb2\xb22\xa3\xd1(\x16\x8b\x9f\xda&amp;HQ\x94X,\xd6h4o\xbd\xf5Vpp0I\x92[\xb7n\xe5&lt;\x05D&lt;\x9e\xc6\x13\x13\x13s\xee\xdc9\xc2.\x19d\xbeY\x90 \x08\x92$\x8dFcEE\x85H$\x12\x8b\xc5"\x91\xe8\t\x0b\x92$\tbPQQ1y\xf2\xe4\x80\x80\x00\x92$\x7f\xfb\xed7\x89D\xc2\xb9\xc3\xb5\xbf\x05\x91\x9a\xe0\xc7mW\xe0q\xbf~\xfdz\x9b6m\xb8^\xcb\xffC\xaf\xd7CE\xf7\x9f\xdf=\x92$i\x9aV*\x95\xbd{\xf7\xb6Z\xad\x17/^,))\x91\xc9d\xdcz\x10\x92$\xcdfsll\xacN\xa7\xab\xae\xae\xb6C0\xceC\x0b\x12\x04\x01\xf1\xfe\xbf~\x8d\xd9l\x0e\x08\x08\x88\x8d\x8d\xb5Z\xad\xc5\xc5\xc5f\xb3\x99s\x87k\x7f\x0b"5A\x01\xb0+PV-))\t\r\r\xe5\xb6~hC$\x12=\xa3\x17\x80#E-[\xb6$\x08\xa2\xb2\xb2\xf2\xce\x9d;\x9c\x87\xc0\xb6$rUU\x95F\xa3\xb1\xc3\x05#&lt;\xb4\xe0s!\x16\x8b\x1b4h@\x10\x84V\xab\xe5\xc3\x04\x0b\xfb[\x10\xa9\t\n\x80\xfd\x80\x96m\x9dN\xa7\xd1h"""\xf8\x90By^X\x96\xf5\xf1\xf1\x81\xff\xae\xac\xac\xe4\xdc\xfdA\t\xb4^\xbdz\xde\xde\xde\xd0\xabZ\xa7\x82\xe4\x00\x16$x\x96f\xb1\xb3\x05\x91\'\xe0\xd1\xa3\xe0\xf0@h\xa3V\xab)\x8a\xf2\xf6\xf6\xe6\xbc\xfe\xf6\xdf\xb0\x05h\x9cw\x91\x03PE\x94\xcb\xe5\xf7\xef\xdf\xaf\xeb\xdf\xe5\x00\x16dY\xb6\xbc\xbc\x9c \x08OOO\xce7p\xb6%\xd9\xcd\x82\xc8\x13\xa0\x00\xd8\x0fp\x1f\xe7\xcf\x9f\x97\xcb\xe5\xf5\xeb\xd7\xb7X,\x9cG\xd0\xcf\x8bH$\xd2h4\x04A\x90$\xe9\xe5\xe5\xc5\x07\xf7\x01QyxxxNN\x0eQ\xc7m$B\xb7 \xcc\xe0\xbc|\xf92I\x92!!!2\x99\xcc\xd9,\x88&lt;\x01\n\x80\xbdqss3\x9b\xcd|x\xf1\x9e\x17xQo\xdc\xb8A\x10\x84\xa7\xa7g\x83\x06\r,\x16\x0bO\xf2\tF\xa3\xd1\xd5\xd5\xd5&gt;\xbfK\xa0\x16\xa4i\xda\xc3\xc3\xe3\xf4\xe9\xd3W\xae\\\xb1Z\xad/\xbd\xf4\x12\xafj\x18\xf6\xb4 b\x83\x17o\xafSq\xe5\xca\x95\xc6\x8d\x1b\xf3a\x84\xe4\xf3\x02\xf5\xba\x9c\x9c\x1c\x92$\x83\x83\x83\x1b5jd6\x9b9\xf7 P6\x0c\t\t)))!\x1ew\xe9\xd4)B\xb4 \xcc/\xa2i\xfa\xd3O?eY6,,\xacg\xcf\x9e|\x98\xe7ApaA\xc4\x06\n\x80\xfd\x00\x7f\x01\xeeC$\x12\t\xc8}\x10\x04\xc1\xb2\xac\xab\xab\xeb\xd5\xabW\xb3\xb3\xb3\xadVk\xd7\xae]\xbd\xbc\xbch\x9a\xe6z]\xff\x8f\xe6\xcd\x9b\xdb\xc1}\x08\xd4\x82\x10\xe9+\x95\xcaw\xdey\'++\x8b \x88E\x8b\x16y{{\xf3\xc7|\x84\xbd,\x88&lt;\x01\n\x80\xbd\x91J\xa5\x16\x8b\x85\xebU&lt;70:b\xf3\xe6\xcdz\xbd\xde\xc5\xc5e\xf8\xf0\xe1\xbc\xea\x811\x9b\xcd\x12\x89\xc4&gt;\xbfKX\x16d\x18F"\x91xxx\xa4\xa4\xa4\xac]\xbb\x96 \x88\xb7\xdf~{\xf0\xe0\xc1Z\xad\x96\x0f\xe1\xbf\r{Z\x10\xb1\x81\xc3\xe0\xec\r\x1ff\xb0&lt;/\xe0\xfd\x8b\x8a\x8a6m\xdaD\x10\xc4\xe0\xc1\x83\xe3\xe2\xe2\xd4j5\x7f\xaeA\xb7g\xff\xb8\x80,\x08\xb7n\xe9t\xba1c\xc6\xec\xdb\xb7\x8f \x88\x94\x94\x94\xa5K\x97\xf2a\x14\xe8\x13\xe0\t\x00N\xe0K\x04\x87\xf0\x19\x18\x1d:o\xde&lt;\xadV+\x97\xcb\xe7\xcf\x9f\xcf\xab\xf0\x1fy*pr\xbb\xb0\xb0\xf0\xe5\x97_\x06\xef\xff\xc9\'\x9f|\xf5\xd5WO\xbd\xef\x01qN\xf0\x1dF\xfe\x05\x8b\xc5\xe2\xeb\xeb\xbbb\xc5\x8aC\x87\x0e\x11\x04\xb1h\xd1\xa2\x88\x88\x08\xce\xa7`"\xff\x0cM\xd3&gt;&gt;&gt;\xfb\xf7\xef\xef\xde\xbd\xfb\xc5\x8b\x17\xfd\xfc\xfcv\xee\xdc\xf9\xc1\x07\x1fh\xb5Z\x02\xf3\xec\xc8c\xf8\xb2\x85w\x1e\x84\xf5\xee\x81\xf7?p\xe0\xc0\x82\x05\x0b\x08\x82\x186l\xd8\xb4i\xd3x\x95\xfc\x01\xec\x99\x96\xe1\xbf\x05\x19\x86Q(\x14iii\xc3\x87\x0f\xb7X,111[\xb6li\xd1\xa2\x05\x87w\xd7\xfc+\x02J\xac9\x12&lt;}\x1a\x1c\x18\x18\xb6\xcc\xf5*\x9e\t\x9a\xa6\xe5ry^^\xde\xf8\xf1\xe3\xcdfs\x9b6m\xd6\xae][UU\xc5\xc3\xf5\x8b\xc5b\xbb\x9d\xcb\xe5\xb9\x05Y\x96uqq\xb9y\xf3\xe6\x84\t\x13,\x16K||\xfc\xfe\xfd\xfb\x95JeYY\x19\x9f\xab\xac\xf6\xb4 b\x83\xbf\xcf\xb1\xe3\x01\x01N||\xfc\x95+W\xf8p\xa1\xca?\xc30\x8c\x87\x87\xc7\xdd\xbbw\x87\r\x1b\xa6V\xab\x83\x82\x82v\xec\xd8!\x93\xc9\xf8v\xfc\x15"\xc7\xbc\xbc\xbc\xc8\xc8H\xa2\x8e\xcf\x91\n\xc2\x82P\xb1_\xb9r\xa5Z\xad\xae_\xbf\xfe\xd6\xad[\x15\nEEE\x05o\xbd\xbf=-\x88&lt;\x01\x1f\x9f`\xc7\xc6\xd7\xd7W\xa7\xd3\xf1\xfc)\x87\xdb\xba5\x1a\xcd\xa0A\x83n\xde\xbc\xe9\xeb\xeb\x9b\x9a\x9a\xda\xb8qc\x9e\\\x07\xffW\xd4j\xb5\\.\'\xec\xe2&gt;\xf8lA(\xd7?|\xf8\x10.z\x9b&gt;}zhhhEE\x05o3?6\xeciA\xc4\x06\n\x00\x07\x88D"\x86ax\x15G\xd7\x84a\x18\x17\x17\x17\x83\xc10h\xd0\xa0\xc2\xc2BOO\xcf\x1d;v\xc4\xc5\xc5\xe9t:~\xfa\x11p\x19\xf6\x8c\xc7ykA\xab\xd5*\x93\xc9n\xde\xbcy\xf7\xee]\x99L\xd6\xb7o\xdf\xaa\xaa*~Z\xad&amp;\xf6\xb7 \x02\xe0\'n?\xe0\xf9\x8e\x8d\x8d-//\x7f\xf0\xe0\x01\x1f\xeec\xfa+,\xcbJ\xa5R\x9a\xa6\x87\x0c\x19\x92\x9d\x9d\xed\xe6\xe6\xb6m\xdb\xb6\xae]\xbb\xf2\xb0\xf0\x0b@\xffxQQQBB\x02Q\xc7\x15Z\xfe[\xd0j\xb5\x8a\xc5\xe2\x87\x0f\x1fZ\xad\xd6\xa0\xa0 \x98X\xc7\xf5\xa2\xfe\x05{Z\x10y\x02\x14\x00\xbbb\xb5Z\xdd\xdd\xdd\xa5RiYY\x99X,\xe6\x9b\xfb`YV,\x16\x93$9b\xc4\x88\x13\'N\xc8d\xb2\x1f\x7f\xfc\xb1_\xbf~*\x95\x8a\xb7\x19d\x8a\xa2\xaa\xaa\xaa\x0c\x06C@@\x00Q\xf7\xee\x83\xe7\x16$\x08B$\x12\xc1E\xf0\xf5\xea\xd5sww\xe7\xd5\xc4\xb7\xa7bg\x0b"5A\x01\xb0\x1f\x10\xe9x{{\xcb\xe5\xf2\xe2\xe2b\x17\x17\x17^\xb9\x0f\x98\x17&amp;\x95JG\x8f\x1e}\xe4\xc8\x11\xb1X\xfc\xfd\xf7\xdf\x0f\x1e&lt;\xb8\xb4\xb4\x94\xb7\xde\xdfj\xb5J$\x92\x87\x0f\x1fVTT\xb4h\xd1\x82\xa8c\xf7\xc1s\x0b\x02$IVVV\xd24\r\x97&lt;\xf3p\x855\xb1\xb3\x05\x91\'\xe0\xe3\xa6\xde\x81\x81\xb71,,\xac\xa8\xa8\x88Wg\xdfa\xd4\xb3\x9b\x9b\x1b\xcc\x0c\x10\x89D\xdf}\xf7\xddk\xaf\xbd\xc6g\xefO\x10\x84\xd5juqq\xb9v\xed\x9a\\.\xf7\xf2\xf2\xb2C/9o-\x08\x88D"\x83\xc1\x10\x1b\x1b;o\xde\xbc\xe0\xe0`\x93\xc9\xc4s\x7fj\x7f\x0b"5A\x01\xb0+\xe0/\x82\x83\x83O\x9f&gt;M\xf0&amp;\xd8\x81UyzzN\x9e&lt;y\xc7\x8e\x1d\x04A\xac^\xbdz\xfc\xf8\xf1|\xce\xfc\x00\x90\xb3\xca\xcf\xcfW*\x95R\xa9\x94a\x98\xbanR\xe2\xa7\x05m\x90$i4\x1accc;v\xecH\xd3tEE\x05\xdfV\xf8\x04\xf6\xb7 R\x13L\x01\xd9\x15\xa8"v\xed\xda\xf5\xcf?\xff\xe4\xc9\x89*\xab\xd5j\xb5Z\xe5r\xf9\x8c\x193~\xf8\xe1\x07\x82 \xbe\xfc\xf2\xcbi\xd3\xa6\xf1\xf9\xd4\xe8\x13\x14\x16\x16v\xee\xdc\x99\xb0K\x07!\x0f-\xf8\x04pm\x83J\xa5\xd2j\xb5&lt;\xf7\xfe6\xeciA\xa4&amp;\xbc{|\x1d\x1bx!\xa3\xa3\xa3+**\xae]\xbb\xe6\xea\xea\xca\xed\x13o\xb5ZY\x96U*\x95s\xe6\xcc\x81Y\xc1K\x96,\x995k\x96P\xbc?EQ\x06\x83\xe1\xc2\x85\x0bvk \xe1\x9b\x05\xff\x0e\x91H$\x08\xefo\x7f\x0b"5A\x01\xb0+$I\xb2,\xeb\xed\xed\xed\xe7\xe7\x97\x95\x95\xe5\xe2\xe2\xc2\xed\xcd\x82,\xcb\xfa\xfa\xfa~\xf8\xe1\x87_~\xf9%A\x10\x0b\x17.|\xf7\xddw\xa1\xbf\x85\xc3U=#V\xab\x15\xee\xa8\xd1h4\xb1\xb1\xb1\x84]\x1a\xc9\xf9f\xc1\xbf\x02itOOO777\xbe\xad\xed\t8\xb1 R\x13\xfc\xb8\xed\r\xb4\xe5\xf5\xe8\xd1###\x83\xdb*"\xc30\xbe\xbe\xbe\x9f~\xfa\xe9\xa7\x9f~J\x10\xc4\xec\xd9\xb3\xdf\x7f\xff}h!\xa7\x9f\rn\x87\xb7\xc0\xd0\x9bS\xa7N\x85\x87\x87\xfb\xfb\xfb\xdb\xad\xdf\x91?\x16\xfc+p\x0e\xc0j\xb5\x9e&lt;y\xf2\xe2\xc5\x8b&lt;\xbfe\x97+\x0b"6\x04\x10\xe89\x18\xf0\x88\xf7\xe9\xd3\xe7\xf5\xd7_\xd7j\xb5\\\x1d&amp;\x82\x81\x91_~\xf9\xe5\x07\x1f| \x95J?\xf8\xe0\x83\x0f?\xfc\x90a\x98\x80\x80\x80gy\ta\xcd,\xcbVTT\xd4\xfdb\xff\x16\x92$\xd3\xd2\xd2\xbat\xe9\x02\x8b\xb1O\xfc\xc8\x13\x0b\xfe\x1d$I\x8e\x1d;6--M"\x91|\xf5\xd5W\x93&amp;M\xe2\xe1\xf5/68\xb1 b\x83_\xf1\x8b\x93`\xb5Z\xa1U\xe3\xbb\xef\xbeKLL\xac\xac\xac\xb4\xf3s\xcf0\x8c\xb7\xb7\xf7\xee\xdd\xbb_{\xed5\x89D"\x97\xcb\xc7\x8e\x1dk2\x99\x9e\xbd\t\x0f2!\xf5\xea\xd5\x9b2eJ]\xaf\xf6\x9f\xd7\xd0\xae]\xbb]\xbbv\xc5\xc4\xc4\xd8\xd3}pn\xc1\xa7\xc2\xb2\xac\x9b\x9b\xdb\x85\x0b\x17\xda\xb5k\'\x12\x89X\x96\x8d\x8f\x8f?y\xf2$?\x8b\xd5\x04\xa7\x16D\x00\xdc\x01p\x00\x8cZ\xeb\xd4\xa9\xd3\xde\xbd{;w\xeel\xff\xe7\x1eN\xdfdeeY\xadV\xb3\xd9\\ZZ\xbal\xd9\xb2\xff\xf0s|||\xa6N\x9d\xca\xd5\x0eF.\x97\x1f8p\xc0\xcb\xcb\xabe\xcb\x96v\xfe\x0c9\xb7\xe0\xbf\xc2\xff\\\n\xb7\x16D\x00\x14\x00\x0e\x80\x97s\xf8\xf0\xe1\xb3f\xcd\xaa\xae\xae\xb6\xff\xf6\x9c$I\x8b\xc5\x12\x1d\x1d\xdd\xa9S\'\x8a\xa2\xe0\x0c\xf0\xf3\xfe\x04\xab\xd5\x1a\x18\x18XG+\xfcW \xd9\xfd\xcb/\xbf\xf4\xe8\xd1C$\x12\xd9yF?\xe7\x16|*p\n,""\xa2W\xaf^\x87\x0f\x1f\x16\x89D\xa3F\x8d\xe2\xeda`n-\x88\x00\x98\x02\xe2\x06\xab\xd5j\xb1X\x9a7o\xfe\xcd7\xdf\xf4\xec\xd9\xd3\xfeYZ\x98\x1b,\x95J_\xe4\x87\xb0,k0\x18jkI\xcf\x0e\xf8\x0e\xbd^\x1f\x13\x13s\xfc\xf8\xf1\xa8\xa8(NvQ\xdcZ\xf0\xefV%\x91HL&amp;\xd3\xd9\xb3g\xbd\xbd\xbdcccM&amp;\x13\xd7\x8bz\n|\xb0 B\xe0\x0e\x80+`\xe8\xe6\xc0\x81\x037n\xdc\xd8\xaf_?\xfb\xcb0I\x92f\xb3\xf9\xc5\xbd\x03\'/-T\xb07n\xdc\x18\x14\x14\x14\x19\x19\xc9\x89\xef\xe0\xdc\x82O\x05\xf6vb\xb1\xf8\x95W^a\x18\xa6\xba\xba\x9a\x9f\xb9 &gt;X\x10!p\x07\xc0\x15Pn\xbdw\xef^\x9b6m222\xea\xd5\xabg6\x9b\xf9\xf9\xae\xf2\x10\x96e===\xe3\xe3\xe3\xdf{\xef\xbda\xc3\x86q2?\x80\xcf\x16\x84\xf3}$I\xf2\xd6\xab\xf2\xc1\x82\x08\x81\xe7\x00\xb8\x82$I\x86a\x1a6l\x98\x90\x90\xb0}\xfbv\x0f\x0f\x0f\xbc\x10\xf5\x19aY\xd6\xc3\xc3#++\xcbd2\xf5\xed\xdb\x17\xc6\xd8\xd9\x7f\x19|\xb6 I\x92\x14E\xf1\xd9\xfb\xf3\xc1\x82\x08\x81\x02\xc09\xef\xbc\xf3\xce\x86\r\x1b\xa0\x9d\x9c\xeb\xb5\x08\x03\x96ee2\xd9\x92%K\x86\x0e\x1d\xea\xee\xee\xce\xf9\xcd\\h\xc1\xe7\x85o\x16tfP\x008\x03\xdao:t\xe8\xe0\xe7\xe7\xb7n\xdd:\xb9\\N\xd34\xd7\x8b\xe2;\x90:8}\xfatNN\xce\x9bo\xbei\xb5Z9L\x1d\xa0\x05\xff\x03\xbc\xb2 \x825\x00.\x81\xd4\xe7\x91#G\xc6\x8d\x1bW\\\\\x0c\x839\xb9^\x14\xaf\xa1i\xda\xcf\xcf\xaf{\xf7\xee\x91\x91\x91+W\xae\xe4&lt;w\x8c\x16|^\xf8fA\'\x07w\x00\\\x02!d\xcf\x9e=\x03\x03\x03\xd7\xae]\x8b!\xe4?\xc3\xb2\xac\x97\x97WVVVAA\xc1{\xef\xbd\xc7\x87\xd6\x11\xb4\xe0s\xc1C\x0b:9\xb8\x03\xe0\x18\xe8\xd6(**JJJ\x82k1,\x16\x0b\xa6D\x9f\n\xc30J\xa5266v\xd2\xa4I)))&lt;\t\x1e\xd1\x82\xcf\x0e?-\xe8\xcc\xa0\xfcr\x0c\xccl\x89\x8a\x8a\xea\xdd\xbb\xf7\xa2E\x8b&lt;==1\x84|*4M\xfb\xf8\xf8l\xdf\xbe\xddh4N\x9e&lt;\x99a\x18\x9e\x04\x8fh\xc1g\x84\xb7\x16tfp\x07\xc0=\x908\xd6j\xb5\xc1\xc1\xc1\xbbv\xedJJJ\xaa\xa8\xa8\xc0\xc8\xa8&amp;P*4\x9b\xcd\x11\x11\x11;v\xec\xe8\xd6\xad\x1b\xaf\x82G\xb4\xe0\xbf\xc2s\x0b:-(\x00\xbc\x00^\x86\xcd\x9b7/X\xb0\xe0\xf2\xe5\xcbf\xb3\x19o\xc7\xae\x89\xc5b\xf1\xf7\xf7\x7f\xf5\xd5W\xdd\xdc\xdc\xb6m\xdb\xc6C\xdf\x81\x16\xfcg\xf8oA\xe7\x04\x05\x80/\xc0+\xd1\xbd{\xf7\xa6M\x9b~\xf7\xddw\xa5\xa5\xa5\xd8W\x0e@\xdf\xc8\xce\x9d;g\xcc\x98q\xe3\xc6\rWWW~\xdew\x88\x16\xfc;\x84bA\'\x04\x05\x80/\xc0\xed}*\x95*&lt;&lt;|\xfb\xf6\xed\xdd\xbbw///\x17\xc4\xd5\x8cu\n\x8c\xdc\xd1\xeb\xf5QQQ[\xb6l\xe9\xdd\xbb7o\x83G\xb4\xe0S\x11\x90\x05\x9d\x10\x14\x00\x1e\x01/\xc6\xc1\x83\x07G\x8f\x1e]TT\xe4\xe1\xe1a6\x9b\x9d\xbcP\x06w\xd6w\xe8\xd0\xa1]\xbbv+W\xae\xa4i\x9a\xcf.\x15-\xf8W\x84eAg\x03\x05\x80_\xc0\xeb1k\xd6\xac\xec\xec\xecS\xa7N\x95\x97\x97;\xf3f\x19\x12\xc7\xf3\xe6\xcd;v\xec\xd8\xb9s\xe7\x04\xe1;\xd0\x825\x11\xa2\x05\x9d\n\x14\x00\xde\x01/Illl\xeb\xd6\xad7n\xdc\xe8\xb4\xa9d\xf0\x1d;v\xec\x183f\xcc\xdd\xbbw\xfd\xfc\xfc\x8425\x0c-\x08\x08\xd7\x82\xce\x03\x1a\x83w\xc0\xe1\xd2c\xc7\x8eedd,Y\xb2\xc4\xdf\xdf\xdfb\xb1p\xbd({C\xd3\xb4R\xa9\xfc\xe3\x8f?RRRN\x9c8\xe1\xef\xef/ \xdf\x81\x16$\x04nA\xe7\x01w\x00|\x04\x8e\xc8\xdf\xb8q#,,l\xff\xfe\xfd}\xfa\xf4q\xaa(\x92\xa6iOOO\x8dF\x13\x12\x12\xb2v\xed\xda\xd1\xa3G\x0b.u\x80\x16\x14\xba\x05\x9d\x04\x14d&gt;"\x12\x89\x18\x86\t\x0e\x0e\xce\xcc\xcc\x1c=z\xf4\xef\xbf\xff\xee&lt;Q$M\xd3\x1e\x1e\x1e\x1a\x8d&amp;!!\xe1\xb3\xcf&gt;\x1b=z4\\q\xc5\xf5\xba\x9e\x0f\xb4\xa0\xd0-\xe8$\xa0\x00\xf0\x14\x8a\xa2\x18\x86IHH\xd8\xbf\x7f\xff\xb0a\xc3\xc0\x83\x98\xcdf\xae\xd7U\xb7X,\x16\x0f\x0f\x0f\xadV\x9b\x90\x900}\xfa\xf4\x993g\xd24-\xd0\xc0\x19-(t\x0b:\x03(\x00\xfc\x85\xa2(\x9a\xa6;v\xecx\xe0\xc0\x01\xf0 \x01\x01\x01\x0e\x1cEZ,\x16\x1f\x1f\x1f\x9b\xef\x98={\xb6\xd0#G\xb4\xa0\xd0-\xe8\xf0\xa0\x00\xf0\x1a\xb1X\x0c\x1e$--m\xf8\xf0\xe1\xeb\xd6\xad\xf3\xf7\xf7g\x18\xc6\xf1*7\xd01\x92\x9d\x9d\xdd\xb6m\xdb\x993g\x82\xefp\x80\xc8\x11-\xc8\xf5\xba\x90\x7f\x02\xc5\x99\xef\x80\x07\xe9\xd0\xa1\xc3\xa1C\x87\x92\x93\x93\xd5j\xf5\xfb\xef\xbf\xaf\xd5ji\x9av\x8c\xe3\x94p\x83\xb9\xbf\xbf\xff\xe1\xc3\x87_{\xed\xb5E\x8b\x16M\x9f&gt;\xdd\x91|\x07Z\x10\xe1-\xd8\x05$\x0c\xa0\x89\x02\nk\xe1\xe1\xe1;w\xee$\x08\xa2\xa2\xa2B\xe8\xef\x18M\xd3R\xa9\xd4\xdb\xdb\xfb\xd3O?]\xb2d\xc9\xef\xbf\xff\x9e\x98\x98\xe8\x90\xbe\x03-\x88\xf0\x10L\x01\t\x03\xb1X\xcc0\x8cB\xa1\xc8\xcd\xcd\x95\xc9d\xb1\xb1\xb1\xc5\xc5\xc5\xfe\xfe\xfe4M\xc3\x08\x1a\xc1a\xb5Z-\x16\x8bR\xa9d\x18&amp;99y\xe7\xce\x9d\xf9\xf9\xf9\x89\x89\x89\x8eZ3D\x0b"&lt;\x04\x05@0\xc0\xf1"\x0f\x0f\x8f\xd4\xd4\xd4)S\xa6t\xef\xde}\xed\xda\xb5~~~...\x82\xbb\x81\x84a\x18\x92$\xfd\xfd\xfd\xd3\xd3\xd3\xe3\xe3\xe3}||\n\n\n\x9a7o\xce0\x8c\x03\xd7\x0c\xd1\x82\x08\xdf\xc0\x14\x90\xc0\x80|+EQ\xe7\xce\x9d\x1b?~\xbc\xbf\xbf\xff\xfa\xf5\xeb\x9b5kVVVF\x92$\xffOZZ\xadV\x08\x84\x8dF\xe3\xdc\xb9sw\xef\xde\xfd\xc5\x17_\x8c\x193\x86x|x\x8a\xeb\x05\xd69hA\x84?\xa0\xb5\x04\x06I\x92\xd0\\\xd8\xa6M\x9b\x82\x82\x82\xe8\xe8\xe8\x84\x84\x84o\xbf\xfd\xd6\xc7\xc7\x07.#\xe4m&gt;\xc1j\xb5B\xbe\xd8\xcf\xcf\xef\xf8\xf1\xe3\t\t\t\xb7n\xdd*,,\x1c3f\x0cM\xd3\xce3\'\x00-\x88\xf0\x07\xdc\x01\x08\x15[\xb4\x95\x99\x999\x7f\xfe|\xb3\xd9\xfc\xf1\xc7\x1f\xf7\xe8\xd1\xc3h4VVV\x8aD"\xfe\xbc\x8d\x103\xba\xb8\xb8xzz^\xb9re\xee\xdc\xb9\xc5\xc5\xc5\xef\xbe\xfb\xee\xb8q\xe3\x88\xc7\xd5Q\xae\xd7\xc8\x01hA\x84sP\x00\x84\x8d\xed\xdd[\xbdz\xf5\x9a5kBCC\xdf}\xf7\xdd\xc4\xc4D\x93\xc9TYYI\x10\x04\xb7\xb3\x88Y\x96eY\xd6\xd5\xd5\xd5\xc3\xc3\xe3\xd6\xad[+W\xae&lt;|\xf8prr\xf2\x82\x05\x0b\xbc\xbd\xbd\xe1Zp\xa7\x1d\x95\x0c\xa0\x05\x11\x0e\xe1K\x88\x81\xfc7\xc4b1\xcb\xb2V\xabu\xfa\xf4\xe9\xd9\xd9\xd9!!!C\x87\x0e\x1d0`\xc0\xd9\xb3g}}}}||D"\x91\xfd\xb3\n\x90+\xb0Z\xad\xde\xde\xde~~~\x0f\x1e&lt;\x98&gt;}zRR\xd2\xfd\xfb\xf7\xf7\xef\xdf\xbfb\xc5\n\xf0\x1d\x14E\xa1\xef@\x0b"\x1c\x82;\x00\x07\xc1\x16H&gt;|\xf8p\xd9\xb2eG\x8f\x1eU*\x95\xa3F\x8d\x1a0`\x80\x8f\x8f\x8f\xc9d\xaa\xaa\xaa\xb2\xc5ku\xf4\xd2B\xb4H\x92\xa4\x9b\x9b\x9b\x9b\x9b\x9b\xd1h&lt;v\xec\xd8\xa6M\x9b\xae^\xbd\xda\xa2E\x8b\xf9\xf3\xe7\xc7\xc4\xc4\xc0R\xd1q\xfc\x15\xb4 b\x7fP\x00\x1c\x07H\xd4\x82\x131\x1a\x8d\xdf\x7f\xff\xfd\xcf?\xff|\xff\xfe\xfd^\xbdz\x8d\x1c9266\xd6\xcd\xcd\x8d\xa6\xe9\xea\xeaj\xb3\xd9l\xb5Z\xa1\xe7\xe4E^c\xebc\x08\x82\x10\x8b\xc5\xae\xae\xae2\x99\x8ce\xd9K\x97.\xed\xdd\xbb755\x95\xa6\xe9\xc1\x83\x07O\x992\xa5a\xc3\x86\xc4\xe3\xdeA\xfe\xa4\xb6\xf9\x06Z\x10\xb13(\x00\x8e\x86\xad\xcb\x10\xfe\xe7\xf1\xe3\xc7\x7f\xfe\xf9\xe7\xec\xecl\x99L\x16\x1f\x1f\xdf\xbd{\xf7\xc4\xc4\xc4\x80\x80\x00\x92$\x19\x861\x1a\x8df\xb3\x19F\xd3\xd8\xfc\xc8\xdf\x05\x98\xb6,\x04|1I\x92R\xa9\xd4\xc5\xc5\x05N\xfdh\xb5\xda\xf3\xe7\xcf\x1f9r$++\xeb\xd1\xa3G-Z\xb4\x184h\xd0\x90!C\xe0_\xd1q&lt;;hA\xc4n\xa0\x008&amp;\xe0Dl\xe1!M\xd3\x7f\xfc\xf1\xc7\x8e\x1d;\xf2\xf2\xf2\xb4Zm```BBB\x9b6m\xa2\xa2\xa2\x1a5j\xe4\xe1\xe1\x01\xdf\x05\xdb\x7f\xa3\xd1\xc80\xcc\x13?\x90$IWW\xd7\x9a\x9e\xc5d2\xdd\xbf\x7f\xff\xca\x95+\x05\x05\x05YYYW\xae\\\x91\xc9d\xc1\xc1\xc1\x03\x07\x0e\xec\xdb\xb7\xafB\xa1\x80/\xc3t\xc1\x7f\x03-X\x93\x9a;\x15\xf8\x9f\x7f\xf7\x95\xb0N\xdb\x9f\x89\x0f\xde?\x83\x02\xe0\xe0@lX\xb3K\xaf\xa0\xa0 ==\xbd\xa0\xa0 77\xb7\xa2\xa2\xc2\xdb\xdb\xdb\xd7\xd77$$\xa4q\xe3\xc6\xcd\x9b77\x9b\xcd-Z\xb4P(\x145=\x08I\x924M\xe7\xe7\xe7\x13\x04QVVv\xe9\xd2\xa5?\xff\xfc\xf3\xde\xbd{\xd0\xad\x18\x1d\x1d\x1d\x15\x15\xd5\xa5K\x97\x0e\x1d:\xd8~\x11|;\xb6\x88\xbc8NhA\x10?pM/\xd8\x0e\x0bU\r\xe2\xb1$\xd4]\xf9D\xa0\xa0\x008\x05\xb67\xea\x89~m\x95Ju\xe9\xd2\xa5\x9b7o\x16\x14\x14\xdc\xbbw\xef\xcf?\xff$I\xb2\xbc\xbc\xdcb\xb1&lt;\xf1`\x88D"___\x92$\xbd\xbd\xbd\xc3\xc2\xc2\x9a5k\x16\x1a\x1a\x1a\x13\x13S\xaf^\xbd\x9a\xef\'\xfa\xfd:\xc2\xe1-\x08\x7f\xdd_\xff@@\xa5RUTT\\\xbcx\x91$I\xadV\x9b\x9b\x9b\xfb\xc4\x17\x90$\xc9\xb2lHHH\xd3\xa6M\x19\x86\t\x0c\x0cl\xd4\xa8\x91B\xa1\xf8\xebO\x03A\xad\xd3Z\xba\x80@\x01p:l1\xd1\xdf\x1d\xde\xd1\xeb\xf5\x06\x83\x81$\xff\xdf\xb3\x01\xffAQ\x94R\xa9|\xea\xd7\xdb\x12\xd0\xe8\xf7\xed\x83\xc3X\xd0\xa6jO\xa4\x98\x1e&gt;|\x98\x9f\x9f\x7f\xe5\xca\x95k\xd7\xae\x15\x16\x16VWWk\xb5Z\xb1Xl;y\x10\x1d\x1d-\x91Hj\xfa.\xf8!\x97/_\xd6\xeb\xf5b\xb1X\xaf\xd7\x9bL&amp;777\x0f\x0f\x8f\xb0\xb0\xb0\xa0\xa0\xa0\xb8\xb8\xb8\xa8\xa8\xa8\xa0\xa0\xa0\x9ajG\xd3\xb4\x93?\xb7(\x00N\r\xbc\x81D\x8d\xaa A\x10\x7f\xb7\xe3\xb6}\xa5\xcd\xad\xc0W:\xed\xcb\xc3\x07\x04j\xc1\xbf\xe6\xb5\xae_\xbf\x9e\x99\x99\x99\x9e\x9e\x9e\x9b\x9b\xab\xd3\xe9\xdc\xdd\xddCBB\x02\x03\x03\xe3\xe2\xe2\xfc\xfc\xfc"""\xa4Ri\x83\x06\r\xe0\xcf\xfc\xbb{\x14\xa0\x8dJ$\x12\xa9\xd5j\xbd^\x7f\xfb\xf6\xed\xfb\xf7\xef_\xb8p\xa1\xa4\xa4\xa4\xb8\xb8\xb8\xbc\xbc\xdc\xd5\xd55**\xaac\xc7\x8eIII\xadZ\xb5\xb2\xfd\x1c\xa7\xdd\xb9\xa2\x00 O\xf2w\x8f\x84\xb3\xbd\x1b\xc2\x85\xb7\x16\x04\x07m\x8b\xf7i\x9aNOOOKK;q\xe2\x84^\xaf\x0f\x0c\x0c\x8c\x8f\x8f\x87\xcav\x93&amp;M\xdc\xdc\xdcl\xdfb4\x1aY\x96\xb5\xdd\xa6\xf9w\xc7\xe2@\x02\xadV\xabD"\xa1(J"\x91H\xa5R\xf8]f\xb3\xf9\xfe\xfd\xfb\xc5\xc5\xc5\x85\x85\x85\xa7O\x9f\xbe~\xfd:M\xd3\t\t\t\xdd\xbbw\xef\xdd\xbb\xb7\\.\x87\x9f@\xd34\xaf\x86p\xd45(\x00\x08\x82\xd49\xb6T\x0f\xfc\xcfc\xc7\x8e\xed\xd8\xb1#;;\xdb`0\xb4o\xdf\xbew\xef\xde\x89\x89\x89\x81\x81\x81\x04A\x80\xbb7\x99L\xf0-5+\xb7\xcf.`\xe0\xd6j\xf6\x0e\x89D\xa2\x9a=\xafj\xb5:\'\'\xe7\xe8\xd1\xa3G\x8e\x1c1\x99L-[\xb6\x1c4h\xd0\xa0A\x83d2\x99m\xb5\xce\xb0!@\x01@\x10\xa4\x0e\xa99/\xe8\xc1\x83\x07k\xd6\xac9r\xe4\x88F\xa3\xe9\xde\xbd\xfbk\xaf\xbd\x06\rK,\xcbVUU\x99L\xa6:-E&lt;q\xea\xcd\xdd\xdd]"\x91\x18\x0c\x86k\xd7\xae\xed\xdf\xbf?55\x95a\x98\xf6\xed\xdbO\x9b6-..\xee\xaf\x8bwHP\x00\x10\x04\xa9\x13j\x9e\x1d;{\xf6\xec\xf2\xe5\xcb\xf3\xf2\xf2\x9a7o&gt;f\xcc\x98\xde\xbd{{yy\x99L&amp;\x83\xc1`\xb1X8\xa9\xc4B-\x9d\xa2(\x17\x17\x17777\x93\xc9\x94\x95\x95\xb5y\xf3\xe6\x8c\x8c\x8c\xa6M\x9b\xa6\xa4\xa4\x0c\x180\x00\x96\xe4\xc02\x80\x02\x80 H-\x03\xe7\xd1\xc0c\xa6\xa5\xa5-Y\xb2\xa4\xb2\xb2\xb2O\x9f&gt;\xaf\xbf\xfezTT\x14\xcb\xb2:\x9d\x8e?\xd9v[e\xc2\xc3\xc3C*\x95\xde\xbbw/55u\xef\xde\xbd*\x95j\xda\xb4iS\xa7N\x85b5|\r\xd7\x8b\xadeP\x00\x10\x04\xa95j\xce\xb1\x00\xd7\xafR\xa9\xdex\xe3\x8d\xf1\xe3\xc7+\x95\xca\xaa\xaa*\x83\xc1@\x10\x04?=)\xec\td2\x99\x97\x97\x97\xd9l\xde\xbf\x7f\xff\xf2\xe5\xcb\xb5ZmJJ\n\xc8\x00\x14\x9f\xf9 Z\xb5\x05\n\x00\x82 \xb5\x83-F.((\x98&gt;}\xfa\x83\x07\x0f\xa6L\x992q\xe2D\xb9\\\xae\xd5j-\x16\x0b\xe7#%\x9e\x05[/)\x14\'\xf6\xed\xdb\xf7\xc5\x17_h\xb5\xda\xa5K\x97\xbe\xfa\xea\xab\x04?fc\xd4\x16(\x00\x08\x82\xbc(\xb6\xd0\xb8\xb4\xb4t\xde\xbcy\xbf\xff\xfe\xfb[o\xbdU\xd3\xf5\x0b\xf1\xca0\xa8a\xc8\xe5r\xab\xd5\xba\x7f\xff\xfe\x8f?\xfe\xd8\xc3\xc3c\xcd\x9a5\xadZ\xb5"\x1c%#\xe48{\x19\x04A8\xc1\x96\xcd\xff\xfe\xfb\xef[\xb5je\xb1XN\x9d:5{\xf6l\x82 T*\xd5\xdfMw\xe0?\x14E\x89D"\x8dF\xa3\xd3\xe9^}\xf5\xd5S\xa7Nu\xef\xde\xbdg\xcf\x9e\xb3f\xcd\x82M\x00\xdc\x99\xc3\xf52_\x08\xdc\x01 \x08\xf2\x1f\xb1e\xfc\x8b\x8b\x8b\xc7\x8f\x1f\xcf\xb2\xec\xe2\xc5\x8b\xbbu\xebVYYi4\x1a\x05\xea\xf7\x9f\n\xc4\xfb\n\x85\xe2\xda\xb5k\xb3g\xcf\xbet\xe9\xd2\x8a\x15+\x92\x93\x93\x89\x1aw;\x0b\x11\xa1\xae\x1bA\x10n\x81\x0c\tEQ\x9b6m\xea\xd2\xa5\xcb+\xaf\xbc\x92\x91\x91\xd1\xb9sg\x95J%\xd0\x9c\xcf?\x00\xd9\x1e\x95JU\xbf~\xfd\xfd\xfb\xf7\x7f\xf2\xc9\'S\xa7N\x9d5k\x16\x9c\x17\xa3i\x9a\xeb\x05\xfeGp\x07\x80 \xc8s\x03\x17XVUU\x8d\x193\xa6\xa8\xa8\xe8\xe7\x9f\x7f\x8e\x89\x89Q\xab\xd55\x8f\xfb:$P"\xf6\xf5\xf5U\xab\xd5\xe3\xc6\x8d+))\xd9\xbd{wXX\x98\xedFOa\x81;\x00\x04A\x9e\x0f\x08\xf0srrbbb\xa4RinnnDDDii\xa9H$rl\xefO\x10\x04I\x92b\xb1\xb8\xac\xacL*\x95\xa6\xa5\xa5\x8d\x1a5\xaac\xc7\x8e\x9b7o\x16\x8b\xc50\xe1\x8e\xeb\x05&gt;\x1f\xb8\x03@\x10\xe4Y\xb1%\xfdW\xaf^\xbdh\xd1\xa2\xc5\x8b\x17O\x992E\xa3\xd18FK\xccs\x01[\x01??\xbfS\xa7N\x8d\x1a5\xaas\xe7\xce?\xfc\xf0\x03!\xb4\x92\x00\n\xc0\xbf\x00\x9f\x8fm\x8e.\xf17\x17\xae\xd6\xbc\xaf\x0e\xef\x1eB\x1c\x12\x9bk\x9b1c\xc6\xa1C\x87~\xf9\xe5\x97\x98\x98\x98\xd2\xd2R\xb1X\xec\xb4\x8f\xba\xc5bQ(\x14z\xbd~\xe4\xc8\x91&amp;\x93i\xef\xde\xbdpi\x81P\xe4\x10\x05\xe0)\xd8\xee\xa9\xf8\x87\xc9\xe3\xcf\x02\x1c,\x04%\x10PP\x80 \x7f\x05\xbc\xbf\xd5j\x1d2d\xc8\xfd\xfb\xf7\xf7\xee\xdd\xeb\xe3\xe3S^^\x0e\xc35\x9d\x19\x9a\xa6]\\\\\xdc\xdd\xdd\xdfx\xe3\x8d\xcc\xcc\xcc\xe3\xc7\x8f\xd7\xaf__(\x1a\x80\x02\xf0\xff\x03\xfe\xfa\x89\xf9$\x0c\xc3\x94\x96\x96\xe6\xe7\xe7\xabT\xaa\xdc\xdc\\\x92$\xe12U\xdbuK\x80\x97\x97W\x8b\x16-X\x96\r\x0e\x0en\xda\xb4iDDD\xfd\xfa\xf5mWu\x13\x8f7\x8cN~\xfd\x10"P\xc0\x9d\xe9t\xba\xb6m\xdb\x86\x86\x86\xa6\xa5\xa59^\xa3\xe7\x8b\x00\xf1\xa2\xaf\xaf\xef\x92%K\x16/^|\xfc\xf8\xf1v\xed\xda\t\xa2,\x8c\x02\xf0\xff\xe2\xfd\x9a~Y\xa5Reeeedd\x9c?\x7f\xfe\xc1\x83\x07F\xa3\xd1\xd3\xd3\xd3\xcb\xcb+&lt;&lt;\x9c\xa6\xe9\xa6M\x9b\x06\x07\x07\xc3\x08C\xf8v\xb1X\xacV\xab\x0b\n\n$\x12\xc9\xdd\xbbw\x1f=zTYYi\xb5Z\xfd\xfc\xfcbbb\xe2\xe3\xe3;v\xec\x18\x1c\x1cl\xfb\x8d5\xa7$"\x08\xcf\x01\xef\xaf\xd1h\x12\x12\x12\x06\x0c\x18\xb0d\xc9\x12\x9dN\'\xacL\xb7\x1d\xb0\x95\x04v\xee\xdc\xf9\xe6\x9bo\xee\xdb\xb7\xafc\xc7\x8e\xfc\xd7\x00\xa7\x16\x00\xb8\x07\xce\xb6S+((\xd8\xbf\x7f\x7fzz\xfa\xcd\x9b7}}}CBB:w\xee\x1c\x19\x19\xd9\xa4I\x93\xfa\xf5\xeb\xdb\xae\x16"\x9ev\xe3R\xcd\xa0\x9ea\x98G\x8f\x1e=|\xf8\xf0\xe2\xc5\x8b\xa0"j\xb5\xda\xc3\xc3\xa3s\xe7\xce\xfd\xfb\xf7\x7f\xe9\xa5\x97\xe0\xcd\xf9\xab\xf0 \x08\xdf\xb0y\xff\xf8\xf8\xf8\xd1\xa3G/X\xb0\xa0\xac\xac\x0c\x1f\xda\xbf\xc3b\xb1\xf8\xfb\xfb\xff\xfe\xfb\xef\xc3\x86\r;p\xe0\x00\xff5\xc0I\x05\xa0\xe6\x80\xef\x92\x92\x92]\xbbvm\xdd\xbaU\xa3\xd1\xb4j\xd5\xaaO\x9f&gt;\x1d:t\x88\x88\x88\x00\xb3\x99L&amp;\xb3\xd9l\xb1X`\x97G\xfc\xfd\xb5D5K\xc4\x12\x89D"\x91\xb8\xb8\xb8@\xa6\xe8\xce\x9d;\xa7O\x9f\xfe\xf5\xd7_\xb3\xb2\xb2H\x92\xec\xdd\xbb\xf7\x981c\x9c\xe7\xd2\tD\xa0@\x80R^^\xde\xae]\xbbQ\xa3F-X\xb0\xc0\xc9K\xbe\xcf\x82\xd9l\x0e\x08\x08\xa8\xa9\x01|\xae\x078\x9d\x00\xd4\xf4\xb6\xc7\x8f\x1f\xff\xf6\xdbo\x0b\n\n\xa2\xa3\xa3\x93\x93\x93{\xf4\xe8\xd1\xb0aC\x82 \xaa\xab\xab\r\x06\x83\xad~\xfb\x1f\xfayl\xbdCPI\x96\xc9d\xee\xee\xee"\x91H\xab\xd5fdd\xec\xd9\xb3\';;[.\x97O\x9f&gt;}\xc8\x90!PFC\x19@x\x05t\xbe\xe9t\xba\x84\x84\x84\x91#G~\xf4\xd1G\xa5\xa5\xa5X\xf2}\x16l\xfb\x80\xe1\xc3\x87\x1f:t(!!\x81\xb7\x1a\xe0D\x02Ps\x96\xf7\xbe}\xfb\x96-[\xa6V\xab_}\xf5\xd5\xf1\xe3\xc7\x87\x86\x86Z\xad\xd6</t>
        </is>
      </c>
    </row>
    <row r="90">
      <c r="A90" s="1" t="n">
        <v>88</v>
      </c>
      <c r="B90" t="inlineStr">
        <is>
          <t>rectangle_height_number</t>
        </is>
      </c>
      <c r="C90" t="inlineStr">
        <is>
          <t>What is the missing number of the part denoted with a question mark?</t>
        </is>
      </c>
      <c r="D90" t="inlineStr">
        <is>
          <t>[4, 3, 2, 1]</t>
        </is>
      </c>
      <c r="E90" t="inlineStr">
        <is>
          <t>1</t>
        </is>
      </c>
      <c r="F90" t="inlineStr">
        <is>
          <t>There are 7 rectangles in the image with varying lengths and numbers inside them. The numbers from left to right are [1, 1, 2, 3, 2, 3, '?']. The lengths from left to right are ['short', 'short', 'medium', 'long', 'medium', 'long', 'short'].</t>
        </is>
      </c>
      <c r="G90" t="inlineStr">
        <is>
          <t>We observe that the short rectangles are denoted as 1, the medium rectangles are denoted as 2, and the long rectangles are denoted as 3. Hence, the pattern is that the number in each rectangle corresponds to its length.</t>
        </is>
      </c>
      <c r="H90" t="inlineStr">
        <is>
          <t>Based on the pattern that the number in each rectangle corresponds to its length, the missing number of the rectangle with a question mark should be 1.</t>
        </is>
      </c>
      <c r="I90" t="inlineStr">
        <is>
          <t>b'\x89PNG\r\n\x1a\n\x00\x00\x00\rIHDR\x00\x00\x02\x00\x00\x00\x02\x00\x08\x02\x00\x00\x00{\x1aC\xad\x00\x00I\x07IDATx\x9c\xed\xddy|T\xd5\xf9?\xf0\xe7\x9cs\'\x99\xc923\xd9\x08\xab\x0b\x12\x01E\xf6}\x13\x17\x16k\x8bZ\x11Q\xc0\x05\x05\xad\xd6~C[m\xad\xb6\x88\xd6\xba`\x17[\xdbZv\xa4\xa2U\xb1\xb6\xda\n\x82\x0b \x15\x02\xa8 $l\x82(\x04B\xd6\xc9\xcc$\x99\x99{\xcf\xf9\xfdq!\xe5\xa7H\x01I\xe6\xde\x9c\xcf\xfb\xf5}\xbd\xbemB\'O\x9e\xc99\x9f{\xcf=\xf7\x0eSJ\x11\x00\x00\xe8\x87\'\xbb\x00\x00\x00H\x0e\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xcaHv\x01\x00MN)u\x1a\xff+\xc6\xd8\x19\xafDO\xe8\xbfc!\x00\xa0\x05RJI)\x95R\x8c1\xc6\x18\xe7\xa7s\xa6{F^DO\xe8\xbf[\xb0\xd3\x0bg\x00\x07\xb2\xa7\x0c"\x12B\x1c\xfb\xf5P($\xa5d\xecd\xff\xda\xedc\xcf`0x\xec\x17\xed\xc9\x88s\x8e#\xd3\xaf\x83\xfe\xbb\x0e\x02\x00Z\x02\xa5\x94eY\x86q\xe4\x8c6\x1c\x0e\x17\x15\x15\xad_\xbf\xee\xc3\x0f?\xaa\xaa\xaa*))1-\xf3\xe4_\x8d\x11S\xa4:\x9d\xd7)\x18\x0c\xf6\xed\xdb\xb7w\xef\xde\xfd\xfb\xf7o\xd7\xae\x9d\xfd]\xd349\xe78 =\x16\xfa\xefR\x08\x00p=\xcb\xb2\xecC\xcex&lt;\xbel\xd9\xb2\xe7\x9e{n\xe3\xc6\x8d\xfb\xf6\xed;\x83?"++\xabo\xdf\xbe\xe3\xc7\x8f\x1f;vl\xabV\xad\x88\xc84M!\x04\x8eF\t\xfdw3\x04\x00\xb8\x98\xfd\xd7\xcb\x18\x0b\x85Bs\xe6\xccY\xbcx\xf1\x96-[\x1a\xbf\x9b\x91\x99\xd1\xfe\xacvy\xf9y\x1d\x0b\xce\xcd\xce\x0e\x9a\xa6u2\xf3\x85"\xc5\x19O$\x12\xc5\x9f\x94\xd4T\x87\xf6\xed\xf9\xbc\xba\xaa\xba\xf1\xbbm\xda\xb6\x99x\xe3\xc4\xdbo\xbf\xbds\xe7\xceD$\xa5\xd4\xf9P\x14\xfdw;\x04\x00\xb8U\xe3\x81\xe7\x82\x05\x0b\x9e|\xf2\xc9\xed\xdb\xb7\xdb_o\xdf\xa1\xdd\xe0\x11\x83.\x1d=\xe2\x82\xee]\xf3[\xe7\xa5gd\x08!\x84\xe0\xa7\xf6\x87\xaeT"a\xc6\x1ab\x15\x87+vn\xdf\xb5\xe6\x9d\xb5\xabW\xae\xd9^\xbc\xd3\xfefvv\xf6=\xf7\xdc3}\xfa\xf4@ `\x9af\xe3\xd2\x87V\xd0\xff\x16\x00\x01\x00\xaed\xcf&gt;\xa5\xa5\xa5S\xa6LY\xbe|\xb9\xfd\xc5.\x17t\x9er\xf7\xcdc\xc6\x8e\xcek\x95\xa3\x94jh\x88%\xe2\tiIE\xea\xd4\xff\xce\x19g\x8cq\xe6\xf1xR\xbd\xa9\x86a\x84kk\xd7\xbd_4\xe7\xf7\xf3W\xbf\xf3\xbe\xfd/:w\xee&lt;o\xde\xbc!C\x86\xd8W8\xb5Z\x8e@\xff[\x06\x04\x00\xb8\x8f}\xd0\xb7|\xf9\xf2)\xb7M)=PJD\x1d\x0b:~o\xfa\xd4\xef\\{e +\x10\xa9\x8d$\x12\t":#;F\x94RR*RJ\x18"=#]Jk\xd5\xca\xf7\x9f\xfd\xed\xec\xb5\xab&gt; \xa2\xd4\xd4\x94\xc7\x1f\x7f\xa2\xb0\xb0P\xab9\x08\xfdo1\x10\x00\xe02\xf6\xec3g\xce\x9ci\xd3\xa6\xd9_\xb9y\xda\xa4\x1f\xffbz^~^\xa8:d\x99\x16\x17M\xb5S\xd0\xb2,\xc6\x98?\x90i\x99\xd6\xfc??\xf7\xd4#\xbf\x8d\x84#D4u\xea\xd4\xd9\xb3g[\x96\xa5\xc3&amp;E\xf4\xbf%A\x00\x80\x9b\xd8+\x0f\x8d\xb3O0+\xf0\xcb\xdf&lt;t\xdd\xe4q\xb55\xb5\xf1x\xbcy\xd6\x82\xedi(\'/g\xe3\x07\x9b~\xfc\xbd\x9f\x14\x7f\xb2\x9d\x8e\xceA-\xfe8\x14\xfdoa\x10\x00\xe0\x1a_\x9a}\xf2\xf2\xf3f/\xf9\xe3\xb0K\x86\x1c:Xf\x18F3\x0f\xfbD"\x11\xcc\nV\x96W\xde2n\xeaG\x1b&gt;\xa6c\x8eC\xbft\x1bT\x8b\x81\xfe\xb7&lt;\x08\x00p\x07{`\xaf\\\xb9r\xe4\xc8\x91D\x94\x9d\x93\xfd\xcfU\xaf\x9c\xd3\xf1\x9c\x9a\xea\x1a\x8f\xc7\x93\x94\x92L\xd3J\xf5\xa6\x08!n\xfc\xf6M\x1f\xacYOD\x0f=\xf4\xd0\x8c\x193Z\xe4\xbe\x14\xf4\xbfEB\x00\x80\x0b\xd8\xdb\xbd\xcb\xca\xcaz\xf4\xecq\xb8\xec\xb0?\xe0_\xb8tN\xbfA}C\xd5!\xc3\x93\xcc\xa1nYV\xaa75\\\x1b\x9e4\xf6\xd6\xad\x9b\xb71\xc6\x96/_&gt;r\xe4\xc8\x16v\x1c\x8a\xfe\xb7T\xb8\x87\x02\\\xc0~\xd2\xc0\xe4\xc9\x93\xcb\x0e\x95\x11\xd1#\xbf\x991\xec\x92!5\xd55\xc9\x9d}\x88H\x08\xd1P\xdf\x90\x9b\x97\xf3\xcc\xc2\xdf\x05\xb3\x02\x8a\xd4\xe4\x9b&amp;\x1f:t\x881f?\x15\xa7e@\xff[*\x04\x008\x9d}4\xb7d\xc9\x92\x15+V\x10\xd1\r\xb7\x8c\x9fp\xf3u\x87\x0e\x96%k\xe5\xe1K\x0c\xc3\xa8\xa9\x0eu\xed\xd6\xf9\xa1\'\x7fN\x8a\xca\x0e\x95\xdd\x7f\xff\xfd\x9c\xf3\x16sn\x8d\xfe\xb7`X\x02\x02GSJ)\xa5jjj\x06\x0c\x18\xb0g\xcf\x9e\xb3\xce\xe9\xf0\xc6\x9a\xbf\xa7\xa6\xa6\xda[A\x92]\xdd\x7fY\xa6\x15\xcc\t\xdev\xdd\x1do\xfesyjj\xea\x9a5k\xfa\xf6\xedk?\xbd2\xd9\xa5}#\xe8\x7f\xcb\x86\xee\x80\xa3\xd9\x9b\xbb\x17,X\xb0{\xf7n)\xe5\x9d\xd3\xa7\xe6\xe5\xe7\xc6\xe3qG\xcd&gt;D\xc48K\xc4\x13\xd3\x7fvOjjj,\x16\x9b1c\xc6\xc9?\xfd\xd8\xc9\xd0\xff\x96\r\x01\x00\xce\xa5\x94\x12B\xd4\xd7\xd7/X\xb0\x801v^A\xc7k\xae\xbf\xaa\xa6*\xe4\xc0=\x1e\x9c\xf3H8\xd2\xbd\xf7EW^3\x86\x88V\xaf^]RR"\x84p\xf5J4\xfa\xdf\xe2!\x00\xc0\xb9\xec\xfbzV\xae\\\xb9m\xdb6\xa5\xd4\xd4\x1f\xdc\x16\x08\xfaM\xf3\x14\x9e,\xdf\x9c8\xe7\xb1X|\xda\xff\xdd\x9e\x96\xe6\x8bF\xa3s\xe7\xce%"WO@\xe8\x7f\x8b\x87\x00\x00\xa7[\xb8p!c,\xbfM\xfe\xb7\xae\x1e\x1d\xae\x8d8v{\x1f\xe7&lt;\x1a\x89v\xef\xddm\xe0\xb0\x01\x8c\xb1W^y\xa5\xae\xae\xce0\x0c\xb7/D\xa0\xff-\x18\x02\x00\x1c\xca^\x7f\x08\x85BE\x1b\x8a\x94R\xc3.\x19\x92\xd7*7\x91H8m\xf5\xf9XJ)\xc6\xf8\xa8o\x8fTJ\x1d(=\xb0y\xf3fr\xedA(\xfa\xaf\x03\x04\x008\x94=n7n\xdc\xb8\xff\x8b\xfdDt\xe9\x98\x11\xce?\x90\x13B4\xd4\xd5\x0f\xbex`\x86?\xc32\xad7\x97\xbdIG?5\xc5u\xd0\x7f\x1d \x00\xc0\xa1\xecq[\xb4\xa1\x88\x88\xd22\xd2.\xe8\xde5V\x1fs\xf8\xae&gt;\xc6X,\x16o\xdf\xa1\xed\xb9\x1d\xcf!\xa2\x8d\x1b6\x12\x91\xc3k\xfe:\xe8\xbf\x0e\xd0\x1ap({\xa9a\xd3\xc6MDt\xd6\xd9\x1d\xda\xb4\xcdw\xf8\xfa\x83MJ\xe9K\xf3]pQ\x17"*))\x89D".\xbd)\t\xfd\xd7\x01\x02\x00\x1c\xca\xde\xc7]^^ND9\xb9\xd9\xe9\x19\xe9\x96e%\xbb\xa8\xffM)\xc5\x85h\xdd\xb65\x11\xd5\x84j\xea\xeb\xeb\x93]\xd1iB\xffu\x80\x00\x00\'\xb2\xef\xe1\x0c\x85B;w\xee$\xa2\x82.\x9d\x84K\xb6s0\xc6,\xd3\xec\xd4\xe5&lt;"\xaa\r\xd5\x96\x94\x94\x90\x0b\xafC\xa2\xff\x9a@\x00\x80s)\xa5\x12f\x82\x88\xb2\xb2\xb3\\t"\xaf\x94\xca\xca\xce"")\xa5cw\xcd\x9f\x0c\xf4\xbf\xc5C\x00\x80\xa3\xd9\x8b\xce\xae\x1b\xc6\x8d\x05;\x7f\xd1\xfc\xc4\xd0\xff\x96\r\x01\x00.\xe0\xbaa\xec\xba\x82O\xccu\xbf\x8e\xeb\nN\x16\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2\x92]\x00\xb8\x80R\xea4\xfeW\x8c\xb13^\x89\x9e\xd0\x7fh"\x08\x008\x0e\xa5\x94\x94R)\xc5\x18c\x8cq~:g\x8ag\xe4E\xf4\x84\xfeC\xf3@\x00\xc0\x7f\xd9S\x06\x11\t!\x84\x10\x8d_\x0f\x85BRJ\xc6\xd8I\x1e\x8a\xda\xc7\x9e\xc1`\xf0\xd8\x17\xb1\'#\xce9\x8eL\xbf\x0e\xfa\x0f\xcd\x0c\x01\x00DDJ)\xcb\xb2\x0c\xc3\xb0\xa7\x8cp8\\TT\xb4~\xfd\xba\x0f?\xfc\xa8\xaa\xaa\xaa\xa4\xa4\xc4\xb4\xcc\x93\x7f5FL\x91\xeat^\xa7`0\xd8\xb7o\xdf\xde\xbd{\xf7\xef\xdf\xbf]\xbbv\xf6wM\xd3\xe4\x9c\xe3\x80\xf4X\xe8?$\x05\x02\x00\xc8\xb2,!\x84a\x18\xf1x|\xd9\xb2e\xcf=\xf7\xdc\xc6\x8d\x1b\xf7\xed\xdb\xf7\r_\xb6\xa2\xbc\x82\x88\x96-[FDYYY}\xfb\xf6\x1d?~\xfc\xd8\xb1c[\xb5jED\xa6i\n!p4J\xe8?$\x0f\x02@k\xf6\x92\x82\x10"\x14\n\xcd\x993g\xf1\xe2\xc5[\xb6li\xfcnFfF\xfb\xb3\xda\xe5\xe5\xe7u,87;;h\x9a\xd6\xc9\xcc\x17\x8a\x14g&lt;\x91H\x14\x7fRRS\x1d\xda\xb7\xe7\xf3\xea\xaa\xea\xea\xea\xea\x15+V\xacX\xb1\xe2\x173~1\xf1\xc6\x89\xb7\xdf~{\xe7\xce\x9d\x89HJ\xa9\xf3\xa1(\xfa\x0f\xc9\x85\x00\xd0\x97}\xe0ID\x0b\x16,x\xf2\xc9\'\xb7o\xdfn\x7f\xbd}\x87v\x83G\x0c\xbat\xf4\x88\x0b\xbaw\xcdo\x9d\x97\x9e\x91!\x84\x10\x82\x9f\xdaN\x14\xa5\x12\t3\xd6\x10\xab8\\\xb1s\xfb\xae5\xef\xac]\xbdr\xcd\xf6\xe2\x9d\x07K\x0f&gt;\xf5\xd4S\xf3\xe7\xcf\xbf\xe7\x9e{\xa6O\x9f\x1e\x08\x04L\xd34\x0c\x1d\xff\x0e\xd1\x7fH:\xbc\xf1\x9a\xb2g\x9f\xd2\xd2\xd2)S\xa6,_\xbe\xdc\xfeb\x97\x0b:O\xb9\xfb\xe61cG\xe7\xb5\xcaQJ54\xc4\x12\xf1D8\x14V\xa4N}\'"\xe3\x8c1\xcer[\xe5\xb6;\xab\xdd\xc8o]\x1e\xae\xad]\xf7~\xd1\x9c\xdf\xcf_\xfd\xce\xfbUUU3g\xce|\xf1\xc5\x17\xe7\xcd\x9b7d\xc8\x10\xfb\n\xa7V\xcb\x11\xe8?8\x01\x02@G\xf6A\xdf\xf2\xe5\xcb\xa7\xdc6\xa5\xf4@)\x11u,\xe8\xf8\xbd\xe9S\xbfs\xed\x95\x81\xac@\xa46R]UCD\xf6\x8e\x11.\xbe\xd1\x12A"\x91\x88\xc5\xe2\xa4\x940\xc4%\xa3F\\|\xf9\xb0U+\xdf\x7f\xf6\xb7\xb3\xd7\xae\xfa`\xc7\x8e\x1d\x97]v\xe9\xe3\x8f?QXXh\xef~\xd1d\x0eB\xff\xc1!\xb0\xfc\xa7\x1d{\xf6\x993g\xce\x981c\xec\xd9\xe7\xe6i\x93\xfe\xf1\xee\xcb\x93\xa7Nd\x8cUWT\xdb\x07\xa7g\xea\n!cL\x08.\x0cAD\xb5\xa1\xdah\xa4\xee\xd2\xd1\x17\xbf\xf0\xc6s\x0f=\xf9\xf3\x8c\xcc\x8cX,&gt;}\xfa\xf4i\xd3\xa6q\xce\xed}\x8a\xdf\xfc\':\x1c\xfa\x0f\xce\x81\x00\xd0\x8b\xbd\xd7p\xce\x9c9\xd3\xa6M#\xa2`V\xe0\x99\x05\xbf}\xf2O\x8fy\xbd\xde\xca\xf2J"\x12F\x13\xee\x0c\x11Bp\xceC5\xb5\xd1h\xdd]?\xba\xe3\xa57\x9f\xbf\xe0\xa2.Dd\xd7#\x84P\xea4\xd6:\xdc\x04\xfd\x07GA\x00h\xc4&gt;\xb4l\x9c}\xf2\xf2\xf3\x16\xbc2g\xc2\xcd\xe3\xcb\xcb\xca\xed\x89\xa9y\xca\xb0\xa7\xa1\xc3\x87\x0ew\xef}\xd1\x0bo,\xee\xd5\xaf\'\x1d\x9d\x83\xec\xe3\xd0\xe6)\xa3\xf9\xa1\xff\xe04\x08\x00]\xd8\xb3\xcf\xca\x95+\xed\xd9\';\'\xfb\xefo\xff\xad\xdf\xa0\xbe\x87\x0e\x96y&lt;\x9e\xe6_\xfc\xf5x&lt;\xa1\x9a\xda\xf4\xcc\xf4WW\xfem\xd0\xb0\x01D4g\xce\x9c\x993g\n!L\xf3\x14nzr\x0b\xf4\x1f\x1c\x08\x01\xa0\x05)\xa5\x10\xa2\xac\xacl\xd2\xe4I\x8c\xb1@00\xef\xa5g\xcf\xe9xN\xa8:\xe4\xf1x\x92U\x95a\x88x,.\xa5\xfc\xf3_\xff\xd0\xad\xc7\x85D4s\xe6\xcc\x15+V\x18\x86aYV\xb2\xaaj\n\xe8?8\x13\x02@\x0b\xf6\x93\x06&amp;O\x9e\\v\xa8\x8c\x88\x1e\xf9\xcd\x8ca\x97\x0c\xa9\xa9\xae1&lt;I\xde\x06&amp;\x84h\xa8o\xc8\xcd\xcbyf\xe1\xef\x82Y\x01Ej\xf2M\x93\x0f\x1d:\xd4\xf2\xb6\xa3\xa0\xff\xe0@\x08\x80\x96\xcf^|X\xb2d\xc9\x8a\x15+\x88\xe8\x86[\xc6O\xb8\xf9:{\xe5!\xd9\xa5\x11\x11\x19\x86QS\x1d\xea\xda\xad\xf3CO\xfe\x9c\x14\x95\x1d*\xbb\xff\xfe\xfb\x8f}\x8aY\x0b\xe0\xf1x\xd0\x7fp \x04@\x0bg?\r\xb8\xaa\xaa\xea\xe1\x87\x1f\xe6\x9c\x9f\xd3\xf1\xec\x9f\xfd\xf2\'\xa1\xeaZG\xdd\xfc\xe9\xf1x*\xcb\xab\xc6\xdf4\xee\x8a\xb1\xa3\x89\xe8\x85\x17^(**j|4\xa6\xab\xd9\x9bj*++\xd1\x7fp \x04@\x0bgY\x16\xe7|\xc1\x82\x05\xbbw\xef\x96R\xde9}j^~n&lt;\x1ew\xda9&gt;\xe3,\x11OL\xff\xd9=\xa9\xa9\xa9\xb1Xl\xc6\x8c\x19G\x9e~\xec\xf2M\x89\xf6\x05\xd5y\xf3\xe6\xa1\xff\xe0@\x08\x80\x96L)%\x84\xa8\xaf\xaf_\xb0`\x01c\xec\xbc\x82\x8e\xd7\\\x7fUMU\xc8Q\x87\x9f6\xcey$\x1c\xe9\xde\xfb\xa2+\xaf\x19CD\xabW\xaf\xde\xb5kWFF\x86\xdb\x0fB=\x1e\x8f\x94\x12\xfd\x07gB\x00\xb4d\xf63^V\xae\\\xb9m\xdb6\xa5\xd4\xd4\x1f\xdc\x16\x08\xfa\x1d\xbb\xc9\x8fs\x1e\x8b\xc5\xa7\xfd\xdf\xedii\xbe\xba\xba\xbay\xf3\xe6y\xbd^\xb7O@~\xbf\x7f\xcd\x9a5\xdb\xb7oG\xff\xc1\x81\x10\x00-\xdf\xc2\x85\x0b\x19c\xf9m\xf2\xbfu\xf5\xe8pm\xc4\xb1\xd7\xf78\xe7\xd1H\xb4{\xefn\x03\x87\r`\x8c\xbd\xfc\xca\xcbeee\xa9\xa9)\xc9\xae\xeb\x1ba\x8c\xd9\x87\xff\xe8?8\x10\x02\xa0\xc5\xb2\xd7\x7fB\xa1P\xd1\x86"\xa5\xd4\xb0K\x86\xe4\xb5\xcaM$\x12N[}&gt;\x96R\x8a1&gt;\xea\xdb#\x95R_|\xfe\xf9\xa6M\x9b|ii\xc9.\xea\x1b9p\xe0\xc0\x86\r\x1b\xd0\x7fp&amp;\x04@\x8be\x9f\xbco\xdc\xb8q\xff\x17\xfb\x89\xe8\xd21#\x9c\x7f=O\x08\xd1PW?\xf8\xe2\x81\x19\x19\x19\x89\x84\xb9l\xd9\xb2\x94\x14\x17\x1f\x81\x1a\x86\xf1\xc1\x07\x1f\xec\xdc\xb9\x93\xd0\x7fp$\x04@\x8beo@,\xdaPDDi\x19i\x17t\xef\x1a\xab\x8f9\xfc\xe3\x9f\x18c\xb1X\xbc}\x87\xb6\xe7\x9cw6\x11m\xd8\xb8\xc1L\x98D\xe4\xd2\xcd()))\x1b7n4M\xd3\xeb\xf3\xa2\xff\xe0@\x8e\xfes\x84o\xc2^j\xd8\xb4q\x13\x11\x9duv\x876m\xf3\x1d\xbe\xfe`\x93R\xfa\xd2|\xf6S*K\x8aK\xca\xca\xca\x88\xc8\xa5\xf3O&lt;\x1e\xdf\xb8q#\x11u8\xab=\xfa\x0f\x0e\x84\x00h\xb1\xec}\xdc\xe5\xe5\xe5D\x94\x93\x9b\x9d\x9e\x91\xee\x8a\x07\xbc(\xa5\xb8\x10\xad\xdb\xb6&amp;\xa2p8\xdc\xd0\xd0\x90\xec\x8aN\x9f\x94\xb2\xba\xba\x9a\x88r[\xa1\xff\xe0D\x08\x80\x96I)\xc59\x0f\x85B\xf6\x02tA\x97N\xc20\\\xf1\xa8w\xc6\x98e\x9a\x05]:\xd9\xff\xd9\xf9\x87\xcc\'fo\xf9?\xbf\xeb\xf9\xe8?8\x10\x02\xa0%SJ%\xcc\x04\x11eegq\xce]1\x01\x11\x91R*+\'\x8b\x8e^\xc6h\x01\xd0\x7fp&amp;\x04@\x0bg\x1f\xc19\xf6\xe6\xa3\xaf\xe3\xba\x82O\xccu\xbf\x8e\xeb\n\x86\xd3\x83\x00\xd0\x82\xebN\xe4]W\xf0\x89\xb9\xee\xd7q]\xc1pz\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xcaHv\x01\'E)u\x1a\xff+\xc6\xd8\x19\xaf\xe4\xf4\xb8\xbd~\x00\x9d\xb5\xe0\xf1\xeb\xd0\x00PJI)\x95R\x8c1\xc6\x18\xe7\xa7s\xa6rF^\xe4\xf4\xb8\xbd~\x00\x9d\xe93~\x9d\x15\x00v\xcb\x88H\x08!\x84h\xfcz(\x14\x92R2\xc6N2\x8a\xed\xec\r\x06\x83\xc7\xbe\x88\xfdfp\xce\x9b.\x99\xdd^?\x80\xce4\x1c\xbfN\t\x00\xa5\x94eY\x86a\xd8-\x0b\x87\xc3EEE\xeb\xd7\xaf\xfb\xf0\xc3\x8f\xaa\xaa\xaaJJJL\xcb&lt;\xf9Wc\xc4\x14\xa9N\xe7u\n\x06\x83}\xfb\xf6\xed\xdd\xbbw\xff\xfe\xfd\xdb\xb5kg\x7f\xd74M\xce\xf9\x99\rd\xb7\xd7\x0f\xa03m\xc7\xaf#\x02\xc0\xb2,!\x84a\x18\xf1x|\xd9\xb2e\xcf=\xf7\xdc\xc6\x8d\x1b\xf7\xed\xdb\xf7\r_\xb6\xa2\xbc\x82\x88\x96-[FDYYY}\xfb\xf6\x1d?~\xfc\xd8\xb1c[\xb5jED\xa6i\n!\xceH\x1a\xbb\xbd~\x00\x9d\xe9&lt;~\x93\x1c\x00\xf6)\x95\x10"\x14\n\xcd\x993g\xf1\xe2\xc5[\xb6li\xfcnFfF\xfb\xb3\xda\xe5\xe5\xe7u,87;;h\x9a\xd6\xc9\xf4K\x91\xe2\x8c\'\x12\x89\xe2OJj\xaaC\xfb\xf6|^]U]]]\xbdb\xc5\x8a\x15+V\xfcb\xc6/&amp;\xde8\xf1\xf6\xdbo\xef\xdc\xb93\x11I)\xbfI\x14\xbb\xbd~\x00\x9da\xfc&amp;3\x00\xec\xe0%\xa2\x05\x0b\x16&lt;\xf9\xe4\x93\xdb\xb7o\xb7\xbf\xde\xbeC\xbb\xc1#\x06]:z\xc4\x05\xdd\xbb\xe6\xb7\xceK\xcf\xc8\x10B\x08\xc1O\xedJ\xbcR\x89\x84\x19k\x88U\x1c\xae\xd8\xb9}\xd7\x9aw\xd6\xae^\xb9f{\xf1\xce\x83\xa5\x07\x9fz\xea\xa9\xf9\xf3\xe7\xdfs\xcf=\xd3\xa7O\x0f\x04\x02\xa6i\x1a\xc6\xe9\xf4\xc1\xed\xf5\x03\xe8\x0c\xe3\x97\x92\x18\x00v\xf7KKK\xa7L\x99\xb2|\xf9r\xfb\x8b].\xe8&lt;\xe5\xee\x9b\xc7\x8c\x1d\x9d\xd7*G)\xd5\xd0\x10K\xc4\x13\xe1PX\x91:\xf5\x9dX\x8c3\xc68\xcbm\x95\xdb\xee\xacv#\xbfuy\xb8\xb6v\xdd\xfbEs~?\x7f\xf5;\xefWUU\xcd\x9c9\xf3\xc5\x17_\x9c7o\xde\x90!C\xec+&lt;\xa7t:\xe6\xf6\xfa\x01t\x86\xf1kKN\x00\xd8\xa1\xb7|\xf9\xf2)\xb7M)=PJD\x1d\x0b:~o\xfa\xd4\xef\\{e +\x10\xa9\x8dTW\xd5\x10\x91}\xc5\x9c\x8bot\x8a\x94H$b\xb18)%\x0cq\xc9\xa8\x11\x17_&gt;l\xd5\xca\xf7\x9f\xfd\xed\xec\xb5\xab&gt;\xd8\xb1c\xc7e\x97]\xfa\xf8\xe3O\x14\x16\x16\xdaW\xffO\xf2=p{\xfd\x00:\xc3\xf8m\x94\x84\xe5\'\xbb\xfbs\xe6\xcc\x193f\x8c\xdd\xfd\x9b\xa7M\xfa\xc7\xbb/O\x9e:\x911V]Qm\x87\xf3\x99\xbaB\xc2\x18\x13\x82\x0bC\x10Qm\xa86\x1a\xa9\xbbt\xf4\xc5/\xbc\xf1\xdcCO\xfe&lt;#3#\x16\x8bO\x9f&gt;}\xda\xb4i\x9cs{\x9fV\x8b\xaf\x1f@g\x18\xbf\xc7j\xee\x00\xb0\xf7Z\xcd\x993g\xda\xb4iD\x14\xcc\n&lt;\xb3\xe0\xb7O\xfe\xe91\xaf\xd7[Y^ID\xc2h\xc2+\xe3B\x08\xcey\xa8\xa66\x1a\xad\xbb\xebGw\xbc\xf4\xe6\xf3\x17\\\xd4\x85\x88\xecz\x84\x10J\xfd\x8fs=\xb7\xd7\x0f\xa03\x8c\xdf/i\xd6\x00\xb0\xa3\xb5\xb1\xfby\xf9y\x0b^\x993\xe1\xe6\xf1\xe5e\xe5\xf6\x1b\xd3&lt;e\xd8o\xc3\xe1C\x87\xbb\xf7\xbe\xe8\x857\x16\xf7\xea\xd7\x93\x8e\xbe\x07v\x0e\xb7\xd4\xfa\x01t\x86\xf1\xfbU\xcd\x17\x00v\xf7W\xae\\iw?;\'\xfb\xefo\xff\xad\xdf\xa0\xbe\x87\x0e\x96y&lt;\x9e\xe6_\xfc\xf2x&lt;\xa1\x9a\xda\xf4\xcc\xf4WW\xfem\xd0\xb0\x01D4g\xce\x9c\x993g\n!L\xf387}\xb8\xbd~\x00\x9da\xfc\x1eW3\x05\x80\x94R\x08QVV6i\xf2$\xc6X \x18\x98\xf7\xd2\xb3\xe7t&lt;\'T\x1d\xf2x&lt;\xcdS\xc3W\x19\x86\x88\xc7\xe2R\xca?\xff\xf5\x0f\xddz\\HD3g\xce\\\xb1b\x85a\x18\x96e\x1d\xfb/\xdd^?\x80\xce0~\xbfN3\x05\x80}\xa7\xf5\xe4\xc9\x93\xcb\x0e\x95\x11\xd1#\xbf\x991\xec\x92!5\xd55\x86\'\xc9\x1b\xd8\x85\x10\r\xf5\r\xb9y9\xcf,\xfc]0+\xa0HM\xbei\xf2\xa1C\x87\x18c\xc7\x9e\x8b\xb9\xb1\xfe\xe4\x16\x06\xe0(\xae\x1b\xbf\xcd\xb3\x16\xd4\x1c\x01`\x9f|-Y\xb2d\xc5\x8a\x15Dt\xc3-\xe3\'\xdc|\x9d}\xe6\xd5\x0c?\xfd\x7f2\x0c\xa3\xa6:\xd4\xb5[\xe7\x87\x9e\xfc9)*;Tv\xff\xfd\xf7s\xce\x1b\xaf\xc6\xb8\xb1\xfec\x9fB\x05\xa09\x8f\xc7\xe3\xae\xf1{\xec\xfc\xd3\xa4\x9a&lt;\x00\xec\xa7\xa1VUU=\xfc\xf0\xc3\x9c\xf3s:\x9e\xfd\xb3_\xfe$T]\xeb\xa8\x9bW=\x1eOey\xd5\xf8\x9b\xc6]1v4\x11\xbd\xf0\xc2\x0b\x1b6lh\xdc\x98\xe5\xc6\xfa\x8b\x8a\x8a\x1a\x1fm\x08\xa0-{\x1a\xad\xac\xact\xd7\xf8m\x9c\x7f\x9a\xfaG7y\x00X\x96\xc59_\xb0`\xc1\xee\xdd\xbb\xa5\x94wN\x9f\x9a\x97\x9f\x1b\x8f\xc7\x9d\xb6F\xc18K\xc4\x13\xd3\x7fvOjjj,\x16\x9b1c\x86\xfd\xf4W\xb7\xd7O\xd8\x14\n\x1a\xb3/\xa8\xce\x9b7\xcf\xad\xe3\xb7\x895m\x00(\xa5\x84\x10\xf5\xf5\xf5\x0b\x16,`\x8c\x9dW\xd0\xf1\x9a\xeb\xaf\xaa\xa9\n9*~m\x9c\xf3H8\xd2\xbd\xf7EW^3\x86\x88V\xaf^]RRbo\xd8ri\xfd\xbbv\xed\xca\xc8\xc8\xc0I\x00\xe8\xcc\xe3\xf1H)\xdd8~\xed\xf9\xa7\xa9\xc7o\xd3\x06\x80\xfd\x8c\x8b\x95+Wn\xdb\xb6M)5\xf5\x07\xb7\x05\x82~\xc7nR\xe4\x9c\xc7b\xf1i\xffw{Z\x9a/\x1a\x8d\xce\x9d7\xd7\xfe\xa2\x1b\xeb\xaf\xab\xab\x9b7o\x9e\xd7\xebE\x00\x80\xce\xfc~\xff\x9a5k\xb6o\xdf\xee\xae\xf1\x1b\x8dF\xe7\xce\x9dKD\xee\x0e\x00\xdb\xc2\x85\x0b\x19c\xf9m\xf2\xbfu\xf5\xe8pm\xc4\xb1\xd7\'9\xe7\xd1H\xb4{\xefn\x03\x87\r`\x8c\xbd\xf2\xf2+\x91H\x84\x88\xec\xc3\x07\xd7\xd5\xff\xf2+/\x97\x95\x95\xa5\xa6\xa6$\xbb.\x80\xa4a\x8c\xb9t\xfc\xbe\xf2\xca+uuu\x86a4\xe9BP\x13\x06\x80\xbd\xfe\x13\n\x85\x8a6\x14)\xa5\x86]2$\xafUn"\x91p\xda\xea\xdb\xb1\x94R\x8c\xf1Q\xdf\x1e\xa9\x94:p\xe0@qq\xb1i\x9a\xeb\xd7\xafwc\xfd_|\xfe\xf9\xa6M\x9b|ii\xc9.\n i\x0e\x1c8\xb0a\xc3\x067\x8e\xdf\x03\xa5\x076o\xdeLM|\x12\xd0\x84\x01`\xd7\xbdq\xe3\xc6\xfd_\xec\'\xa2K\xc7\x8cp\xfe\xf5H!DC]\xfd\xe0\x8b\x07f\xf83,\xcbZ\xbdz\xf5\'\x9f|RZZJ\xae\xab?##\x910\x97-[\x96\x92\x823\x00\xd0\x94a\x18\x1f|\xf0\xc1\xce\x9d;\xc9u\xe3\xd7\x9fa\x99\xd6\x9b\xcb\xde\xa4\xa3\x1b\x99\x9aH\xd3\x9e\x01\x10Q\xd1\x86""J\xcbH\xbb\xa0{\xd7X}\xcc\xe1\x1f_\xc5\x18\x8b\xc5\xe2\xed;\xb4=\xb7\xe39D\xb4y\xf3\xe6\xb5k\xd7\x12QZ\xba\xcb\xea?\xe7\xbc\xb3\x89h\xc3\xc6\rf\xc2$"l\x06\x02\r\xa5\xa4\xa4l\xdc\xb8\xd14M\xaf\xcf\xeb\xae\xf1k\xcf?\x1b7l$\xa2&amp;\xad\xb9\t_\xda&gt;\xd5\xda\xb4q\x13\x11\x9duv\x876m\xf3\x1d~\xfee\x93R\xfa\xd2|]/\xeaLD[\xb6l\xf9\xf7\x9b\xff&amp;\xa2\x0eg\xb7wW\xfd\xf6S\x06K\x8aK\xca\xca\xca\x88\x08\xf3?h(\x1e\x8fo\xdc\xb8\x91\x88:\x9c\xe5\xce\xf1[R\x12\x89D\x9a\xf4\xa6\xb0\xa6\r\x00\xa5Tyy9\x11\xe5\xe4f\xa7g\xa4\xbb\xe2\x015J).D\xeb\xb6\xad\x89\xa8\xaa\xaa\xea\xf3\xcf?\'\xd7\xd6\x1f\x0e\x87\x1b\x1a\x1a\x92]\x11@rH)\xab\xab\xab\x89(\xb7\x95+\xc7oM\xa8\xa6\xbe\xbe\xbeI\x7f\\S\x05\x80R\x8as\x1e\n\x85\xec\x05\xb8\x82.\x9dD\x13_\xce&gt;S\x18c\x96i\x16t\xe9DDeee\x9f\xee\xfe\x94\\[?&gt;\'\x124go\xf9?\xbf\xeb\xf9\xee\x1a\xbf\x9d\xba\x9cGD\xb5\xa1\xda\x92\x92\x12j\xca\xeb\xc0M{C\x84R*a&amp;\x88(+;\xab\xd9\x9en\xf1\xcd)\xa5\xb2\xb2\xb3\x88\xc84M\xbb\xf5\xee\xab?\'\x8b\x8e&gt;\x87#\xd9\xe5\x00$\x99\xfb\xc6ov\x16\x11I)\x9b\xfa\xae\x85&amp;\xbf$bO@\x8e\xbd\xf9\xe2\xeb\xd8\x057\x1eA\xbb\xb4~\x00 \x17\x0e\x87\xc6\x82\x9b\xfa\x00\xae\x99\xae\x89\xbb\xee8\xf4K\x05\xbb\xbd~\x00\x9d\xb9n84[\xc1\x8e\xde\x14\x05\x00\x00M\x07\x01\x00\x00\xa0)\x04\x00\x00\x80\xa6\x10\x00\x00\x00\x9aB\x00\x00\x00h\n\x01\x00\x00\xa0)\x04\x00\x00\x80\xa6\x10\x00\x00\x00\x9aB\x00\x00\x00h\n\x01\x00\x00\xa0)\x04\x00\x00\x80\xa6\x10\x00\x00\x00\x9aB\x00\x00\x00h\n\x01\x00\x00\xa0)\x04\x00\x00\x80\xa6\x10\x00\x00\x00\x9aB\x00\x00\x00h\xaai?\x13\x18Z\xaa/}\xbc\xaa\xbb&gt;q\xe9\xab\x9f\r\xeb\xae\xfa\t\xfdO6W\xf7\xffX\xee\x0e\x00iI\xa9\xa4\xfd\x9f\x191a\x88\xe4\xd6s\xaa\xdcU\xbfRJJID\x82\x0b\xc308\xe7\x8c1\xa5\x94%-\xcb\xb4\xa4%\x19c\\8\xf4\x9c\xf2H\xf1\x8a8\xe7\xc2\x10\x9cs\xc6\x19#\x92JIKZ\x96e\xffj\xf6/\x95\xecb\x8f\x0f\xfdO.)\xa5\x92\x8a\x18\x13\x82\x1f\xed?)ERJ\xcb\xb2,\xcb""\xc1\x059\xb4\xfc\xe3sk\x00(ERZ~\x7f\xa6\'5\x85\x14\x11#%em(\xfc\xd5\x83\x0bgrW\xfd\xf6\xe8MIIIKOc\x8c\xa2\xd1\xbap(\\WWo&amp;\x12\x9e\x14OZZz \x98\xe9K\xf3\x99\t3\x12\x89*\xa9\x1c5\r\xd9\xe36%\xd5\xe3K\xcb\x14\x8274\xc4"\xb5\x91\xbah]CCL)\x95\x9a\x9a\xe2K\xf3e\x062}i&gt;i\xc9\xbah]"\x91\x10\xc2YI\x8c\xfe\'\x91RJZR\x18"=#=%%\xc52\xcdh\xb4\xae6T\xdbP\xdf\x90H$\x0c\xc3\xf0\xa5\xf9\xfc\x01\xbf?\xe0\x97RF\xc2\x11\xcb\xb2\x1cU\xff\x89\xb92\x00\xa4\x94\x9c\xb1\xec\x9c\xec7^\xfd\xf7\xc7\x9b6s\xce\x95T\xe9\x19i\x93n\x9f\x98\x9a\x9ab\x1fJ8\x99\xbb\xea\xb7L\xcb\x9b\xe6\xf5\xf9|\xa5\xfbK\xff\xfd\xda\xb2\xf7\xdf[[\xf2\xc9\x8eC\xa5\x87\xea\xea\xea,K\n!223\xda\xb6o\xd3\xabo\x8f\xcb\xae\xb8t\xd0\xb0\x01\x9e\x14O\xb86\xec\x841`\x0f]_\xba\xcf\xe7\xf3\x1e,-{{\xd9\xbb\xffY\xbd\xbexK\xc9\xa1\xd2C\xa1\x9aP"a\x92R\xc20223Z\xb7\xcd\xbf\xb0{\xd7a\x97\x0e\x1d:bpN^N\xa8&amp;D\x8e9\xafG\xff\x93HJ\x99\x9a\x9a\x9a\x96\xee\xab\r\x857\xad\xffp\xdd\x9a\xa2\x8f7m\xde\xb7\xe7\xf3\x8a\xc3\x15\xf5\xf5\r\xd2\xb2\x18\xe7ii\xbe\xd6\xedZw\xeb~\xc1eW\\:\xfc\xb2\xa1\xfe\x80\xbf6T\xeb\x84\xfe\x9f\x0c\xf7\x05\x80iZ&gt;\x9f\x97\x0b\xfe\xe8\x03\x8f\xffa\xd6\x9f\x1a\xbf\x9e\x9a\x9a:\xfe\xa6\xeb\xbc\xdeT\xa5\x94\x13\xfet\xbe\x8e\x8b\xea\x97R2\xc6\xb2s\xb3vm\xff\xf4\xb9\xd9\x7f\xfd\xc7+o\x1c&gt;t\xf8\xab\xff,\x1a\x89\x96\x1d,\xfbh\xc3\xc7\xf3\xff\xbc\xa8\xdf\xa0&gt;?|\xa0p\xc4\xc8a5\xd5!\xce\x93y\x1c*\xa5\xf4x&lt;\xe9\xc1\xf4\x92\xad\xdb_\\\xf4\xd2\x1b\xaf\xfe\xbbt\xff\xc1\xe3\xfe\xcbH8r\xa8\xf4\xd0\xc7\x1b7??\xff\xc5s\xce;{\xda=\xb7M\xbc\xed\x86x,n\x9af\xd2\x7f\x05\xf4\xbf\x99\xcb&gt;\x96\x92*-\xddw\xe0\xf3\xd2\xd7^z\xfd\x8dW\xffU\xfc\xc9\xf6\xe3\xfe\xb3\xbah]Ey\xe5\xd6\x8f\xb7\xbd\xf8\xdc\xcb\x17\xf6\xb8\xe0\xde_\xfcp\xd4\x95\x97\x87j\x92\xdc\xff\x93\xe4\xb2\x000M3\x98\x15(\xdd\x7f\xe8\xde\xbb\xef\x7f\xef\xadU\x9c\xf3\xc6\x95\xb8\xec\xdc,\x87\xcc\x9b\'\xe0\xa2\xfa\x95Ri\xe9i\x96i\xfd\xe1\xc9?=\xf3\xd4\xb3\xf6A\x99\x10\xc2.XJec\x8cq\xce\x95R\x8a\x94\x94r\xc3\x07\x9bn\xf8\xf6\xe4\x9f\xce\xbc\xf7\x9e\xfb\xee\xaa\r\xd5&amp;k\x0c(\xa5\xbc&gt;omM\xed\x13\x0f=\xf5\xfc\xfc\x17\xeb\xa2uD\xc4\x05\x17B0b\xf2("\xe2\x9c\x0b\xc1\x89\x98TRI\xf5\xd9\xa7\xfb~V\xf8\x8b\xb5\xef\xfd\xe77\xb3g\x19\x1e\xc32\xadd\xbd)\xe8\x7fr\xfboY\xd2\x1f\xc8\xf8\xdbs\xaf&lt;\xfc\xd3_\xd9\xcd\'"\xc3cp\xc6\xedV+\xa9\x88\x881\xd6x1CI\xb5ms\xf1-\xd7\xde\xfe\xc0\xa3?\xbd\xebGw\xd4V\xd7:j-\xee\xb8\\\x13\x00J*\xa5Tn^\xce{+V\xff\xe8\xce\x9f\xec\xff\xfc\x80a\x08\xcb\x92\xa6i\x1e\xb9\x14fZ\xc9\xae\xf1D\xdcU\xbfR\xca0\x8c=\xbb\xf6&lt;8\xfd\xa1\xb5\xab&gt; "a\x08R\xa4\x94J$\x12_\xfa\xc7\xf6\xe5/{!K\x08\xa1\x94z|\xc6,\xc3\x10w\xff\xf8\xce\xea\xca\x9a\xe6\xbf\xb2\xad\xa4J\xf5\xa6\xee\xdd\xfd\xd9\xa4\xabo-\xfd\xa2\xd4.\x9e\x11\xb3,+a\xfd\xb7x\xce9\x91j\x9c\x89\x18g\xa4\x88q&amp;\x84\xf8\xd7k\xcb\x12\ts\xf6\x0b\x7fJ\xd6\x9b\x82\xfe\'\xb7\xff6\xa5(\xafU^\xa8&amp;\xe4\xf1x\x88HJi&amp;\xcc\xe3\xfc;\x8b\xe8\xe8\x82\x95=\xe3?\xfa\xc0\xe3y\xadr\xc7O\x1eWS]\xe3\xf0\xb5 w\x04\x80eY)))\xbe4\xdf3O=\xfb\xab\x07\x9f\xb0,K\x18\xc2\xb2\xa43/\x99~\x95\x1b\xeb7&lt;\xc6\x8f\xbfw\xff\xa6\xf5\x1fz&lt;\x1e\xd32I)\xcb\x92DT\xd0\xa5\xd3\xd0K\x86\\\xd8\xbdk^~\x9e\xc7c\xd4\x86\xc2\xdb6\x17\xbf\xf1\xf7\x7f\xef\xdd\xfd\x19\xe3\xcc\xb2,{\x0c?\xf6\x8bY\xfd\x87\xf4\xeb\xd9\xa7{4Z\xd7\xcc\xc7\xa1\x8c\xb1D"\xd1\xaau^\xab\xfc\xdc\x83\xfb\x0f\x1a\x86a\x9a\xa6\xdd\xea\x82.\x9d\x86]2\xa4G\xdf\xeem\xdb\xb5IKO#\xa2\xdaP\xed\xce\x92]o\xfe\xf3\xaduk\xd6\x13\x11)2\xa5\xe9\xf1\x18o\xfdk\xe5\xa2\xbf,\x9e\xf6\x83\xdb\xab\xab\xaa\x932\x86\xd1\xff\xe4\xf6_\x08\x1e\tG.\xbb\xe2\x92a\x97\x0e]\xf3\xce\xfb\xf6\x17s\xf3r\xfa\r\xee\xdb\xa3O\xf7s:\x9e\x1d\x08\xfa\x85\x10\xd1h\xdd\xa7;\xf7\xbc\xfd\xe6\xbb\x1f\xacYGD\xcaR\xf6F\xa6\x87\x7f\xfa\xe8\xd0K\x06\x07\xb3\x83f\xc2t\xd4\x99\xfd\x97\xb8 \x00\xcc\x84\xe9\x0ff\x86j\xc2?\xba\xf3\'\xffx\xf9ub$\x84\xb0\x0f\rRRS\xe2\xb1x\xb2\x0b\xfc\x1f\xdcX\xbf=\\\x7f\xf1\xd8\xfd\x13\xaf\xba\xb5\xbe\xae^Ie\x91\xea\xd5\xaf\xe7]?\xbc\xe3\xe2\xcb\x87\xf9\x03~\xa9\xa4\xb4$\x91b\x8c_s\xfd\xd8{\xee\xfb\xde\xaf\x1fy\xfa/\xbf\x9f\xcb9\x97R\x92 \xcb\xb2~\xff\xe4\x1f\x17-\x9d\x9b\x84\x8ccdY\x96?\xe0\x7fz\xdeo\xbes\xf1wkkj\x89\xe8\xd2\xd1#\xa6\xdcuK\xff\xc1}\xed\xdd\x1a\x96eIK\x12\x11\x17|\xc4\xc8\x8b\xa7\xdc}\xcb\x0b\x0b\xfe\xf6\xe0\xf4\x87\xec\xa9\xca\xb2$c\xec/O\xcf\xbd\xf6\x86kR\xbd\xa9\x96%\x9by\x08\xa3\xff\xc9\xed\xbf\xcd~\x17n\xbds\xf2\x9aw\xde\x1f4|\xe0\xb8\x1b\xaf\xb9\xf8\xf2am\xda\xb5\x11BX\x96\xa5\x94T\x8a8cb\xec\xa8;\x0b\xa7\xbe\xfc\xd7\xa5\xf7\xff\xe0\xc1X&lt;\xae\x94\xe2\x9cWUV\xff\xfdo\xff\xb8\xe7\xde\xbb\xaa*\xaa\x9d\xbc\xbd\xdb\xe9KTJ\xa9\x9c\xbc\x9cO&gt;\xda\xf6\xdd\x91\xe3\xff\xf1\xf2\xebB\x08\xc1\x85}\xce{\xff#\xf7\x15t\xeeDG\xce%\x1d\xca\xa5\xf5s\xce\xeb\xa2u\x03\x87\r|\xec\xe9G,\xcb\xf2\xf9\xbc3\x9ex`\xe9\xf2\x17\xae\xbcf\x8cR\xaa\xb2\xa2\xaa\xa6\xaa\xa66\x14\x0e\x87"\xa1\x9aPEy\xa5R\xf4\xe8\xd3\x0fO\x9cr\x83\x94R\x08n_\xbd\\\xf3\xce\xda]\xdb?\xf5\xf9\xbc\xb2\xd9\'!\xcey\xb86\xdc\xf9\x82\xf3\x1fx\xe4\']\xbau^\xb8t\xces\x7f\x9f?b\xe4p\xa5TUEUMuM$\x1c\xa9\xab\xab\xab\xab\xab\x8b\x84#U\x95U\xe1\x9a\xf0\xd4\xbb\xa6\xfc\xec\x97?\x91R2\xce\xa4\x94\xc4X\xe9\xfe\x83\x1b\xd7}\xe8K\xf3\xa9f\xdf\x97\x85\xfe\'\xb7\xff6!D4\x1a\xed?\xa4\xdf\xab+\xff\xb6\xe4\xf5E7\xde:!\x98\x15\x0c\xd5\x84\xaa*\xaaB5\xa1p(\x12\tGB\xa1peEu\xa8&amp;t\xcb\xd4\x9b\xee{\xe8GJ*\xce\x19\x111\xc6V\xadX\x93\x88\'\x18w\xee\xe1?9&lt;\x00\x94R\x9e\x14\xcf\x92\x85\x7f\x1b7j\xc2\xce\xe2]\xf6\x99\xa0eY\xa9\xa9\xa9\x7fX\xf0\xdb\xefM\x9fVS]\x93\xec\x1aO\xc4\xd5\xf5\x0b!*+\xaa\xbe{\xc3\xd5?\x7f\xecg\x8b^\x9dw\xcf}w\xc7\x13\x89\x9a\xea\x10\x11\x19\x86\x10B\x08\xc1\xed\xcbz\x86aHK\x86\xaaC?\xb8\xef.\x7f \xd3^\xa9`\x9c\xc5\x1ab[&gt;\xfa$\xd5\x9b\x9a\x94\x01l\x18F\xa8:t\xcd\x84\xab^]\xf1\xb7\x91\xdf\xba&lt;\\\x1b\xae\r\xd5\x12\x910\xec\xd2\xff\xcb0\x0c.x\xd9\xe1\xc37\xdez\xfd\xd9\x1d\xcf\x96\x96\xe4\x9c\x0b\xce\x18c\xc5[K\x0c\x8f\xd1\xfc\x13(\xa1\xff\xc9\xee\xbfMI\x95\x92\x92\xd2w@\x9fXC\xac\xba\xb2\xda4M!\xc4\x91_Ap\xfb\n\xb6\xfdv\x94W\x94\x7f\xf7\x86\xabs\xf2r\xec\xfe+\xa5\xf6\xed\xfd&lt;TSk\x18\xc2\xc9+\xbd\xce\r\x00i\xc9\x8c\xcc\x8c\xb7\xdf|\xf7\x87\xd3\xee\xad\xafo\xe0\x9c\xdb\xa7\x96\xed\xcfj\xb7\xe4\x8d\xe7&amp;\xdct]\xd9\xc1\xb2X,ND\x8a\x9c\xd8_\xb7\xd7ODB\xf0\xdaP\xed\x9d\x85S\x07\x0c\xe9Wv\xf00c\xec\xebVc\xb9\xe0\xb1X\xacm\x87\xb6=zw\'\xa2#{\x9b\x88\xf6\xed\xf9\xdc\xbe,\xd9\xacu\x1f\xc3\xbe\x9aj\xef\xc9;\xc1R2c\xcc~\xbfz\xf7\xebAG/\xe8\xd9\x87\xab\xa4\x92vk\'\xfa\x9f\xdc\xfe\xdb\x94R\xd1h\x941&amp;\x0c\xf1u\xab\xf9\x8c1)e \x108\xfb\xdc\x0eDdW\x1c\tG\x1a\x1ab\xccy\xe7\xf7\xc7rnq\\\xf0h$:\xfc\xb2\xa1\x17_6L)%\x0ca\x99\xd6\x90\x11\x83^]\xf9R\xff\xc1}++\xaa\x18\xe3G.\xca;r\xfet{\xfd6\xcey\xa8&amp;TWWo\x9c\xc4:\xa6a\x88vg\xb5%\xb2\x07\x00#\xa2H8B\xf6\x8d\xce\xc9#\xa5&lt;\xc9\xab\x88\x8c\xb1`V\x90\xe8\xbf\xf5&amp;\xfd\xf2\x1d\xfa\xdfTe\x9d\x8a\x93Y\xa4U\x8a\x88\x11c\x9c\x8e\x96\xcf\x1c\xfcX\x8bF\xce\r\x00"\x92R\xa5zS\x7f;gV\xbb\x0e\xed\x12\xf1\xc4\xad\xdf\xbby\xf1\xdf\xe7\xe7\xb5\xca\xa9\xad\xa9\xf5x&lt;JI\xa7\xdd4\xfb%n\xaf\xdff\x9f\xb0\x9f\xe4?\xfe\xd2\xbf4&lt;\x1e"Jn\xc4\x9d\xec d\xa4\x94\n\xd7\x86\xed\xff\xa6\x88\x18\xa3\xbcV\xb9\xc4\x92\x1c\xd0\xe8\xbf\x83\x0f\x90\x8eR$\x04\xaf\x8b\xd6\x95\x1d,#;\x0c\x88\x02A\xbf/\xcd+-\xc9\x1c\xfcx G\xef\x02\xe2\x9c\xd5G\xeb[\xb7\xcd\x7f\xf2\x8f\xbf\xfat\xe7\xa7w\xfc\xdf\xed\xa1\xeaZKZ\xf6Uu\xa5\xc8\xd1\x07\xcf\xee\xaf\xffTI\xa9\xaa*\xab\x89\xecU-ED\xb9y9J)\'\x0f\x80F\x9c\xf3\xfa\xba\xfa\xad\x9b\x8b\x89HIe\xef\x01\xe9zQW3arg_\xc7k\x84\xfe\'\x8beY\xfeL\xff\x9aw\xd7\x1e\xf8\xa2\xb4\xf1"p\xc7N\xe7\xfa\x03\xfepm\xd8\x81\xbb&lt;\x1a9:\x00\x88H\x18"TS;\xf8\xe2\x81#F\x0e\xaf\xaa\xacn\xbc\xef1\xd9u\x9d,\xb7\xd7\x7f\xf2\x84\x10\xd1H\xf4\xd3\x1d{\x88\xc8\xbeI\x95\x88:\x9d\xdf\xd14-r\xfc\x89p&lt;\x9e\xc8k\x95\xf3\xd6\x1b+w\x14\xef\xb4\xb7m(E\xed\xcfn\xdf\xbb\x7f\xcf\xbah\x9d\xc37r\xd8\xd0\xffd\x91R\nC\x98\t\xf3\xd7\x8f\xfcN)e\xaf\x02)\xa5F^y\xb9\x10BI\xe5\xe4u\x16\x07\x97v\x14\xe7\xbc\xa1\xbe\xc1\xbe\x8e\xe4\xfc5\xb5\xafr{\xfd\'CJ\xe9\xf5yw\x16\xef\xdc\xb3{/c\xcc\x9e\x82\xb2r\xb2\xba^\xd4\xa5\xa1\xa1\xc1!GpJ\x1d\x99\x19\x1b\xd9\x1b\xd2M\xd3\xca\xc9\xcd.\xdd\x7fp\xe6O\x1f%R\x8c\x98}\xe1t\xda\x0fn\xcb\xce\xc96M\xd3\xf9G\xd0\xe8\x7f\xb2\xd8\xfbn333~\xfa\x83\x076\xae\xdbd\x1f\xec[\x96u\xeey\xe7\x8c\x1d\xf7\xedpm\x98;\xfbN`\x17\x04\x00\x1dy`\x88\xa3\xfbxbn\xaf\xff\x7f\x92\x96\xf4zS_\\\xfc\x8aeY\x9cs{\xe7\xc3\x88\xcb\x87\xb7\xeb\xd06\x1e\x8b;$\xf68g\x8d[\x0f\x85\x10\x86\xc7\xf0\xa5\xf9\xb2\xb2\x83\xc1\xac\xc0\x7fV\xaf\xbb\xfe[\x93&gt;\xdd\xb9\x87s\xc19O$\x12#\xaf\xbc\xec\xa6\xa9\x13C5!W\xbcq\xe8\x7fR\xd8w\xf8{RR~p\xfb\x8f^\\\xf4\xb2\x10\xa2qG\xdf#\xbfy\xc8\x1f\xc84M\xd3\x19\xbd\xffZN_\x02\x02\xe7\xb37\xf0m\xfe\xf0\x93W\x9e\x7f\xd5\xde\x0fg\xaftM\x9ezc\xc2I\xf7\xc1\x9b\xa6\xd9\xb8#FZ\xb2\xa1!v\xb8\xecp\xc9\'\xdb\x97\xbf\xbe\xe2\xad\x7f\xad$"\xc3c\xd8\xfb\xb2\xc6\x8c\x1d\xf5\xbb9O}\xf5\xa9;\xce\x84\xfe\'\x85i\x9a\x99\xfe\xcc\xea\xca\xea\x1f\xdc\xf6\xc3U+\xd74n\xb7\x95R&gt;\xfa\xbb\x87/\x1b3")\x0fb:U\x08\x00\xf8\xa6\x18#\xc6\xd9C\xf7=\xd2P\xdf`/sY\x96u\xd5u\xdf\x1e8\xb4\x7fMu\xf2\x8f\xe0\xec\xad\xe8\xe1\xda\xf0\xad\xe3\xa6\x85jB\x8c3\xa5\x94iZ\x91p$T\x1d:v#\x96\x990\xdb\xb4k\xf3\xbd\xe9So\x9a6)\x91H\x98\x89$?\x8e\xf8$\xa1\xff\xcd\xcf4\xad`Vp\xdb\xe6\xe2\xef\xddt\xcf\xa7;\xf7\xd8\xc7\xfeRJ\xce\xf9\x13\x7f|\xf4\xa6\xa9\x93\xaa*\xab\x9c?\xfb\x13\x02\x00\xbe!\xd34\xf3Z\xe5\xfd\xea\xc1\xc7\xff\xb3j\x9d\x10\xc2~\xa8o0;\xf8\x93\x99\xf76\xd4\xc7\x9cr\xf8\xc9HJ\xb9s\xfb.\xfb\xb9\xc4\xc7\x12B\x10#\xc1\xc5\xf0\xcb\x87\x8d\xbb\xf1\xea1cG\x072\x03\x07\x0f\x1e$v\xe4\x01\x9c\x0e\x87\xfe7?\xcb\xb4\x82A\xff\xba5\xebo\x9bpgM\xd5\x91\xe7}JK\x06\xb3\x02\xbf\x9b\xf3\xd4\x98\xabFWUT%=wO\x12\x02\x00N\x9f\x990s[\xe5\xbc\xf8\xdcK\xbf{\xfc\x19!\x84\x94\x92\x0bn\x99\xd6\xccY??\xf7\xbc\xb3\x9dv\n\x9c\x96\x9ef/\x88\x1f\xdd\x85ud=\xc2\xbe\x18\xb9g\xd7\x9eW_\xf8\xc7\xf6\xe2\x9d#.\x1b\xdeg`o\xd34\xeb\xeb\xea\x1d&gt;\x8c\xd1\xff\xe6\'\xa5L\xcfL\xdf\xba\xa5\xf8\xd6\xeb\xa65~\xf2\x97eY].\xec\xfc\xc7EOw\xed\xd6\xa5\xb2\xbc\xd20\\3\xaf:\xf4\x0c\x0b\x9c\xcfL\x98\xd9\xb9Y\xef,\x7f\xef\xde\xef\xdd\xcf9\xb3o\xf8\xb4L\xeb\xb6\xbbo\x1d?y\x9c\xd3f\x1f\xa5T\xa46b\x9af"\x910\x8f\xb0\x8e\xfc?K\x9a\xa6\xb5g\xd7\xde\xb7\xfe\xb5\xf2w\xbf\xfa\xc3wG^?\xed\xc6\xbb&gt;\xfbt\x9f?\xe0\xb7\x1f\xdb\xe7L\xe8\x7f\x12(\xe2\x9c\xc7\x1ab\x85\xb7\xff\xb86T+\x0c\xa1HY\x965\xf8\xe2A//_R\xd0\xe5\xbc\xea\xcaj\x17\xcd\xfe\x843\x008=f\xc2\x0cf\x077\xad\xff\xe8\xceI\xdf\x8f\xc5b\x9c3!\xb8i\x9ac\xc6\x8e\x9a\xf1\xc4\x03!\x07,=7\xb2\x9f3\x93\x96\x9e6\xff\xe5\xbf$\x12&amp;#RD\xa6iF\xc3\xd1\xf2\xc3\x15\xfb\xf6~\xbe\xf5\xe3\xad[&gt;\xdaj\xaf8s\xceM\xd3|\xf3\x1f\xcb?X\xb3\xfe\x8f\x0b\x9f\x1eq\xf9\xb0\x90#?\xdf\x15\xfdO\nKZY\xd9Y\x0b\xfe\xbc\xa8d\xebva\x08%\x95\x94r\xd0\xf0\x81\x8b\x96\xce\x15BDj\xa3\x86\xc7e3\xaa\xcb\xca\x05\'0M3\x90\x15(\xd9\xba\xfd\xd6\xeb\xa6\x85jj\xed\xcf\xb54Mk\xe0\xd0\xfe\x7f\x98\xff\x9bXCL)\xe5\xa8\x9bw\xec\xeb\x90\xc3/\x1bz\xcc\x9a8\xb3\xb7\xca\x10\xa9\xfa\xba\x86=\xbb\xf7\xfe\xed\xb9\x97\xe7\xffi\x91\xfd\x01mB\xf0\x9a\xaa\x9ai7\xde\xf5\xda;/\x17t\xe9T_W\xef\xa8\xab\x91\xe8\x7f\xb20\xc6\xe2\xf1\xf8?_y\x831\xc6\x18\x93J\xb6m\xdf\xe6\x8f\x0b\x7fgx\x8c\xfa\xbazG\x9dr\x9d$G\xb4\x15\\\xc44M\xbf\xdf\xff\xe9\xceOo\xbafJyY9\xe7\x9cqf\x9aV\x8f&gt;\xdd\xe7\xbe\xf8,\x17"\xe9\x9f\xe5}\\J\xa9p(\x12\xaa\xa9=\xfa\x7f\xa1\x9a\xea\x9a\xaa\x8a\xaa\xaa\x8a\xeaXC\xacc\xc1\xb9\x8f\xfe\xee\xe1\x85\xaf\xcc\xc9\xf4g2\xc6,K\x1a\x86\x11\x8dD\x1f\xfe\xe9\xa3N\xfb]\xd0\xffd\xb1\x9f\xee^q\xb8b\xd7\xf6\xddJ)\xfb\x13:o\xff\xfe\x94\xf6g\xb5\x8bF\xa2\xce9M9%Ni.\xb8\x82i\x9a~\x7f\xe6g{\xf7M\xba\xea\xd6\xd2\xfd\x07\x85\x10\x8c3\xcb\xb4\xba\xf5\xb8p\xd1\xd2\xb9\xe9\x19\xe9\xb1\x86\x98sF\xec\x97\xd8O\xcf\xff\xff\x18B\x18\x82q\xd6P\xdfp\xa8\xf4\xd0\xb7\xae\x1a\xf3\xb3_\xdeg\x7f&amp;\x89e\x99\x9c\xf3\xf7\xdf\xfd\xcf\xc7\x1b6\xa7\xa5\xa79\xe4\xb1}\xe8\x7f\x12)\xa5\x0caTUT\xd5\x86\xc2DdY\x96\x10b\xd0\xb0\x01uQ\'^\xac&gt;I\x0e\xfd[\x01\x072M+33\xe3\x8b\xcf\xf7O\xbe\xea\xd6/\xf6\xed\xb77\xf0Y\xa6uQ\xcfn\x8b_\x9b\x1f\xc8\n\xd4\xd7\xbbu$p\xce=\x1eOyy\xc5U\xd7}\xa7]\x87\xb6\xd2\x92\x8c1{\xc7\xfa\xba\xb5\xeb\xbd\xdeT)\x93\xbf!\x11\xfdO:\xc6Y}}\xcc\x9e\xfa\x19c\x19\xfe\x8c\xec\xdcl\xcb\xb2\x9c\xb2\xdd\xf6\xd4!\x00\xe0\xa4X\xa6\x95\x91\x99^z\xe0\xd0\xa4\xabn\xfdl\xcf\xbe\xc6\xd9\xa7g\x9f\x1e\x7f\xfd\xe7\xc2`v\xd0\x99\x9b\xf6N\x9e}\xff\x94?\xe0\xef\xda\xad\x0b\xd1\x91\x07\xbb\x13\xd1\xde\xdd\x9fI\xa9\x92&gt;\xc0\xd1\x7f\'`D\x96e\x1d\xf9Lc)c\xf51{#P\xb2\xeb:}\xb8\x08\x0c\xff\x9beYi\x19i\x87\x0f\x1d\x9e|\xf5\xad{v\xedm\x9c}z\xf5\xeb\xb9\xe8\xd5\xb9\x99\xfeL\xb7\xcf&gt;\x8d8g\x19\x99\x19G\xfe\x8b""\x8aD\xa2\xc9\xfaL\xdaF\xe8\x7f\x12Kj\xc4\x18\x8b\xc5\xe2\xe7t&lt;k\xd1\xab\xf3\xec\xbdL\x1e\x8f\x91\x96\xe6\xb3\xcfW\x92]\xddiB\x00\xc0\xff`YVZZZey\xe5\xe4\xab\xa7\xec\xda\xbe\xbbq\xf6\xe9\xdd\xbf\xd7\xa2\xa5s323Z\xcc\xecC\xc4\xa4T\x91p\xe4\xd8/\xa5\xa6\xa4$\xf7q\xca\xe8\xbfC\x1egm?g)#3\xe3\xf2+.\xb1\xbf\xa2\x94\xaa\x8b\xd6\xbb\xfa\xe9\xee\x08\x008\x11\xcb\xb2|i\xbe\x9a\xea\x9a\x9b\xae\x99\xb2}\xdb\x8e\xc6\xd9\xa7\xcf\x80^\x8b\x96\xceK\xcfHw\xef\xba\xf3W\t\xc1#\xe1\xe8\xa7;\x8f&lt;R\x9fs\xc6\x18\xcbo\xd3J\x08\x9e\xac1\x8e\xfe\'\xb7\xff_%-Y]\x15\xb2OJ\x18g\x9e#\x9f\xb9\xe6V\x08\x00\xf8Z\x96e\xf9|\xbe\xdaPx\xf25S\xb6m)\xb1\xb79[\xa6\xd5w`\x9f\x85K\xe7\xa4\xa7\xa79|\xf6\xb1\xaf\xce\x9d\xe4\xae\x18\xd34\x03\xc1\xc0\x9aw\xde\xffl\xcf&gt;\xfb\xc6Z"\xae\x94\xba\xa0\xfb\x05\x96%\x93r\x0c\x8a\xfe\'\xb7\xff\xc7%\x95\xcc\xf4g\xa4zS\x19\xb1D"\x1e\tG\xc91\x9f]|\x1a\x10\x00</t>
        </is>
      </c>
    </row>
    <row r="91">
      <c r="A91" s="1" t="n">
        <v>89</v>
      </c>
      <c r="B91" t="inlineStr">
        <is>
          <t>grid_number</t>
        </is>
      </c>
      <c r="C91" t="inlineStr">
        <is>
          <t>What is the missing number of the part denoted with a question mark?</t>
        </is>
      </c>
      <c r="D91" t="inlineStr">
        <is>
          <t>['7', '5', '3', '4']</t>
        </is>
      </c>
      <c r="E91" t="inlineStr">
        <is>
          <t>4</t>
        </is>
      </c>
      <c r="F91" t="inlineStr">
        <is>
          <t>There is a 3x3 grid of numbers. The first row is [7, 2, 3]. The second row is [4, 3, 5]. The third and last row is [5, '?', 3].</t>
        </is>
      </c>
      <c r="G91" t="inlineStr">
        <is>
          <t>We observe that [7, 2, 3] sums to 12, and [4, 3, 5] also sums to 12. Thus, the pattern is that the numbers in each row add up to the same value.</t>
        </is>
      </c>
      <c r="H91" t="inlineStr">
        <is>
          <t>Based on the pattern that the numbers in each row add up to the same value, the missing number of the row [5, '?', 3] should be 4.</t>
        </is>
      </c>
      <c r="I91" t="inlineStr">
        <is>
          <t>b'\x89PNG\r\n\x1a\n\x00\x00\x00\rIHDR\x00\x00\x02\x00\x00\x00\x02\x00\x08\x02\x00\x00\x00{\x1aC\xad\x00\x00y\x91IDATx\x9c\xed\xddw|\x94E\xfe\x07\xf0\xef\xcc&lt;\xdb\xb3\xd9M\x03B\x93\x8e \nR\xa5\x086DQ&lt;\x0b\x82(\x16PPQ&lt;\xec\xe58Q\xef\xeeg;\xef\xcez\n*V,\xc7yvE8A\x10\x05\xc4\x93&amp; H\'!\t)\xbb\xd9\xfe&lt;\xcf\xcc\xfc\xfe\x98$F@\r\xc9\x96l\xf6\xfb~\xf9\xbb\x1f\xec&amp;a\xf3\xd9g\xe7\xfb&lt;3\xf3\xcc\x10)% \x84\x10\xca&lt;4\xd5/\x00!\x84Pj`\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X\x00\x10B(Ca\x01@\x08\xa1\x0c\x85\x05\x00!\x842\x14\x16\x00\x84\x10\xcaPZ\xaa_@\xb3 \xa5L\xf5KH\x01BH\xaa_B\r\xcc?\xb50\xff\x8c\x95\xa1\x05@J)\x84\x90R\x12B\x08!\x94f\xe2\x95P\nC\xc0\xfc\x01\xf3O5\x0c\x01\x00HF\x15\x7f\xf5\x96\x03\x00c\xac\xfe\xe3~\xbf_\x08AH\xa6\xa4\xa1\xce}\xbc^o\xfd\x07\xd5\x87\x81R\x9a\xb83#\xcc_\xc1\xfcS+U\xf97C\x99\xf2\x96K)9\xe7\x9aVs\xc5\x13\x08\x04\xd6\xacY\xb3j\xf5\xea\xef\xfe\xf7\xbf\xca\xca\xca-[\xb6\x98&amp;\x07\x02\x90\x11a\x00\x10\x00\x80n]\xbbz\xbd\xde\x81\x03\x07\xf6\xef\xdf\x7f\xf0\xe0\xc1\xed\xda\xb5SO\x9a\xa6I)\x8d\xef\t\x11\xe6\xff3\x98\x7fj%=\xff\xe6Kf\x00\xd34\xd5\x1fb\xb1\xd8{\xef\xbdw\xd1E\x17\x1ds\xcc1\xa9\x0e\xbey\xc9\xc9\xc9\x19=z\xf4\xbcy\xf3JKKUV\x86a\xa8s"\xcc?\t0\xff\xd4Jh\xfe\xcdY\x0b\xbf\x02P\xbf\x1d!\xc4\xef\xf7\xcf\x9b7\xef\xd5W_\xdd\xb0aC\xdd\xb3Ynw\xdb\xf6\xc7\x14\xb4n\xdd\xa9\xeb\xb1\xde\xdc&lt;n\x9a\x99p\xf5\'ARB\rC\xdf\xbai\xbd\xdfW\xb5o\xf7\x8e\xaa\xca\x8a\xbag\x0b\x0b\xdb^v\xd9\xa5\xd7\\sM\xcf\x9e=\x01@\x08\xd1\x94S!\xcc\xffp\x98\x7fj%3\xff\xe6\xaf%\x17\x00\xce\xb9\xea\xeb\x9c?\x7f\xfe#\x8f&lt;\xb2u\xebV\xf5x\xdb\xf6\x1dO\x1ay\xda\xa83\xce&gt;\xb6O\xbfV\xad\x0b]Yn\xa6A\x8b~\x97\x8f@J0M\x88Ec\x15\x07K\xb6\xff\xb0\xf9\xabe\x8bW.]\xbcm\xcb&amp;\xf5lnn\xee\xcc\x993o\xbe\xf9f\x8f\xc7c\x9af]\xd7\xc1Q\xc1\xfc\x7f\x05\xe6\x9fZI\xc8?-\xb4\xd8\x02\xa0\x8e\xfe\xe2\xe2\xe2\xa9S\xa7.Z\xb4H=\xd8\xa3W\x9f+\xae\x9d9\xfa\x9c\x0b\xf2\n\n\xa4\x84XL7tC\x08.\xa5h\xa11\xfc"\x02\xa0\xa6&gt;X,V\x9b\xdd\xa6i\x10\xa8\x0e\xaf\xf9\xea\x8b\x97\x9e\xf9\xfb\xcae\x8b\xd5\xd7\xf4\xec\xd9\xf3\x85\x17^\x18&gt;|\xb8\x1a!&lt;\xaa\xd3C\xcc\xff\xd7a\xfe\xa9\x95\xe8\xfc\xd3E\xcb,\x00\xaah/Z\xb4h\xea\xd5W\x17\x17\x15\x01@\xe7n=\xae\xbe\xf1\xb6s.\x98\x98\xed\xcd\x0e\x06\xc2\x86\xa1\x03\x10J)!P3$\x94\xa9\xa4\x94R\x08)%\xd34WV\x16\xe7b\xe5\xd2\xcf\x9e\x7f\xf2\x91U+\x96\x02\x80\xd5f{\xf8\xa1\x87f\xcd\x9auT\x9f\x01\xcc\xbf\xe10\xff\xd4JD\xfei\xa4\x05\x16\x00u\xf4\xcf\x9b7o\xfa\xf4\xe9\xea\x91K\xa7\xce\x98u\xcf\xfd\xf9\xad\xf2\xfd\xbe 7M\xcaX\xcb{#\xe3\x82sN\x08qggsn\xbe:\xf7\xa9\'\x1e\x9a\x13\x0cT\x03\xc0\xb4i\xd3\xe6\xce\x9d\xcb9o\xc8$9\xcc\xbf\xd10\xff\xd4\x8aK\xfe\xe9\xa5\xa5\x15\x00u\xe5[w\xf4{\xbc\xb9\xf7&gt;\xf2\xe4\x85\x93.\xad\xf6\x87u]o\xc1}yq\xa4&gt;\x06y\xf9\xd9\xdf\xae\xfe\xe6\x0f7M\xdb\xfa\xfdz\xa8\xfd\x0c\xfc\xe6y\x10\xe6\xdft\x98\x7fj5%\xff\xb4\xd3\xa2\n\xc0!G\x7f~\xab6O\xbe\xb4p\xd8\xa8\xe1e%UL\xd3Z\xd2\xdb\x96\x04\x86axsr*\x0e\x96^w\xe9\xef\xd6\x7f\xbb\x1a\xea\x9d\x07\x1dr\x1bQ\x1d\xcc?\x8e0\xff\xd4jD\xfe\xe9\xa8\xe5\x14\x00\xf5\xc6,Y\xb2d\xf4\xe8\xd1\x00\x90\x93\x97\xff\xf6\xa2\xaf\x8f\xe9\xd2\xcd_U\xa5Y,\xa9~ui\x89\x9b\xa6\xd5nc\x94M\xb9h\xcc\x9a\x95\xcb\x00\xe0\xbe\xfb\xee\x9b3g\xce\x11\xe7E`\xfeq\x87\xf9\xa7\xd6Q\xe5\x9f\xa6ZH\x01P\xd3uKKK\xfb\xf6\xedWVV\x9a\xed\xf1&gt;\xbb\xe0\xfd\x01\'\r\xf7\xfb|\x9a\x86G\x7f\xe3q\xcemv[\xd0\xef\xbfz\xc2\xd9\x9b7|G\x08Y\xb4h\xd1\xe8\xd1\xa3\x0f9\x0f\xc2\xfc\x13\x04\xf3O\xad\x06\xe6\x9f\xbeZ\xc8\xec_)%\xe7\xfc\xf2\xcb//--\x01\x80?&gt;\xf4\xe4\xb0Q#|Ux\xf47\x15c,\x16\x89\xe6\x16\xb4\xfa\xdb\xdc\x05\x1eo\x8e\x94p\xf9\xe5W\x94\x94\x94\x10B\xd4\xaa2\n\xe6\x9f \x98\x7fj50\xff\xf4\xd5\x12\n\x80\xaa\xc6\x0b\x16,X\xbcx1\x00\\|\xf95\x17M\xbe\xac\xb4\xa4\xca\x82W\xbe\xf1\xc04\xcd\xef\xf3\xf5\xe8}\xec=\x7f\xf9\x07\x80,--\xb9\xfb\xee\xbb)\xa5u\xd7\x8e\x98\x7fBa\xfe\xa9\xf5\x9b\xf9\xa7\xb5\xb4\xef\x02R+Z\xf8|\xbe!C\x86\xec\xdc\xb9\xb3\xfd1\x9d\x17.Yc\xb3\xd9\xd5P~\xaa_]\xcb\xc19\xf7\xe6xfL\xbe\xe8\xb3\x0f\xdf\xb1\xd9l+V\xac\x188p\xa0\x94R-!\x89\xf9\'\x1a\xe6\x9fZ\xbf\x94\x7f\xba/\x14\x91\xde\xaf\x1e\x00\xd4\xe4\xdc\xf9\xf3\xe7\xff\xf8\xe3\x8fB\x88kf\xde\x91\xdf*W\xd7u&lt;\xfa\xe3\x8b\x10b\xe8\xe6\r\xb7\xdfk\xb3\xdbc\xb1\xd8\x9c9sT\xd3\x83\xf9\'\x07\xe6\x9fZ\xbf\x94\x7f\xaa_WS\xa5w\x01\x90R2\xc6"\x91\xc8\xfc\xf9\xf3\t!\x9d\xbb\xf5\x1c7~\x92\xbf*\xd8b\xc6\xe8\x9b\x0fJi0\x18\xec\xd3\xaf\xef\x98q\x17\x01\xc0\xf2\xe5\xcb\xb7l\xd9\xc2\x18\xa3\x94b\xfeI\x80\xf9\xa7\xd6/\xe5\x9f\xee#\x01\xe9]\x00\xd4}\x19K\x96,\xf9\xfe\xfb\xef\xa5\x94Sf\xdc\x92\xedqs\xd3L\xf5\xebj\x99(\xa5z\xcc\x98z\xc3m\x0e\xa7+\x14\n=\xff\xfc\xf3\xeaA\xcc?90\xff\xd4:b\xfeX\x00R\xef\xa5\x97^"\x84\xb4*l{\xe6\xb9\x17\x06\x03a\xda"\xa6g5C\x94\xd2P(\xdc\xa7_\xbf\xc1\xc3G\x12B\x16.\\\x18\x0c\x06\x01@\x9d~b\xfe\x89\x86\xf9\xa7\xd6\xe1\xf9\x87\xc3aM\xd3\xd2\xba#(\x8d\x0b\x80\xea\xff\xf1\xfb\xfdk\xd6|#\xa5\x1c6\xf2\x8c\xfcV\xf9\x86a`\xefg\x02II\x08\x9c~\xf6\xf9R\xca\xa2\xa2\xe2\xcd\x9b7\x9b\xa6\xb9z\xf5j\xcc?I0\xff\xd4\xfay\xfe\xeb\xd7\xaf\x874\xbf\x08H\xe3\x02\xa0r_\xbbv\xed\xfe\xfd\xfb\x00`\xd4\xe8\xb1\xa9~E-\x1fe,\x12\xd1O\x1aqj\x96;\x9bss\xf9\xf2\xe5\x1b7n,..\x06\xcc?)0\xff\xd4:$\xffO&gt;\xf9\x14jw\xddISi\\\x00T\xeek\xd6|\x03\x00N\x97\xabW\x9f\xbe\xb1\xa8\x9e\xee\xb3\xb2\x9a9B\x88\x1e\x8b\x15\xb6\xefxL\x97n\x00\xb0~\xfd\xfa\x95+W\x02\x80\xcb\x95\x85\xf9\'\x01\xe6\x9fZ\x87\xe4\xbfv\xed7\x00\x90\xd6\x99\xa7\xf1KW\x97\xba\xdf~\xbb\x16\x00\xdaw\xec\xdc\xba\xb0\x1d^\xff&amp;\x81\x10\xc2\xe1\xb4\xf5&lt;\xee\x04\x00X\xbfa\xc3\xc7\x9f|\x02\x00m;\x1e\x83\xf9\'\x07\xe6\x9fZ\xf5\xf3\xdf\xb2eK0\x18L\xeb\x9b\xc2\xd2x\xba\x98\x9a\x87{\xf0\xe0A\x00\xc8\xcd/pf\xb9\x83\x81\xea\xb4\xae\xc6iAJ\xc9\x18\xb4.l\x07\x00U\x95\x95\xaa#.7\x0f\xf3O\x12\xcc?\xb5T\xfem\n\xdb\x03\x80\xcf\xe7\x8fD"YYY\xa9~Q\x8d\x97\xae\x05@\xdd\x83\xe7\xf3\xf9\xb6m\xdb\x06\x00]{\xf4\xd64\x99\xbeu8\x8dPBL\x13\xba\xf6\xe8\r\x00\xa5\xa5\xa5\xe5\xe5\xe5\x80\xf9\'\x11\xe6\x9fZ*\xff.=z\x01@u\xb5\x7f\xcb\x96-\x05\x05\x05B\x884]\x1b.]\x0b\x80"\xa54\x0c\x13\x00rr\xf3(m\t7\xe6\xa5\x05)!\'7\x0f\x00L\xd3Tg\xa0\x98\x7f2a\xfe\xa9U\x97\xbf\x10\xc2L\xf3\xbb.\xd2\xfe\x82Quz\xa6\xfb\xdb\x90vT\xe0u\xbb#a\xfeI\x86\xf9\xa7V]\xe0\xe9&gt;\xe8\x92\xf6\x05@I\xf7\xb7!\xed\x1c\x128\xe6\x9fd\x98\x7fj\xb5\x98\xc0[H\x01@\x08!t\xb4\xb0\x00 \x84P\x86\xc2\x02\x80\x10B\x19\n\x0b\x00B\x08e(,\x00\x08!\x94\xa1\xb0\x00 \x84P\x86\xc2\x02\x80\x10B\x19\n\x0b\x00B\x08e(,\x00\x08!\x94\xa1\xb0\x00 \x84P\x86\xc2\x02\x80\x10B\x19\n\x0b\x00B\x08e(,\x00\x08!\x94\xa1\xd2{?\x00\x84\x8e\x96\x94B\n\xb5p\xbe\x04\t@\x00\x80\x10\x00B\t!x&gt;\x94XRJY\x93\xbe\x04\xb5yA]\xfeji\xeb\x96\xb2\xcaf\xba\xc0\x02\x10gR&amp;pc\xa6\xba\xf5\xdf\xd1\xd1\x12\x82K)\x19\xd3l6\x87\xc5j\xa1T\xb5:\x00\x12\xa4\x04!\xc0\xd0\r]\x8fqn\x12Bqc\xc58\x92R\n!\x00$c\x9a\xd5j\xb3X-\x94\x12JU\xd3_/\x7f\xc30t]\xad\xb3\x9f\xa6\xbbk\xa5#,\x00\xf1$\xa5\xb4\xd9\xecLKT\xaa\x86\x1e\xc3\x8d\xbf\x8f\x8e\x94\\p\xc6\xb4,\xb7G\xd3 \x10\x08\xed\xdd\xbd\xa3h\xdf\xee\x83\xa5%\xd5\xbe*\xc304\x8d\xb9\xb3\xbd\x05\xad\x0b\xdb\x1f\xd3\xb9m\xfb\x8e9\xb9^]\xe7\xe1P\x10\x80`\x19h")\xa5\xe0\\\xb3Z\xb3\xdcn\xc6 \x10\x08\x17\xef\xdfs\xa0h_yY\xa9\xaf\xaa"\x16\x89H)-6[\xb6\xc7\x9b_\xd0\xba\xb0}\xc7\xc2v\xed\xbd9\x1e! \x14\x0cr\xce\xb1\x0c$\x01\x16\x80\xb8\x11B\xb8\xb2\\\xff|\xec\xc1\xaf\xbeXL)\x13\x82\xc7\xf1\x87\xab\x1fx\xd9\xd57\x9c}\xfeE\xc1@\x90R\xfcl\xfc6\xce9c\x9a7\xc7\x1d\nF\xbe\xfab\xc9\x7f?yo\xcd\xca/\xf6\xee\xfc1\x1a\x8d\x1c\xfe\xc56\x9b\xbdS\xd7\xee\xc3N\x19=\xf6\xfc\t}\x07\x0e1\x0c#\x12\x0e1\x86\x1f\x90\xc6PM\xbf\xdd\xe1p\xb8l\x15\x07+W~\xfe\xd9\x17\x8b?Z\xf7\xed\xea}\xbbwF\xc2\xa1#~\x8b\xcdfo\xd7\xb1S\xbfA\'\x9d1\xf6\x82a\xa3N\xf7x=\xd5&gt;?\xa1\x14Ow\x12\n\x8f\xef\xb8\x91Rj\x16\xb6u\xd3\xfao\xbeZ\x9e\xa0\x7f\xe2\x943\xc7Y,\x0c\xb7~\xfdM\xaa\xdb!\xdb\xe3\t\x05\x83o\xcc\x9f\xfb\xe6Ks\xbf_\xffm\xdd\xb3\x84RZ\xd3\xac\x90\xda/\x97\xb1X\xf4\x87\xcd\x1b\x7f\xd8\xbc\xf1\xe5g\x1f\x1fs\xdeE3\xef\x9c\xd3\xbdWo\x7f\x95\x1f\xcfC\x8f\x16\xe7\xdcj\xb5\xbar\xdc\xbb\xb6\xef\xfc\xcf\x9b/\xbf\xff\xaf\xd7\xf6\xed\xdeY\xf7,!\x84PJ\x00~\xea\x03\x02P\xf9\xef\xdc\xbeu\xe7\xf6\xad\xef,x\xa9\xf7\t\xfd\xaf\x9du\xe7\xd9\xe7O\x08\x87B\x82s\x82\x97b\t\x83\x05 \x9e\xa4\x04\x87\xd3I\x19cL\xe3&lt;\x9e\xdb\xb42\xc6\xd4\xe7\n\x1b\xff\xdf\xc49\xb7X,\xd9\x1e\xf7\x92\x8f?x\xe2\xc1{7o\\\x07\x00\x84\x10J\x99\x94B\xaa\xe2\xf0S\x01\xa8i\x80H\r\xca\xb9\xf9\xc9\xbbo\x7f\xf9\xf9\xa29\x8f&lt;u\xfe\xa4\xc9\xbeJ\xac\x01G\xc7\x9b\xe3)+)}\xea\x91\x07\xdez\xf99\xbf\xaf\n\x00(\xa5\x84P\x15&gt;\x00H!\x80\xd4$\x0f\xb5\xc3f\xb5\xf9\x13)\xe5\xe6\r\xff\xfb\xfd\xd4\x89+\x97-\x99\xfd\xd0\xe3\x84\x10\xce9^\x07$\x08\x16\x808\x93RB\xdd\x7fM\xfb9\xf5\xcf\xf4\t\x80\x10\x02\xcf\xfd\x7f\x93:\xf1\xf7UU\xfe\xf9\x9e\xdf\xff\xeb\x95\xe7\x01\x801\xa6\xda|\xceMJ\x19\xa5T\r\x08\x03@]\x1bT\xf75\x00\x02\x00\x18\xd3\x02\xd5\xfe\xdb\xae\xbb&lt;\x18\x0cL\xbe\xe6z_\xa5\x9fiX\x03\x1a\xea\x83\x85o&gt;\xf6\xc0=\xfb\xf7\xee\x02\x00\xc64!\x85\x10\x82\x10I)U\xad9\xa8\x8fI=\xf5\x9f\xaa\xfd+}\xfb\x95y\xe5e\xa5O\xcc\x7fK\x8d!\xd7^1\xa0x\xc2\x02\x10W\x04\xf4XL\x08!\x84\x1e\xff\x1f.%^\x0b\xff:)\xa5\xd5f]\xbbj\xc5}\xb7\xdd\xb0m\xf3F5\x8a\xab\x9a\x15\xca\x98\x14\xa2n`\xc6\xe1t:]Y\x9af\x89E#~_U\xcd\xd7P*\x84\x00\x00\xceM\xf5\xbd\xf7\xdf~\xc31\x9d\xbb\r;\xe5\xf4@u\x00\xaf\x03~\x9d\x94R\xb3X*\xcb\xcb\xee\xbaaJ,\x16\xd5,\x16n\x9a\x9c\x9b\x84\x10u\xfdZ\xd7\xbe\xe7\xe6\x15xss\xed\x0e\'\x00\x84\x82\xc1\xf2\xb2\x92P0\xa0\x9eRW\x00\xaa\x12[,\x96\xcf?}\xff\xe1{o\x9f\xf3\xe8\x93&gt;\xec\x8bK\x0c,\x00qC\x08\x11\xa6\xe8\xd0\xa9K\xf7^}4\xa6\xf1F\x0f\x02K\xc9\x18\xab\xae\xf6\x17\xed\xdd\xad&gt;\x0f@\x88\x10\xc2\xeep\x9e4\xe2\xd4h\xd4\xa08]\xfd\x17\x08!\x1c\x0e\xfb\x92\x8f\xde\xdf\xb6y\xa3\xd5f\xd7cQ\x00P=\xce\x82s\x00\x18p\xd2\x88S\xce&lt;\xe7\xf8\x13\x07\xb5m\xdf\xd1\x95\xe5\xa6\x94\x19\x86~\xb0\xb4d\xfd\xda\xaf\xdfy\xe3\xa5M\xeb\xbe\xad\t\x1c@\x08A)\x95R\xdew\xfb\r\xef\xfcw\x8d\xa6Yj;.\xd0\x91\x11B\xf4X\xac]\x87\x8e\xb3\x1fz\xe2\x8f7O\x97BBm\xd7%\xe7\xdc\x95\xe5\x1e:\xf2\xf4\x11\xa7\x8d\xe9\xd3\xb7\x7f\xeb\xb6\xed\x9d\xae,\x8b\xc5\x02\x00\xba\xae\xfb\xab*\xb6~\xbf\xfe\x83\x85\x0b&gt;}o\xa1\xea\x0bRo\x81a\x9a\x8c\xb1W\xe7=u\xc69\x17\x9e4bd0\x88s\x1f\xe2\x0f\x0b@\xdcPJ\xc3\xa1\xf0\xf5\xb7\xcd\xbe\xfe\xd6?4\xa5\xcb\x92s\xee\xcd\xc9\xbec\xc6\xd5\xff~\xfdEJ)\xe7\x9cQ\xc6\xb9y\xc6\xd8\xdf\xf5&gt;\xa1O\x15vI\xff2\xc6X\xa0:x\xdb\x9c\xff\xfbq\xeb\xa6\xe5\xff\xfd\x941\r@r\xce%\xc0\xa8\xd1c\xaf\xbe\xf1\xb6\x81\'\x9dlsh\xa6!\r\xdd\x10\x82K\t\x84\x92\xfcVm\xfa\r\x1c0\xe1\xcai/&lt;\xf5\xd8?\xfe2[\xb5\xfb\xea&lt;\x941m\xcf\xce\xed\xffy\xf3\x95)3n\xaa\xaa\xf0%n\x82o\xcb\xc0\x18\xab\xf6WO\x9a2\xed\xab/\x96|\xf2\xee\xdbL\xd3\xb8i\xe6\x15\xb4\xbet\xcau\xe3.\xbe\xacS\xd7\xee\x94\x81\x11\xe3\x86a\x08QsA\xa0iZ\xab\xc2v\x1d:u9\xeb\xbc\x0b&gt;\xff\xf4\xe3\xbbn\x98RQ^VS\x03j\xbb\x89\xe6?\xf3\xd8\xd0\x91\xa7\x00v\x7f&amp;\x00\x9eK\xc6\x9b\xac\x19Tl\x1c\xc1\x85\xddn\xdf\xb6e\xebG\xef\xbcA\x08Q=\x12BpB\xe9%W]g\x188\x1a\xf6\x1b\xa4\x10\x9c\x8b\x87\x9fy\xe9\x98\xce\xdd879\xe7\x1d;u}\xe2\xa5\x7f\xcd}\xf3\xc3!#N\x89F\xc2U\xe5\xbe`\xa0Z\xd7c\xa6irn\x9a\x86\x11\t\x87*+|\xb1h\xec\x96\xd9\xf7\xdc\xf9\xc0_\x85\x10u!K\x90\x84\x90w\xdf~5\x12\x8eQ\xac\xbb\r@\x08\x84C\x919\x8f&lt;\xd9\xa6]\x07n\x9aW\xcd\x98\xf5\xce\xe7\xdf\xdc&lt;\xfb\xbe\xb6\xed\x8f\t\xf8\xfd\xbeJ_8\x1c2MC\n\xa1\xbe^\x08a\xe8z\xb5\xdf_Y^5\xfa\xdc\xb1\x8f\xcf\xff\x97\xdd\xe1\x80\xda\x1b\x1e\xd5\xf1\xbf\xfa\xcb\xa5\xbbw\xec\xb09\x1c8\x06\x16wX\x00\x9a\x17.L\xbb\xd3\xfa\xf6+\xf3\xa2\x91\x08\xa5LJI\x19\x93R\x0e\x1az\xf2\xc0\x93\x86\x85\x82!\xbc;\xe9\xd7\x11Jc\xd1hn~\xab\xbf=\xff\x86+\xcb}\xce\x85\x97\xfck\xf1\xd7c\xcf\x1f\x1f\x0cT\x07\xab\xab\t\xa5L\xd3(e\xa4\x1eJ\xa9\xa6i\x84\x90\xd2\x03\xfe\xa97\xdc&lt;h\xf8(!\x84j\xee\xa5\x10R\xca\x1f\xbe\xdf\xb0k\xc7v\x9b\xdd^\xd7l\xa1_B\x085t=\'/\xef\xe1\xa7_~\xfe\xedO\xee{\xf4\xef\xb9y\x05\x15\xe5&gt;]\x8f\xa9\xd9qj\xbc\xb7\xae3M\xbd\x05\x8c1\xcdb)=Py\xf2i#\'\\1M\n\xa1z{\xa4\x94\x94\xd2H8\xbce\xd3:\x9b\xcd*0\xffx\xc3\xd6\xa4\x19\x91R\xdal\x8e\xa2\xbdE\xef\xbe\xf9\n!\xa4f\xc4RJ\x00\xb8t\xea\x0c\xa6ix\x06\xd4\x10\x8c\xb1` \xd0\xabO\xdf7?]\xf9\xe0\x93\xf3]n\x8f\xaf\xd2G)\xfb\xf5SxB\x08HI)\xb9x\xf2\xd5u\x0f\xaa\x06\xc8\xd0\xf5\x9d\xdb\xb6X\xad\x16\x81\xf97\x00e,\x18\x08\r\x1av\xf2\x88\xd3\xc6\x94\x97\xfa\x0c\xc3P\xf5\xf57\xbfQ\xd3X8l\x8e\xbd\xe0\x12BI\xddp\xbd\x9a\xf8\xb0o\xf7N\xca\xa0\x893\xeb\xd0\xe1\xb0\x004#\x82\xf3,\xb7\xfd\xbd\xb7_\xad\xaa,W=\xd1\x942!d\x97\xee\xc7\x8e:sl0\x10\xc4\xde\xff\x06\xa2\x94F"\x91.\xdd\x8e5MC\x8fF\x1b\xd8wO\x19\x8dE\x8d\xde\'\xf4\xb7X\xad\xa2v\xee\xb9Z!\xae\xa4x\x9f:%M\xe8\xcbn1\xd4i{(\x18`\rk\xfa\x15B\xa8\xa1\x1b\xed:t\xf2\xe6\xe4\xa9\xd1`\xa8\x9d\xfb\x19\x0c\xf8)\xc1\xf4\xe3\x0f\x0b@\xf3!5\x8b\xb5\xa2\xdc\xf7\xd6Ks\xeb&amp;B\x10\x02\x00r\xe2\x95\xd3\xb3\xb3\xb3\xb8\x19\xcf;\xcbZ&lt;Ji,\x1aQ]&lt;\r\xfe&amp;\xc2\xb9\x99\x93\x9b\x97\xed\xf1\xd6{\x0c\x00 \x14\x0c\x12\xc0\xf6\xff(P\xda\x985\xf5\xa4\x946\x9b\xcd\x95\xe5\x06\xa8=\xfa\x01@\xdd\xa8\x817\x02$\x00\x16\x80\xe6\x82s\x9e\xe5v.\xfa`\xe1\xfe\xbd\xbb\x08\xa1B\x08\xf5\xbf\xb9\xf9\xad\xce\xb9\xf0\x92P0\x82\x83\x90G\xab\x11\xb7MH\t\x94RM\xb3\x1c\xf28^{%\t!\xa6i\xc6\xd4bM\xf5\xee\xd5\xcb\xc9+\x90\x02+@\xfca\x01h.(\xd5"\xe1\xc8\xeb\xcf?\r@\xd4\x81\xaez\x81~7ar\xdb\xf6\x85z,\x86\xf3\x7f\x92\x80Pb\x18z4\x12\xfe\xe9!)\x01 \xdb\x93#\xf1\x144\xd1\xa4\xb4hZyiIUE\x85\xfa+\x00\xa8\xc1\x80N]\xbbs\x13\xf0\r\x88;,\x00\xcd\x02\xe7\xdc\x9d\xedZ\xfe\xdfE[6\xae\xa3\x94\x08\xce\x81\x10!\xb8\xcd\xee\x18\x7f\xd9\xd4HD\xc7\xc9?I \xa5\xd44K\xc5\xc1\x83\xc1@u\xfd\x07\x01\xa0\xb0}G\xce\x01\x1b\xa0\x84\xe2\x82\xdb\x1d\x96\xd5+\x97\x9a\xa6\xc1\x18\x93 \xd5\x00LN^\xfe\xb1\xc7\xf5\x8dF#\xf8)\x88;\x0c\xb4Y \x84p.^\x9d\xfb\xa4\xfa3\x000J\xa5\x94\xa7\x9f}^\xcf\xe3\x8e\x8b\x84#\xb8\x08D\x12H)\xadV\xb6}\xeb&amp;\xb5\x18\xbd\x1a\x87\x14B\xd8\xec\x8eN]\xbb\xeb\xbaN\xf1",a\x84\x10\x16\x8b\xb5\xda\x1f|c\xfe\xb3P[w\xd5E\xf0\xe9g\x9dW\xd8\x0e/\x82\x13\x02\xeflL=\xb5\x91\xc0\xda\xafW\xae\xfer\x19\xa1T\xdd!\xa9nG\xba\xe4\xaa\xeb\xb8\x897\x7f%\x8b\x94@`\xc5\x7f?\x05\x80\x9a\xbd\n)\x05!z\xf4\xea\xd3\xfe\x98Nz,\x86e8\x11\xa4\x94j\x01WO\x8e\xeb\xee\x1b\xaf\xdf\xb9}\xab\xda\xfdBM\x85\xb0\xdb\x1dSf\xdc\x12\x8d\xea\x18~"`\xa6\xa9\'\xa5d\x1a{\xfd\x85\xa7\xa4\x14\xea\x1cS\xdd\xfc\xd5\x7f\xc8\x88AC\x87\x07\xf1\xe6\xaf\xa4\x90R\xd8\x1c\x8e=;v-\xfb\xec#\xa8\xedz&amp;@\xd4u\x98\xd3i\x13&lt;\x9e;\xfcd\x14)\xa5\x10\\\xfc\x84\x0b\xb5B\x90i\xaaM{r\xf2\xbcR\x8a\xbbg^\xff\xe6K\xcfRV\xd3\xfa3\xa6\t\xc1o\x9e\xfd\x97c\xfb\x1c\x17\t\x85\xf1S\x90\x08x\x05\x90bB\x08\xa7\xd3\xb9e\xc3\x86\xff~\xf2\xbe\xea\x08\x02\xa8\x19\xfe\xba\xec\xea\xeb5\x8bE\xca\xf0o\xfc\x08\x14\x0f\x9c\x8b\x9c,\xdbc\xf3\x9e\x0cT\xfb\xd5\x12f\xea^&lt;u;q8\xa4S\x86\rPcH)\xadV\xab\xa5\xdeV\x16\x04\x80PB)P\n\xa6\t\xe5e%\x1f\xff\xe7\xcd\x17\x9f~l\xfb\xd6\xef)\xa5R\x08\x95\xbfi\x1aW^7k\xca\x8c\x9b}U\xd5\xb8\nS\x82`\xac)&amp;\x85\xb0;,o\xbd\xfc\x9c\x1e\x8b\xa9md(\xa5B\xc8N\xddz\x9cr\xe6\xb9\xc1@\x08\' &amp;\x81\xe0&lt;\xcb\x9d\xb5\xfe\xdb\xef\xde\x9c\xffl\xdd\xa2\xd0\x942\xce\xcd\x0b/\x9d\xd2\xb5G\xb7\xca\n\x1fn\x0f\xd9\x08RJ\xcd\xa2\x15\xed\xdb[R\xbc_\xd3X\xddJ\xab\xb1X\xccWqp\xdf\x9e][6\xad[\xbfvuYI1\x00h\x16\x8b\x14R\x08\x93sn\xb3\xd9\x7f\x7f\xcf\x03\xd7\xcc\xbc=\x18\x08`\x17h\xe2\xe01\x9dJRJ\x9b\xdd\xb1{\xc7\xee\xf7\x17.\xa8[\xfb\x81\x10\x02 &amp;^1\xdd\x93\xe3\xae*\xc7\x15(\x13OJu\xe2\xf9\xc0\x1d3\xa3\xd1\x88\xda9\x80P*\xa4\xc8\xcd+\xb8f\xe6m\xa1`\x14\x17"n\x1c\xceyN\xae\xfb\xa9\xd7_\x9c\xfb\xf8C\xbf\xf2e*s\xd30\x00\x80\x10r\xc6\xd8\xf3\xaf\xbf\xe5\x0f\'\x0c\x1c\xe0\xaf\xaa&amp;\xb5\x0b\xc3\xa1D\xc0\xc6%\x95\x04\xe7\xae\x1c\xdbs\xffx)\xe0\xf7\xa9\xd3\x7f\xb5/RNn\xfe9\x17^\x12\nD\xf1\xe6\xaf$09\xcf/\xf0\xfe\xf9\xee\xdb\xff\xb7f\xa5\xea|\x00\x00J)7\xcdY\x7f\xf8s\xfb\x8e\x1dp!\xe8&amp;R\x0b\xc0i\x9af\xd6\xde\xcd\xae\xd6\x83S\xeb/\xa9\x1d\xe4\x99\xa6\r\x1a:\xf2\xb4\xb3\xc6\x9dv\xd6\xb8n=\xbb\x86\x82F\xc5\xc1\n\xab\xd5\x96\xdaW\xde\xe2a\xb7f\xcaH)-VkYI\xf9\xbf^}\x9e\x10"eM\xb7\x03\x00\x9c7\xe1\xb2v\x1d\xdb\xe9\xb1(\x9e\xfb$\x9ai\x18y\x05\xde7^\x9a\xff\xc2S\x7f\xadk\xfd\x19\xd3\xb8i\x9e~\xf6\xef&amp;^9\r;\xa0\x9b\xee\xf0\xc3X\xed\xb7\xa0\x06\x81k\xd6\xf8\x94`\x1a\xfa\x81\xa2}k\xbf^\xb1\xfe\x7f\xeb\t!9\xb9yB\x08\xf5\xb9@\t\x82Gv\xca\x08\xce=^\xf7\xbf_\x9f_z\xa0\x882&amp;8\x07 Bp\xab\xcd6\xfe\xb2\xab\xa3\x11\x03\xe7\xbd%\x9ai\x189y9K?\xfdt\xce\xad\xd7\xd5\xeb\xfa\xa7\x9c\x9b\x1d\x8e\xe9\xf2\xa7\xbf?\xa7\xc7\xa2X\x82\x9b\x8es.\xa54\r\xe3\x90\xb5\x94\xd4Z\xdc@\x88\x94\x92ss\xed\xaa/\xd7\xae\xfa\x12\x00\xac6\xdb\x90\x11\xa7N\x9ar\xddig\x8d3tC\x8f\xe1\xa5p\xa2`\x13\x932L\xd3\x02\xd5\xc1\xd7_|\x06H\xcd:\x87\x8cQ)\xe5ic\xc6\x1d\xdb\xe7\xf8H\x18\xe7\xbd%\x96i\x9a\x9e\xdc\x9cuk\xd7\xcc\xbaf\x92\xa1\xeb\x12@JI\x08\x95R\xba\xb2\xdc\xffx\xe1\xcd\xdc\xfc\x82XL\'\xb8\x01g\xd3H)\x1d\x0e\xa7\xdb\xe3\xf5\xe6\xe6\xb9=^\xb7\xc7\xeb\xce\xf68]Y\x9a\xc5\xa2\xee\x00\xe0\xa6\xa9\xa6\xd8Z,VM\xd3\x18cz,\xb6\xe2\xbf\x9f\xce\x98|\xfe\xcc\xab.\xae\xaa&lt;\xe8t\xb98\xce\xc1M\x0c\xbc\x02H\r\xce\xb9\xc7\xeb\xf9`\xe1[;~\xd8L)U\xc3\xbfB\x08\x00r\xc9\x94\xeb\x84\x10x\xe2\x99P\xa6ifgg\xff\xb8u\xf3\xf5\x97\x9d\x1f\xf0\xfb\xea\xee&lt;R+\x10?\xfa\xec\xab}\x07\x0e\xaa\xaa\xf4i\xd8\xf9\xd34\x9a\xa6U\xfb\xc3\x93\xae\xbe\xfe\xa2\xcb\xa6\x00!5\xcb\xfbHi\x18z$\x14\xf4UU\x95\x14\xed\xfba\xf3\x86ukWm\xf8v\x8da\xe8\x00\xa0\xce{(c\x04`\xf1\x87\xefl\xdb\xbca\xde[\x1f\xb5?\xa6s$\x1c\xc6\xa1\xf8\xb8\xc3\xe3;5(\xa5\x86a\xbc\xf6\xfc\x93\x005\xcb\xde\xaa^\xa0\xfe\x83\x87\r\x1e&gt;2\x14\x08\xe1\xb1\x9e8\xdc4\xb3\xdc\xee\xfd{wM\xbf\xe4\xdc\x83\xa5\x07\xeaf\xfd\x13J\x05\xe7\x7fy\xfc\xf9\xb3~\xf7\xbb\x8a\x83\xd8\xfa\xc7\x87\xba\x02p\xb9\xb2\xea/\xa6G\x08\xa1\x941\xc6\x98F(\x85h\xc4\xdc\xb9}\xcb\x7f\xde|\xe5\xb5\xe7\x9f\x8eE#\x94RQ\xb3c\xb0e\xcf\xce\x1fgL\xbe\xe0\x8d\x8fWXmv\xce\xf1\xae\xf88\xc3\xcb\xdb\x14\x10\x82\xbb\xb2\\\xabV,\xfb\xdf\xea\x95\x84\xd4\x1c\xeb\xea\xe4h\xd2\xd4\xeb-V\x8b\x90x\xc1\x9b(\x9c\x9b\xae\xac\xac\xb2\x03E\xd3&amp;\x9e\xbb\x7f\xcf\xae\xba\xd6_5:w\xff\xf9o\x93\xa6^]\x89\xad\x7f\\\t\xc1\r\xc30\x8d\x9f\xe8\xba\x1e\x89\x84\x83\xc1j_\x95\xbf\xb2\xdc\x17\x89\x84;w?v\xf6\x83\x8f\xbe\xfe\xe1\xb2\x0e\x9d\xba\xa8\xb5\xd0\x01\xc04\r\xcdb\xf9\xf1\x87\xcdO&gt;\xf2@\x96\xdb\x89[B\xc6\x1d\x16\x80\x14\x90\x12(!\xaf\xcd{\n\x00(%\x00\xa0F \x8f\xe9\xd2\xed\xb4\xb3\xce\x0b\x05Bx\xcfQ\x82p\xce\x9d.WyY\xe95\x13\xc6\xee\xdc\xbe\x951\xad\xae\xf5\xe7\x9c\xdf&lt;\xfb/\xd3n\xba\xb9\x12\xef\xbd\x88?r8Ji\xedE\x80F)\x8dF"\x07\xcb\xaa\xfa\r\x1c\xfc\xdc\x82\x0f\xbc\xb9y\x005;\x82q\xd3\xa4\x94.|\xed\x85\x9d\xdb\x7f\xb4\xdbq_\xf88\xc3\x02\x90lB\x08\x97\xcb\xb5\xe1\x7f\xdf.\xff\xef\'j\xd6?\xd4\xce\x93\xbb\xf8\xf2i\xde\xdclu;\x0c\x8a;\xce\xb9\xc3\xe9\xac\xaa(\xbff\xe2\xd8\xed[\xbfgZ\xcd\x8d\x17\xaa\xf5\xff\xfd=\x7f\x9ay\xc7=\x95\x15~\xac\xbe)A)\xb5X,\x15\xe5\x95\xbd\xfb\xf6\x9ev\xd3\x9dj7f\xa8\x19\x99\'\xe1P\xf0\x8b\xc5\x1f;\x9c\xd6\xba\xbd\x82Q\\`\x01H6)\x84\xd5\xa6\xbd1\xff\x9f\xa6a\xa8\x8e~U\x06\xbc\xb9y\xe3\xc6_\x1a\n\xe2\x8c\xb7\x84\xe0\x9c;\x9c\x8ej_\xe5\xb4\x89\xe7\xfc\xf0\xfd\x06\xa6i\xdc4\xd5\x99(\xe7\xfc\xe6\xd9\xff\xf7\xfb\xbbfWU\xf8\x19\xce\xbcJ)\x8b\xc5\x12\xa8\x8e\x8d9\xf7B\x87\xcbU\xaf\xc7\x9f\x10B\xbe]\xbdRH\xc0-\x19\xe2\x0b\x0f\xf7\xa4\x92B\xd8\x9d\xce\x1f\x7f\xd8\xfe\xf1\xbbo\xd7\xad\xfd\xa0\xca\xc0\xb8\x8b.\xedpL{=\x8a7\x7f\xc5\x1f\xe7\xdc\xeep\x04\xaa\xfd\xd3&amp;\x9e\xbby\xc3w?\xb5\xfe\x94\n\xc1\xef\xb8\xef\x91\x99w\xde]Y\xe1\xa7\x8c\x02\x86\x9fR\x84\x10\xd30\n\xda\x14v\xec\xd4\x15j\xaf\x8c\xa5\x14R\xca\xa2\xbd\xbbcQ\x03\xe7F\xc7\x17\xa6\x99TB\x08\xa7\xd3\xba\xf0\xb5\x17\xc2\xa1 \xa5ukcq\xab\xd56~2\xde\xfc\x95\x10\x9cs\xbb\xdd\x1e\x0e\x05\xae\xbdd\xdc\xa6uk\xd5]\xbeus~\xee\xfa\xd3_\xaf\xbf\xf5\xf6\xcar?c\x0c\xcf.\x9b\x03!\x84\xcdf\xcf\xce\xf6\x02@\xfdz\x1c\n\x06\xf4X\x84R\n8\x0c\x10?\xd8\xdc$\x8f\x94\xd2j\xb3\x15\xef?\xf0\xce\x1b\xf3\xd5VS\x00\xa0v\x9e\x1au\xe6\xd8\xde\'\xf4\r\xe3\xcd_\xf1\xc69\xb7\xd9\xed\xd1h\xf8\xdaI\xe7\xad\xffvu\xdd\x82Kj\xf2\xd5\xdd\x7f\xfe\xdb\xf4Y\xb7V\x94\xfbp\xc9\xd5fEHar\xf3\xf0\xc7\xb1\xe5\x8f;ln\x92Gp\xee\xcar|\xb0\xf0\xf5\x8a\x83e\x94R\xb5\xc8\x89*\x03\x93\xa6\\\x8f7\x7f\xc5\x9d\xe0\xdcf\xb3\xe9\xb1\xe8u\x93~\xf7\xdd\x9a\xaf\xeaF}U\xcf\xcf\x1f\xfe\xef\x1f\xd3~\x7fse9\xae\xf3\xdc\x9cH\xc9\x18\x0b\x87B\x95\xe5\x07\xd5_\xeb\x9eq\xba\\6\x9b]\x08\x81\xddtq\x84\x05 y4\x8b\xc5WU\xfd\xc6\xfc\xe7\xd4\xe2\'P\xbb\xf3W\xbf\x81\'\x9d4bT(\x887\x7f\xc5\x93\xe0\xdcj\xb3\x99\xa6q\xfde\xe7\xaf]\xb5\xe2g\xfd\xfe\x9c\xcf~\xf0\x89kf\xfe\x1e[\xff\xe6F\x82\xb4X\xad\x07\x8a\xf6\x15\xef\xdb\x03\x00BJ\xa8\x1d\th\xd3\xb6\xbd\xcdn\xc5[\x01\xe2\x0b\x0b@\x92pnf\xb9]\x8b?\xfa\xcf\xde]?\xd2\xda\xfe\x9f\xba\x9b\xbf\xac6\x9c\xdf\x16OBp\x8b\xd5\xca\xb99c\xf2\x05kV.\xd3~\x9a\xf3C\x04\xe7\xf7&gt;\xfc\xe4\xd57\xce\xac8\x88\xad\x7f\xfc\xa9-\x1f\x1b\xfd\xed\xdc\xe4N\xa7e\xe9\xa2\x0f\x0cCgL\xab\xbd\x02 \x00\xd0\xeb\x84\x13)\xc3n\xa08\xc3\x0f@\x92P\xca\xa2\xd1\x98\xba\xf9\xabf\xed\x07J\x85\x10\x1d:u9\xfd\xec\xdf\x05\xf1\xe6\xaf\xf8\x11BX,\x16\x00y\xe3\x95\xe3\xbf^\xfe_\xb5\x0c}M\xeb/\xc4\x9cG\x9e\xbe\xea\xfa\x19\x15\x07\xf1n\xaf\xf8\x93R:\x9cN\x00\x08\x87B\x04\x80PzTS\xda87\x1dNg\xf1\xfe\x92\xd7\xe6=E\x08\x11\xb5\x0bA\xabe\x9a\x86\x8c8\xd5\x88\t\x9c%\x11_\xf8\x19H\x06\xc1\xb9\xdb\x93\xfd\xf9\xa7\x1fmZ\xb7\xb6n\x9d\x93\x9a\x9b\xbf&amp;_\x93\x9b\xe7\xc1\xbbO\xe3E\x08\xa1i\x1a!\xe4\xc6+\xc6\x7f\xf9\xf9\xa2\xba\xd6_J)\xa5\xfc\xe3\xc3O^&gt;}FYI9\xd3\xb4F,0I\x8f\xb2E\xcb(R\x08\x9b\xc3\xf6\xdd\x9a\xaf\xedv\xc7\x89C\x06\x9a\x06\x84C!\xd34\xea\xdf\x06|\xe4o\x945\xbb\x038\x9d.\xca\xe8\xecY\xd3\xcaJ\x8a\x7fZ\x9d\x9b1)D\xef\xbe\xfd\xfb\xf6\x1f\x1c\x0e\x87p\x96D|a\xa3\x93$R\xca\xd7\xe6=\t\xb5\xed\xbe\xda\xff\xdd\xe3\xcd9\xef\xe2\xcb\xf0\xe6\xafxQ{\xecP\x027M\x99\xf8\xc5\x92\x8fk\xb6\xa0"\x84\x10\xe2t\xb9\xfe\xfc\x8f\xe7/\xbfzbE\xa5\xcc+\xc8o\xdc\xcf\x0f\x87"\xaa\x9c\xc4\xf7e\xb7\x0cB\x08\xa7\xcb\xf6\xc5\xe2\x8f\xe7?\xf3\xb7s.\x9c8\xf6\x82\x89\xfd\x06\r\xcb\xcd\xcf\x01\tz\xcc4\x0c\xdd4M)%\x80\x04\t5\x0b\xc3\x11B\x08a\x9af\xb3\xd9m6\xbag\xe7\xee\xfbn\xbf\xf1\x8b\xc5\x1f\xa9\xc5Y\xd5\x8f%\x84\x08)\xa7\\\x7f\x8b\xdda\x8bF\xa38_+\xbe\xb0\x00$\x9c\x10\xc2\x95\x95\xf5\xbf\xd5_\x7f\xb5\xfc\xbf\x84\xd2\xda\x1d\x07\x19\xe7\xe69\x17M\xea\xd8\xb9#\x9e\xfe\xc7\x89$\x84p#v\xeb\x8c)\x9f\x7f\xfa~\xdd\x06\x84\xa4\xa6mr\xaf[\xbbj\xc5\xe7\x8b(\xa5\x04\xe0h;\x92\xd55\xc4\xd4\x19\xb7t\xec\xd2M\x8f\xc5\xb0\x06\x1c\x91\x14\xe0t\xb9\x0cC\x7f\xf7\xadW\xdf}\xeb\xd5\x0e\xc7t\x194|\xd4\xe0a#{\x1d\xdf\xafM\xbb\x0e\xd9\xd9^\xcd\xc2(\x85\x9a\x1d\x16$\x08\x01\xa6)\xaa}\xbe\xad\x1b\xd7-\xf9\xf8\xdd\x85\xaf\xbd\xe8\xab\xaa\xa8\xdf\xfa\xab7q\xc4\xa9c\xce\xbdp\x82\xdfW\x8d\xad\x7f\xdca\xbb\x93pRJ\xcd\xc2\x16\xbc\xf0\x8c\xe0\x9c1\x8d\x83\x9a\xfd\xc9-V\xeb\xc5\x97_\x13\x8d\xe2\xcd_\xf1!\xb8p{&lt;\xcb&gt;\xfbx\xf1G\xff\xa9\xbf\xfd\xac\x9apu\xb0\xf4\xc0\xcb\xcf\xfe\xa3\x89\xff\xc4\xb8\xf1\x97v\xed\xd9;\x86wk\xff2!\x04!\xc4b\xb5\x1a\xba\xb1o\xcf\xce}{v\xbe\xb3`&gt;\xd3\xb4\xd6\x85\xed\xda\xb6\xef\xd8\xa6m\xfb\x9c\xdc|\x87\xd3E\x08\x89\xc5\xa2\xfe\xaa\xca\x92\xe2}{w\xef,\xda\xbb[}\xfb\xe1\xad\x7f\xfb\x8e\x9d\xff\xf2\xc4&lt;\xc3\xe4\x18y"`\x01H,)\x84\xc3\xe9\xf8\xe1\xfb\xef?\xfb\xe8\x1dB\x08\x17j\xcbY\xc69\x1fy\xfa\xd9}\xfa\xf6\xc3\xf3\x9a\xb8\xab\xeb&gt;\xaeO-@\xdf\xe8\x9f\xa9\xae\x004M\xc3\xd5(\x7f]\xcd\xc2\xdaBH)(\xa5\x84P\x00\xc9M\xb3x\xdf\x1e5\xb3\xf3\x970\xa6\t\xc1k\x17G\xa1\x84\x10\xd34;u\xed\xfe\xcck\xef\xb6j\xd36\x14\x0c\xe2\xc7$\x11\xb0\x00$\x96\x10\xc2\xe1\xb4\xbe\xfd\xea\xf3\xb1hT\xd3,\x9c\x9b@\x88jC&amp;M\xbd^\xe2M-\t\xa0\x16\x92&lt;\xfc$\xbd)\x13m\xeb\x86\x91\x9b\xf6\xd2Z8B@\x8f\xc58\xe7\xc0\xb9\xda\xd2K-\xe3C\x08\x81\xbaQ\xe0\xda7F\xd6\xfe\x9f\xa8\x1d\x04VE\xban"\xe9Y\xbf\x1b?\xfb\xc1\xc7\xf3\nZc\xeb\x9f8X\x00\x12HJis8v\xef\xd8\xfd\xef\xd7_\x04\x00\xd34j\x1f\xe7\xc7\x9f8p\xe8\xc9\xa7\x06\x83A\xbc\xf9+\xbeT3\x1d\xf7-dU\xd3\x8f\x05\xe0WPF\x83\xc1\xe89\x17N,+-^\xba\xe8\xc3\x9a[y\xd5S\xaa\x1e\xab\xbd\xaf\x7f\x16"\x01B(\x10\tR\x08.\xa5\x04\x10\x00\xd0o\xe0ISo\xbc\xf5\xccq\x17\x19\xb1X\x18[\xffD\xc2\x02\x90@B\x08\x87\xc3\xb6\xe8\xfd\x7f\x03\x807\'\xaf\xa6\xff\x872.\xf8\xe5\xd3o\xb2\xda\xad\x91H\x04\x0f\xee8\x92Rj\x16\x8b\xdb\xe3=b/PS`\x17\xd0o"\x84\x1a\xba\xd1\xb9\xdb\xb1\x0f?\xfd\xe2\xfe\xbd{W-_\xba\xf2\x8b\xc5\x9b\xbe\xfbf\xff\xde\xdd\x86\xae\xff\xe6\xb7k\x16K\xc7N]\x07\x0e=y\xcc\xb8\x8b\x06\x0f\x1few\xd8\xab\xfd\xd5\x84\x00N\x90K(,\x00\t\xc4\x18\x0b\x06B\xe7^4\xe9\x9c\x0b/\x01\xa8\xb9\x89QM\x80\xcb\xf6\xe6\x04\xab\xf1\xd4&amp;\x9e(c\x91p\xb8o\xff\xc1\x1f}\xb91A\xff\x843\xcb\xadv\xacM\xd0\xcfOw\x84\x90X,\x12\x89\x84\xf3\xf2[\x8d\x9f|\xe5\xf8\xc9W\xfa\xab\xfc\xc5E{\xf7\xee\xdaQ\xb4wOYI\x91\xaf\xaa"\x14\x0c\xe81]J\xa1i\x16\x87\xd3\xe9\xc9\xc9+h\xdd\xa6C\xa7\xae\x9d\xbb\xf6\xe8\xd0\xa9\xb3\xc7\x9bm\x9a\x10\n\x06b\xb1\x18~:\x92\x00\x0b@bI)=\xde\\u\xed[\xbfO\xban\x8e\n\x8a#u\x05\x90\x93\x97/\x13\xb3\xb23\xe7\x1c\xaf\x00~\x1d!\x9410\x0c#V\x15\x03\x00M\xd3\xbat?\xb6g\xef\xe3\x19\x03B@\x08\x90\xf2\xa7\xd5\x1c\x08\x05J\x81\x00p\x0e\x86n\xeaz\xac\xaa\xd2G\x80\xa8\x9d"S\xf9kd\x0c,\x00\tW\xd7\xf5_\x1f\xce#L\x10)\xa5\x91\xb0=5\xf1]k B\x88j\xc1\xa5\x10\xb1H$\x12\x0eC\xcd\xdd_\x04\xea\xd5f5\xaeR\xf3\r\x84PBpA\x94$\xc3\xb8\x13\x0e[\x8d$\xc3\xc0\x9b\x11u\xafo\xaa_\x05\xfa%\xd8\x9b\x89\x10B\x19\n\x0b\x00B\x08e(,\x00\x08!\x94\xa1\xb0\x00 \x84P\x86\xc2\x02\x80\x10B\x19\n\x0b\x00B\x08e(,\x00\x08!\x94\xa1\xb0\x00 \x84P\x86\xc2\x02\x80\x10B\x19\n\x0b\x00B\x08e\xa8\x16R\x00\xf0\xee\xff$;$p\xcc?\xc90\xff\xd4j1\x81\xa7w\x01\x90R\xaae\xdf\rC\xc7U\x1a\x93\xc90t\xc0\xfcS\x07\xf3O-\x95?\x00\xc4w\xdb\x89\xe4K\xd7\x02\xa06\xe8\xc8\xce\xce\xee\xde\xbd\x1b\x00l\xdd\xb4\xde0\x01\x17jO\x02!\xa5\xc5\x02[7\xad\x07\x80\xd6\xad[w\xed\x86\xf9\'\x15\xe6\x9fZ*\xff\x1f6m\x00\x80\xeclO\xf7\xee\xdd!\x9d/\x08\xd2\xf8\x88Q;4\xe5\xe7\xe7\x03\x80\xcfW\xa9Gc\xe9\xfb6\xa4\x17!\xa1\xa2\xbc\x0c\x00\xdcnw\xeb\xd6\xad\x01\xf3O.\xcc?\xb5\xea\xf2w\xb9\x9c999\x80\x05 %\xd4\xc5\xd7\t\'\xf4\x05\x80\xbd;\x7f,/=`\xb5Zq\xbf\x8eD\xa3\x94\xc6\xa2\\\x9d\x81\xf6\xe9\xd3g\xcc\x99g\x02\xc0\xbe];0\xff\xe4\xc0\xfcSK\xe5\xbfe\xd3:\x00\xe8\xde\xbd\xbb\xcb\xe5\x12B`\x01H\x01\x15\xfa\xc0\x81\x03\x00 P\xed\xdf\xb1}\xab\xd5f\x95i\xde%\xd7\xccI)\xadVkEY\xc9\xee\x1d\xdb\x00\xa0\xcf\xf1\xc7\x8f\x181\x020\xffd\xc1\xfcS\xeb\x90\xfc\xfb\xf5\xeb\x17\xf7\xdd\xa7\x93,\x8d\x0b\x80\xea\xf1\x1c:thnn\xae\x10b\xe5\xb2\xc5\x9aF\x04\x9e\x01%\x92\x14\xc2\xee\xb0\xad[\xbb\xaa\xb2\xfc \xa5\xf4\xe4\x11#\x06\x0f\x1e\xec\xf5z1\xff\xe4\xc0\xfcS\xeb\x90\xfc\xcf&lt;\xf3LH\xe7\xfe\x1fH\xeb\x02@\x08\x11B\x14\x16\x16\xf6\xed\xdb\x97\x10\xf2\xc5\xe2\x8f\xaa\xfdaM\xc3=\xce\x12HH\xc9\x18Y\xf2\xf1{RJ\xaf\xd7;`\xc0\x00\xa7\xd3\xd9\xaf_?\xcc?90\xff\xd4:$\xff\xe1\xc3\x87\x03\xa4\xf7\xd8{\x1a\xbft\xa8\x1d\x06\x988\xf1\x12)\xe5\xee\x1d\xdb\xd7\xac\\\xea\xcarq\xceS\xfd\xbaZ&amp;)\xa5\xddn\xdf\xb7g\xff\x97K\x17\x01\xc0\x981g\xa9\x11\xb0K.\xc1\xfc\x93\x01\xf3O\xad\xc3\xf3\xf7x&lt;\x9cs\xbc\x02H\x19\xb5\xf1\xf4\xf8\xf1\x17\xb5n\xddZJ\xf9\xfc\x93\x8f\xa6\xf5\x80L3\xc79w\xb9\xedo\xbc\xf8L\xc5\xc12\xc6\xd8\xf4\xe9\xd3\xd4d\xdc\xf1\xe3\xc7c\xfeI\x80\xf9\xa7\xd6\x11\xf3O\xf5\x8bj\xaa\xf4.\x00\x84\x10\xd34\xf3\xf2\xf2&amp;O\x9e,\xa5\xfc\xe6\xab\xe5\xcb\x97|\x96\x9d\xed\xc6\x93\xa0\xb8\x93R\xda\xec\xf6\xa2=Eo\xbd2\x8f\x10r\xe2\x89\'\x9er\xca)B\x08\xce9\xe6\x9f\x04\x98\x7fj\xfdR\xfe\xea\x1c4}\xa5w\x01\x00\x00J\xa9\x94r\xfa\xf4\xe9^\xaf\x17\x00\xe6\xfe\xe3A\x8e\'A\t\xc0M3;\xdb\xfe\xf2\xb3\x8fWU\x94\x03\xc0\xed\xb7\xdf\x0e\x00RJ\xcc?90\xff\xd4\xfa\xa5\xfcS\xfd\xba\x9a\xaa%\x14\x00!D\x8f\x1e=f\xcd\x9a%\xa5\\\xbbj\xc5K\xff|&lt;/?\xdb0\x8cT\xbf\xb4\x96\x83\x9b\xa6\xc7\xebY\xb5\xe2\xabW\xe6=\x01\x00#G\x8e\x9a0a\x82:\xfd\xc1\xfc\x93\x00\xf3O\xad_\xc9?\xd5/\xad\xa9H\x0b(bjE\x94`0\xd8\xbf\x7f\xff\x9d\xbbv\xb9\\\xaeW\xde]z|\xff\x01\xd5&gt;?\xc3I\x11M&amp;\x85\xd0,\x16\xd3\xd0/9{\xc4\xf6\xad\xdfS\xcaV\xaf^\xd5\xbf\x7f\x7fu\xfa\t\x98\x7f\x82a\xfe\xa9\xf5\x9b\xf9\xa7\xb5\xb4\xff\x05\x00\x80\x10B\x08\xf1x&lt;\x0b\x16,\xd0\x18\x0b\x07\x83w\xddxUe\xf9A\xab\xdd\x86\x9d\xa1M$\xa5\x94R\xda\xed\xb6{o\x9d\xb1m\xcb&amp;)\xe5_\xff\xfa\xe8\x80\x01\x03\x84\x10uG?\xe6\x9f8\x98\x7fj5$\xff\xb4\xd6\x12~\x07\x00\xa0\x94\x9a\xa69d\xc8\x90G\x1f}T\x02l\xdf\xfa\xfd\xb4\x89\xe72Jmv;7\xcdT\xbf\xbat%\x84\x90R\xb4*\xf4\xdcw\xc7\xcc\x0f\xff\xbd\x00\x00\xc6\x8f\x1f?k\xd6,\xd34\x0f\xb9\xf8\xc5\xfc\x13\x01\xf3O\xad\x86\xe7\x9f\xbeZH\x01\x00\x00M\xd3L\xd3\x9c5k\xd6\xb4i\xd3\x00`\xe3w\xdf\\}\xf1\xd8\x80\xdf\xe7\xf6x\xb0?\xb4\x11\xb8iZ,\x96\xac,\xf7]7\xde\xf8\xe6\xfc\x7f\x02\xc0\xa0A\x83\xe6\xce\x9d\xfbK]\x9f\x98\x7f|a\xfe\xa9u\xb4\xf9\xa7\xa9\x96S\x00\x00\x801&amp;\x84\x98;w\xae\xfa\x0c\xacZ\xf1\xf9\xb4\x89cwm\xdf\x9a_\x90\xc39O\xeb%;\x92IJi\x1a\x86\xdb\xe31\x8c\xd8\x1d3\xaez\xfd\xf9\xa7\x85\x90\x83\x06\rZ\xb4h\xd1\xaf\xaf}\x88\xf9\xc7\x05\xe6\x9fZ\x8d\xce?\x1d\xb5\x84A\xe0\xfa\xd4\x80\x18cl\xfa\xf4\xe9\xf3\xe6\xcd\x03\x00oN\xde\x1f\x1e\xfc\xc7\xf9\x13\'\x1b\x06\x0f\x07\x03\x84\xd2\x96\xd1y\x97\x08RJ\xce\xb9\xcdnw\xbb\xedkV~5\xe7\xb6\x19j\xd5\xc9\xc1\x83\x07\x7f\xfa\xe9\xa7999\xbf\xd9\xf5\x89\xf97\x05\xe6\x9fZM\xcf?\xed\xb4\xb4\x02\x00\xb5\xe36\x94\xd2\xfb\xef\xbf\xef\xbe\xfb\xeeW\x0f\x8e=\x7f\xc2u\xb7\xdc\xdd\xfb\x84~\xban\x86C!\x00I)kI\x95\xbc)j6\x96\x92\xd2f\xb7\xbb\xb2\xec\xfb\xf7\x16\xbd\xfe\xc2\xd3\xf3\x9f~L\xd7u\x00\x980a\xc2\xb3\xcf&gt;\xdb\xf0\xa3\x1f\xf3?Z\x98\x7fj\xc57\xff\xf4\xd2\x02\x0b\x00\xd4\xfb\x0c,Z\xb4h\xea\xd4\xab\x8b\x8b\x8b\x00\xc0n\xb7\x8f\xbd`\xe2\x15\xd7\xdet\\\xdf\xfe\x84@4\xa2\xebzL\x08!\xa5$\x99\xf7Q\x90\x00RJB\x80\x10j\xb1Z\x1d\x0e;c\xb0o\xcf\xfe\xb7_\x99\xfb\xf6+\xf3\x0e\x96\x96\x00\x80\xd5j}\xf8\xe1\x87g\xcd\x9a\x05\x00Gu\xf4c\xfe\xbf\t\xf3O\xad\x84\xe6\x9fFZf\x01PL\xd3\xd44\xad\xb8\xb8x\xf6\xec\xd9\x0b\x16\xbc\x11\x8bE\x01\xc0\xe1p\x0e;\xe5\x8cS\xc7\x8c\x1b2bTa\xbb\x8ev\x87\x8d10Mh\xb91\xfc"\x8b\x05\x84\x00]\xe7\x07KK\xd6\xaf\xfdz\xd9g\x1f\xaf\xf8\xfc\xd3\xb2\x92\x03\xea\xd9\xd1\xa3G\xff\xe9O\x7f\x1a2d\x88Z^\xa6\x11M\x04\xe6\xff\xeb0\xff\xd4Jt\xfei\xa1%\x17\x00\x00\xe0\x9c\xab!\xfb\xd5\xabW?\xf8\xe0\x83\x8b\x17/\x0e\x87\xc3\xea)wvv\x97\xee\xbd\xba\xf6\xe8\xd5\xb6C\x87N]\x8f\xcd\xc9\xcd3M\xb3\xa5\xbe\xcd?\'\t\xa1\x86\xa1o\xdd\xb4\xbe\xb2\xe2\xe0\xb6\xcd\x1bwl\xdbRq\xb0\xac\xee\xe9a\xc3\x87\xdfx\xc3\r\x93&amp;M\x82z\x016\x0e\xe6\x7f$\x98\x7fj%/\xff4 [:!\x84i\x9a\xea\xcf\x1b7n\xbc\xed\xb6\xdb:u\xee\x9c\xea\xd4\x9b\xa3V\xadZ]q\xe5\x95\x9f}\xf6\x99\xca\x8as\xce9\xc7\xfc\x93\x06\xf3O\xad\x04\xe5\xdf\xcc\xb5\xf0+\x80:\xaa\xafS\x15\xf3@ \xb0e\xcb\x96\x95+W~\xfb\xed\xb7\x1b7n\xf4\xf9\xfc\x07\x0e\x14g\xde=\x93\xa4U\xebV.\x97\xab_\xbf~\xc7\xf7\xe93d\xc8\x90\x01\x03\x06\x14\x14\x14@\xbd\x99$q\xfc\xc70\xff\xc3`\xfe\xa9\x95\xd4\xfc\x9b\xadLY*Dm\x1f&amp;\xa5$\x84\xb8\xdd\xeeA\x83\x06Y,\x16JiUU\x15e\xac\xac\xac4C\na-\x02\x00\x9e\xec\xec\xbc\xbc\xbc\x01\xfd\xfb\x0f\x1d:t\xc0\x80\x01n\xb7[=\xc79\x8f\xfbx\x17\xe6\xffs\x98\x7fj%;\xff\xe6+%\xd7\x1dIVw\t\x1c\x8b\xc5\xde{\xef\xbd\x0b/\xbc\xb0}\xfb\x0e\xa9\x0e\xbey\xc9\xce\xce&gt;\xfd\x8c3\xe6\xce\x9d[ZZ\xaa\xb22\x0cC5\x19\x98\x7f\x12`\xfe\xa9\x95\xd0\xfc\x9b\xb3\x16\xde\x05\xa4~;B\x88\xdf\xef\x9f7o\xde\xab\xaf\xbe\xbaa\xc3\x86\xbag\xb3\xdc\xee\xc2v\x1d\x0bZ\xb7\xee\xd4\xf5Xon.7\xd3{w\xb7\x06\x92 \t!\xa6al\xdd\xb4\xde\xef\xab\xda\xb7{\x87\xaf\xaa\xb2\xee\xd9\xc2\xc2\xb6\x97]v\xe95\xd7\\\xd3\xb3gOh\xf2\xec7\xcc\xffp\x98\x7fj%3\xff\xe6\xaf%\x17\x80\xba\x11\xfc\xf9\xf3\xe7?\xf2\xc8#[\xb7nU\x8f\xb7m\xdf\xf1\xa4\x91\xa7\x8d:\xe3\xecc\xfb\xf4k\xd5\xba\xd0\x95\xe5f\x1a\xb4\xe8w\xf9\x08\xa4\x04\xd3\x84X4Vq\xb0d\xfb\x0f\x9b\xbfZ\xb6x\xe5\xd2\xc5\xdb\xb6lR\xcf\xe6\xe6\xe6\xce\x9c9\xf3\xe6\x9bo\xf6x&lt;j6a#\xfe\t\xcc\xffW`\xfe\xa9\x95\x84\xfc\xd3B\x8b-\x00\xea\xe8/..\x9e:u\xea\xa2E\x8b\xd4\x83=z\xf5\xb9\xe2\xda\x99\xa3\xcf\xb9 \xaf\xa0@J\x88\xc5tC7\x84\xe0R\x8a\x16\x1a\xc3/"j\x19aJ-\x16\xab\xcdn\xd34\x08T\x87\xd7|\xf5\xc5K\xcf\xfc}\xe5\xb2\xc5\xeakz\xf6\xec\xf9\xc2\x0b/\x0c\x1f&gt;\xbc\x11S\xa11\xff_\x87\xf9\xa7V\xa2\xf3O\x17-\xb3\x00\xa8\xa2\xbdh\xd1\xa2\xa9W_]\\T\x04\x00\x9d\xbb\xf5\xb8\xfa\xc6\xdb\xce\xb9`b\xb67;\x18\x08\x1b\x86\x0e@(\xa5\x84\x80\x1a\x11\xcaXRJ\xa9\xa6\x88h\x9a++\x8bs\xb1r\xe9g\xcf?\xf9\xc8\xaa\x15K\x01\xc0j\xb3=\xfc\xd0C\xb3f\xcd:\xaa\xcf\x00\xe6\xdfp\x98\x7fj%"\xff4\xd2\x02\x0b\x80:\xfa\xe7\xcd\x9b7}\xfat\xf5\xc8\xa5Sg\xcc\xba\xe7\xfe\xfcV\xf9~_\x90\x9b&amp;e\xb8\n\xca\x91q\xce\t!\xee\xecl\xce\xcdW\xe7&gt;\xf5\xc4Cs\x82\x81j\x00\x986m\xda\xdc\xb9s\xd5\xec\x88\xdf\x8c\x0e\xf3o4\xcc?\xb5\xe2\x92\x7fzii\x05@]\xf9\xd6\x1d\xfd\x1eo\xee\xbd\x8f&lt;y\xe1\xa4K\xab\xfda]\xd7[p_^\x1c\xa9\x8fA^~\xf6\xb7\xab\xbf\xf9\xc3M\xd3\xb6~\xbf\x1ej?\x03\xbfy\x1e\x84\xf97\x1d\xe6\x9fZM\xc9?\xed\xb4\xa8\x02p\xc8\xd1\x9f\xdf\xaa\xcd\x93/-\x1c6jxYI\x15\xd3\xb4\x96\xf4\xb6%\x81a\x18\xde\x9c\x9c\x8a\x83\xa5\xd7]\xfa\xbb\xf5\xdf\xae\x86z\xe7A\xbft\x8f\x0c</t>
        </is>
      </c>
    </row>
    <row r="92">
      <c r="A92" s="1" t="n">
        <v>90</v>
      </c>
      <c r="B92" t="inlineStr">
        <is>
          <t>color_hexagon</t>
        </is>
      </c>
      <c r="C92" t="inlineStr">
        <is>
          <t>What is the missing color of the part denoted with a question mark?</t>
        </is>
      </c>
      <c r="D92" t="inlineStr">
        <is>
          <t>['green', 'blue', 'red', 'purple']</t>
        </is>
      </c>
      <c r="E92" t="inlineStr">
        <is>
          <t>blue</t>
        </is>
      </c>
      <c r="F92" t="inlineStr">
        <is>
          <t>There is a hexagon split into six parts with the colors ['red', 'blue', 'yellow', 'red', '?', 'yellow'] in an anti-clockwise order.</t>
        </is>
      </c>
      <c r="G92" t="inlineStr">
        <is>
          <t>We observe that a red part is opposite another red part, and a yellow part is opposite another yellow part. Thus, the pattern is that the colors in opposite parts are the same.</t>
        </is>
      </c>
      <c r="H92" t="inlineStr">
        <is>
          <t>Based on the pattern that spatially opposite parts have the same color, the missing color of the part which is opposite a blue part should be blue.</t>
        </is>
      </c>
      <c r="I92" t="inlineStr">
        <is>
          <t>b'\x89PNG\r\n\x1a\n\x00\x00\x00\rIHDR\x00\x00\x02\x00\x00\x00\x02\x00\x08\x02\x00\x00\x00{\x1aC\xad\x00\x00}(IDATx\x9c\xed\xdd{|T\xf5\x9d?\xfe\xcf\xe5\xcc%\xd7\x99D\x08\x01QL\x02E0rK\xc2-\x12\xaaV\xbc\xb4\xd6\xf6+\x88`Q\xacZ\xfc\xfasi\x04\x94P\x8c\x08\x11\x01\xb9.\x8f\xafT\xd6Z\xc5\nbq\xdd\xd5\xae\xb7\xecv\x11(\x97B\x12%\xa2hC\x88hZ\x02"3\xb9\xcf\x9c9\x9f\xf7\xfb\xf7\xc7\x87\x8c\x14E\x81\xdcf\xe6\xbc\x9f\x8f\xee&gt;\\\xdb\xae\xc3\\\xce\xfbs&gt;\x9f\xf7y\xbf8"2B\x08!\xf6#\xba\xfb\x05\x10B\x08\xe9\x1e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94\xd1\xdd/\x80t\'DD\xc4\xee~\x15\xa4\xdbp\xce9\xe7\xdd\xfd*H\xb7\xe1\xf4\xfb\xb7-\xcb\xb2\x0c\x83V\x00vgY\x96\x94\x92\xca\x80=Q\x01\xb0)\x00\x10B|\xf2\xc9\'\x0f&lt;\xf0\x80\x10\x02\x00\xba\xfb\x15\x91.e\x18\x86eY\xf7\xde{\xef\xd4\xa9S\xbb\xfb\xb5\x90nC\x0b@\xdb\xd1%\xbf\xb5\xb5u\xe5\xca\x95^\xafw\xeb\xd6\xad\xdd\xfd\x8aH\xb7\x19&lt;x\xf0\xdf\xff\xfe\xf7\x1bn\xb8!;;\x1b\x11\x85\xa0CA{\xa1;\x00\xdbQJI)7l\xd80}\xfat\xce\xb9\x942\xfc\x1d\x10\xb4\x0f`\x03\xa7\x1f\xfbH)M\xd3\x9c6m\xda\x8b/\xbeH[\x826D\x05\xc0^\xf4\xa9o}}\xfd\xe0\xc1\x83O\x9c8\x01\x00\xb4\xf9csN\xa7S)\xb5u\xeb\xd6q\xe3\xc6\xe9\xc5Aw\xbf"\xd2u\xa8\xe0\xdb\x0b\x00H)\x8b\x8b\x8b\xeb\xea\xeaN\xad\xfd9\x17\x8c\x01\xe2\xa4\x81\x03\xa7\r\x1e\\\x1f\x0c\x1a\xb4\x0f\x10\xa3\x14b\x82\xc3Qq\xec\xd8\x92\xbf\xfe\x15\x10\x11\x91\x0bnY\x16\x00\x14\x16\x16\xee\xda\xb5\xcb\xe1p "\x1d\x08\xdb\x07\xdd\x01\xd8\x08\x00p\xce\xff\xf6\xb7\xbfegg\x03@\xb8\x07T0\x06\x8c\xa5\'$\xfc\xf5\x8e;&lt;nwH)\xce\x18\xa3\xab@,Ad\x9c\x03\x80\xc7\xe5\xba\xe9\xdf\xff\xfd\xcf\x9f\x7f.9W\x88\x8c1\xce\x99\x10R)\xf5\xc2\x0b/\xdcu\xd7]t\x13`+T\x00lD\xff\xb6\xaf\xbf\xfe\xfa\xd2\xd2R\xc3pXV\xa8W\xd6\x90\x16\xff\x89\xc6\xaf\x8eJ!\x14\xa8;\x06\r\xfa\xd7k\xaf=\xd9\xdaj\x08A_\x8b\x18\xa3\x00R\xdc\xee\x97\x0f\x1e\x9c\xf9\xbf\xff+9\x07D\xa7S\xfe0\xaf\xf7\xbb;k\xf5\xd9oZZ\xdaG\x1f}\xe4\xf5z\xe9\xe1\x00\xfb\xa0\x9b}\xbb\xd0W\xff\xd2\xd2\xd2\xd2\xd2R)% p.~4c\xc9\x88\x9f\xdc\xc3\x18"g\x82\xf3W&gt;\xfd\xb4\xf2\xcb/\x93].\xc6\x98\xe4\x9c\xfe\x153\xff\x12\x9c;\xa5l\xb1\xac\xd5\xe5\xe5\x8c1!92\xf6\xa3\xb1\x17\xbf\xb2\xfe\x86\x9e\xa9q\x88(\xa5\xa8\xab\xab[\xb5j\x15\xf5\x04\xdb\n\x15\x00[\xd0\x1b\xbb\x96e\xcd\x9c9\x931\xce\x85\x04\xa5\x06\xe6\xdf|\xc9\x15\xa3\x87\xde0\xcd\x9b~\x19(%\x84\xb0\x00\x16\xec\xdc)i\xf5\x17s\xf4\xf2\x7fmyyM}\xbd!\x84\x024\x0c\xb1l\xce(\xcf\xa5IKg\xe5!""H)\x96/_^UUE5\xc0&gt;\xa8\x00\xd8\x82~\xeck\xfd\xfa\xf5\x9f~\xfa\xa94\xa4R\x96+&gt;i\xcc\xe4\x87\x02-\r\xae\xf8\xe4\xb1\x93g1\xc6\x00\x99\xe0|Gm\xed\xdb55\x1e\x97K\xd1\xde`\xac@\xc6\xe2\x0c\xa3\xda\xef\x7f\xee\xc0\x01\xbd\xbb\x03\x803&amp;\x0f\xba"\'=T\xdb\xf8\x8b\xc9\x83r\xae\xe8\xa1\x14H)L\xd3\x9c?\x7f&gt;\xe7\xb43l\x17T\x00b\x9f&gt;\xfb\xad\xab\xab+..\xe6\x9c3\xc6\x11`\xd8\x8d\xd3{e\rUf \xd8\xdcp\xc5\xb5\x93/\x1e4\x12@q!9c\x8f\xef\xda\xd5d\x9a\x92s\xba\x06\xc4\x06\x05\x90\xe0t.\xde\xb3\xc7\x1f\x08\x18\x82+\xc4\x14\x8f\xabdV\x1e\xb6\x84\x182g\x82se\xd1hD\x06\n\xa4\x94[\xb6l\xd1\x9b\x84J\xa9\xee~\xe1\xa4\xd3Q\x01\x88}\xfa\t\xcfy\xf3\xe6\xf9|&gt;i8\x94\xb2&lt;i\x97\xe4\xfd\xec\xfe@\xa3O\x08\x831\x04e\x15\xdc9_H\t\x08B\x88\xc3~\xff\xda\x8a\x8a\x14\xb7[\xd1&gt;@\xf4S\x88^\xb7\xbb\xb4\xa6\xe6?\xaa\xaatQ\x07\xc0\x92\x999)}\x92 `9\x0c\xa1\xfc\x81\xf1W\xf7\x9bx}\x86\xa5@\x08\xce9\x9f9s\xa6eYt\x1f`\x07T\x00b\x9c\xde\xfc)//\x7f\xf9\xe5\x97\xa5\x94\x00\xc0\x10\xf3\xa7&gt;\x12\x9f\x92\xa6,\x93q\xce\x854[\x1a/\x1d\x92\x9f}\xed\x14\x04\xd0\xf3!\x9f;p\xa0\xda\xefw\x1b\x06]\x00\xa2\x1dg\xcc\x02XQV\x06\x88Bp\x05\x90sE\x8f\x19\xd3\x87@CPH\xc1\x18\xe3\x9c\xa1\x85\xcb\x8a\xc6x\x92\x9c\xa0\x94\x94\xe2\xd3O?]\xbf~=\x9d\x04\xd8\x01\x15\x80\x18\xa7\x8f\x7fg\xcf\x9e\x1d\x0c\x06\xb9\x90\xa0\xac\x8b\x07\x8d\xbc\xe2\x9a\xdb\x02\r\'\x85&lt;\xf5\x18\xa0\x10\xd2li\xca\x9f2\xc7\x95\x90\x0c\x00\x92\x0b\x7f \xb0x\xcf\x9e$\xa7\x93n\x02\xa2\x9a\x05pQ\\\xdc\xc6\x8f?\xde{\xf4\xa8\x14\x02\x18"\xb2\x95E\xa3\x8d8\x03\x15\xea\xc3~!\xb8j23\xb3{&gt;t\xd7\x95\n\x90s\xc69/..\xf6\xf9|B\x08\xba\t\x88mT\x00b\x99n\xfd\xdc\xb2e\xcb\xb6m\xdb\x0c\xc3P\xca\x92\x86\xa3\xe0\xce\xf9\xa0,\xc6Nk\xf5\xe1\xdc2\x03I=\xfa\x8c\x99T\x88\x88\xc0\x98\xe0\xfcO\xd5\xd5;jk\x93\x9cN\xa0K@tB\xc6\x9cR\x1emn^[Q\xc19\x17\x82)\x85\x93n\xc8\x1c\x7fu?\xe5\x0fJ\xf9\xf5\x17@\x1a\x02\xfc\x81\xc2_\r\xcb\xea\x97\xac,e\x18\xd2\xe7\xf3\xe9\x13#\xba\t\x88mT\x00b\x96^\xbb\xe9\xbe\x0e\xc6\x18\xe3\x02\x01~0\xf6\xe6K\x87\\e\xb64\xf2\x7f\x9e\xf7 \xa4\x0c67\x0c\xbb\xe9\xee\x94&gt;\x19z\xd7\xc8T\xaad\xf7nIO\x84E-\x0b \xc5\xed\xfe\xed\x07\x1f\x1cih\x90\x9c+@\xa7C.\x9e\x95\xc7\x00\xcfh\xf4\xe5\x9c\xa1\xa9&lt;\xbd\x12\x16&lt;0\x02\x90!~\xdd3F\x1bA\xb1\x8d\n@\xcc\xd2c\x7fV\xacXQUUe8\x1c\xca\n\xb9\x13\xbd\xe3~Qd\xb64\n\xf1\xcdg\xfd9\x82r\xb8\xe2~x\xd7c\x8c\xa1B\x94\\\xfc\xf5\xe8\xd1W&gt;\xf9$\xd5\xed\xb6\xe8\x12\x10m\x001\xc9\xe9\xac\xfc\xf2\xcb\xe7?\xfcPp\xce\x05\x03\xc0\x87\xef\x192`H/\xd5h\nq\xe6\xa3\x1e\xd2\x10\xead\xeb\xd4\xc9\x83\x0b\xf2z[\x16\x18\x86\xd0O\x8d\xd0Qpl\xa3\x02\x10\x9b\xf4*\xbe\xba\xbaz\xd9\xb2eB\x08D\x86\x88\xc3o\xba;\xe5\xe2,\xcb\x0c|\xeb\x9c\x1f.d\xb0\xb9!k\xd4\r\x97\x0e\xb9\n\x01\x98\x10\x9c\xb1e{\xf7\x1eoiqJI\xd7\x80\xe8\x82\x8cI\xce\x9f\xd8\xbd\xbb\xc14\xa5\xe0\x96\xc2\xf4\x1e\xf1\xb3\xee\x1b\n\xcd\xa6&gt;\xfb\xfd\xd6\xff\x8et\x88\x92_\xe7\n\xc1\x95R\x86!KKK\xb7l\xd9B-\xa11\x8c\n@l\xd2g\xbf\x8b\x16-jhh\x90\xd2PV(\xa5O\xc6\xa8[\x1f\x0c4\xfa\xc4w\x8e\xfaBPW\xdf\xbd@\x1a\x0e@\x90B|\xde\xd0\xb0\xee\xfd\xf7S\xe8&amp; \xaa\xe8\xd6\xcf?\x1f9\xf2vM\x8dn\xfdD\xc4\xa5\xb3G\xa6\xf6M\xc6\x80u\xb6\x07\xbd\xa5\xe4\xca\x1f(\xb8.c\xda-\x03\x94B\xdd\x12:\x7f\xfe|\xd34\xe9&gt; VQ\x01\x88A\xfa\xecw\xfb\xf6\xed\x1b7n\x94\xd2\xb0\x94b\x8c\xfd\xf0\xae\xc7\x1cq\x89\x08\xea\x9f\x8e\x7f\xff\x19\x17\xc2lmJ\x1f0|\xc4O\xeeE\x00\xe4Bp\xfe\xfc\x81\x03\x1f\x1c?\x9e\xe8p\xd0ip\xb4\x90\x9c7\x9b\xe6\xe2={8cBrKAA^\xefiS\x07\xab\x93\xad\xd2\xf8\xae\x9f&lt;\x97\x02\x9b\xcd\xa5sG\xa7z\xddVH\x19\x86\xac\xaa\xaaZ\xb1b\x05\x9d\x04\xc4**\x00\xb1I)U\\\\\xac\x94\xe2B \xa8K\x87\\\x955\xea\x86`S=\xff\x96\xdd\xff\x7f"\x844[\x9bro\x99\x11\xef\xed\x01\x00\x82\x8b\x06\xd3\\]V\x16G\x05 JX\x00^\xb7\xfb\x95O&gt;\xf9\xf0\xc4\t!\x04 J\xc1K~\x9d+\x0c\xc1\xbe\xef\x03\x14\x9cA\xab\x95\x9e\xe9\x9d==\x1b\x10\x19C!\xc4\xca\x95+\xeb\xea\xea\xa8#(&amp;Q\x01\x885\x96eI)7m\xda\xb4}\xfbv\xc3p(e\t)\xaf\xbe{\x01\xc2\xb9m\xe3rn\x99\x81\xe4\x9e}\xf3o\x7f\x18\x11\x803\xc9\xf9\xeb\x87\x0e\x95\xd6\xd4x\xddn\x1a\x10\x14\xe1\x901\xb7a|\xd1\xd0\xf0\xd4\xbe}\xe1\xd6\xcf;n\xee_p]\x86\xf2\x07No\xfd&lt;\x1b!\x05\xf8\x02s\x1e\xc8\x19p\x99\'\x14R\x86!O\x9e&lt;9o\xde&lt;z&amp; &amp;Q\x01\x88)z\xeaCCC\xc3\xc2\x85\x0b9\x17\xc8\x18\x02d_;\xa5W\xff\xa1fk\x13?\xb7\xa8/!\x8d@\x93\xff\x8ak&amp;\xa5ed\x03\x00\x17B!\xae(+\xb3\x00hLh\x84S\x00\x89N\xe73\xfb\xf7\x7f\xd9\xd2"\x05W\x80\x9e$\xe7c3s\xb15\xc4\xbf\xd1\xf9\xf3\xad\xf4\x83\xc1\xceD\xe7\xe2\xc2\\\xc6\x18\x80\xd2\xeb\x89\x8a\x8a\x8aSO\x92\x93\x18B\x05 \xa6\xe8\xe6\x9fe\xcb\x96UWWK)AY\xae\x04O\xfe\x949\xa1@\xcb\xb7\xb5~\x9e\x15*\xe5p\'\x14L\x9b\xc7\x10\x152)\xc4\xde\xa3G_\xfa\xf8\xe3\xd4\xb88:\r\x8eX\x80\x98\xe8tV\x1c;\xf6le\xa5h\x9b\xfa\xf9\xd0]\xd9YC\xd2TS\xe8\x9b\xad\x9fg#\r\xae\xea\x03\x93&amp;\r\x1a?\xb2\xb7e\x81\x94\xdc4\xcd\xc2\xc2B\xa5\x14\xdd\x04\xc4\x18*\x00\xb1C7\xfe\xebS;)\xa4\x8e|\x1c3\xe9\xd7I=.&gt;[\xeb\xe7\xd9p)\x83M\xfe\x8c\x9ck\xfa\x8f\xba\x01A1\xce9g\xcb\xf6\xee\xfd\xa2\xa1\x81\x06\x04E2\xc9\xf9\x82\x9d;M\xa5\xa4\xe0\x96\x82\xccK\x92\x0b\x7f5\\\xf9\x03\xdf}\xf6\xfbM\x9c1T\xb0\xb2h\x8ca\x08e)\xc30v\xec\xd8\xb1i\xd3&amp;j\t\x8d1T\x00b\x87^\x9d\x9d\xea\xdb\x93\x12@\xa5ed\x0f\xff\xf1/\x83\xcd\xf5\xdf\xdd\xfay\x16\x1c\x94*\x98\xf6\x1bW|\x12 J.\xbfliyf\xff\xfeD\x1a\x10\x14\x91\x14b\xb2\xcb\xf5vM\xcd\x8e\xdaZ\xc9\xb9\x1e\xfb\xb3l\xceHOZ&lt;3\xd5\xf9f\xfc\x08\xc1\xa1\xd1\xcc\xc9\xef;c\xf2 \x05\xc89\n\xc1\x17.\\X__O-\xa1\xb1\x84\n@\x8c\xd0\xad\x9f\xdb\xb6m\xfb\xfa\xc9\x1d\xc4\x82i\xf3\x0cW\x1c\xaa\xefj\xfd&lt;\x1b.\x84\xd9\xd2\x98\x96y\xe5\xb0\x1b\xa7#\x00p.8\x7f\xb6\xb2\xf2\x83c\xc7h@P\xa4\xd1\x8f}\xb5\x84B\x8f\xef\xda\xc5\x18\x13\x92+\x85\xe3G\xf6\x9e8\xf1ru\xf2\xbc\x97\xff\x9a\x90\x02\x9a\xcc\x92Yy)\x1e\x97e))euu\xf5\x9a5k\x84\x10t\x13\x103\xa8\x00\xc4\x02\xfd\xd8W0\x18\x9c={6\xe7\\\xb7~\x0e\x18}\xe3e9\xd7\x04\x9b\xfc\xfcB\x96\xff\x8c\xe9\xd3\xe0F_\xee\xcf\xee\xf7\xf4\xba\x14A\t.L\xa5\x9e\xda\xb7OPVL\x84Q\x00\xc9.\xd7\xf3\x07\x0e\x1c\xf6\xfb\xa5\x10\x00\xe8r\xca\x95EcP\xc1\x05\xe7{r\xce0`\xa5\xf4I*\x99\x99\x8b\xc8\x10AJ\xb9z\xf5\xeaS\xc7Kt\x17\x18\x13\xa8\x00\xc4\x02}\xf6\xbby\xf3\xe6\xf2\xf2r\xbd\xfc\x97\x86#\xff\xf69\x08p\x01k\xff\xafq\xae,315}\xd4\xad\xff\x82\x88\xba%\xf4\xad\xc3\x87\xff|\xe4\x88\x972##\x86n\xfd\xfcGc\xe3\xaa\xb22\xce\xb8\x10L\x01N\xf9qV\xceU}\xe1\xdb\xc6\xfe\x9c;!\x054\x06g\xdc\x99=0\xc3\xab,\x90R\xd4\xd7\xd7/Z\xb4\x88\x9e\t\x88\x19T\x00\xa2\x9e^\xfe\xfb|\xbe\xa2\xa2"!\x042\x8e\x00#~ro\xaf\xfeC\xbf9\xf5\xf3|\ti\xb4\xd6\x7fu\xe5\x8f\xa6\\&lt;(\x0f\x94bBr\xc6\x16\xef\xd9\xd3jY\x94\x19\x19!t\xeb\xe7S\xfb\xf6\xd5\x07\x83Rr\xa50\xd5\xeb^\xf2\xc8hh4\xf9\xd9\xc6\xfe\x9c\x1b\xdd\x12j\xc4;\xd6&gt;:\x16\x19S\xca2\x0c\xb9q\xe3\xc6\x1d;v\x18\x86A\x1bA1\x80\n@\xd4\xd3\xcb\xff\xe2\xe2\xe2\xba\xba:!\xa4RV\xbc\xb7G\xee-3\xcc\xd6\xa6\xf3j\xfd&lt;;\x14\xd2\x18s\xdb,.\x04 \n!&gt;&lt;q\xe2w\x95\x95\x1e\x97\x8bN\x83\xbb\x9d\x9e\xfa\xf9\x97\xda\xdaM\x07\x0f\n\xce\xf5\xdf\x99==;=\xcb\x8b\x01\xab\x1d\xab\xffS\xa4\xe4\xaa!8\xe1\xfa\x8c\t\xf9}\x95B\xce\xb9R\xaa\xb0\xb00\x18\x0c\xd2ip\x0c\xa0\x02\x10\xdd\xf4\xd5\xbf-\xc3O\x02"C\xbcj\xca\xc3\xc9=\xfb\x9eo\xeb\xe7\xd9p!\x03M\xfe\xac\xbc\xeb.\xbf\xea\x16\x04\xc5\xb8\x10\x9c\xaf./\xff{c#\xb5\x84F\x02)D\xc9\xee\xdd\x16\x80\x14\\\x01\x0c\xcc\xf0\xcey`\x04\xf8\x02g\x9d\xfay\x9e8c\xa8pmq\xbe\xd3!A)\xc30***6o\xdeL\x03\x82b\x00\x15\x80\xe8\xa6\xf7\x7ft\x8a\xb7\x90:\xf11\xef\xca\xeb\xeehm\xfc:\xf1\xb1\xfd\x84\x90fk\xf3\xb8i\xbfq\'z\x01\x14\xe7\xa2&gt;\x18|j\xdf\xbex\x87\x83n\x02\xba\x91\x85\xe8u\xbb7\x1f&lt;\xf8\xd7\xa3G\xa5\xe0\x80\x88\xc8\xd6&gt;:\xd6\x99\xe0\x0c\'&gt;\xb6\x9f\x10\x1c\x9a\xcc\x81\xc3{=|\xcf\x90\xb6\x96PQTTt\xf2\xe4I\xba\t\x88vT\x00\xa2\x98n\xfd,-----\x95R\x02(.\xc4\x98\xdbf\ti\xb0\x8e\xfdYrn\x99\xad)}2\x87\xdft7""g\x82\xf3M\x07\x0f~p\xfcx"\xb5\x84v\x13d\xcc\xe0\xbc\xd14W\x96\x951\x1d\xed\x0b8!\xbf\xef\x84\xeb3TC\xf0\\\xc6\xfe\x9c;\xdd\x12:\xeb\xbe\xa1\xe9=\xe3\xf5ip]]\xdd\xaaU\xab\xe8&amp; \xdaQ\x01\x88Vz\xed\xafc\x9b\x18\xe3\\HPj`\xfeO\xb3F^\x17h\xf2\x7f\xef\xd4\xcf\xf3%\xa4\x0c4\xfaF\xdd\xfa\xa07\xfd2PJ\x08a\x01,\xd8\xb9Sv\xd4:\x93\x9c\'\x05\x90\xe2v\xaf-/\xaf\xa9\xaf7\x84P\x80\x86!\xd6\x16\xe7\xa3\xc2\x0e\xffHtKhj\xdf\xe4\xa5\xb3\xf2\x00\x11\x11\xa4\x14\xcb\x97/\xaf\xaa\xaa\xa2\x1a\x10\xd5\xa8\x00D+\xbd\xfb\xaf\x83[\xa5!\x95\xb2\\\xf1Icn+\x0c\x05Z\xdb\xd9\xf9s\x16\x1c\x95\xe5\x8cO\x1a;y\x16c\x0c\x90\t\xcew\xd4\xd6\xbe]S\xe3\xa1\x96\xd0.\x87\x8c\xc5\x19F\xb5\xdf\xff\xdc\x81\x03\xbcm\xec\xcf\x8c\xc9\x83\x06\x0eM\x83\xa6v\xb5~\x9e\x8d0\x04\xf8\x03\xb7O\xbc&lt;\xe7\x8a\x1eJ\x81\x94B\xc7M\xd3.PT\xa3\x02\x10\x95\x00\x80s^WWW\\\\\xcc9g\x8c#\xc0\xb0\x1b\xa7\xf7\xca\x1a\x1ajm\xe2\xbcS&gt;V.\x8d@\xa3\xff\x8ak\'_&lt;h$\x80\xe2Br\xc6\x1e\xdf\xb5\xab\xc94\xa9%\xb4\x8b)\x80\x04\xa7s\xf1\x9e=\xfe@\xc0\x10\\!\xa6x\\%\xb3\xf2\xb0%\xd4Qg\xbfg\xd0G\xc1\xae\x04\xe7\xca\xa2\xd1\x88\x0c\x14H)\xb7l\xd9\xa2\xb7\x1f\xa9%4JQ\x01\x88Jz\xec\xf3\xbcy\xf3|&gt;\x9f4\x1cJY\x9e\xb4K\xf2~v\x7f\xa0\xd1\xd7\x81g\xbf\xdf\n\x94Up\xe7|!% \x08!\x0e\xfb\xfdk+*R\xdcn:\r\xee2:\xf1\xb1\xb4\xa6\xe6?\xaa\xaat\xe9\x05\xc0\x92\x999)}\x92\xe0\xec\x89\x8f\xed\xa73#\xc7_\xddo\xe2\xf5\x19\x96\x02\x9d\x19\xa9\x1b\x10\xe8&gt; JQ\x01\x88&gt;z\xf3\xa7\xbc\xbc\xfc\xe5\x97_&gt;\xf5P&gt;b\xfe\xd4G\xe2S\xd2\x94evH\xeb\xe7\xd9\xe8\x01A\x97\x0e\xc9\xcf\xbev\n\x020\xce9\xe7\xcf\x1d8P\xed\xf7SKh\x97\xe1\x8cY\x00+\xca\xca\x00Q\x08\xae\x00r\xae\xe81c\xfa\x10h\x08v\xd2\xf2\xff\xeb\x7f4gh\xe1\xb2\xa21\x9e$\'(%e\xb8\x05\x99N\x02\xa2\x12\x15\x80\xe8\xa3\x8f\x7fg\xcf\x9e\x1d\x0c\x06\xb9\xd0\xad\x9f#\xaf\xb8\xe6\xb6@CG\xb6~\x9e\x8d\x10\xd2li\xca\x9f2\xc7\x95\x90\x0c\x00\x92\x0b\x7f \xb0x\xcf\x9e$\x9a\x12\xda%,\x80\x8b\xe2\xe26~\xfc\xf1\xde\xa3G\xa5\x10z\xea\xe7\xca\xa2\xd1F\x9c\xd1\x81\xad\x9fg#\x04WMffv\xcf\x87\xee\xbaR\x01r\xce8\xe7\xc5\xc5\xc5&gt;\x9f\x8f"\xc3\xa2\x11\x15\x80(\xa3[?\xb7l\xd9\xb2m\xdb6\xc30\x94\xb2\xa4\xe1(\xb8s&gt;(\xab]c\x7f\xce\x1d\xe7\x96\x19H\xea\xd1g\xcc\xa4BD\x04\xc6\x04\xe7\x7f\xaa\xae\xdeQ[KSB;\x1b2\xe6\x94\xf2hs\xf3\xda\x8a\x8ap\xe2\xe3\xa4\x1b2\xc7_\xddO\xf9;\xb8\xf5\xf3l\xa4!\xc0\x1f(\xfc\xd5\xb0\xac~\xc9\xcaR\x86!}&gt;\x9f&gt;\x8b\xa2\x9b\x80\xa8C\x05 \x9a\xe8\x15\x96\xee\xbe`\x8c1.\x10\xe0\x07co\xbet\xc8U\xed\x1f\xfbs\xee\x84\x94\xc1\xe6\x86a7\xdd\x9d\xd2\'C\xefG\x99J\x95\xec\xde-\x85\xa0\xcb\x7f\xa7\xb2\x00R\xdc\xee\xdf~\xf0\xc1\x91\x86\x06\xc9\xb9\x02t:\xe4\xe2Yy\x0c:}\xed\x1f\xc69CSyz%,x`\x04 C\xfc\xba\x1b\x8d6\x82\xa2\x0e\x15\x80h\xa23\xbfV\xacXQUUe8\x1c\xca\n\xb9\x13\xbd\xe3~Qd\xb64v\xd0\xd8\x9fs\xc4\x11\x94\xc3\x15\xf7\xc3\xbb\x1ec\x0c\x15\xa2\xe4\xe2\xafG\x8f\xbe\xf2\xc9\'\xa9n7eFv\x12=\xf6\xa7\xf2\xcb/\x9f\xff\xf0C\xc19\x17\x0c\x00\x1f\xbeg\xc8\x80!\xbdT\xfb\xa6~\x9e/i\x08u\xb2u\xea\xe4\xc1\x05y\xbd-\x0b\x0cC\xe8\xe7Q\xe8(8\xeaP\x01\x88\x1az\xad]]]\xbdl\xd92!\x04"C\xc4\xe17\xdd\x9drqVG\x8d\xfd9w\\\xc8`sC\xd6\xa8\x1b.\x1dr\x15\x020!8c\xcb\xf6\xee=\xde\xd2\xe2\x94\x92\xae\x01\x9dA\xa7\xbe&lt;\xb1{w\x83iJ\xc1-\x85\xe9=\xe2g\xdd7\x14\x9a\xcd\xce&gt;\xfb\xfd\xd6W#\x1d\xa2\xe4\xd7\xb9Bp\xa5\x94a\xc8\xd2\xd2\xd2\xaf\xc3\x88H\x94\xa0\x02\x105\xf4\xd9\xef\xa2E\x8b\x1a\x1a\x1a\xa44\x94\x15J\xe9\x931\xea\xd6\x07\x03\x8d\xbe\x0bJ|\xec\x88\x97\x04\xea\xea\xbb\x17H\xc3\x01\x08R\x88\xcf\x1b\x1a\xd6\xbd\xff~\n\xdd\x04t\x02\xdd\xfa\xf9\xe7#G\xde\xae\xa9\xd1\xad\x9f\x88\xb8t\xf6\xc8\xd4\xbe\xc9\xd8\x99\xad\x9fg\xa3[B\x0b\xae\xcb\x98v\xcb\x00\xa5P\xb7\x84\x9e\x8a#\xa5\xfb\x80\xe8A\x05 :\xe8\xb3\xdf\xed\xdb\xb7o\xdc\xb8QJ\xc3R\x8a1\xf6\xc3\xbb\x1es\xc4%"\\H\xe2c\xfbq!\xcc\xd6\xa6\xf4\x01\xc3G\xfc\xe4^\x04@.\x04\xe7\xcf\x1f8\xf0\xc1\xf1\xe3\x89\x0e\x07\x9d\x06w,\xc9y\xb3i.\xde\xb3\x873&amp;$\xb7\x14\x14\xe4\xf5\x9e6u\xb0:\xd9za\x89\x8f\xed\xc7\xa5\xc0fs\xe9\xdc\xd1\xa9^\xb7\x15R\x86!\xab\xaa\xaaV\xacXA\'\x01Q\x84\n@\xd4PJ\x15\x17\x17+\xa5t\xe2\xe3\xa5C\xae\xca\x1auC\xb0\xa9\xbe\xc3\xc7\xfe\x9c;!\xa4\xd9\xda\x94{\xcb\x8cxo\x0f\x00\x10\\4\x98\xe6\xea\xb2\xb28*\x00\x1d\xca\x02\xf0\xba\xdd\xaf|\xf2\xc9\x87\'N\x08!\x00Q\n^\xf2\xeb\\a\x08\xd6}o\xb3\xe0\x0cZ\xad\xf4L\xef\xec\xe9\xd9\x80\xc8\x18\n!V\xae\\YWWG\x1dA\xd1\x82\n@\x14\xb0,KJ\xb9i\xd3\xa6\xed\xdb\xb7\x1b\x86C)KHy\xf5\xdd\x0b\x10\xba{\xb3\x95s\xcb\x0c$\xf7\xec\x9b\x7f\xfb\xc3\x88\xa03#_?t\xa8\xb4\xa6\xc6\xebv\xd3\x80\xa0\x0e\xa1\x13\x1f\xbfhhxj\xdf\xbep\xeb\xe7\x1d7\xf7/\xb8.C\xf9\x03]\xd3\xfay6B\n\xf0\x05\xe6&lt;\x903\xe02O(\xa4\x0cC\x9e&lt;yr\xde\xbcy\xf4L@\xb4\xa0\x02\x10\xe9\xf4\xd4\x87\x86\x86\x86\x85\x0b\x17r.\x901\x04\xc8\xbevJ\xaf\xfeC\xcd\xd6\xa6.k\xfd&lt;\x1b!\x8d@\x93\xff\x8ak&amp;\xa5ed\x03\x00\x17B!\xae(+\xb3\x00hLh\x87\xd0\x89\x8f\xcf\xec\xdf\xffeK\x8b\x14\\\x01z\x92\x9c\x8f\xcd\xcc\xc5\xd6\x10\xef\xc2\xce\x9fo\xa5\x1f\x0cv&amp;:\x17\x17\xe62\xc6\x00\x94^\xa9TTTPp|T\xa0\x02\x10\xe9t\xf3\xcf\xb2e\xcb\xaa\xab\xab\xa5\x94\xa0,W\x82\'\x7f\xca\x9cP\xa0\xa5k[?\xcf\n\x95r\xb8\x13\n\xa6\xcdc\x88\n\x99\x14b\xef\xd1\xa3/}\xfcqj\\\x1c\x9d\x06\xb7\x13 &amp;:\x9d\x15\xc7\x8e=[Y)\xda\xa6~&gt;tWv\xd6\x904\xd5\x14\xea\xca\xd6\xcf\xb3\x91\x06W\xf5\x81I\x93\x06\x8d\x1f\xd9\xdb\xb2@Jn\x9afaa\xa1R\x8an\x02"\x1f\x15\x80\x88\xa6\x1b\xff\xf5\xd9\x9a\x14\x12\x10\x11q\xcc\xa4_\'\xf5\xb8\xb8\xeb[?\xcf\x86K\x19l\xf2g\xe4\\\xd3\x7f\xd4\r\x08\x8aq\xce9[\xb6w\xef\x17\r\r4 \xa8\xfd$\xe7\x0bv\xee4\x95\x92\x82[\n2/I.\xfc\xd5p\xe5\x0ft\xd7\xd9\xef7q\xc6P\xc1\xca\xa21\x86!\x94\xa5\x0c\xc3\xd8\xb1c\xc7\xa6M\x9b\xa8%4\xf2E\xcaw\x88|+\xbd\x86:\xd5]\'%\x80J\xcb\xc8\x1e\xfe\xe3_\x06\x9b\xeb\xbb\xab\xf5\xf3,8(U0\xed7\xae\xf8$@\x94\\~\xd9\xd2\xf2\xcc\xfe\xfd\x894 \xa8\x1d\x14b\xb2\xcb\xf5vM\xcd\x8e\xdaZ\xc9\xb9\x1e\xfb\xb3l\xceHOZ&lt;3UdT\x7f\xc6tfd\xa3\x99\x93\xdfw\xc6\xe4Am\x99\x91|\xe1\xc2\x85\xf5\xf5\xf5\xd4\x12\x1a\xe1\xa8\x00D.\xdd\xfa\xb9m\xdb\xb6\xaf\x9f\xafA,\x986\xcfp\xc5\xa1\xea\x9e\xd6\xcf\xb3\xd1SB\xd32\xaf\x1cv\xe3t\x04\x00\xce\x05\xe7\xcfVV~p\xec\x18\r\x08\xba0\xfa\xb1\xaf\x96P\xe8\xf1]\xbb\x18cBr\xa5p\xfc\xc8\xde\x13\'^\xaeNF\xd0\xf2_\xd3\x99\x91%\xb3\xf2R&lt;.\xcbRR\xca\xea\xea\xea5k\xd6\x08!\xe8&amp; \x92E\xd6\xd7\x88\x84\xe9\xc7\xbe\x82\xc1\xe0\xec\xd9\xb39\xe7\xba\xf5s\xc0\xe8\x1b/\xcb\xb9&amp;\xd8\xe4\xe7\x91\xb5\xfcgL\x9f\x067\xfar\x7fv\xbf\xa7\xd7\xa5\x08Jpa*\xf5\xd4\xbe}\x82\xb2b.\x88\x02Hv\xb9\x9e?p\xe0\xb0\xdf/\x85\x00@\x97S\xae,\x1a\x83\n"g\xed\x1f\xa63#S\xfa$\x95\xcc\xccEd\x88 \xa5\\\xbdz\xf5\xa9\x83+\xba\x0b\x8cTT\x00"\x94&gt;\xfb\xdd\xbcysyy\xb9^\xfeK\xc3\x91\x7f\xfb\x1c\x04\x88\xa8\xb5\xff\xd78W\x96\x99\x98\x9a&gt;\xea\xd6\x7fAD\xdd\x12\xfa\xd6\xe1\xc3\x7f&gt;r\xc4K\x99\x91\xe7I\xb7~\xfe\xa3\xb1qUY\x19g\\\x08\xa6\x00\xa7\xfc8+\xe7\xaa\xbe\xd0\xb5c\x7f\xce\x9d\x90\x02\x1a\x833\xee\xcc\x1e\x98\xe1\xd5\xc1\xf1\xf5\xf5\xf5\x8b\x16-\xa2g\x02"\x19\x15\x80H\xa4\x97\xff&gt;\x9f\xaf\xa8\xa8H\x08\x81\x8c#\xc0\x88\x9f\xdc\xdb\xab\xff\xd0\xae\x9c\xfay\xbe\x844Z\xeb\xbf\xba\xf2GS.\x1e\x94\x07J1!9c\x8b\xf7\xeci\xb5,\xca\x8c&lt;/\xba\xf5\xf3\xa9}\xfb\xea\x83A)\xb9R\x98\xeau/yd44\x9a\xbc\xeb\xc7\xfe\x9c\x1b\xdd\x12j\xc4;\xd6&gt;:\x16\x19S\xca2\x0c\xb9q\xe3\xc6\x1d;v\x18\x86A\x1bA\x91)B\xbfL6\xa7\x97\xff\xc5\xc5\xc5uuuBH\xa5\xacxo\x8f\xdc[f\x98\xadM\x11\xd2\xfayv(\xa41\xe6\xb6Y\\\x08@\x14B|x\xe2\xc4\xef*+=.\x17\x9d\x06\x9f#=\xf5\xf3/\xb5\xb5\x9b\x0e\x1e\x14\x9c\xeb\xbf3{zvz\x96\x17\x03VD\xae\xfeO\x91\x92\xab\x86\xe0\x84\xeb3&amp;\xe4\xf7U\n9\xe7J\xa9\xc2\xc2\xc2`0H\xa7\xc1\x91\x89\n@\xc4\xd1W\xff\xb6\xa4=\t\x88\x0c\xf1\xaa)\x0f\'\xf7\xec\x1b9\xad\x9fg\xc3\x85\x0c4\xf9\xb3\xf2\xae\xbb\xfc\xaa[\x10\x14\xe3Bp\xbe\xba\xbc\xfc\xef\x8d\x8d\xd4\x12z\xee\xa4\x10%\xbbw[\x00Rp\x0500\xc3;\xe7\x81\x11\xe0\x0bt\xc3\xd4\xcf\xf3\xa4\xb3\xe3\xd7\x16\xe7;\x1d\x12\x942\x0c\xa3\xa2\xa2b\xf3\xe6\xcd4 (2E\xfa\xf7\xc9\x86\xf4\xfe\x8f\xce\xda\x16R\'&gt;\xe6]y\xdd\x1d\xad\x8d]\x91\xf8\xd8~BH\xb3\xb5y\xdc\xb4\xdf\xb8\x13\xbd\x00\x8asQ\x1f\x0c&gt;\xb5o_\xbc\xc3A7\x01\xdf\xcbB\xf4\xba\xdd\x9b\x0f\x1e\xfc\xeb\xd1\xa3Rp@Ddk\x1f\x1d\xebLpvA\xe2c\xfb\t\xc1\xa1\xc9\x1c8\xbc\xd7\xc3\xf7\x0cik\t\x15EEE\'O\x9e\xa4\x9b\x80\x08D\x05 \xb2\xe8\xd6\xcf\xd2\xd2\xd2\xd2\xd2R)%\x80\xe2B\x8c\xb9m\x96\x90\x06\x8b\x96\x1f\x0f\xe7\x96\xd9\x9a\xd2\'s\xf8Mw#"r&amp;8\xdft\xf0\xe0\x07\xc7\x8f\'RK\xe8wB\xc6\x0c\xce\x1bMseY\x19\xd3\x01\xbc\x80\x13\xf2\xfbN\xb8&gt;C5tQ\xe2c\xfb\xe9\x96\xd0Y\xf7\rM\xef\x19\xafO\x83\xeb\xea\xeaV\xadZE7\x01\x11\x88\n@\x04\xd1k\x7f\x1d\xae\xc4\x18\xe7B\x82R\x03\xf3\x7f\x9a5\xf2\xba@\x93\xbf\x1b\xa7~\x9e/!e\xa0\xd17\xea\xd6\x07\xbd\xe9\x97\x81RB\x08\x0b`\xc1\xce\x9d2\xf2W\xb0\xddJ\x01\xa4\xb8\xddk\xcb\xcbk\xea\xeb\r!\x14\xa0a\x88\xb5\xc5\xf9\xa80\x8a\xde8\xdd\x12\x9a\xda7y\xe9\xac&lt;@D\x04)\xc5\xf2\xe5\xcb\xab\xaa\xaa\xa8\x06D\x1a*\x00\x11D\xef\xfe\xebxUiH\xa5,W|\xd2\x98\xdb\nC\x81\xd6\x88\xed\xfc9\x0b\x8e\xcar\xc6\'\x8d\x9d&lt;\x8b1\x06\xc8\x04\xe7;jk\xdf\xae\xa9\xf1PK\xe8Y cq\x86Q\xed\xf7?w\xe0\x00o\x1b\xfb3c\xf2\xa0\x81C\xd3\xa0)B[?\xcfF\x18\x02\xfc\x81\xdb\'^\x9esE\x0f\xa5@J\xa1\x83\xaci\x17(\xd2D\xd7e%\x96\x01\x00\xe7\xbc\xae\xae\xae\xb8\xb8\x98s\xce\x18G\x80a7N\xef\x9554\xd4\xda\xc4y\x94}R\\\x1a\x81F\xff\x15\xd7N\xbex\xd0H\x00\xc5\x85\xe4\x8c=\xbekW\x93iRK\xe8\xb7R\x00\tN\xe7\xe2={\xfc\x81\x80!\xb8BL\xf1\xb8Jf\xe5aK(\xf2\xcf~\xcf\xa0\x8f\x82]\t\xce\x95E\xa3\x11\x19(\x90Rn\xd9\xb2EolRKh\xe4\x88\xb2/V\x0c\xd3c\x9f\xe7\xcd\x9b\xe7\xf3\xf9\xa4\xe1P\xca\xf2\xa4]\x92\xf7\xb3\xfb\x03\x8d\xbe\xa88\xfb\xfdV\xa0\xac\x82;\xe7\x0b)\x01A\x08q\xd8\xef_[Q\x91\xe2v\xd3i\xf0\x19t\xe2ciM\xcd\x7fTU\xe9\x02\t\x80%3sR\xfa$Aw$&gt;\xb6\x9f\xce\x8c\x1c\x7fu\xbf\x89\xd7gX\ntf\xa4nm\xa0\xfb\x80\xc8A\x05 "\xe8\xcd\x9f\xf2\xf2\xf2\x97_~\xf9\xd4\xa3\xf3\x88\xf9S\x1f\x89OIS\x96\x19\xe1\xad\x9fg\xa3\x07\x04]:$?\xfb\xda)\x08\xc08\xe7\x9c?w\xe0@\xb5\xdfO-\xa1g\xe0\x8cY\x00+\xca\xca\x00Q\x08\xae\x00r\xae\xe81c\xfa\x10h\x08F\xdd\xf2?L?\x1a\xb6\xach\x8c\'\xc9\tJI\x19nn\xa6\x93\x80H\x11\xad\xdf\xad\x18\xa3\x8f\x7fg\xcf\x9e\x1d\x0c\x06\xb9\xd0\xad\x9f#\xaf\xb8\xe6\xb6@Ct\xb4~\x9e\x8d\x10\xd2li\xca\x9f2\xc7\x95\x90\x0c\x00\x92\x0b\x7f \xb0x\xcf\x9e$\x9a\x12z\x1a\x0b\xe0\xa2\xb8\xb8\x8d\x1f\x7f\xbc\xf7\xe8Q)\x84\x9e\xfa\xb9\xb2h\xb4\x11gDE\xeb\xe7\xd9\x08\xc1U\x93\x99\x99\xdd\xf3\xa1\xbb\xaeT\x80\x9c3\xceyqq\xb1\xcf\xe7\xa3\xc8\xb0\x08A\x05\xa0\xfb\xe9\xd6\xcf-[\xb6l\xdb\xb6\xcd0\x0c\xa5,i8\n\xee\x9c\x0f\xca\x8a\xd0\xb1?\xe7\x8es\xcb\x0c$\xf5\xe83fR!"\x02c\x82\xf3?UW\xef\xa8\xad\xa5)\xa1\x1a2\xe6\x94\xf2hs\xf3\xda\x8a\x8ap\xe2\xe3\xa4\x1b2\xc7_\xddO\xf9\xa3\xa6\xf5\xf3l\xa4!\xc0\x1f(\xfc\xd5\xb0\xac~\xc9\xcaR\x86!}&gt;\x9f&gt;\xe5\xa2\x9b\x80H@\x05\xa0\x9b\xe9u\x90\xee\x91`\x8c1.\x10\xe0\x07co\xbet\xc8U\x91&lt;\xf6\xe7\xdc\t)\x83\xcd\r\xc3n\xba;\xa5O\x86\xde\xe92\x95*\xd9\xbd[\nA\x97\x7f\xc6\x98\x05\x90\xe2v\xff\xf6\x83\x0f\x8e44H\xce\x15\xa0\xd3!\x17\xcf\xcac\x10\xc5k\xff0\xce\x19\x9a\xca\xd3+a\xc1\x03#\x00\x19\xe2\xd7}n\xb4\x11\x14\t\xa2\xfe\xfa\x12\xedt\xe6\xd7\x8a\x15+\xaa\xaa\xaa\x0c\x87CY!w\xa2w\xdc/\x8a\xcc\x96\xc6\x88\x1f\xfbs\x8e8\x82r\xb8\xe2~x\xd7c\x8c\xa1B\x94\\\xfc\xf5\xe8\xd1W&gt;\xf9$\xd5\xed\xb6yf\xa4\x1e\xfbS\xf9\xe5\x97\xcf\x7f\xf8\xa1\xe0\x9c\x0b\x06\x80\x0f\xdf3d\xc0\x90^*R\xa7~\x9e/i\x08u\xb2u\xea\xe4\xc1\x05y\xbd-\x0b\x0cC\xe8\']\xe8(8\x12P\x01\xe8NzE\\]]\xbdl\xd92!\x04"C\xc4\xe17\xdd\x9drqV\xe4\x8f\xfd9w\\\xc8`sC\xd6\xa8\x1b.\x1dr\x15\x020!8c\xcb\xf6\xee=\xde\xd2\xe2\x94\xd2\xce\xd7\x00\x9d\xfa\xf2\xc4\xee\xdd\r\xa6)\x05\xb7\x14\xa6\xf7\x88\x9fu\xdfPh6\xa3\xf7\xec\xf7[ \x93\x0eQ\xf2\xeb\\!\xb8R\xca0dii\xe9\xd71G\xa4\xfb\xc4\xd0\x97,\n\xe9\xb3\xdfE\x8b\x16544Hi(+\x94\xd2\'c\xd4\xad\x0f\x06\x1a}\x11\x96\xf8\xd8\x01\x10\xd4\xd5w/\x90\x86\x03\x10\xa4\x10\x9f74\xac{\xff\xfd\x14\x1b\xdf\x04\xe8\xd6\xcf?\x1f9\xf2vM\x8dn\xfdD\xc4\xa5\xb3G\xa6\xf6M\xc6\xe8l\xfd&lt;\x1b\xdd\x12Zp]\xc6\xb4[\x06(\x85\xba%\xf4T\xd0)\xdd\x07t+*\x00\xddF\x9f\xfdn\xdf\xbe}\xe3\xc6\x8dR\x1a\x96R\x8c\xb1\x1f\xde\xf5\x98#.\x11!\xb2\x12\x1f\xdb\x8f\x0ba\xb66\xa5\x0f\x18&gt;\xe2\'\xf7"\x00r!8\x7f\xfe\xc0\x81\x0f\x8e\x1fOt8\xecy\x1a,9o6\xcd\xc5{\xf6p\xc6\x84\xe4\x96\x82\x82\xbc\xde\xd3\xa6\x0eV\'[#-\xf1\xb1\xfd\xb8\x14\xd8l.\x9d;:\xd5\xeb\xb6B\xca0dUU\xd5\x8a\x15+\xe8$\xa0{\xc5\xda\xf7,\xba(\xa5\x8a\x8b\x8b\x95R:\xf1\xf1\xd2!We\x8d\xba!\xd8T\x1fEc\x7f\xce\x9d\x10\xd2lm\xca\xbdeF\xbc\xb7\x07\x00\x08.\x1aLsuYY\x9c-\x0b\x80\x05\xe0u\xbb_\xf9\xe4\x93\x0fO\x9c\x10B\x00\xa2\x14\xbc\xe4\xd7\xb9\xc2\x10,\x16\xdf\x0c\xc1\x19\xb4Z\xe9\x99\xde\xd9\xd3\xb3\x01\x911\x14B\xac\\\xb9\xb2\xae\xae\x8e:\x82\xba\x11\x15\x80\xeeaY\x96\x94r\xd3\xa6M\xdb\xb7o7\x0c\x87R\x96\x90\xf2\xea\xbb\x17 \xc4\xee\x96(\xe7\x96\x19H\xee\xd97\xff\xf6\x87\x11AgF\xbe~\xe8PiM\x8d\xd7\xed\xb6\xd5\x80 \x9d\xf8\xf8EC\xc3S\xfb\xf6\x85[?\xef\xb8\xb9\x7f\xc1u\x19\xca\x1f\x88\xf6\xd6\xcf\xb3\x11R\x80/0\xe7\x81\x9c\x01\x97yB!e\x18\xf2\xe4\xc9\x93\xf3\xe6\xcd\xa3g\x02\xba\x11\x15\x80n\xa0\xa7&gt;444,\\\xb8\x90s\x81\x8c!@\xf6\xb5Sz\xf5\x1fj\xb66\xc5@\xeb\xe7\xd9\x08i\x04\x9a\xfcW\\3)-#\x1b\x00\xb8\x10\nqEY\x99\x05\x10\x9b\xd7\xbc\xb3\xd0\x89\x8f\xcf\xec\xdf\xffeK\x8b\x14\\\x01z\x92\x9c\x8f\xcd\xcc\xc5\xd6\x10\x8f\x89\xce\x9fo\xa5\x1f\x0cv&amp;:\x17\x17\xe62\xc6\x00\x94^\x03UTTPp|w\x89\xd9kM$\xd3\xcd?\xcb\x96-\xab\xae\xae\x96R\x82\xb2\\\t\x9e\xfc)sB\x81\x96Xi\xfd&lt;+T\xca\xe1N(\x986\x8f!*dR\x88\xbdG\x8f\xbe\xf4\xf1\xc7\xa9qq69\r\x06\xc4D\xa7\xb3\xe2\xd8\xb1g++E\xdb\xd4\xcf\x87\xee\xca\xce\x1a\x92\xa6\x9aB\xb1\xd1\xfay6\xd2\xe0\xaa&gt;0i\xd2\xa0\xf1#{[\x16H\xc9M\xd3,,,TJ\xd1M@\xb7\xa0\x02\xd0\xd5t\xe3\xbf&gt;\x01\x93B\x02""\x8e\x99\xf4\xeb\xa4\x1e\x17\xc7R\xeb\xe7\xd9p)\x83M\xfe\x8c\x9ck\xfa\x8f\xba\x01A1\xce9g\xcb\xf6\xee\xfd\xa2\xa1\xc1&gt;\x03\x82$\xe7\x0bv\xee4\x95\x92\x82[\n2/I.\xfc\xd5p\xe5\x0f\xc4\xde\xd9\xef7q\xc6P\xc1\xca\xa21\x86!\x94\xa5\x0c\xc3\xd8\xb1c\xc7\xa6M\x9b\xa8%\xb4[\xc4\xfe\x17.\xd2\xe8\x95\xce\xa9\x1e8)\x01TZF\xf6\xf0\x1f\xff2\xd8\\\x1f{\xad\x9fg\xc1A\xa9\x82i\xbfq\xc5\'\x01\xa2\xe4\xf2\xcb\x96\x96g\xf6\xefO\xb4\xc1\x80 \x85\x98\xecr\xbd]S\xb3\xa3\xb6Vr\xae\xc7\xfe,\x9b3\xd2\x93\x16\xcfL\x15\xeb\xd5\x9f1\x9d\x19\xd9h\xe6\xe4\xf7\x9d1yP[f$_\xb8pa}}=\xb5\x84v=*\x00]J\xb7~n\xdb\xb6\xed\xeb\xa7`\x10\x0b\xa6\xcd3\\q\xa8b\xad\xf5\xf3l\xf4\x94\xd0\xb4\xcc+\x87\xdd8\x1d\x01\x80s\xc1\xf9\xb3\x95\x95\x1f\x1c;\x16\xdb\x03\x82\xf4c_-\xa1\xd0\xe3\xbbv1\xc6\x84\xe4J\xe1\xf8\x91\xbd\'N\xbc\\\x9d\xb4\xc5\xf2_\xd3\x99\x91%\xb3\xf2R&lt;.\xcbRR\xca\xea\xea\xea5k\xd6\x08!\xe8&amp;\xa0\x8b\xd9\xe5;\x17\t\xf4c_\xc1`p\xf6\xec\xd9\x9cs\xdd\xfa9`\xf4\x8d\x97\xe5\\\x13l\xf2s\xbb,\xff\x19\xd3\xa7\xc1\x8d\xbe\xdc\x9f\xdd\xef\xe9u)\x82\x12\\\x98J=\xb5o\x9f\x88\xe9\xac\x18\x05\x90\xecr=\x7f\xe0\xc0a\xbf_\n\x01\x80.\xa7\\Y4\x06\x15\xd8a\xed\x1f\xa63#S\xfa$\x95\xcc\xccEd\x88 \xa5\\\xbdz\xf5\xa9#\xb1X\xbf\x0b\x8c(T\x00\xba\x8e&gt;\xfb\xdd\xbcysyy\xb9^\xfeK\xc3\x91\x7f\xfb\x1c\x04\xb0\xc9\xda\xffk\x9c+\xcbLLM\x1fu\xeb\xbf \xa2n\t}\xeb\xf0\xe1?\x1f9\xe2\x8d\xd1\xccH\xdd\xfa\xf9\x8f\xc6\xc6Uee\x9cq!\x98\x02\x9c\xf2\xe3\xac\x9c\xab\xfaB\xac\x8c\xfd9wB\nh\x0c\xce\xb83{`\x86W\x07\xc7\xd7\xd7\xd7/Z\xb4\x88\x9e\t\xe8bT\x00\xba\x88^\xfe\xfb|\xbe\xa2\xa2"!\x042\x8e\x00#~ro\xaf\xfeCcc\xea\xe7\xf9\x12\xd2h\xad\xff\xea\xca\x1fM\xb9xP\x1e(\xc5\x84\xe4\x8c-\xde\xb3\xa7\xd5\xb2b23R\xb7~&gt;\xb5o_}0(%W\nS\xbd\xee%\x8f\x8c\x86F\x93\xc7\xd2\xd8\x9fs\xa3[B\x8dx\xc7\xdaG\xc7"cJY\x86!7n\xdc\xb8c\xc7\x0e\xc30h#\xa8\xcb\xd8\xee\x9b\xd7]\xf4\xf2\xbf\xb8\xb8\xb8\xae\xaeN\x08\xa9\x94\x15\xef\xed\x91{\xcb\x0c\xb3\xb5)\xe6[?\xcf\x0e\x854\xc6\xdc6\x8b\x0b\x01\x88B\x88\x0fO\x9c\xf8]e\xa5\xc7\xe5\x8a\xb1\xd3`=\xf5\xf3/\xb5\xb5\x9b\x0e\x1e\x14\x9c\xeb\xbf3{zvz\x96\x17\x03\x96\xcdV\xff\xa7H\xc9UCp\xc2\xf5\x19\x13\xf2\xfb*\x85\x9cs\xa5Taaa0\x18\xa4\xd3\xe0.C\x05\xa0+\xe8\xab\x7f[\x1e\x9e\x04D\x86x\xd5\x94\x87\x93{\xf6\xb5C\xeb\xe7\xd9p!\x03M\xfe\xac\xbc\xeb.\xbf\xea\x16\x04\xc5\xb8\x10\x9c\xaf./\xff{cc\xec\xb5\x84J!Jv\xef\xb6\x00\xa4\xe0\n``\x86w\xce\x03#\xc0\x17\x88\xa9\xa9\x9f\xe7Ig\xc7\xaf-\xcew:$(e\x18FEE\xc5\xe6\xcd\x9bi@P\x97\xb1\xef\x97\xaf+\xe9\xfd\x1f\x9d\x88-\xa4N|\xcc\xbb\xf2\xba;Z\x1b\xa3;\xf1\xb1\xfd\x84\x90fk\xf3\xb8i\xbfq\'z\x01\x14\xe7\xa2&gt;\x18|j\xdf\xbex\x87#fn\x02,D\xaf\xdb\xbd\xf9\xe0\xc1\xbf\x1e=*\x05\x07DD\xb6\xf6\xd1\xb1\xce\x04gT\'&gt;\xb6\x9f\x10\x1c\x9a\xcc\x81\xc3{=|\xcf\x90\xb6\x96PQTTt\xf2\xe4I\xba\t\xe8\x1aT\x00:\x9dn\xfd,-----\x95R\x02(.\xc4\x98\xdbf\ti0\xfa\x8asn\x99\xad)}2\x87\xdft7""g\x82\xf3M\x07\x0f~p\xfcxbL\xb4\x84"c\x06\xe7\x8d\xa6\xb9\xb2\xac\x8c\xe9\x98\\\xc0\t\xf9}\'\\\x9f\xa1\x1a\xa2&gt;\xf1\xb1\xfdtK\xe8\xac\xfb\x86\xa6\xf7\x8c\xd7\xa7\xc1uuu\xabV\xad\xa2\x9b\x80\xaeA\x05\xa0s\xe9\xb5\xbf\x8e@b\x8cs!A\xa9\x81\xf9?\xcd\x1ay]\xa0\xc9\x1f\x93S?\xcf\x97\x902\xd0\xe8\x1bu\xeb\x83\xde\xf4\xcb@)!\x84\x05\xb0`\xe7N\x19\x13kc\x05\x90\xe2v\xaf-/\xaf\xa9\xaf7\x84P\x80\x86!\xd6\x16\xe7\xa3\xc2X\xf8\xe3\xb5\x9bn\tM\xed\x9b\xbctV\x1e "\x82\x94b\xf9\xf2\xe5UUUT\x03\xba\x00\x15\x80\xce\xa5w\xffu\x08\xaa4\xa4R\x96+&gt;i\xccm\x85\xa1@\xab\r;\x7f\xce\x82\xa3\xb2\x9c\xf1Ic\'\xcfb\x8c\x012\xc1\xf9\x8e\xda\xda\xb7kj&lt;Q\xde\x12\x8a\x8c\xc5\x19F\xb5\xdf\xff\xdc\x81\x03\xbcm\xec\xcf\x8c\xc9\x83\x06\x0eM\x83&amp;\xdb\xb5~\x9e\x8d0\x04\xf8\x03\xb7O\xbc&lt;\xe7\x8a\x1eJ\x81\x94BGd\xd3.P\x17\xa0kP\'\x02\x00\xcey]]]qq1\xe7\x9c1\x8e\x00\xc3n\x9c\xde+kh\xa8\xb5\x89sz\xf3O\xe1\xd2\x084\xfa\xaf\xb8v\xf2\xc5\x83F\x02(.$g\xec\xf1]\xbb\x9aL3\xaa[B\x15@\x82\xd3\xb9x\xcf\x1e\x7f `\x08\xae\x10S&lt;\xae\x92Yy\xd8\x12\xb2\xf3\xd9\xef\x19\xf4Q\xb0+\xc1\xb9\xb2h4"\x03\x05R\xca-[\xb6\xe8-Sj\t\xedT\xf4-\xecDz\xec\xf3\xbcy\xf3|&gt;\x9f4\x1cJY\x9e\xb4K\xf2~v\x7f\xa0\xd1g\xf3\xb3\xdfo\x05\xca*\xb8s\xbe\x90\x12\x10\x84\x10\x87\xfd\xfe\xb5\x15\x15)nw\x94\x9e\x06\xeb\xc4\xc7\xd2\x9a\x9a\xff\xa8\xaa\xd2e\x0c\x00Kf\xe6\xa4\xf4I\x82\xd8J|l?\x9d\x199\xfe\xea~\x13\xaf\xcf\xb0\x14\xe8\xccH\xdd4A\xf7\x01\x9d\x8a\n@g\xd1\x9b?\xe5\xe5\xe5/\xbf\xfc\xf2\xa9\x07\xdc\x11\xf3\xa7&gt;\x12\x9f\x92\xa6,\xd3\xb6\xad\x9fg\xa3\x07\x04]:$?\xfb\xda)\x08\xc08\xe7\x9c?w\xe0@\xb5\xdf\x1f\xa5-\xa1\x9c1\x0b`EY\x19 \n\xc1\x15@\xce\x15=fL\x1f\x02\rAZ\xfe\x7f\x93~4lY\xd1\x18O\x92\x13\x94\x922\xdc6M\'\x01\x9d\x88\xbe\x88\x9dE\x1f\xff\xce\x9e=;\x18\x0cr\xa1[?G^q\xcdm\x81\x06\xbb\xb7~\x9e\x8d\x10\xd2li\xca\x9f2\xc7\x95\x90\x0c\x00\x92\x0b\x7f \xb0x\xcf\x9e\xa4(\x9c\x12j\x01\\\x14\x17\xb7\xf1\xe3\x8f\xf7\x1e=*\x85\xd0S?W\x16\x8d6\xe2\x0c\x9b\xb7~\x9e\x8d\x10\\5\x99\x99\xd9=\x1f\xba\xebJ\x05\xc89\xe3\x9c\x17\x17\x17\xfb|&gt;\x8a\x0c\xeb&lt;T\x00:\x85n\xfd\xdc\xb2e\xcb\xb6m\xdb\x0c\xc3P\xca\x92\x86\xa3\xe0\xce\xf9\xa0,\xdb\x8d\xfd9w\x9c[f \xa9G\x9f1\x93\n\x11\x11\x18\x13\x9c\xff\xa9\xbazGmmtM\tE\xc6\x9cR\x1emn^[Q\x11N|\x9ctC\xe6\xf8\xab\xfb)?\xb5~\x9e\x954\x04\xf8\x03\x85\xbf\x1a\x96\xd5/YY\xca0\xa4\xcf\xe7\xd3\xe7gt\x13\xd0I\xa8\x00t&lt;\xbdZ\xd1\x9d\x0c\x8c1\xc6\x05\x02\xfc`\xec\xcd\x97\x0e\xb9\xca\x9ec\x7f\xce\x9d\x902\xd8\xdc0\xec\xa6\xbbS\xfad\xe8=4S\xa9\x92\xdd\xbb\xa5\x10Qs\xf9g\xcc\x02Hq\xbb\x7f\xfb\xc1\x07G\x1a\x1a$\xe7\n\xd0\xe9\x90\x8bg\xe51\xa0\xb5\xffw\xe1\x9c\xa1\xa9&lt;\xbd\x12\x16&lt;0\x02\x90!~\xddAG\x1bA\x9d\x84.F\x1dOg~\xadX\xb1\xa2\xaa\xaa\xcap8\x94\x15r\'z\xc7\xfd\xa2\xc8li\xb4\xf1\xd8\x9fs\xc4\x11\x94\xc3\x15\xf7\xc3\xbb\x1ec\x0c\x15\xa2\xe4\xe2\xafG\x8f\xbe\xf2\xc9\'\xa9nwTdF\xea\xb1?\x95_~\xf9\xfc\x87\x1f\n\xce\xb9`\x00\xf8\xf0=C\x06\x0c\xe9\xa5\xec7\xf5\xf3|IC\xa8\x93\xadS\'\x0f.\xc8\xebmY`\x18B?CCG\xc1\x9d\x84\n@\x07\xd3\xeb\xd6\xea\xea\xeae\xcb\x96\t!\x10\x19"\x0e\xbf\xe9\xee\x94\x8b\xb3\xec&lt;\xf6\xe7\xdcq!\x83\xcd\rY\xa3n\xb8t\xc8U\x08\xc0\x84\xe0\x8c-\xdb\xbb\xf7xK\x8bS\xca\xc8\xbf\x06\xe8\xd4\x97\'v\xefn0M)\xb8\xa50\xbdG\xfc\xac\xfb\x86B\xb3Ig\xbf\xe7\x04\x99t\x88\x92_\xe7\n\xc1\x95R\x86!KKK\xbf\x0eP"\x1d\x8a\xbe\x91\x1dL\x9f\xfd.Z\xb4\xa8\xa1\xa1AJCY\xa1\x94&gt;\x19\xa3n}0\xd0\xe8\xb3M\xe2c\x07@PW\xdf\xbd@\x1a\x0e@\x90B|\xde\xd0\xb0\xee\xfd\xf7S"\xfe&amp;@\xb7~\xfe\xf9\xc8\x91\xb7kjt\xeb\'".\x9d=2\xb5o2R\xeb\xe7\xb9\xd1-\xa1\x05\xd7eL\xbbe\x80R\xa8[BOE\xa8\xd2}@G\xa3\x02\xd0\x91\xf4\xd9\xef\xf6\xed\xdb7n\xdc(\xa5a)\xc5\x18\xfb\xe1]\x8f9\xe2\x12\x11\xec\x92\xf8\xd8~\\\x08\xb3\xb5)}\xc0\xf0\x11?\xb9\x17\x01\x90\x0b\xc1\xf9\xf3\x07\x0e|p\xfcx\xa2\xc3\x11\xc9\xa7\xc1\x92\xf3f\xd3\\\xbcg\x0fgLHn)(\xc8\xeb=m\xea`u\xb2\xd5&gt;\x89\x8f\xed\xc7\xa5\xc0fs\xe9\xdc\xd1\xa9^\xb7\x15R\x86!\xab\xaa\xaaV\xacXA\'\x01\x1d\x8e\xbe\x94\x1dL)U\\\\\xac\x94\xd2\x89\x8f\x97\x0e\xb9*k\xd4\r\xc1\xa6z\x1a\xfbs^\x84\x90fkS\xee-3\xe2\xbd=\x00@p\xd1`\x9a\xab\xcb\xca\xe2"\xb8\x00X\x00^\xb7\xfb\x95O&gt;\xf9\xf0\xc4\t!\x04 J\xc1K~\x9d+\x0c\xc1"\xf4%G(\xc1\x19\xb4Z\xe9\x99\xde\xd9\xd3\xb3\x01\x911\x14B\xac\\\xb9\xb2\xae\xae\x8e:\x82:\x16\x15\x80\x0ecY\x96\x94r\xd3\xa6M\xdb\xb7o7\x0c\x87R\x96\x90\xf2\xea\xbb\x17 \xd0\xc6\xe5\xf9\xe3\xdc2\x03\xc9=\xfb\xe6\xdf\xfe0"\xe8\xcc\xc8\xd7\x0f\x1d*\xad\xa9\xf1\xba\xdd\x118 H\'&gt;~\xd1\xd0\xf0\xd4\xbe}\xe1\xd6\xcf;n\xee_p]\x86\xf2\x07\xa8\xf5\xf3|\t)\xc0\x17\x98\xf3@\xce\x80\xcb&lt;\xa1\x902\x0cy\xf2\xe4\xc9y\xf3\xe6\xd13\x01\x1d\x8b\n@\xc7\xd0S\x1f\x1a\x1a\x1a\x16.\\\xc8\xb9@\xc6\x10 \xfb\xda)\xbd\xfa\x0f5[\x9b\xa8\xf5\xf3\x02\x08i\x04\x9a\xfcW\\3)-#\x1b\x00\xb8\x10\nqEY\x99\x05\x10\x81WS\x9d\xf8\xf8\xcc\xfe\xfd_\xb6\xb4H\xc1\x15\xa0\'\xc9\xf9\xd8\xcc\\l\rq\xea\xfc9\x7f\xfa\xc1`g\xa2sqa.c\x0c@\xe9\xd5UEE\x05\x05\xc7w \xba0u\x0c\xdd\xfc\xb3l\xd9\xb2\xea\xeaj)%(\xcb\x95\xe0\xc9\x9f2\'\x14h\xa1\xd6\xcf\x0b\x86J9\xdc\t\x05\xd3\xe61D\x85L\n\xb1\xf7\xe8\xd1\x97&gt;\xfe85..\xa2N\x83\x011\xd1\xe9\xac8v\xec\xd9\xcaJ\xd16\xf5\xf3\xa1\xbb\xb2\xb3\x86\xa4\xa9\xa6\x10\xb5~^\x18ipU\x1f\x984i\xd0\xf8\x91\xbd-\x0b\xa4\xe4\xa6i\x16\x16\x16*\xa5\xe8&amp;\xa0\xa3P\x01\xe8\x00\xba\xf1_\x9fSI!\x01\x11\x11\xc7L\xfauR\x8f\x8b\xa9\xf5\xb3=\xb8\x94\xc1&amp;\x7fF\xce5\xfdG\xdd\x80\xa0\x18\xe7\x9c\xb3e{\xf7~\xd1\xd0\x10i\x03\x82$\xe7\x0bv\xee4\x95\x92\x82[\n2/I.\x</t>
        </is>
      </c>
    </row>
    <row r="93">
      <c r="A93" s="1" t="n">
        <v>91</v>
      </c>
      <c r="B93" t="inlineStr">
        <is>
          <t>triangle</t>
        </is>
      </c>
      <c r="C93" t="inlineStr">
        <is>
          <t>What is the missing number of the part denoted with a question mark?</t>
        </is>
      </c>
      <c r="D93" t="inlineStr">
        <is>
          <t>['6', '5', '1', '3']</t>
        </is>
      </c>
      <c r="E93" t="inlineStr">
        <is>
          <t>6</t>
        </is>
      </c>
      <c r="F93" t="inlineStr">
        <is>
          <t>There are three groups of numbers with a triangle arrangement in the image. The first group is [2, '?', 12], the second group is [3, 9, 27], and the third group is [8, 1, 8].</t>
        </is>
      </c>
      <c r="G93" t="inlineStr">
        <is>
          <t>We observe that the number 27 is the product of 9 and 3. Similarly, the number 8 is the product of 1 and 8. Hence, the pattern is that the rightmost number in each group is the product of the other two numbers.</t>
        </is>
      </c>
      <c r="H93" t="inlineStr">
        <is>
          <t>Based on the pattern that the rightmost number in each group is the product of the other two numbers, the missing number of the group [2, '?', 12] should be 6.</t>
        </is>
      </c>
      <c r="I93" t="inlineStr">
        <is>
          <t>b'\x89PNG\r\n\x1a\n\x00\x00\x00\rIHDR\x00\x00\x02\x00\x00\x00\x02\x00\x08\x02\x00\x00\x00{\x1aC\xad\x00\x00\xb8\x13IDATx\x9c\xec\x9dwx\x14\xd5\xd7\xc7\xcf\x9d\x99\xad\xc9\xb64z\t%\xb4\x84\x12\x08=\x94\xd0\x02\xa2\xa0\xd2\x11\xa5\xa3\x04\x95"M\x91&amp;H\x11\x0c\nX@\x9a\xd2D\x9a\x80B\xe8J\x13Ch\t%\x10Z\xa8\xe9\xdb\xeb\xcc\xdc\xf7\x8f+\xfb\xe6\'\xa8d\xd36\xc9\xfd&lt;&lt;\n\xb3\xb3\xb3w\xcb\x9c\xef\xb9\xe7\x9e{\x0e\xc2\x18\x03\x85B\xa1P\xca\x1eLq\x0f\x80B\xa1P(\xc5\x03\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W\xdc\x03\xa0\x14:\x18c\xf2_\xf2\x177\xe8)\xc54.\n\x85R\xcc\xa0\xbf\x19\x05J\xe9\x00c,\x8a"\xc6\x18!\xc4\xb2\xec\x0b\x9e\xc90\x0c\xd5\x03\n\xa5\xec@\x05\xa0T\x811\x16\x04\x81a\x18\x86\xf9\xff\xe0\x9e \x08&amp;\x93\xe9\xc9\x93\'\x8f\x1f?\x06@\x00\x7f}\xe3\xb5j\xd5R\xa9TZ\xad6\xf7\x15\x04A\x00\x00\xaa\x04\x14JY\x80\n@)A\x14EQ\x149\xee\xaf\x98^vv\xf6\xc5\x8b\x17O\x9c8\xf1\xc7\x1f\x7f&lt;x\xf0\xe0IZ\x9a\xd1ht:\x1c\xb9\x9f\xa2R\xab\xe52Y\xcd\x9a5+W\xae\xdc\xb6m\xdb\xd6\xad[7h\xd0@\xa9T\x92Gy\x9egY\x96\xca\x00\x85R\x8a\xa1\x02P\xe2!1\x1c\x12\xe71\x99L\xbbw\xef\xde\xb1s\xe7\x99\xd3g\xd2\xd3\xd3\xf2z\xa9\xe0\xe0\xe0\x8e\x1d;\x0e\x180 **\x8a\\\x90\xcc\'\xa8\x0cP(\xa5\x12*\x00%\x98\xdc\xa6?))i\xc3\x86\r\xdb~\xfa)\xf5\xde=\xf7\t*\xb5\xbaF\xedz\xe5*V\xaaU\xa7\x81\x8f\x8fo\x9d\xd0F\xa2\xc0\x93\xd5_\xde\xe5\xba\x9ax\xden\xb3%_\xb9\xf4\xe4\xd1\xc3{\xb7o:r\xcd\x0f\x1a7n&lt;x\xf0\xe0!C\x86\x94+W\x0e\x00\x04A\xf8\xf7\x85\x04\n\x85R\x12\xa1\x02PR\x11E\x91\x04\xfa\x1f&gt;|8s\xe6\xcc-[\xb6\xd8l6\xf2P\xc5\xcaU[FF\xb5\xef\x12]7\xb4I\xa5*\xd5er)\xc7\x81\x88A\xe0\xff\xe7\n\x9c\x04\x00\x03\xcf\x83\xc5lJ\xbd\x93\x92x!\xe1X\xdc\xdesgN\x18\xf49\xe4\x84\xf2\xe5+\xc4\xc4\x8c\x9d2e\x8aT*\x15E\x91\xa6\x0cQ(\xa5\x0c*\x00%\x12\x9e\xe79\x8es\xb9\\\xdf|\xf3\xcd\xa7\x9f~\xfa\xe4\xc9\x13\x00\x90J\xa5\x11m\xda\x0f\x1c\xfav\xd3\x96m\x83\xca\x07\x89"8\x1cN\xa7\xc3\xf1W\x92\x0f@n\xf3\x8d\x01\xdc\x07\x19\x96\x93\xc9d29\xc7\xf3\xf0\xe0\xde\xad\x93G\x0fn]\xff\xed\xb5\xa4K\xe4\xcc\xb0\xb0\xb0E\x8b\x16u\xef\xde\x1d\xe8T\x80B)]P\x01(y\x10\xeb\x7f\xf3\xe6\xcda\xc3\x86\x9d:u\x8a\x1c\xec\xf1j\xff\xd1\xefO\xa9S\xbf!\'\xe1\xac\x16\xab\xcb\xe5\x04x\xf1\xb4N,\x8a\x18c\x11\x01\x92\xca\xe5J\xa5\xccd\xb2&amp;\x9c\xf9\xfd\xcb\x85\xb3/%\x9c%g\x8c\x1c9\xf2\xf3\xcf?W\xa9T\xe4\xd5\x0b\xed\xcdQ(\x94\xa2\x83\n@I\x82l\xe6b\x18f\xdb\xb6m111\x99\x99\x99\x00\xd00\xbc\xf9\xfb\xd3\xe7\xb4\xe9\xd8\rcl\xb5\x98\xc9\t\x1e\xc7j0\xc6\xa2(0\x0c\xabR\xab,f\xf3\xde\xed[\x96/\x9a\x9d\xfe\xe4\x11\x00\x84\x87\x87\x7f\xf7\xddwM\x9a4\xa1\x1a@\xa1\x94\x0e\xa8\x00\x94\x18\xdc\xd6\x7f\xce\x9c9\xb3g\xcf&amp;\x07\xdf\x99\xf8\xd1\xdb\x13?R\xfa(\x0cz\x03\xd9\xc9UP/G\xa2=\x1a\xad\xef\xfd\xbb\xf7\xe6\x7f4\xf1\xe0\xde\x9d\x00\xe0\xe7\xe7\xf7\xf5\xd7_\xf7\xeb\xd7\x8fj\x00\x85R\n\xa0\x02P2p\'\xfc\x8c\x1e=z\xf5\xea\xd5\x00\x10X\xae\xfc\xbc\xd8\xd5]_\xee\xa9\xcf1\x17^h\x9e\xe7]\n\x85\x8fT*\xf9n\xf9\x92\xd8Og\xb8\x9cN\x00X\xb5j\xd5\xa8Q\xa3\xa8\x06P(%\x1d*\x00%\x00\xb2\xbf\x97\xe38\xb7\xf5\xaf\xdf0\xfc\xebM\xbb*V\xae\xaa\xcf\xd1\x17\xf6v-Q\x14\x01\xc0\xcf_}\xf2\xd8\xf1\x987_3\xeas\x80j\x00\x85R*\xa0\x02P\x02 v\xf6\xed\xb7\xdf\xfe\xf6\xdbo\x01\xa0~\xc3\xf0\xb5\xdb\xf7k\xb4~f\xb3\x89\xe3$E3\x06\x97\xcb\x15\x10\xa8\xfb\xf3\xd4\xa9\xd1\x03z\x1a\rz\x00X\xbf~\xfd[o\xbdE5\x80B)\xb9P\x01\xf0v\x88\x85]\xb5j\xd5\x981c\xe0\xa9\xf5Wi\xb46\x8b\x95-Z\xcb\xcb\xbb\\\xba\x00\xdd\xb9\xd3\x7fi\x80\x8f\x8f\xcf\xf1\xe3\xc7\x9b5k\xe6\xde\x91@\xa1PJ\x16T\x00\xbc\x1ab[\xcf\x9e=\xdb\xbaukQ\x14k\xd7m\xf0\xc3\x9e\xa3*\x8d\xd6f\xb5\x15K&gt;&gt;\xefr\xf9\x05\xe8\xfe&lt;ujD\xdfnV\x8b%8\xb8FB\xc29RN\x8e\xee\x11\xa3PJ\x1c\xd4q\xf3^\x886gee\r\x1a4\x08c\xacT\xfa,\\\xb9\xde/ \xc0j\xb1\x16\xd7n,N"\xc9\xca\xcci\xd5\xbe\xcd\x94\xd9\x9f\x01\xc0\x9d;\xb7G\x8f\x1eM\x16\xa8\x8be&lt;\x14\n%?P\x01\xf0^\x88\xfb?i\xd2\xa4\xdb\xb7oc\x8c\'\xcf\xf9,\xbcy3}\x8e\xa1xc\xee\x12\x89$3M?d\xf4;\xaf\xf4}\x03\x00\xb6o\xdf\xfe\xc3\x0f?\xb0,K\xeaHS(\x94\x12\x04\r\x01y)$\xb3\xf3\xc4\x89\x13\x1d;v\x14\x04\xa1k\xcf\xd7\xbe\xd9\xbc#;S_\xc4q\xff\xe7\x821fY\xd6\xe5t\xbe\x16\xd5\xf4A\xea\xdd\xa0\xa0\xa0\xabW\xafj4\x1aZ,\x88B)Y\xd0\x19\x807B\xfas9\x1c\x8e\t\x13&amp;\x08\x82\xa0\xf5\xf3\xffp~\xac\xc5bG\xde\xb1\xd6\x8a\x10r9\x9d\x1a\x9dv\xda\xbcXQ\x14\x9f&lt;y2s\xe6L\x86ah \x88B)Yx\x85A\xa1\xfc\r\x12\xfc\xd9\xbaukBB\x02\x00\x0c\x1e\x11S\xadFU\xbb\xcd\x9e\x9fd\x1b,\x8aB.DQ\x84|L\xfeX\x8e3\xea\x8d\x9d\xba\xf7l\xd5\xae\x13\x00|\xfb\xed\xb7\xd7\xaf_\xa7\x1a@\xa1\x94,h\x08\xc8\x1b!;\xbf\x1a5jt\xfd\xfa\xf5\xe0\xdau\xb6\x1f\xfa\x13\x10\x80\x88!\xef\x01\x16wm\x1f\x99\\.\x95J\xc8\x050\x06\x9e\x17\x1cv;\xcf\xbb\x18\xc6\xc3}d\xa2(*\x95\xca\xe4\xabI\x03{\xb4\xb5Y-#G\x8e\\\xbdz5-\x17J\xa1\x94 \x8a?\xa0L\xf9\x1b\xee\xe8\xff\xf5\xeb\xd7EQ\xec\xd5w\x88V\xe7\x9b\x99\xa1\xf7`\xedW\x10\x04\xa9T\xea\xe3\xab\xb2Z\xecwn&amp;\xdf\xbbs+\'+C\x14\x05\xb5FW\xb9Zpp\xad::?\xad\xc9h!m\xbf\xf2zq\x86a,\x16Kh\xe3\xc6\x11\xad#\x7f?|`\xcf\x9e=\x0b\x16,\xf0\xf7\xf7\'\xf1\xab\xbc^\x8dB\xa1\x14=T\x00\xbc\x94\xef\xbe\xfbN\x14E\xff\xc0\xa0\x97\xfb\x0c6\x9b\xec\x1e\xb8\xd5\xa2(ju\x9a\xf4\'\xe9\x9b\xd6|\xb5\x7f\xf7\xb6\xebW.;\x1dv\xf7\xa3\x0c\xc3T\xaf\x19\xd2\xab\xff\x907F\xc4\xc8\x95J\xbb\xcd\xe6\x81\x06 \x00Q\x10\x07\r\x8f9y\xf4Pzz\xfa\xae]\xbbh}\x08\n\xa5\x04AC@\xde\x05q\x9f\x1f?~\\\xb7n]\xa3\xd1\xd8\xab\xdf\x90\xd8\xef\xbe\xcf\xca\xcc\xb3\xfb\x8f\x10\xf2\xf1\xf5\xd9\xbd\xf5\x87e\x0bf&gt;L\xbd\xfb\xdc\x13\xc8W\x1f\xda\xb8\xe9\x17k\xb7\x95\xafT\xd9\xd35\x06\xc4 \xf4jT\xf8\x9d\x94\x1b-Z\xb4 \xfd\t\xe8\xc6`\n\xa5D@oT\xef\x82d\xd3\x1f&lt;x\xd0h4\x02@\xa7\xee\xaf\x08B\x9e#*\x18c\x96e\xa6\xc6\x0c\x9b\xfc\xce\x9b\x0fS\xef\x92\xa7K$\xd2\xba\xa1\x8d";E\xb7\xeb\xdc\xbdV\x9d\xfa\xc4\xfaK\xa4\xd2\xa4\x8b\t1o\xbef\xb7\xd9X\x96\xf5\xc0\x1b\xe0y\x97J\xa3\x8c\xec\xd4\x1dc|\xf1\xe2\xc5\x94\x94\x14\xba\x14L\xa1\x94\x14\xa8\x00x\x17\xc4X\xff\xf6\xdbo\x00P\xbeb\xe5f\xad\xda\xd9\xacyv\xcc1\xc6\x9cD\xa2Ri\xc9?\x95&gt;\xbec\xc6O\xdbu&lt;\xe1\xc7\xb83\xdfm\xdb\xbf\xfa\xc7_w\x1c\x89\xffv\xcb\xde\n\x95\xaa\xb8\x9cN\xa9Tv=\xe9\xd2\xe65_\xab\xd4&gt;\xa2\x98\xe7\xcd\\\x0cB.\x97\xd8)\xfa\x15\x96e\xedv\xfb\xe9\xd3g\xe0i\x01Q\n\x85\xe2\xe5P\x01\xf0.\x18\x86q\xb9\\g\xcf\x9e\x05\x80\x06\x8d\x9a\x06\x96\x0br:\x9dy\x9d\x01 \x84\xecv\xfb\xcc\xc5\xb1Q\xd1\xaf\x84\xb7h\xb3\xe3\xc8\x9fS?Y\x10\\\xab\x8e(\x08f\x93\xc1l4\xf0&lt;\x1f\xdd\xab\xe7\xe7\xab7Ke2A\xe0\x11B\xbf\xee\xfe\xd1j\xf1d\xa5\x011\x8c\xddf\xaf\xd3\xa0aP\x85\x8a\x00\xf0\xfb\xef\xbf\x03\xad\x0bD\xa1\x94\x10\xa8\x00x\x11\xa2("\x84RRRn\xdd\xba\r\x00\xcdZE\xb2,x\x90\xad\x8f\x10\xc2"\xb6\x98\xad\x0bW\xae\xfbn\xdb\xfe\xea5C\xb22\xf4\x0e\x9b\r\x00\x18\x86eX\x96a\x98\xb4\xc79\xcdZ\xb5m\xd6\xb2\xad \x08\x18\xe3\xfbwog\xa4=\xe1$\xd2\xbcF\x81\x10B.\x97K\xe7\xef\x1f\xd68\x02\x00\xfe\xf8\xe3\x8c\xdd\x9e\xaf\xfd\n\x14\n\xa5\xc8\xa07\xaa\x17A\x8c\xef\xdd\xbbw\x1d\x0e;\x00\xd4\x0c\xa9\xc7\xf3\x1ez\xd3\x08!\x9e\x17\xa4R\x19B\xc8b6s\x1c\xf7\xb7]\xc4\x0c\x83\x10\xc2\xd5j\x86\x00\x00\xc30N\x87\xc3j13\x0c\xe3\x81\xde`\x8c%\x12\xa8Q\xbb.\x00&lt;~\xfc\xc4h4\xbaW\x98)\x14\x8a7C\x05\xc0\x8b F\xf3\xe2\xc5K\x00\xa0\xd6h\xaaT\xaf\xe1\xca{\xfc\xc7\rBH\x14E\xd2F\xf8\x9fN\xe1].\xf2\xba,\xc7\xc9\xe4r\xec\xd1^3\x06!\x9e\x87\xda\xf5B\x01\xc0h4$\'\'\x03]\x06\xa0PJ\x024_\xdb\xeb\xb0X,\x00\xc0\xb2\x9c\xaf\xafJ\x14E\x0f,\xb2\x9b\x7f\x11\x0f\x84\x18\x97KL\xbd\x93\x02\x00\x18\xe3\x80\xa0\xf2:\xff@\x9ewy\xf6b\x18\x83Z\xa3\x05\x00Q\x14m6\x9bg\xa3\xa5P(E\x0c\x9d\x01x\x11\xc4UOH8\x07\x00U\xaa\xd7\xd0\xe8\xfcy\x9e/\x8c\x05U\x8cE\x99Lv\xff\xee\xad\xc4\x0b\xe7\xc8\x8b6\x89h\xa5\xf5\xd3\xf0\xbc\xcb\x03\xbd!\xb5\xe1*W\rV\xa95\x00\x10\x1f\x7f\x0e\x9e\xcef(\x14\x8a7C\x05\xc0\xebp\xb9\\\x00\xe0\xabR\xcb\xe4\xf2B\n\xa4\x08\xbc\xe0\xa3\x92m\\\xbd\xc2j13,\x0b\x00\xaf\x0e|K\xe0E\x0f\xc5\x06!Q\x14Uj\xb5T*\x85\xa7\xe3\xa7P(\xde\x0f\x15\x00\xaf\x83XaQ\x10\n\xc9\x89\xe6y^\xe3\xa7;u\xec\xf7-\xeb\xbe\xe18\t\xefru\xea\xfeJ\x9b\x0e\x9d\xccF3\xc3x^\xc7\xcd=`\x9a\x03J\xa1\x94\x14\xe8\x1a\x80\xd7A\x0ch!\x05PDAP*\x95i\x8f\x1eN\x1f7\x94\xe7]\x08!\x8d\xceo\xda\'K\x9dN\'\xe4\xcfn\xbb\x07L\x05\x80B))\xd0\x19\x80\xd7\xc1\xf3&lt;\x00p\x1c\xc70\x05lIEQ\x94H\xa5\x0e\x87}\xdc[}\xee\xdf\xbb\xc3r\x12Q\x14\xe7-[]\xbdf-\xcf\x8a\xc1\xb9\xc1\x18s\x1c\x87\x10\x03O\xc7O\xa1P\xbc\x1f*\x00^\x04\t\xa1\xf8\xfb\xfb\x03@\xda\xe3GF\x83\xc1\xb3\xfa&lt;\xcfE\x14E\x8e\xe3\x10\x82\xf7\x86\xf6\xbdt\xee\x0f\xa9L\xc6\xbb\x9c\x1f\xce\x8f}\xe9\xd5\xd7\x0c9z\x96\xf5|.\x881\x96H$O\x1e?\xb4Z\xcd\xee\xf1S(\x14\xef\x87\n\x80\x17Al}\x83\x06\xa1\x00\x90\x99\xfe\xc4f1\x17Ts\x15b\xfd9\x8e\x1b?r\xe0\xc9c\x07\xa52\x99\xd3\xe1\x187e\xf6\x88w\xc7gg\x19\xf2\xdbg\x18c\x96\xe3\xb223lV+\x004l\x18\x064\x10D\xa1\x94\x04\xa8\x00x\x1d:\x9d\x16\x00\x9c\x0eGfF\x1a\xcbq\xf9i\xdcH\x10E\x91eY\x89\x84\x9b0j\xd0\x91_\x7f&amp;\xd6\xff\xed\x89\x1fM\xf8h\x96&gt;\xdb\xc0\xe6\xbbl\x03\x06`\x18H{x\x1f\x00\xa4R\xa9\xaf\xaf/P\x01\xa0PJ\x02T\x00\xbc\x08b4\x1b5j\x04\x00V\xab\xe5\xe1\xfdT\x89\x84\xcbg\x08\x88X\x7f\xa9L:q\xf4\x90\x83{w\x10\xeb\x1f3y\xe6\xe4Y\xf3\xf49F\x84\x98\xfcl4#`\x8cY\x16\xee\xde\xba\x01\x00*\x95\xbav\xed\xda@\x05\x80B)\tP\x01\xf0"\x88\xd1\x0c\x0e\x0eV\xa9\xd4\x00p\xf5R\x02\xcb\x82\x98\x0f\x01\xc0\xa2\xc8\xb2\x8cL.\x9b\xfc\xf6\x9b\x07~\xdeF\xac\xff{\xd3\xe6L\xfax\x8e&gt;\xc7\x88\x10*\x103\xcd0\x8c\xdd.\\M\xbc\x08\x005j\x04\xfb\xf8\xf8\xd0\xae\x90\x14J\x89\x80\n\x80\x17\xc10\x0c\xc6\xb8J\x95*\xf5\xea\xd5\x03\x80\xf3\x7f\x9er:\xff\xa5\x92\xcf\x7f\x80E\x11\xb1\x8c\\\xae\x98\xf2\xce\xd0_vn%\xd6\x7f\xc2G\xf3\xc6\x7f83\'\xdbPP\xd6\x1fc,\x95J3\xd3\x9e$_\xb9\x0c\x00m\xdb\xb6\x95H$\xa4\xad\r\x85B\xf1r\xa8\x00x\x17\xa4?{\xabV\xad\x00\xe0Z\xe2\xc5\x07\xf7\xee\xc8dr\x0f\xa2@\x18c\xc40\n\x85rj\xcc\xb0\xbd\xdb7q\x1c\xe7t8&amp;|4?f\xf2G\x99\x19\xd9\x18\x03\xc6X|\x06\x0f\x06,\x8a\xa2\\!\xbbx\xee\x8f\x9c\xecL\x00\x88\x8cl\x074\xfeC\xa1\x94\x10\xa8\x00x\x17\xc4tv\xee\xdc\t\x00\x0c\xfa\x9cS\xc7\x0f)\x94R1\x8f\x0e5\xc6\x98eY\xa5\x8fr\xfa\xb8\x11?o\xfbA"\x952,;\xeb\xb3\x95S\xe7~\xe8p\xf0j\x8d\xceW\xa5\xf6\xf1U=\xfb\xc7\xc3\xd2\xd3\x0c:\xfc\xcbn\x8c\xb1F\xa3i\xd1\xa29\x14kO`\xfc\x0c\xc55\x12\n\xc5\xfb\xa1;\x81\xbd\x0bb:\xdb\xb7o_\xa9R\xe5G\x8f\x1e\x1e=\xf0\xf3\xe0\x11c&lt;*\xd0\x06\x1f\xbe7j\xd7\xd6\xf5R\xa9\xcc\xe9t\xf4|}`\xd3\x96m\x0e\xec9\xf2\x0fy\xa5\x08\x003\x0cS\xbbn\xa8T&amp;{q\xa3I\xe2?Y\xe9YgN\x1eE\x08\xb5k\xd7\xaeb\xc5\x8a\xa2(\x16\xa5\x00\x90\x92\xd7d\xd5\x01!\xf4\xecK\xbbO\x00\x00\x86a\n*\xf6E\xa1\x94\x02\xa8\x00x\x17\x08!\x9e\xe7U*\xd5\x80\x01\xfd\x97.]\xfa\xe7\xa9\xdf/\'$\xd4\rmh{\xe1\x9d\xba\x82 \xa85\x9a\xc3\xfb\x7f\xde\xb1i-\'\x91\xb8\\N\x84P\xdc\x9e\x1d\xfbvl\xf9\xf7\'r\x12n\xcf\xef\x97\xab\x05\xd7r8ldO\xef\x7f"\n\x82R\xa3\xda\xb5uC\xfa\xe3G\x000z\xf4h(\xaa:\xa0\xa4\x91\x19\xcb\xb2\x7f\xfbXl6\x9b\xddn\xff\xab\x9c\x06\xc6\x0c\xc3h4\x9ag\x9f\x0bO\xc5\xa0\x08\x86J\xa1x-T\x00\xbc\x0eb\xd1\x86\r\x1b\xf6\xe5\x97\xcbmV\xcb\xee\x1f\xbf\x9f\xdb\xf2\x0b\x8b\xd9\xf2\xe2n5B\xe0t8\x00\x80\x7fZ\x98\xd3\xe5r\xbe\xc8\xf3\xf2:T\xc40&lt;/n\xdf\xb8\x06!T\xb3f\xcdN\x9d:\xfdk\xff\x99\x02\x80,]0\x0c\xe3\x9e\xca\xdc\xbf\x7f\xff\xdc\xb9s\x89\x89\x89\x97/_6\x18\x0c\xb7n\xdd2\x99\xcc\x08\x01\x06\x00\x0c,\xc7\xd6\xafWO.\x977k\xd6\xacF\x8d\x9a-Z4\xaf]\xbb6\xf7t\xe3\x9b \x08\xcf\x9d4P(e\x04*\x00^\x07\xc30\xa2(6h\xd0 2\xb2\xed\xb1c\xc7~\xd9\xf5\xe3\xd0w&amp;\x04\x96+\xefr\xb9^\xd0c\xc5\x18Ke2\x95F\xcb V\xc4\x02\xfc\x97i\'\x1d\x1c\xa52y\x9eL\xa1 \x08j\x8d\xfa\xf0/{\xae^\xbe\x801\x1e2d\x88B\xa1\xe0y\x9e\xcb\xe7\xbe\xe2\x7f\x80\x98~\x96e\x89\xe9?}\xfa\xf4\xae]\xbbN\x9e&lt;y\xf5\xeaU\xa3\xd1\xf8/OL{\xf2\x04\x00\xf6\xef\xdf\x0f\x002\x99\xacv\xed\x90\x88\x88f\xbdz\xf5\x8a\x8e\x8e\x96\xc9d@e\x80R\x86\xa1\xbd[\xbd\x11A\x10X\x96=~\xfcx\xc7\x8e\x1d\x01\xe0\x95\xbe\x83\xbfX\xbb13C\xff\x82\xb6\x15!\xe4r9m\x16K\xde^\x15!\x1f_U\x9e\xec \xc30\xbd;4\xb9\x93r#   )))00\xb0\x90"\xec\xe4\x03\x01\x80\xb4\xb4\xb4={\xf6l\xf8\xfe\xfbS\'O\xe6&gt;A\xab\xf3\x0b*_1\xb0\\\xf9\x80\xa0\nU\xab\x07\xbb\\&lt;\x00\xb0\x1c\xa7\xcf\xc9\xbas3\xd9l2&gt;H\xbd\x93\x9d\x99\x91\xfb)\xf5\x1b4\xe8\xd7\xb7o\xff\xfe\xfd\xeb\xd6\xad\x0b\x00&lt;\xcf\xb3,K\x83B\x942\x05\x15\x00/\x85\x98\xbc~\xfd\xfa\xfd\xf4\xd3OR\x99l\xc3\xae\xa3\xe1\xcd[\x98L/Z\x1d\x08!\xc4\xb2,\xceKX\x07\x03\x08/\\\xc8\x93w\xb9\xfc\x83t\xdf\xc6.]4\xf3\x03\x84\xd0\x92%K&amp;N\x9cH\x96[\x0b\xaa~\xd1_\xa3\xc2\x98\x84\x95\x0c\x06Cll\xec\xaaU\xab\x1e?~L\x1e\x92\xcad\xa1\x8d\x9b\xb6\x8c\x8cj\xdc\xacUH\xbdP\xb5F\xeb\xabV#\x04\x9c\x040\xfe\xeb\x8d\x8b"\x08&lt;\xd8\xedv\x83&gt;\xfb\xfe\xdd\xdb\x97\xcf\x9f\x8d?\xfd\xfb\xb93\'\x0c\xfa\x1cr\x11\xa5R9`\xc0\x80\xa9S\xa7\x86\x84\x84\x00@\x11\xaf`S(\xc5\x0b\x15\x00/E\x14E\x84\xd0\x9d;w\x9a4ib4\x1a\xeb\x856\xfe\xe9\xd0i\x97Kx\xf1M\xb6\x1e|\xb3/xeQ\x10\x14&gt;&gt;wSn\xf6\xed\xda\xdcf\xb5\x8a\xa2X\xb7n\xdd\xc9\x93\'\xbf\xf9\xe6\x9b\x1c\xc7\x91\xfd\x04\x05bF\xdd\x8e\xff\xd6\xad[\xe7\xcc\x99s\xfd\xfaur\xbcN\xfd\xb0W\xfa\rn\xd3\xa1[\xedz\xf5\x15J)\xef\x02\x87\xdd!\x08\xbc\xc0\xf3\xf8\x7f\xdf8B\x80\x10b\x10\xc3J$R\xa9T*ex\x17\xa4\xdeM9{\xf2\xb7_w\xffx\xea\xd8!r\x9a\xce\xcfo\xe2\x84\tS\xa6L\x91J\xa5\xee\x17\xa5PJ=T\x00\xbc\x17b\x89\x16,X\xf0\xe1\x87\x1f\x02\xc0\xa0\xe1c\xe7\x7f\xb123=\x87\x93H\x8aqT\x18c\x04\xc0I\xb8\x81/\xb5K\xbap\x8e\xe4\xd2\x90\xbc\x9aV\xadZ\xcd\x993\xa7K\x97.P\x10\x11\x15\xb2\x9c\xf0\xe8\xd1\xa3\x91#G\x92\x08&gt;\x00\xb4j\x175x\xe4\xb8\x96\x91Q\xfe\x01\x1a\x9b\x95\xb7\xdbm\x82 0\x08!\xd2&lt;\xe1\x9f_\xee\xafM\x01\xa2\x88\x10\x92\xc9\xe5\n\x1f\x99\xc3\xc6_\x88?\xb5}\xd3\xba\xdd[7\x90\x9b 44\xf4\x9bo\xbei\xd3\xa6\rQ_\x1a\x0e\xa2\x94z\xa8\x00x5d}2::\xfa\xd0\xa1C\x00\xb0\xe4\x9b\x8d}\x87\x0cN{\x9c-\x91J\x8bkH&lt;\xef*W^7m\\\xcc\xe6\xb5_\x01\xc0\'\x9f|\xd2\xa3G\x8fi\xd3\xa6\x91\x11\x02\xc0\xa0A\x83\xa6O\x9f\x1e\x1a\x1a\nO\x8dx^_\xc2\x1d\xf6\x89\x8b\x8b\x1b&gt;b\xc4\xa3\x87\x0f\x01 \xb8V\xc8\x88q\x1f\xbc:\xf0-\x99Lj2Zx\xde\xc50\x8cg\xf3\x0c\x8c\xb1(\x08\x88a|}U\x9c\x04\x1d?\x14\xb7\xfa\x8bE\x7f\x9c8\x06\x00R\x99l\xd1\xc2\x85\xe3\xc7\x8f\x07\x1a\x0e\xa2\x94\x01\xa8\x00x5\xc4\x06\xa5\xa5\xa55l\xd8(==M\xa3\xd5}\xbbeo\xb3\xd6mr2\x8bg\x1e\xc0\xf3|`\x90v\xcd\xca\x15\xf3\xa6\xbd\x8b1t\xee\xdc\xf9\xe0\xc1\x83\xc4S\xde\xbau\xeb\x82\x05\x0b._\xbe\x0c\x00J\xa5r\xd2\xa4I\x93&amp;M\xd2h4y]\x18p[\xffe\xcb\x96M\x980\x81\x1c\x1c4|\xec\xf8\x0f\xe7\x04\x04\x05\xe4d\x1b1\x16Y\x96\xf5 i\xf5YDQ\xc0"Vk\xb5\x82\xc0\xff\xb0j\xc5\x97\x0bg\x99MF\x00\x18&gt;|\xf8\xb2e\xcbT*\x15\xd5\x00J\xe9\x86\n\x80\xb7C\x02Ag\xce\x9ci\xdb\xb6\xad(\x8aj\x8dv\xd5\xd6}\xcdZ\xb7\xc9\xce\xcc\x91\x14\xa5\x06`\xcc\xf3|`9\xdd\xda\x95+\xe7N\x1d\x07\x00\xc1\xc1\xc1\xf1\xf1\xf1~~~$`\xc20\x8c\xd3\xe9\\\xbcx\xf1W_}E\xd6i\xeb\xd5\xab7y\xf2\xe4a\xc3\x86\xc1\x0b\xa7Z\xbas=G\x8f\x1e\xbdz\xf5j\x00\xd0\xe8\xfcf.\xfa\xf2\xb5\x81\x83\x8d\x06\xab\xd3\xe9,\x8c\x1cS26\xff\x00u\xc2\xd9\xf8\x8f\xde\x1fu=\xe9\x12\x004o\xde\xfc\xc0\x81\x03:\x9d\x8ej\x00\xa5\x14C\x05\xa0\x04@4`\xf5\xea\xd5d\xab-\xd1\x80\x16\x91m2\xd2\x8aH\x03DQ\x04\x8c\x03\xcbi\xbe[\xfe\x97\xf5\xf7\xf3\xf3\x8b\x8b\x8bk\xd6\xac\x99\xdb&gt;\xba\xd7N\x1f=z\xf4\xf1\xc7\x1f\xaf_\xbf\x9e\xac\x06w\xe9\xd2e\xea\xd4\xa9\x9d:u\x82\xffZ\x18p\xfb\xfen\xeb_\xbfa\xf8\xe7\xab6\xd6\xaeW/;K_\xd89\x9a\xbc\xcb\xa5\xd2h,f\xe3\xdc)\xef\xfd\xbc\xed\x07\x00\x88\x88\x88\x88\x8b\x8b\xa3\x1a@)\xc5P\x01(\x19\x90`\xba[\x034Z\xdd\xe2\xaf\xbf\xef\xda\xb3gN\xb6\tc\x91a\n1k\x85\xe7y\xb9\\.\x93\xcbV\x7f\xf1\xd9gs\xa6\x02\x80\x9f\x9f\xdf\x81\x03\x07"""\xfe\x960\x831\x16\x04\x818\xe9G\x8e\x1cY\xb4h\x11Y\x18`\x18f\xe8\xd0\xa1\xeeT\xcb\x7fJ\xb3!\xc7s[\xff\xb5\xdb\xf7\xeb\xfc\x03\x8czC\xd1\xc4\xbb\x04\x81\x97Je\n\xa5b\xca\xd8a\xbb\xb6\xac\x87\xa7\x1a\xa0\xd5j\x81\x968\xa5\x94F\xa8\x00\x94\x18\xfe\xa6\x01\x00\xf0\xce\xc4\x8f\xde\x9b6\x07\x03\xb6\x98L,\xc7\x15\xb8\x85\x12EQ\x14\x05\x9d\x9f.\xfd\xc9\x93\xd9\x1f\xc4\x1c\xdc\xb7\x13\x00\xfc\xfd\xfd\xf7\xef\xdf\x1f\x11\x11\xf1O\x0b\xbc\xee0\x0e\x00\xac[\xb7\xee\xb3\xcf&gt;\xbbv\xed\x1ay\xe2\xbb\xef\xbe;~\xfcx\xb20\x00\xff\x9b*J\xae\xe6\x8e\xfb\x13\xeb\xaf\xd2h\xad\x16k!m-~.\xa2(2\x0c\xf2\xf1\xf5\x9d\x1a3\x9ch@\x9f&gt;}~\xfa\xe9\xa7\xc2\xdb\xe1L\xa1\x14#T\x00J\x12\xc4\x0c\xc5\xc5\xc5\xbd\xf1\xc6\x1b\x99\x99\x99\x00\xd0\xba}\xe7\x8f&gt;]\xd6\xa0Q\x03\x83\xde\xeat:\x0b*N\x82EQ\x10E\xa5\xd2G\xa1\x94\x1c\xfeu\xdf\xfc\x0f\'\xdc\xbb\x9d\x02\x00\xcd\x9b7\xdf\xb8qc\xed\xda\xb5\xff3Y\xde\x1d\xf47\x18\x0c\xcb\x96-[\xbe|yVV\x16\x00\xd4\xabWo\xe6\xcc\x99\x03\x06\x0c\x80\xa7\xcd\x0fH\x16)\xcb\xb2\x87\x0e\x1d\xea\xda\xb5+\x00\xd4\x0fk\xb2v\xc7\x01\x95Fk\xb3\xda\x8a&gt;%\x1f\x8b"b\x90\xaf\xafj\xca\xd8\xa1\xbb\xb6n\x00\x80\xd9\xb3g\xcf\x9a5\x8bj\x00\xa5\xf4A\x05\xa0\x84Al\xe5\xcd\x9b7\x87\r\x1bv\xea\xd4)\x00\xd0huo\x8c\x1a\xf7\xc6\xc8w\xcbW\x0c4\x19\xed\x0e\x87=_\xf9\x91\xa2\x08\x00\n\xa5\xd2\xc7Gr\xe5R\xe2w\xcb\x97\xfe\xbc\xed\x07rp\xe4\xc8\x91K\x97.U\xab\xd5/\xbeU\xca}\xe6\x8d\x1b7\x16/^\xbcn\xdd:r\xa9\xae]\xbb\xce\x9d;\xb7E\x8b\x16\x00\xe0r\xb9X\x96MOOo\xdc\xb8IZ\xda\x13\xb5V\xb7\xed\xc0\xe9\xe0Z!F\xa3\xb1\xb8\x0c.\x99\xc1H$\x92\x01\xdd\xdb$^8\x87\x10\x8a\x8b\x8b\xeb\xd2\xa5\x0b\xdd#F)eP\x01(y\x103\xe4r\xb9\xa6L\x99\xf2\xf5\xd7_;\x1c\x0e\x00\x08\xaeUg\xd8\xd8\xf1\xed\xbb\xf4\xa8R\xbd\xaa\xd3\x81mV\x8b\xc0\xf3\xf04\xf1\xe6_\xa6\x05O\xfb\xa6\x88\x00 \x91\xc8\x94&gt;\n\x84\xe0ZRR\xdc\xcf?\xfd\xb0z9)\x99P\xae\\\xb9y\xf3\xe6\x8d\x1c9\x12\xf2\x9e\x1d\xff\xb7\x85\x81\x8f?\xfe\xf8\xcc\x993\x00 \x97\xcb\x07\r\x1a4w\xee\xdcJ\x95*\x01@ttt\\\\\x1cB\xe8\xb3\xaf\x7fxu\xd0\xe0\xac\x8c\xa2\xcdqz\x06A\x10\x94J\xe5\xbd\xdb)\x03\xba\xb71\xe8s\xca\x95+\x7f\xed\xdaU\x8dFC7\x88QJ\x13T\x00J$n+|\xf6\xec\xd9\x193f\x1c&gt;|\x98\x1c\x0f*_\xa1\xe7\xeb\x83:v\xeb\x19\xda\xb8\x99F\xeb+\x08\xe0p8\x05\x9e\xe7y\x1e0\xce\xdd_\x1e\x01 \x06!@\x9cD\xc2I$R\x19\x87\x00\xd2\x9e\xa4\x9f\xff\xe3\xc4\xa1_v\x1f\xdc\xbb\xd3f\xb3\x02\x00Bh\xd8\xb0a\x9f|\xf2\t\xe9\xf4\xe2\xb1\xf9#-\'9\x8e\xe3y\xfe\x87\x1f~\x985k\xd6\xfd\xfb\xf7\x01\xa0|\xf9\xf2S\xa7N\r\x0c\x0c|\xe3\x8d7\x00\xa0\xdf\x9b\xa3\x16}\xb5*3\xfdE\xcb\xde\x15*\xbc\x8b\xf7\x0f\xd4\xfe\xf4\xc3\xf7Sc\xde\x02\x80q\xe3\xc6-_\xbe\x9cN\x02(\xa5\t*\x00%\x95\xdck\xadk\xd7\xae]\xb6lYbb\xa2\xfb\xd1\x90z\xa1\xad\xdaE5n\xde\xbaAX\xb8F\xe7\xa7\xf5\xf3G\x08r\xbb\xd4\x18\x83\xcb\x05\x82\xc0\xe7ded\xa6?I\xbax\xee\xfc\xd93\x7f\x9c8\xfa\xf0\xfe=\xf79]\xbbv\x9d2e\n\xc9\xe0,\x10\xc3\xe7\xbeHzz\xfa\x8a\x15+\x96.]j\xb5\xfe%3\x08\xa1JU\xab\xef8\x12/\x93\xc9\xc9\xfaA&gt;_\xab@\x10\x04A\xab\xd3\x8c}\xe3\xf5\x83\xfbvJ$\x923g\xce4m\xda\x94f\x85RJ\rT\x00J6n\xaf\xdc\xe9t\x1e8p`\xed\xbau\x87\x0e\x1e$V\x95\xe0\xabR\xeb\xfc\xfc\xabT\xaf\xa1\xf4\xf1\xad\xd3\xa0\xa1 \x08\x80\x01\x10\xf0.\xfez\xd2E\x87\xc3~\xef\xd6\r\xbd&gt;\x874\x90!T\xa8X\xb1g\xcf\x9eC\xdfz\xabu\xeb\xd6\x90k\xa9\xb6@\x06\x9c;"\x94\x94\x94\xb4h\xd1\xa2]\xbbv9\x9cN\xde\xe5\xfa\xe4\xf3U\x83G\x8e\xca\xca,\n\xf7\xff\x05k\xea\x89\xa2\xa8T*n^\xbf\xda\xa7s\x0b\xa7\xd3\xd1\xbe}\x87\xe3\xc7\x8fQ\x01\xa0\x94\x1a\xa8\x00\x94\x06r\xbb\xe7\xc9\xc9\xc9{\xf7\xed;\x18\x17w\xe9\xd2\xa5\xf4\xf4\xf4\x17\xbfHpppxxx\xcf\x9e={\xf4\xe8\x11\x14\x14\x04\xff;\xc9(X0\xc6&lt;\xcfK$\x12\xb3\xd9\\\xb3f\xcd\x8c\xcc\xcc\x88\x96\x91\xebw\x1d\xb4\xd9\xec/h[IL\t\x00\x10\x02\x96}!\xc1\x10ERK\x95!zF*\x02a\xc0\x0cb\xd0?\xbf(\xcf\xf3~\xfe\xda\x853\xa6\xae^\xbe\x18!t\xf4\xe8\xd1\x0e\x1d:\xd0@\x10\xa5t@\x05\xa0\x94@\x8cu\xeer\x0b\xd9\xd9\xd9\x17.\\\xf8\xe3\xec\xd9[)\xb7\xee\xdf\xbf\x9f\x96\xf6\xe4\xf1\xe3\'\x08\x81\xc9d\xe6y\x9e\xe3\xd8\xc6\x8d\x1b\xfb\xaaTa\xa1\xa1\xd5\xaaUk\xdd\xbau\x83\x06\r\x94J%yn\x114\xc9\xe2y\x9ea\x98\xef\xbe\xfbn\xcc\x981\x00\xb0|\xfd\xf6\xee\xbd_\xd7g\xeb\xd9\x17p\xff\x05A\xf0\xf1U\xc9\xe5d\x072\x98\x8c\xe6\xff&lt;\x9feY\xa5\x8f/\xc7\x81\xcb\x85\xed6\xab \x08\x12\x89D\xaeP\xb0,\xd8\xed.\x9b\xd5\xca2\xccs\x8b\x89\x92\xc6\xf7\xe9O\x1e\xbf\x1c\x19f1\x9b\x07\r\x1a\xb4i\xd3&amp;*\x00\x94\xd2\x01\x15\x80\xd2\x06q\x8d\x9f\xcd\x04\x15EQ\xaf\xd73\x0c\xf3\xea\xab\xaf\x1e?~\xbcC\x87\x0e\xc7\x8e\x1d\xfb\xdbs\xdd\x9d\xd6\x8b \x04O\xfc\xf7\xd6\xad[\xff\xf9\xe7\x9f5C\xea\xfdx\xe0\x14C:\xb9\xfc+X\x141\x80\xce_\xfd\xfb\xe1#g~?\x82\x00i\xfd\xfc\xfa\xbd9\x9aa\x98\xe7\xfe\x92I\x86\x93Z\xa3\xb6Ym\t\x7f\x9c&lt;y\xec\xe0\xd5\xcb\x17\xb2\xb32\\N\xa7\\\xa1,_\xb1R\xe3\x88V\x9d\xba\xf7\xaaS\xbf\xbe\xc9h\xfe\xa7\xb8\x90 \x08\x1a\xad\xfa\x831o\xfd\xbc\xed\x07\xb5Z}\xfd\xfa\xf5\n\x15*\xbcxc\x06\n\xc5k)\xfe\\\x0bJ\xc1\xe26\xfddN@\xec\x14q\xe7\xfd\xfc\xfc\x00\x80\xa4WJ$\x12\x12\x8e\'\xcf"\'\x14\x99WK&lt;\xe8\xb3g\xcf\x9e;w\x0ec\xfcJ\xdf7\xfc\x02\xb5\xff\x99\xfc#\x08\x82T*\x95+\x14\xdf\xc6.Y\xfa\xc9\x87\xa4\xe5\xbd\x7f`P\x9f7F\x12\x01\xf8\x9bE&amp;\xbd\x91\xa5\x12\xe9\xaf\xbb\xb6\xadY\xb1\xf4\xf2\xf9?\xffv\xc1\xab\x97\xcf\x1f=\xb0\xf7\x9b\xcf\xe7\xbf1r\xdc\xbbSg\x0b\xa2(&gt;o\xfd\x19\x01\x88"\xee\xfb\xc6\x88\xbd\xdb7\x1b\x8d\xc6\xcd\x9b7O\x9a4\xc9\xbd\x92A\xa1\x94\\\xe8ZV\xa9\x85t\x85\xe48\x8eeYb\x1f\x89\x83O&lt;eb.\x19\x86\xe18\x8e\x9cS\x94\xfe,\x19\xc3\xf6\xed\xdb\x05A\x90\xcad\x91\x9d\xa2mV\x9e\xfd\xd7\x88\x13\xcf\xbbTj\xb5\xddf\x19?b\xc0\xa2\x99\x93EA\x90Je\x1c\xc7iu\xfe\xff\xf4\x12,\xcb\xa6=z0q\xf4\xa0\xf7\x87\xf7\x7f\xd6\xfa\x13X\x96\xb3Z,\xab\xbeX\xf4\xc1\xdbC$\x92\xe7W\x99fX\xd6j\xb1\xd5o\x14^\xbdf-\x00\xd8\xb1c\x07Y\x18\xcf\xf3\xdb\xa6P\xbc\x0c\xea\xc2\x94\x15\xd0S\x8a{ \x00\x00,\xcb\n\x82\xf0\xdbo\xbf\x01@\x83F\xe1!\xf5C\xed6\xdb?\xad\xc4\x92\xa9\x8c\x7f\x80.\xe1\xec\xd9i1\xc3n\xdd\xb8\x06\x00\xa2(\xf2\xbcK\x14EAx~\x1fcQ\x14\xd5ZU\xec\xfc\x15\xfbvl\x91\xc9\xe4\x0e\x87\x9de\xb9\xa8\xe8\x9em:v\xadR\xad\x86T&amp;\xcb\xceL?\xb2\x7f\xcf\x9e\x9f6!\x84$\x12I\xdc\x9e\xed\xdf7k9\xfa\xbdI99\x86ggB&lt;\xef\xf2\x0f\xd0\xb6\xef\xf2\xd2\xed\x9b\xc9\x89\x89IO\x9e&lt;\xa9T\xa9\x12\x8d\x02QJ:\xd4\x8b\xa1\x145d\xb1\xfa\xc9\x93\'\xc9\xc9\xc9\x00\xd0*\xb2\x93R)q\x07\xa3\xfe\x06\xc6X"\x91h\xfd4?\xac\xfe\xe6\x8d\x97;\x12\xeb\xaf\xd1\xfa\x855\x89\xf8\xf7\xe5+\x86a\xccFK\xcc\xe4\x19\r\xc3\x9b;\x1c\xf6\xf6\x9d\xbb\xff\x18w\xfa\xab\x8d\xbb\x86\x8cz\xa7mT\xb7\x88\xd6\xed\xbb\xf7\xee\xb7b\xc3\xc6E_m`\x18F\x10\x04\xc40?\xac\xfa2;;\x87\xe3$\xcf^\x99A\x88\xe7q\xeb\xf6\x9d\x11Bf\xb3)&gt;\xfe\x1c&lt;]\xc6\xa0PJ.T\x00(E\r1\xaf\x7f\xfc\xf1\x87\xd1hd\x18\xa6qD+\x97\x0b3\xff\x90\x81\xc3\xb2\xac&gt;\'k\xda\xd8\x11\xb3&amp;\xbd\xc3\xf3.\x00\x08*_\xf1\x87\xbd\x07\x9b4o\xfd\xef\x02@j\xcc\xa95\xba\xb9\x9f\x7f\xfb\xe1\xfc\xd8o\xb7\xee\x0bm\xdc\xd4\xa07\xe4d\xeb\xcdF\x83\xc5l2\x1a\x0ci\x8fs\x06\x0c}\xb3K\xcf\xd7HH\xe7\xd1\x83\xd4\xebW.+\x14\x8ag\xaf\x8c\x18\xc6aw\x84\xd4\x0b\xf5\x0f\x08\x04\x80\xa3G\x8f\x16\xd8\xc7A\xa1\x14\x1fT\x00(E\r1\xafIIW\x00\xc0W\xa5\xaaU\xa7\xbe\xd3\xe1|n\xfc\x07c,\x93I\xef\xa4\xdc\xd8\xbei-\xc7I\x04\x9eo\xda\xb2\xed\xc6\xbd\xc7\x9b\xb5l\x9a\xfe\xf8\xe1\x7f\xbe\x10\xc30f\x93\xa9fH\xbdac\xc7[-\x16\x8b\xd9\xc4\xb2,\xcbr\x0c\xcb\x92\x15o\x84\x90\xcb\x89[\xb7\xef\x0cOkS\xa7=z\xc8r\xcfI\x8d#[\xed\x82\xcaW\xaa\x1a\\\x0b\x00\xae]\xbb\n\xb4C\x00\xa5\xe4C\x05\x80R\xd4\x10S\x9b\x98x\x19\x00\xcaW\xac\xa2\xd5\xf9\xf1&lt;\xff\\c\xca0\x8c\xd9li\xd3\xb1\xe3\xd4\xb9\x9f\xf1\xbck\xe0\xb0\xb7\xd7\xed\x88\xabP\xa9\x8aA/&gt;7g\xff\xb9Wp\xb9\x9c\x06\xbd\x01!\xf4\x9c\xb69\x08a\x8c||}\x01\x000\x00\x80(&gt;?\x12\x05$\x18%e\xaa\xd5\xac\r\x00\xb7n\xdd2\x99Ld7\xd9\x0b\xbdg\n\xc5+\xa1\x8b\xc0\x94\xe2A\xaf\xd7\x03\x80\xce?\xc0G\xa56\x9b\x8c\xff\x94T\xc3\xb2\xac\xc9`\x190\xf4\xed\x9a!\xf5#\xa3\xba9\x9d\x0e\xbb\xdd\xaaS\xc8I\xf9\xd2\x17\x81dC\xfd\xc3\x83\x98apNv\x16\x00`\xc0\x00\xe0\xe7\x1f(\n\xcf\xef7\x8f1\xe68(_\xa12\x00\x18\x0cF\xb2W\x8e\n\x00\xa5DCg\x00\x94"\x85d\xce\x98L\xa6\xdb\xb7o\x03@\xf9\x8aU\x18\x06\xff\xbb\x19%\x8f\xb6\xef\xd2\xc3f\xb5\x08\x82P\x90\xfd/1`@\x97\xce\x9d\x05\x00\x81\xe7}|U\xc1\xb5\xea8\x9c\x8e\xe7\xc6\xa3\x10B&lt;\x0f\xe5*V\x06\x00\xb3\xd9\x94\x92\x92\xe2\x1e\x1b\x85RB\xa1\x02@)j\x10B.\x97K\xaf7\x02@\xd5\xea5$\x92\x17\xf2\xa3\xcd&amp;\x03*\xb8\x9at\x00\x80\xb1(S(Ro\xdf\xfd\xed\xd0/d\x9fD\x8b\xb6\x1d\xaaT\xaf\xee\xb4\xdb\x9f\xfb*\x08@\x14\xa1j\xf5\x1a\x00\xe0t:\xc9\x0c\x86\n\x00\xa5DC\x05\x80R\x0c \x848\x8e\x05\x00\x97\xcb\xf5\x82&amp;\xb4\xc0\x1b\xdf\x0b\x82\xe8\xeb+\xfbj\xe9\'F\x83\x9e\x94\x93{s\xcc\xfb\x18\x8b\xcf\x0f\x00=\xc5\xe5r\x91\xbf\xd0m\xc0\x94R\x00\x15\x00J\xf1P\xbc\xbe3\xefr\xf9\x07jwm\xdd\xba}\xe3Z\x89T\xear9{\xf5\x1b\xd2\xa6c\'\x93\xd1\xfc\x82JC}\x7fJ)\x80\n\x00\xa5x \x06\xb4X\xfch\x9e\xe75~\xbas\xa7\xcf|&lt;a4\xcbq.\xa7\xb3Z\x8dZ\xd3\xe7-\xb5Yl\xffY\xe0\xc1=`*\x00\x94R\x00\x15\x00J1\x80\x10"\x96T\x9f\x93%\x8aEZP\x81\xe7y\xb5F\x9dr\xfdj\xcc\x90\xd7\xac\x16\xb3(\x8a*\xb5f\xd9\x9a\x1f\xb5~~N\xa7\xf3\xdfG\x82\x10\xe8\xb3\xb3\x00\x00!\x86\x86\x80(\xa5\x00*\x00\x94"\x05!$\x8a\xa2F\xa3\xa9W\xaf.\x00\xa4$_\xe5\xf9\xa2\xabP$\xf0\xbc\xafJu\xff\xde\x9d\xd1\x03zf\xa4?a\x18F"\x91~\xb1v[h\xe3p\xb3\xd1\xf4\xef\xc5PE\x8c%\x12HI\xbe\n\x00:\x9d\xae~\xfd\xfa\xf0tO\x03\x85RB\xa1?_J1\x80\x10R(\x14\x00`\xb5X\x1c\xf6\x17\xed\x02\x96O\x04\x81\xf7Q\xa9\x9e&lt;\xba?\xb2o\x8f\x07\xf7\xee\xb0,\x8b\x10\x13\xfb\xdd\x96\xf6]\xba\xeas\xfe\xbb\x11\rBH\x10\xb0\xc9h\x00\x00\xa9T*\xc9\xdda\x99B)\x99P\x01\xa0\x145\xa4\x86Z\xa3F\x8d\x01\xe0\xfe\xdd[\xfa\xecL\x8e\xe3\n;\xa4.\x08\xbc\xd2\xc77\xed\xf1\xc3\x11}z\xdc\xbdu\x83eY\x86a\x97\xad\xdd\x1a\xdd\xabwvV\xce\x8b\xc4s\x10B.\x17\xbay=\t\x00j\xd7\xae\xa5V\xabIU\xbbB\x1d6\x85R\xa8P\x01\xa0\x14\x0f\xb5k\xd7\x02\x00\xb3\xc9\xf4 \xf5\xaeD"-T\x01\x10\x04A\xe9\xe3\x9b\x99\xf6xd\xdf\xee\xb7o^cY\x96\xe5$_\xae\xff\xa9G\xef\xd7\xb23\xf5\x1c\xf7\xdf\xbe&lt;\xc6\x98\xe38CN\xe6\xa3\xfb\xf7\x00\xa0F\x8d\x1at\x1b0\xa5\x14@\x05\x80R\xd4\x90\x80O\xdb\xb6me2\xb9\xcb\xe5\xbc\x18\x7fF*c\n\xaf\xb4\xb2 \x08J\x1feVF\xda\xc8~=R\x92\xaf2,+\x91HWl\xd8\xde\xed\xe5W\xb22\xff\xa3\x07\x99\x1b\x8c\xb1L.\xbfu\xe3\xda\xa3\x07\xa9\x00\xd0\xb1cG\xa0\x89@\x94\x92\x0f\x15\x00JQC\xb6\xddV\xaf^\xbdF\x8d\x1a\x00\xf0\xe7\xe9\xdfx\xbe\xb0\x12\x81\x04AP(\x95\xd9\x99\x99#\xfb\xf5\xb8q-\x89aX\x99T\xb6\xe2\x87\x9d\x9d\xba\xbf\x94\x95\xf9B\x91\x1f\x82(\x8aR)s\xee\xccIA\x10d2y\xcb\x96-\x81\xae\x00SJ&gt;\xf4\x17L)\x06DQ\x94J\xa5-[\xb6\x00\x80\x84?N\xa6\xde\xbe-\x97\xcb\x0b\xdc\xa1\x16\x05A\xa9T\x1ar\xb2F\xf5\xef\x91|\xe52\x00H\xa5\xd2\xe5\xdf\xefh\xdf9:3=\x8baXQ\x10\xfe\xe7\x8f(\x88\xa2\xf0\xdca\xb0,k\xb3:\x8f\x1c\xf8\x19!T\xb3f\x8d\xe0\xe0`\x8c1\x15\x00JI\x87\xfe\x82K3\xa4\x0f0\xcf\xf3&lt;\xcf\x0b\x82 \x8a"i\x13O\x1er\x1f\'\xbd\x82\x8b~x\xaf\xbf\xfe:\x00\x98\x8c\x863\'\x8e*}d\xe2?4\x05\xf3\x0c,\x8a2\xb9\\\xaf\xcf\x1e\xd5\xbf\xe7\xb5\xc4\x8b\x9cDR\xaeB\xa5\x1f\xf6\x1e\xeb\xf9Z\xb4\xcb\xc9\xeb\xfc\xfdUj\xb5J\xa3\xf9\x9f?j\x8d\xafJ\xc3I\xfe\xde\x11\x0c\x8b\xa2B\xa1HI\xbev=\xf1"\xc6\xb8G\x8f\x1eR\xa9\xf4\x9fZ\x98Q(%\x08\xba\x99\xa5\xb4A:\xe8\x12\xff\x94\xb4=\xf9\xdb\t$\xeeAz\xc1\xe7&gt;Nd\x80&lt;\xab\xb0\x07I\xa2@QQQ\xb5k\xd7NII\xd9\xb7c\xf3\xeb\x83\xde\xfa\xa7\x9e\xc0\x9e\xbe\x04\xebp\xd8\xdf\x19\xd4\xfb\xca\xa5\x04\x89D\xe2r\xb9d2\xf9\x86o\x96}\xb9\xf0\x1f\xe3\xfe\x88a\x04\x17?&lt;fR\xf3\xb6\xed\xad\x16\x8b\xfbs\x10EQ*\xe3~\xdd\xfd\xa3\xc3\xe1\x90J\xa5C\x87\x0e\x05\x1a\xff\xa1\x94\n\xa8\x00\x94\x1e\x88\xbf\xcfq\x9c\xdb\xe8gee]\xb9r\xe5\xd6\xad[\xf7\xef\xdfOMM\xbd{\xef\x1e\x83\xd0\x85\x0b\x17X\x96MHH\x988q\xa2F\xa3m\xd80\xacr\xe5\xca\r\x1a4P*\x95\xee\xeb\x88\xa2\xc8\x14h\xe9\xcd\xbf\x81\x10\xe2y^\xa1P\x0c\x180\xe0\x93O&gt;\xf9\xf3\xd4o\xe7\xcf\xfe\x11\xd1\xa6\xad\xd9hb\xfeu7\x96\x1b\x86e\x89\x1d\'u\xdc\xfe\x06\xc6X"\x93\xa5\xdd\x7ft\xfd\xca%\x89T\x8aE\xccq\\\xea\xdd[\xa9wo\xfd\xe7\x95{\xbc\xda\x9f\x93\xb2\xd8\x8c\xff\xffRRifz\xd6\xce\xcd\xeb\x10Bm\xdb\xb6m\xd0\xa0\x01\xf9|\xf2\xf2\x8e)\x14o\x84\n@i\x80\xb8\xfc,\xcbr\x1c\'\x8a\xe2\xd9\xb3g\x0f\x1e&lt;x\xea\xd4\xa9\x8b\x97.e\xa4\xa7?\xf7)\x99\x99\x99\xb1\xb1\xb1\xee\x7f\x06\x07\x07\x877m\x1a\xd9\xb6m\xd7\xae]\xeb\xd5\xabG$\x84t\xca-$\x19 a\x96w\xdf}\xf7\xcb/\xbf4\x18\x0c?m\\\xdd\xbaC;\x11\xe3\x171\xab\x08\x81\xd9h\xe0y\x1e\x00\xf49Y\xff\xf4\x02\x08!\x87\xdd\x96\xe7\x81\x89b\xee7,\x08\x82V\xa7\xfa\xf9\xc7\x1f2\xd3\x9e`\x80\x91#G\x02\x00\x15\x00J\xe9\x80\xe62\x97l\x88\xb7N\xec\xf5\x83\x07\x0f\xb6n\xdd\xbai\xd3\xa6\x8b\x17/\xe6&gt;\x07!\xf0\xf3\x0f\x94+\x94\xd5j\xd4"\xcb\x00\x00 \x08\xc2\xbd\xdb7y\x97K\x9f\x93\x9d\xfbd\x99L\xd6\xa1C\x87\xc1\x83\x07\xf7\xea\xd5K\xadV\x933\xff\xbdFB^!\x03`\x18\xc6\xe9t\xaeZ\xb5j\xf6\xec\xd9&amp;\xb3\x99\xe7\xf9\xd5[\x7f\x8d\xec\xd4\xd9h\xf8\x8f\x92\x0c\x18c\x99\\\xf6\xeb\xaem\xb7\x92\xaf\x01\x80\xd6\xcf\xaf\xdf\x9b\xa3IL)\xf7i\x0c\xc3\x9a\xcd\xc6\xad\xeb\xbeq9\x9d\x80\xfe\xea\xf8\xf8\xef \x06a\x11w\xed\xf9Z\x9d\xd00\x87\xddA2\xfd9\x8e3\xeaszwl\x9a\x95\x91V\xbbv\xedK\x97.I\xa5R\x84\x8a\xae|\x05\x85RxP\x01(\xc1\xb8MsRRRll\xec\xae]\xbbrrr\xc8C2\x99\xac^X\xe3\x86\xe1-\xc2\x9b\xb7.W\xb1R\xe5j58N\xe2\x17\x10H\xben\x84@\x14\xc4\xac\xcct\xa7\xd3\x91z\xfb\xe6\x83\xd4\xbb\x17\xfe&lt;\x9dt1\xe1\xc6\xd5D\xf7\xaf\xa1j\xd5j\xc3\x86\r\x1d;vlPP\x10\xc6\xb8@\x92^r\xcb\xd5\xfe\xfd\xfb\xa7M\x9bv\xf9\xf2e\xf2\x10\x02h\xd2\xa2\xcd\xe6_~\xb3\x98-\xff\xf9B\x18c\x1f_\x95TJ&gt;\x040\x19\xcd\xcf=\x8da\x18\x95Z\x89\x10`\xf8\xf7"\xffO/\x0b\x80\x00,\x16\xa7\xd3\xe1 \xf6\x9dw\xb9\x02\xcb\xe9&gt;\x996e\xcd\x8a\xcf\x00`\xdb\xb6m}\xfb\xf6-pE\xa4P\x8a\x0b*\x00%\x12\xb7%5\x18\x0cK\x96,Y\xbat\xa9\xcd\xf6W\xac#\xbcE\x9b\xa8n=#;E\xd7\xaaS_\xae\x94\x8a\x02\x08\x82\xe8t:\xb1\x88y\xde\x99\xdb\x12J$R\x84\x90T&amp;c9@\x00F\x839\xe9\xe2\xb9cq{\x7f?\xbc?%\xf9\x1a9\xa7r\xe5\xcas\xe7\xce\x1d6l\x18\xe4o*\xe0^\x9f\x00\x80\xa4\xa4\xa4\xa9S\xa7\xfe\xfa\xeb\xaf\xe4\xa1~\xfd\xfaU\xaaT\x89\xc4\xa3\xa6}\xb2\xf4\xed\x89\x133\x9e\xe4p\xffUiG\x14\x04\xf1\xa9\x98=w\x19\x80 \xf0|^\x7f\xdf,\xcb\x12\xeb/\xf0\xbcZ\xa3&gt;\xff\xe7\x1fo\xf6\x8er9\x9d]\xbat\x89\x8b\x8b\xa3\xd6\x9fR\x9a\xa0\x02P\xf2p\x07\xa0\xb7m\xdb6s\xe6\xcc\xe4\xe4d\x00\x90\xc9\xe4\xd1\xbd\xfa\xf4|}`\x9b\x8e]e2\xce\xe1\xe0\xed6\x9b(\x08\x80\x90;^\xf1\xb7\xa8\xc5\xd3|P\x92\x18\x8aX\x96U(}\xa4R\x94\x93\xad?\xb8o\xf7\xbe\xed\x9bO\x1d?D\xce\xec\xd4\xa9\xd3\xe2\xc5\x8b\xc3\xc3\xc3=[\x15p\x1b\xcd\xf4\xf4\xf4\xf9\xf3\xe7\xaf^\xbd\x9a\xc8U\xc3\x86\r\x17.\\\xd8\xbd{w\x8cq\xdd\xbauo\xde\xbc\xa9\xf4\xf1\xfd~\xf7\xd1\x06\x8d\x9b\x98\x8d\xa6\xff\xac\xceV\xa8`,\xb2,\xcb\xf3\xae\x81\xdd#o^\xbf\xc20\xec\x95+I!!!4\xfd\x9fR\x9a\xa0\x02P\xc2 \xc6\x94\xe7\xf9\xc9\x93\'/[\xb6\x8c\x1cl\xdd\xbe\xf3\xb8)\xb3Z\xb5k\xebtb\x8b\xc9$\x8a"\xf2(\x9b\x93\xac\x10H$\x12_\x95\x8f(\xe2\x9f\xb7m\\\xb5l\xd1\xcd\xebW\x00@\xa3\xd1,Y\xb2d\xe4\xc8\x91y\n\x07\xb9\xc3\xfd.\x97k\xe3\xc6\x8d\xb3g\xcfNMM\x05\x80\n\x15*L\x9f&gt;}\xcc\x981R\xa9\x94\xe7y\x96e\xcf\x9e=\x1b\x19\x19\xc9\xf3|\xed\xba\r~\x8c;\xc5r\x12\xde\xc5\x17\xa3\xa9\x15x\xde/@;~\xc4\x90=?m\x04\x80\xd8\xd8\xd8\xf1\xe3\xc7S\xf7\x9fR\xca\xa0\x02P\x92 \x06\xe8\xf1\xe3\xc7}\xfb\xf6=u\xea\x14\x00\x04\x95\xaf8y\xd6\xa2^\xfd\x07\x0b\x026\x9b\x8c\x0cB/\x98F\xf9\xaf`A\x10\x10b\xd4\x1a\xb5\xc5l\xf9v\xd9\x825\xcb\x978\x9d\x0e\x00\x183f\xcc\x8a\x15+H\xae\xd1\xbf[\xe7\xdc1\x9fC\x87\x0e\xcd\x9a5\xeb\xcc\x993\x00 \x97\xcbG\x8f\x1e\xfd\xd1G\x1f\x05\x05\x05\xb9\xdf\x11\xf9\xef\xb2e\xcb&amp;L\x98\x00\x00=_\x1f\x14\xfb\xdd&amp;\xb3\xd1\x841.\xd8\xcd\x01/\x08\xcf\xf3A\xe5\xb4\xab\xbe\xf8b\xfe\x87\xe3\x01\xa0O\x9f&gt;?\xfd\xf4\x13\xb5\xfe\x94\xd2\x07\x15\x80\x12\x03\xcf\xf3\x1c\xc7\xc5\xc7\xc7\xf7\xee\xdd\xfb\xd1\xa3G\x00\xd0\xba}\xe7\xf9_~W\xb5z5}\xb6\x01Pa\xb4M\xe7Y\x96\xd3\xf9\xf9\x9e&lt;z\xfc\xc3\xf7G\xa5\xdeI\x01\x806m\xda\xec\xdd\xbbW\xa7\xd3\xfd\x8b\x06\x90\xa1\x02@RR\xd2\x82\x05\x0b6o\xdeL\x8ew\xed\xdau\xee\xdc\xb9-Z\xb4\x80grL\xc9S\x86\x0e\x1d\xbaa\xc3\x06\x00xu\xe0\xd0E+\xd7Z\xcc\x96\xa2O\xb8\xe4y&gt;0H\xbbv\xe5\xca\xb9S\xc7\x01@XX\xd8o\xbf\xfd\xa6\xd1hh\xe6\x0f\xa5\xf4A\x05\xa0d@\xdc\xcf\xf8\xf8\xf8\xe8\xe8\xe8\xec\xecl\x00x{\xe2G\xefO\x9b#\x88\x82\xcdj-\xbc\xf6\x84\x18c\x81\xe75:]V\xc6\x93\x99\x93b\x0e\xed\xdb\t\x00\x11\x11\x11qqq\xcf\xd5\x00\xb7YOOO_\xb1b\xc5\xd2\xa5K\xadV+\x004l\xd8p\xfa\xf4\xe9\x03\x06\x0c\x80\x7f\xd8^@"Kv\xbb\xbdC\x87\x0e\xf1\xf1\xf1\xf0T\x03\xac\x16+\x89\x11\x15\xd2\x1b\xfc\xdb\x18DQ\x0c\x08\xd2\xac]\xf1\x97\xf5\xf7\xf3\xf3;~\xfcxXX\x18u\xff)\xa5\x12*\x00%\x00bgs[\xff\x99\x8bV\x8cz/&amp;=\xcd\x08ER\x93@\xe0y\xa9\\\xaeT\xca\'\xbf3l\xd7\x96\xf5\x00\x10\x11\x11\xb1\x7f\xff~\x9dN\xe7\xf6\x8b\xdd\x9b\xd1\x00`\xdd\xbau\xb3f\xcd\xba\x7f\xff&gt;\x00T\xa8Pa\xec\xd8\xb1S\xa6L\x91J\xa5\xee%\x81\x7fy\x9b999\xdd\xbausk\xc0\xbc\xd8o\x10b,\x16Ka\xf7\xe0\x15\x04A"\x91\xf8\xaa\x95\xebV.\x9f7\xfd=\x00\xf0\xf3\xf3;p\xe0@DD\x04\xb5\xfe\x94\xd2\n\x15\x00o\x87\xb4\x9d\xca\xc8\xc8\x08\x0b\x0bKOO\x07\x80\x99\x8bV\x0c\x8f\x89\xc9H\xcba9\xae\xc8\x82\x12\xa2(2\x08\xf9\xa8|\xa7\xc6\x0c\'\x1a\xd0\xb9s\xe7C\x87\x0e\x11w\xde\x1d\xee?r\xe4\xc8\xa2E\x8b\x0e\x1d:\x04\x00r\xb9|\xd0\xa0As\xe7\xce\xadT\xa9\x12\xbcX\x16\xe9\xb3\x1a\xd0\xa8Y\xcb\x85\xcb\xd7\xd4iP?;\xcb\x80\x10*\x0c\xb5#\xb3\x1c\xb5Vk2\xea?\xfdp\xe2\xce-\xeb\x01@\xa7\xd3\xc5\xc5\xc5EDD\xb8\xc3Y\</t>
        </is>
      </c>
    </row>
    <row r="94">
      <c r="A94" s="1" t="n">
        <v>92</v>
      </c>
      <c r="B94" t="inlineStr">
        <is>
          <t>shape_size_hexagon</t>
        </is>
      </c>
      <c r="C94" t="inlineStr">
        <is>
          <t>What is the size of the missing shape denoted with a question mark if it is a square?</t>
        </is>
      </c>
      <c r="D94" t="inlineStr">
        <is>
          <t>['small', 'medium', 'large']</t>
        </is>
      </c>
      <c r="E94" t="inlineStr">
        <is>
          <t>large</t>
        </is>
      </c>
      <c r="F94" t="inlineStr">
        <is>
          <t>There are 7 shapes with different sizes in the image, of which there is a missing square in the center. The other shapes are arranged around the center, which are ['hexagon', 'triangle', 'square', 'hexagon', 'triangle', 'square'] in anti-clockwise order. Their corresponding sizes are ['small', 'medium', 'large', 'small', 'medium', 'large'].</t>
        </is>
      </c>
      <c r="G94" t="inlineStr">
        <is>
          <t>We observe that the hexagons are small size, the triangles are medium size, and the squares are large size. Hence, the pattern is that each shape appears with a distinct size.</t>
        </is>
      </c>
      <c r="H94" t="inlineStr">
        <is>
          <t>Based on the pattern that each shape appears with a distinct size, the size of the missing square should be large.</t>
        </is>
      </c>
      <c r="I94" t="inlineStr">
        <is>
          <t>b'\x89PNG\r\n\x1a\n\x00\x00\x00\rIHDR\x00\x00\x02\x00\x00\x00\x02\x00\x08\x02\x00\x00\x00{\x1aC\xad\x00\x009\xf6IDATx\x9c\xed\xdd}xU\xd5\x9d/\xf0\xf5\xb2\xcf\t/\x86\x10\x90\x17\xe5\xdd`PQ+X\xaf\xb4#/\x8e\xa2\x88Z\xe5\xa2S"P\xf0\x91\x8a\x02\r\xe1%\x92\x0c\x1e|\x12\x18\x95\x12\x08zu\xfa\xe0\x9d\x99v.\x850\x03\xce\x8c\xed\x8c\xb7\xc6\xd1\x12(\x9d\xcet\x88\xb7\x96\xd6\xc6\xdc\xa8\x9d\xa7^#JNN\x12Br\xce^k\xdd?~\xc96\x06B\x81\xe4d\x9f\xb3\xd7\xf7\xf3\xf4\xf1)\t$\xeb\xe4d\xaf\xef\xdak\xfd\xf6Z\xdc\x18\xc3\x00\x00\xc0&gt;\xc2\xef\x06\x00\x00\x80?\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r\xfcn\x00@`\x19c\xfcnB\x10p\xce\xfdnB`q\xfc\x8e\x02\x00\xd8\tw\x00\x00I\xe1\xbanss3\xe7\x18c]"\xfa\xd1\x85B\xa1\xcb.\xbb\xcc\xef\xb6\x04\x16\x02\x00\xa0\x8f)\xa5\xa4\x94\xff\xf6o\xff\xf6\xc0\x03\x0f \x00.\x99\x10Bk}\xdbm\xb7\xfd\xe8G?\xd2Z\x0b\x81\x05\xcb\xbe\x87\x00\xb0\x1a\xf5M\x98cM\x86D"\x11\x8dF\xfdnE\xda\x8b\xc5b~7!\xc8\x10\x00\xf62\xc6\xa0\xebO\x1e\xce9\xe7\x9c\x86\xb1\xdeG\xfcmR\xba\xa0q\x89\x94R)\xe58\xe8\xa3\x92\x08?\\KQ\xef\xbf|\xf9\xf2m\xdb\xb6\x8d\x193\x86\xa1{J\x02\xd3\xc9\xfb\xa3\xbf\xedI/\xdd~z\x90\x0c\x08\x00\x1b\xd1$\xf5\xdbo\xbf\xfd\xb7\x7f\xfb\xb7\xe3\xc6\x8d\xdb\xbau+}\xc4\xefv\x05\x99\xe3\xc8\xcc\xc1\x83\rCwv&gt;\x9c\xf3D\xc2m9\xdd\xeawCl\x81\x00\xb0\x0e\x8d\xfd]\xd7]\xb5j\x95\x94\xb2\xac\xacl\xc9\x92%\xb9\xb9\xb9XgK\x12\x9a\xca\xf8\xda\xcd_y\xed\xef\xfe\xd2mi\xc5\x0f\xb9\'J\xe9\xd0\x90\xcb\xaa\xde\xfe\xd9\x82G\xd7\xe3\xa7\xd4?\x10\x00\xd6\xd1ZK)\xbf\xf7\xbd\xef\xd5\xd4\xd4\x84\xc3\xe1\xb6\xb6\xb6\xfc\xfc\xfc7\xdex\xc3\x9b\xaa\x86d\x08\x85\x9c\xec\xe1\xc3LF\x98\xa3k\xeb\x81VZd\r\xc9\x1a\x92\xe9wC,\x82\x00\xb0\x8b\xd6\x9as^__\x1f\x89D\x84\x10\xae\xebJ)++++++\xef\xba\xeb.L\x04%\x8f1\xc6$\x12\x89\x84\x8b\xb1mO\x94\xd2\xe1D\xc2u]\xbf\x1bb\x11\x04\x80]\x8c1R\xca\xe2\xe2\xe2h4JS\x13B\x08\xcey~~\xfe\x89\x13\'\x84\x10(\rJ\x1e\xde\xc9\xef\x86\xa4(\xfc|\xfa\x1f\x06#\x16\xa1Y\xfe\xe3\xc7\x8fWTTx\xe5\x89\xf4\xc1\x9a\x9a\x9a={\xf6t\xadY\x04\x80\xc0C\x00X\x84F\xf7\x1b6lhoo\xa7\'Ti\xb4E\x19\x10\x89D\xea\xeb\xeb9\xe7\xc8\x00\x00K \x00lA\xf3\xfb\x07\x0f\x1e\xac\xaa\xaa\xa2\xc9\x1f/\x03\x8c1B\x88h4Z\\\\L\xb3@~7\x16\x00\xfa\x03\x02\xc0\n\xd4\xa7\xc7\xe3\xf1\xcd\x9b7{\x7f4\xc6\x0c\x1e8\x80\xfe\xbf\xeb\xbaB\x88\xfd\xfb\xf7WWWK)q\x13\x00`\x03\x04\x80\x15\xa8\xf4\xb3\xac\xac\xac\xb6\xb6\xd6q\x1cc\x8c\x10|H\xe6e\x95\xff\xf8\xd7\xd7\\=\x89s.\x04\xe7\x9c\xc7\xe3\xf1\x82\x82\x02\xa5\x14n\x02\x00l\x80\x00\x08&gt;\x9a\xe2\xaf\xab\xab\xdb\xbe}\xbb\x10B)%\xa5\xd0\xda\xacy\xf4\x9b_\xbf{\xfe\x86\x95K\x8d1\x82\x0b\xdaw\xe5\xe8\xd1\xa3\xfb\xf7\xef\xa79"\xbf\x1b\x0e\x00\xc9\x85\x00\x08&gt;\x9a\xe8/--mjj\xa2*;\xa5\xf4\xa4\tc6\xae}\xac\xed\xff}\xb0|\xf9\xc3\xb7\xdd:\xcd\xedH\x05\xcd9/))\x89\xc5b\xd8\xc7\x18 \xf0\x10\x00\x01Gk\xbfG\x8e\x1c\xd9\xb7o_\xe7\xda\xaf0\xc6&lt;\xff\xe7\xf9\xd9\xa3G\x98\xf6\xb8#ey\xc9\xc6p8dL\xc7LQ]]\xdd\xee\xdd\xbb\xe9^\xc1\xef\xe6\x03@\x12!\x00\x82O)\x15\x89D\xa87\x97R(\xa5f}\xed\xe6?[\xf4@\xe2T4\x9c\x11\x8e75\x7fu\xd6\x8cE\x0f\xcc\xd3Z;\x8e\xa4\xc0(//\xff\xe0\x83\x0f\xb0\x1a\x0c\x10l\x08\x80 \xa3\x9d\x1e\xf6\xef\xdf\x7f\xe4\xc8\x11\x1a\xfe\x1b\xc3\xc2\xe1P\xd93\xeb\x8dR\x86s\xc6\x18\x97R5\xb7&lt;\x17Y;,;\xcb\xeb\xeec\xb1\xd8\xa6M\x9b0\x0b\x04\x10l\x08\x80\xc0\xa2\xea\xfe\xa6\xa6\xa6\x92\x92\x12\xea\xcaiD\xbf\xe8\x81y\xb7\xcc\x9a\x91hn\x91B0\xc6\x04\xe7\xaa\xad\xed\xca\xc9\x13\xd7}{\xb1\xd6Fv\xac\x12\xcbC\x87\x0eyO\x0c\xf8\xfdR\x00 )\x10\x00\x81E\xc5?\xdb\xb7o\xaf\xab\xab\xa3\xc7\xbb\x8c1\xc3\xb2\xb3\x9e\x8b\xacU\xcd-\xbc\xcb\xa6oB:n4VX\xb0"7g\x82\xd2\xda\xdb\x11\xa8\xeb3\xc3&gt;\xbe\x10\x00H\x12\x04@0\xd1rnmmmYY\x19\r\xfc\xa5\x10Z\xebu\xdf^|\xe5\xe4\x89\xaa\xadMt\xd9r\x8bs\xa6\x95\xca\xb8l\xd0\x0b[\x0b\x8d1\x9c\x7f\xb1k\xd0\x81\x03\x07\xb0A\x10@P!\x00\x82\x89\xc6\xec\x9b7o\x8e\xc7\xe3\x8c1\xce\xb9\xd2:7gBa\xc1\n7\x1a\x13\xb2\xfb.\xb0R\xcaD\xacy\xde\xfc;\xe6\xce\x9e\xa1\x94\xa6\x92P!DQQQ4\x1a\xc5M\x00@ !\x00\x02\x88&amp;\xf1\xab\xaa\xaa\x0e\x1e&lt;\xd8Y\xfa\xc9\x8c1/l-\xcc\xb8l\x90V\xaa\xa7\rw\x8dR/l}\xcaq\xa41\x1dO\x0fx\'\x07\xe0&amp;\x00 x\x10\x00AC\x1dw{{\xfb\x86\r\x1b:\xd7~\x85Rz\xee\xec\x19\xf3\xe6\xdf\x91\x885\xf7t\xe4\x8b\x10"\xd1\xd2z\xed\xf4\xeb\x1f_\xb2\x90f\x90\xe8\xb4\x80={\xf6\xd4\xd4\xd4 \x03\x00\x82\x07\x01\x1044us\xe0\xc0\x81\xe3\xc7\x8fS\xafm\x0cs\x1c\xf9\xc2\xd6\xa7\xcc\x1f\xab\xe7\x11R\xe8\xd3\xad\xa5\xc5\xdf\x195r8\x05\t\x9d\x1e\x9c\x9f\x9f\x8fY \x80\xe0A\x00\x04\n\xf5\xda\xd1h\xb4\xa8\xa8\x88z\x7fZ\x01~|\xc9\xc2k\xa7]\x9f\xf8c\'\x92s\xce\x13m\xed\xc3\xc7\x8e~\xb6h\r\x05\t\xcd&amp;UVVz\xb3I\xfd\xf6Z\x00 \xd9\x10\x00\x81\xd2\xedh\x17\xc6\x981&amp;{\xe8\x90\xd2\xa25\xba\xb5U\xc8?\xfevK\xc7q\x1bc\x8f\xe4=8\xed\x86kh\n\x88B\x85\xd6\x93q\x1f\x00\x10$\x08\x80\xe0\xe8v\xb8#u\xdfZ\xeb\x92\rO\x0c\x1f;\xdam\x8b_\xc8i\xab\x9c1\xad\xf4\x80\xc1\x03\xcbK6J)\xe8\x800\xaf\xa2\x14+\x01\x00A\x82\x00\x08\x0e\x1a\xaa\xe7\xe7\xe7\xbb\xae\xcb9\xa7\xcez\xfa\x8d\xd7\xae|\xfc\x117\xd6,zX\xfb=\x9b\x942\x1e\x8d\xcd\xbe{v\xde\x82{h\n\x88\xb2d\xe7\xce\x9d\xf5\xf5\xf5\xc8\x00\x80\xc0@\x00\x04\x847Y_YY\xd9\xf5\xc4\xc7\xb2-\xeb\xc2\x03\x07\x9c\xa7\xf4\xf3\x9c\xb8\x90\xfaL\xdb\x96\rOd\r\xc9\xa49\x1f\xceyCCCQQ\x11f\x81\x00\x02\x03\x01\x10\x044\xf6\xefZ\xaeC\x19\xf0\xd0}w\xce\xb9sf\xa2\xb1\xa9\xa7\xd2\xcf\x9e\x08\xc1\x13-\xadWO\x9b\xbavE\x9e\xd6\x9a\xf6\x10\x95R\xee\xdd\xbb\xd7\xdbW.I\xaf\x05\x00\xfa\r\x02 \x08h\xf6\xdf+\xd87F\x1bc\xc2\xe1\xd0\xb6\xa25\\kvQ\x83\xffN\xd2\x91n\xb4\xb1`\xf5\xf2I\x13\xc6(\xa5\xa9|Hk\xed\xed,\r\x00\xe9\x0e\x01\x90\xf6\xbc\xd2\xcfH$Bk\xb6BH\xad\xf5\x86\x95K\xa7L\x9b\x1aon9\x7f\xe9gO8\xe7:\x9e\xc8\x1e5\xe2\xf9?\xcf\xa7o\xe1\x9d-CgF\xba\xae\xdb\xe7\xaf\x05\x00\xfa\x13\x02 \xedy\xa5\x9f\xd1h\x94\xfazc\xcc\xa8\x91\xc3\xd7\xaf^\xa6[N_\xf8\xda\xef\xd9\xa4\xe3$\x1a\xa2\x7f\xb6\xe8\x81Y_\xbb\x99z\x7fJ\x82\x92\x92\x92\xa6\xa6&amp;\xaa\x10\xed\xbb\xd7\x01\x00\xfd\r\x01\x90\xde\xbcm;\xbb\x95~&gt;[\xb4\xe6\xf2qc\x12m\xed\x17R\xfay\x1e\x86s\xa3T\xd93\xeb\xc3\xe1\x901\xa6\xdb\xf9\xf2(\x07\x02Hk\x08\x80\xf4\xe6m\xdc\xef\x95~*\xa5\xa6\xddp\xcd#y\x0f\xba\x8d\x8d\xd2\xe9\xbe\xeb\xe7\xc5\x92B$\x9a[n\xf9\xd2\x99\x91ZJYVVV[[\x8b3#\x01\xd2\x1a\x02 \x8d\xd1\xb4\xcc\xc1\x83\x07\xbd\xa3\xbb8\xe7R\x8a\xf2\x92\x8d\x03\x06\x0f\xd4J\xf7j\xf0\xdf\x89K\xa9\x9a\x9b\x9f\x8b\x14d\x0f\x1d\xa2\xb5\xa6;\x8ax&lt;\xbey\xf3f\xd6\xb9\xef4\x00\xa4#\x04@\xba\xa2\xb1\x7f\xd7\x8e\x982 o\xc1=\xb3\xef\x9e\x1d\x8f\xc6.\xb6\xf4\xb3\'\x82s\xd5\x16\xbf2g|\xc9\xc6\'\xb46\xde\x06A]\x83\xa7O\xbe\x11\x00\xf43\x04@\xba\xa2\xe9x\x9a\x8aq\x1c\x87N|\xcc\x1a\x92\xb9e\xc3\x13\xfaL\x1b\x17}\xd3\xfb\x13\xe1H\xb7\xb1i\xe5cy\xb99\x13\xf4\x97\xcf\x8c\xa4\xa9\'\xdc\x07\x00\xa4#\x04@Z\xa2^\xb8\xbe\xbe~\xe7\xce\x9d\x9dCr\xa1\xb5^\xbb"\xef\xeaiS\x13-\xadB\xf4\xc9\xf4O\x07\xce\x98V*&lt;h\xe0\xd9gF\xd2\xe23V\x02\x00\xd2\x11\x02 -\xd1\x00\xbc\xa8\xa8\xa8\xa1\xa1\x81s\xce9SJ\xe7L\x1cW\xb0z\xb9\x1bm\x94N_\x0e\xff\x89\x942\xd1t\x8e3#\xa9\xfc\x147\x01\x00\xe9\x08\x01\x90~\xbc\x07\xb2\xf6\xee\xdd\xdb\xb1S\x1b\x17\xc6\x98\xa7\x0bVd_1R\xc5\x13\xbd,\xfd&lt;\x0f\xa3\xd4\x0b\xdb\x9e\n\x87C\xde\x99\x91\xf4\x00\x1an\x02\x00\xd2\x11\x02 -)\xa5"\x91\x08\xf5\xb9R\nW\xa9\xdbn\x9d\xb6t\xe9\xc2\xc4\xa9\xa8\xd3\xeb\xd2\xcf\x9e\x08!\x12-\xa7\xaf\x9d~\xe3\x86\x95K\xbb\x9d\x19\xe9\x9d&gt;\x96\xa4o\r\x00\xc9\x80\x00H34\xfc\xdf\xbf\x7f\xbf\xb7)\x9b1,\x1c\x0e\x95\x97l\x94B${\x1aFH\xa9[Z\xd6\xaf^&gt;j\xe4p\xad\xb5wf\xa4w\xfepr\xbf=\x00\xf4)\x04@:\xa1Y\x97X,VRR\xe2\xed\xfa\xa9\xb5^\xf4\xc0\xbc\xaf\xce\x9a\x11oj\x96\x17p\xe6Wo\xd0\x99\x91\x97\x8f\xbb\xe2\xb9\xe2\xef\x18\xf3EIhUU\x15\xce\x8c\x04H;\x08\x80tBS.\xbbw\xef\xae\xab\xab\xa3\x9dy\x8c\xd6\xc3\xb2\xb3\x9e\x8b\xacU\xcd-\xbc\x8f\n\xff\xcf\xcfq\x9cDC\xe3\xb7\xbe\xf5\xd0\xcc\x19\xd3\xa9\xfa\x88\x06\xfetf$\xc3\xa3a\x00\xe9\x03\x01\x906h\xda\xfd\x83\x0f&gt;(//\xa7\xb1\xb6\x14B\x1b\xb3\xee\xdb\x8b\xaf\x9c&lt;Q\xb5\xb5\x89\xa4\xad\xfdvc\x8c\x91\x8eSZ\xf8\xa4\x94\x821\xae\xb5v\x1c\x87\xce\x8c\xc4\xe6\x10\x00i\x04\x01\x906h\xfeg\xd3\xa6M\xb1X\x8c1\xc69WZO\x9e4\xbe\xb0`\x85\x1b\x8d\t\x99\xac\xb5\xdf\xb3I)\xe3\x8d\xb19\xf3n\xa73#\x1d\xa7c5x\xfb\xf6\xeduuuX\r\x06H\x17\x08\x80\xf4\xe0M\xb5\x1f:t\xa8\xeb\x89\x8f\xdb6\xad\xca\xc8\x1c\xac\xdd\x8b;\xf1\xb1\xf7\xb8\x90\xfa\xcc\x99-\x1b\x9f\x18\x92y\x99\xd6\x861&amp;\x84hjj*--\xc5j0@\xba@\x00\xa4\x01\x1a\xfb\xb7\xb7\xb7{\xc56tF\xe3\xdc\xd93\xbe\x99\xf7`\xa2\xb1)\x19O~\x9d\x9f\x10&lt;q\xba\xf5\xea\xaf\\W\xb8\xea[tf\xa4\xeb\xbaR\xca}\xfb\xf6\xe1\xccH\x80t\x81\x00H\x03\xf4\xcc\xed\x81\x03\x07\xbcr{c\x98\xe3\xc8\x17\xb6&gt;e\xfc;\x96K:\x8e\xdb\xd0X\xb8v\xc5\xe4\xab\xc6\xbb\xae\xa2\xb3h\xba&gt;\xa0\x00\x00)\x0e\x01\x90\xeah\xf8\xdf\xd0\xd0PTTD\xbd?-\xb4&gt;\xbed\xe1\xb5\xd3\xaeO\xb4\xb4^\xda\x89\x8f\xbd\xc7\x19\xd3\xae\xca\xc8\x1c\xbc\xed\xa9U\x8c\xd6$\xcezD\xd9\x97\x86\x01\xc0\x05B\x00\xa4:\x1a\xfe\xef\xda\xb5\xab\xbe\xbe\x9e\xf6x\xd0Zg\x0f\x1dRZ\xb4F\xb7\xb6\x8a$\x17\xfe\x9f\x9ftd\xa21\xf6\xcdG\x1e\xf4\xce\x8c\xa4\xa7\xc3\xbcM\x8a\xb0\x18\x00\x90\xca\x10\x00)\x8dz\xff\xda\xda\xda\x1d;v\xd0\xf0\x9f\xb6b.\xd9\xf8\xc4\xf0\xb1\xa3\xdd\xb6x\xf2\xb6\xfd\xb9@\x86q\xe3\xaa\xb2g\xd6;\x8e\xa4-\xa9i\x9b\xd2]\xbbv\xa1\x1c\x08 \xc5!\x00R\x1a\xcd\xff\xd03V\xb4\xef\x82\xd6:7g\xc2\xca\xc7\xf2\xdcXso\x0e|\xef+R\x88D\xf3\xe9[f\xdd\xfa\xf8\x92\x85\x9d\x1b\x04i!\xc4\x8e\x1d;jkk\x91\x01\x00\xa9\x0c\x01\x90\xbahR\xa5\xb2\xb2\xd2\xdbe\x81sf\x8cyakax\xd0@\xad\xfa\xbb\xf4\xb3\'B\n\xd5\xdcRZ\xb4\xc6;3\xd2;\xaa\x0c\xb3@\x00\xa9\x0c\x01\x90\xa2h\xec\xef\xban~~~\x97\xd2O=w\xf6\x8cy\xf3\xefH45\xf7\xd5\x89\x8f\xbd\xc79Wm\xf1\xe1cG\x97l|\xa2\xeb\x06A\x07\x0f\x1e\xac\xac\xac\xc4j0@\xcaB\x00\xa4(\x9a\xee\xdf\xb3gOMM\x8d\x10\xc2\x18M\xbb~\xbe\xb0\xed)\x93z\xfd\xa9\x90\xd2\x8d5\x9f}fd~~&gt;\xce\x8c\x04HY\x08\x80TD\xe3h:k\x85\xe6\xfd\x85\x90Z\xeb\r+\x97^;\xfd\xc6D\xcbi\xbfJ?{\xc2y\xe7\x99\x91\xa5_:3\xb2\xa6\xa6\x06gF\x02\xa4\xac\xd4\xeaG\x80P1%\x9d\xb6H}\xbd1f\xd4\xc8\xe1\xebW/\xd3--\xa9\xb0\xf6{6)e"\xd64\xef\xfe;\x1f\xba\xefN\xa5:\x1eV\xa03#\xa9\x80\x15\x19\x00\x90j\x10\x00)\xa7\xdb\xd8\x99\xf6Y\xd3Z?[\xb4\xe6\xf2qc\x12m\xed\xbe\x97~\xf6\x88s\xe3\xba\xdb\x8a\xd6\x84\xc3!\xd6Y\x12\x1a\x8dF\x8b\x8b\x8biR\xc8\xef\xf6\x01\xc0\x97 \x00RN\xb7\xd9s\xea\xfd\xa7\xdfx\xed#y\x0f\xb8\x8d\x8d2i\'&gt;\xf6\x9e\x10"\xd1|z\xca\xb4\xa9\xebW.QZK)]\xd7\x15BTTT\xe0\xccH\x80\x14\x84\x00H-g\xd7\xcf\xd0\njYd\xdd\x80\xc1\x83\xb5\xd2\xa9:\xf8\xef \xa4t\x9bZ6\xad{&lt;g\xe28\xad\xb5\x10\xbc\xdb6v~7\x10\x00\xbe\x80\x00H!4\xf6\xefZAO\x19\xb0\xf0\xde;\xe6\xcc\x9d\x99h\x8c\xa5N\xe9gO8\xe7*\x1e\x1f:z\xc4\xd3\x05+\x8c1\x9c\x8b\xb37\xb2\xf6\xbb\x8d\x00\xd0\x01\x01\x90Bh\xf6\xbf\xac\xac\xac\xb6\xb6\x96N|d\xc6d\r\xc9|~\xcb:\xa6\x14K\xd9\xa9\xff/s\x1c\'q*\xbat\xc9\xc2\xaegFv=\xca\x06\xf7\x01\x00)\x02\x01\x90*\xa8\xf2\xa7\xbe\xbe~\xe7\xce\x9d\x9d\xcfR\t\xa5\xf5\xda\x15y\x93\xbfr]\xbc9\xe5J?\xcf\xc3\x18#CNi\xe1\x93Bt\x9c\x19I\x87Y\xee\xde\xbd\x1b7\x01\x00\xa9#m\xfa\x94\xc0\xa3\x9a\x99\xe2\xe2b\xdaG\x93s\xa6\x94\xce\x998\xae`\xf5r7\xda\xd8\xffG\xbe\xf4F\xe7\x99\x91s\x96,\x9cOS@T\xcbT^^N\xc7\xd9c5\x18 \x15 \x00R\x02\x8d\x91\xab\xab\xab\xf7\xef\xdfO\xc3\x7f\xce\x851\xe6\xe9\x82\x15\xd9W\x8cT\xf1D\xea\x96~\xf6\x80K\xa9O\xb7&gt;\x1fY7,;\xcbh\xcd\x18\xe3\x9c\xc7b1:3\x12\x01\x00\x90\n\x10\x00)\xc1\x18\xa3\x94*((\xa0]?\xe9\xc4\xc7\x993\xa6/]\xb20q*\xea\xa4p\xe9gO\x04\xe7\x893mWL\x9e\xb0\xee\xdb\x8b\xb51\xb2s\x83\xa0}\xfb\xf6\x1d=z\xd4q\x1cL\x04\x01\xf8\x0e\x01\xe0?\xea\x19\xf7\xef\xdf\xdf\xa5g\xe4B\x88\xd2\xc2\'e\xc8I\xdf%S)\x1d7\x1a+,X1y\xd2x\xd5\xb9A\x10\xe5\\{{;\xaaB\x01|\x87\x00\xf0\x19U\xc8\xc4b\xb1\x92\x92\x12\x9a\x1b\xa1\x19\xf3%\x0b\xe7\xcf\x997\'\x9e\x0e\xa5\x9f=\xe1\xbc\xf3\xcc\xc8M\xab\xe8ez3]\x07\x0e\x1c\xc0sa\x00\xbeC\x00\xf8\x8cVGw\xef\xdeM\xab\xa3\xc6\x18:\xf1\xf1\xd9\xa7\x0bT\xcbi&amp;\x84IgB\x8ax4\xf6\xcdE\x0f\xdc9\xebV\xaak\xa2R\xd7\xa2\xa2\xa2h4\x8a\x9b\x00\x00\x7f\xa5\xdf\xe4r\x90\xd0\x88\xb8\xae\xae\xae\xbc\xbc\xdc\xdb\xf6G)\xf5\xd4\xea\xe5c\xae\x9d\xac?;\x15\x0e\x87\x19K\xeb.\x92\x1b\xad\x19g\x7f\xb9}\xf3\r\xb3\x17\xc6\x13\xae\xe9&lt;32\x12\x89\xbc\xf4\xd2K4\xfd\xe5w#\x01,\x85\x00\xf0\x93\xd6\xdaq\x9c\xd2\xd2\xd2X\x8c\xa6z\x8cR*g\xe2\xb8\xe5\x8f,\xf8\xbc\xee#f\x0cgiV\xfcsN\xea\xf3\x86Qc\xafx\xe4\xbf\xcf\xff\xfe\x81\xd7\xbc\x9b\x80={\xf6|\xe7;\xdf\xc9\xcd\xcd\xa5?\xfa\xddF\x00\x1b!\x00|\xa3\x94r\x1c\xe7\xe8\xd1\xa3\xfb\xf6\xed\xeb\xfax\xd4\xc7\x9f\x9c\xbc\xee\xb6\x07\x8d\xd2\x81\xe8\xfc=\xdc\x91\x821\xa6\x94f\x8c\t!\xe8\xb0\xb37\xdex\x03+\x01\x00~A\x00\xf8\xc3\x18C\xbb\xa4\x15\x14\x14\xd0\xcc\x8f\xf7\xa9\xb6\xf6\xf6\xb6\xf6v\x1f\xdb\xd6\x0f\xbc\xe3\x8e+++\xef\xba\xeb.L\x04\x01\xf8\x02\x01\xe0\x0f\x9a\xfd\xff\xbb\xbf\xfb\xbb\xea\xeaj*\xfd\xec\xfa\xa8W\xda=\xf6u\x81\xba-\xf9\n!\xd6\xae]\xfb\xee\xbb\xef\xd2\xeawP_5@\xcaB\x00\xf8\x80\x16BO\x9e&lt;\xb9~\xfdz\xc6\x98\xeb\xbag\xff\x05?\xda\xd5\xafh\xca\xebw\xbf\xfb\xdd\xb3\xcf&gt;\xfb\xcc3\xcf\xe0&amp;\x00\xa0\xff!\x00|@\xc3\xff\x1f\xfc\xe0\x07\xf1x\xfc\xf2\xcb/\xa7\x83_\xfcn\x94\x0f\xe8U\xef\xdd\xbbw\xd5\xaaU#F\x8c\xc0M\x00@?C\x00\xf8\x80\x86\xba+V\xacX\xb9r%\r\xf6m\x18\xf2\x9f\x13=\x1d6x\xf0`\x16\xdc\x89/\x80\x94\x85\x00\xf0\xcd\xb0a\xc3\xfcn\x02\x00X\r\x01\xe0\x1bkG\xfdg\xc3\xd8\x1f\xc0\x17\x08\x00\xdf\xa0\xd7\x03\x00\x7f\xe1\tL\x00\x00K!\x00\x00\x00,\x85\x00\x00\x00\xb0\x14\x02\x00\x00\xc0R\x08\x00\x00\x00K!\x00\x00\x00,\x85\x00\x00\x00\xb0\x14\x02\x00\x00\xc0R\x08\x00\x00\x00K!\x00\x00\x00,\x85\x00\x00\x00\xb0\x14\x02\x00\x00\xc0R\x08\x00\x00\x00K!\x00\x00\x00,\x85\x00\x00\x00\xb0\x14\x02\x00\x00\xc0R\x08\x00\x00\x00K\xe1D0\x80\xfe`\x8cQJ)\xa5q\x12hO\x94\xd2J)\xad\xb5\xdf\r\xb1\x08\x02\x00\xa0?\x84\x1cG\x0e\xcd\x92R2\x81\xdb\xee\x1e(\xcd\x86\x0e\xb9l\xf0 \xbf\xdba\x11\x04\x00@r\x19c\x18c\x9f5D\x7f\xfa\xfa[\xee\x996\x9c\x05\xdd\x13\xadMh\xf0\xa0\xe3\xbf\xfc\x15c\xcc\x18\x83\x1fT?@\x00\x00$\x17\xcdi\xfc\x9f\x135\x7f\xfa\x8dG\xfdnK\xda0\x98)\xeb\x17\x08\x00\x80\xfe\xc09\xe3\x1c\x93?\x17\xc2h\x8d\xde\xbf\x9f \x00\x00\x92\x82s.\xa5\x14B`*\xe3"q)\x19cLJ\xc9\x18\x13X2I&amp;\x04\x00@R$\x12\t\xa5\x94R\xca\xef\x86\xa4+\xfa\xd1\xb5\xb4\xb4\xf8\xdd\x90 C\x00\x00\xf41\x1a\xf2\x8f\x181\xe2\xf6\xdbo\x17B\xa0\xae\xf1\xd2H)\x95R\xd3\xa6Mc\x9d?R\xe8s\x1c\x8b-\x00\x00v\xc2\x1d\x00@R\x18c0\xba\xea\x13X\x06H\x1e\xdc\x01\x00\x00X\n\xd1\n\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r\xfcn\x00@\x7f0\xc6\xd0\x7fI\xb7\xcf\xf2.\xfch\x1d\x80?\xf8\xd9\x17\x03@`h\xad\xb5\xd6\x9cs)\xe5\x85\xff}!\x84\x10\xb89\x86\xe0C\x00@\x00Q?\xee8_\xba\xc1=y\xf2\xe4\xc7\x1f\x7f\xfc\xd9g\x9f}\xfe\xf9\xe7MMM\xf1x\xdc\x18\x13\x0e\x87\xb3\xb2\xb2F\x8e\x1c9v\xec\xd8\xf1\xe3\xc7\x0f\x1a4\xc8\xfb\n\x8c1\xc4\x00\x04\x1b\x02\x00\x82\xc3\x18C\xe3}\xaf\xe3\xfe\xedo\x7f{\xf4\xe8\xd1\x9f\xfd\xecg\xbf\xfe\xf5\xaf?\xfa\xe8\xa3X,\xd6\xd3\xbfu\x1c\xe7\x8a+\xae\xb8\xe9\xa6\x9b\xe6\xce\x9d;\x7f\xfe\xfc\x9c\x9c\x1c\xc6\x98RJ\x08\x81y!\x08*\x04\x00\x04\x84R\xca\x9b\xe7y\xef\xbd\xf7^}\xf5\xd5\xd7^{\xed\x9dw\xdeQJu\xfdk\xf4w\xba\xf6\xe9\xb4*@C~2h\xd0\xa0o|\xe3\x1b\x1b7n\xbc\xf9\xe6\x9b\x19c4)\xd4\x1f\xaf\x01\xa0\x7f!\x00 \x08\x8c1\x9cs\xad\xf5\x8f~\xf4\xa3W^y\xe5\xcd7\xdft]\x97&gt;E\x13AZ\xebs.\xffz\xba\xae\x03\xd3\xbfu\x1c\xa7\xa0\xa0`\xdb\xb6m\x19\x19\x19\xc8\x00\x08\xa4\xc0\x06\x00]\xf0}\xf5\xd5\xba\xce*@\xaa\xa17\xba\xa2\xa2b\xe7\xce\x9d\xd5\xd5\xd5\xf4A\xc7q\xfeh\xa7\xdf\x13z\xbb\xe9\x9f\xcf\x9c9\xf3\xef\xff\xfe\xefG\x8f\x1e\x8d\x0cH#\xb8\xfc/P0\x03\x80\xc6\x83\xa9\xff5\xa1OP\xd7&lt;w\xee\xdc\x7f\xfd\xd7\x7f\r\x87\xc3J\xa9\x9e\xae\xffs\xd6z\x9e\xa76\xd4q\x9cD"q\xc3\r7\xbc\xfd\xf6\xdb\xc3\x87\x0fg_\x9e;\x82\xd4\x84\xcb\xff\xc2\x050\x00\xe8\xad\xfa\xf0\xc3\x0f?\xfa\xe8#\xce{\xfb\x02\xe9+L\x9c8q\xd2\xa4IA\xfd%Hw4\xfb\xff\x8b_\xfc\xe2\xb6\xdbn\xeb6\x9b\xcf:\x87o\x9cs\xa5\xd4y~\x19\xa4\x94g\xff[\xc6X(\x14J$\x12w\xdey\xe7\x1bo\xbca\x8c\xc1\x9ap\x8a\xc3\xe5\x7fQ\x82\x16\x00\xde\x82\xde\xd4\xa9S\xdf\x7f\xff\xfd\xbe\xfa\xb2\xb9\xb9\xb9\xbf\xf9\xcdo\xe8\xe2\x0f\xde/A\x00\xd0M\xc0\xacY\xb3\x8e\x1e=*\xa5\xa4\x85_Z\xef\xed\xba\x08&lt;l\xd8\xb0+\xaf\xbcr\xf8\xf0\xe1\x99\x99\x99\xe1p8\x91H\xc4b\xb1?\xfc\xe1\x0f\xff\xf5_\xffE\xf3\xfeR\xca\xb3\xef\x1e(\x03v\xee\xdc\xb9~\xfd\xfa\xaeK\xcd\x90jp\xf9_4\x13,\xae\xeb\x1ac^z\xe9%\xc6X(\x14\x12}!\x14\n1\xc6^z\xe9%\xef\xebC\xaaI$\x12\xc6\x98\x7f\xfa\xa7\x7fb\x8cI)\xbb&gt;\x01\x90\x95\x95\xf5\x8do|\xe3\xe5\x97_\xfe\xe5/\x7fy\xea\xd4)oa\xc0\xd3\xd6\xd6\xf6\xde{\xef\xbd\xf4\xd2KT\xf3\xc3\xce\x9a\xe7\xa1_\x83\xec\xec\xecO?\xfd\x94\x9e0\xf0\xe3%\xc2\x1f\x87\xcb\xffb\x05\xea\x0e\x80^KcccNNNcc#\x95\x85H!\xd8%\x87\xb61Jk!\x841f\xe8\xd0\xa1uuuC\x87\x0ee\x98\x08NI\xc6\x18\xa5\xd4\xb4i\xd3N\x9c8A\x1f\x999s\xe6\xe2\xc5\x8b\xef\xbd\xf7\xde\xb1c\xc7v\xfd\x9b]\xc7\xf8]\xd7\xf7\x94R/\xbf\xfcraaa"\x91`\x9d\xbfN\xc4q\x1c\xd7u\xbf\xfb\xdd\xef\x16\x16\x16\xba\xae\xdb\xed\x113H\x05\xb8\xfc/\x85\x7f\xd9\xd3\xf7(\x9fW\xaf^\xcd\xceU\xee}i\xe8+\xd0W[\xbdz\xb5\t\xe2( \x18\xe8&amp;\xe0\x95W^\x190`\xc0\xa3\x8f&gt;z\xec\xd81\xefSJ\xa9D"A\x8b\xc3g\x8f\xdf\xb5\xd6\xf4\x17\xe8S?\xfe\xf1\x8fi\xf0\xd8\xf5\x97GJ\xc99\xff\xeaW\xbf\x8a;\x80\x94\x85\xcb\xff\x12\x04\xe7\x0e\x80\x1e\x01}\xff\xfd\xf7\xaf\xbf\xfezo\x07\x18c\xcc\xf4\xeb\xa7\x0c\x1d6T\xbb\xea\xa2~\x1b\x8c1\xc2\x91\x8d\r\x8d\xd5\'j\xe8\xeb\xd0\xfd\xe0\x89\x13\'rss\xe9\x8f\xc9{-p\xc9N\x9f&gt;\xfd\xf1\xc7\x1f\xe7\xe6\xe6\xb2\xce{\x02\xea\xbb/\xe4\xdf\x1ac\x12\x89D8\x1c\xde\xb2e\xcb\xd6\xad[\xbd\xb5\x04\xd6\xb9\x18\x98\x91\x91QSS3a\xc2\x04\x94\x84\xa6\x1a\\\xfe\x97&amp;8\x01@\x97\xfa\xddw\xdf]YYI\x15\x1d\xc6\x98i7\\\xf3\xef\xffz\xc0\xc9\x083}\xf1/Sp\xb7=~\xeb\x9d\x8b\xde\xf9\xf5\xefh\xf1G)u\xd7]w\xbd\xf1\xc6\x1bX\tLqJ\xa9K\xab\xdd\xa6*\xa0\xa6\xa6\xa6\xc9\x93\'\x9f:u\xaak\x19\x89\x10Bk\xfd/\xff\xf2/\xf3\xe7\xcf\xc7/@\xaa\xc1\xe5\x7fi\x02\x92c\xf4\x96TVV\xd2\xdbO\xd7\xbf1\xa6l\xcb:g\xc0\x803\r\xb1D\xcb\xe9\x8b\xfd\xdf\x99\x86\x983`@\xd9\x96u\xc6\x18z\xfb\xbb}\x0b\xbf_4\x9c\x831Fk-\xa5\xbc\xb41\x9a7\xe1;k\xd6,\xd6y\xef\xef}\x8a1\xf6\xd1G\x1f\xb1//\x0f\x80\xefp\xf9_\xb2 \x04\x00\xbdC\xae\xeb\xe6\xe7\xe7\xd3\x1bO\xef\xd0C\xf7\xdd9\xe7\xce\x99\x89\xc6X8|)\xf5\x00\xe1p(\xd1\x18\x9bs\xe7\xcc\x87\xee\xbb\x93\xde~\xfaF\xf9\xf9\xf9\xae\xeb\xf6\xbe\xc4\x18\x92\xa1\xf7\x0fm\xd2\xe0\xf1\xfa\xeb\xaf?\xe7g\x1b\x1a\x1az\xf3\xc5\xa1\xcf\xe1\xf2\xef\x8d \x04\x00M\xc8\xee\xd9\xb3\xa7\xa6\xa6F\x08a\x8c6\xc6\x84\xc3\xa1mEk\xb8\xd6\x97^\x03\xc0\x18\xe3\x9ck\xbd\xadhM8\x1c2\xc6\x18\xa3\x85\x10555{\xf6\xec\xa1\t\x81\xbe{\x11\x90B8\xe7YYY\xe7\xfc\x14\x15\x08A\xea\xc0\xe5\xdf\x1bi\x1f\x00\x14\xcb\xd1h4\x12\x89P\xe1\x97\x10Rk\xbda\xe5\xd2)\xd3\xa6\xc6\x9b[z3\x1e\x14B\xc4\x9b[\xa6L\x9b\xbaa\xe5R\xef+s\xce#\x91H4\x1a\r\xcc(\x00\xce\xd6SG\x1f\x0e\x87\xfb\xb9%p\x1e\xb8\xfc{)\xed\x03\x80\xf2\x9f\xde\x12z\xb3\x8d1\xa3F\x0e_\xbfz\x99n9-z\xbdV#\xa4\xd4-\xa7\xd7\xaf^6j\xe4pz\xbf\x85\x10\xf4\x0b\x17\x98Q\x00tc\x8c\xf9\xe4\x93O\xce\xf9)\xda\x11\x08R\x04.\xff^J\xef\x00\xa0\xb7\xff\xf8\xf1\xe3tSF\xc7wh\xad\x9f-Zs\xf9\xb81\x89\xb6\xf6&gt;)\x04N\xb4\xb5_&gt;n\xcc\xb3Ek\xe8\xdb\xd1w\xd9\xb3g\xcf\xf1\xe3\xc7\x83\xf1K\x00]\t!8\xe7\xbf\xfa\xd5\xaf\xd8\x97\x17{\xe9\x8d\x9e8q"\x0b\xd8\xa3@i\x0b\x97\x7f\xef\xa5\xf7]\x0c-\xce\xcc\x993\xa7\xaa\xaa\xca\xdb\xcck\xda\r\xd7\xfc\xbc\xb2\xc2\xd1\x8a\xf5j\xfe\xef\x0b\x861\xc6\x8c+\xe4\xd7\xef\xca{\xe7\xd7\xbf\x13\x9d;\x8b\xcd\x9e=\xfb\xf0\xe1\xc3A\xaa\t\x03\xba\xc7\xff\xc3\x1f\xfep\xcd5\xd7\x9c9s\x86uf\x00\xdd\xef\x0f\x180\xa0\xa6\xa6f\xfc\xf8\xf1x\x0e \x15\xe0\xf2\xef\xbd4\xfe%\xa6\x1f\xfd\xc1\x83\x07\xe9\xed\xa7\xda/)Ey\xc9\xc6\x01\x83\x07j\xa5\xfbj\x90\xc6\x19\xd3J\x0f\x18&lt;\xb0\xbcd\xa3\x94\xc2\xab\t\xab\xaa\xaa:x\xf0`\x90j\xc2\x80\x02`\xf7\xee\xdd\xad\xad\xad\xd4\xa7\xd0\xc7\xe9\xb2\xbf\xf1\xc6\x1b\xc7\x8d\x1b\x17\xa4\xe7\x80\xd2\x17.\xff&gt;\x91\xae\xbf\xc7\xb4\xf8\x13\x8f\xc77o\xdeL\x7f\xa4w"o\xc1=\xb3\xef\x9e\x1d\x8f\xc6\xfa6\x96\xa5\x94\xf1hl\xf6\xdd\xb3\xf3\x16\xdc\xe3\xd5\x841\xc66o\xde\x1c\x8f\xc7\x83\xb1\x1c\x04\xb4\xc9\xcf\x7f\xfe\xe7\x7f\xbe\xfc\xf2\xcbt\xb3\xdf\xf5\xb3\xc6\x98\xbc\xbc&lt;\xba\xfe\xfdj!\x10\\\xfe}%]\x03\x80\xee\xc1\xcb\xca\xcajkk\x1d\xc7\xa1\xda\xed\xac!\x99[6&lt;\xa1\xcf\xb4q\xd1\xf77e\\H}\xa6m\xcb\x86\'\xb2\x86d\xd2\xb7s\x1c\xa7\xb6\xb6\xb6\xac\xac,\x00S\x81\xa0\x94r\x1c\xe7\xd3O?]\xb4hQ{{;\xeb\xb2\x00 \x840\xc6\x8c\x1c9r\xd9\xb2e\xd4\xd7\xf8\xdaR\xc0\xe5\xdfg\xd22\x00\xe8&gt;\xbd\xbe\xbe~\xe7\xce\x9d4R\x93Rh\xad\xd7\xae\xc8\xbbz\xda\xd4DK\xab\x10}\xbfF\'\x04O\xb4\xb4^=m\xea\xda\x15yZk);\x96\x83v\xee\xdcY__O%h}\xfeM\xa1\x7f\xd0\xb0\xee\xe4\xc9\x93\xf3\xe7\xcf\xaf\xab\xab\xa3S\x01\xbc\xcf\xd2\x15^ZZ\x9a\x9d\x9dM\xbf{&gt;6\x15p\xf9\xf7\xa1\xb4\x0c\x00\x9a\x84-..nhh\xa0\x13\x1a\x94\xd29\x13\xc7\x15\xac^\xeeF\x1b\xa5\x93\xac\x01\x9at\xa4\x1bm,X\xbd&lt;g\xe28\xa54\xe7\x8cs\xde\xd0\xd0P\\\\L\x83\xc4$}_H*\xd7u\xa5\x94\x1f}\xf4\xd1\x1dw\xdcQ]]\xddmV\x976\x82\xbe\xfb\xee\xbb\x1f\x7f\xfc\xf1t_\xf1\x0b\x06\\\xfe}(\xfd\x02\xc0\xab\xfd\xaa\xa8\xa8\xa0\xfc\xe7\\\x18c\x9e.X\x91}\xc5H\x15O$o\x80\xc69W\xf1D\xf6\x15#\x9f.Xa\x8c\xe1\xbcc\x14PQQ\x11\x8c\x9a0\x0b\xd1\xbc\xff/\x7f\xf9\xcb\xd9\xb3g\x9f8q\xc2q\x9c\xb3{\xff\x9c\x9c\x9c\xbd{\xf72T\x7f\xa6\x00\\\xfe}+\xfd\x96/\xba\xd5~1f\x94\xd23gL\xff\xe9?\xff/}\xe6L?\x94gh\xad\xc5\xc0\x81\xb7\xdf\xf7\xad\xa3\xbf\xa8\x96R0\x16\x9c\x9a0\xabx\xdb\xc6\xbd\xfa\xea\xab\xcb\x97/oii9\xe7\xd8\x7f\xcc\x981o\xbd\xf5\xd6\x94)SP\xfa\x99\np\xf9\xf7\xad4\xfb\x85\xa6\x1f\xf1\xa1C\x87\xbc\xda/c\x18\xe7\xbc\xb4\xf0I\x19r\xfa\'\xcc\x8c12\xe4\x94\x16&gt;\xc997\x86y5a\x87\x0e\x1dJ\xf7\x9a0{\xd0&lt;\xb2\x94\xf2/\xfe\xe2/\x1ez\xe8\xa1\x96\x96\x96ne?\xde\xd8\xff\xed\xb7\xdf\x9e2e\n\x8d\xf5|l00\\\xfeI\x90N\xbf\xd34\xf7\x17\x8b\xc5\x8a\x8a\x8a\xa8\xf4\xcaq\xa4\xd6\xfa\xb1G\x16\xcc\x99w{{c\x1f\xd7~\xf5DJ\xd9\xde\x18\x9b3\xef\xf6\xc7\x1eY\xa0\xb5v\x9c\x8em\x02\x8b\x8a\x8ab\xb1X\xfa\xce\x06\xda\x83\xc6\xf2mmm\x8b\x17/~\xfa\xe9\xa7\xa9\xc6\xbf\xeb\xfd;\xf5\xfe\xb7\xdcr\xcb\xe1\xc3\x87sss\xd3qd\x17&lt;\xb8\xfc\x93!\x9d\x02\x801\xc69okk;u\xea\x14\xeb\xd8\xb6\x971\xc6N\xb7\x9e\xd1\x89\xb8\xe8\xc7\xf9Y\xc1\xb9N\xc4O\xb7\xd2\x93\xa2\x1d\xf5\x82\xa7N\x9djkk\xc34q\x8a\xa3\xde?\x1a\x8d\xdes\xcf=\xfb\xf7\xef\xf7\x8a\x08\xe9\xb3t[\xe0\xba\xee\x82\x05\x0b\xdez\xeb\xad\xb1c\xc7\xa2\xf7O\x1d\xb8\xfc\xfb\\:\x05\x00=\x833j\xd4\xa8\xc2\xc2B\x1a\x0et,\xc2\xfc\xe3\xff\xaez\xf3g\xa1\xa1Y\xfds\xff\xa5\x94\n\r\xcd\xaaz\xf3g\x15\xff\xf8\xbf\xbd6\x18c\n\x0b\x0bG\x8d\x1aEO$\xf6C3\xe0\x12\xd0`\xad\xb1\xb1q\xde\xbcy\x87\x0f\x1f\x0e\x85Bt\xc4+}\x96\xdeG\xa5Tqq\xf1?\xfc\xc3?dff\xd2"\x81\xbfm\x06\x82\xcb?\x19\xd2l\x11\x98\x06k\xae\xeb\xdex\xe3\x8d\xef\xbf\xff&gt;\xfd\xac\xe9\xec\xb7co\xecs\xb4\xee\xab\r@zl\x00c\x8c\x19W\x88?\xb9{1\x9d\x15G\r\xc8\xcd\xcd}\xf7\xddw\x1d\xc7\xa1\xd3\xe3\x92\xd9\x04\xb8D\xb4\xeak\x8c\x997o\xde[o\xbd\x15\n\x85\xba\xee\xf9L\x13\xb8\x83\x06\r\xfa\xeb\xbf\xfe\xebE\x8b\x16\xd1"\x01\xde\xca\x94\x82\xcb\xbf\xcf\xa5\xd3\x1d\x00\xeb\xdc\x93+\x1c\x0e\xbf\xf8\xe2\x8b4\x9a\xa3;\xfa\xeaw\xdf\xdb_\xf1\x9a34K\xb9nR\x1b\xa0\\\xd7\x19\x9a\xb5\xbf\xe2\xb5\xeaw\xdf\xa3\xc2/j\xd2\x8b/\xbe\x18\x0e\x87\xa9IIm\x00\\2\x1a\xce?\xf5\xd4S=\xf5\xfec\xc6\x8cy\xfb\xed\xb7\x17-Z\xe4\xba.-\x0c\xf8\xd8Z8\x1b.\xff&gt;\x97fw\x00\xa4\xdb\x01\xd0\xf46\x8c\xb8&lt;\xfb7G\xff){h\xa6N\xb8Iz\x1b\x8c1"\xe4D\x1b\x9b\xa7\xce|\xf0\xb3\xcf\xa3\xde}h\xf0\x8e\x8a\x0e\x1ezw\x8e\x1d;v\xdbm\xb7Q\xb1\xbf\xf7\x9bO\xbd\x7fnn\xee\xeb\xaf\xbf\x9e\x93\x93\x93H$B\xa1\x90\xbf\xad\x85\xf3\xc0\xe5\xdf\x87\xd2\xec\x0e\x80x\xa9\xeb\xad\xe0q\xce?=yj\xcbs\xffC\x0c\x1e\xa4U\xb2\x1e\xc7\xd0J\x8b\xc1\x83\xb6&lt;\xf7?&gt;=y\x8a\xda@[\x82x\xe3\x91$}_\xe8=zw"\x91\x08\xeb\x9cI\xa0\x8f\xd35\x9c\x9b\x9b\xfb\xd6[o\xe5\xe4\xe4\xb8\xae\x8b\xde?\xc5\xe1\xf2\xefCi\x19\x00t\xf35e\xca\x94\x95+W\xd2}=-\xc5\xbc\xf2\xc3W\xdf\xab&gt;\x11\xbalP2\x1e\xc9\xd3Z\x87.\x1b\xf4^\xf5\x89W~\xf8j\xe7\x0e$Rk\xbdr\xe5J&lt;%\x94\xe2\xe8\xddy\xe7\x9dw\x0e\x1f&gt;\xdc\xb5\xde\x9f\x96\xef.\xbf\xfc\xf2\x7f\xfe\xe7\x7f\x1e;v,=\x15\xecoS\xe1\x8f\xc2\xe5\xdf\x87\xd2\xb2\xd1\xac\xf3\x97`\xeb\xd6\xad\xa3G\x8f\xa6\xf8\xe5\x9c\xb9\xaeZ\x1b\xf9.O\xda\x8d\x18\x97rm\xe4\xbb\xae\xabh\x1b\x10c\xcc\xe8\xd1\xa3\xb7n\xdd\x9a\xbeo\xbf%\xa8Gx\xed\xb5\xd7\xccY[\xf9\x1bc^y\xe5\x95\xab\xaf\xbe:\x91H\xa0\xf7O\x17\xb8\xfc\xfbJ\xba\xb6\x9b\xde\x80\xec\xec\xec\xe7\x9f\x7f\xbe\xf3\xa86-\xa5x\xb3\xea\x17?y\xfd\xadPVf\xdf\xd6\x84)\xa5BY\x99?y\xfd\xad7\xab~!\xa5PJ\xd3\xaf\xe0\xf3\xcf?\x9f\x9d\x9d\x9d\xbe7\x80\x96\xa0\xeb\xf3\xd8\xb1c\xac\xcb&amp;\xcf4\x82\xbb\xeb\xae\xbb\x16,X\x80\x99\x9f\xf4\x82\xcb\xbf\xaf\xa4\xe5"0\xa19\xb8D"\xf1\xf5\xaf\x7f\xbd\xba\xba\xda;\x12\xfa\xea\xab\xc6\xbf{\xf4\x1f\xa51\xcc\xf4MQ\x981\x8cq\xa68\xbfq\xe6\x82\xda\x0f\xfe\x8b\xdel\xad\xf5\xf4\xe9\xd3\x7f\xfe\xf3\x9f\x87B\xa1\xb4\xab\xfd\xb2\x8a\xe9&lt;&lt;\xe4\x9ak\xae\xf9\xf0\xc3\x0f\xbdM\xbbh\xea\xe0\xd5W_]\xb0`\x01\x1d\x06\xe0wK\xe1"\xe0\xf2\xef\x13\xe9z\x07\xc0:G\x01\x19\x19\x19\xbbw\xef\x96RRM\x98\x14\xe2\xfd\xba\xdf\xef\xd8\xfdWNv\x96R}S\x13\xa6\x94\xebdg\xed\xd8\xfdW\xef\xd7\xfd^v\xd6~I)w\xef\xde\x9d\x91\x91\x91\xd6\xf9o\x8f\xc6\xc6\xc6\xcf?\xff\x9cu9\xe3W)5p\xe0\xc0[o\xbd\x95\xdeM\xbf\x1b\x08\x17\x07\x97\x7f\x9fH\xe3\x00`\x8c\xd1S\xfb3g\xce\\\xbcx1-\xcb(\xad\x85\x10\xe5\xffs\xdf\'\xff\xf7\xf7\xa1\x81\x03t\xaf\xefo\xb41\xa1\x81\x03&gt;\xf9\xbf\xbf/\xff\x9f\xfb\x84\x10\xaas\xd1i\xf1\xe2\xc53g\xce\xa4\xad\xe4\xfb\xe4\xb5@\x92P\x8f\xdf\xd4\xd4\xd4\xd6\xd6\xe6}\x90.\xda\xb1c\xc7\x8e\x1a5\xca\xb7\x96A\xef\xe0\xf2\xef\xbd\xf4\x0e\x00\xd6Y\xc8\xb1e\xcb\x96\xac\xac,op\xd7\x10\x8d\x15m-\x17\x83\x07\x99^O\x05\x1a\xa5\xc4\xe0AE[\xcb\x1b\xa21\xef\xc1\xbf\xac\xac\xac-[\xb6\x9c\xbd\xa2\x08)+\x1e\x8fw\x9d\x17\xa6\xb7r\xd8\xb0aTJ\x98\xd6\x838\x9b\xe1\xf2\xef\xa5\xf4\x7f\x01B(\xa5rrr\xd6\xad[\xe7\xd5\x84I)\x7f\xf8\xea\xeb\x87\x7fr8\xdc\xbb\x1dB\x94R\xe1\xa1Y\x87\x7fr\xf8\x87\xaf\xbe\xee}e\xad\xf5\xbau\xebrrr\xb0Ep\x1a\xa1^^|YFF\x06\xeb\xb2,\x0ci\x07\x97\x7f/\xa5\xfd\x0b`\x9d\xaby\x05\x05\x05W]uU\xe7\xbbb\xb4\xd6[v|O\xf5\xee\xb1@\xce\xb9J\xb8[v|Ok\xcdX\xc7\x83\x7fW]uUAAA\x9a&gt;\xf8g-\xad\xb5R\xca\xfbo"\x91\xd0Z\xb7\xb6\xb6\xfa\xdd.\xe8-\\\xfe\xbd\x11\x84\xca\x07z\x8f\xb3\xb2\xb2\xb6o\xdf\xfe\xf0\xc3\x0f{\x8fi\x1c\xfdE\xf5\xde\x1f\xbe\xba\xfc\xf1\xc5g&gt;\xfd\xec\x12j&lt;\\\xd7\x1d8j\xc4\x0f^\xd9w\xf4\x17\xd5]\xf3\x7f\xfb\xf6\xedYYYi\xb7\xed\x9f\xb5\xe8m\xba\xea\xaa\xab\xde~\xfb\xedn\x9f\xca\xca\xca\xf2\xfe\x02\xa4)\\\xfe\xbd\x91\xc6e\xa0\xddt;+\xce\x18\xcd\x0c\x9b4al\xf5\xe1\x83C\x86g\xb3\x84{qEa\xc6\xb0\x90\xd3t*:}\xce\xc3\x1f\xfe\xfe\x0f\x8c3:\x024}\xcf~\x03\x080\\\xfe\x97&amp;8\x01@\xe5Y\xd5\xd5\xd5\x7f\xf2\'\x7fB7\xf8T(v\xfd\x94\x9c\x91\xa3G\\\xec\x16Q\xb4\xf1\xd3\xc9\xfa\xcfN\xd4\xd4\xd1\xd7\x11B\x84B\xa1c\xc7\x8eM\x9f&gt;=\x18\xeb?V\xa1\xbd\xa0\xbb}\x90V\x05|i\x0f\xf4-\\\xfe\x97&amp;8\x01\xc0:G\x01\x8f&gt;\xfa\xe8\x0f~\xf0\x03:\xd5\x8f\xde\xbc\xde|\xcd\xce\xc3\xe7\x1c\xd7u\x97/_\xfe\xfd\xef\x7f?H\xf9\x0f\x10\x18\xb8\xfc/A\xa0\x02\x80\x86x\'O\x9e\xbc\xee\xba\xebb\xb1\x18\xeb\xdc\x05\xec\x92g\xebh\xd8Hi\x9f\x95\x95\xf5\xdb\xdf\xfev\xe4\xc8\x91\xacsk\x01\x00H\x1d\xb8\xfc/Ap^\t\xeb,\n\xf6vh\x92Rz\x0f\x88_\x1a\xfa\x9a\xb4\xf8\xe3\xed&lt;\x15\xa4\xb7\xdf*\xc6\x18\xa5\x94\xeb\xba\xf4\xdf\xae\x87AB\x00\xe0\xf2\xbf\x04\x81\xba\x03`\x9do\xb6\xd6z\xea\xd4\xa9\xef\xbf\xff~_}\xd9\xdc\xdc\xdc\xdf\xfc\xe674\x9a\x08\xc6\xea\xbfmz\xda\xb21`w\xf4\x96\xc3\xe5\x7f\xb1\x82\x16\x00\xac\xf3\x91\x9f\x0f?\xfc\xf0\xa3\x8f&gt;\xea\xabI\xc0\x89\x13\'N\x9a4\xc9\xe0\x91\xd1\xf4D\xbd\x7f"\x91x\xfd\xf5\xd7\x8f\x1d;v\xf2\xe4\xc9\xcc\xcc\xcc\x9bn\xba\xe9\xfe\xfb\xef\x1f9rdZo\xe7\x0b\xdd\xe0\xf2\xbf(\x01\x0c\x00\xd6\xf9K\x90\xfa_\x13\xfa\x01\xf5\xef\xbf\xfa\xd5\xaf\x1e}\xf4\xd1w\xdey\xa7\xeb\xa7F\x8e\x1c\xf9\xdd\xef~w\xd9\xb2e\xc8\x80 \xc1\xe5\x7f\xe1\x82\x19\x00\x8c1\xadu\x1f\xbe4\xd4\x0b\xa6)\xfa\x1d\xf8\xec\xb3\xcfn\xba\xe9\xa6O&gt;\xf9\xa4\xdb\x03A\xae\xeb2\xc6~\xfc\xe3\x1f\xdfw\xdf}\x98\x0b\n\x12\\\xfe\x17(\x08O\x02\x9fSP\xdf0\xb8(\xb4\xd1\xff\xf7\xbf\xff\xfdO&gt;\xf9$\x1c\x0e\xc7\xe3\xf1\xae\x9f\xa5\xd3\xe1\xb7m\xdbv\xef\xbd\xf7\x06r|g-\\\xfe\x17\x08?&amp;\x082\xea\xd6\xab\xaa\xaa\xe8\x00\x80n\x9fUJ\x19c~\xfd\xeb_\x7f\xf2\xc9\'TC\xe2G\x1b\x01|\x83\x00\x80 \xa3Y\x9d\x93\'Oz\x85}]\xd1GZ[[\xeb\xeb\xeb\x19\xb6\x05\x05\xfb \x00 \xf8\xce\xde\x04\xc2\xe3\x9d\xf0\xc7\x10\x00`\x1f\x04\x00\x04\x19\xf5\xecYYY\xe7\xac\xe0\xa6"\xbfP(\x94\x9d\x9d\xcd\xb0-(\xd8\x07\x01\x00AF\x01\xd0\xd3\x06^T\xdd1a\xc2\x84\xf1\xe3\xc7\x07\xef!O\x80?\n\xbf\xf1\x10d\xd4\xa7/_\xbe\x9cs\xee\xba\xae\xe38\xbc\x93\x94\xd2q\x1c\xad\xf5\xca\x95+C\xa1Po\x8e\x8e\x02HS\x08\x00\x082!\x84\xd6\xfa\x86\x1bnx\xf1\xc5\x17\x8d1\xb4\xff\x0fQJ\xc5\xe3\xf1\xbc\xbc\xbc\x82\x82\x02\xda:\xc6\xef\xc6\x02\xf4\xb7\xc0&gt;\x08\x06\xe0\xa1\x07}\x0f\x1f&gt;\xfc\xc2\x0b/\xfc\xc7\x7f\xfcG,\x16\x0b\x87\xc3\xd7]w\xddc\x8f=\xf6\xe8\xa3\x8f\xb2\xe0&gt;\xe7\tp~\x08\x00\xb0\x82\xb7\xd9CsssSSSFF\xc6\xe5\x97_\xce\xd0\xf5\x83\xdd\x10\x00`\x0b:\xc7\xd5[\xe9\xa5m#1\xf3\x036C\x00\x80]h\x01 x\xfb\xfa\x02\\\x02\x04\x00\x00\x80\xa5P\x05\x04\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c7\xef\x06\x04\x99\xd6\xda\xef&amp;\x04\x01\xe7\x9cs\xeew+\x00\x02\x88\x1bc\xfcn\x03\x00\x00\xf8\x00w\x00Ia\x8c\xe1\x9co\xd8\xb0\xe1\x9dw\xde\x91R*\xa5\xfcnQZ\x12Bh\xadw\xed\xdau\xd3M7i\xad\x85\xc0\x8c%@_B\x00$\x05\x05\xc0\xb1c\xc7\xfe\xfd\xdf\xff\xdd\xef\xb6\xa4\xbd\xcf&gt;\xfb\x8c1\x86[\xd5&gt;g\x8c\xd1ZK)\xfdn\x08\xf8\x06\x01\x90D\x97]v\x99\x94\x12w\x00\x97\x8c\xee\x00B\xa1\x90\xdf\r\t&amp;\xce\xb9\x94\x92\x06+~\xb7\x05\xfc\x81\x00H"\xad5u\xfd\xf4_!8c\xb8\xd2\xfe8c4\r\xf7i\x88\x8a\xb1\x7f\x9f\xa3\x1fiSS\xd3\xbe}\xfbV\xadZ\x85\x0c\xb0\x16\x02\xa0\xffhm\x18C_\x06\xfe\xa3\x99\x9fW_}u\xf5\xea\xd5w\xdf}\xf7UW]\x85%\x16;!\x00\xfa\x03\xe7\xdc\x18\xb3c\xcb\xba\x9bo\xb9)q\xbaU\x08\x8c\xb6\xce\xcd\x18\xe3\x0c\x1c\xb0\xfe\xcf\x9f\xff?\'j\xd0\x1f%\t\x8d\xf7\xa3\xd1\xe8\x96-[8\xe7\xabW\xaf\xfe\xc9O~\x82\x92e;!\x00\xfa\x03\x05\xc0\xd7o\xf9\xca\xd7\xef\xbd\x83561\x89\xae\xad\x07Z\xb3\xcc\xcbF\x94\xeda\x9d?4\xbf\x1b\x14@4\xfc\x8fD"\x1f\x7f\xfcq(\x14z\xe3\x8d7*++\xef\xba\xeb.\xa5\x14\x16\x84m\x83\x00\xe8?-\xa7[Uc,\x1ek\x91\x08\x80\x1eh\xadCJ%\\\xd7\xef\x86\x04\x16M\xf5\xd4\xd4\xd4\xec\xd9\xb3\x87\xd6\xd89\xe7\xf9\xf9\xf9\'N\x9c\x10B`1\xc06\x08\x80\xfe#\x84\x90RJ)\x10\x00=\xe1\x9cI)\xd1\x07%\x8f1F\x08\x91\x9f\x9f\xef\xba.\xd5\xa7I))\x0fV\xaf^\x8d\x9b\x00\xdb\xa0\'\x02\xb0\x05\xf5\xef\x95\x95\x95\x95\x95\x95^u2\xdd\x13D"\x91\xfa\xfaz\xce9\x16\x03\xac\x82\x00\x00\xb0\x02M\xef\xb8\xae\x9b\x9f\x9f\xdfu}\xc5[\x13...\xa6Y \x7f\xdb\t\xfd\t\x01\x00`\x05\x1a\xe9\xef\xd9\xb3\xa7\xa6\xa6\x86f\xff\x19c4\xdbF\x9f\xaa\xa8\xa88~\xfc\xb8\xf7)\xb0\x01\x02\x00 \xf8h\xb1\xb7\xbe\xbe&gt;\x12\x89t\xed\xe2i\xbcO7\x01\xed\xed\xed\x1b6l@\xf1\x95U\x10\x00\x00\xc1Gk\xbf\xc5\xc5\xc5\xd1h\xd4\xab\xf6\xb9l\xf0\xa0]%\x1b\x1dGr\xceiy\xa0\xaa\xaa\xea\xe0\xc1\x83\xd8\xbc\xc4\x1e\x08\x00\x80\x80\xa3\x19\x9e\xe3\xc7\x8fWTT\x08!\xa8\xfe\xc7\x18\xb3j\xd9\xc3\xeb\xb6\x14?|\xff\\c\x0c}\x841\xb6y\xf3\xe6x&lt;\x8e\xfb\x00K \x00\x00\x02\xce\xdb\x9c\xbc\xbd\xbd\x9ds.\x04\xd7Z\xe7L\x1cW\xb4\xfeq7Z\xffL\xe1\xaa\xac!\x99\xc6\x18c\x8c\xe38\xb5\xb5\xb5eeeX\t\xb</t>
        </is>
      </c>
    </row>
    <row r="95">
      <c r="A95" s="1" t="n">
        <v>93</v>
      </c>
      <c r="B95" t="inlineStr">
        <is>
          <t>size_grid</t>
        </is>
      </c>
      <c r="C95" t="inlineStr">
        <is>
          <t>What is the size of the missing part denoted with a question mark?</t>
        </is>
      </c>
      <c r="D95" t="inlineStr">
        <is>
          <t>['large', 'medium', 'small']</t>
        </is>
      </c>
      <c r="E95" t="inlineStr">
        <is>
          <t>medium</t>
        </is>
      </c>
      <c r="F95" t="inlineStr">
        <is>
          <t>There are circles arranged in a grid formation with varying sizes in the image. The sizes in the first row are ['medium', 'large', 'medium'], the sizes in the second row are ['large', 'small', 'large'], and the sizes in the third row are ['?', 'large', 'medium'].</t>
        </is>
      </c>
      <c r="G95" t="inlineStr">
        <is>
          <t>We observe that the circles at the corners are medium size, while the circles directly adjacent to the center are large size. Only the center circle is small size. Hence, the pattern is that the circles alternate in size depending on if they are at the corner or adjacent to the center.</t>
        </is>
      </c>
      <c r="H95" t="inlineStr">
        <is>
          <t>Based on the pattern that the circles alternate in size depending on if they are at the corner or adjacent to the center, the size of the missing part that is at the corner should be medium.</t>
        </is>
      </c>
      <c r="I95" t="inlineStr">
        <is>
          <t>b'\x89PNG\r\n\x1a\n\x00\x00\x00\rIHDR\x00\x00\x02\x00\x00\x00\x02\x00\x08\x02\x00\x00\x00{\x1aC\xad\x00\x00n\x9dIDATx\x9c\xed\xddy|\x14E\xfa?\xf0\xa7\xba{f2\xb9\'\x07\xb7\\\x92\x03C\x08\x04\xc2-\x12n\x16]\xdd\x059\x94+\x11"?\x147(\xa2\xb8\xae\xb7\xbb\xca!\xe8\n*A\x82"\xc2\x17\xd7\x15\x14\x16\xc2!\xca)F\x02&amp;\x81\xc0\x10\x8e@\xc8\x05\xe4\x1ar\xcdtU\xfd\xfe(\x99\xcd\x02*W2=\xd3\xcf\xfb\xf5}\xf9\xdao2\x19:\x93\xa7\xebSU]]M8\xe7\x80\x10BH\x7f$W\x1f\x00B\x08!\xd7\xc0\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R\\}\x00\x0856\xce\xf9u\xbfN\x08i\xe4#A\xc8\xb50\x00\x90\'\xe3\xf5\x00\x80$I\xce\xff^\x8b1\xe6\xfc/\xa9\xa7\x11\x8f\x17\xa1FE~\xad7\x84\x90\x9b\x12\xcd=c\x8c\x10"\xcb\xf2\xb5/`\x8cUTT\x10\xf2K\xf1\x8b\xff\xe1\xe5\xe5e6\x9b\xaf\xfbb\xf1V\x92$a\x18 \x0f\x83\x01\x80&lt;\x84h\xf49\xe7\x8a\xf2\xdfq-\xa5\xb4\xa0\xa0 777++\xf3\xe2\xc5\x8b\xe9\xe9?\xa9\xaaZ\\TTT\\D\x80p\x10\xc5O\x00\xb8\xaf\x8fo\x87\xb0\x0e\x9cCtttHHH\xf7\xee\xdd\xef\xba\xeb\xae6m\xdax{{\xd7\x7f7\x00\xc0$@\x1e\x03\x03\x00\xb9=\xce9\xa5\xd4\xd9\xeeSJ\xadVkZZ\xda\x9e={\xacVk^\xde\x99\xcaJ\xdb-\xbc\xad\xc9dl\xd1\xa2EDDD\xaf^\xbd\x87\x0e\x1d\x1a\x13\x13\xe3\x0c\x03UU%I\xfa\xb5\xa9$\x84\xdc\x05\x06\x00rc\xa2K.\xe6y(\xa5\x07\x0e\x1cX\xbf~\xfd\xe6\xcd\x9bO\x9c\xb0\xd6\xd5\xd9\xeb\xbf\xd2\xcf\xcf\xc7\xc7\xc7\xfb\x9e\xf0\xb6\x92"\x07\xf8\xf9t\xee\x1c\xce)\x13\xddx\xce9Q\x0cyg\xf2\xcf\xe6\x17\x11Y\xce\xcd=[Yy\xf9Ri\xf9U\xffV\xbbvm\xe3\xe3\x07&gt;\xf8\xe0\x83\x03\x06\x0c\xf0\xf7\xf7\x87+c\x0e\x1c\x10 \xf7\x85\x01\x80\xdc\x12\xa5\xd4\xd9\xf2\xe6\xe7\xe7\xaf]\xbbv\xf5\xea\xd5\x87\x0f\x1f\xfe\xef+\x08i\xdb\xa6e\xb7\xae\x1dcc"\xbaw\x89\xec\x18\xd1\xde?\xc07 \xd4\x02\x92\x0c\x12\x010\x00\xd4\xaf|\x02\xa0\x02\xa3@H\xcd\xc5\xb2\xaa\xaa\x9a#\xd63\x872\xadY\xd9\'\xd2\x0f\x1e9\x91\x9bW[[\xe7|i\x9b6m\xc6\x8c\x193a\xc2\x84\xce\x9d;;\x0f\xe6\xba\x17\x1b\x10\xd28\x0c\x00\xe4f\xc4D\xbfhp\xf7\xed\xdb\xf7\xf1\xc7\x1f\x7f\xf5\xd5\xbf\xcb\xca\xca\xc5w-\x16\xff\xee\xb1Q\xc3\x06\xf5\xea\x7fo\xf7\xa8\xc8\xb6\xde!A\x00\n\x80\nuv\xa0\x8c9\x1c\x00\xc09p\xce\x00\xeaw\xdb\xf9/\x0b~8H\x06\x05d\tLF \n\x00\xa7\x956\xeb\xc9s\x07\xd237\xa6\xed9x\xf0\xe8\x99\xbc\xf3\xe2\x07\x8cF\xe3\x80\x01\x03f\xcc\x981b\xc4\x08\xa3\xd1(F\x03\x18\x03\xc8\xbd`\x00 \xb7Q\x7f\xae\x7f\xc7\x8e\x1d\xf3\xe6\xcd\xdb\xbau\xab\xf3\xbb\xfd\xfat}\xf0\x81\xf8q\xa3\x87\xb5j\xdf\n$\x030\x07\xd4\xd4Q\x87\xca9w\xae\xe7\xbc\x91\xb9\x1aqF0\xc69\xe7\x84\x80\xac\xc8`2\x81\xc1\x08\xc0l\xc5\xa5\xeb7\xed\xfc\xf7\xfao\xb7}\xbb\xbf\xaa\xaaF\xbc\xbestt\xf2\xacY\t\t\t\xf0\xbf\xe3\x12\x84\xb4\x0f\x03\x00\xb9\x071\xdb\x0e\x00V\xab\xf5\xed\xb7\xdf^\x99\x9a\xca8\x07\x00\xb3\xd9\xeb\x911#\x12\xa7\xfc\xa9O\xef\x180\x99\xa1\xae\x86\xd5\xd61\xc6\x89D\xa4;\xb1\x8a_\x0c\x17\x18\xe7\x04@6\x1a\xc0\xdb\x078;\x96m\xfd\xbf/\xd2\x96-\xff\xa2\xa0\xf0\x82x\xd9\xe0\xc1\x83\x9f\x7f\xfe\xf9A\x83\x06\x01\xce\x08!\xf7\x81\x01\x80\xdc\x80\xaa\xaa\x8a\xa2\xd8\xed\xf6y\xf3\xe6-Z\xf4Nii\x19\x00\x04Y\x02\x12\x13\xfe4y\xfc\xc8N\xddc\x809\xf8\xe5jJ\x99,7`\x07\xfc\x97\xdb\x0b\x00$\x1f3\x18\xcc\xc5ygW\xad\xdd\xbc"\xf5\xcb\x9c\xe3\xa7\x01\x80\x10\x92\x90\x90\xf0\xfa\xeb\xaf\xb7h\xd1\x02\x87\x02\xc8-`\x00 M\x13\xf7\xe5J\x92\xb4w\xef\xde\xe9\xd3\xa7ggg\x03\x80\xd9d\x1a?n\xc4\x9c\xa7\x13#:G\x81\xa3\x8aV\xd5\x10 \x92\xdcx\x8b2\x19c\x8cq\xc5\xcb\x08f\xff\x8a\x92\xa2\xc5\xef\x7f\xf6Q\xca\x17\x85E\x17\x01\xa0Y\xb3\xa6\xaf\xbf\xfe\xc6\xd4\xa9S\x01\x87\x02H\xf30\x00\x90v9\x1b\xd0W^y\xe5\xad\xb7\xfe!Vv\x0e\x8e\xef\xf9\xc6k3{\xf6\xeb\t\xf6\x1a\xf5r\xb5$\xbbl=&gt;\xe7\x9c\xaaT1\x19\xc1\xc7\xbf\xe0\xd4\xe9\xbf\xbd\xbad\xe5\xaa\rbbj\xdc\xb8q\xef\xbf\xff~pp\xb0\x18\xbb\xb8\xe4\xf0\x10\xfa]\x18\x00H\xa3D\xeb_XX\x98\x90\x90\x90\x96\x96\x06\x00\x96@\xbfW_zb\xe6\x93\x13@"\xb4\xd2F\xb4q+\xd6/\x97\xa6\xcd^\xe0\xe5\x93\xf6\xcd\xf6\xbf&lt;\xf3\xd6\xf1\x13y\x00\x10\x1e\x1e\xbeb\xc5\x8a\xbe}\xfb\xe28\x00i\x16\x06\x00\xd2"\xd1q\xde\xbbw\xef\x981c\n\n\n\x00\xa0_\xef.\x1f\xa7\xbc\x1e\x1e\x15\xc9*\xca\x81\xf3\xc6\x9c\xf0\xb9\x11\x9csJ\x99b\t\xa8\xb8T&gt;{\xf6\xdb\xcbW~\x05\x00&amp;\x93\xf1\xddw\xdf{\xfc\xf1\xc7\xf1\x92\x00\xd2&amp;m\x9dE\x08\xc1\x95\xd6?%%%&gt;&gt;^\xb4\xfe\xc9O&gt;\xbas[jxx[\xb5\xec\x92$5\xeat\xff\r"\x84(\x8aL\xcb*\x02\xcc\xc6\x94\xd4\xb7R&gt;x%\xd0\xdf\xb7\xae\xce&gt;}\xfa\xf4\xe9\xd3\xa7\xcb\xb2,n_p\xf5a"\xf4?p\x04\x80\xb4\xc5\xd9\xfa\'%%\x01@\x80\x9f\xcf;\x0b\xe6$&amp;M\xe0\xb62N\x99\x06\x9b\xfe\xabp\xce\x19e\xb2%\xf8\xc7=\x07&amp;Ny\xdez\xf2\x1c\x00L\x9b6m\xd9\xb2e8\x0e@Z\x83\x01\x804\xe4\xaa\xd6?\xd8\xe2\xbf\xf9\xeb\x0f\xe2\xfa\xf5TK/\xca\x8a\xecFM\xa7\xeaP\x95@\xff\xd2\x92\xd2\x11#\x93~\xcc8\n\x98\x01H\x93\xb4\xde\x9fB\xfaqU\xeb\xdf#\xf6\x9e\xfd{\xd7\xc4\xf5\xe9\xaa\x96^T\x0c\x8a{5\x9a\x8aA\xa1\x15\xb6 \x8b\xdf\xf6\xed+\x13\'\xfc\x11\x00\xc4\xef\x85sAHSp\x04\x804\xe1\xda\xd6\x7f\xcb\x7fR,\xa1\x81\xb4\xc2&amp;\xbb\xed2JF\x99d4\x80\xd9+)an\xca\'\xeb\xe1\xca8@&lt;a\xc6\xbd"\ry$\x0c\x00\xe4zb\xa1\xa4\xb3\xf5\x8f\xeb\xda1m\xf3r\x8b\xc5\x8fV\xd5\xc8\x8a{/\xa0d\x8cqI\x92}}\xae\xca\x00\\\x1b\x8a\xb4\x00\x03\x00\xb9\x98h\n\xf7\xef\xdf\xdf\xaf_?\xc6XP\xa0\xffO\xfb\xd6\xb4\x8bhK+.\xbb{\xeb/p\xc6\xb8,\x13\x83\xa1\xef\xbd\x8f\xecO\xcf\x06\x80E\x8b\x16%\'\'\xe3=b\xc8\xe50\x00\x90+\x89\xc9\x90\x92\x92\x92\x98\x98\xce\xc5\xc5%&gt;\xde\xe6\x9di)q}bi\x85\xcd3Z\x7f\x811\x06\x06C\xb9\xad:~\xe0\xa4\xcc\xa3\'\x01`\xeb\xd6\xadC\x86\x0c\xc1q\x00r-\xbc\x08\x8c\\Il\xf53q\xe2\xc4\xe2\xe2\x12\x00X\xf2\xcesq\xfdz\xa9\xe5\x95\x9e\xd4\xfa\x03\x80$I\xbc\xce\x1e\x14j\xf9l\xe5[A\x16\x7f\x00\x984ibqq\xb1$I\xe2\x13@\xc8%0\x00\x90\xcb\x889\x90\xd7^{m\xdb\xb6m\x00\x90\xfc\xff\xc6M~|\xa2\xa3\xf4\xa2b\xf0\xc0\x89\x11Y\x91\xd5\xf2\xca\xe8\xb8\xae\xcb\xde{\x11\x00\x8a\x8a\x8a\'N\x9cH\x08\x0e\xc1\x91+a\xfd!\xd7\x10\xfb\xfb\xff\xf0\xc3\x0f\xfd\xfb\xf7w8\x1c\xbd\xbaw\xda\xb3\xeb3\xeePe\xe0\x1e\xbc&lt;FUU\xc5\x12&lt;k\xc6\xdf\x16\x7f\xb0\x16\xae\\\x0c\xc0\x89 \xe4*\x18\x00\x8d\x8a\xd7s\xd5\xb7H=.9\xb6\xc6$6\xd6\xa7\x94FGG[\xadV??\x9f\xc3\xfb\xd7\xb6\x0fo\xcb\xaaj\xb4\x7f\xaf\xef\xed\xe0\x9c3B@Qz\xf4\x1e\x9b\xf1\xb3UQ\xa4\xec\xec#\xe1\xe1\xe1\x9cs-ll\xd7\xd0\xb0\xfe\xb5\xc6\xf3kN\x0b\xc4\x86\x91\x94RB\x88$I\xb2,+\xd7\x90eY\xdc#J)UU\xd5\xb3\xa7\x86\xc5\xe3s\x17,X`\xb5Z\x01\xe0\xad\x97\x9fh\x1f\x15\xa9\xda\xaa&lt;\xbb\xf5\x07\x00B\x08P&amp;\x1b\x0c\xcb\x97\xbcd2\x19(eO=\xf5\x94\xc7O\x04a\xfdk\x96\x87W\x9e\xcb\xd5\x7f\x829\x00PJ\xcf\x9f?\x7f\xf2\xe4\xc9\xbc\xbc\xbc\xb3g\xf3\x08!\x9c\x03\x00\x0f\x0c\xb4DGG7k\xd6\xacm\xdb\xb6f\xb3\xb9\xfe\xcfz\xde\xce\x01b\xe5\xcf\xa9S\xa7\xbau\xebVQQ\xd1\xbfo\xd7\xef\xbf\xfb\x8cVU\xc9:\xe8\x02\x0b\xaa\xaa*\x96\x90\x17g\xbf\xf9\xe6\xc2T\x00X\xb7n\xdd\xc3\x0f?\xec\x91\x13AX\xff\x1a\x87\x01\xd0P\xea\xdf\xedY\\\\\xbcw\xef\xdeM\x9b6\xa5\xa7\xff\x98\x97w\xb6\xb2\xb2\xf2\xba?b2\x19[\xb6l\x19\x1b\x1b;r\xe4\xfd\xbdz\xf5\x8a\x8c\x8c\x14_\xf7\xb0\xa6A\xfc:\x93\'O\xfe\xf4\xd3O\xbd\xbcL{\xb7}\x1c\xdb\xab\x0b\xbb\\\xed\xf1\xdd\x7f\'\xce9\x93\xe5\xaa\xea\xda\xee\xbd\xc7\x9d&lt;}\xaeC\x87\xb0\xac\xac,EQ&lt;i\x02\x04\xeb\xdf-`\x00\xdcyb\x82[\x94lff\xe6\x92%\xefo\xdc\xb8Ilk\\_hh0p\xc6\x01\x08\x91**lv\xbb\xbd\xfew}|\xbc\x87\x0c\x192c\xc6\x13\x03\x07\x0e\x14\x1b\xc8\x00\x80\x07L\x13\x8b\x93y\xd7\xae]\x03\x07\x0e\xa4\x94N\x1e?r\xe5\xe7\xef\xd2\xb2\x8b\xee\xbb\xdf\xc3\xadQU\xaaX\x82&gt;\xfdh\xf5\xe4\xe9\xaf\x00\xc0\x9bo\xbe\xf9\xc2\x0b/xFK\x87\xf5\xefF0\x00\xee0\xb1\xb8\x05\x00\xb2\xb3\xb3\x9f{\xee\xb9\xed\xdb\xb7;+\xbbM\xeb\x16\xdd\xbbG\xc5\xc6Dt\x8f\x89\xb4X\xfc;\xdc\xdd\x1a\xc4D\xa7\xac\x14\x15\x14\x17^(\xcd:z*3\xcb\x9a~\xf0HV\xb6\xd5\xf9\x86111\xff\xf8\xc7?F\x8c\x18\x01\x1e\xd1\x15\x12g\xf2\xe0\xc1\x83w\xee\xdc\x19\x1c\x14\xf0\xc3\xf7\xab\xda\x87\xb5\x85\xda:I\xf2\x90\x9e\xef\r\xe2\x00\x1c\xc0\x01\xa4\x7f\xfc\xa4\xf4\x8c\xa3AAAG\x8f\x1e\r\r\r\x05q\x9d\xc0ma\xfd\xbb\x17\x0c\x80;I,l\xb7\xd9l\x7f\xfd\xeb_\x97/O\xa9\xa9\xa9\x05\x00o\xb3\xd7\xc3\xa3\x86\xfe\xf9\xa1\xc1\x03\xfa\xc5\xfa7\r\x01\x90\x01T`\x0c\xea\xec\x00\xe2T\xe7`P@Q\x00d\x00Nm\xb6\x03\x07\x8f\xac\xfff\xe7\xea5\x9b\n\n/\x88w\x1e1b\xc4\xe2\xc5\x8b\xc3\xc3\xc3\xddz\xff\x00q\x02\xff\xf4\xd3O=z\xf4\xe0\x9c\xcf\x9e9a\xfe{\xaf\xa9\xa5%\x1e\xb9\xf0\xffwQ\x95\xca\x96\xc0-_n\x191\xfa/\x00\xb0p\xe1\xc2\xa7\x9f~\xda\xad\xff\xbeX\xffn\x07\x03\xe0\x8e\x11\xa5\x99\x91\x911m\xda\xb4\x8c\x8c\x0c\x000{\x99\xc6\x8f\x1d1k\xe6\xc4N\xdd:\x01p\xa8\xae\xa6v\x07\xe7@\x08\x01\x02R\xbd\x8e\x9eX\x17\xc79\'\x04dY\x06\x1f3H\xa6\xe2s\xe7&gt;LY\xf7Q\xca\x17\x85E\x17\x01 $$d\xc9\x92%c\xc6\x8cq\xdf\xbd$E\x00$&amp;&amp;\xa6\xa6\xa6zy\x193v\xaf\x8e\xec\x1c\xc1kt\xd7\xfd\x178\x00\'P\xab\xb2n\xbd\xc6\x1c\xb7\xe6\xdds\xcf=\xe9\xe9\xe9^^^\xe0\x9e\x83\x00\xac\x7fw\x84\x01pg\x88\xea_\xb1b\xc5\xacY\xb3\xc45\xae\xe1\x83\xfb,\x987;\xaak\x148\xec\xf4r5\x10\xb8\xc1\xf5\x0c\x1c\x803\xc6\x18S\xbc\xbc\xc0\xec]\x92_\xf8\xc6\xdf?\\\xf2\xe1Z\xc69\x00$\'\'/Z\xb4\xc8\x1d\xcf\x01\xce9!\xa4\xb0\xb00""\xdcf\xbb\x9c0\xe1\x8f+V-\xa0\xe5ez\x1e\xd4S\x95\xca\x16\xcb\xa7\x1f}.\xae\x04|\xf3\xcd7\xf7\xdf\x7f\xbf;Nt`\xfd\xbb)\xbc\xa8r\x078\xf7\xb2\x7f\xec\xb1\xc7*++MF\xc3\xa2\xb7go\xde\x9c\x12\x15\x1dN\xcb\xcaYu\x8d\xac\xc8\xb2|\xa3\x0f\xb4"\x00\x92$)\x8a\xc2\x1d\x0e\xb5\xac\xb4Ip\xc0{K_\xfd\xcf\x86%-\x9b\x85\x00\xc0\xe2\xc5\x8b\x93\x92\x92\xc4\x1e2\xee\x15\xde\x94R\x00X\xb3f\x8d\xcdvY\x96\xe5\x19SGs\xe6\xb82\t\xa0S\x92,\xf1\xea\xcb\xa3\xfe&lt;\xb4U\xcb\xa6\x84\x90\x94\x94e\xe0\x86\xdd\x7f\xac\x7f\xf7\x85#\x80\xdbu\xd5\x93L\x82\x02\xfd\xbe\xfe\xf7\xfb}\xe3\xfb\xb0\x8ar\xe0\xfc\xf6\x976r\xce)e\x8a%\xa0\xf0l\xc1\x83\x0f=\x99~\xe8\xbf\xcf\x17TU\xf5\xc6\xcf+\x97\xe3\x9c;\x1c\x8e\xb8\xee\xdd\xb3\xb2\xb3{\xc5E\xef\xd9\xb5\n\xea\xec\x92\x9b\x1c|\xc3QU\xaaX,s\xfe\xf2\xfa\xfc\xf7V\xf9\xf8x\x1f:t8,,\xccy)U\xfb\xb0\xfe\xdd\x9a{\x14\x99fQJ\x15E\xf9\xe4\x93OD\xf5\xdf\x13\xd1n\xfb\xd6\xd4\xbe\xf1\xbd\xd4\xd2K\x92D\xee\xc8\xc2vB\x88\xa2\xc8jiy\xf3\xe6M\xd2\xb6\xa4&lt;4\xf2&gt;\x00HII\x99&gt;}\xba\xa2(\xa2[\xad}\xe2.\xd0C\x872\xb2\xb2\xb39\xe7\xa3\xfe\x18/\x99\xbc\x19\xc5\xbb=\x81\x10\x02\xcc1\xea\xc1A\x92$UUU\xaf_\xbf\x1e\xae\xac\x95\xd2&gt;\xac\x7fw\x87\x01p\xeb\xc4b\xe7\xac\xac\xac\'\x9e\x98\x01\x00\xc1\x16\xff\xb5\x9f\xcd\xef\x1a\xd7Y--\xbd\xe3\xcbZ\x14\x83B/WY\x02\xfd\xd6|\xbe0\xaekG\x00\xf8\xe8\xa3\x8fRSS\xdd\xe5\x1c\x10\x03\xcd\x7f\xff\xfb\xdf\x9c\xf3 K\xc0#c\xff\x00uU\xb2n\xee\xfc\xfa\r\xb2,\xb1\xcb\xd5q}c\xfb\xf4\xecL\x08\xd9\xb0~\xbd\xbbt\xff\xb1\xfe=\x80\x1b\xd4\x996\x89\r\xadl6\xdb\x84\t\x8fVUU+\x8a\xbc\xf1_\xefEw\x8fVK/)FCC\xfc\x8b\xb2"\xb3\xea\x1a/\xa3\x92\xb69\xa5}\xdb\x96\x84\x90\x993gfff:o\x93\xd12Y\x96\x1d\x0e\xfb\xc6\x8d\x9b\x00\xa0K\xe7\xf0\xe6\xed\xefb\xb5v\x1c\xbc\x0b\x8c2\xc9d\x1e\x1c\xdf\x83s~0##77W\xfb\xcf\t\xc0\xfa\xf7\x0c\x18\x00\xb7Ht\x7f\xe6\xce\x9d\x9b\x99\x99\x05\x00\xf3_\xffK\xaf\x81\xfd\x1c\xa5e\x8a\xc1\x00\rvUE\x92eZSgi\x12\xfc\xf9\x8a7\r\x8a\\UU5e\xca\x14q\xa3\x8d\x96\xaf\xe5\x885\x1b\'O\x9e:u\xea$\x00\x0c\x1f\xdc\x07$\x851\xed\x1ep##\x84\x00\xb3\x0f\x8d\xef\xa5\xc8rmm\xed\xde\xbd{A\xf3\xb3@X\xff\x9e\x01\x03\xe0V\x88\xea?~\xfc\xf8\xb2e\xcb\x08!\x83\xe3{$?;U\xad(54\xfc\rM\xb2"\xabe\x15=\xe3\xef}\xe1\x99\x04\x008t\xe8\xd0\x9a5k4\xdea\x14\xc7\xb6e\xcb\xe6\xda\xda:E\x96\x07\xdd\x17\x07\xcc\x81\xdd\x7f\'I"PS\x1b\xd3\xb5c\xcb\x96M\x00\xe0\x9bo\xbe\x06m\xaf\x05\xc2\xfa\xf7\x18\x18\x00\xb7\x88s\xfe\x97\xbf\xfc\xc5\xe1p\x98L\x86%\x0b\x9f\x07\xce\xa4\xc6\xea\x82\xc8\x8aLme/\xfc\xf5\xffE\x86\xb7\x95$i\xee\xdc\xb9\x17/^\x94$I\xb3\x9d \xd1\x96\xed\xd9\xbb\x17\x00Z\xb6h\x12\x11\xd9\x0ejj\xf5y\xf3\xd7u\x11B\xa8\x83z\x07\x05v\xeb\x12\t\x00\x872\x0eUWW\xcb\xb2\xac\xd9?(`\xfd{\n\x0c\x80\x9b&amp;&amp;4rrrv\xec\xd8\x01\x00c\xff&lt;4\xbck\'\xda\x88{\xd9\x13B\xb8J\r\xbe\xbesgMa\x8c\x15\x16\x16\xae_\xbf^l\xa4\xde8\x07p\xb3$I\xb2\xdb\xed\xc7rr\x00 \xae[\x94OH\x10uP-\xf7p\x1b\x1f\xe7\x1c\x88&lt;\xa0_7\x00(.)&gt;w\xee\x1chuZ\x03\xeb\xdf\x93`\x00\xdc4qG\xeb\xe2\xc5\x8bUU5\x9b\xbd\xe6\xceN\xe0\x8e:\xd2\xb8\xfdYY\x91\xd9\xe5\xca\xb1\x8f\xdc\x7fOd;B\xc8\xbb\xef.\x16k\xa2\x1b\xf3\x18n\x90h/\n\x0b\x0b\xcf\x9e=\x0b\x00\xdd\xbaD\x02Q\xb4\xd9\xb4\xb9\x10!\x04\xb8\xda5&amp;R\x92\xa4\x9a\x9a\xda\xcc\xccL\xd0j\x00`\xfd{\x12\x0c\x80\x9b#\x9enQ\\\\\xbca\xc3\x06B`\xf4\x83\x03#\xbaF\xb3\xcb\xd5\x8d\xbcn\x8f\x000\x075\xf9\xfb?\xf3\xe4\x04\xce\xf9\xd1\xa39\xdf\x7f\xff\xbd6;A\xa2\x15;}\xfa\xb4\xcdv\x19\x00\xbat\x8e\x00\xc0\xee\xff\xd5$\x89@\x9d=\xa2C\x9b\xc0\x00?\x008v,\x074\x19\x00X\xff\x1e\x06\x03\xe0\xe6\x88\n\xdb\xbf\x7f\x7fII\t\xe70n\xd40\xce\x19\xb8\xa29\x93e\x89\xd7V\x8f\x1c~o`\x80\x1fcL\\9\xd4f\x93\x01\x00YY\x99\x00\x10\xe0\xef\x17\xd5\xb1=\xd4\xd5a\x00\\\x85\x10\xc2\xed\x0eK\x8b\xd0\xb0\x0e\xad\x01 ++\x1b4y\x1d\x18\xeb\xdf\xc3`\x00\xdc\x1cqNn\xdc\xb8\x91\x10\xd2\xaae\xd3~\xf7\xc6\x92\x9aj\x97\\\xcf$\x84\xf0Z{\xd3v\xad\xfa\xf7\x8d\x05\x80\x1d;\xbe\xb5\xdb\xed\x9a\x1d\x05\x17\x15\x15\x01\x80\xb7\xb7W@\x80\x1fP\xaa\xbd\x96\xcd\xf58\xe7\x8a\xc9\x18\x1c\x14\x00\x00\xc5\xc5\xc5b\xa6\xc5\xd5\x07u5\xac\x7f\x0f\x83\x01ps\xc4\xf5\xcc}\xfb\xf6q\xce{\xf7\x88\xf6o\x1aJ\xed.[\xd1\xc88\x07I\x19\x12\xdf\x03\x00rsO\x9c&gt;}\x9a\x10\xa2\xb5\xf5pbr #\xe3\x10\x00DF\xb4\xf5\r\xb50\x87\xaa\xc1\xa6\xcd\xe5\x18\xe3@\x94n1\x91\x00`\xb5\x1e///\xd7\xe0\xca\x16\xac\x7f\x0f\x83\x01p\x13\xc4\xf5\xcc\x82\x82\x82\xfc\xfcs\x00\x10\x1b\x13\t \xbb\xf0\x0c\x15W\x0e\xbbt\x8e\x90$\xa9\xb6\xb6N\xe3W\x0e\xe1\xcaF\x8f\xae&gt;\x16-#\xa27\xed|\xa4\xa2\xa6`\xfd{\x1e&lt;\x1bo\x82\xa8\xad\xb3g\xcf\xfer=3:\xdc\xb5\xd73\xc5\x95\xc3\xf0\x0em\x02\xfc\xfd\x00\xc0j=\x0e\xda;\x01\x08!\xb5\xb5\xb5\x05\xe7\xcf\x03\x80%\xd0\x1f\x80h\xeb\xf8\xb4\x85[\x02\xfd\x01\xa0\xaa\xaa\xea\xfc\xf9\xf3\xa0\xb1\xbf&amp;\xd6\xbf\xe7\xc1\x00\xb8i\xa7O\x9f\x02\x00\x83\xc1\x10\x12b\x01\xe6\xe2\xe9lN\x99\xb7\x9fw`\xa0/\x00\x9c&gt;}\x1a4v\xe5PLdWWW\xe7\x9f\xcf\x07\x80\xae\x9d\xc3A2p\xdc\x04\xe2z\x08!\x00\xb4kL\x04\x00TUU\xe7\xe7\xe7\x83&amp;\x9b3\xac\x7fO\x82\x01p\x13\xc4\xd9\x98\x9b\x9b\x0b\x00\x96@\xff\xb0\xbb[C\x9d+w4#\x84pU\xf5\r\xb1\x84\xdd\xdd\x1a\x00rsO\x82&amp;O\x00B\x88\xc1`\x00\x00U\xc5\xf9\xd9\xdf\xe1\xfc\x88\xc4\'\xa6)X\xff\x9e\x07\x03\xe0\xa6\x19\x8dF\x00\xe0\x9ck\xe5r\xd3\x95#\x11\x07\xa6M\xbf\\\x03\xc0s\xf3\xf78?"\r\xf6\xfd\x05\xac\x7fO\x82\x01p\xeb\xb4s\x8aj\xe7H\x90~h\xa7\xea\xb4s$n\x07\x03\xe0\xa6\xa9\xaa\n\x00\x92D\x0c\x8a\x02Z\xa8&lt;I2(\n\\90m\x12\x03s&lt;Q\x7f\x97\xf3#\xd2\xecT\x06\xd6\xbf\'\xc1\x00\xb8i\xc1\xc1!\x00p\xf9r\xf5\xb9\xf3\xc5`4\xb8\xb0Q\xe3\x9c\x13Y\xae)\xb7\xe5\x17\x94\x00@pp\xb0\xab\x8e\xe4\xb7q\xceU\xaa\x02\x80Q{\xf3\xdaZ\xe3\xfc\x884\xdb\x9ca\xfd{\x12\x0c\x80\x9b :e\x9d:u\x02\x80\xaa\xea\x9a\xc2\xa2\x0b\xa0(\xae\xed\x03\x11Y\xaa\xad\xbc\\Px\x11\x00:u\x8a\x02\xed=H\x84sn0\x18\x02\xfc\x03\x00 \xf7\xf49\xe0\xb8\x11\xd0o\x90rO\x9f\x03\x00\x83\xc1\x10\x10\x10\x00\x1a\x1b\x07`\xfd{\x1e\x0c\x80\x9b N\x80f\xcd\x9a\x9a\xcd^\x00p\xfcD\x1e\x80+7m\xe7\x9c\x83\xc9p\xe6\\\xe1\xe5\xaa*\x00h\xd5\xea.W\x1d\xc9\xaf!\x84p\xce\xfd\xfc\xfc\xc2\xc3#\x00\xe0\xe4\xe9\xf3\xc0U-\xb5i\x1a\xc29\x07\x90N\x9e\xca\x07\x00\x8b%0&lt;&lt;\x1c4\x19\x00X\xff\x9e\x04\x03\xe0&amp;\x88\x13\xa0]\xbb\xf6M\x9b6\x05\x80\x83\x87\x8f\x01p\x17\x9e\xa1\x8cq\x90\x8cY\xd9\'\xecv\x87\xa2(\xb1\xb1\xb1\xa0\xd5[m\xc5s\xfb\xbc\xbc\x8c@\xb4xx\xdaa\xf62\x01\x00\xa5T\x83\x1b[b\xfd{\x1e\xfc\xb0n\x82\xd8o\xd6l6w\xed\x1aK\x08\xd9\xffc\x96\xddf\x93\x14\x97\xdd\xb2/.\xac\xee\xdcs\x10\x00Z\xb4h\x11\x16\x16\x06\x1a\xeb3\xc2\x95!yLL\x0c\x00Xs\xcf]\xbeXF\x14|\x1e\xc0u\x88\x8d\r\x0eeY\x01\xa0C\x870\x7f\x7f\x7f\xad\xed\x07\x87\xf5\xefy0\x00n\x8eh\xb9\x1ex\xe0~\xce\xb957\xef\xd0\x8fY`6S\xea\x82iG\xce\xb9d4T\x16\x97l\xdf\xf9#\x00\xc4\xc7\x0f\xf0\xf5\xf5\xa5T\xa33\xec\xcd\x9b7\x03\x80\xf2r[\xb5\xad\x9a4\xd6\xa3\xa3\xdc\x0b\x91\x80Q\xb5\xf8B)\x00\x84\x86\x86*\x9a\x8cI\xac\x7f\x0f\x83\xa7\xe2\xcd\x11\x03\xcc{\xef\xed\xef\xe3\xe3C)\xfd\xf2\x9b\x9dD6\xb9\xe4De\x94\x13o\xef=\xbb3\xf2\xcf\x17\x03\xc0\xd0\xa1\xc3@\x93\xeb,\xc5\t\x19\x1d\xdd\x19\x00**m\xd6\xdc&lt;0\x19\x19\xee\x06\xf1\xbf8\xe7\x92\xa2\xd8JJO\x9e\xcc\x07\r_\xcf\xc4\xfa\xf70\x18\x007G\x92$Ji\x87\x0e\x1d\xe2\xe3\xe3\x01`\xd5\xdaM\x97\xce\x9d\x93\xbd\x8c\x8d_yD\x02P\xe9\xa2\xa5\xab\t!\xcd\x9b7\xff\xe3\x1f\xff\x08\x00\x1a\xdcBR\x04@\xdb\xb6m\xbd\xbc\xbc\x18c\x873\xad\xf8H\xc8kq\xce\xc1\xcbt\xea\xd4\xb9\x0b\x17K\x01@\\3\xd7 \xac\x7f\x0f\x83\x01p\x8b\x92\x93\x93%B\x8a\x8a/\xbd\xff\xc1\x1ab\xf6m\xe4Q0\xa5\x8c\xf8\xf9~\x97\xb6{\xfb\xce\x1f9\xe7\xd3\xa6%iv\xfc\xeb\x0c\x80\x16\xcd\x9b\x03\xc0\xa1\xcc\xe3\xae\xbdr\xa8M\x8cq\x90\x94\xac#\xb9\x0eU5\x18\x0c]\xbat\x01m_\xcf\xc4\xfa\xf7\x0c\xda\xad0\xcd\x92e\x99s~\xdf}\xf7Ev\x8c$\x84,I\xf9\xa2\xac\xa0@j\xecN\x10\'\x84\xbc6o9!\xc4d2M\x9e&lt;\t\xb4z\xf9K&lt;\xa3\xc3l6\x87GD\x00\xc0\x0f\xe9Yv\x9bM\xc2\x9e\xda\xff\x12\x7f\xba\xef\xf6\x1c\x04\x80\xe0\xe0\xa0\xf6\xed\xdb\x83V\xff\xa0X\xff\x9e\x04\x03\xe0V0\xc6\x14EY\xb4h1\xe7\xfc\xc2\xc5\xb2\xbf\xbd\xf2\xbe\xd4\x88\x9d \xaaR9\xd0\xf2\xc5\xa7\xeb\xbf\xdb}\x90s&gt;{\xf6\xec\xf6\xed\xdbSJ5\xdba\x14s\xd9qqq\x00p\xea\xf4\xf93\'\xf2\x88\xd9\x84\x97\x01\xea\x93d\xd9a\xb3\x1d\xf8\xe9\x08\x00t\xecx\x8f\x9f\x9f\x9fx\xfa\x8a\xab\x8f\xeb\xfa\xb0\xfe=\x06~d\xb7B\x96e\xc6\xd8\xd0\xa1C\x87\x0e\x19\x02\x00K\x97\xffk\xdb\xd7[\x15K\x80\xeah\xf0\xdb\xf7\x19c\x92\xd9T|\xe6\xdc\x93\xcf\xce\xe7\x9c7i\x12\xfa\xf4\xd3Os\xce\xb5\\\xfd\xa2!\x1b1b\x84\xa2(\xb5uu{\x0f\xfc\x0c\x8aQ\x83W8]\x851N\xcc\xa6\x93\xc7\xcf\x9c:s\x1e\x00\xfe\xf0\x87\x11\x92$i\xf9\xf3\xc1\xfa\xf7\x18\xf8\xa9\xdd:\xce\xf9\xd2\x0f&gt;\x08\n\xb2p\xce\'M{\xa9\xe4l\x81\xe2\xe7C\xd5\x06\xbc\x7f\x873\xce%\x89\x98L\x13\x13\xe7\x96\\(\x05\x80%K\x96\x06\x05\x05i\xb9\xb7\x08W\xe6\xb2cbb\xc4e\x80o6\xef\x06\xce4|\xbc\x8d\x8d1\xc6\x15S\xda\x8e\xfd\xb5\xb5u\xb2,\r\x1c8\x08\xdcaB\x03\xeb\xdf\x03`\x00\xdc"\xd1G\xbb\xfb\xee\xbb\x97-K\x01\x80\xa2\x92K\x0f\xfc\xe9\xc9\xf2\xb2J\xd9\xdb\xdc@\xf7pr\xc6\x99Dd_\x9f\xa4\x84\xb9\xdbv\xfe\x08\x00\xc9\xc9\xc9\xa3G\x8f\xa6\x94j|\xf1\x83\xb8\x81\xc8\xdb\xdb{\xe0\xa0A\x00\xf0\xd3\xa1\x9c\xcb\x17Ke\x97\xee#\xa6)\x12\x01\xc2\xe9\xce\xdd\x07\t!\x11\x11\x11QQQ\x9cs\x8d\xffM\xb1\xfe=\x03\x06\xc0\xad\x93eYU\xd5Q\xa3F%\'\'\x03\xc0\x8f\x19G\x13\x12_\xb0\xd5\xdae/\xaf;\xde\x0fb\x94\x89\xea\x7f\xf3\xa5\xf7R&gt;Y\x0f\x00\xbd{\xf7^\xb0`\x81{M}&gt;\xfc\xf0h\x008\x97_\xb4a\xc3\xb7`\xf6\xa1x\x19\x00\x801.\xf9\x98O\xfc|l\xfb\xce\x03\x9c\xf3\x91#\xef7\x99L\x1a\xdc\x07\xe2ZX\xff\x1e\x00?\xbb\xdb"\xce\x81E\x8b\x16M\x9b6\r\x00\xd6o\xfa~\xf0\xc0I\xa5\xe569\xd0_u\xa8w\xaa\x87\xab\xaa\xaa\xe4e\x12}\x9f\x17\xdf\xf8\x00\x00\xe2\xe2\xe26n\xdc(I\x92$In1\xf8u\xde@\xd4\xaaUKB`\xed\x97[\x01\x98\x04\x18\x00\xc0\x18\x03\x83y\xc3\xa6\xef\xaa\xaakdY\x1e5j\x14\xb8\xc3\xfc\x8f\x80\xf5\xef\xee0\x00n\x0b!D\\\x10[\xb6l\x998\x07~\xcc8\xda\xbb\xdf#{\xbf\xfbQ\t\n!\x84\xa8*\xbd\x9d\xb3\x80R\xca(S,A\x85\xc5\x17\x86\x0fI\x10}\x9f\xb8\xb8\xb8\xb4\xb4\xb4\xa0\xa0 \xad\xed\x15\xf3\x1b\x08!\xaa\xaa\xfa\xf9\xf9\x8d\x1b;\x8es\xd8\xb9\xfb\xa7S\xd9V\xe2c\xc6\xb5@\xb2"\xa9U\xb6Uk\xffC\x08\x89\x8b\xeb\x1e\x17\x17\xc7\x18s\x979\r\xac\x7fw\x87\x01p\xbb\x08!b\x8e{\xd9\xb2e\x8f?\xfe8\x00XO\x9e\x1d4|\xda\xab/.\xb0\x13\xa2X\x02\x89\x04\xaaJo\xaa7\xc49\xa7\x942\xc6\xe4\x00?\xc9\xdfw\xed\xaa\xaf\xe2z\x8fO\xdb\xf1\x03\x00\xf4\xed\xdb7--\xcdb\xb10\xc6\xdck\xf0+\x8evJB\x82\xd1`\xa8\xaa\xaa\xf9t\xcd&amp;b\xf0\xe6\x1a^\xeb\xd2\x08(e\xc4\xd7w\xf7\xce\x03YGr9\xe7\x89\x89\x8fi|\xfd\xcf\xb5\xb0\xfe\xdd\x1a\xc1\x0bqw\x84xF\xb6,\xcb\xcb\x97/\x7fv\xf6\xec\xf2\x8a\n\x00\x88\x8e\xea0\xeb\xa9\x89\x8f\x8e\x1di\x0c\xf0\x87\xdajVkg\x9c\x13B$\x89\xc0\xff\x0e\xf3\xc5_\x81q\xce\x19\'\x00\xb2\xd1\x00&gt;\xde@\xe9\xb6\xad{\x16\xbc\xb3r\xeb\xf6\xfd\xe2e\xc9\xc9\xc9\xf3\xe7\xcfW\x14\xc5M\xab_\x1c\xf6\x90!Cv\xec\xd8\x11\x12\x12\x98\x9d\xfe\xaf\xd0&amp;A\xe0Pu\xdb\x8fc\x8cq/\xf3\xd0a\x89\xdf~\x9f\xde\xaci\xd3\xac\xecl\xf1X+\xb7\xfb@\xb0\xfe\xdd\x14\x06\xc0\x9d$\x16$ddd&lt;\xf1\xc4\x8c\x1f~8 \xbe\xd8\xb9S\xf8\xcc\x19\xe3\x87\x0f\xe9\xdb\xea\xeeV@\x14\xe0*\xd4\xd9\x812\xe6PA\x9c\x02\x1c$E\x06Y\x02\xa3\x11d\x05\x00*\x8b/|\xb77c\xe9\x87k\xd3\xb6\xed\x13o\xd2\xb2e\xcbw\xdeyg\xcc\x981 \x9e\x84\xe7n\r\x84 &gt;\x9f\xff\xfc\xe7?#G\x8e\x04\x80\x85o&amp;?\xfd\xc2L\xb5\xf4\x82bP\\}h.@)\x93\x03|3v\x1f\xec&gt;`\x12\xe7\xfc\x99g\x9eY\xb0`\x81\xaa\xaa\x8a\xe2\xae\x9f\x06\xd6\xbf\xdb\xc1\x00\xb8\xc3\xc49\xa0\xaa\xea\xa7\x9f~\xfa\xca\xcb/\x9f\xcb\xcf\x17_\xb7X\x02\xee\xbb\xb7\xdb\x80\xfe\xdd\xbbF\x87\xdf\x13\xde\xd6\xc7\xc7l\x0e\xb1\x00\xe7\xc0\x01$\x89V\xd8*/W\xe7\x9e9\x7f$\xe7\xe4\x9e}\x87v\xec\xfc\xf1L\xdey\xf1\x83f\xb3\xf9\x99g\x9e\x999sf\x93&amp;M\xc4\x9a\x07\xf7\xad~Ql\xb5\xb5\xb5\xb1\xb1\xb1V\xab5\xec\xee\xd6\x07\xf6\xac\xf6\xf31\x13]\xee\xe2B\x19\x93}}\xc7\x8dM^\xf7\xefm&amp;\xa31\xe3\xd0\xa1\xc8\xc8Hw\xbf\xa7\t\xeb\xdf\xbd`\x00\xdcy\xce\xf1iII\xc9\x86\r\x1b\x96.]z\xf8\xf0\xe1\xfa/\x08\x0e\n\xf4\xf7\xf7\xb9\xfb\xee\xd6\xc0\x18p\x00E.*()\xbePz\xe1B\x19\xd4[\x18\xd3\xa6M\xeb\x84\x84\xc4\xb1c\xc7FFF\xc2\x95S\xabq\x7f\x95;O\xfc\x16\x9f~\xfa\xe9\xe4\xc9\x93\x01\xe0\x95\xe7\xa7\xbd\xfc\x8f\xe7\xd4\xb2\x8b\xee\xdb\xed\xbd5\x9429\xc0\xef\xbb\xff|\x1f\x7f\xfft\x00\x982eJjj\xaag\xfc\x89\xb1\xfe\xdd\x08\x06@\x83pN\x89\x02\x00\xa5t\xc7\x8e\x1d[\xb6l\xde\xbe}\x87\xd5z\xbc\xae\xce\xfe\xdb?\xdb\xbe}\xbb\x01\x03\xe2\x07\x0c\x18\xf0\xe0\x83\x0f\xfa\xfb\xfb\x8bw\xf0\xa4\x8e\x8fX\xe4&gt;h\xd0\xa0]\xbbv\x85\x04\x07f\xfe\xb8\xaeI\xb3Pp8$O\xf9\x05o\x04e\x8c\x98\xcd\x83\x06O\xf9~OFpPPVvv\xd3\xa6M\xdd\xbd\xfb\xef\x84\xf5\xef.0\x00\x1aP\xfd\xd3\x00\x00(\xa5V\xab5\'\'\';;\xfb\xec\xd9\xbc\xbc\xbc\xb3\xa2\xa69\xe7\x81\x81\x81\xd1\xd1\xd1\xad[\xb7\x8e\x8a\x8a\x8a\x8a\x8a\xf2\xf6\xf6v\xfe\x08!\xc43\x1a\x05\'\xd1\x95\xdb\xb5k\xd7\xc0\x81\x03)\xa5S\x1e\xb9?u\xf5"\xb5\xec\x92~\x06\x01\xaa\xaa*\x96\xe0O&gt;\xfcl\xca\xff{\x15\x00\xde|\xf3\xcd\x17^x\xc1\xf3z\xb8X\xff\xda\x87\x01\xd0\xe0\xc4i\xc09\xbf\xf1\x06\x8eR*6\x03\xf0\xd4^\x8fh\xec\x12\x12\x12V\xae\\)\xcbr\xda\xfa\x7f\x0e\xba?\x9e\x96U\xca\xae{\xc0l\xa3a\x8c\x83\xd1p\xb1\xa4\xb4K\xaf1\xc5%\xa5\xe1\xe1a?\xff\x9c\xa9(\x8aXO\xe9\xea\xa3\xbb\xf3\xb0\xfe\xb5\x0c\x03\xa0\xf1\xf0z\xae:\xdb\xc5\x17\x01@\xf4w&lt;\xbe\xee\xc5R\xf7\x92\x92\x92\x8e\x1d;\x96\x97\x97wh\xdf\xea\xf0O_z\x19\r\x92\x0e\xae\x06\xab*U,\x96\xb1\x7f\x9e\xb1\xee\xab\xed\x00\x90\x96\x966t\xe8P\xcf\xeb\xfe_\x0b\xeb_\x83pl\xd5xDq\xcb\xb2\xac(\x8a,\xcbR=\xe2\x8b\xe2\xebz\xa8~I\x928\xe7\xcd\x9a5[\xb8p!\x00\xe4\x9e\xca\x7f\xea\xa97d\x9f\xc6~\xb0T\xe3S\x1d\xaab\tJ]\xbaJ\xb4\xfe\x89\x89\t:i\xfd\x01\xeb_\x93p\x04\x80\\F\xacy\x1f;v\xec\xbau\xeb\x00`\xc5\x92\x97\x12fLRK/z\xeam\x01T\xa5r\x80_\xd6\xc1#\xbd\xe3\'UW\xd7\xb4k\xd7&gt;33\xd3l6{\xea\xe4\x0f\xd2&gt;\x0c\x00\xe42bv\xb8\xa2\xa2"..\xee\xf4\xe9\xd3\xde\xde^\xdf\xa5-\xef\xde\xbb+\xad\xb0y\xde\xc5\x00\xc6\x18\x18\x0c\x15\x97\xab\x07\x0c\x9c\x9cy\xe4\xa4\xa2\xc8{\xf6\xec\xe9\xd9\xb3\'\xde\xd4\x8a\\\x08+\x0f\xb9\x8c\xe8\xf9\x06\x05\x05}\xfe\xf9\xe7\x84\x90\xaa\xaa\x9a\xb1\x8f&gt;[v\xa1T6{1\xcf\x9a\x0b\xe2\x9c3 \x92\xb79i\xda\x8b\x99Gr\x01\xf8\xfc\xf9\xf3{\xf6\xec\xa9\xaa*\xb6\xfe\xc8\x85\xb0\xf8\x90+I\x92\xa4\xaaj\xcf\x9e=?\xf8\xe0\x03\x008\x95W0\xec\x0fI\xd5\xb5u`4\xb8\xd7\x9eh\xbf\x8d2\xa6\x04\x04LO\x9c\xfb\xaf\xafw\x02\xc0\xe4\xc9\x93\x93\x93\x93\xddz\xd7\x07\xe4\x190\x00\x90\x8b)\x8a\xa2\xaajRR\x92\xd8K2=\xe3\xe8\x133^\x95\xbc\xcd\x9cH\xdc#6\x8bv\xa8\xaa\x12\x18\xf2\xd1\xbb\xa9\x1f\xa5~\x05\x00qqqK\x97.u\xa3=\x9f\x91\x07\xc3\x00@\xae\'v\x8f\xf9\xf0\xc3\x0f\xc5\x9e\xf2+\xd7lJ\x9a\xf2\xbc\xec\xe7\x03\xb2\x9b\xed\x8d|5\xce)\xa5\x06Kh\xca\xfb\xa9\xd3\x93\xff\x01W\xf6\xb2\x177:\xe1\x85_\xe4r\x18\x00\xc8\xf5\xc4sE\xc4\x9e\xf2"\x03R&gt;Y\x9f\x940\x97*\x8ad04\xe8s\xc6\x1b\x0ec\x8cr\x90\x03\x03?zoE\xd2\xcc7\x00\xa0G\x8f8\xdc\xcb\x1ei\n\xae\x02BZ\xe1\xdc9 )))%%\x05\x00\xfa\xf6\xec\xfc\xcd\x86\xa5\x96&amp;AjY\xa5{\xad\r\xa5*\x95\xbd\x8c`6O\x9f\xfa\xd7\x8f&gt;\xfe\x12\x00z\xf4\xe8\xb1e\xcb\x16l\xfd\x91\xa6`!"\xad\x107\n\xd5\x1f\x07\xec=\x909h\xe8c\x87~:\xa2\x04\x85\xdc\xc1g\xcc64\xd5\xa1\xca\x81\xfee\x95\xd5c\xff\xfc$\xb6\xfeH\xcbp\x04\x80\xb4\xe5\xdaq@\xb0\xc5\x7f\xe9?\xff6\xe6\xd1\x87\xb8\xad\x82i\xfb\xa6Y\xce8\xe3L\x0e\x0c:\x94~x\xea\xd4\x1732\x8f\x03\xb6\xfeH\xc3\xb0\x1c\x91\xb6\x88q\x80x\xce\xf8\xa2E\x8b\x00\xe0RY\xe5\xd8\t\xcf\xce\x9a\xf9\n\x95e\xd9\xcfWU5:\x14P\x1d*1\x19\xe4@\xcb\xf2\x0fW\x0f\x1c\x9c Z\xff\xc4\xc4\xc4\xed\xdb\xb7c\xeb\x8f\xb4\tG\x00H\x8b\xc4\xee`\x92$\xa5\xa5\xa5=\xf6X\xe2\xf9\xf3\x05\x00\xd0+.z\xf1;\xcf\xf7\xec\xd7\x13\xaa*U\xbb];\x8b\xe8\x7f\xd9\xb58\xc0Rp\xe6\xec3s\xe6\xaf\xfdb\x0b\x00\x98L\xa6\xb7\xdez+99\x19\xea=#\x05!M\xc1\x00@\xda%n\x95*,,LHHHKK\x03\x00/\x93\xf1\xd9YS\x9eyzr@h\x13\xb0UP\x95J\x8a\xec\xc2\xd5\x94\x942\x02 \x05\xfaA\x9d#\xf5\x93\xaf^zuI~A\t\x00DDD|\xfc\xf1\xc7}\xfb\xf6e\x8c\xe1V?H\xb30\x00\x90\xa69w\xca\\\xbcx\xf1\xdc\xb9skkk\x01\xa0cD\xbbg\x9fI\x980v\xa4\xc1\xdf\x17l6\xaaRIn\xd4=\x849\x00\x13\xbd~\x7f_\xe0\xb0-m\xf7\xfc\xf9\xa9\xdbv\xfe \xbe;u\xea\xd4\x05\x0b\x16\x04\x04\x04\xe0\xbd\xbeH\xe30\x00\x90\xd69;\xd1\xd9\xd9\xd9s\xe6\xcc\xd9\xbcy\xb3\xf8z\xef\x1e\x9d\x9f\x7fn\xda\xb0\x81=L\x81\x16\xa8\xba\xac\xda\x1d\x84\x10Yn\xd8\x99\x16\xc6\x18c\\Qd\xf0\xf3\x01\xbbc\xff\x0f\x99\xff\\\xb2z\xcd\xba_\x0e)::\xfa\xed\xb7\xdf\x1e1b\x04\xe03l\x91;\xc0\x00@\xee\xc1\xd9\x9e\xae]\xbb\xf6\xef\x7f\xff{VV\x96\xf8z\xe7Na\xc93\'\x8czh\x88\x7f\x93\x10`\x0e~\xb9\x9aR\xfa\xcbSE\xee\xd0\x98\x80\x03p\xc6\x18\xe3\x12!\x92\x8f\x17\x18\xcc\xb4\xca\xf6\xed\xae\xf4\x85\xef|\x92\xb6}\x9fxM\xf3f\xcdf&lt;\xf1\xc4\x9c9s\x8cF#N\xfb w\x81\x01\x80\xdc\x86\xd8\x16B\x92$\xbb\xdd&gt;o\xde\xbc\xa5K\x97\x14\x16\x16\x89o\xb5i\xddb\xcc\xa8!\x0f\xfdq`\x9f&gt;]\xc1h\x06f\x87\x9a:\xeaP\xc5\xc3\xa7D\x1a\xdc\xd4\xbf\xc59g\x9cs\xc6\t\x01Y\x91\xc1d\x02\x83\t\x80\x1e\xfb\xf9\xd8\xc6\xcd\xbb?\xff\xbf\xcd\x87\x0e\xe7\x88W\x9a\xcd\xe6\xf1\xe3\xc7\xbf\xf6\xdak-[\xb6\x04\xec\xf8#\xb7\x82\x01\x80\xdc\x8c\xb3\x85-..^\xb5j\xd5\xaaU\xab233\x9d\xdf\xed\xd77vp|\xcf\xa1\xf1=bb"\xbd\x83\x03\x01d\xe0*\xd4\xd9\xb9\xdd\xc1\x19g\x9c\x03p\xb1\x11\xf5Uo{\xe5D\xe0\x84H\x84\x80d0\x80\xc9\x08\xb2\x02\x00\xd4f\xb3\x9e\xc8\xdb\xba\xf3\xc0\xf7\xbb\x0e\xa6m\xdfW]]#~\xa4E\xf3\xe6\x8f&lt;\xfa\xe8\xe4\xc9\x93;u\xea\x04\x00\xaa\xaa\xe2\x03\xad\x90{\xc1\x00@\xee\xc7y\xb3\x18\x00\xd8\xed\xf6-[\xb6\xa4\xa6\xa6n\xdd\xba\xb5\xba\xba\xda\xf9\x9av\xedZ\xc5v\x89\xbc\xb7O\xd7\xae1\x11\xf7\x84\xb5\ri\x16\x02^&amp;\x00qI\x96\x03\\\xbb\xbf\x90t\xe5\xb6\x18\x15T\xb5\xbc\xa4\xd4z2\xffH\xce\xc9=\xfb\x0e\xa5\x1f&lt;b=\x91WWW\xe7|i\xbf~}\'O\x9e\xf2\xc0\x03\x0f4m\xda\x14\x00(\xa5\xf8$[\xe4\x8e0\x00\x90\xbb\xe2\x9cSJ\x9d\xcbl\x8e\x1d;\xb6q\xe3\xc6\r\x1b6\xa4\xa7\xa7\xd7o\xac\x01 8(0\xacC\xeb@\x8b\x7f\\\x97HEQ\x02\xfc|:\xc7DpJ\t\x10\xf1&gt;DQ\xf2\xce\xe4\xe7\x9d+"\x8a\x9c\x95i\xbdTZq\xec\xc4\x99\xc2\xc2\x0bW\xfd\x8b\xd1\xd1\x9d\x86\x0f\x1f\xfe\xd0C\x7f\xea\xd3\xa7\x8f\xf8\x8ax\xa2\x0b\xae\xf1Gn\n\x03\x00\xb971\x1a\x10\xf7\x0f\x8b\xaf\xe4\xe4\xe4\x1c8p`\xe3\xc6\x8d\x19\x19\x19\x05\x05\xe7\xeb\xea\xec\xb7\xf3\xfe\xcd\x9a5\x8d\x8e\x8e\x1e6lx\xff\xfe\xfdccc\xc5\xb0C\xfc\xa3\xd8\xebG\xee\x0e\x03\x00y\x08\xc6\x98\x98\x17r6\xca\xd5\xd5\xd5yyy\xc7\x8e\x1d\xcb\xca\xca\xca\xca\xca\xbat\xe9RN\xceQJieEe\x9d\xfd:\xa9\x10\x1a\x1a\x02\x00w\xdf\xdd\xc1b\xb1t\xef\xde\xad}\xfb\xbb\xa3\xa2\xa2\xc2\xc2\xc2\x02\x03\x03\x9d\xafQUUl^\xdd(\xbf\x13B\r\x0b\x03\x00y\x1a\x91\x04\xd7m\xa6+**\x18cEEEEEE\x84@\xfd\xda\xf7\xf5\xf5\r\x0b\x0b\xe3\x9c[,\x96_{C\xec\xf2#\x0f\x83\x01\x80&lt;\x16\xafG,\xcc\xbf\x91\xc9z1\xbd#\xce\x0bl\xf4\x91g\xc3\x00@:"\xaa]D\xc2\xb5\xdf\x15\xf1\x80\xcd=\xd2\x0f\x0c\x00\x84\x10\xd2)\\\xbe\x86\x10B:\x85\x01\x80\x10B:\x85\x01\x80\x10B:\x85\x01\x80\x10B:\x85\x01\x80\x10B:\x85\x01\x80\x10B:\x85\x01\x80\x10B:\x85\x01\x80\x10B:\x85\x01\x80\x10B:\x85\x01\x80\x10B:\x85\x01\x80\x10B:\x85\x01\x80\x10B:\x85\x01\x80\x10B:\x85\x01\x80\x10B:\x85\x01\x80\x10B:\x85\x01\x80\x10B:\x85\x01\x80\x10B:\x85\x01\x80\x10B:\x85\x01\x80\x10B:\xa5\xb8\xfa\x00\xf4\xe8\xd7\x9e\xc3\x8c\x8f#Gz\x80\xf5\xaf\x1d\x18\x00\r\x8b\xd7\x03\x00\x92$9\xff{-\xc6\x98\xf3\xbf\xa4\x9eF&lt;^\x84\xee$\xac\x7f\x8d#\xbf\x96\xc6\xe8\x96\x89rg\x8c\x11BdY\xbe\xf6\x05\x8c\xb1\x8a\x8a\nB~\xf9\xf0\xc5\xff\xf0\xf2\xf22\x9b\xcd\xd7}\xb1x+I\x92\xf0d@\xda\x87\xf5\xefF0\x00\xee\x18Q\xf4\x9csE\xf9\xef\xb8\x8aRZPP\x90\x9b\x9b\x9b\x95\x95y\xf1\xe2\xc5\xf4\xf4\x9fTU-.***."@8\x88\x0f\x9f\x00p_\x1f\xdf\x0ea\x1d8\x87\xe8\xe8\xe8\x90\x90\x90\xee\xdd\xbb\xdfu\xd7]m\xda\xb4\xf1\xf6\xf6\xae\xffn\x00\x80g\x02\xd2 \xac\x7fw\x84\x01p\x07p\xce)\xa5\xce\xba\xa7\x94Z\xad\xd6\xb4\xb4\xb4={\xf6X\xad\xd6\xbc\xbc3\x95\x95\xb6[x[\x93\xc9\xd8\xa2E\x8b\x88\x88\x88^\xbdz\x0f\x1d:4&amp;&amp;\xc6y2\xa8\xaa*I\xd2\xaf\r\xa5\x11jLX\xff\xee\x0b\x03\xe0\xb6\x88.\x89\x18\xe7RJ\x0f\x1c8\xb0~\xfd\xfa\xcd\x9b7\x9f8a\xad\xab\xb3\xd7\x7f\xa5\x9f\x9f\x8f\x8f\x8f\xf7=\xe1m%E\x0e\xf0\xf3\xe9\xdc9\x9cS&amp;\xba1\x9cs\xa2\x18\xf2\xce\xe4\x9f\xcd/"\xb2\x9c\x9b{\xb6\xb2\xf2\xf2\xa5\xd2\xf2\xab\xfe\xadv\xed\xda\xc6\xc7\x0f|\xf0\xc1\x07\x07\x0c\x18\xe0\xef\xef\x0fW\xfa\\\xd8!B\xae\x82\xf5\xef\xee0\x00n\x11\xa5\xd4Yy\xf9\xf9\xf9k\xd7\xae]\xbdz\xf5\xe1\xc3\x87\xff\xfb\nB\xda\xb6i\xd9\xadk\xc7\xd8\x98\x88\xee]";F\xb4\xf7\x0f\xf0\r\x08\xb5\x80$\x83D\x00\x0c\x00\xf5?y\x02\xa0\x02\xa3@H\xcd\xc5\xb2\xaa\xaa\x9a#\xd63\x872\xadY\xd9\'\xd2\x0f\x1e9\x91\x9bW[[\xe7|i\x9b6m\xc6\x8c\x193a\xc2\x84\xce\x9d;;\x0f\xe6\xba\x93\xad\x085\x10\xac\x7f\xcf\x80\x01p\xd3\xc4D\xa7(\xb8}\xfb\xf6}\xfc\xf1\xc7_}\xf5\xef\xb2\xb2r\xf1]\x8b\xc5\xbf{l\xd4\xb0A\xbd\xfa\xdf\xdb=*\xb2\xadwH\x10\x80\x02\xa0B\x9d\x1d(c\x0e\x07\x00p\x0e\x9c3\x80\xfa\xdd\x16\xfe\xcb\x82\x07\x0e\x92A\x01Y\x02\x93\x11\x88\x02\xc0i\xa5\xcdz\xf2\xdc\x81\xf4\xcc\x8di{\x0e\x1e&lt;z&amp;\xef\xbc\xf8\x01\xa3\xd18`\xc0\x80\x193f\x8c\x181\xc2h4\x8a\xde\x10\x9e\x06\xa8\xa1a\xfd{\x12\x0c\x80\x9bP\x7f\xaes\xc7\x8e\x1d\xf3\xe6\xcd\xdb\xbau\xab\xf3\xbb\xfd\xfat}\xf0\x81\xf8q\xa3\x87\xb5j\xdf\n$\x030\x07\xd4\xd4Q\x87\xca9w\xaeg\xbb\x91\xb1\xaa\xf8\x8b0\xc69\xe7\x84\x80\xac\xc8`2\x81\xc1\x08\xc0l\xc5\xa5\xeb7\xed\xfc\xf7\xfao\xb7}\xbb\xbf\xaa\xaaF\xbc\xbestt\xf2\xacY\t\t\t\xf0\xbf\xfd2\x84\xee,\xac\x7f\xcf\x83\x01p\xa3\xc4l#\x00X\xad\xd6\xb7\xdf~{ej*\xe3\x1c\x00\xccf\xafG\xc6\x8cH\x9c\xf2\xa7&gt;\xbdc\xc0d\x86\xba\x1aV[\xc7\x18\'\x12\x91\xee\xc4*f\xd1]b\x9c\x13\x00\xd9h\x00o\x1f\xe0\xecX\xb6\xf5\xff\xbeH[\xb6\xfc\x8b\x82\xc2\x0b\xe2e\x83\x07\x0f~\xfe\xf9\xe7\x07\r\x1a\x048"F\r\x00\xeb\xdf#a\x00\xdc\x10UU\x15E\xb1\xdb\xed\xf3\xe6\xcd[\xb4\xe8\x9d\xd2\xd22\x00\x08\xb2\x04$&amp;\xfci\xf2\xf8\x91\x9d\xba\xc7\x00s\xf0\xcb\xd5\x942Yn\xc0\x0e\xc8/\xcb\xab\x01$\x1f3\x18\xcc\xc5ygW\xad\xdd\xbc"\xf5\xcb\x9c\xe3\xa7\x01\x80\x10\x92\x90\x90\xf0\xfa\xeb\xaf\xb7h\xd1\x02\xbbB\xe8\x0e\xc2\xfa\xf7T\x18\x00\xbfC\xdc\x97(I\xd2\xde\xbd{\xa7O\x9f\x9e\x9d\x9d\r\x00f\x93i\xfc\xb8\x11s\x9eN\x8c\xe8\x1c\x05\x8e*ZUC\x80Hr\xe3-Jc\x8c1\xc6\x15/#\x98\xfd+J\x8a\x16\xbf\xff\xd9G)_\x14\x16]\x04\x80f\xcd\x9a\xbe\xfe\xfa\x1bS\xa7N\x05\xec\n\xa1\xdb\x86\xf5\xef\xd90\x00~\x8b\xb3\x80^y\xe5\x95\xb7\xde\xfa\x87X\xd968\xbe\xe7\x1b\xaf\xcd\xec\xd9\xaf\'\xd8k\xd4\xcb\xd5\x92\xec\xb2\xf5\xc8\x9cs\xaaR\xc5d\x04\x1f\xff\x82S\xa7\xff\xf6\xea\x92\x95\xab6\x88\x81\xf9\xb8q\xe3\xde\x7f\xff\xfd\xe0\xe0`\xd1ws\xc9\xe1!w\x87\xf5\xef\xf10\x00~\x95\xa8\xfe\xc2\xc2\xc2\x84\x84\x84\xb4\xb44\x00\xb0\x04\xfa\xbd\xfa\xd2\x133\x9f\x9c\x00\x12\xa1\x956\xa2\x8d[Q~\xb94g\xf6\x02/\x9f\xb4o\xb6\xff\xe5\x99\xb7\x8e\x9f\xc8\x03\x80\xf0\xf0\xf0\x15+V\xf4\xed\xdb\x17\xfbA\xe8\x16`\xfd\xeb\x01\x06\xc0\xf5\x89\x8e\xc3\xde\xbd{\xc7\x8c\x19SPP\x00\x00\xfdzw\xf98\xe5\xf5\xf0\xa8HVQ\x0e\x9c7\xe6\x80\xf7Fp\xce)e\x8a%\xa0\xe2R\xf9\xec\xd9o/_\xf9\x15\x00\x98L\xc6w\xdf}\xef\xf1\xc7\x1f\xc7)QtS\xb0\xfeuB[\x7fE\x8d\x10\xd5\x9f\x92\x92\x12\x1f\x1f/\xaa?\xf9\xc9GwnK\r\x0fo\xab\x96]\x92\xa4F\x9d\xee\xbcA\x84\x10E\x91iYE\x80\xd9\x98\x92\xfaV\xca\x07\xaf\x04\xfa\xfb\xd6\xd5\xd9\xa7O\x9f&gt;}\xfatY\x96\xc5\xf2mW\x1f&amp;r\x03X\xff\xfa\x81#\x80\xab9\xab?))\t\x00\x02\xfc|\xdeY0\'1i\x02\xb7\x95q\xca4X\xfaW\xe1\x9c3\xcadK\xf0\x8f{\x0eL\x9c\xf2\xbc\xf5\xe49\x00\x986m\xda\xb2e\xcb\xb0\x1f\x84~\x17\xd6\xbf\xae`\x00\xfc\x8f\xab\xaa?\xd8\xe2\xbf\xf9\xeb\x0f\xe2\xfa\xf5TK/\xca\x8a\xecF\xa5\xa3:T%\xd0\xbf\xb4\xa4t\xc4\xc8\xa4\x1f3\x8e\x02\x9e\x03\xe8\x06`\xfd\xeb\x8d\xd6\xf3\xbc1]U\xfd=b\xef\xd9\xbfwM\\\x9f\xaej\xe9E\xc5\xa0\xb8W\xd1(\x06\x85V\xd8\x82,~\xdb\xb7\xafL\x9c\xf0G\x00\x10\xbf\x17\x8e\x85\xd1\xaf\xc1\xfa\xd7!\x1c\x01\xfc\xe2\xda\xea\xdf\xf2\x9f\x14Kh \xad\xb0\xc9n\xbb\x8c\x8cQ&amp;\x19\r`\xf6JJ\x98\x9b\xf2\xc9z\xb8\xd2\x0f\x12O\xd8p\xafS\x1a5(\xac\x7f}\xc2\x00\x00\xb8\xb2\xe2\xcdY\xfdq];\xa6m^n\xb1\xf8\xd1\xaa\x1aYq\xef\x05d\x8c1.I\xb2\xaf\xcfU\xe7\x00\xa</t>
        </is>
      </c>
    </row>
    <row r="96">
      <c r="A96" s="1" t="n">
        <v>94</v>
      </c>
      <c r="B96" t="inlineStr">
        <is>
          <t>triangle</t>
        </is>
      </c>
      <c r="C96" t="inlineStr">
        <is>
          <t>What is the missing number of the part denoted with a question mark?</t>
        </is>
      </c>
      <c r="D96" t="inlineStr">
        <is>
          <t>['9', '8', '1', '3']</t>
        </is>
      </c>
      <c r="E96" t="inlineStr">
        <is>
          <t>9</t>
        </is>
      </c>
      <c r="F96" t="inlineStr">
        <is>
          <t>There are three groups of numbers with a triangle arrangement in the image. The first group is ['?', 6, 54], the second group is [3, 8, 24], and the third group is [7, 2, 14].</t>
        </is>
      </c>
      <c r="G96" t="inlineStr">
        <is>
          <t>We observe that the number 24 is the product of 8 and 3. Similarly, the number 14 is the product of 2 and 7. Hence, the pattern is that the rightmost number in each group is the product of the other two numbers.</t>
        </is>
      </c>
      <c r="H96" t="inlineStr">
        <is>
          <t>Based on the pattern that the rightmost number in each group is the product of the other two numbers, the missing number of the group ['?', 6, 54] should be 9.</t>
        </is>
      </c>
      <c r="I96" t="inlineStr">
        <is>
          <t>b'\x89PNG\r\n\x1a\n\x00\x00\x00\rIHDR\x00\x00\x02\x00\x00\x00\x02\x00\x08\x02\x00\x00\x00{\x1aC\xad\x00\x00\xba\xacIDATx\x9c\xec\x9dwx\x14U\xf7\xc7\xcf\x9d\x99\x9d-)\xbb\x9bF\x0f\x04\x085\xa1\x04B\x0f\xd2\t\xbc((H\x15\xa5\xa3 \n" \x884Q\x04Ax\x05, M\x11\x10\x10PP\x08\xa1)M\xa4\x93P\x02!@\xa8\xe9\xdb\xeb\xcc\xbd\xbf?\xae\xec//\xcd4\xc2\x86\xdc\xcf\xc3\xc3\x93\xcc\xce\xce\xde\xcd\xee\x9c\xef\xb9\xe7\x9e{\x0e"\x84\x00\x83\xc1`0J\x1f\xdc\xb3\x1e\x00\x83\xc1`0\x9e\r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xc2\xb3\x1e\x00\xe3\xa9C\x08\xa1\xff\xd3\x1f&lt;\xa0\xfb&lt;\xa3q1\x18\x8cg\x0cz\xc0(0\x9e\x0f\x08!\x18cB\x08B\x88\xe7\xf9&lt;\x9e\xc9q\x1c\xd3\x03\x06\xa3\xf4\xc0\x04\xe0\xb9\x82\x10"\xcb2\xc7q\x1c\xf7\xff\xc1=Y\x96\xcdf\xf3\xbd{\xf7\xee\xde\xbd\x0b\x80\x00\xfe\xf9\xc4\xabW\xaf\xee\xe7\xe7\xa7\xd3\xe9r_A\x96e\x00`J\xc0`\x94\x06\x98\x00&lt;\'`\x8c1\xc6\x82\xf0OL/;;\xfb\xcc\x993\x07\x0f\x1e\xfc\xeb\xaf\xbfn\xdd\xbau/-\xcdd2\xb9\x9c\xce\xdcO\xf1\xf3\xf7W)\x95\xd5\xaaU\xabX\xb1b\xabV\xadZ\xb4hQ\xb7n]\x8dFC\x1f\x95$\x89\xe7y&amp;\x03\x0c\xc6s\x0c\x13\x80\x12\x0f\x8d\xe1\xd08\x8f\xd9l\xde\xb6m\xdb\xcf[\xb6\x1c=r4==-\xbf\x97\n\x0b\x0bk\xdb\xb6m\xdf\xbe}\xdb\xb5kG/H\xe7\x13L\x06\x18\x8c\xe7\x12&amp;\x00%\x98\xdc\xa6?11q\xcd\x9a5\x1b7mJ\xbdq\xc3s\x82\x9f\xbf\x7f\xd5\xf0\xdae\xcaW\xa8^\xb3\xae\x8f\x8fo\xcd\x88\xfaX\x96\xe8\xea\xaf\xe4v_H8\xe5\xb0\xdb\x93\xce\x9f\xbdw\xe7\xf6\x8d\x94+\xce\\\xf3\x83\x06\r\x1a\x0c\x180`\xe0\xc0\x81e\xca\x94\x01\x00Y\x96\x9f\xbc\x90\xc0`0J"L\x00J*\x18c\x1a\xe8\xbf}\xfb\xf6\xb4i\xd3\xd6\xaf_o\xb7\xdb\xe9C\xe5+\x866\x8bi\xf7B\xc7\xd8Z\x11\r+T\xaa\xa2T\x89\x82\x00\x98\x80,\xfd\xcf\x15\x04\x05\x00\x01I\x02\xab\xc5\x9cz-9\xe1\xf4\xc9\xfdq\xdbO\x1c=h4\xe4\xd0\x13\xca\x96-7z\xf4\xa8\x89\x13\'\x8a\xa2\x881f)C\x0c\xc6s\x06\x13\x80\x12\x89$I\x82 \xb8\xdd\xeeo\xbe\xf9\xe6\xd3O?\xbdw\xef\x1e\x00\x88\xa2\x18\xdd\xf2\x85~\x83\xdel\xd4\xacUH\xd9\x10\x8c\xc1\xe9t\xb9\x9c\xce\x7f\x92|\x00r\x9bo\x02\xe09\xc8\xf1\x82R\xa9T\xaa\x04I\x82[7\xae\x1e\xda\xb7{\xc3\xeao/&amp;\x9e\xa5gFFF\xce\x9d;\xb7K\x97.\xc0\xa6\x02\x0c\xc6\xf3\x05\x13\x80\x92\x07\xb5\xfeW\xae\\\x19&lt;x\xf0\xe1\xc3\x87\xe9\xc1\xae/\xf7\x19\xf1\xee\xc4\x9au\xea\t\n\xc1f\xb5\xb9\xdd.\x80\xbc\xa7u\x12\x8c\t!\x18\x01\x12U*\x8dFi6\xdbN\x1e\xfd\xf3\xcb\xcff\x9c=y\x8c\x9e1l\xd8\xb0/\xbe\xf8\xc2\xcf\xcf\x8f\xbe\xfaS{s\x0c\x06\xa3\xf8`\x02P\x92\xa0\x9b\xb98\x8e\xdb\xb8q\xe3\xe8\xd1\xa3333\x01\xa0^T\x93w\'\xcfl\xd9\xb63!\xc4f\xb5\xd0\x13\n\x1c\xab!\x84`,s\x1c\xef\xe7\xefg\xb5X\xb6o^\xbfx\xee\x8c\xf4{w\x00 **\xea\xbb\xef\xbek\xd8\xb0!\xd3\x00\x06\xe3\xf9\x80\t@\x89\xc1c\xfdg\xce\x9c9c\xc6\x0cz\xf0\xad\xf7&gt;|\xf3\xbd\x0f5&gt;j\xa3\xc1Hwr\x15\xd5\xcb\xd1h\x8fV\xe7{\xf3\xfa\x8dO&gt;|o\xf7\xf6-\x00\x10\x10\x10\xf0\xf5\xd7_\xf7\xee\xdd\x9bi\x00\x83\xf1\x1c\xc0\x04\xa0d\xe0I\xf8\x191b\xc4\xf2\xe5\xcb\x01 \xb8L\xd9\xd9\x0b\x97wz\xb1\x9b!\xc7\xf2\xf4B\xf3\x92\xe4V\xab}DQ\xf1\xdd\xe2\xf9\x0b?\x9d\xeav\xb9\x00`\xd9\xb2e\xc3\x87\x0fg\x1a\xc0`\x94t\x98\x00\x94\x00\xe8\xfe^A\x10&lt;\xd6\xbfN\xbd\xa8\xaf\x7f\xdcZ\xbeb\xa8!\xc7\xf0\xb4\xb7ka\x8c\x01  \xd0\xff\xd0\xfe\x03\xa3_\x7f\xc5d\xc8\x01\xa6\x01\x0c\xc6s\x01\x13\x80\x12\x00\xb5\xb3o\xbe\xf9\xe6\xb7\xdf~\x0b\x00u\xeaE\xad\xdc\xbcS\xab\x0b\xb0X\xcc\x82\xa0(\x9e1\xb8\xdd\xee\xa0`\xfd\xdf\x87\x0f\x8f\xe8\xdb\xcdd4\x00\xc0\xea\xd5\xab\xdfx\xe3\r\xa6\x01\x0cF\xc9\x85\t\x80\xb7C-\xec\xb2e\xcbF\x8e\x1c\t\xf7\xad\xbf\x9fVg\xb7\xda\xf8\xe2\xb5\xbc\x92\xdb\xad\x0f\xd2\x9f8\xf2\x8f\x06\xf8\xf8\xf8\x1c8p\xa0q\xe3\xc6\x9e\x1d\t\x0c\x06\xa3d\xc1\x04\xc0\xab\xa1\xb6\xf5\xd8\xb1c-Z\xb4\xc0\x18\x87\xd7\xaa\xfb\xc3\xaf\xfb\xfc\xb4:\xbb\xcd\xfeL\xf2\xf1%\xb7; H\xff\xf7\xe1\xc3C_\xedl\xb3Z\xc3\xc2\xaa\x9e&lt;y\x82\x96\x93c{\xc4\x18\x8c\x12\x07s\xdc\xbc\x17\xaa\xcdYYY\xfd\xfb\xf7\'\x84h4&gt;\x9f-]\x1d\x10\x14d\xb3\xda\x9e\xd5n,A\xa1\xc8\xca\xcci\xfeB\xcb\x893&gt;\x07\x80k\xd7RF\x8c\x18A\x17\xa8\x9f\xc9x\x18\x0cFa`\x02\xe0\xbdP\xf7\x7f\xfc\xf8\xf1)))\x84\x90\t3?\x8fj\xd2\xd8\x90c|\xb61w\x85B\x91\x99f\x188\xe2\xad\x97^}\r\x006o\xde\xfc\xc3\x0f?\xf0&lt;O\xebH3\x18\x8c\x12\x04\x0b\x01y)4\xb3\xf3\xe0\xc1\x83m\xdb\xb6\x95e\xb9S\xb7W\xbeY\xf7sv\xa6\xa1\x98\xe3\xfe\x8f\x84\x10\xc2\xf3\xbc\xdb\xe5z\xa5]\xa3[\xa9\xd7CBB.\\\xb8\xa0\xd5jY\xb1 \x06\xa3d\xc1f\x00\xde\x08\xed\xcf\xe5t:\xc7\x8d\x1b\'\xcb\xb2. p\xca\'\x0b\xadV\x07\xf2\x8e\xb5V\x84\x90\xdb\xe5\xd2\xeau\x1f\xcc^\x881\xbew\xef\xde\xb4i\xd38\x8ec\x81 \x06\xa3d\xe1\x15\x06\x85\xf1\x004\xf8\xb3a\xc3\x86\x93\'O\x02\xc0\x80\xa1\xa3+W\ru\xd8\x1d\x05N\xb6\xa1az9\x17\x854\xd6\xbc \x98\x0c\xa6\xf6]\xba5o\xdd\x1e\x00\xbe\xfd\xf6\xdbK\x97.1\r`0J\x16,\x04\xe4\x8d\xd0\x9d_\xf5\xeb\xd7\xbft\xe9RXx\xcd\xcd\xf1\x7f\x03\x02\xc0\x04\xf2\x19`\xa1v\x1f!P(\x94\xa2R\xe4y\x8e^\x80\x10p\xbb%\xa7\xc3Q\x98-\xc4\x18c\x8dF\x93t!\xb1_\xd7Vv\x9bu\xd8\xb0a\xcb\x97/g\xe5B\x19\x8c\x12\xc4\xb3\x0f(3\x1e\xc0\x13\xfd\xbft\xe9\x12\xc6\xb8\xfb\xab\x03uz\xdf\xcc\x0cC~\xd7~i\xa4\xde_\xeb\'\xcb\x90~\xef\xce\xcd\xeb)\xe9\xf7\xee\x98M\x06B@\xa7\x0f\xa8T\xa5Z\xd5\xf0\x9a~\xfe\xbe&amp;\xa3\x19\n\x94\xc4\xc9q\x9c\xd5j\x8dh\xd0 \xbaE\xcc\x9f{v\xfd\xfa\xeb\xafs\xe6\xcc\t\x0c\x0c\xa4\xf1\xab\xfc^\x8d\xc1`\x14?L\x00\xbc\x94\xef\xbe\xfb\x0ec\x1c\x18\x1c\xf2b\xaf\x01\x16\xb3#\xbfn5!DP(\x1c6\xeb\xae_6\xed\xde\xb1\xf5\xec\xc9c\x99\xe9\xf7r\x9f \x08B\xcd\xba\xf5\xfa\x0ez\xb3\xe7\x80\xc1.\x97\x13\xcb\xb8\x00V\x1b\x01`\x19\xf7\x1f2\xfa\xd0\xbe\xf8\xf4\xf4\xf4\xad[\xb7\xb2\xfa\x10\x0cF\t\x82\x85\x80\xbc\x0b\xea&gt;\xdf\xbd{\xb7V\xadZ&amp;\x93\xa9{\xef\x81\x0b\xbf\xfb&gt;+3\x7f\xee?\xc1X\xa9R_\xbb\x9a4\xb2\xdf\x8b\xb7S\xaf?\xf2\x1c\x84\xfe\xf9\xe8_\xec\xd5\xff\xd3/WH\x92\xf4\xc8\xd3\xf2\x00\xe2\x10z\xb9]\xd4\xb5\xe4\xcbM\x9b6\xa5\xfd\t\xd8\xc6`\x06\xa3D\xc0&lt;5\xef\x82\x16}\xdb\xbd{\xb7\xc9d\x02\x80\xf6]^\x92\xe5\xfcGT\x10r\xbb]e\xcaU\x10\x14\xff_)\xa8bhX\xf9J\x95\xfd\xb5Z\xb7\xdb}\xf3zJ\xca\x95K\x00\xa0P\x88\xdb7\xaf+_\xb1\xf2\x84\x19\x9f\x1ar\x8c\x05\x08\xdfK\x92;0H\x17\xd3\xbeK\xca\x95\xa43g\xce$\'\'\xd7\xa8Q\x83\x15\x87`0J\x04\xec.\xf5.\xa8\xad\xff\xe3\x8f?\x00\xa0l\xf9\x8a\x8d\x9b\xb7\xb6\xdb\xf2\x9d\xfcC{\xbe\x07\x05\xeb\x87\x8e\x1a\x1f\x18\x14\xf2\xc6\xc8w\xd7n?\xb0e\xff\xc95\xdb\xf6~\xb5v\xdb\xb2\r\xbfm\xd9\x7f\xe2\xcb\xd5\x9b\x02\x82\x82eY\xe2y\xfe\x87\xe5\x8bo\\\xbb\xa6T\xa9\n0\x1d\xe4\x10r\xbbq\xfb\xd8\x97x\x9ew8\x1cG\x8e\x1c\x85\xfb\x05D\x19\x0c\x86\x97\xc3\x04\xc0\xbb\xe08\xce\xedv\x1f;v\x0c\x00\xea\xd6o\x14\\&amp;\xc4\xe5r\x15 :\xcf\x0b\x82\xc9h\xeb\xfcR\xaf\xcd{\xff\x9e\xfe\xf9\xa2\xc6\xcd[\x8b\xa2\xd2f\xb5\x98\x8dF\x8b\xc9(Kr\xcf\xfe\xbd\xa6|\xb2\x08c\x8c\x10g\xb3ZN\xff}T\xa5V\x16\xc0p#\x8es\xd8\x1d5\xeb\xd6\x0b)W\x1e\x00\xfe\xfc\xf3O`u\x81\x18\x8c\x12\x02\x13\x00/\x02c\x8c\x10JNN\xbez5\x05\x00\x1a7\x8f\xe1y\x80\x82.\xd2`,+U\xaa\xa0\xe02\xd9\x99\x06\xab\xc5\x8c\xb1\xccq\x1c\xc7\xf3\x1c\xcf#\x04\x19i\xb6\xa6\xad\xda\xf8k\xf5\x92\xe4F\x08\xdd\xbd}\x93\xe7\n\xf2Z\x08!\xb7\xdb\xad\x0f\x0c\x8cl\x10\r\x00\x7f\xfdu\xd4\xe1(\xf8~\x05\x06\x83Q\x9c\xb0\x1b\xd5\x8b\xa0\x11\x98\xeb\xd7\xaf;\x9d\x0e\x00\xa8V\xa3\xb6$\x15\xc6\x9bF\x04c\xb7\xdb\xcd\x0b\xc2C]\x82i\xd5\x06$(\x84\xfb\xbf\x17j\xd8\n\x05T\r\xaf\x05\x00w\xef\xde3\x99L\x9e\x15f\x06\x83\xe1\xcd0\x01\xf0"\xa8\xd1&lt;s\xe6,\x00\xf8k\xb5\x95\xaaTu\x17(\xfe\xf3\xff&lt;\xa68\x0f\xc6XT\x8awo\xdf4\xe4ds\x1cG\x08)W1T\xc6\x05\xd4\x01\x0e!I\x82\xf0\xda\x11\x00`2\x19\x93\x92\x92\x80-\x030\x18%\x01&amp;\x00^\x87\xd5j\x05\x00\x9e\x17|}\xfd0\xc6\x85r\xce\x1f\x05\xc1\x18!$\x8a\xfc\xf2\xff\xce\xc5\xb2\x8c\x10\xf2\xf5\xf3\x8f\x8an\xe1\xb09\x0bQj\x02\xfc\xb5:\x00\xc0\x18\xdb\xed\xf6\xa2\x1c.\x83\xc1xj0\x01\xf0"\xa8\xfd=y\xf2\x04\x00T\xaaRU\xab\x0f\x94$\xa9h\x17T1\x969\x9e\xd7\xea\xfcgO\x1e\xbf{\xc7\x16Q\xa9\x94e\xf9\x8d7\xc7\x86\x86Uv:\xed\x05{-Z\x1b\xaebh\x98\x9f\xbf\x16\x00\x8e\x1f?\x01\xf7g3\x0c\x06\xc3\x9ba\xfb\x00\xbc\x0e\xb7\xdb\r\x00\xbe~\xfeJ\x95\xcab6\x15\xe1\x82\xaa,\xcb*\xb5\n\xcb\xf2\xfbo\x0e\xda\xb6a\x8d\xa8T\xba\x9c\xce\xf6]\xbb\xbf5~\x8a\xc9h\xe1\xf9\x82~\x19\x10\xc2\x18\xfb\xf9\xfb\x8b\xa2\xe8\x19?\x83\xc1\xf0~\xd8\x0c\xc0\xeb\xa0n8\x96\xe5\xa2u\xa21\xc6\x1a\x1fMvF\xc6\x90^\xb1\xdb6\xacQ(D\x97\xd3\xf9\xe2\xab\x03\x16}\xb7^\x96\xa4\xc2\xbf\x96g\xc0,\x07\x94\xc1()0\x01\xf0:\xa8\x01-\xda\x00\n!X\xa9\x143\xd2\xee\rz\xa5\xe3\x89\xa3\x07\x05A\xe1v\xbb\xc6L\x9a&gt;\xff\x9b\x1fd\x19K\x92\\x\xab\xed\x190\x13\x00\x06\xa3\xa4\xc0B@^\x07-\xcb#\x08\x02\xc7\x15\xa1%E\x1c\xc7}0zp\xca\x95K\n\x85\x08@&gt;\xff\xe6\x87^\x03^\xcb\xce2!\x84\n\x1fe"\x84\x08\x82\x80\x10\x07\xf7\xc7\xcf`0\xbc\x1f6\x03\xf0"h\x08%00\x10\x00\xd2\xee\xde1\x19\x8d&lt;\xcf\x17Ip\xc6\xd7\xcf\xf7\xe0\xfe\xf8\xa3\x7f\xee\x15\x04A\x96\xa59\x8bW\xf5~\xfd\xb5\xcc\xf4\x1c\xae(\x9a8\x12B\x14\n\xc5\xbd\xbb\xb7m6\x8bg\xfc\x0c\x06\xc3\xfba\x02\xe0EP[_\xb7n\x04\x00d\xa6\xdf\xb3[-E\xd2\\\x85\x10"\x08\xe8\xaf\x83\xfb\x10B\x92$uz\xb1g\xcf\xd7\x06\xa4\xdf\xcd\x11\x14\x8a\xa2\xc91%\x84\x17\x84\xac\xcc\x0c\xbb\xcd\x06\x00\xf5\xeaE\x02\x0b\x041\x18%\x01&amp;\x00^\x87^\xaf\x03\x00\x97\xd3\x99\x99\x91\xc6\x0bB\x81KA\xfc?\x08\xc92\xa4\xdf\xbdC\xa3=\xad\xdb\xc7J\x12AE\x17_"\x00\x1c\x07i\xb7o\x02\x80(\x8a\xbe\xbe\xbe\xc0\x04\x80\xc1(\t0\x01\xf0"\xa8\xd1\xac_\xbf&gt;\x00\xd8l\xd6\xdb7S\x15\n\xa1\xf0! \x04@\x08XLF\x8c1\xc6X\xad\xf1\x01\x82\x00\x8aN\x00\x08\xe1y\xb8~\xf52\x00\xf8\xf9\xf9\x87\x87\x87\x03\x13\x00\x06\xa3$\xc0\x04\xc0\x8b\xa0F3,,\xcc\xcf\xcf\x1f\x00.\x9c=\xc9\xf3\x80\x0b/\x00\x1c\xe7\xb0\xdb\xc7L\x9a\xb9l\xc3o\xcb6\xfc\xd6 \xba\x99\xddf/\xc2\xed\x05\x1c\xc79\x1c\xf2\x85\x843\x00P\xb5j\x98\x8f\x8f\x0f\xeb\n\xc9`\x94\x08X\x16\x90\x17A\xcb\xf2T\xaaT\xa9v\xed\xda\x7f\xff}\xec\xd4\xdf\x87].RxK\x8d\x10\x92%\xa9Vd}\xba\xd5\xcb\xe9p\xc8E\x91\xf7I!\x84\x88\xa2\x98\x99v/\xe9\xfc9\x00h\xd5\xaa\x95B\xa1`]!\x19\x8c\x12\x01\x9b\x01x\x17\xb2,s\x1c\xd7\xbcys\x00\xb8\x98p\xe6\xd6\x8dkJeA\xfa\xb4&lt;\x00\x01\xe08\x9e\xe79\x9e\xe7DQ$E\xb7\xcd\x00c\xacR+\xcf\x9c\xf8+\';\x13\x00bbZ\x03\x8b\xff0\x18%\x04&amp;\x00\xde\x055\x9d\x1d:\xb4\x07\x00\xa3!\xe7\xf0\x81x\xb5F\xc4\xb2\\\x98k\x12\x8cUj\xf5_\x07\xf7}\xf8\xee\xf0\xe9\xe3\xdfJ&lt;sB\xa5V\x17a\xb5N\xc4\xa1=\xbfm#\x84h\xb5\xda\xa6M\x9b\xc03\xed\tL\x1e\xe2Y\x8d\x84\xc1\xf0~X\xddv\xef\x82F\xcf\xcdfs\xed\xdau\xee\xdc\xb9\xdd\xbaC\xec\x8aM\xbf\x17\xac[/\x05c\xac\xd6h.%\x9c}\xb5SSY\x96\x01\xc0\xd7\xcf\x7f\xeb\xfe\x93\xe5*T*X\xaf\xb1\x07F+\x08\x82\xddf{\xb1u\xbd\x8c{w\xbbu\xeb\xf6\xeb\xaf\xbf\x16sC`\x8c15\xf4\xb4\xc3\xc1\xc3/\xed9\x01\x00h_\x046Aa0(l\x06\xe0]\xd0T}??\xbf\xbe}\xfb\x10B\xfe&gt;\xfc\xe7\xb9\x93\'5\x1aM\x81\x1dvB\xb0R)\x9c\xfa\xfb0\xc6XT*\x15\xa2\xd2b6\x9d;u\\Y\xa0\x06\x90\x0f\x80eY\xe3\xa3\xde\xf5\xeb\xa6\xf4\xbbw\x08!#F\x8c\x80\xe2\xaa\x03*\xcb\xb2$I\x84\x10\x8e\xe3x\x9e\x17\x04\x81\xe7y\x8e\xe3\xecv{NN\x8e\xc1`0\x18\x0c999F\xa3\xd1s\x82p\xbf1\x8e,\xcbrQ\x97Zb0J"l\xa5\xce\xeb\xa0&gt;\xec\xe0\xc1\x83\xbf\xfcr\xb1\xddf\xdd\xf6\xd3\xf7\xb3\x9a\xfd\xd7j\xb1\x16\xa6X\xbf\xda\xc7\xf7\x9f\x80\x08&amp;\x00\xa0\xd1\xf8\x10\\\x04y\xa0\x88\xe3$\to^\xbb\x02!T\xadZ\xb5\xf6\xed\xdbS\x8b\\\xe8\x0b?\x16B\x08\x9dax\xa6D7o\xde&lt;q\xe2DBB\xc2\xb9s\xe7\x8cF\xe3\xd5\xabW\xcdf\x0bB@\x00\x80\x00/\xf0uj\xd7V\xa9T\x8d\x1b7\xaeZ\xb5Z\xd3\xa6M\xc2\xc3\xc3=\x0b\xd4\xb2,\x17I%\x0c\x06\xa3\x84\xc2B@\xde\x08\xb5q\xed\xdb\xb7\xdf\xbf\x7f\x7f@P\xc8\xa6\xdd\x7f\x05\x97)\xebv\xbb\x0b\x10\xbb \x84\x08\n\x851;k\xd0+\x1d\xaf^\xbe\x08\x00QMZ|\xbba\x87B!\x92\xc2u\x9b\x91e\xd9_\xeb\xbf\xe7\xb7_\xc7\x0c\xea)\xcb\xf2\xcc\x993\xa7M\x9b\xf6\xf4\xf2\x7f\xa8\xe9\xf7\xd8\xfd#G\x8el\xdd\xba\xf5\xd0\xa1C\x17.\\0\x99Ly\xbc\x88R\xa9\x0c\x0f\xaf\x11\x1d\xdd\xb8{\xf7\xee\xb1\xb1\xb1J\xa5\x12\x98\x0c0J1L\x00\xbc\x11Y\x96y\x9e?p\xe0@\xdb\xb6m\x01\xe0\xa5W\x07\xfcw\xe5\xda\xcc\x0cC\xc1l+!D\xa9T\xe6dg\x1d&gt;\x10/\x08\x8a\xd6\xedcU\x1aMa\x9bM\x02\x00\x00\xc7q=\xda4\xbc\x96|9(((11188\xf8)E\xd8\xe9\x1f\x04\x00\xd2\xd2\xd2~\xfd\xf5\xd75\xdf\x7f\x7f\xf8\xd0\xa1\xdc\'\xe8\xf4\x01!e\xcb\x07\x97)\x1b\x14R.\xb4J\x98\xdb-\x01\x00/\x08\x86\x9c\xackW\x92,f\xd3\xad\xd4k\xd9\x99\x19\xb9\x9fR\xa7n\xdd\xde\xaf\xbe\xda\xa7O\x9fZ\xb5j\x01\x80$I&lt;\xcf\xb3\xe5\x01F\xa9\x82\t\x80\x97BM^\xef\xde\xbd7m\xda$*\x95k\xb6\xee\x8bj\xd2\xd4l.`u \xbaZ\xab\xf1Q\x13\x02V\x8b\r\xe3\xc2\xee\x03\x90\xdc\xee\xc0\x10\xfd\xb7\x0b\x17\xcc\x9d\xf6&gt;Bh\xfe\xfc\xf9\xef\xbd\xf7\x1e]n-\x92\xfaE\x1eh\xe0\x8a\xe38\xa3\xd1\xb8p\xe1\xc2e\xcb\x96\xdd\xbd{\x97&gt;$*\x95\x11\r\x1a5\x8bi\xd7\xa0q\xf3\x1a\xb5#\xfc\xb5:_\x7f\x7f\x84@P\x00!\xff\x04\xb80\x06Y\x02\x87\xc3a4d\xdf\xbc\x9er\xee\xd4\xb1\xe3G\xfe&lt;q\xf4\xa0\xd1\x90C/\xa2\xd1h\xfa\xf6\xed;i\xd2\xa4\x1a5j\xc0\xfd\xb9W\x11\x8e\x9f\xc1\xf0f\x98\x00x)\x18c\x84\xd0\xb5k\xd7\x1a6lh2\x99jG4\xd8\x14\x7f\xc4\xed\x96\x0b\xbc\xc9\x96\x86P\xe0~&amp;L\xa1\xc6&amp;\xcbj\x1f\x9f\xeb\xc9W^\xed\xd4\xc4n\xb3a\x8ck\xd5\xaa5a\xc2\x84\xd7_\x7f]\x10\x04\xcf\xab\x14\xe6%(\x1e\xc7\x7f\xc3\x86\r3g\xce\xbct\xe9\x12=^\xb3N\xe4K\xbd\x07\xb4l\xd39\xbcv\x1d\xb5F\x94\xdc\xe0t8eY\x92%\x89\xfc\xef*4B\x80\x10\xe2\x10\xc7+\x14\xa2(\x8a"\'\xb9!\xf5z\xf2\xb1C\x7f\xfc\xbe\xed\xa7\xc3\xfb\xe3\xe9i\xfa\x80\x80\xf7\xc6\x8d\x9b8q\xa2(\x8a\x9e\x17e0\x9e{\x98\x00x/\xd4\x12\xcd\x993g\xca\x94)\x00\xd0\x7f\xc8\xa8O\xfe\xbb43=GP(\x9e\xe1\xa8\x08!\x08@P\x08\xfd\xfe\xd3:\xf1\xf4\tO^\r\x004o\xde|\xe6\xcc\x99\x1d;v\x84\xa2\x88\xa8\xd0\xe5\x84;w\xee\x0c\x1b6l\xe7\xce\x9d\xf4`\xf3\xd6\xed\x06\x0c{\xbbYL\xbb\xc0 \xad\xdd&amp;9\x1cvY\x969\x84\x10m\x9e\xf0\xf8\x97\xbb\xbf\x06\x8e\x11BJ\x95J\xed\xa3t\xda\xa5\xd3\xc7\x0fo\xfeq\xd5\xb6\rk\xe8M\x10\x11\x11\xf1\xcd7\xdf\xb4l\xd9\x92\xaa/\x0b\x071\x9e{\x98\x00x5t}2666&gt;&gt;\x1e\x00\xe6\x7f\xb3\xf6\xd5\x81\x03\xd2\xeef+D\xf1Y\rI\x92\xdce\xca\xea?x{\xf4\xba\x95_\x01\xc0\xc7\x1f\x7f\xdc\xb5k\xd7\x0f&gt;\xf8\x80\x8e\x10\x00\xfa\xf7\xef?y\xf2\xe4\x88\x88\x08\xb8o\xc4\xf3\xfb\x12\x9e\xb0O\\\\\xdc\x90\xa1C\xef\xdc\xbe\r\x00a\xd5k\x0c}\xfb\xfd\x97\xfb\xbd\xa1T\x8af\x93U\x92\xdc\x1c\xc7\x15l\x9eA\x08\xc1\xb2\x8c8\xce\xd7\xd7OP\xa0\x03\xf1q\xcb\xff;\xf7\xaf\x83\xfb\x01@T*\xe7~\xf6\xd9\xd8\xb1c\x81\x85\x83\x18\xa5\x00&amp;\x00^\r\xb5Aiii\xf5\xea\xd5OOO\xd3\xea\xf4\xdf\xae\xdf\xde\xb8E\xcb\x9c\xccg3\x0f\x90$)8D\xb7b\xe9\x92\xd9\x1f\x8c!\x04:t\xe8\xb0{\xf7n\xea)o\xd8\xb0a\xce\x9c9\xe7\xce\x9d\x03\x00\x8dF3~\xfc\xf8\xf1\xe3\xc7k\xb5\xda\xfc.\x0cx\xac\xff\xa2E\x8b\xc6\x8d\x1bG\x0f\xf6\x1f2j\xec\x94\x99A!A9\xd9&amp;Bh.P\x11\xb8\xe7\x18\xcb\x04\x13\x7f\x9dN\x96\xa5\x1f\x96-\xf9\xf2\xb3\xe9\x16\xb3\t\x00\x86\x0c\x19\xb2h\xd1"???\xa6\x01\x8c\xe7\x1b&amp;\x00\xde\x0e\r\x04\x1d=z\xb4U\xabV\x18c\x7f\xadn\xd9\x86\x1d\x8d[\xb4\xcc\xce\xccQ\x14\xa7\x06\x10"IRp\x19\xfd\xca\xa5KgMz\x1b\x00\xc2\xc2\xc2\x8e\x1f?\x1e\x10\x10@\x03&amp;\x1c\xc7\xb9\\\xaey\xf3\xe6}\xf5\xd5Wt\x9d\xb6v\xed\xda\x13&amp;L\x18&lt;x0\xe49\xd5\xd2\x93\xeb9b\xc4\x88\xe5\xcb\x97\x03\x80V\x1f0m\xee\x97\xaf\xf4\x1b`2\xda\\.\xd7\xd3\xc81\xa5c\x0b\x0c\xf2?y\xec\xf8\x87\xef\x0e\xbf\x94x\x16\x00\x9a4i\xb2k\xd7.\xbd^\xcf4\x80\xf1\x1c\xc3\x04\xa0\x04@5`\xf9\xf2\xe5t\xab-\xd5\x80\xa61-3\xd2\x8aI\x030\xc6@Hp\x19\xedw\x8b\xff\xb1\xfe\x01\x01\x01qqq\x8d\x1b7\xf6\xd8G\xcf\xda\xe9\x9d;w&gt;\xfa\xe8\xa3\xd5\xabW\xd3\xd5\xe0\x8e\x1d;N\x9a4\xa9}\xfb\xf6\xf0o\x0b\x03\x1e\xdf\xdfc\xfd\xeb\xd4\x8b\xfab\xd9\xda\xf0\xda\xb5\xb3\xb3\x0cO;GSr\xbb\xfd\xb4Z\xab\xc54k\xe2;\xbfl\xfc\x01\x00\xa2\xa3\xa3\xe3\xe2\xe2\x98\x060\x9ec\x98\x00\x94\x0ch0\xdd\xa3\x01Z\x9d~\xde\xd7\xdfw\xea\xd6-\'\xdbL\x08\xe6\xb8\xa7\x98\xb5"I\x92J\xa5R\xaa\x94\xcb\xff\xfb\xf9\xe73\'\x01@@@\xc0\xae]\xbb\xa2\xa3\xa3\x1fH\x98!\x84\xc8\xb2L\x9d\xf4\xbd{\xf7\xce\x9d;\x97.\x0cp\x1c7h\xd0 O\xaa\xe5\xe3\xd2l\xe8\xf1\xdc\xd6\x7f\xe5\xe6\x9d\xfa\xc0 \x93\xc1X&lt;\xf1.Y\x96DQ\xa9\xd6\xa8\'\x8e\x1a\xbcu\xfdj\xb8\xaf\x01:\x9d\x0eX\x89S\xc6\xf3\x08\x13\x80\x12\xc3\x03\x1a\x00\x00o\xbd\xf7\xe1;\x1f\xcc$@\xacf3/\x08En\xa10\xc6\x18\xcb\xfa\x00}\xfa\xbd{3\xde\x1f\xbd{\xc7\x16\x00\x08\x0c\x0c\xdc\xb9sgtt\xf4\xe3\x16xso\xd9]\xb5j\xd5\xe7\x9f\x7f~\xf1\xe2E\xfa\xc41c\xc6\x8c\x1d;\x96.\x0c\xc0\xff\xa6\x8a\xd2\xaby\xe2\xfe\xd4\xfa\xfbiu6\xab\xad8[\x0b`\x8c9\x0e\xf9\xf8\xfaN\x1a=\x84j@\xaf^\xbd6m\xda\xc4:\x1c0\x9eK\x98\x00\x94$\xa8\x19\x8a\x8b\x8b{\xed\xb5\xd7233\x01\xa0\xc5\x0b\x1d&gt;\xfctQ\xdd\xfau\x8d\x06\x9b\xcb\xe5*\xaa8\t\xc1X\xc6X\xa3\xf1Qk\x14{~\xdf\xf1\xc9\x94q7R\x92\x01\xa0I\x93&amp;k\xd7\xae\r\x0f\x0f\xff\xd7dyO\xd0\xdfh4.Z\xb4h\xf1\xe2\xc5YYY\x00P\xbbv\xedi\xd3\xa6\xf5\xed\xdb\x17\xee7?\xa0Y\xa4&lt;\xcf\xc7\xc7\xc7w\xea\xd4\t\x00\xeaD6\\\xf9\xf3.?\xad\xcen\xb3\x17\x7fJ&gt;\xc1\x18q\xc8\xd7\xd7o\xe2\xa8A[7\xac\x01\x80\x193fL\x9f&gt;\x9di\x00\xe3\xf9\x83\t@\t\x83\xda\xca+W\xae\x0c\x1e&lt;\xf8\xf0\xe1\xc3\x00\xa0\xd5\xe9_\x1b\xfe\xf6k\xc3\xc6\x94-\x1fl69\x9cNG\xa1\xf2#1\x06\x00\xb5F\xe3\xe3\xa38\x7f6\xe1\xbb\xc5\x0b~\xd9\xf8\x03=8l\xd8\xb0\x05\x0b\x16\xf8\xfb\xfb\xe7}\xab\x94\xe7\xcc\xcb\x97/\xcf\x9b7o\xd5\xaaU\xf4R\x9d:u\x9a5kV\xd3\xa6M\x01\xc0\xedv\xf3&lt;\x9f\x9e\x9e\xde\xa0A\xc3\xb4\xb4{\xfe:\xfd\xc6]G\xc2\xaa\xd70\x99L\xcf\xca\xe0\xd2\x19\x8cB\xa1\xe8\xdb\xa5e\xc2\xe9\x13\x08\xa1\xb8\xb8\xb8\x8e\x1d;\xb2=b\x8c\xe7\x0c&amp;\x00%\x0fj\x86\xdcn\xf7\xc4\x89\x13\xbf\xfe\xfak\xa7\xd3\t\x00a\xd5k\x0e\x1e5\xf6\x85\x8e]+U\tu9\x89\xddf\x95%\t\xee\'\xde&lt;aZp\xbfo\n\x06\x00\x85B\xa9\xf1Q#\x04\x17\x13\x13\xe3~\xd9\xf4\xc3\xf2\xc5\xb4dB\x992ef\xcf\x9e=l\xd80\xc8\x7fv\xfc\x03\x0b\x03\x1f}\xf4\xd1\xd1\xa3G\x01@\xa5R\xf5\xef\xdf\x7f\xd6\xacY\x15*T\x00\x80\xd8\xd8\xd8\xb8\xb88\x84\xd0\xe7_\xff\xf0r\xff\x01Y\x19\xc5\x9b\xe3\xf4\x10\xb2,k4\x9a\x1b)\xc9}\xbb\xb44\x1ar\xca\x94){\xf1\xe2\x05\xadV\xcb6\x881\x9e\'\x98\x00\x94H&lt;V\xf8\xd8\xb1cS\xa7N\xdd\xb3g\x0f=\x1eR\xb6\\\xb7\x9e\xfd\xdbv\xee\x16\xd1\xa0\xb1V\xe7+\xcb\xe0t\xbadI\x92$\t\x08\xc9\xdd_\x1e\x01 \x0e!@\x82B!(\x14\xa2R@\x00i\xf7\xd2O\xfdu0\xfe\xb7m\xbb\xb7o\xb1\xdbm\x00\x80\x10\x1a&lt;x\xf0\xc7\x1f\x7f\\\xbe|\xf9\xc2\xec\x8f\xc5\x18c\x8c\x05A\x90$\xe9\x87\x1f~\x98&gt;}\xfa\xcd\x9b7\x01\xa0l\xd9\xb2\x93&amp;M\n\x0e\x0e~\xed\xb5\xd7\x00\xa0\xf7\xeb\xc3\xe7~\xb5,3\xbd\x80e\xef\x8a\x16\xc9-\x05\x06\xeb6\xfd\xf0\xfd\xa4\xd1o\x00\xc0\xdbo\xbf\xbdx\xf1b6\t`&lt;O0\x01(\xa9\xe4^k]\xb9r\xe5\xa2E\x8b\x12\x12\x12&lt;\x8f\xd6\xa8\x1d\xd1\xbcu\xbb\x06MZ\xd4\x8d\x8c\xd2\xea\x03t\x01\x81\x08An\x97\x9a\x10p\xbbA\x96\xa5\x9c\xac\x8c\xcc\xf4{\x89gN\x9c:v\xf4\xaf\x83\xfbn\xdf\xbc\xe19\xa7S\xa7N\x13\'N\xa4\x19\x9cEb\xf8&lt;\x17IOO_\xb2d\xc9\x82\x05\x0bl\xb6\x7fd\x06!T!\xb4\xca\xcf{\x8f+\x95*\xba~P\xc8\xd7*\x12dY\xd6\xe9\xb5\xa3^\xeb\xb9{\xc7\x16\x85Bq\xf4\xe8\xd1F\x8d\x1a\xb1\xacP\xc6s\x03\x13\x80\x92\x8d\xc7+w\xb9\\\xbbv\xedZ\xb9jU\xfc\xee\xdd\xd4\xaaR|\xfd\xfc\xf5\x01\x81\x95\xaaT\xd5\xf8\xf8\xd6\xac[O\x96e \x00\x08$\xb7t)\xf1\x8c\xd3\xe9\xb8q\xf5\xb2\xc1\x90\xe3r:=O)W\xbe|\xb7n\xdd\x06\xbd\xf1F\x8b\x16- \xd7Rm\x91\x0c8wD(11q\xee\xdc\xb9[\xb7nu\xba\\\x92\xdb\xfd\xf1\x17\xcb\x06\x0c\x1b\x9e\x95\xe9\x15\xee?\x05c\xac\xd1\xa8\xaf\\\xba\xd0\xabCS\x97\xcb\xf9\xc2\x0bm\x0e\x1c\xd8\xcf\x04\x80\xf1\xdc\xc0\x04\xe0y \xb7{\x9e\x94\x94\xb4}\xc7\x8e\xddqqg\xcf\x9eMOO\xcf\xfbE\xc2\xc2\xc2\xa2\xa2\xa2\xbau\xeb\xd6\xb5k\xd7\x90\x90\x10x\xa8\x07K\x11B\x08\x91$I\xa1PX,\x96j\xd5\xaaedfF7\x8bY\xbdu\xb7\xdd\xeex\xa4m\xa5\x1d\x1c\x11\xc0\xe3\xbe\xac\xf4\xa1\xfc\xae~\xd3\xa2@\xf4\x9a\x08\xa1G\xbeSI\x92\x02\x02u\x9fM\x9d\xb4|\xf1&lt;\x84\xd0\xbe}\xfb\xda\xb4i\xc3\x02A\x8c\xe7\x03&amp;\x00\xcf\t\xd4X\xe7.\xb7\x90\x9d\x9d}\xfa\xf4\xe9\xbf\x8e\x1d\xbb\x9a|\xf5\xe6\xcd\x9bii\xf7\xee\xde\xbd\x87\x10\x98\xcd\x16I\x92\x04\x81o\xd0\xa0\x81\xaf\x9f_dDD\xe5\xca\x95[\xb4hQ\xb7n]\x8dFC\x9f[\x0cM\xb2$I\xe28\xee\xbb\xef\xbe\x1b9r$\x00,^\xbd\xb9K\x8f\x9e\x86l\x03\xff\x90\xfbO\x08\xf1\xf5\xf3S(\xe8\xd4\xe5\xd1\xd0\x87\x9cNl\xb3Z\xf38Y\xa1\xbb\x8e\xfd\xb5&gt;\x80\x00\x01\xb8\xdd`1\x9b\x1f~.!D\x14\xc5\xf4{w_\x8c\x89\xb4Z,\xfd\xfb\xf7\xff\xf1\xc7\x1f\x99\x000\x9e\x0f\x98\x00&lt;o\xd0\xe5\xd6\x87}a\x8c\xb1\xc1`\xe08\xee\xe5\x97_&gt;p\xe0@\x9b6m\xf6\xef\xdf\xff\xc0s\xa9\xa3]&lt;\x8d\xb1h&gt;h\x8b\x16-\xfe\xfe\xfb\xefj5j\xff\xb4\xeb0G;\xb9\xfc/\xb4\x9d\xd9\xaf\x9b~\xbc\x91\x92\x8c8D{\x1a?\x0c\xe28\x82qD\xc3\xc6\xedb\xff\xe3\xb0;\x10\xfa\xf7\xa2C&lt;\xcf;\x1d\x8e\xb5\xdf-q\xb9\x9c@\xa0b\xe5\xb0\x1e}_w9\x9d\x0f\xbfwY\x96\xb5:\xff\xf7G\xbe\xf1\xcb\xc6\x1f\xfc\xfd\xfd/]\xbaT\xae\\\xb9\x027f`0\xbc\x07o\t\xb62\x8a\n\x8f\xe9\xa7s\x02j\xa7\xa8;\x1f\x10\x10\x00\x004\xbdR\xa1P\xd0p&lt;}\x16=\xa1\xd8\xbcZ\xeaA\x1f;v\xec\xc4\x89\x13\x84\x90\x97^}- X\xf7\xc8\xe4\x1fB\x08\xcf\x0bk\xbe\xfd/\xad\xd1\xf6d^\xee\xf7F\xd7\x1e/\xdb\xac6\x9e\xff\x17\x01\x90eY\xa7\xf7[\xf0\xf1\xe4\xef\xbf\xfd\x92\x1e\x89l\x18\xdd\xfb\xf5aN\x87\xe3a\xb3\x8e\x000&amp;\xaf\xbe6t\xfb\xe6u&amp;\x93i\xdd\xbau\xe3\xc7\x8f\xf7\xacd0\x18%\x17\xb6\x96\xf5\xdcB\x83\xda\x82 \xf0&lt;\xcfq\x1c5\xf74\xe7\x1fh_\x17\x848\x8e\x13\x04\x81\x9eS\x9c\xfe,\x1d\xc3\xe6\xcd\x9beY\x16\x95\xca\x98\xf6\xb1v\x9b\xc4?"\xe2D8\x8e\xb3;l\x00 \x08\x82\xf8o]\x10\xb8&lt;nO\x93$\x9d^\x17\xff\xdbo\xdf\x7f\xfb\xa5(*\x95J\xa5 \x08\xfeZ\xdd\xe3f\xc3\x1c\xcf\xdb\xac\xf6:\xf5\xa3\xaaT\xab\x0e\x00?\xff\xfc3]\x18\xcf\xcbk1\x18\xde\x0csaJ\x0b\xe8&gt;\xcfz \x00\x00&lt;\xcf\xcb\xb2\xfc\xc7\x1f\x7f\x00@\xdd\xfaQ5\xeaD8\xecv\xf4\x90I%\x04x\x9e\xb3\xdbm\xc6\x9clI\x92\x10B5\xebDV\xaeZ\xdd\xe5v?\xf0F8\x8e\x97\xdc\xae\xba\xf5\xa2\\\xae\x7fI!%\x04\x8bJeFz\xda\xcc\t\xa3\x00\xc0\xe5r\xd2\xc1x&amp;C\x8fD\x92\xdc\x81A\xba\x17:\xfe\'\xe5JRBB\xe2\xbd{\xf7*T\xa8\xc0\xa2@\x8c\x92\x0e\x13\x00FqC\x97(\xee\xdd\xbb\x97\x94\x94\x04\x00\xcdc\xdak4\n\x9b\xd5\xfa\xc8\x88\n\xc7q\x0e\xbb\xddb6\x03\x00!d\xf8\xbb\x93\x06\x0c\x1b`\xc8~\xf4\x1a\xac\xdb\xed\xb6YmO\xae\x8d\x8a1\xd1\xf8\xa8\'\x8f\x19r\xe7V\xaaR\xa5\x0e\x0c\x0e\xb9{+\xf5_\xc7\xcc!$I\xa4\xc5\x0b\x1dV\x7f\xbd\xd0b1\x1f?~\xa2B\x85\nO)E\x8a\xc1(6\xd84\x96Q\xdc\xd0H\xcb_\x7f\xfde2\x998\x8ek\x10\xdd\xdc\xed&amp;\xdc\xa3\\iB\x08\xc7\xf3\x16\xb3\xc9\xe9\xb0\xd3\xc75&gt;\xbe\xc6\x1c\xd9l2\x9a\x8d\x0f\xfd3\x19\x9d\x0e\xfb\x93]rI\x92\xf4\x01\xdaMkW\xff\xb6e\x03B\xa8e\x9b\x0e\xad\xdau\xcaK\x1e\x04\xe28\xa7\xc3Y\xa3vD`P0\x00\xec\xdb\xb7\xaf`\xef\x9d\xc1\xf0*\x98\x000\x8a\x1bjp\x13\x13\xcf\x03\x80\xaf\x9f_\xf5\x9au\\N\xd7\xc3\xf1\x1f\n\xc7\xf1f\x93\xd1\xe5r\x12@\x00\xa0\xd5\x07\x00p&lt;/p&lt;\xff\xe0?\x8e\x7fr\xf2\x0f\xc6X\xa3\xd1\xa4\\I\xfe\xec\xa3\xf1\x1c\xc7\x01\x81\xb7\'\xcd\xb0Y,y\x193\xddj\x17R\xb6BhXu\x00\xb8x\xf1\x02\xb0\x0e\x01\x8c\x92\x0f\x13\x00FqC\x97O\x13\x12\xce\x01@\xd9\xf2\x95t\xfa\x00\x1a\xdf\x7f\xc4\xa9\x84\xf0&lt;g6\x19\xe9\xcf\n\x85\xc2\xcf_\'\xcbR\xc1^\x17\x01\xf0\x027m\xfc\x9b\xc6\x9cl\x8c\xf1k\xc3\xdfn\x1e\x13\x95\x9ev7\x8fO\'\x84(D\xaer\xb5p\x00\xb8z\xf5\xaa\xd9lF\x88eQ3J6L\x00\x18\xcf\x06\x83\xc1\x00\x00\xfa\xc0 \x1f?\xff\xc7-\xc0\x12\x00\x8e\x03cN\x16\xfdU\xa9V\xfb\xf8\xfa\xba].,\xcb\x92$\xc9\x92$\xcb\x12\xc6r^\xac\xb0$I\xfa@\xff\x15\x8b\xbf8\xfa\xc7^\x00\xa8\x15Q\xff\xbd\x8f&gt;1\x19$,\xe5UN\x08!\x82\x00e\xcbU\x04\x00\xa3\xd1\xe4=\x05\x8b\x18\x8c\x02\xc3\x16\x81\x19\xc5\n\xcd\x9c1\x9b\xcd)))\x00P\xb6|%\x8e#\x8f\xb7\xe0\x04!0dg\xd3_\xfc\xfdu\xc1!e}\xfd\xd4\x84\xf8p\x1c\x10\x00\x8cAr\x13\xa7\xc3\xeev\xbb8\xee\xb1\x99\xacX\x96\xfd\xfc\xfcN\xfd}\xe2\xcb\xb938\x8e\x17\x14\x8a\x8f\x17.S\xaa\xd4n7\xc6\x8f\xd9Y\xf60\x08!I\x822\xe5+\x02\x80\xc5bNNNn\xdc\xb81K\x04b\x94h\x98\x000\x8a\x1b\x84\x90\xdb\xed6\x18L\x00\x10Z\xa5\xaaB\xf1\xf8@\n\x01\xc4\x81\xc13\x03P\xa9\xcf\x9e8v\xe3Zr\xfa\xbd;.\xa7SP\x08A\xc1e\xab\xd6\xa8U\xb3n\xbd\xa0\xe0@\x8b\xd9F\xcbK&lt;x\rB8\x9ew\xb9\x9c\x1f\x8d\x1b\xe1t\xd8\x01`\xcc\xc4\xd9\x8d\x9a6\xc9L\xcf\xf6\xf5\xf7\'\x8f-/\xf4\xd0\xb0\x010\x86\xd0*U\x01\xc0\xe5r\xd1\x19\x0c\x0b\x011J4L\x00\x18\xcf\x00\x84\x90 \xf0\x00\xe0v\xbb\x9fdB\x11\x10\x0cFC6\xc7\xf1\x1c\xcf\xdd\xbc\x912\xb0{\xdb\x87\xcf\xaaT\xb9\xea\x8b\xaf\x0ex\xe3\xcdw\xfd\xfc\xb56\xab\xf5\x81\xd4L,\xcb\x01\xc1\xba\xd9\x1f\xbc\x7f\xe1\xdci\x00h\xd6\xba\xfd\xf0w\xde7d\x9b\x1e.:\x94\x17\xdcn7\xfd\x81m\x03f&lt;\x07\xb05\x00\xc6\xb3!o\xbe3"\x04\xd2\xee\xde\xc1X\x96\xdcn\xe9\xbe\xf1\xcd\r\xcf\xf37o\xa4|5\xff\xe3\x01\xdd^\xb8\x96\x9c\xe4\xe3\xe3\x83\xf1\xff\xaf(\xc8\x92\xe4\xaf\xd3\xee\xdf\x15\xb7\xea\xeb\x85\x1c\xc7iu\xfaY_|-c\xfc\x84\xbarE:~\x06\xc3\xaba^\x0c\xe3\xd9@\r\xe8\x93\xfdh\x8e\xe3\xecv\xc7\x88w&amp;\xe6de\\K\xbe\\\xa5Zx\x85J\x95\x83B\xca\x8a\xa2\xd2\xe1\xb0\xdf\xbb}\xf3\xfc\xb9S7\xaf\xa7\x00\x80B\x14\x93/\x9d\x7f\xb3\xffK\x1bv\x1e\xf2\xf3\xd7\xd1\xb4"B\x88B\xa9\xcc\xc9\xca\x9a\xfe\xfe(\xda\x10\xed\x83\x8f\xbf\xa8\x16\x1e\x9e\x9de\x10\x04\x81`\\\x80a{\x06\xcc\x04\x80\xf1\x1c\xc0\x04\x80\xf1\x0c@\x08QKj\xc8\xc9\xc2\xf8\xb1\xeb\xa8\x08!\xb7\xcb]/\xaa\xc9\x8aM\xbbLFC`p\x19Q\xe49\x0e\x10\x02L\x00\xcb`2\x1a\xe3\x7f\xdb:g\xeaxcN\xb6(*o^OY\xfa\xf9\xc7\x1f/\xfc*\'\xdb\xc8\xf3&lt;\xc6\xd8\xdfW=\xed\xbd7o\xddH\x01\x80\xff\xbc\xd2\xf7\xd5\x81\x83r\xb2\x8d\x05\x8e\xde \x04\x86\xec,\x00@\x88c! \xc6s\x00\x0b\x011\x8a\x15\x84\x10\xc6X\xab\xd5\xd6\xae]\x0b\x00\x92\x93.H\xd2\x93*\x14!\x84,\x163\xc6X\xab\x0bp\xd8\xac\x86\x1ccv\xa6!3\xc3\x90\x93i0\x1a\x8c\x08q\xfd\x87\x0cZ\xb4\xe2\'Q\xa9\xa4^\xffo[\x7f\xba}\xf3\xb6\xa8TJn\xb7&gt;@\xbbm\xc3\x8f\xbf\xfc\xf4=\x00\x94)Wa\xf2\xec\x05f\x93\x99\x10,\xe7\xc2\xe3\xc8\xd3by\x0f\x1c\xcc\r&amp;D\xa1\x80\xe4\xa4\x0b\x00\xa0\xd7\xeb\xeb\xd4\xa9\x03\xf7\xf740\x18%\x14\xf6\xf5e&lt;\x03\x10Bj\xb5\x1a\x00lV\xab\xd3\xf1\xe8.`\x1e\xe8\xa3\x92\xe4F\x1c\xc7\xd3\x02\xa7\x82\xc0\x0b\x02]\xec\xbdw;\xbbM\xa7\x0e\x1d\xba\xf6\xc0X\xe6y\xc1\x98\x93}\xf9b\x82(*Uj\xf5\x8d\x94k\x9fN\x19\x87\x10Rk|\x16\xad\xfc\xa9Z\x8d\xf2j\x8d\xaf&gt;@\xaf\xd3kuz\xadN\xaf\xd7\xe9\x95\x82\xf0O\xa3dA\xa1\xd0\xe9\x05\xadN\xaf\xd3k\x95J\xd5\xc3\x1a\x80\x10\x92eBw\xa5\x89\xa2\xa8\xc8\xdda\x99\xc1(\x99\xb0i,\xa3\xb8\xa1\xc5\xe0\xea\xd7o\xb0s\xe7\xce\x9b\xd7\xaf\x1a\xb23\xf5\x81A\xee\x87\n|&gt;\xc0#\x1fE\x08q&lt;\'K\xa4YL\xbb\xdf\xb7\xfeD\xa5"\xed\xeem\x9eG.BfNx;;+\x03\x10\xaaQ;"+#m\xf5\xd7\xabx\x9e\xff\x7f\xbbN\x88BTfe\xa4\xd1\xdf\xd2\xef\xde\xd9\xf8\xfdF\xa7\xd3A\x08\xa9U\xb7~\xf5\x9a\xb5].W\xee\x17E\x08\xb9\xdd\xe8\xca\xa5D\x00\x08\x0f\xaf\xee\xef\xef\xcf\x9a\x033J:L\x00\x18\xcf\x86\xf0\xf0\xea\x00`1\x9bo\xa5^\x0f)[\xfe\x01k\x9b\x1f\x10\xc6\xc8_\xab\x83\xfb\x0b\xb3n\x97[\xa1\x80\x9b\xe9i\'\xfe:\xc8\x0b\x02\x028w\xea\xef\xb7_\xef\xf9\xe4\xab\\\xb9\x948vh\x1f\xfa\xf3\xbbSf\xd5o\xd4\xc0\x91a\xe7s-\xf9\n\x82`\xcc\xc9\xbcs\xf3\x06\x00T\xadZ\x95\xc6\xb2\n4`\x06\xc3[`\xfe\x0b\xa3\xb8\xa1^s\xabV\xad\x94J\x95\xdb\xed:s\xfc\xa8\xa8\xe4\naL\t\xc7\x11\x8b\xd9\xe8\xf9]\xab\xd3\x11\x02\x80\xc0\xe9t\xc8\x92$IR\xe13v\x08!J\x95\xea\xea\xe5\x8bwn\xa5\x02@\xdb\xb6m\x81%\x021J&gt;l\x06\xc0(nh{\xb2*U\xaaT\xadZ\xf5\xe2\xc5\x0b\x7f\x1f\xf9c\xd8;\xef?\xd6\xfd\'D\xc6\x98\xe3\xb8\xc7\x97y\xc0&lt;\x8f\xce\x9c8\x06\x002\x969\x9e\x0f\r\xab\xeer\x11\x85Bl\xd9\xa6\xa3\xcdjyl\xc96\x02\x1c\xcf]8w\x9a\x86\xf5\xfdu\xfa:\x91\r\x08\x01\x8c\xe5\x8a\xa1an\xf7\xff\x94\xfa\xc1\x18\x8b"w\xe2\xe8!Y\x96\x95JU\xb3f\xcd\x80\xad\x003J&gt;L\x00\x18\xcf\x00\x8c\xb1(\x8a\xcd\x9a5\xbdx\xf1\xc2\xc9\xbf\x0e\xa5\xa6\xa4\x94\xadP\xf1\xe1(\x10!\xc0\x0b\x82\x9f\x8f\xdaaw9\x9dv\x82\t\xe4jjF\x9b\x1e\x07\x06\x07\\8w~\xd7/\x9b8\x8e\'\x18W\xafY\xa7z\xcd:6\xab\xd5\xd7\xcf\xff\xdbu\xdb\xe1\xf1a%\x82\xb1\xda\x87\xef\xd9\xbe\xf5\xc9\xbf\x0e\x02@d\x83\xc6\x1bv\xed6\x9bd\x8e\xe3\xdcn\x97\xc5l\xcb\xdd`\x92\xe7y\xbb\xcd\xb5w\xd7/\x08\xa1j\xd5\xaa\x86\x85\x85\x11B\x98\x000J:\xec\x1b\xfc&lt;CS\x1b%I\x92$I\x96e\x8c1m\x13O\x1f\xf2\x1c\x7f\\\xe2\xe3\xd3\xa6g\xcf\x9e\x00`6\x19\x8f\x1e\xdc\xa7\xf1Q\xe2\xff\xad\t\x8a1\xf6\xf1Q\x9f\xfa\xeb\xd0\xa2Ogd\xa4\xdf\xf5\xf5\xd3\x06\x04\xe9\xb4:\xad\x8f\xaf\xafF\xe3\xe3\xe3\xeb\xa7\xd5k\x83\x82\xf5\x89g\xcf\xbc;\xa4\xb7\xc5l\x12\x14\x02!\xa4\xcf\xa0\x91\xbe~\x1aZ^\xd4j\xb5X-\xe6\'\xfc\xb3\x98]\xf8~qiI\x92,f\x99\x1ew\xff\xaf\x14\x11\x8c\xd5jur\xd2\xc5K\tg\x08!]\xbbv\x15E\xf1\xc9-$\x19\x8c\x12\x01\x9b\x01&lt;oP\xbf\x98\xfa\xa7\x1c\xc7=\xdc\xb3\x90\xee`\xa2\xbd\xe0s\x1f\xa72@\x9f\xf5\xb4\x07I\xa3@\xed\xda\xb5\x0b\x0f\x0fONN\xde\xf1\xf3\xba\x9e\xfd\xdfx\xa0\'\x0c!\x84\x17x\xa31g\xc9\xbc\x99\xdf/\xfb\xb2A\xe3f\r\x1a7\xab^\xabnPp\x19\x85(:\x1d\x8e;\xb7n\x1c9\x10\xbf\xf3\x97\xcdN\x87]T*]Ng\xd3\x96m\xfa\xbc1\xdcd\xb0\xd0w\xfd\xe47B\xe8\t\xf7\r=B\x88\xbb\xcf\x03gb\x8cE\xa5\xf0\xfb\xb6\x9f\x9cN\xa7(\x8a\x83\x06\r\xfa\xd7\x8b3\x18%\x02&amp;\x00\xcf\x0f\xd4\xdf\x17\xee\'\xc8\x03@VV\xd6\xf9\xf3\xe7\xaf^\xbdz\xf3\xe6\xcd\xd4\xd4\xd4\xeb7np\x08\x9d&gt;}\x9a\xe7\xf9\x93\'O\xbe\xf7\xde{Z\xad\xae^\xbd\xc8\x8a\x15+\xd6\xad[W\xa3\xd1x\xae\x83\x9f\x18v/&lt;\x08!I\x92\xd4ju\xdf\xbe}?\xfe\xf8\xe3\xbf\x0f\xffq\xea\xd8_\xd1-[YLf\xee\x81RnX\x06\x00\x93\xc1\xf0\xe7\x9e\x9d\x7f\xee\xd9I\x0f\xd26\xee\x9eK\x01\x80\xcb\xe9l\xdc\xa2\xf5\xc2\x95\x1b\x00\x80\x10\xfc\xe4\xd6`\xb9\xa1\xfb\n\xe8\x0f\x8f&lt;\x81\x10\xa2\x10\xc5\xcc\xf4\xac-\xebV!\x84Z\xb5jU\xb7n]\x96\x00\xcax&gt;`\x02\xf0&lt;@]~j\xcb0\xc6\xc7\x8e\x1d\xdb\xbd{\xf7\xe1\xc3\x87\xcf\x9c=\x9b\x91\x9e\xfe\xc8\xa7dff.\\\xb8\xd0\xf3kXXXT\xa3F1\xadZu\xea\xd4\xa9v\xed\xda\xd4\x1a\xca\xb2\xfc\xf4d\x80\x06\x9d\xc6\x8c\x19\xf3\xe5\x97_\x1a\x8d\xc6Mk\x97\xb7h\xd3\x1a\x13\xe21\xab\x08!\xa7\xd3U\xb5z\xad\xda\x91\r/&amp;\x9c\xce\xfd\xdc\xdc\xe1\x17BHpH\xd9\xbe\x83\xdf\x1c\xfa\xf6\xfb\x82 8\x9d\xce\xbc\x9bf\x84\x90\xd1\x90#I\x12\x00\x98\x8c\x86G\xbeSY\x96uz\xbf_~\xfa!3\xed\x1e\x01\x186l\x18\xdc\xdf\xcaP\x80w\xcd`x\x15\xac\xa7]\xc9\x86z\xeb\xd4^\xdf\xbauk\xc3\x86\r?\xfe\xf8\xe3\x993gr\x9f\x83\x10\x04\x04\x06\xab\xd4\x9a\xcaU\xab\xd3e\x00\x00\x90e\xf9F\xca\x15\xc9\xed6\xe4d\xe7&gt;Y\xa9T\xb6i\xd3f\xc0\x80\x01\xdd\xbbw\xf7\xf7\xf7\xa7g&gt;\xce;.\x18t\x00\x1c\xc7\xb9\\\xaee\xcb\x96\xcd\x981\xc3l\xb1H\x92\xb4|\xc3\xef1\xed;\x98\x8cf\xcf\xcb\x11BhQ\x87\xb3\'\x8f\x9d\xfc\xeb\xd0\x95\x8b\x89\xf7\xee\xdc\xb2X\xcc\xb2$\t\n\x85\xbfVW5\xbcVT\xd3\x96-^\xe8P\xa1R\x05\xb3\xc9J\x15+\xaf\xe3 DP(~^\xb7\xfa\xde\xed\x9b\x00P\xb1rX\x8f\xbe\xaf\xbb\x9c\xce\xff\x89\xfe\x13"\x08\x82\xc9\x90\xd3\xa3m\xa3\xac\x8c\xb4\xf0\xf0\xf0\xb3g\xcf\x8a\xa2\x88r\xadE3\x18%\x17&amp;\x00%\x18\x8fiNLL\\\xb8p\xe1\xd6\xad[srr\xe8CJ\xa5\xb2vd\x83zQM\xa3\x9a\xb4(S\xbeB\xc5\xcaU\x05A\x11\x10\x14L?n\x84\x00\xcb8+3\xdd\xe5r\xa6\xa6\\\xb9\x95z\xfd\xf4\xdfG\x12\xcf\x9c\xbc|!\xc1\xf3m\x08\r\xad&lt;x\xf0\xa0Q\xa3F\x85\x84\x84\x10B\x8a$\xe9%\xb7\\\xed\xdc\xb9\xf3\x83\x0f&gt;8w\xee\x1c}\x08\x014l\xdar\xddo\x7fX-\xd6\xdc/D[ni4&gt;\x82\x88\xb0\x0cn\x97\xe4t:\xe8E\x94*\x95B\xe4\x81\x80\xcd\xe6p9\x1dO\xe8\x08\xf6\x84\xf1\xf8\xf9\xfb\xd1\xa5\x10\xb7\x1b,f\xf3\x03W\x90\xdc\xee\xe02\xfa\x8f?\x98\xb8b\xc9\xe7\x00\xb0q\xe3\xc6W_}\xb5\xc8\x15\x91\xc1xV0\x01(\x91x,\xa9\xd1h\x9c?\x7f\xfe\x82\x05\x0b\xecv;}(\xaai\xcbv\x9d\xbb\xc5\xb4\x8f\xad^\xb3\x8eJ#b\x19d\x19\xbb\\.\x82\x89$\xb9r\x97\xc1W(D\x84\x90\xa8T\xf2\x02 \x00\x93\xd1\x92x\xe6\xc4\xfe\xb8\xed\x7f\xee\xd9\x99\x9ct\x91\x9eS\xb1b\xc5Y\xb3f\r\x1e&lt;\x18\n7\x15\xf0\xacO\x00@bb\xe2\xa4I\x93~\xff\xfdw\xfaP\xef\xde\xbd+T\xa8@\xe3Q\x1f|\xbc\xe0\xcd\xf7\xde\xcb\xb8\x97#\xfco\xa5\x1d\x8ce\x9a\x03JCR4\xb5\x1fcL\x08\x06@\x85\x89Sy2\xa0\x10B\x0f\xbc;Y\x92\xfc\xb5\xfe\xa7\xfe\xfe\xeb\xf5\x1e\xed\xdc.W\xc7\x8e\x1d\xe3\xe2\xe2\x98\xf5g&lt;O0\x01(yx\x02\xd0\x1b7n\x9c6mZRR\x12\x00(\x95\xaa\xd8\xee\xbd\xba\xf5\xec\xd7\xb2m\'\xa5Rp:%\x87\xdd\x8ee\x99&amp;\xceS\xfb\xf8P\x96=\xcd\x07\xa5\x89\xa1\x88\xe7y\xb5\xc6G\x14QN\xb6a\xf7\x8em;6\xaf;| \x9e\x9e\xd9\xbe}\xfby\xf3\xe6EEE\x15lU\xc0c4\xd3\xd3\xd3?\xf9\xe4\x93\xe5\xcb\x97S\xb9\xaaW\xaf\xdeg\x9f}\xd6\xa5K\x17BH\xadZ\xb5\xae\\\xb9\xa2\xf1\xf1\xfd~\xdb\xbe\xba\r\x1aZL\xe6\xc7w\xec"\x84&lt;\xba4P\x11B\x08\xe6y^\x92\xdc\xfd\xba\xc4\\\xb9t\x9e\xe3\xf8\xf3\xe7\x13k\xd4\xa8\xc1\xd2\xff\x19\xcf\x13L\x00J\x18\xd4\x98J\x924a\xc2\x84E\x8b\x16\xd1\x83-^\xe8\xf0\xf6\xc4\xe9\xcd[\xb7r\xb9\x88\xd5l\xc6\x18\xa3\x02es\xd2\x15\x02\x85B\xe1\xeb\xe7\x831\xf9e\xe3\xdae\x8b\xe6^\xb9t\x1e\x00\xb4Z\xed\xfc\xf9\xf3\x87\r\x1b\x96\xafp\x90\'\xdc\xefv\xbb\xd7\xae];c\xc6\x8c\xd4\xd4T\x00(W\xae\xdc\xe4\xc9\x93G\x8e\x1c)\x8a\xa2$I&lt;\xcf\x1f;v,&amp;&amp;F\x92\xa4\xf0Zu\x7f\x8a;\xcc\x0b\n\xc9\xfd\x88\x06\xbf\xc5\x86,I\x01A\xba\xb1C\x07\xfe\xbai-\x00,\\\xb8p\xec\xd8\xb1\xcc\xfdg&lt;g0\x01(IP\x03t\xf7\xee\xddW_}\xf5\xf0\xe1\xc3\x00\x10R\xb6\xfc\x84\xe9s\xbb\xf7\x19 \xcb\xc4b6q\x08qE`\xa1\x88,\xcb\x08q\xfeZ\x7f\xab\xc5\xfa\xed\xa29+\x16\xcfw\xb9\x9c\x000r\xe4\xc8%K\x96\xd0\\\xa3\x7f\xc9\xb2\xcf\x15\xf3\x89\x8f\x8f\x9f&gt;}\xfa\xd1\xa3G\x01@\xa5R\x8d\x181\xe2\xc3\x0f?\x0c\t\t\xf1\xbc#\xfa\xff\xa2E\x8b\xc6\x8d\x1b\x07\x00\xddz\xf6_\xf8\xdd\x8f\x16\x93\x99\x10\x82\x9e\x85\x06H\x92\x14RF\xb7\xec\xbf\xff\xfdd\xcaX\x00\xe8\xd5\xab\xd7\xa6M\x9b\x98\xf5g&lt;\x7f0\x01(1H\x92$\x08\xc2\xf1\xe3\xc7{\xf4\xe8q\xe7\xce</t>
        </is>
      </c>
    </row>
    <row r="97">
      <c r="A97" s="1" t="n">
        <v>95</v>
      </c>
      <c r="B97" t="inlineStr">
        <is>
          <t>color_number_hexagon</t>
        </is>
      </c>
      <c r="C97" t="inlineStr">
        <is>
          <t>What is the missing number of the part denoted with a question mark?</t>
        </is>
      </c>
      <c r="D97" t="inlineStr">
        <is>
          <t>['8', '4', '3', '1']</t>
        </is>
      </c>
      <c r="E97" t="inlineStr">
        <is>
          <t>4</t>
        </is>
      </c>
      <c r="F97" t="inlineStr">
        <is>
          <t>There is a hexagon split into six parts with the colors ['red', 'green', 'red', 'yellow', 'yellow', 'green'] in an anti-clockwise order. The parts are denoted with the numbers [6, '?', 1, 5, 2, 3] respectively.</t>
        </is>
      </c>
      <c r="G97" t="inlineStr">
        <is>
          <t>We observe that the numbers in the green parts add up to 7. Similarly, the numbers in the red parts also add up to 7. Thus, the pattern is that the numbers in the parts of the same color add up to 7.</t>
        </is>
      </c>
      <c r="H97" t="inlineStr">
        <is>
          <t>Based on the pattern that the numbers in the parts of the same color add up to 7, the missing number of the green part should be 4.</t>
        </is>
      </c>
      <c r="I97" t="inlineStr">
        <is>
          <t>b'\x89PNG\r\n\x1a\n\x00\x00\x00\rIHDR\x00\x00\x02\x00\x00\x00\x02\x00\x08\x02\x00\x00\x00{\x1aC\xad\x00\x00\x93\'IDATx\x9c\xec\x9dy|\x94\xd5\xd5\xc7\xef6\xfbLV6\xad\x1b\xbbR\xd4\n\xee\nXQ\xb0j]\xc1\x02.`\xd5\xd2\xd6\xa5aQ@\x0c\xfb\xaa\x80\x08j\xc5\xf6\xad+\x90\x9a\x94@4\n\x01\x14\x12(\xb8$,j,\x84-\x8a5\t$\x93L&amp;\xb3\xde{\xee\xfb\xc7M\xa6\x01Q\x89\x90\x99g2\xf7\xfb\x99?\xda(\xf2\xe4\x99\xe7\xb9\xe7\xdcs\xce\xfd\xfd\xb0\x94\x12i4\x1a\x8d&amp;\xf1 \xb1\xbe\x00\x8dF\xa3\xd1\xc4\x06\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d\x004\x1a\x8d&amp;A\xd1\x01@\xa3\xd1h\x12\x14\x16\xeb\x0b\xd0\xc4\x12)\xa5\x942\xd6W\xa1\x89\x19\x18c\x8cq\xac\xafB\x133\xb0~\xff\x13\x16\xce9c:\x03Ht8\xe7\x94R\x1d\x06\x12\x13\x1d\x00\x12\x14\x00 \x84\xfc\xe7?\xff\xf9\xf3\x9f\xffL\x08\x01\x80X_\x91&amp;\xaa0\xc68\xe7\x0f?\xfc\xf0\x88\x11#b}-\x9a\x98\xa1\x13\xc0\x84C\x85|\xbf\xdf\xbfp\xe1\xc2\x94\x94\x94\x8f&gt;\xfa(\xd6W\xa4\x89\x19\xbdz\xf5\xfa\xf6\xdboo\xba\xe9\xa6\xde\xbd{K)\t\xd1M\xc1\xc4B\xef\x00\x12\x0e!\x04\xa5\xf4\x8d7\xde\x185j\x14\xc6\x98R\x1ay\x06\x08!H?\x0fm\x1a\x8c1\x00D\xbecJi(\x14\xba\xff\xfe\xfb\xdf|\xf3M]\x12L@t\x00H,T\xd7\xb7\xae\xae\xaeW\xaf^G\x8f\x1e\x05\x00]\xfcIp\xccf\xb3\x10\xe2\xa3\x8f&gt;\xea\xd7\xaf\x9fJ\x0eb}E\x9a\xe8\xa1\x03~b\x01\x00\x94\xd2\xcc\xcc\xcc\x8a\x8a\n\x95\xfb\xab9\x10\x00\x18~\xf5\xd5\x0f^w]\x9d\xcfGu\x1d\xa0\x8d\x02\x00\x0e\xab\xf5\xb3\x03\x07\xa6\xe7\xe4\x80\x94\x12I\x8c\t\xe7\x1c\x00222\xfe\xfd\xef\x7f\x9bL&amp;\xf5H\xc4\xfaJ5QB\xef\x00\x12\x08\x00\xc0\x18\xef\xdd\xbb\xb7w\xef\xde\x00\x10\x99\x01%\x18\x83\x94g\xa4\xa6\xee\x9e??\xc5n\x0fqN\xf4\x12\xd0\x16\x11R:\xec\xf6\xc1\xb3f\x15\xec\xdeM\t\x11\x00\x08!\x8c\x11!T\x08\xf1\xfa\xeb\xaf\x8f\x1c9Ro\x02\x12\n\x1d\x00\x12\x08\xf5n\x0f\x1e&lt;\xb8\xa0\xa0\x80\x99\x18\x0f\xf3\x1e\x17vu\x1f\xad=RQ\xcd\x08\xe5B\x8c\xec\xdf\xff\x95\x87\x1e\xaa\xf6z\xf5&amp;\xa0\xed!\x00\xd2\x9c\xce7\x8b\x8a\xfe\xf8\xf7\xbfSB\x84\x04\x93\x89\xf5\xbe\xf4\x82\x1d\xff\xfe\\\xf5~;t\xe8\xf0\xe5\x97_\xa6\xa4\xa4\xe8\xc3\x01\x89\x83\x0e\x00\x89\x82Z\xfd\x0b\n\n\x06\x0f\x1e\xacR&lt;)\xe1\xc5\xdc\xf9\xbb&gt;\xfer\xd9\x9c7(\xa5\x12\x80\x10R4uj\xef\xb3\xcfn\x08\x04\xf4@H["R\xeb\xbb\xe2\x99g\x0eTU\xa9\x19\xd0\xcb\x07\\\xf2\xcc\xd2q\xf7_\xf7g\x8f\xbb\x9e1\x16\x0e\x87\'O\x9e&lt;k\xd6,\xbd\tH\x1c\xf4K\x9e\x10\xa8\xf7\x9fs\xfe\xc4\x13O \x8c\x08%B\x88\xebn\xb9\xe6\xa2+~\xf9\xdb{o\xfa\xc5\xb9\x9d\x84\x10\x84R.\xc4\xa4\xac,\x8a1\xd2\t`\xdbB\xa5\xff\x0b\xf3\xf3\x0fTU1J\x01\x802\xfa\xe0\xf8{\xcf8\xa7\xe3\xa81\xc3\xa4\x94 \x81P\xf2\xdcs\xcf\x95\x95\x95\xe9s!\x89\x83\x0e\x00\t\x81:\xf6\xb5l\xd9\xb2={\xf60\xca\x04\x17\x0e\x97\xfd\xbe\xbf\xfc\xae\xc1\xe3s&amp;\xd9\x1f\xc8\xf8\x1dB\x08\xa4\xa4\x84l*-}w\xc7\x8ed\xbb]\xe8%\xa0\xad \xa5\xb4\x99\xcde\x15\x15\xcb6lP\xb5\x1d\x00\xf8\xcd=\x03{\xf5\xe9Yq\xb8\xea7\xf7\xdc\xd0\xed\x97\x9dA\x80\x1a\t\x9d&lt;y2\xc6\xba0\x90(\xe8\x00\xd0\xf6Q\xbd\xdf\x8a\x8a\x8a\xcc\xccL\x8c1\xc2\x08\x00n\x7f\xe07\xe7_\xd85\x18\x08y=\r\x83\x87\x0c\xbc\xf0\xb2\x0b@\x08L\x08FhrV\x967\x10h~&gt;@\x13\xd7\x08\x00\xa7\xd5:-\'\xc7\xdd\xd0\xc0(\x11\x12\x9cI\x8eQc\x86\x07|\x01)\xa5\xcda}\xf8\xa9\xfb\xa5\x94*\x06dgg\x17\x14\x14PJ\x85\x10\xb1\xbepM\xab\xa3\x03@\xdbG\x9d\xf0\x9c4i\x92\xdb\xedf&amp;&amp;\xb8\xe8tv\x87{\x1e\xb9\xa3\xae\xb6\x9e2\x82$\x12B&lt;2\xf1\x01\xca\xa8\x1a\x12\xddWY\xb9(??\xcd\xe1\xd0\x9b\x806\x80\x00Hu8\xde\xdf\xb93{\xfbvJ\x08H$A\xde\xf7\xf8\xd0\x0eg\xb6\x0b\x05B\x8c\xb1\xfaZ\xef\x15\xbf\xee{\xed\xe0+\x84\x10\x84\x10\x8c\xf1\x13O&lt;\xc19\xd7\xfb\x80D@\x07\x806\x8e*\xfe\x14\x17\x17\xaf\\\xb9\x92R\xaa\xa6?\x1f\x1c;"\xbdC*\x0fq\x8c1\xa1\xc4W\xef\xbb\xe4\xea\x8b~s\xcf@h\x9c\x0b\xc4\xafl\xd8PVQa3\x9b\xf5\x12\x10\xef`\x8c\xc3B\xcc[\xb3\x06\xa4T\xc5\xfdn\xbf\xec|\xe7\xa8[\xbc\x9e\x86\xc6N/FB\x88\x87\x9f\xba\xdf\xe1\xb2\xab\xf6\xef\x9e={\x96-[\xa6;\x01\x89\x80\x0e\x00m\x1c\xd5\xfe\x1d7n\\0\x18$\x94\x08..\xbc\xec\x82\xc1C\xae\xaf\xab\xf1P\xd68\xe9A(\xf1y}\xa3\xc6\x0cw&amp;9\x04\x00\xa3\xc4\xdd\xd00-\'\'\xc9f\xd3\x9b\x80\xb8\x86\x0b\xd1\xce\xe5z\xa3\xb0p[Y\x19\xa3D\x00H)\x1f~\xea~\xab\xcd"\x84@\x18!\x84\x08!\xbez_\xf7\xde]n\x7f\xe07\x00\x800\xc2\x18gff\xba\xddnB\x88\xce\x00\xda6:\x00\xb4eTB\x97\x9d\x9d\xbdy\xf3f\xc6\x98\xe0\xc2df\x8fL| \xf2\xf2+0\xc6\xa1@\xa8\xc3\x99\xed\xee{b\xa8\x94\x12$"\x84\xe4~\xfa\xe9G\xa5\xa5I6\x9bN\x03\xe3\x14)\xa5\x99\xb1\xff\xba\xdd\x8b\xf2\xf31\xc6\x08\x13\x00\xb8\xf6\xa6+\xaf\xf8u\xdf\xfaZo\xf3AO\xca\xa8\xa7\xb6\xfe\x9eG\xee8\xf3\x9c\x8e\x82\x0b\xc6\x98\xdb\xedV\x1d#\xfd\xed\xb7mt\x00h\xb3\xa8\xdcM\xcdu \x840\xc1\x000\xe0\xe6\xab\xfb\\s\x91\xaf\xdew\xdc\x98?\xa5\xd4[\xdfp\xc7\xfd7\x9f\xd5\xf9L!\x04%$\xc4yfv6\xa5Tg\x80q\n\x07Hs:\x97\xac]{\xf0\xc8\x11J\x08\x00\x98Ll\xd4\x98a*\xcdo\x0e\xc6\x98\x87x\xbb\x8ei\xc3\xfetw\xe3Hh\xd3\xcc\x98.\x04\xb5mt\x00h\xb3\xa8\x8e\xee\x82\x05\x0b\xca\xca\xcaL&amp;\x13\x0fsW\x8a\xf3\xa1\xa7\xeek\xa8\xf7\x11\xfa\xbd\xef\x1d#\xe0`\xb5[FO\x1e\x89\x10\x12\x00\x94\x90m{\xf7.\xdf\xb2%\xdd\xe5\xe2z $\xde\x00\x00\x97\xd5\xba\xb3\xbc\xfc\xd5\x8d\x1b\t!j\xf4\xeb\xae\xdf\xdf\xda\xf3\xc2n\xdf\x0f\xff\x08!\xcahmM\xdd\xcd\xbf\xbb\xa1\xf7\xa5\x17\x08.(\xa3\xea\xd4\x88n\x05\xb7mt\x00h\x9b\xa8\xde\xef\xfe\xfd\xfb\xe7\xcf\x9fO\x08\x91HJ)\xef\x1cy\xf3\xd9]~\x11\n\x84Nx\xd0\x9fP\xe2\xf54\\;\xe8\x8a&gt;\xd7\\\x04\x00j$t\xe6\xaaU\x95\xb5\xb5f\xc6\xf4*\x10_H\x84\x18\xa5S\xb3\xb3=~?!X\x08Hm\x972\xf4\xe1\xdb}\r\xfe\x13\x84\xff\xa6?\xc3L\xf4\x81\xbf\xdcC\x08\x01!(\xa3\x05\x05\x05\xd9\xd9\xd9z$\xb4\r\xa3\x03@\xdbD\xf5~g\xcc\x98\xe1\xf1x(\xa3&lt;\xcc\xcf\xea|\xe6\xf0?\xdd\xedq\xd7\xff\xf8)\x7f\x10\xf0\xa7g\x1e4\x99\x98\xda@\x94\x1f=\xfa\xc2\xda\xb5iN\'\xd7u\x80\xf8A\x8d~\xae\xdb\xbd\xfb\xdd\x92\x12J\x88\x94HJ9j\xec\xf0\x8e\xbfh\xffC\xe1\x1f!D(\xa9\xaf\xf5^5\xf0\xb2_\xdfv\xad\x10\xa0FB\'O\x9e\x1c\n\x85\xf4&gt;\xa0\xad\xa2\x03@\x1bD\xf5~\x0b\x0b\x0b\x97/_NYc\xfa6z\xf2H\x9b\xc3&amp;\xc4\xf1\xf5\xdf\xe6\x10B|^\xff\xf9\xbf\xea~\xd7\xefoU\x95bB\xf0\xab\x1b7\x96\x1c:\xe4\xb4ZA/\x01q\x02%\xc4\x1b\x08L\xcb\xc9\xc1\x08aB\x84\x10\xbd/\xbd\xe0\x96\xe17z\xdc\xf5\x91\xd1\xaf\x13B(\xf1\xfb\xfc\x0f?u\xbf+\xc5\xc9\xc3\x9c1VVV\xb6`\xc1\x02\xdd\th\xab\xe8\x00\xd06\x11Bdff\xaa\xa3= \xa0\xcf5\x17];\xe8\n\xaf\xc7K\x7fh\xfb\xdf\x04\xa1\xc4\xe7\xf5\x0f}\xf8\xf6\xd4v)\xaa\x13\xe0\xf1\xfb\xe7\xe7\xe5\xd9\xcdf\xbd\x04\xc4\x05\\\x88T\x87c\xf9\xd6\xad\xbb\xca\xcb\t%\xaa\xa3{\xff_\xeea\xec\xa7\x8fvc\x8c\x83\xfe\xd0\xd9]\xce\xbcs\xe4\xcdR\x19\x06\x10\xbcp\xe1\xc2\x8a\x8a\n=\x11\xd4&amp;\xd1\x01\xa0\xad\xc19\xa7\x94\xaeX\xb1\xa2\xb0\xb0P\x9d\xfb\xa5\x8c\xfe\xf1\x99\x07A\x9c\xd4\xdb\xabFB;\x9e\xd5~\xd4\xd8a\x12$HD\tY\xf5\xc9\'\xef\xef\xdc\x99\xaa\xcf\x06\x1b\x1e)\xa5\xd5l\xfe\xba\xbazvn.\xc1\x18c\x02\x02\xae\xbb\xf5\x9a\xabo\xb8\xbc\xbe\xd6\xfb\x83\xd5\xfffPJ=\xee\xfa\xe1\x7f\xba\xfb\x17\xe7vR\x9b\x80\x9a\x9a\x9aI\x93&amp;\xe93\x01m\x12\x1d\x00\xda\x14J\xf5\xc1\xe3\xf1L\x9f&gt;\x1d\x93\xff\xc9~\x9d\x7fQ7\x9f\xd7\x7f\x92\n\xcf\x94\xd1\xfaZ\xef\xa0\xbb\xaf\xef\xf6\xcb\xce\xaa\x99,\x00\xe6\xadY\xc3\x01\xb4L\xbc\xc1\x11\x00.\xabu\xe9\xda\xb5U\x1e\x8f\xaa\xdb8\\\xf6\xfb\x9e\xb8\'\xe0?i}o\x8c\x04\x17vg\x93D \x80\xca\'JJJ\xd4I\xf2\xd6\xfd\x054\xd1E\x07\x806\x85Z\xaf\xe7\xcf\x9f\xbf\x7f\xff~J\xa9\xe0B\xc9~\xf9}\x81\x93\xc9\xfe"\x08!\xecM\x1aaB\x02\xa5d[Y\xd9k\x9b7\xa7;\x9dz$\xd4\xb0\x00\x80\xcbf\xfb\xec\xc0\x81\x97\xd7\xaf\'\xc7\xaa\xfe\xf9\xbd~\x95\x10\x9c\x0c\x94\xd1\xfa\xbaz%\x11(\xb8 \x94\x84B\xa1\x8c\x8c\x0c!\x84\xde\x04\xb41t\x00h;\xa8d\xad\xb1kG\x89r|\x8c\xc8~\xb5(y\xa7\x94F4\xc2@\x80\xf2\x12\x99\xb5j\xd5\xd7\xd5\xd5V-\x10dX0\xa6\x84L\xca\xca\nqN(\x15\x02\x9a\xa9\xfe\xb5\xd8\xe0%"\x11\xa8\xce\x06\x17\x15\x15\xadX\xb1B\x8f\x84\xb61t\x00h;\xa8uY\xcd\xedQJA|O\xf6\xabE4\xd3\x08\x03\x90\x94\x90*\x8fg\xe9\xda\xb5.\xabUw\x02\x0c\x88\x00H\xb6\xd9\xde-)\xd9TZJIc\xf8o\xae\xfa\xd7\xa2\xff\x9a\x12\x08\xfa\x9fD F\x98\xe0\xe9\xd3\xa7\xd7\xd5\xd5\xe9\x91\xd0\xb6\x84\x0e\x00m\x045\xfa\xb9y\xf3\xe6\xc8\xc9\x9d\xef\xcb~\xb5\x88\xe34\xc2$F\x04\xe3\x97\xd7\xaf/9x\xd0\xa5\x05\x82\x8c\x07\xa3\xd4\x17\nM\xce\xcaBM\xa3\x9f\xdfW\xfdk\x11\xc7H\x04r\xc1(\xdb\xbf\x7f\xff\xe2\xc5\x8b\t!z\x13\xd0f\xd0\x01\xa0-\xa0\x8e}\x05\x83\xc1q\xe3\xc6a\x8c\xd5\xe8\xe7\te\xbfZDs\x8d0\x10@(\rq&gt;{\xf5jJ\x88\xce\x00\r\x05\x17"\xd9f[\xb6q\xe3\xbe\xcaJJ\t\x00\x9cP\xf5\xafE|O"\x10\x08%\xcf?\xff\xbcj/\xe9\x0c\xa0m\xa0\x03@[@\xf5~\xb3\xb2\xb2\x8a\x8b\x8bU\xfa\xffC\xb2_-\xe28\x8d0)%%$\xaf\xb8x\xdd\xee\xdd\xa9\x0e\x87N\x03\r\x82\x1a\xfd&lt;\\S\xf3l^\x1eV\xa3\x9f?\xac\xfa\xd7"\x8e\x91\x08\xe4\x82RZWW7c\xc6\x0c}&amp;\xa0\xcd\xa0\x03@\xdc\xa3\xd2\x7f\xb7\xdb=q\xe2\xc4\x93\x91\xfdj\x11\xc7h\x845yFN\xcb\xc9\xf1\x85B?{c\xa19\xbd\x08)\x93\xac\xd6Y\xb9\xb9\xb5&gt;\x1f%D\x08\xf1c\xaa\x7f-\xe28\x89@!(\xa3\xcb\x97//**b\x8c\xe9\x0c\xa0\r\xa0\x03@\xdc\xa3\xd2\xff\xcc\xcc\xcc\x8a\x8a\ne\xf9\xf2\xd3\xb2_-\xa2\xb9F\x98\x04B\xc8\xae\xf2\xf2W6lH\xb1\xdb\xf5Hh\xcc\x01\x80$\xabu\xd3W_\xbdYTD\x08\x96\x08\xfd\xa4\xea_\x8b8F"P\x00\xc1D\x08\x91\x91\x91\x11\x0c\x06u7\xb8\r\xa0\x03@|\xa3V\xffF\x0f\xbf\xa6\xd1\xcf\x9f\x94\xfdj\x11\xcd5\xc2@\x00&amp;\x84`\xfcl^\xde\xe1\x9a\x1a=\x12\x1as$\xc6\x8c\xd2\xcc\xecl.\x04%T\x808I\xd5\xbf\x16\x11\x91\x08\x14B0\xc6JJJ\xb2\xb2\xb2\xb4@P\x1b@\x07\x80\xf8F\xd5\x7f\x94\x8b\xb7:\xf9u\x92\xb2_-\xa2\xb9F\x98\xd2\x17\xaa\xf5\xf9f\xe5\xe6:-\x16\x11\xcf\x01@J\tR\n\x00\xde\xfc#\x04\x07P\xee\x89\xb1\xbe\xc0\x9f\x80\x0b\x91\xe6p\xbc\xb5e\xcb\xb6\xbd{)!\x02\x00\xc9\x93R\xfdk\x11\'\x92\x08$\x13\'N\xac\xa9\xa9\xd1\x9b\x80xG\x07\x808F\x8d~\x16\x14\x14\x14\x14\x14\xa8\xc1\xff\x93\x97\xfdj\x11\xdf\xd3\x08C\x04\xe37\x8b\x8a\x8a\x0f\x1etY\xad\xf1\x98\x06\n\x00\x01@)uZ,\xa9\x0eG{\x97\xab\xbd\xcb\xd5\xce\xe9l\xe7r\xb5OJj\xe7r\xa5:\x1cf\xc6\x8c\xbc\xb6I)\x19\xa5\x1e\xbf\x7f\xee\xea\xd5\x08!L\x08@\x0bT\xffZ\xc41\x12\x81\\PJ+**\x16-Z\xa47\x01\xf1\x8e\x0e\xe0\xf1\x8a\xaa\xf6\x00@\xef\xde\xbd\xf7\xec\xddc2\x99\xc2\xa1\xf0\xf5\xb7\xf5\x9b\xbelb\xed\xd1\xda\xd3\x98\xfe7\xfd}H\xd9\x85?&lt;\xf8/\xdf\x96W0\xc68\xe7\xd7\xf5\xea\xf5\xfeSOy\x02\x01\x12?\x1aA\x02\x80`\xec\xb2\xd9\x08\xc6\x95uu\xfb*+\xf7WV\x1e\xae\xa9\xa9kh\x08pN0\xb6\x99\xcd\xa9v\xfbY\xe9\xe9Wt\xeb\xd619\x99\x0baL\x05$.D\x87\xe4\xe4g\xdeyg\xde\x9a5\x8cR\x90\x12\x13\xfc\xd7w\x17t=\xff\\\xbf\xef\xa4\x95\x7fN\x1a\xc1EJ\xbb\xe4U\xaf\xbd\xf7\xfc\xd3\xafPF\xa5\x94\x8c\xb2/\xbe\xf8\xa2[\xb7nJ\x81\xea\xf4\xfeu\x9a\xe8\xc0b}\x01\x9a\x9f\x89\x12~\xf8\xeb_\xff\xbag\xcf\x1ee\xf8\xdeb\xd9\xaf\x16\x81\x91\xe0")5\xe9\x81\x8c\xdf\xcd\x1d\xf3\x02HI\t\xd9TZ\xfa\xee\x8e\x1d\xb7\xf5\xed[\xdb\xd0@\r\xbf\x04H\x84\x00 \xd9f\x0b\t\xf1\xc1\xce\x9d\xff\xdc\xb6\xed\xdf{\xf7\x1e\xae\xa9\xf9\xa1\x7f\x7f\xca]we\xdeu\xd7\x91\xfazf\xbc\x00 \xa5\xb4\x99\xcde\x15\x15\xcb6lP\xf1\t\x00n\x1d6\xe8\xfc\x8b\xba\xfd\xec\x93_?ND"\xf0\xdd\xe5\xeb\xf6\x97\x1eb&amp;\xa6\xec\xa6\xdfy\xe7\x1d\xbd\t\x88_\x8c\xfe\xd2jN\x08\x00`\x8c+**233\xf1)\xc8~\xb5\x88\xe6\x1aa\xd04\x12:9+\xcb\x1b\x08Pz\x9a\x8bN\xa7\x1duyiN\xe7\x87\xa5\xa57\xcf\x9f\x7f\xf7\xf3\xcf\xbf\xb3}\xfb\xe1\x9a\x1a\x8c\xb1\x89R\x8b\xc9dm\xf6q\x98\xcd&amp;J\x8d\xbc\xad\x11\x00N\xabuZN\x8e\xbb\xa1\x81Q"$\xfc&lt;\xd5\xbf\x96\xfd\xa5\xcd$\x02A\x00\xa54;;[\x95\x1f\xf5Hh\x9c\xa2\x03@\\\xa26\xdd\x93&amp;Mr\xbb\xddJ\xf4\xffTd\xbfZDD#LmA\xf6UV.\xca\xcfO3\xb6U\x80:\xc2f3\x99&amp;\xae\\y\xeb\xb3\xcf\xfe{\xef^\x82\xb1\x89R\x13\xa5R\xca\xb0\x10\xc1p8\xd0\xec\xd3\x10\n\x85\x850\xac\x03\x9ar||\x7f\xe7\xce\xec\xed\xdb)! \x91\x84\x9f\xa9\xfa\xd7"\x9aK\x04\xaaY\x80\xc8\x00\x82\xee\x06\xc7)\xba\x04\x14\x7f\xa8\xd1\xcf\xe2\xe2\xe2\x95+W\xaaC\xf9\x11\xd9\xaf\xda\xea\xbaV\r\x00\xcd5\xc2\xde[Q@(\xc5\x18\xbf\xb2a\xc3\x03\xfd\xfbwJN\x0e\xf1\x16\x8b\x8eE\x01)%\xc1\x98Q:\xea\x95WV}\xf2\t\xc1X]dX\x08\x84\x90\x99\xb1\xf3\xcf&lt;\xb3k\xc7\x8e\x9dRR\x1c\x16\x0bB\xa8&gt;\x108RW\xf7\xc5\xe1\xc3f\xc6\x8c\xb9\xa8a\x8c\xc3B\xcc[\xb3\x06\xa44Q\xca\x858%\xd5\xbf\x96\xfd\xdd\x8d\x12\x81;\xfe\xfd\xb9\xbf!@)U#\xc8\x8f&gt;\xfa\xa8\x1aIh\xdd\xbf]s\xba\xd1q;\xfePo\xdau\xd7]\xb7y\xf3f\x93\xd9\x14\x0e\x85/\xbc\xec\x82\xa5\xab\xe6{\xebN\xca\xf2\xe9\x14\x91R2\x13\xab\xaf\xf5\x8e\x1a\xf8XC\xbd\x8fQ\x12\xe6\xe2wW]\xb5\xe2\xb1\xc7*\xeb\xea\x98\xf1\x96\x00!e\x8a\xdd\xfe\xc8\xab\xaf\xbe\xbde\x8b\x89Rek\x03\x00\xe7\xb4k7z\xe0\xc0\x9b.\xbe\xf8\xbc\xf6\xed\xed\x16\x0bm\n\x0cj6\xb4\xb6\xa1!\x10\x0e;\xacV\xa3\xbd \xaa\xf7\xfb\xd7\xf5\xeb\x1f\x7f\xfduF\tH\x04\x00\xf3\xde\x98r\xd5\xc0K=\xb5\xa7s\xf6\xff\x07/ \xcc\xd3;\xa6\xbd4\xe3\xffV\xbc\xf4/\xb5\xfbLII\xd9\xbf\x7f\x7fJJ\nB\xc8\x80\x19\x80\xe6G\xd0%\xa08C\xad\xfe\xd9\xd9\xd9\x9b7oV\xbd\xdfS\x97\xfdj\x11\xdf\xd3\x08C\x84\x90\xdcO?\xfd\xa8\xb44\xc9x*\xa1\x1c \xdd\xe1xe\xc3\x86\xb7\xb7la\x94\xaa\x91\x1e\x00\xb8\xbf_\xbf\xad\xd3\xa6=\xf5\xdb\xdfv\xeb\xd8\x91\x03\xd464\x1c\xf5z\x8fx&lt;G&lt;\x9e\xa3^\xaf\xbb\xa1\x81R\xea\xb4\xd9\x8c\xb6\xfaK)\xcd\x8c\xfd\xd7\xed^\x94\x9f\x8f1F\x98\x00\x9c\x06\xd5\xbf\x16\xd1\\"PY\x05\xb8\xddn\xd5\x8b2\xda\xb7\xaf\xf9It\x00\x88\'\xd4z\xa4\xa6/\x10B\x98\xe0\xd3%\xfb\xd5"\x8e\xd1\x08\x13\x82\x12\x12\xe2&lt;3;\x9bRj\xa8\xf5R\x8d\xca\xec\xad\xa8\x98\x96\x93C0V\xa53\x00\x18w\xcb-\xff\x18=\xdan\xb1Ty&lt;\xfep\x18#D\ta\x840J\x19\xa5\x8c\x10J\x88: \x16\xeb\xdf\xe0x8@\x9a\xd3\xb9d\xed\xda\x83G\x8ePB\x00\xe0\xb4\xa8\xfe\xb5\x88\xe3$\x02\x95:\xc8\xb2e\xcb\xf6\xec\xd9\xa3\x8f\x05\xc4\x1d:\x00\xc4\x13\xaa\xef\xba`\xc1\x82\xb2\xb22\x93\xc9\xc4\xc3\xfc\xb4\xc9~\xb5\x88\xe34\xc2\x00(!\xdb\xf6\xee]\xbeeK\xba\xcbe\x1c\x81 !\xa5\xc3l^\xf4\xfe\xfbu&gt;\x9f25\x13\x00C\xaf\xb8b\xee\xf0\xe1\xd5^oX\x88\x1f\x19\xf5\xc1(j+\xea\xc9\x02\x00.\xabugy\xf9\xab\x1b7\x9ev\xd5\xbf\x16q\x8cD \x17\x94Q\xce\xf9\x13O&lt;\xa1[\xc1q\x87\x0e\x00q\x83J`\xf7\xef\xdf?\x7f\xfe|B\x88D\xf2\xf4\xca~\xb5\x88c4\xc2\x00\xd4H\xe8\xccU\xab*kk\r\xd2;mL\xff\xbf\xfb\xee\x9dm\xdb0\xc6\x12!\x90\xb2cr\xf2\xfc\x11#\xbc\x81\x00B\xc8\xc8S\x9e\'D"\xc4(\x9d\x9a\x9d\xed\xf1\xfb\t\xc1B\xc0iV\xfdk\xe1\xd5\xfcO"P\x08\xcahAAA\xc4\x8c(\xda\x17\xa3\xf9\xb9\xe8\x00\x107(\xd9\x9f\x193fx&lt;\x1e\xca(\x0f\xf3\xd6\x90\xfdj\x11\x11\x8d0\xb55)?z\xf4\x85\xb5k\xd3\x9cNn\x80:\x80\x90\xd2a\xb1\xe4\x15\x17{\x03\x01\x821FHJ\xf9\xc7\x1bn8;=\xdd\x1f\n\xc5\xdd\xea\xafF?\xd7\xed\xde\xfdnI\t%DJt\xdaU\xffZDs\x89@!@\x8d\x84*;R\xbd\x0f\x88#t\x00\x88\x0fT\xef\xb7\xb0\xb0p\xf9\xf2\xe5\x945&amp;Y\xa7]\xf6\xabE\x9cH#\x0c\xbf\xbaqc\xc9\xa1CN\xab5\xe6C\xf4\x04\xe3@(\xf4\xde\x8e\x1d\xaa\x98#\x00\xec\x16\xcb]\x97]\xd6\x10\x0c2\xc3\x1fZ\xfe&gt;\x94\x10o 0-\'\x0779&gt;\xb6\x86\xea_\x8bh.\x11\xc8\xc3\x9c1VVV\xb6`\xc1\x02\xdd\t\x88#\xe2\xefMHX\x84\x10\x99\x99\x99\xea\x00\x0e\x88\xd6\x92\xfdj\x11\xc7h\x84\x01PB&lt;~\xff\xfc\xbc&lt;\xbb\xd9\x1c\xdb%\x00\xa4\xb4\x9aL\x07\x8f\x1c\xd9q\xe8P$\x10]\xd6\xa5K\xd7\x8e\x1d\xfd\xe1p\xa3vBD\x07T\x08.\x84\x00\x00\x00c&amp;\xae\\\x88T\x87c\xf9\xd6\xad\xbb\xca\xcb\tmteh\r\xd5\xbf\x16\xf1=\x89@\x89\t^\xb8paEE\x85\x9e\x08\x8a\x17t\x00\x88\x03\x94\xd4\xf3\x8a\x15+\n\x0b\x0b\xd5\xe45e\xf4\x8f\xcf&lt;\x08"\xc6\xef\x98\x1a\t\xedxV\xfbQc\x87I\x90 \x11%d\xd5\'\x9f\xbc\xbfsgjL\xcf\x06K)\xad&amp;\xd3\xae\xf2r\x7f(D\x08A\x18#\x84\xae=\xff|\xb3\xc9$\x95\xd43B\xf6&amp;\x1d\xd0\x0eII\xed\x93\x92\xd2\x9cN\xa7\xcdF16\x9a\x10\xb4r|\xfc\xba\xbazvn.Q\x8e\x8f\x02\xae\xbb\xf5\x9a\xabo\xb8\xbc\xbe6\x1a\'?~\x04J\xa9\xc7]?\xfcOw\xff\xe2\xdcNj\x13PSS3i\xd2$B\x88\xa1\xee\xa1\xe6\x87\xd0\x01\xc0\xe8(\xd5\x07\x8f\xc73}\xfat%\xf2\x03\x00\xbf\xb9g\xe0\xf9\x17u\xf3y\xfd1Wa\x8ch\x84u\xfbeg\xd5\xa6\x16\x00\xf3\xd6\xacQ\xe7\xadbuU\x12!J\xc8\xee\xf2r\x84\x10i\xcaF/9\xef&lt;uV9\xcd\xe94\x11\xb2\xbb\xbc\xfc\xad\xa2\xa2\x99\xb9\xb9\x93\xfe\xf9\xcf\xa999\xafn\xdc\xb8u\xcf\x9e@8\x9c\xeet\x9a\x193\xce\x0c\xa8\x00pY\xadK\xd7\xae\xad\xf2xTu\xa5uU\xffZ\x04F\x82\x0b\xbb\xd3\xfe@\xc6\xefP\xd3\x94\xda\x8a\x15+JJJ\xb4q|\\\xa0\xa5 \x8c\x8ez\xa9\xe6\xcf\x9f\xbf\x7f\xff~\x95\xfeGA\xf6\xabE\x08!\x92\\\xf6\x87\x9f\xba\x7f\xe2\xc8\x19B\x02\xa5d[Y\xd9k\x9b7\xff\xe9\x86\x1b\x8ex&lt;19\x1b\x8c\x11\xe2B\xec\xa9\xa8P\xff\x17\xa4\xb4\x98L\xe7\xb4kG0\xb60\xf6\x7f\x1f}\xf4\x8fM\x9bv\x1c:\xf4\xfdU\xfe\xbc\xf6\xed\xef\xbc\xec\xb2?\x0c\x1cx^\xfb\xf6F\x908\x05\x00\x97\xcd\xf6\xd9\x81\x03/\xaf_O\x94\xea\x9fhT\xfd;ZY\xc3L\xb1\x7f\x7f#\x12\x81\xef\xad(\xf8\xfc\xd3\xafLfS(\x14\xca\xc8\xc8\xf8\xe8\xa3\x8fb}i\x9a\x9f\xc6\x10+\x88\xe6\x87P\xab\x7fco\xad\xc9\xf11\n\xb2_-\xa2\xb9F\x18\x08P\x13\xf7\xb3V\xad\xfa\xba\xba:V\x9e\x91\x04\xe3@8|\xb8\xba:\xf2\x93\x14\xbb\xfd\x9c\xf4\xf4\xefjk\xef^\xbc\xf8\xcf\xff\xf8\xc7g\x07\x0e \x84\xcc\x8c)\x1dP\x8b\xc9d\xa2\x14#t\xe8\xc8\x91\xe7\xdf\x7f\x7f\xc0\x8c\x19\xd9\xdb\xb7\xc7\xb6\x8a\xd5\x08\xc6\x94\x90IYY!\xce\t\xa5B@\xd4T\xffZDD"P\x9d\r.**Z\xb1b\x85\x1e\t5&gt;:\x00\x18\x1a\xb5z\xaa\xe9:\xe5\xf9\x15=\xd9\xaf\x16\xd1\xa4\x11\xe6p\xd9\x01$%\xa4\xca\xe3Y\xbav\xad\xcbj\x8d\xfe\x1a\xaa\xea?\xde`\xf0h}=B\x08I\x89\x10R\xd3\x9f\xb7\xcc\x9f\xff\xd1\x97_ZL&amp;\x84\x90\x00\x08q\xaet@\x83\xe1pX\x08B\x88\x92\x8d\xab\xaa\xab{\xe0\xe5\x97\xffo\xd3\xa6\xd4\x98\x8e\xb4\n\x80d\x9b\xed\xdd\x92\x92M\xa5\xa5\x944\x86\x7f\xa5\xfa\xc7C\x06\xd2\xddk.\x11\xa8\xe6\xc10\xc1\xd3\xa7O\xaf\xab\xab\xd3#\xa1\x06G\x07\x00\xe3\xa2F?7o\xde\x1c9_#\xa5|\xf8\xa9\xfb\xad6K\xd4\x94\x7fN\x12\xb5\x04t\xef\xdd\xe5\xf6\x07~\x03\x00\x12#\x82\xf1\xcb\xeb\xd7\x97\x1c&lt;\xe8\x8a\xbe@\x90\x94\x84\x10_0\xe8\xf1\xfb\x11Bj\xf9a\x94\xfe\xf9\x1f\xff\xf8\xcf\x7f\xffK0\x0e\x86\xc3g\xa7\xa7\x0f\xbf\xfa\xea\xcc\xbb\xee\x9a?b\xc4\xd4\xbb\xef\xbe\xef\xdak\xcfNO\x17\x00 %\x17\x82`L0\xfe\xcb\x1bo\xfc{\xcf\x9e$\xab5V\xbe\xc7\x8cR_(49+\x0b5\x8d~^x\xd9\x05\x83\x87\\\xdfJ\x96/\xa7\x02\xa1\xc4\xe7\xf5\x8d\x1a3\xdc\x99\xe4\x10\\0\xca\xf6\xef\xdf\xbfx\xf1bB\x88\xde\x04\x18\x19\x1d\x9f\r\x8aJ\xf7\xc2\xe1\xf05\xd7\\SRR\xc2\x18\x0b\x87\xc3\xd7\xdet\xe5\xccW\'5x\x1a\x0cR\xfdo\x8e\x94\x92P\x12\xf4\x87\xfe|\xdb\xf8\xef\xbe\xa9\xa2\x94r\xceo\xeb\xdb7\xeb\x89\'\xea|\xbeh\x16\xd3\xd5\x08\xd0\xfe\xaa\xaa\xab\xa7L\t\x84\xc3\xb8)\x06(\x92l\xb6\xcc\xbb\xee\x1a~\xf5\xd5\xed\x93\x92\x88\xcaO1\x96RV\xd7\xd7\xffu\xc3\x86\xd9\xb9\xb9\x08!\xe5w&amp;\x00.\xef\xdau\xfd\xd3O\x07\x9a&amp;G\xa3\t\x17\xa2\x9d\xcb\xb5 ?\xff\xe9\xac,J\x89\x94\x882\xb2p\xe5\xcc_\xf6=\xdf\xdf\x10\xfb\xe6\xff\xf7\x11\\$\xa7%\xad\xf8\xeb\xbf^\x99\xf5\xba\xf2\x8ct9]\xc5\xc5\xc5]\xbat\xd1\x9e\x91\x86E\x7f+\x06EM\xd4dee\x15\x17\x17\xab\xf4?\xfa\xb2_-\xe28\x8d0\xe5\xc1\x92W\\\xbcn\xf7\xeeT\x87#\x9ai\xa0T#\xea\xe1p\xb8\xd9_\xaa\x8e\xfe\x9e\xd3\xae]\xc1\xd3O\x8f\xbd\xf9f\x8b\xc9T\xe3\xf5\x1e\xa9\xaf?\xea\xf5\x1e\xad\xaf\xaf\xf6z\x19c3\xee\xb9g\xc1}\xf7\x81\x94\x04cu\xac\xe1\x93\xfd\xfb7~\xf9\xa5\xcbf\x8br!K\x8d~\x1e\xae\xa9y6/\x0f\xab\xd1\xcfX\xa8\xfe\xb5\x88c$\x02\xb9\xa0\x94\xd6\xd5\xd5\xcd\x981C\x9f\t02F|\x924J\xf5\xc1\xedvO\x9c81\xb6\xb2_-\xe2\x18\x8d\xb0&amp;\xcf\xc8i99\xbeP(\xca\x1d\x0b\x8c1of\xe9\xa5\xf2w\x87\xc5\xb2\xfc\xd1G/9\xef\xbc\xefjkU\x8e\xcf\x9a}$\xc0w55\x8f\x0e\x1at\xe3\x85\x17\xaa\x7f\xaa\x8e\x10\xaf\xf9\xec3FH\x94\xb7\xc9B\xca$\xabuVnn\xad\xcfG\t\x11B\xc4F\xf5\xafE\x1c\'\x11(\x04et\xf9\xf2\xe5EEE\x8c1]\x082&amp;F}\x98\x12\x1b\x95\xfegffVTT\x10J\x04\x17\xb1\x94\xfdj\x11\xcd5\xc2$\x10Bv\x95\x97\xbf\xb2aC\x8a\xdd\x1em\x95\xd0fE\x1b\x8a1H\xf9\x87\x81\x03\xaf\xe9\xd9\xf3\x88\xc7cf\xec\xfb\x9b(\x8c1\xc2\x18\x00\x1e\xbe\xfez\xd4d\x0b#\x11\xfa\xec\xc0\x01\x8f\xdf\x1fM\xf5\x08\x00H\xb2Z7}\xf5\xd5\x9bEE\x84`\x89P\x0cU\xffZ\xc41\x12\x81\x02\x08&amp;B\x88\x8c\x8c\x8c`0\xa8\xbb\xc1\xc6\xc4\xd8\xabIB\xa2V\x7f\xe5\xb4\x17\x19\xfd\x8c\xa1\xecW\x8bh\xae\x11\x06\x020!\x04\xe3g\xf3\xf2\x0e\xd7\xd4Ds$\x14\xa443\xd6\xb8jc,\x00\x18\xa5C\xaf\xb8\xa2&gt;\x10\xf8\x91s\t\x14c\x7f(t\xc9\xb9\xe7\xa6\xd8\xed\x91\xdd\xc3\xe1\x9a\x9aj\xaf\xd7\x14E\xd7{\x891\xa343;\x9b\x0bA\t\x15 b\xae\xfa\xd7""\x12\x81B\x08\xc6XIIIVV\x96\x16\x082&amp;:\x00\x18\x0eU\xffQ^\xdb\x94R\xc1c/\xfb\xd5"\x9ak\x84)\xe5\xa2Z\x9foVn\xae\xd3b\x89\xce8\rF\x08\x00\x9c\x16\x8b\x1a\xf7TM\xe04\x87\xe3\x8c\xd4T.\xc4\x8f\xc4O\x8c1\x07Hu8~\x91\x96\x86\x9a\nG\r\xc1\xa0\xbb\xa1\x81F\xab\n\xc4\x85Hs8\xde\xda\xb2e\xdb\xde\xbd\xaa\x11\x8dd\x8cU\xffZ\xc4\x89$\x02\xc9\xc4\x89\x13kjj\xf4&amp;\xc0\x80\xe8\x00`,\xd4\xe8gAAAAA\x81\x1a\xfc7\x82\xecW\x8b\xf8\x9eF\x18"\x18\xbfYTT|\xf0\xa0\xcbj\x8dF\x1a\x88\xb1\x902\xc9fK\xb1\xdbQ3\x97\xda\x93\xb9\x81RJ\x13cv\x8b%\xf2\x13.D0ZS@RJF\xa9\xc7\xef\x9f\xbbz5B\x08\x13\x02`\x08\xd5\xbf\x16q\x8cD \x17\x94\xd2\x8a\x8a\x8aE\x8b\x16\xe9M\x80\x01\x89\x8fG*AP\xb9\xbf2WB\x18\x11J\x84\x10\x06\x91\xfdj\x11\xcd5\xc2\x84\x10\x84R.\xc4\xa4\xac,\x8a1j\xfd\x95\x14+u\n\x9bM%\xf2\x8a:\x9f\xaf\xf6\xe4\xa6Q\xe5\xb1f\x90\x04\xe3\xa8\xa5\xff\x02 \xcd\xe9\\\x98\x9f\x7f\xa0\xaa\x8aQ\n\x00\x06Q\xfdk\x11\xc7H\x04*\xcfHJ\x9e{\xee\xb9\xb2\xb22\x1d\x03\x8cF\xdc\xac)\x89\x80\xaa\xfe+{UF\x99\xe0\xc2@\xb2_-\xe28\x8d0))!\x9bJK\xdf\xdd\xb1#\xd9n\x8f\xc2H\xa5\x90\xd2f6\xf7:\xeb,5\xc9C0\x0er\xbe\xaf\xa2\xc2\xc2\xd8\x8f\x18\x15H\x84\x08!\x81p\xd8\xe3\xf3E~h1\x99\xa2\xb3qQ\x16fe\x15\x15\xcb6lh\x14\xac6\x92\xea_\x8b8F"P\x00\xa5T\x19Y\xeb*\x90\xd1\x88\xa7\xa7\xaam\x03\x00\x18\xe3\x8a\x8a\x8a\xcc\xccL\xacd\xbf\xa0Q\xf6\xcb\xef\xf5+\x1d\xd08"\xa2\x11v\xe1e\x17@\xd3H\xe8\xe4\xac,o @[\xbf\xa1\xaa\xea\xfeWw\xef.\xd5\xb2\x8e1B\xe8\xa3\xd2\xd2\x9f\xf8\xab\xa5d\x84\x1c\xad\xaf\xff\xaf\xdb\x8d\x9a\x8e\x8f\xa59\x9d\xa9N\'\x17\xa2\xb5\xab@\x02\xc0i\xb5N\xcb\xc9q740J\x84\x04\xa3\xa9\xfe\xb5\x08!\x84\xdda}\xf8\xa9\xfb\xa5\x94*\x06dgg\xab\xc2\xa6\x1e\t5\x0e\xf1\xf7`\xb5U\xd4i\xc9I\x93&amp;\xb9\xddn\xa5\xfaiL\xd9\xaf\x16\x11\xd1\x08S\xaav\xfb*+\x17\xe5\xe7\xa7\xb5\xbe\xc8\x1a\xc1\xd8\x17\x0c^\xdb\xb3g\x92\xcd&amp;\x9a\xb2\xf7\xd5\x9f~\xfa\x9d\xdb\xfd#\x96\xc5j\xdfPr\xe8\x90/\x14\x8a\x9c\x03\xe8\xde\xa9S\x9a\xc3\xc1\x01Zu\xf9W\x8e\x8f\xef\xef\xdc\x99\xbd};%\x04$\x92`8\xd5\xbf\x16\xd1\\"P\xcd\x02DF\x1b\xf4&gt;\xc08\xe8\x00`\x08T\xf1\xa7\xb8\xb8x\xe5\xca\x95JH\xdd\x98\xb2_-\xe2x\x8d0\x840\xc6\xafl\xd8PVQak\xe5\x91P\x8cq \x1c\xee\xdc\xa1\xc3\xe0\x8b/F\x08\x11\x84(!\xdf\xd5\xd6\xbeTP\x90\xe6t\x86O\x94\x81J\xd4(\x1b\xf7\xfa\xe6\xcd\xcd\x7f8\xe0\x82\x0b,&amp;Sk;\\b\x8c\xc3B\xcc[\xb3\x06\xa4T\x85r\x83\xaa\xfe\xb5\x88f\x12\x81j\xba\xa1q\xb8Yw\x02\x0c\x83\x0e\x00\x86@\xb5\x7f\xc7\x8d\x1b\x17\x0c\x06\xd5\xc9/\xc3\xca~\xb5\x88c4\xc2\x00\x18%\xee\x86\x86i99I\xad/\xae\xa0,\x01\xfep\xfd\xf5\x18c\x89\x90ZX\x17\x7f\xf0\xc1\x9a\xe2\xe23SS\xb9\x10\x1c\x00\xa4T\x1f\x0e\x00\x00g\xa4\xa5-\xdb\xb8\xf1\xa3/\xbf$\x18\x83\x94RJ\x8b\xc9\xf4\xdb&gt;}|\xc1`\xab\x9a\xc8+\xd9\x9f7\n\x0b\xb7\x95\x951J\x94%\x991U\xffZ\xc4q\x12\x81\x08#\x8cqff\xa6\xdb\xed\xd6\x96a\x06A\x07\x80\xd8\xa3\x92\xa3\xec\xec\xec\xcd\x9b73\xc6\x04\x17&amp;3{d\xe2\x03q\xfd\xf2+\xd4@H\x873\xdb\xdd\xf7\xc4P)%HD\x08\xc9\xfd\xf4\xd3\x8fJK\x93ZY%\x94\x10R\x1f\x08\xf4;\xff\xfc{\xae\xbcR\x00P\x8c\xa5\x94!\xce\x1fx\xe9\xa5\xb7\x8a\x8a\xd2\x9c\xce4\x87\xc3a\xb1\xd8\xccf\xa7\xc5\x92\xeet&amp;\xd9l\xcf\xe7\xe7\x8f{\xfbm\xa5\x10\xa7\x0e\x0f\x0f\xbd\xe2\x8a\x0b\xcf9\xa7!\x14j\xbd\x00 \xa543\xf6_\xb7{Q~&gt;\xc6\x18a\x02\x00\xd7\xdet\xe5\x15\xbf\xee[_\xeb\x8d\xe3\xf4\x1f!\x84\x10e\xd4S[\x7f\xcf#w\x9cyNGe\x15\xe0v\xbbU\x97Ko\x02\x8c\x80.\xc6\xc5\x18)%\x00\x08!z\xf7\xee]VVf2\x9b\xc2\xa1\xf0\rw\xf4\x9f\xf6\xca\x04\xf7\x91\xda\xb8N\xff\x1b\x91\x08\x11D0y\xf8\xa6\x8c\xc3\x07\xffkb,\xcc\xf9U=z|\xf8\xcc3\xadm\xb9\xa5\x86\xfak\x1b\x1a\x06\xcc\x98\xf1Mu5%D\xe5\xf5\x08\xa1\xdf\xfc\xeaWC\xae\xb8\xa2[\xa7N\x16\xc6\xbc\x81@\xe9\xe1\xc3\xefl\xdf\xbee\xcf\x1e\xf5\x07\xd5\t\xacv.\xd7\x96i\xd3:&amp;\'\x079o\xbd\x00\x10\x16\xe2\x8c\x94\x94\xa7V\xacX\xf0\xde{\x8cR\x90\x92R\xf2\xd7\xf7\x16t\xeey\xae1U?[\x8a\x122Y\xf5z\xfe\xa2I/SF%HB\xc8\x17_|\xd1\xa3G\x0f\xad\x12\x1ast\x00\x881*\xfd\x9f3g\xce\xe4\xc9\x93M&amp;\x13\xe7\xdc\x99\xecx\xf5\xfdEi\xedSy8^\xab\xff\xc7\x01\x02\x9c\xc9\x8e\xa2u\xdb3\x1f\x9eK\x08\xc1\x08\t\x80\xbf\xff\xe1\x0f\x0f\xf4\xef\x7f\xb4\x95=#\x05\x80\xcbf+9x\xf0\xb6\xe7\x9e\xab\xf5\xf9\xd4p\xbdlv(\xccDi\xa4%@0\x96\x08Q\x8c9\x80\x89\xd2\xec\x8c\x8cA\x17]\xd4\xaaZ\xd6\x00`\xb7X\xf6UV^7c\x867\x18$\x04s.~7\xfa\x8e\xc7\xa6&gt;\\[]\xd7\x16\xc2?B\x08!\x00\xb0\xda\xac\x19\xf7L\xfe\xe2\xb3\xafT\x8a3h\xd0\xa0u\xeb\xd6\xa9\x87?\xd6W\x97\xd0\xe8\xf0\x1bKT\xefw\xff\xfe\xfd\xf3\xe7\xcf\'\x84H$\xe3E\xf6\xabE\x1c\xa3\x11\x06\xa0FBg\xaeZUY[\xfb#39\xa7\x05J\x88\xc7\xef\xbf\xb4K\x97\xbc\'\x9f\xec\xda\xb1\xa3\x92\x08\xa5\x18\x9b\x19S\x1e\x90a!0\xc6&amp;JM\x94\xaa\xe2\x0f\x07h\xe7re=\xf1\xc4M\x17_\xdc\xdaN\x06\x12!F\xe9\xd4\xecl\x8f\xdfO\x08\x16\x02\xe2F\xf5\xafE4\x97\x08\x14\x822ZPP\x10\xb19\x8a\xf5\xc5%4m\xe8!\x8bCT\xefw\xc6\x8c\x19\x1e\x8f\x872\xca\xc3&lt;\xbed\xbfZDD#L\x8d\x84\x96\x1f=\xfa\xc2\xda\xb5i\xad\xef\xb9\xc8\x08\xa9\xf5\xf9\xfat\xee\xbcq\xf2\xe4\xd17\xdc\xe0\xb4Z9@\x88\xf3\xb0\x10*\xf2H)\xc3B\x84\x85\xe0J3\xee\xca+?|\xe6\x99\x9b/\xb9\xc4\xdd\xca\x15*5\xfa\xb9n\xf7\xeewKJ(!R\xa28R\xfdk\x11\xcd%\x02\x85\x005\x12\xaa\x8cN\xf5Hhl\xd1w?f\xa8\xfdoaa\xe1\xf5\xd7_\x8f0R\xe7ef\xfe}R\xbf\xc1W\xd5\xd7\xc5\x8d\xf0\xcb\xc9#\xb8Hi\x97\xfc\xe2\xb4\xbf\xffs\xd9j\xc6(\x008-\xd6\x0f33\xbbw\xea\xe4o\xcd.k\xe3\xdf\x0e`f\xcci\xb5~y\xf8\xf0{%%\x9b\xbe\xfaj_E\x85\xdb\xebU\x8b~\x8a\xdd\xde\xb9C\x87kz\xf4\xb8\xe5\x92K\xfat\xee\x1c\xe2\xdc\x1f\nE\xc1\xc5\x8c`&lt;p\xf6\xec\xdd\xe5\xe5\x941\xcey\xefK/X\x9c=;\xe8\x0b\xc6\xdd\xb9\xbf\x9fDJi2\xb3\xea\xaa\xda?\xdc&lt;\xc6[\xd7\xa0\x1c\xeef\xcf\x9e\xfd\xf4\xd3O\xebBP\x0c\xd1\x01 f\xa8\xcd\xef\xf5\xd7__XX\xa8\n\xa3}\xae\xb9h\xe1\xca\x19\r\x06\xb6|9\x15\xa4\x94\xcc\xc4\xeak\xbd\x8f\xfcfLmM\x1d#$\xcc\xc5\xd0+\xaf\\\xf1\xd8cGZ\xb9\x13\x10\xb9\x00\x90\xd2f6\xdb\xcd\xe6\x10\xe7n\x9f\xaf\xde\xef\x0fqnf\xcce\xb5&amp;;\x1cV\x93)\x18\x0e{\x03\x01\x8cqk\x07$.D\xfb\xa4\xa4\x97\xd7\xaf\xff\xcb\x1boPJ$BH\xa2\xb9od^q]\x1fo\x9d\x11-?O\x1d\xc1Ej\xfb\x94W\xe7\xbe\xf1\xe6\x0b\xef0\x13\x13B\xa4\xa6\xa4~\xf9\xe5\x97\x1d:t@\x08\xb5\xc9g\xde\xf8\xe8\x9b\x1e\x1b\x94\xd4\xf3\x8a\x15+\n\x0b\x0b\xd5\xb9\xdfx\x94\xfdj\x11\xc7h\x84\x81\x04\x89(!\xab&gt;\xf9\xe4\xfd\x9d;S[\xffl\xb0\xba\x00JH \x1c&gt;\xea\xf5z\x83A\x9b\xc9tFJ\xcay\xed\xdb\x9f\x91\x92b3\x9b}\xc1\xe0\xd1\xfa\xfa\x86`\x90\x12\xd2\xda\xab\xbfr|\xfc\xba\xbazvn.Q\x8e\x8f\x02\xe2Q\xf5\xafE4\x97\x08\xe4a\xce\x18\xab\xa9\xa9\x994i\x92&gt;\x13\x10C\xda\xe6\xa3fp\xd4\xf4\x9b\xc7\xe3\x99&gt;}\xba\xda\xec\xc7\xaf\xecW\x8b8F#\x0c\x80\x10"\x00\xe6\xadY\xc3\x01\xa2V\xf2&amp;\x183B\x08\xc6B\xca\x10\xe7\xc1p8\xc4\xb9\x902\xf2\xf3(\\\x83\x00pY\xadK\xd7\xae\xad\xf2x\xd4\xb1\xd8xU\xfdk\x11\xc7I\x04\x02\xa8\x1c\xa8\xa4\xa4D\x9d~\x8f\xf5\xf5%"m\xf7i30j\xed\x9b?\x7f\xfe\xfe\xfd\xfb\x95\xe5K\\\xcb~\xb5\x88\xe6\x1aaB\x02\xa5d[Y\xd9k\x9b7\xa7;\x9dQ\xf6\x8c\xc4\x08\xe1\x08Q\xfc{\x01\xc0e\xb3}v\xe0\xc0\xcb\xeb\xd7\x93\xf8W\xfdk\x11\xcd%\x02\x05\x17\x84\x92P(\x94\x91\x91!\x84\xd0\x9b\x80\x98\xd0\xc6\x97\x1b\x03\xa2\x12\x9f\xb2\xb2\xb2\x05\x0b\x16D\x1c\x1f\xe3Z\xf6\xabE4\xd7\x08\x03\x01j\xf9\x9d\xb5j\xd5\xd7\xd5\xd5\xd1\xf4\x8c\x8c%\x18SB&amp;ee\x858\'\x94\n\x01m@\xf5\xafED$\x02\xd5\xd9\xe0\xa2\xa2\xa2\x15+V\xe8\x91\xd0\x98\xa0\x03@\xb4Qk\x9c\x9a\x81S\x9e_mA\xf6\xabE4\xd3\x08\x03\x90\x94\x90*\x8fg\xe9\xda\xb5.\xab5\n\x9d\x80\xd8"\x00\x92m\xb6wKJ6\x95\x96R\xd2\x18\xfe\xe3]\xf5\xafE\x1c/\x11\x88\x11&amp;x\xfa\xf4\xe9uuuz$4\xfa\xe8\x00\x10U\xd4\xc4\xdb\xe6\xcd\x9b#\xa7`\xda\x86\xecW\x8b8N#LbD0~y\xfd\xfa\x92\x83\x07]\xad,\x10\x14s\x18\xa5\xbePhrV\x16B\x08\x13"D\x1bQ\xfdk\x11\xc7H\x04r\xc1(\xdb\xbf\x7f\xff\xe2\xc5\x8b\t!z\x13\x10et\x00\x88\x1e\xea\xd8W0\x18\x1c7n\x1c\xc6\x98\x10\x02\xa2\xed\xc8~\xb5\x88\xe6\x1aa \x80P\x1a\xe2|\xf6\xea\xd5Q3_\x8c\t\\\x88d\x9bm\xd9\xc6\x8d\xfb*+)%\x00\xd0fT\xffZ\xc4\xf7$\x02\x81P\xf2\xfc\xf3\xcf\xab\x96X\xdb\xce\x00\x8c\x86\x0e\x00\xd1C\xf5~\xb3\xb2\xb2\x8a\x8b\x8bU\xfao2\xb1Qc\x86\xa9\x8dpB\x811\xe6!\xde\xaec\xda\xb0?\xdd\xad\xca \x94\x90\xbc\xe2\xe2u\xbbw\xa7:\x1cm2\rT\xa3\x9f\x87kj\x9e\xcd\xcb\xc3j\xf4\x13`\xc0\xcdW\xf7\xb9\xe6"_\x1b=\xf9\xf1#PJ\xbd\xf5\rw\xdc\x7f\xf3Y\x9d\xcfT\xc6\xf1uuu3f\xcc\xd0*\xa1Q&amp;\xb1\x1e\xbb\x18\xa2\xd2\x7f\xb7\xdb=q\xe2DB\x88\x9a\xfd\xb8\xeb\xf7\xb7\xf6\xbc\xb0[\x94\xdf\x7f)%\x80\x04\x00\x10M\x1f\x80\xe8\xd7^)\xa3\xb55u7\xff\xee\x86\xde\x97^ \x9a&lt;#\xa7\xe5\xe4\xf8B\xa16\xb9\x19\x12R&amp;Y\xad\xb3rs\x957\xbd\x10\xc2\x95\xe2|\xe8\xa9\xfb\x1a\xea}\xd1\x1c\xfd\xfa\xc1o?\xca\xdf?F\xc0\xc1j\xb7\x8c\x9e&lt;\x12\xa9\xd2(\xa3\xcb\x97//**b\x8c\xb5\xc9\x0c\xc0\x98\xe8\x00\x10%T\xfa\x9f\x99\x99YQQ\xa1,_\xa2,\xfb\xa5D\xa7\xa5\x94\x8c1\x9b\xdd\xe2p9\x9c\xc9NW\x8a\xd3\x99\xec\xb0;m&amp;\xb3IJ\x19\xedi\xbc\xe6\x1aa\x12\x08!\xbb\xca\xcb_\xd9\xb0!\xc5n\x8f\xf2Hhk\x03\x00IV\xeb\xa6\xaf\xbez\xb3\xa8\x88\x10\xac\xe4H\xa3\xa9\xfa\'A\n!$H\xc6\xe8\xb1\xdf\xbe\xd3\xe1\xb4\x9b-fL\xb0\x8a\x07\xad}%\x11\x8e\x91\x08\x14@0\x11Bddd\x04\x83A\xdd\r\x8e\x1a\xfaFG\x03e\xf8\xbew\xef\xde\xde\xbd{\x83\x04\x8c\xb1\xe0b\xcc\x9c?\xdd5\xea\x96\xd6V\xfdU~\x03\x94P\xab\xddb2\x9b\x82\x81\xa0\xfbh]ueM\x9d\xdb\xe3o\x08\x08.\xccV\xb3+\xc5\xd9\xe1\x8cv\xed\xcfhg\xb1\x99\xfd\xde@(\x14\x8e\x9a\x12\x91\xe0"%=y\xda\x9f\x9f\xdd\xb8\xba\x901\x06B$\xd9l%s\xe7\xa68\x1ca\xdev\xa6b\x84\x94\xa9v\xfb\xafg\xcd\xda\xb6w\xaf\x89\xb1\xb0\xe0g\x9dw\xe6\xdf&gt;x\xbe1\xf5n\xcd\xdfRUT\xac6\x8b\xc5j\t\x05C\xee\xa3uG+k\xeaj\xea\xfc\r\x01\xce\x85\xd9l\xb2\xbb\xec\xe9\x1dR\xdbwJw\xa58%\xc8\x06\xaf/j2\xfd\x00`\xb3[\x0f\xfc\xa7\xfc\xcf\xb7=\xa9D\xe28\xe7\xaf\xbf\xfe\xfa\xc8\x91#\xb5@Pt\xd0\x01 \x1a\xa8\xa7y\xf0\xe0\xc1\x05\x05\x05J\xf6\'j\xb2_\x94\x12\x9b\xc3\xe6o\x08\xec\xd9\xbd\xef\x93\xcd%\xbb\xb6\x7f\xf9\xf5\xfe\xc3\x9e\xdaz\t\xc7|\xef\x0e\x97\xbds\xcfs\xaf\x19t\xf9\x8dw^\xd7\xfe\x8c\xf4\xa8\t\x12\x1c\xa7\x11F\t\xe1B\xfc\xfe\xba\xeb^y\xe8\xa1\xa3^/k\x13\x95q.D\xba\xcb\xf5fQ\xd1#\xaf\xbe\xaa\xba\xdc\x00\xd1P\xfdS\xcd\x15\x87\xd3\x8e1\xde\xff\xd5\xc1\x7fo\xf8\xb4d\xeb\xeeC{\xbf\xa9\xab\xf1\x1cWg7[\xcc\x1d\xcelw\xc1%=\xae\xbb\xe5\xea\xcb\x06\xf4\xa1\x8c\xfa\xbc\xfe\xe8$\x01\xc7H\x04\x9a\x18\x08\xe8\xd0\xa1\xc3\x97_~\x99\x92\x92\x12\xf5#z\x89\x88\x0e\x00\xad\x8eZ\xfd\x0b\n\n\x06\x0f\x1e\xac\x92\x1a)etd\xbf0\xc2&gt;\x9f\xbf\xf0\xfdm\xebr&gt;\xfc\xcf\xae\xb2\xe6\xff\x88P\xa2\xde.\xa94\xd2\x9a\x1e\x83\xf6g\xa4\xffa\xe2\x03\x83\xee\xfeu}\x9d7:i`s\x8d0J\xa9\x04 \x84\x14M\x9d\xda\xfb\xec\xb3\x1b\x02q/\x8d\xa0z?\x18\xe3+\x9ey\xe6@U\x15c\x8cs\x1e\x05\xd5?)\xa5\xd9b6\x99X\xc9\xbfw\xafz-\xff\xe3\x8f\x8a\xc3\xa1p\xe4\x9f\xaao\x1f#$\x11\x92\xa0&lt;r\x1a\xb9\xf0\xf2^\x7f\x9a\xfc\xe0/\xfb\xf4\xf4DE\x92\xf6\x18\x89\xc0\xea:\xa5\x12:y\xf2\xe4Y\xb3f\xe9M@\x14\xd0\x01\xa0uQY\x18\x00\xf4\xee\xdd{\xcf\xde=&amp;\x93)\x1c\n_\x7f[\xbf\xe9\xcb&amp;\xd6\x1em]\xc7G\x00p8\xedS\xff8\xbf\xf0\x83m\xea\'\x8cQ\x8c1H)\xf81\x15vB\x08&amp;X-U\xea\x1f\x8d\x9e4r\xc4\xa3wGi\x1f \x91\xb2\x0b\x7fx\xf0_\xbe-\xafPK\xe4u\xbdz\xbd\xff\xd4S\x9e@ :\xe2&lt;\xad\x07\x17\xa2Cr\xf23\xef\xbc3o\xcd\x1a\xe5\xf8\x88\t\xfe\xeb\xbb\x0b\xba\x9e\x7f\xae\xdf\xd7Z\xe1MJI)=ZQ\xfd\xda\xa2\x95\x1b\xd7\x14\xaa\x1fRFUm\xfd\xb8o_\xfd#$%BHJ\x04\x00\x16\xabe\xf2\x0bc\xfa\xdf|utd\xc9\xd5&amp;`\xd5k\xef=\xff\xf4+\x94Q)%\xa3\xec\x8b/\xbe\xe8\xd6\xad\x9b\xf6\x8clm\xf4\xcdm]T\xefw\xd9\xb2e{\xf6\xeca\x94\t.\xa2&amp;\xfb%%"\x94\\5\xf0R\x84\x91\xc9l\xa2\x94r.\xc2a\xae\xde\x7f\x87\xd3\x9e\xd6&gt;%\xad}\xaa\xcdn\x05\x00\xc1\x05\x08\x10\\`\x82\t%\xcb\xe6\xbeQ\xb4v\xbb3\xc9\x11\x8d\xae\xe0q\x1aaRRB6\x95\x96\xbe\xbbcG\xb2\xdd\x1e\xd7g\x83\xa5\x946\xb3\xb9\xac\xa2b\xd9\x86\rj\xbf\x15\x1d\xd5?L\xb0\x10b\xd2\x83\xb36\xae)$\x84PJ\x95\xe4\x14\x0fs\xc1\x05!8%=\xf9\x17\xe7\x9dqv\xd7_\xb4\xef\x94\xce\x18\x15\\\x08\x01j\xf5\xa7\x94\x06\x03\xc1\x99\x8f/\xfc\xb2\xf8+\x873\x1a\xe7\xf2\x8e\x91\x08\x14@)\r\x85B\x93\'O\xd6\xad\xe0(\xa0oq+\xa2^\x9e\xaa\xaa\xaa^\xbdz\xd5\xd6\xd6*\xcf\xaf\x11\x8f\xde\xfd\xd8\x94\x87\x8eV\xd60\x13k\xf5+\xc0\x08c&lt;\xfa\xe6\xb1_\xef\xff\x16!\x94\x94\xea\xea{\xed\xaf.\xedwq\xe7\x9e\xe7\xa4\xb6O\xb1X\xcc\x08a\x9f\xcf\x7f\xf8\x</t>
        </is>
      </c>
    </row>
    <row r="98">
      <c r="A98" s="1" t="n">
        <v>96</v>
      </c>
      <c r="B98" t="inlineStr">
        <is>
          <t>shape_reflect</t>
        </is>
      </c>
      <c r="C98" t="inlineStr">
        <is>
          <t>What is the missing shape denoted by a question mark?</t>
        </is>
      </c>
      <c r="D98" t="inlineStr">
        <is>
          <t>['square', 'hexagon', 'pentagon', 'triangle']</t>
        </is>
      </c>
      <c r="E98" t="inlineStr">
        <is>
          <t>triangle</t>
        </is>
      </c>
      <c r="F98" t="inlineStr">
        <is>
          <t>There are six shapes in the image separated by a line. In the top part there are ['triangle', 'pentagon', 'square']. In the bottom part there are ['?', 'pentagon', 'square'].</t>
        </is>
      </c>
      <c r="G98" t="inlineStr">
        <is>
          <t>We observe that the pentagon is reflected across the line as a pentagon. Similarly, the square is reflected as a square. Hence, the pattern is that each shape in the top part is reflected in the bottom part.</t>
        </is>
      </c>
      <c r="H98" t="inlineStr">
        <is>
          <t>Based on the pattern that each shape in the top part is reflected in the bottom part, the missing shape which is reflected from a triangle part should be a triangle.</t>
        </is>
      </c>
      <c r="I98" t="inlineStr">
        <is>
          <t>b'\x89PNG\r\n\x1a\n\x00\x00\x00\rIHDR\x00\x00\x02\x00\x00\x00\x02\x00\x08\x02\x00\x00\x00{\x1aC\xad\x00\x00J\x15IDATx\x9c\xed\xddy|\x8c\xd7\xfe\x07\xf0\xf3,\x93IBV"\xa8\xaa-h\xab\x1a\x117\xb1\x96\x10\xa1.\xb5\xabn\x96\x16E\xc5.\x14\xb1\xdcjQ\x97TtQZm]\xfbro\xaf\xf6V\xec\t\x8aJ\xd0R\x15!\xe5\xd7V%\xb2\xcdL$\x99\x99\xe7y\xce\xef\x8fSs][\x91d\xe6\x999\x9f\xf7\xeb\xfe\xd1\x1b$g&amp;\xcf\x9c\xcfy\xbe\xe7&lt;\xe7\x08\x94R\x02\x00\x00\xfc\x11]\xdd\x00\x00\x00p\r\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e0J\x94RM\xd3\\\xdd\n~i\x9a\x86\xf7\x1fx\x86\x00p%A\x10D\x11\xbf\x02\xd7PUU\x14EQ\x14UUuu[\x00\\\x03\xbd\x8fkPJ)\xa5W\xaf^={\xf6,\xee\x03\x9c\x8cR\xaa(\x8a$I\x97.]:v\xec\x98$I\xb8\x15\x00&gt;!\x00\\CUUA\x10\x16/^\xfc\xfc\xf3\xcf\x0b\x82@)uu\x8bx\xa1i\x9a \x08\xb2,o\xde\xbc\xb9M\x9b6m\xdb\xb5\x9d?\x7f&gt;\xbb\x15P\x14\xc5\xd5\xad\x03p*t=.\xc0\xfa\xa0K\x97.EDD\x14\x15\x15m\xdd\xba\xb5_\xbf~\xaa\xaaJ\x92\xe4\xea\xa6y8EQdY\xb6X,3g\xceLNNv|\xbd[\xb7n\x9f~\xfai\xadZ\xb5\xd8\x9d\x81 \x08.l$\x80\xd3\xe0\x0e\xc0\x05(\xa5\x82 L\x9b6\xad\xa8\xa8H\x92\xa4\x193f\xd8l6\xf6uW7\xcdcQJUU\x95e\xf9\xc4\x89\x13\x9db:\xb1\xde\xbf]\xa76\x83\x87\r"\x84\xec\xdc\xb9\xb3\xd5_Zm\xde\xbcY\x96eA\x10P\x0e\x02^Pp.EQ(\xa5\x07\x0e\x1c \x84\x88\xc2\x1f\x01\xbc`\xc1\x02\xc7\x1fA\x85s\xbc\xb1\xcb\x97/\x0f\x0c\n$\x84\x08D\x88O\x18\x9b\x95\xf7\xe3U\xfb\xff-L~+ 0\x80\xfd"\xc6\x8d\x1bg6\x9b)\xa5v\xbb\xdd\xa5M\x06p\x06\x94\x80\x9c\x8a\xbd\xe9v\xbb\xbdm\xdb\xb6\'O\x9e\xacR\xb5Jp\xb5\xa0\xcb?\xff\x9f\xbf\xbf\xff\x89\x13\'\x1a4h@)\xc5\xba\xa0\nDo\x0c\xfc\xaf\\\xb92i\xd2\xa4M\x9b6\x11B\xea7\xaa7w\xf1\xecn=c\x8b\nM\x8a\xa2\x04W\x0b&gt;\xf7\xe3\xb9\xa9cf\xa4\x1f=A\x08i\xd9\xb2\xe5\xc7\x1f\x7f\x1c\x11\x11\xc1\x96\t\xa1\x1c\x04\x1e\x0c}\x8dSi\x9a&amp;\x8a\xe2\xc6\x8d\x1b3224M\x1b\xf4\xca\x80U\x1b&gt;4\x18\x0cf\xb3y\xfe\xfc\xf9\x98\r\xaeX\x8e\xf9\xde\x94\x94\x94\xa8\xa8(\xd6\xfb\xf7\xe8\xdd\xfd\x9f{6\xc7\xf6\xe8\x9c\x97\x9bO)\x95e\xb9 \xbf\xa0AX\x83\r_\xaf\x8dO\x18+\x08BFFF\xe7.\x9d\x93\x93\x93\xd9d\x00\x16\x89\x82\x07C\x8f\xe3&lt;l\xf8o2\x99\x9ex\xe2\x89\xdc\xdc\\?\x7f\xbf\xdd\xdf}\xdd(\xac\xd1\xf0A#\xff\xb5\xf9\xdf\x92$\xed\xdb\xb7\xafC\x87\x0e\x98\r\xae\x10l\xbeWQ\x94i\xd3\xa6%%%QJ\xfd\x03\xfc\'\xcd\x1c\xff\xea\xd8\xa16\xab\xad\xac\xacL\x96e\xc7_\xd6TM\x94\xc4\xa0\xe0\xc0\xff|\xb93\xe1\x8d\x999\xbf\xe7\x12B\x06\r\x1a\xb4t\xe9\xd2\xda\xb5kcf\x18&lt;\x15\xee\x00\x9c\x87\r\xffg\'\xce\xbez\xf5\xaa\xa6i\xf1\xd3\xc6\xd4\xa9\xfbH^\xde\xb5\x84yS\x82\x82\x83TUMLL\xc4x\xb3\xfc\xe8M\xf3\xbd\xed\xdb\xb7_\xb6l\x19\xa54&lt;\xf2\xe9\r_}1v\xf2(\x8b\xd9b\xb3\xd9n\xee\xfd\t!\xa2$RJ\xaf\xe5\xe6u\xed\xd1eG\xea\xf6\x1e\xbd\xbb\x13B6m\xda\x14\x15\x15\x95\x92\x92\x82\x99a\xf0T\x08\x00\'a\xbd\x7fff\xe6\xca\x95+EQl\xf6\xf4\x93C_\x7f\xd9b.\xb6\xd9\xec\r\xc3\xea\x0f\x19\xf5\x12!$55u\xfd\xfa\xf5\x92$!\x06\x1e\x1a{\xc0B\x92\xa4\xe4\xe4\xe4\xce]:\x1f=zT \xc2\xb0\xd1C\xb6\xed\xda\xf0T\xf8\x93\xb9W\xafI\x92t\xc7Y\x16V,*,(\xaa^\xa3\xfaG\xebV\xcc]&lt;\xdb?\xc0\xff\xd7_\x7f\xed\xde\xbd\xfb\xbcy\xf3\x14E\xc13\xc3\xe0yP\x02r\x12V\xd8\x89\x8b\x8b\xdb\xb5k\x17!d\xed??\xed\xdc\xbdSa\x81I\x96%B\x88 \x08q\xd1\x7f\xbd\x94}\xb9a\xc3\x86\xe9\xe9\xe9~~~\x82 \xa0\xe6\xf0@\x1c\x03\xff\xfc\xfc\xfc\xb1c\xc7\xb2\x8a\x7fh\xad\xd0E+\xde\xea\xd6\xb3\xab\xa9\xc8|\x9f\xb55M\xd3(\xa5!5\xaa\x7f\xf7m\xfa\xcc\x89sN\xa5\x7fO\x08i\xd7\xbe\xdd\'\xab?i\xdc\xb81f\x86\xc1\x93\xe0\x0e\xc0\x19X\xd7\xb3k\xd7.\xd6\xfbw\xeb\x15\xd7)\xee\x99\xa2\xc2?z\x7fEQ\xaa\xfaW\x1d?\xfd\rB\xc8\x85\x0b\x17\x92\x92\x920\xd8|P7\xcf\xf7\xb6m\xd7\xd61\xdf\xbb#u[\xd7\x1e]\xf2\xf3\n(\xa5\xf79\xb3"\x8a\xa2$I\xb9W\xaf=\x15\xfe\xe4\xb6]\x1b\x86\x8f\x1eB\x089t\xf0P\xeb\xd6\xadW\xaf^\x8d\x99a\xf0$\xb8\x03\xa8tl\xeeW\xd3\xb4f\xcd\x9aeee\xc9\xb2\xfc\xd5\xc1\x7f6}\xa2\xf1\xf5\xeb%\x8eZ\x84\xa6j\xfeA\xfe};\x0f&lt;v\xf8x```zz:\x96\x84\xde?\x96\xaf\x8a\xa2,X\xb0`\xde\xbcy\x94R\x7f\x7f\xffI\xb3\xc6\xbf:v\xa8\xddn/-)\xbd\xa5\xe2\xff@\xdf60(`\xf3?\xb6\xbd\xf5\xe6\xc2\x9c\xdfs\x08!\x83\x07\x0fNNN\xaeV\xad\x1a\x9bd\xae\xe8\x97\x02\xe0T\xe8_*\x1d\xab\xfe\xaf\\\xb9233S\xd3\xb4a\xa3\x874\x8fx\xcab)\xfe\x9f\xce] \xaa\xa2&amp;\xcc\x9bb4\x1a\x8b\x8a\x8a\xd8\x92P\xcc:\xfe)V\xf6\x91$\xe9\xfc\xf9\xf3\x9db:\xcd\x9d;\x97R\xda\xec\xe9\'7\xfc\xe7\x8b1\x93GY\xcc\x16k\x99\xf5\xa1\xbbiI\x92(\xa5y\xd7\xf2\xfb\xbf\xd8\xf7\xdf\xfb\xb7\xb6\x8fiG\x08\xd9\xb0aC\xdb\xb6m\x0f\x1f&gt;,\xcb\xb2Gn!\xc7\x06+\x1e\t\x83\xdd\xdb\xe1\x0e\xa0ri\x9aF\x08\xc9\xcd\xcd}\xe2\xc9\'LE\xa6G\x1f\xab\xf3U\xda?\xbd}\xbdUE\xbd\xa5\x8e\xac(JHh\xf5\xd7_|c\xfb\xc6/%I\xda\xbf\x7f\x7f\xfb\xf6\xed\xb1$\xf4\x1e\x1co\xce\xea\xd5\xab\x13\x12\x12\n\n\n\x08!CF\xbe4m\xeed\xff\x00\x7fS\x91\xc9`0T\xc8\x0fR\x14\xc5\xc7\xc7G6\xc8\x1f\xbf\xb7z\xf1\xfc\xa56\xab\xcd\xe8m\x9c1}\xc6\x9c9s\xc8\x8d\xf5\xa6\x15\xf2\x83\x00\x9c\x0c\x01P\xb9X\'5l\xd8\xb0\xcf&gt;\xfb\x8c\x10\xb2(y\xc1\xd0\xd1\xaf\xe4\xe5\xe6\xdd\xdeePJ\r^\x86\xdc\xab\xd7\xba\xb7\xe9YThj\xd9\xb2\xe5\xe1\xc3\x87\r\x06\x03f\x83\xef\x88u\xbb\xf9\xf9\xf9\xe3\xc6\x8d\xdb\xb0a\x03!$\xb4V\xe8\xac\xb7\xa7\x0f|\xb9\xbf\xb9\xc8d\xb7+\x15\x1b\x9c,\xc8\x83\xab\x07\xa7\xed=\x980vf\xf6\x85\x9f\t!\xdd\xbau[\xbe|yXX\x98g&lt;(\xa0i\x9a(\x8a\xa7N\x9d\x9a4i\x12\xbb=u\xf7W\xc4\xb0.N\xd3\xb4\xa5K\x97\x86\x87\x87\xb3\x97\xe9\xeaF\xe9\x05\x02\xa0\x12i\x9a&amp;\x08\xc2\x89\x13\'\xda\xb6mk\xb5Z[\xb5\x8e\xdc\x92\xb2\xbe\xb4\xa4\xf4n\xd7\x9f\xa2(\xd5C\xaa\xadx\xf7\xc3\xbf\xbd\xf9\x0e!\xe4\xb3\xcf&gt;\x1b2d\x08n\x02n\xc1\xfabQ\x14SRR&amp;L\x18\x7f\xee\\&amp;!\xa4}L\xbb%\x1f\xbcS\xb7A\xdd\x82\xbc\x82\xca\xeb\x8b\x15E\xf1\x0f\xf07\x9b\xcc\xf3\xa7\xbf\xbd\xe9\x8b-\x84\x90\x90\x90\x90\x15+V\x0c\x1c8\x90\xdctG\xe2\xa6X\xfbw\xef\xde\xdd\xb5kWW\xb7\xa5R\xec\xda\xb5+66\xd6\xdd\x7fM\x15\x0b\x01P\x89\xd8\xa5\xd6\xb1c\xc7\xd4\xd4TI\x92&gt;\xdf\xfeI\xa7\xae\x1dLE\xe6{_\x7f\xa2$\xc6E\xff\xf5\xd2\xc5\xcb\xa1\xa1\xa1g\xce\x9c\t\x0c\x0c\xc4M\x80\x83\xa3\xde2o\xde&lt;6\xdf\xeb\xe5\xe55m\xce\xa4\x91\xe3_S\xecJi\xe9C\xce\xf7\xde?UU\xbd\xbc\xbc||\xbd\xb7\xad\xff\xd7\xdcio\x15\xe4\x17\x10B\xc6\x8d\x1b\xb7`\xc1\x02???\xb7.\x07\xb1\xcb\xf5\xc0\x81\x03]\xbat\x11E\xb1\xc9\x93\x8d\x83\x83\x83\x14Eq\xdfk\xef\x8f\xad&gt;\n\n3\x7f&lt;\xafi\xda\x9e={:v\xec\x88\x00\xb8\x99\xbb^\xac\xfa\xc7\xae\xb3\xad[\xb7\xa6\xa5\xa5\x11Bz\xf6}6\xf6\xd9\x98\xbck\xf9\xf7\xee TU\xad\xeaWe\xe6[\t\xaf\x0ez\xfd\xf7\xdf\x7f_\xbat\xe9[o\xbd\x85K\x96\xdc\x98\x9c\x94e9+++&gt;&gt;~\xe7\xce\x9d\x84\x90fO?\xb9 i^T\xdbVE\x85&amp;\xf6i\xaf\xecf\xb0\xe5F\xa6"\xf3\xc0W\xfa?\xd5\xa2\xd9\x94\xd1\xd33\x8e\x9dHNN\xfe\xf6\xc8\xb7\xef\xafx?**\xcaq\x83R\xd9-\xa9$l^]U\xd5Yo\xcf\x88\xeb\xde\xc5d6I\xb2\xbb^{\xaa\xa2\x06\xf8\x07\xa4|\xb3\xe7\xf9g_"\xd8n\xfdN\x10\x00\x95\x82]j&amp;\x93)!!\x81\x10\xe2\xe7Wu\\\xc2\xd8{\x14\x7f\x1c$I2\x9b,q=c\xdbuls8\xf5\xc8\x92%K\x86\x0c\x19\x12\x16\x16\xc6y\xe1\x92E\xa0$I\x1b7n\x1c?~|nn.\xb91\xdf\x1b\x10\x18\x90\x9fW\xc0vkpNc\xd8\x93\xc6\xf9\xb9\xf9\r\xc2\xeao\xfa\xcf\xda\xe5\x8b?H^\xf4AFz\xc63\xcf&lt;\xb3p\xe1\xc2\t\x13&amp;\x10\xf7/\x07\x11BJK\xca\x8aK\x8a\x8b\x8b\xaf\xbb\xef\x0bQUU\x92\xa5\xd2\x922W7D\xbf\xf8\xedS*\x15\xfb\xfc\'%%eggSJ_}c\xd8S-\x9a\xdd\xbc\xf0\xff\xcf\xfe\xb96\xeb\x9d\x19\xb2,[\xad\xd6Y\xb3f\x11\xbe\x07/l\x8a\xd5d2\x8d\x181b\xf0\xe0\xc1\xb9\xb9\xb9\xc1\xd5\x82W\xacY\xb6\xf8\x83w\xbc\xbc\x0cf\x93\xd9%U\x17\xd9 \x97\x14\x97\xa8\xaa6sA\xc2g\xdbW\xd7oT\xcfj\xb5N\x9c8\xf1\xf9\xe7\x9f\xbfr\xe5\n\xbbQp\xeb\xdf\x9a(\n\xa2\x87p\xd7\x12\x96\x13 \x00*\x9e\xa6i\x92$]\xbcx1))I\x10\x84z\r\xeb\x8d\x994\xaa0\xbf\xf0&gt;\xfb)Q\x14\x8b-\xd7\x9fn\xf9\xd4\xc0\x97\xfb\x13B6o\xde\xcc\xa6\x108|\xfa\x94-\xdf\x96e\xf9\xf0\xe1\xc3\xd1\xd1\xd1\xabW\xaf&amp;\x84\xb4\x8fi\xb7m\xd7\x86\xfe/\xf5\xcb\xcb\xcdSU\xcd\x85\xe3S\xb6\x85\\^N~l\x8f\xce\xff\xdc\xb3\xf9\xd9\xde\xdd\x08\xb6\x90\x03\xb7\x82\x00\xa8xl\xf1\xcf\xfc\xf9\xf3\x8b\x8a\x8a\x08!\x13\xa6\xbfQ\xd5\xbf\xea\x03\x1d8.IbIq\xe9\xa4Y\xf1\x81A\x01\x82 L\x9e2\xd9j\xb5\xf2vZ\x00\xdb\x7fM\x14\xc5y\xf3\xe6u\xee\xd2\xf9\xdc\xb9s^^^\xe3\x13\xde\xf8\xc7\x97\x9f\xd6\x0f\xab\x9f\x7f-\xdf\x99e\x9f\xbb\x11\x04A6\xc8\x85\xf9\x85~\xfe~+\xd7\xbd\x7f\xf3\x16r\x93&amp;M\xc2\x16r\xa0s\x08\x80\n\xc6\xf6#;x\xf0\xe0\xbau\xeb\x04Ah\xd5:r\xc0\xcb\xfdL\x05\xa6\x07*S\x08\x82PVVV\xbbN\xadqS\xc7PJ3\xd236n\xdc(\x8a"\'\xc3IJ)[N\x93\x95\x95\xd5\xbd{\xf7\xb9s\xe7Z\xcb\xac\r\x1a\xd5_\xb7\xe3\xb3\x99oO/\xb9^\xfa\xd0\xbb;T\x12Y\x96m6\x9b\xc5l\x19;y\xd4\x86\xaf\xbe\x08\x8f|\x9aR\xbal\xd9\xb2N1\x9d\xce\x9f?\xcf\xee\xde\xb8\nop\x17\x08\x80\x8aD)\x15\x04\xc1j\xb5N\x988\x81M\x03L\x9f?EUT\xf2\xe0\xe3TI\x96,&amp;\xcb+\xa3^j\x10V_\x14\xc5\x193f\x14\x16\x16\xf2p\x13\xc0\xf6s\x96ey\xf3\xe6\xcdm\xdb\xb6e\xab}\x06\xbd2`G\xda\xf6\xe8vQ\xd7\xae^c\xb7\x05\xaen\xe6\xadDl!\x07nHw\x1f$\xb7\xa6\xdd8\xf1\xf1D\xc6\tB\xc8\xa0W\x06\xb4\xed\xd8\xdab\xb6&lt;D\x87%\x10AQT__\x9f\x99o%h\x9a\xf6\xfb\xef\xbf\'&amp;&amp;z\xfcM\x00\x9b\xef\xb5X,\xf1\xf1\xf1\x83\x06\r\xbav\xedZ\xb5\xea\xc1\xcb?Y\xbat\xe5"\xa3\xd1h1[d\x83\x8e\x06\xfe\xb7\x93\rrq\xf1uEQ\xdfY\xfe\xb7\xe45\xcbBk\x85\x16\x14\x14\x8c\x181\xe2\x85\x17^\xc8\xcf\xcfg3\xc3\xaen#\xc0\x7f!\x00*\x0c\x1b\xfe\x17\x14\x14L\x9f&gt;]\x14\xc5\x80\xc0\x80I\xb3\xe2\x8b\xcd\x0f\xbf\x8aN\x92$S\x91\xb9\xdbsq\xdd{\xc5\x11B\xd8vr\x9e\x9a\x01\x8e\xf9\xdec\xc7\x8eu\x8a\xe9\x94\x9c\x9cL\x08i\x1f\xd3nK\xca\x86A\xaf\xf47\x15\x99Y6\xb8\xba\x99\x7f\xeen[\xc8\xb5k\xe7\xc9[\xc8\x81\x9bB\x00T\x186\xfc_\xbat\xa9\xe3\xc4\xc7\xdauj\x95\x95\x95\x95g\xa2R\x10\x04\xc5\xaeL\x9c\x19\xefe\xf4R\x14%&gt;&gt;\xde#\xab@\x8e\xf9\xde\xa4\xa4\xa4g\x9ey&amp;#=C B|\xc2\xd8\x7f|\xb9\xa6AX\xfd\xbck\xf9\xee\xb5\xd3\x0e+a\x15\xe4\x15\x84\x84\x86\xac\xfb\xf7g\xb3\x16L\xf7\xf2\xf2:w.\xb3s\x97\xce\xf3\xe6\xcdc\xaf\x14\xb7\x02\xa0\x07\x08\x80\x8a\xa1\xdd8\xf1\xf1\xdd%\xef\x8a\xa2\xd8\xa0Q\xfdWF\xbdd1Y\xca\xf9\x14\xa5(\x8a\xc5\x96\xe2\xe6\x11O\r\x1f=\x84R\xca\x8e\x94\xf1\xa4%\xa1\x8e\xf9\xde+W\xaet\xef\xde}\xe2\xc4\x89V\xab\xb5~\xa3\xfa\x9fm_=sABi\x89\xee\xe6{\xef\x1f{\x8c\xa3\xe4z\xc9\x1bSGoIY\xdf\xec\xe9\'\xade\xd6\xb9s\xe7v\xef\xde\x9d\x1d\x0b\x81\x99ap9\x04@\xc5`\xf5\x9f\xf8\xf8x\x9b\xd5\xa6i\xda\xcc\x05\t\xbe\xbe&gt;\x8a\xa2\n\x0f1\xff\xfb\xbf$I\xban\xb9&gt;b\xdc\xf0\x1a\xa1!\xa2(\xc4\x8f\x8fg\xdb\xb3x@\xdf\xa1\xdd8\xc6k\xf3\xe6\xcdQQ\x7fa\xf3\xbd=\xfb\xf5\xd8\xbegc\xd7\x1e\x9d\xf3r\xf2\x05A\xd0\xe1|\xef\xfd\x13EQ\x10\x84\xfc\xbc\x82\x96Q-6\xef\\7\xe8\x95\x01\x84\x90\x9d;w\xb6k\xd7n\xe3\xc6\x8d\x98\x19\x06\x97s\xe3O\x97~\xdc~\xe2c\xb7\xe7\xe2\xfet\xd3\xb7\xfb\xc4\x96\x84\xd6\xa9\xfb\xc8\xc47\xe35\x8df\x9e\xfb\xe3Xyw\xaf#\xb3\xb2\x8fc\xbe\xf7\xd7_\x7f\x0b\x08\x0cX\x98\xfc\xd6\xaa\r\x1f\xf8\xf9\xf9\x15\xe4\x17\xea|\xbe\xf7\xfe\xc9\xb2l.\xb2\x18\xbc\x0cKW.Z\xfe\xc9\xd2j\xd5\x83sss\x07\x0f\x1e&lt;b\xc4\x08\x8b\xc5\x82\x99ap!\x04@y\xb1\xb1\xbf\xa3@\xef\xe5\xe55if\xbcb\xaf\xc8=\x14eY.*4\xf5\x7f\xb1O\xb3\xf0\'\x05AHLL,,,\x14E\xd1Mo\x02\x1c\xa7\xb7\x9f8q\xc21\xdf\x1b\x19\x1d\xf1\xaf}\x9b\x87\x8c|\xb9 \xbfP\xb1\xbb\xf1\x9e\x9aw$\xc9\x92\xaa\xa8\xa6"\xf3\xa0W\xfaoI\xd9\xc0f\x86W\xaf^\xdd)\xa6\xd3\xb1c\xc703\x0c\xae\x82\x00(/\xed\xa6\x13\x1f)\xa5\xc3\xc7\x0ci\x1e\xf1T\xf1-\'&gt;\x96\x9b\xaa\xaaU\xaaV\x9d6g2\xa5\xb4\xa0\xa0 11\xd1M\xb7\x19`\xcb\xfc%IJNN\xee\xdc\xa5\xb3c\xbew\xc3\xd7k\x1b\x845(\xc8/\x90$I\xf0\xc4\xcd[\xd8\xab\xce\xbb\x96\xdf \xac\xfe?\xbe\\\x13\x9f0\x96\x10\xc2\xb6\x90KJJb3\xc3(\x07\x81\x93!\x00\xca\x85U\xb1\xaf^\xbd:{\xf6lQ\x14CjT\x1f1n\xf8uK\xc5o\xa0(IRQaQL\xdc3n\xbd$\x94\xd5\xca\xae\\\xb9\xf2\xfc\xf3\xcf\xc7\xc7\xc7\x17\x15\x16\xd5oT\x8f\xcd\xf7j\xaaVR\\\xe2a\x03\xff\xdb\xc9\xb2\xccf\xb6g.H\xf8|\xfb\'\xf5\x1b\xd5g[\xc8u\xef\xde\x9dm!\x87\x0c\x00gB\x00\x94\x0b\xa5\xd4\xf1\x98\xae\xa6i\x93fM\xa8S\xf7\x91r.\xfd\xbc\x1bA\x104Us\xdf%\xa1\x94RI\x92RRRZ\xb5j\xb5i\xd3&amp;B\xc8\xb3\xbd\xbb\xffs\xcf\xe6\xd8\x1e\x9d\xf3r\xf2)\xa5\xa2\xc4\xc5\xd5\xc8f\x86\xf3r\xf2\xbb\xf6\xe8\xbc}\xcf\xc6\x9e\xfdz\x10Bv\xee\xdc\xd9\xaaU\xab\x94\x94\x14\xf6\x18\x81\xab\xdb\x08\xbc\xe0\xe2#WIX\xf1\'##\x83\x9dI\xdb\xaau\xe4\x0b\xc3\x06\x16\xdc\xf7\xae\x9f\x0fJ\x14E\x0b[\x12\xfa\xfa\x1fKB\xb7l\xd9\xe2.cFv\xab4o\xde\xbcn\xdd\xba]\xb9r%\xa4F\xc8\x9cE3W\xae[\xe1\xe7\xefW\x98_(\x1b\\\xbf\xad\x9b\x93\xc9\x06\xb9 \xbf\xd0\xcf\xcfo\xd5\x86\x0f\xdey\xefo!5\xaa_\xb9r\xa5[\xb7n\xf3\xe6\xcds\xd3\xe2\x1e\xb8#\x04\xc0\xc3c\xd3\xbf\x93\'O\xb6Z\xad\x92$\x8d\x9f\xfe\x86,\xcb\x95:|\x93$\xc9b\xb6\x8c\x9d\xf2z\xbd\x06\x8f\t\x820k\xd6,\x9b\xcd\xe6\x16\xf7\x01\xacGcY%\x08\xc2\x94\xd9\x13\xa6L\x9bh6\x99m6\x9b\xc7\x97}\xeeF\x96e\xc5\xae\xe4]\xcb\x1f\x13\xff\xfa\x94\xd9\x13Y\x04\xb2\xb7\x08\x01\x00\xce\x81\x00xH\xac\x9c\xbde\xcb\x96\x9bO|,*4U\xeav\x05\x82 \xd8\xac\xb6\x1a\xb5j\x8c\x9e8\x92Rz\xfe\xfc\xf9%K\x96\xb8\xc5L\x00\x9b\x12\x1f2d\x88\xb7\xb77\xa54\xe3\xd8\ts\x99\x99\xb8\xf3\xd1\x89\x15B\x10\x05A\x10\x8a\xcb,\x19\xc7NPJ\xbd\xbd\xbd\x87\x0c\x19B\xb8\x7f[\xc0ip\x9d=\x0c6\xe2\xb6\xd9l3g\xcd$\x84\xf8\xf9\xdf\xef\x89\x8f\xe5\xc7\xf6\x18\x184d\xc0_\xdaD\x12B\xd8\xce\x13\xfa/\x1a\xb0\x94\xaa_\xbf~\x8b\x16-\x08!\x07v\xa7]\xcb\xc93\x1a\x8d\xfa\xbfw\xa9T\x94R\xa3\xd1x-\'\xef\xc0\xee4BH\x8b\x16-\xea\xd7\xaf\xcf\xf9\xf1\x9f\xe0L\xb8\xce\x1e\x06;\xf3k\xc9\x92%Y\xe7\xb3(\xa5\xaf\x8e}\xb0\x13\x1f\xcb\x89Rj0\xc8\xf1\toH\x92\x94\x9f\x9f?c\xc6\x0c\xb7x&amp;\x80\xf5k}\xfb\xf6%\x84\xe4\xe6\\;v\xf8\xb8o\x15\x1f\x9d\xe7Ve\xd34\xcd\xb7\x8a\xcf\xb1\xc3\xc7ss\xae\x11B\xfa\xf6\xed\xeb\x16\xf7s\xe01\x10\x00\x0f\x8cud\x17/^\\\xb4x\xd1\x8d\x13\x1fG\xde\xff\x89\x8f\xe5\'IRQ\xa1)\xf6\xd9\x18\xb6\x80d\xc3\x86\r\x19\x19\x19\xfa\xef8X:\xf6\xea\xd5\xcbh4\x12BRv\xec\xe2m\xe2\xf7\x8e\x04AH\xd9\xb1\x8b\x10b4\x1a{\xf5\xeaEP\xff\x01\'\xc2\xa5\xf6\xc0\xd8\xdc\xef\xfc\xf9\xf3\xcd&amp;3\xf9\xe3\xc4G?\'?\xcd/\x8abiI\xe9\xb8ic\xfc\x03\xfc\xadV\xeb\x94)S\xf4?\x15\xcc"\xaaQ\xa3F\x91\x91\x91\x84\x90#\x07\x8f\xe5\xe5\xe6\x19\x0c\x06\x9d7\xbb\xf2PJ\r\x06C^n\xde\x91\x83\xc7\x08!\x91\x91\x91\x8d\x1a5B\xfd\x07\x9c\t\x97\xda\x83as\xbfiii\xeb\xd6\xad#\x84&lt;\xdc\x89\x8f\xe5\'\x8abq\xf1\xf5\xe6\x11O\xbd2\xe2EBHjj\xea\xd6\xad[\xf5\xbf$\x94\xf5n\xb1\xb1\xb1\x84\x90\xdc\x9ckg\xcfdz\xfbx\xeb\xfc\xc6\xa5\xf2h\x9a\xe6\xed\xe3}\xf6L&amp;\xab\xff\xc4\xc6\xc6\xea\xff6\x0e&lt;\x0c\x02\xe0\x81i\x9a6;q\xb6\xaa\xaa^F\xaf\x87&gt;\xf1\xb1\xfcdY.*(\x1a9\xfe\xd5\xba\xf5\x1e\xa5\x94&amp;$$\x98L&amp;rc\x82Z\x9fX\xcd\xa7klWQ\x14UE\xdd\xfd\xd5\x1e/#\xd7w\x00^F\xc3\xee\xaf\xf6\xa8\x8a*\x8ab\xd7\xd8\xae\xe4\xc6[\x04\xe0\x1c\x08\x80\x07\xc0\x86\xffk\xd7\xaeMKM#\x84\xf4\xe8\xdd\xbd]\xa76\x0fw\xe2c\xf9\t\x82`\xb3\xd9j\x84\x86L\x9e5A\x10\x84\xec\xec\xec\xa4\xa4$\x9d\xdf\x04\xb0\xc7\\[F\xb6l\xdc\xb81!d\xff\xae\xd4\xa2\x82"\x83\xc1\xe0\xeav\xb9\x86\xc1`(*(\xda\xbf+\x95\x10\xd2\xb8q\xe3\x96\x91-\xd9\xc3\xd2\xaen\x17p\x04\x01p\xbfn?\xf1q\xda\xdc\xc9\x16s\xb1\x0b?\xb1\xb2,\x17\xe4\x17\xf6\x7f\xb1\x0f[\x12\x9a\x94\x94t\xf1\xe2EI\x92\xf4\\FPU\xd5\xcb\xcb\xabg\xcf\x9e\x84\x90\x9f/^:\x95\xfe\x83\xaf\xaf\x8f\x9eC\xab\x92\xa8\xaa\xea\xeb\xebs*\xfd\x87\x9f/^"\x84\xf4\xec\xd9\xd3\xcb\xcb\x8b\xc3\xf7\x01\\\x0b\x01p\xbfn?\xf1\xb1A\xa3ze\xa5\x95\xb2\xed\xcf\xfd\x13\x04AU\xb5\x84yS\x8cFcQQ\xd1\xfc\xf9\xf3u&gt;\x1b\xcc\xde\xae~\xfd\xfa\xb1z\xf7\xee\xaf\xf7\x1a\xb8\xac\x02QJ\rF\xc3\xee\xaf\xf7\xb2\xeb\xaa_\xbf~\x04\xf5\x1fp:\x04\xc0}a\x9f\xd2\xac\xac\xacw\x97\xbc+\x08\x02;\xf1\xb1\xa8\xd0\xd9s\xbf\xb7\x13E\xd1b\xb6\xb4\xeb\xd4\xa6G\x9fn\x84\x90u\xeb\xd6\xa5\xa5\xa5\xe9\xb9\x10\xc4\xaa@-Z\xb4\xe0\xbc\ntK\xfd\xa7E\x8b\x16\xa8\xff\x80\xf3!\x00\xee\x0b\xab\xff\xcc\x9c9\xd3f\xb5QJg.\x98\xae\x9f\xc2\x85$I\x16s\xf1\xd49\x93\x83\x82\x83TUMLL\xd4I\xc3\xee\x06U \xd4\x7f@\'\x10\x00\x7f\xceq\xe2\xe3\x96-[\x08!\xed:\xb6\x89\xeb\xd9\xc5l\xb2\xe8d\xbc&amp;\x08BYiY\xc3\xb0\xfaCF\xbdD\x08IMM]\xbf~\xbd\x9eo\x02P\x05B\xfd\x07t\x02\x01\xf0\'n&gt;\xf1Q\x14E//\xafY\xef\xccPU}\xcd\xb2J\x92TXP4f\xd2\xa8\xfa\r\xeb\xb1\x87\xd4L&amp;\x93n\'\x03P\x05B\xfd\x07t\x02\x01\xf0\'n&gt;\xf1Q\xd3\xb4\xe1c\x86\xb4\x88|\xba\xc2O|,\'\x16QU\xfd\xab\x8e\x9f\xfe\x06!\xe4\xc2\x85\x0b\xec\x94A\xdd\xde\x04\xf0\\\x05B\xfd\x07\xf4CG\xbd\x98\x0e\xb1\xe1\x7faa\xe1\xcd\'&gt;\x16W\xc2\x89\x8f\xe5\'\xcb\xb2\xa9\xc04\xe0\xe5~\x7fi\x13)\x08BRRRvv\xb6n\x97\x84\xf2\\\x05B\xfd\x07\xf4\x03\x01p/\xec#:;q\xf6\x1f\'&gt;\xce\x1c_y\'&gt;V\x00\x81\xa8\x8a\x9a0o\x8a,\xcbEEE\xd3\xa7OG\x15H\x87P\xff\x01\xfd@\x00\xdc\x95\xe3\xc4\xc7\x95+W\x12B\x9el\xfeD\xff\x17\xfb\xeaa\xe9\xe7\xdd\xb0%\xa1m;\xb6\x1e\xf8r\x7fB\xc8\x96-[RSSu;\x1b|[\x15\xe8\xb4o\x15\xcf\xaf\x02\xa9\xaa\xea[\xc5\xe7T\xfai\xd4\x7f@\x0f\x10\x00w\xe58\xf1QUTI\x92\xde|+\xc1\xb7\xaa\xaf\xce?\xab\x92$\x15\x9b\xafO\x9a\x15\x1f\x18\x14 \x08\xc2\xe4)\x93\xadV\xab&gt;\xef\x03n\xa9\x02\xed\xfaj\xb7\xcc\xc1\xce\xa0\x94R\xd9`\xd8\xf5\xd5n\xd4\x7f@\x0f\x10\x00wv\xf3\x89\x8f\x94\xd2\x9e}\x9f\xed\xd2\xbdSQA\x91\xceo\xd5\x05A(++\xab]\xa7\xd6\xb8\xa9c(\xa5\x19\xe9\x19\x1b7n\xd4\xe7\x1e\x93\xb7T\x81\x8e\x1fI/-)\xd1\xf9\xdb[~\x92$\x95\x96\x94\x1c?\x92NP\xff\x01\x1d@\x00\xdc\xc1-\'&gt;\xfa\x07\xf89\xed\xc4\xc7\xf2\x93d\xc9b\xb2\xbc2\xea\xa5\x06a\xf5EQ\x9c1cFAA\x81&gt;o\x024M\xf3\xf2\xf2j\xdd\xba5!$\xf3\xa7\x0b\x99?f\xf9x\xf4\xee\xd0\x9a\xa6\xf9\xf8xg\xfe\x98\x95\xf9\xd3\x05BH\xeb\xd6\xad\xbd\xbc\xbc&lt;\xf8\xf5\x82\xfe\xb9A\x8f\xe6|\xb7\x9c\xf8\xf8\xca\x88\x97\x9aG&lt;U\\|\xdd-\x02@ \x82\xa2\xa8\xbe\xbe&gt;3\xdfJ\xd04\xed\xf7\xdf\x7f_\xbat\xa9&gt;o\x02\x18V\x06\xb1\x96\x95\xedK9\xe0\xd9\xc7\x03\xb0\x03\x00\xf6\xa5\x1c\xb0\x96\x95\x91\x1b/\x1c\xc0\x85\xdc\xa0Gs\xb2\xff\x9e\xf8\xb8h\x91 \x08\x8f&gt;Vg\xe4\xf8W\x8b\n\x8at;\xf7{;I\x92\xcc&amp;K\\\xcf\xd8v\x1d\xdb\x08\x82\xb0d\xc9\x92\xac\xac,\x1d.\te\x81\xda\xa1C\x87\xda\xb5k\x13Bv\xffgoii\xa9\x07\xd7C$I*--\xdd\xfd\x9f\xbd\x84\x90\xda\xb5kw\xe8\xd0\x81\xe0\x00Hp)\\|\xb7\xfa\xef\x89\x8ff3!d\xca\xec\x895BCl6\x9b\xdb\xcd\xd4\xa9\xaa6\xeb\x9d\x19\xb2,[\xad\xd6Y\xb3f\x11\xfd\x9d\x15#\x08\x82\xaa\xaa~~~]\xbbv%\x84\xfc\xf8\xc3O\xe7\xcedzj\x15\x88\xd5\x7f\xce\x9d\xc9\xfc\xf1\x87\x9f\x08!]\xbbv\xf5\xf3\xf3SU\xd5\xed\xae+\xf0$\x08\x80\xffq\xfb\x89\x8f\xfd_\xecS\xe0\xc4\x03\xdf+\x8a(\x8a\xc5\x96\xebO\xb7|\x8a-\t\xdd\xbcy\xb3\x9e\x97\x84\xf6\xef\xdf\x9f\x10b\xb3Z\xf7\xa5\xa4zj\x15\xe8F\xfd\'\xd5f\xb5\x92\x1b/\x19\xc0\xb5\x10\x00\xb7RU\xf5\x7fN|T57\x1d\xa3I\x92XR\\:if|`P\x80(\x8a\x93\xa7LV\x14Eo\xb3\xc1\xfcT\x81P\xff\x01\x1d\xc2\xf5\xf7_\x8a\xa2H\x92\xb4~\xfdz=\x9c\xf8X~\x7f,\t}\xb4\xf6\xb8\xa9c4M\xcbH\xcfX\xb9r\xa5\xdef\x839\xa9\x02\xa1\xfe\x03\xfa\xe4\x96][e\xa0\x94\x8a\xa2h6\x9b\xe7\xcf\x9f/\x8ab`\x90\xebO|,?I\x96\xccE\xe6\xa1\xaf\xbf\xdc,\xfcIQ\x14\x13\x13\x13\x0b\x0b\x0bEQ\xd4\xd5M\x00\xe3\xd9U \xd4\x7f@\x9f\x10\x00\x7f`\x8b\x7f\x16-^t\xe1\xc2\x05M\xd3\xc6M\xd5\xc5\x89\x8f\xe5$\x10AUU\x1f_\x9fis&amp;k\x9aVPP\x90\x98\x98(\x08\x82\xae\xbaW\x1e\xaa@\xa8\xff\x80&gt;\xe1\x12$\xe4\xc6\xc2\xff\xac\xac\xac%K\x96\x88\xa2\xa8\x9f\x13\x1f\xcbO\x92\xa4\xa2BSL\xdc3\xdd{\xc5\x11B\xd8\xbe\xd6\xba*\x04y|\x15\x08\xf5\x1f\xd0-\x04\x00!7\xd6G\xb2\x13\x1f5M\xd3\xd5\x89\x8f\xe5\'\x08\x82\xa6j\x13g\xc6{\x19\xbd\xd8\xc96z\x9b\nf&lt;\xb5\n\x84\xfa\x0f\xe8\x16\x02\xe0\x8f\xa5\x9f\xa9\xa9\xa9\xfa&lt;\xf1\xb1\xfcDQ\xb4X\x8a\x9bG&lt;5|\xf4\x10J\xe9\xae]\xbbv\xed\xda\xa5\xab%\xa1\x9e]\x05B\xfd\x07t\x8b\xf7\xab\xd0q\xe2\xe3\xe4\xc9\x93EQ\x94eY\x87\'&gt;\x96\x9f$I\xd7-\xd7G\x8c\x1b^#4D\x14\x85\xf8\xf1\xf1\xbaZ\x12z{\x15\xe8\xec\xe9s\x9eQ\x05b\xf5\x9f\xb3\xa7\xcf\xa1\xfe\x03:\xc4{\x008N|\xcc\xc8\xc8\xd04m\xd0+\xfd\x9fn\xf9T\xb1\xc5=\xb6\xfd\xb9\x7flIh\x9d\xba\x8fL|3^\xd3h\xe6\xb9L\x1d.\t%\x84\x0c\x180@\x10\x04\x9b\xd5zh\xff\xb7\xde\xbe\x1e\x12\x00\xde\xbe\xde\x87\xf6\x7fk\xb3Z\x05A\x180`\x80\xab[\x04\xf0_\x1e\xd5\xcd=(\xb6\xf4\xf3\xe6\x13\x1f\'\xcf\x9aPR\\*I\x1e\xf8\xb6\xc8\xb2\\Th\xea\xffb\x9ff\xe1O\n\x82\xc0\x96\x84\xea\xe7&amp;\x80%n\xeb\xd6\xad\x83\x83\x83\t!\xc7\x0e~g\xb7+\x82\xe0\xf6\xbf\x08A\x10\xedv\xe5\xd8\xc1\xef\x08!\xc1\xc1\xc1l\xebS\x0f\x1b^\x80\xfb\xe2\xfaB\xd44M\x10\x04\xc7\x89\x8f\xe3\xa7\xbfQ\xb3v\xe8\xf5\xeb\xd7\xa9FU\x8f\xa3\xa9\x9a\xcdf\xf3\xf6\xf1\x992k\x02\xa5\x94-\t\xd5\xcfM\x00[\x9c\x1a\x18\x18\x18\x1d\x1dM\x08\xf9\xeeH\xfa\xe5\x8b\x97\xbd\xbd\x8d:\xc9\xa7\x87C)\xf5\xf66^\xbex\xf9\xbb#\xe9\x84\x90\xe8\xe8\xe8\xc0\xc0@v\xd5\xb9\xbai\x00\x84\x10\xe2\xf6\xcb\x1c\x1f\x1a+\xfedff\xae\\\xb9R\x10\x84V\xad#_\x1d;TS\xb5\xe0j\xc1\x1e\xfc\xf1TU\xadw\xbf^\xfd_\xfcf\xeb\xba\xed+W\xae\x1c:thDD\x04{+\\\xdd4\xa2i\x9a,\xcb\x03\x06\x0c\xf8\xfa\xeb\xaf-f\xcb\xc1}\x87\x87\xbe\xferii\xa9\xfb.\xc6UU\xd5\xb7\x8a\xcf\xc1}\x87-f\x0b\xb9Q\xe0RUU\x0f\xef6\x00\xe19\x00X\xfd\'&gt;&gt;^\xb1+\x84\x906\xcfD\x7f\x9bv\xd4Td\x96%\xc9\x8d\xc7\x9c\xf7$\x10\xa2j\x9ao\x15\xdf\x16\x91O\x7f\xb9y\x87\xddn\x9f&lt;y\xf2\x81\x03\x07tr\x13\xc0\x96\xfd\xc4\xc5\xc5\x05\x04\x04\x98L\xa6\x94\xafv\xbf&lt;\xe2\x05\xb7\xae\x02\t\x82\xa8\xaaj\xcaW\xbb\t!\x01\x01\x01qqq\xe4\xc6\xcb\x04\xd0\x03N\x03@UUI\x92\xb6o\xdf\xbe{\xf7n\x83\x97AS\xb5\xa4w\x92\x93\xdeIvu\xbb\x9cG\x92$//\xafC\x87\x0em\xdf\xbe\xbdo\xdf\xbe\xec\rqm\x93X\x15\xa8f\xcd\x9a\xed\xdb\xb7\xff\xea\xab\xaf\xd2\x8f\x9e\xb8t\xf1r\xadGj\xb9\xe3^\xdc\xe4F\xfd\xe7\xd2\xc5\xcb\xe9GO\x10B\xda\xb7o_\xb3fM\x9d\xdcl\x010&lt;^\x8bl\xeco2\x99\xdex\xe3\rJ\xa9\xddfWu\xb3"\xdeiTU\xb5\xd9l\xaa\xaa\xbe\xf1\xc6\x1b&amp;\x93I\'\x1b\x04\xb1{\x11\xf6\xa8\x14\xab\x02\xf9Vq\xd7\'\xf2n\xa9\xff\xb0\x17\xa5\x93\x9b-\x00\x86\xd3;\x006\xa2\\\xbbv-\xeb\xf8\xdcq\x80Y~\xec\x85\xb3.I\'\xcb\x81&lt;\xa9\n\x84\xfa\x0f\xe8\x1f\x8f\x01\xc0\xba\xfb\x80\x80\x80\xce\x9d;\xbb\xba-:\xa2\x87\x14\xf4\x98*\x10\xea?\xe0\x16x\x0c\x00\x86R\x8a\xfbqF\x14E\xfdt\xaf\xac\x97\xec\xdf\xbf\xffW_}\xe5\xbek\x81\xeeV\xffA\x00\x80\xae\xb8\xd3\x87\xaab\t\x82\x80\xfbq\x1d\xf2\x8c*\x10\xea?\xe0\x16\xdc\xecs\x05\x1e\xef\xe6*\x10!\x84U\x81\xdc\xeb\x89\xb0\xbb\xd5\x7f\xf4s\x9b\x05\xc0 \x00@w\xdc}-\x10\xd6\xff\x80\xbb\xe0\xb7\x04\x04\xba\xe5\xeeU \xcf\xa8\xffh\x1a\xd54\xcd\xado\\\xb4?\xb8\xcd\xbd\xa3\xf3!\x00@wn_\x0b\x94}\xe1\xd2#\x8f\xd6\xb6Y\xdd`-\x10\xa5\xd4\xdb\xc7\x98}\xe1\x92\xbb\xaf\xff\xf1\xf1\xf5\xae\xea[UUTIv\xb3\xe8rP\x15\xb5\xaaoU\x1f_oW7D\xbf\x10\x00\xa0G\xac\xc7\xec\xd7\xaf\x1f[\x0b\xf4\xc3\x89\xd3\x8d\x1a7(+-\xd3\xff8\x9a\x1d\x00\xf0\xc3\x89\xd3\xac\xfe\xd3\xaf_?\xe2V\xeb\x7f\xd8\xe2\x08Q\x14\xdfz\xf3\x9d\x0f\x96|\xc4\xce\x8dpu\xa3\x1e\x12\xa5T\x96\xe5\x82\x82B\x83\xc1\xe0\xd6\xb72\x95\x07\x01\x00z\xc4\xba\xcb6m\xda\x18\x8dF\xab\xd5\xbao\xe7\x81\xbe\x83{\xbb\xbaQ\xf7M\x10\xf6\xed&lt;@\x081\x1a\x8dm\xda\xb4!n\xb5\xff\xb3\xddng\xdb\xc7\x9e9\xf5\xa3\xab\xdbR\xc1\xecv\xbb\xab\x9b\xa0;\x08\x00\xd0#\xb6Ou\xa3F\x8d"""\x8e\x1c9rh\xff\xe1\x9c+9U\xfd\xaa\xea|@J)\xf5\xf2\xf2\xca\xb9\x92sh\xffaBHDDD\xa3F\x8d\xdce\xf8\xcf\xde\xd8\x90\x90\x90N\x9d:\xb1\x06\xeb\xf9\xad\xbe\x7fl\xfd\x98\xa6i!!!\xc4S^TEA\x00\x80N\xb1\xdd\xa1\xfb\xf6\xed{\xe4\xc8\x91\x9c\xab\xb9G\x0f\x1f\xef\xd1;\xae\xa4\xa0D\xcfU UU\xabT\xf5\xdd\xb3\xf3x\xce\xd5\\BH\xdf\xbe}EQT\x14\xc5-\x02\x8052&lt;&lt;|\xdf\xbe}\xaenK%r\x8b\xdf\x85\xd3 \x00@\xa7\xd8\x07\xb5W\xaf^\xb3f\xcd\xb2Z\xad\xbb\xbf\xda3\xe4\x85\x17%Y\xd6y\x00\x04y\x05\xee\xfej\x0f!\xc4h4\xf6\xea\xd5\x8b\xb8[\x8fC)u\xa3G.\x1e\x88 \x08\x18\xfe\xdfB\x17[\x80\x01\xdc\x11[;\xdf\xae]\xbb\xa3G\x8f\x06\x05\x07\xbd0|\xd0\x1f\x9b\xf7\x11=~\x8c)\xf9cs\xbd\xf5\x9fn*,(\x8c\x8e\x8e&gt;t\xe8\x10q\xb7\x00\x00\xae\xe0\x0e\x00\xf4\x8bU\x81\xfa\xf4\xe9s\xe4\xc8\x91\x82\xfc\x82\x15\xef~\xe8\xea\x16=\x80&gt;}\xfa\xb8Q\xfd\x07\xf8\x84;\x00\xd0/6}\x9a\x95\x95\xd5\xa1C\x07\x9b\xcd&amp;I\x12%z\xbf\\\x05"\xa8\xaa\xea\xe5\xe5\x95\x96\x96\x16\x16\x16\xe6.3\xc0\xc0\'\x04\x00\xb8\x01\xb3\xd9\xac\xaa\xaaN\x0e-\xb87\xd6HI\x92\xfc\xfd\xfd]\xdd\x16\x80?\xe1\x06\x9f(\xe0\x9c\x9b\x9e\xd8\xe3\xa6\xcd\x06\xae \x00\xc0\r\xb8\xe3U\x8a\xde\x1f\xf4\x0f\x01\x00\x00\xc0)LO\x01\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x92]\xdd\x80\xf2\xa2\x94\xba\xba\t\x00\xc0)A\x10\\\xdd\x84r\x11\xd0\x81\x02\x00\xf0\xc9\xbd\xef\x00(\xa5f\xb3Y\xd34A@\x92\x01\x80\xf3\xb0&gt;\xc7\xcf\xcfO\x96\xdd\xb8\x17u\xd7\xa6SJ\x05A0\x99L\xadZ\xb52\x99L\x08\x00\x00p&amp;Q\x145M\xdb\xbe}{\xbbv\xedTU\x95$\xc9\xd5-z\x18\xee\x1a\x00\x8c\xaa\xaa\x17.\\pu+\x00\x80S\xd7\xaf_wu\x13\xca\xc5]\x03\x80\xcd\xbdT\xa9Re\xd1\xa2Eeee\xaen\x0e\x00\xf0\x85U\x1d\x9a4iB\x08\x11Ew]N\x89\xca\t\x00\x00\xa7\xdc\xf5\x0e\xc0AQ\x14W7\x01\x008%I\x92[\xaf\x04\xc5\x1d\x00\x00\x00\xa7\xdc\xb5t\x05\x00\x00\xe5\x84\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b2\xab\x1b\xc0\x05J\xa9\xa6i\xec?d\xf9^\xef\xb9\xaa\xaa\xec?DQ$\x84\x08\x82\xe0\x84\xe6\x01\x00\x9f\x04J\xa9\xab\xdb\xe0\x81X\x8fO)\x15\x04A\x14\xc5\x87\xee\xc7UU-\xff7\x01\x00\xb8#\x04@\xc5c]\xf6\xcd_),,\xbcx\xf1bAA\xc1\xd9\xb3g\xc7\x8c\x19\xe3\xe5\xe5u\xb7\x7f\xb5v\xedZ\x1f\x1f\x9f\xd0\xd0\xd0\xc7\x1f\x7f&lt;88\x98\xdd\x070\x9a\xa6\xdd\xfc\x7f\x01\x00\xca\t\x01P)TU\xcd\xc8\xc88r\xe4\xc8\xe9\xd3\xa7\xcf\x9e={\xf1\xe2\xc5\xdc\xdc\\\xf6G\xe7\xce\x9dk\xd2\xa4\xc9\xed\xbd9\xa5TQ\x94G\x1f}4\'\'\x87\x10R\xadZ\xb5\xda\xb5k7n\xdc\xb8E\x8b\x16\xd1\xd1\xd1\x7f\xf9\xcb_\xfc\xfc\xfc\\\xf0J\x00\xc0s!\x00*\x92\xaa\xaa\xa2(~\xf6\xd9gK\x97.\xfd\xe9\xa7\x9f\x1c\x05}\x87\xa0\xa0\xa0\xe9\xd3\xa7O\x9b6MUUI\x92n\xfe\x87\x92$\xa5\xa5\xa5\xf5\xef\xdf\xff\xda\xb5k\xb7\x7f\xe7\xc7\x1e{\xacO\x9f&gt;\xcb\x96-\xbb\xfd\xf6\x02\x00\xe0\xe1`\x12\xb8"\xb1\xde\xd9\xdb\xdb\xfb\xcc\x993\xec+\xf5\xeb\xd7o\xd2\xa4IdddDDD\xb5j\xd5\x9ex\xe2\t6\xf0\xbf\xb9\xf7w\xfc\xdf\xf0\xf0\xf0\xcc\xccLV,JOO?q\xe2\xc4\xf9\xf3\xe7\xcf\x9f?o\xb5Z/_\xbel6\x9b\t!\xaa\xaa\xde{\x1a\x19\x00\xe0&gt;\xa1+y`\x94R6`\xbf}$\xce\xbeR\xbf~\xfd\x1e=zt\xed\xda5::\xbaY\xb3f\xbe\xbe\xbe\xf7\xf9\x9d\xfd\xfd\xfd\t!\x91\x91\x91\x84\x90\xae]\xbb\x12BTU\xcd\xcc\xccLOO\xdf\xbd{7\xfb\xfa\xdd\x86\xff\x8a\xa2\xdc\xb1I\x00\x00w\x83\x12\xd0\x83\xb9\xa5tsG\x8a\xa2\xdc&lt;H\xd74M\xd34\xd65\xdf{q\'\xfb]8\x16\x8c\n\x82p{\x99\xe8\x8e\xff\xd01\xa3p?\xcd\x03\x00`\xb0\xaa\xe4~\xb1IZI\x92TU]\xb7n\x9d\xc5b!7\xba\xec[\xc8\xb2\xaci\x9a\xa2(l\x11\xa7(\x8a\xb2,K\x92\xc4F\xe8\xf7\x18\xa4\xb3?e\x7f\x93\xfd\x13\xb6\x9c\x94}\xab{\xf4\xec\xa2(~\xf1\xc5\x17999\x8e\x7fR!/\x19\x00&lt;\x1b\x02\xe0\xbe\xa8\xaa*\x08\x82,\xcb{\xf7\xee\xed\xd0\xa1\xc3K/\xbd4b\xc4\x08\xb3\xd9L)\xbdc\x068:\xfdr\xd6d\xd8\x13\x00\xec[\xdd\xf1/\xb0xX\xbat\xe9\x90!C"##\xd7\xacY\xc3\xfe\x89\xa2(\xe5\xf9\xb9z\xa3\xba!W\xbfg\x00\x7f\x0e%\xa0?\xc7J:\xf9\xf9\xf9\xd3\xa6M[\xb3f\r{\xc7\x1a6l\xb8e\xcb\x96\xf0\xf0p6\xc6wI\xc3XK\n\n\n\x06\x0e\x1c\xb8o\xdf&gt;\xf6\xc5.]\xba,Z\xb4(""BUU&lt;&gt;\x06\x00\xf7\x80\x00\xb8\x176\xc0\x17E1%%e\xfc\xf8\xf1\x99\x99\x99\x84\x90\x9a5k\xbe\xf9\xe6\x9b\xa3G\x8f\x96eY?\x8b2\xbf\xf9\xe6\x9b\x84\x84\x84\xd3\xa7O\x13B\x02\x03\x03\xe7\xcf\x9f?n\xdc8\xe2\x11\x8f\x8fi\x9a\xf6\xed\xb7\xdf\xda\xedvW7\xe4\x01\x18\x0c\x866m\xda\xb8\xfb;\x0f\x9e\x8f\xc2]\xb0\xbd\x1c(\xa5s\xe7\xceu\xbc]\x83\x07\x0f\xfe\xed\xb7\xdfn\xf9\x0b.\xc7Zb\xb5Z\xe7\xcc\x99c4\x1aYS\x07\x0e\x1cXPP@\xf5\xd4\xce\x07\xa5(\n\xa5\xf4\xe8\xd1\xa3\xae\xf9l\x94\xcf\xd1\xa3G\x1d/\x01@\x9f0B\xb93z\xa3\xba\x12\x13\x13\xc3\x02 $$d\xc3\x86\r\xeb\xd7\xaf\xaf]\xbb6\xfbT\xebd\xecO\x08\x11\x04AUU//\xaf\xb9s\xe7\xa6\xa6\xa6\xb6l\xd9\x92\x10\xb2y\xf3\xe6\xc8\xc8\xc8\xf4\xf4trce\x91\xdba\xbf\x85m\xdb\xb6\xdd\xb2 J\xe7\xd8\xdc\xcf\xb6m\xdb\xc8]\x96\t\x00\xe8\x04\x9e\x03\xb8+J\xa9\xd1h\xf4\xf6\xf6&amp;\x84t\xe8\xd0a\xf5\xea\xd5aaa\xac\xb0\xae\xc3G\xb1\xd8\xfa\x1fUU\xa3\xa2\xa2\xf6\xef\xdf?y\xf2\xe4U\xabVY\xad\xd6\xea\xd5\xab\x13\xb7\xddUT\x92$\x9b\xcd\xb6c\xc7\x0eBH\x9d\xba\x8f\xbc\xb5l.\xd5t\xdd\xa1\n\x84\x08\xa20k\xe2\xdc\xff\xbb\xf4\xcb\x8e\x1d;\xdez\xeb-\x83\xc1\xe0\xeaF=0O\r-7\xfd\x14T*\xddud:!\x08\x02\xa5\xb4J\x95*\x8b\x17/\xaeW\xaf^rr\xb2$I\xb7,\xf0\xd7\x1b\xb6NIUU??\xbf\x8f?\xfe8,,,$$\xa4^\xbdz\xaa{&gt;\x1c\xc0\x9a}\xf2\xe4\xc9\xf3\xe7\xcfSJ\xbb\xf6\xe8\xd2\xe7\xb9\xde\xf9\xc5\xf9\xb2\xac\xdf\xd7\xa2(j\xb5\xaa\xd5\xd2\xf6\x1cZ\xb5\xe2\xd3\xf3\xe7\xcf\x9f&lt;y2**\xca\xed\xde\x7ft\x94\xfc\xd0ow\xe6rl\x06\xafY\xb3f\x1f|\xf0\x01!D\xd34=\xf7\xfe\x0e\xecV\x80\x102u\xeaTB\x08\xa5\xd4\xbdz\x1f\x07G\xfd\x87\xcdcwy6&amp;\xbf8\xdfb\xb6\xe8yf\x95\x95\xda\xba&lt;\x1b\xf3\xc9\x07\x9fi\x9a\xb6m\xdb\xb6\xa8\xa8(\xf7\x1aP+\x8ab\xb1X\xd8\x00\xc8\xd5m\xa90\xec\xe5\xf8\xf9\xf9\xb9\xc5G\xd8\x99&lt;\xea\xd7\\I\xd8s\xbcn7,r\xd3f;PJm6[xx\xf8\xb9s\xe7\x1a\x865\xf8\xcf\xe1\x7f\t\x82\xa8\xff\xcbU\x10\x04J\xb5g\xdb\xf6\xbe\x98\x95\xdd\xb4i\xd3S\xa7Nyyy\xb9\xc5o\x81\xdd\xa9\x1c&lt;x\xf0\xb9\xe7\x9ecW\x8e \n\x84\x12\xe2\x06m\xbf\x0bJ\x88@\xe8\x8d5\x10_~\xf9e\xfb\xf6\xed\xdd\xee\x86\xacR!\x0f\xff\x9c\x9e\x87\x9c\xf7\xe0\xa6\xcdf\xd8\xa7\xf4\xcc\x993\xe7\xcf\x9f\'\x84\xc4t\xeb\x14\x10\x14\x98\x7f-_\xff#8\xbb\xdd^-\xa4ZL\xb7N\x17\xb3\xb2\xcf\x9f?\x7f\xe6\xcc\x99\x96-[\xbaQ\xa7c\xb7\xdb\x0b\x0b\x0b]\xdd\x8aJ\xe1^+\x89\x9dC\xef\x1f\'\xa7\xa1\x94j\x9a\xe6.\x9f\xd2\xf2plL\xa4\xe7a)\x1b\xe9\x1f8p\x80\x15U\xdauj\xa3*\x8a\x9e\x1b\xec \x08\x82\xaa(\xed:\xb5Y\x95\xfc\x89\xa6i\x07\x0e\x1ch\xd9\xb2\xa5\xfeo\\\x1c\x84\x1bz\x0f\xec\xd5 \xac^Y\x99U\x14\xdcu$\xa1Q\xcd\xdb\xdb\x98\x9du\xe9_\x9b\xff\xad\xabe{\xfa\x81\x00\xf8\x83{-4,\x0f\xc7\x9d\x81\x9e?\x12\xa2(\xb2\x1a:!$\xb4f\x8d\xa7\xc2\x9f,-)s\x8b{\x1aQ\x14KK\xca\x9e\n\x7f2\xb4f\x8d\x9c\xab\xb9\xdb\xb6m\x9b8q\xa2[\xb4\xdc\x81\x15L^|up\xf7.]\x8b\xac&amp;I\xc7\xb3\xee\xf7\xa6*j\xa01\xe0\x9b=\xbb\xb6o\xfc\x97\xab\xdb\xa2S\xbc\x07\x00\xbb\xd6\t!\xbdz\xf5\x1a9rd\\\\\x9c\xbbTl\x1f\x02[\'z\xfe\xfc\xf9i\xd3\xa6\xfd\xfd\xef\x7f\xbf\xe3\xc1dz\xc0Zu\xfe\xfc\xf9\x13\'N\x10B\xdavlS\xbbN\xad\x82\xfcB\xb7HhA\x10l6[\xed:\xb5\xdavl\xb3}\xe3\xbfN\x9c8q\xe1\xc2\x85\xc6\x8d\x1b\xeb\xf3\xad\xbe\x07S\x91\xe9Z\xf15S\x91\xd9-\xde\xf6;RU\xd5\x1eh3\x15\x99\\\xdd\x10\xfd\xe2=\x00TU\x95ey\xd2\xa4I_\x7f\xfd\xf5\xd7_\x7f\xfd\xe1\x87\x1f\xbe\xfe\xfa\xebnT\xb1\xbd\x7f\xac\xf2s\xf2\xe4\xc9\xf6\xed\xdb[\xad\xd6\x82\x82\x82\x83\x07\x0f\x12]\xde\x07\xb0\xbe\xf2\xdf\xff\xfe\xb7\xd5j%\x84\xc4\xf5\x8cu\xbb\x07\xd94M\x8b\xeb\x19\xbb}\xe3\xbf\xacV\xeb\xbf\xff\xfd\xef)S\xa6\xb8]\x00\xb0-i\xef\xb1\x11\xa1\xfe\xb1\x85\xd1\xee\xdb~\'p\xa7+\xb2\xc2\xb1\xde\x7f\xeb\xd6\xad\xcb\x96-#\x84t\xed\xdau\xe8\xd0\xa1\x9e:\x13\xc0\x8a*\xadZ\xb5JHH \x84\x1c9rd\xca\x94)\x92$\xe9\xb0oeM\xdd\xbe};!$\xb4f\x8d\xa8\xb6\xadJ\xae\x97\xbaQ\xef)\x8ab\xc9\xf5\xd2\xa8\xb6\xadBk\xd6 \x84l\xdf\xbe\xdd\xedz\x7f\xe0\x04\xbf\x17%\x1b\x11_\xbdzu\xec\xd8\xb1\x84\x90\x9a5k~\xf1\xc5\x17\xec\xb9_O\xc5\xba\xfby\xf3\xe6\xc5\xc6\xc6\x12B\x92\x92\x92v\xef\xde\xcdN8pu\xd3\xfe\x8b\xf5\x95\x17.\\p\xd4\x7fBk\x87\xdal6\xbd\xdd\xa6\xdc\x03\xab\x02\x85\xd6\x0em\xdb\xb1\r!\x84U\x81X\xaa\xb9\xbai\x00\xff\x83\xdf\x00\xa0\x94\x8a\xa28t\xe8\xd0\xdc\xdc\\A\x10\xbe\xf8\xe2\x8b\xd0\xd0P\xb6\xd3\x83\xab\x9bV\xb9(\xa5k\xd7\xae\xadQ\xa3\x86 \x08\xaf\xbc\xf2Jaa\xa1\xae\x9e\xfaa\xbd\xe4\xcd\xf5\x1f\xea\x9e\xfd&amp;\xd5\xb4\xb8\x9e\xb1\x84\x10V\x05"n\xbb#\x13x0\x0f\xef\xec\xee\x86U\xf9\xb7n\xdd\x9a\x92\x92B\x08\x193fLll,;\xf0\xcb\xd5M\xab\\l\x1c\x1a\x1a\x1a\xbab\xc5\nJ\xe9\xd5\xabW</t>
        </is>
      </c>
    </row>
    <row r="99">
      <c r="A99" s="1" t="n">
        <v>97</v>
      </c>
      <c r="B99" t="inlineStr">
        <is>
          <t>shape_size_hexagon</t>
        </is>
      </c>
      <c r="C99" t="inlineStr">
        <is>
          <t>What is the size of the missing shape denoted with a question mark if it is a triangle?</t>
        </is>
      </c>
      <c r="D99" t="inlineStr">
        <is>
          <t>['large', 'small', 'medium']</t>
        </is>
      </c>
      <c r="E99" t="inlineStr">
        <is>
          <t>medium</t>
        </is>
      </c>
      <c r="F99" t="inlineStr">
        <is>
          <t>There are 7 shapes with different sizes in the image, of which there is a missing triangle in the center. The other shapes are arranged around the center, which are ['square', 'triangle', 'pentagon', 'square', 'triangle', 'pentagon'] in anti-clockwise order. Their corresponding sizes are ['large', 'medium', 'small', 'large', 'medium', 'small'].</t>
        </is>
      </c>
      <c r="G99" t="inlineStr">
        <is>
          <t>We observe that the squares are large size, the triangles are medium size, and the pentagons are small size. Hence, the pattern is that each shape appears with a distinct size.</t>
        </is>
      </c>
      <c r="H99" t="inlineStr">
        <is>
          <t>Based on the pattern that each shape appears with a distinct size, the size of the missing triangle should be medium.</t>
        </is>
      </c>
      <c r="I99" t="inlineStr">
        <is>
          <t>b'\x89PNG\r\n\x1a\n\x00\x00\x00\rIHDR\x00\x00\x02\x00\x00\x00\x02\x00\x08\x02\x00\x00\x00{\x1aC\xad\x00\x00B\xc8IDATx\x9c\xed\xddy|U\xc5\xfd?\xfeY\xce\xbd\t\x89I\x08\xbb\x88+\x8bU\xd1\x96 \n\xca\x12\x17 .\x15\x10\x04S\x11\xf0+\x8a\x05\x1aY5|0j\x90Zm\xd9\xacKKK\x8b\xc8\x87\xa5 \xf6W\xd7\x82e/(Ub\x15\xaa\x85\x08\xf5\x83\xb5\x89@\x96\x9b\x84\x90\xdc{f\xe6\xf7\xc7;\xb9\x8d\x01\x15\xe1\xde\xdc\xdc3\xaf\xe7\xa3\x8f&gt;$\xebIr\xcf\xbcf\xde3g\x86\x1bc\x18\x00\x00\xd8G\xc4\xfa\x02\x00\x00 6\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xcd\x18c\x8c\x89\xf5U\x00@l8\xb1\xbe\x00\x88\x19c\x0c\xe7&lt;\xd6W\x01\x001\x83\x11\x80\xa5\xa8\xf5\x1f7n\xdc\xbf\xff\xfdo\x8c\x03\x00\xec\x84\x00\xb0\x91R\x8as\xbei\xd3\xa6e\xcb\x96-^\xbc\x98s\xae\xb5\x8e\xf5E\x01@S\xe3\xe8\xfa\xd9\x86\xfa\xfbZ\xeb\xee\xdd\xbb\x7f\xfa\xe9\xa7&gt;\x9f\xef\xef\x7f\xff{\xb7n\xdd\x8c1B\xa0C\x00`\x11\xdc\xf0\xd6\xd1Z\x0b!\x16/^\xbco\xdf&gt;)eMMMNN\x0e\xe7\xe8\n\x00X\x07\xb7\xbd]\xa8\xd4s\xf8\xf0\xe1K/\xbd4\x10\x080\xc68\xe7J\xa9\xf5\xeb\xd7\x0f\x1a4H)%\xa5\x8c\xf55\x02@\x13\xc1\x08\xc0.T\xe7\x995kVYY\x19\x95\xfei68\'\'\xc7u]\x8c\x03\x00\xac\x82\x00\xb0\x08\x15\x7fv\xef\xde\xbdj\xd5*!\x04\x8d\x06\xe8\x8d\xfb\xf6\xed[\xbcxq\xf8\x8d\x00`\x03\xf4\xf8,B\x15\x9e\xcc\xcc\xcc\xad[\xb7J)i-\x10\x8d\x008\xe7iii\x1f\x7f\xfcq\xbbv\xed\x18c\x98\r\x06\xb0\x01\xees[P\xeb\xbfv\xed\xda\x13[\x7f\xaa\x0b\x95\x95\x95\xcd\x9a5K\x08\x81&gt;\x01\x80%0\x02\xb0\x02\xad\xfbTJu\xef\xde\xbd\xb0\xb00\\\xeaIn\x91x\xecx\r}\x8c\x10\xc2q\x9cw\xdey\'##\x83\xeaB1\xbdd\x00\x88:\xdc\xe4V\xd0ZK)\xe7\xcd\x9bWXX\xe88\x8e1F\x08\x9e\x9ar\xd6\x86?\xfe\xee{]/\xe4\x9c\x0b\xc19\xe7\xc1`p\xca\x94)J)t\x0b\x00l\x80\x00\xf0&gt;\xea\xce\x1f8p\xe0\xe9\xa7\x9f\x16B(\xa5\xa4\x14Z\x9b\xc9\xf7\x8c\xbaf\xf0\xcd\xd3\'\xdcm\x8c\x11\\(\xa5\x1c\xc7\xd9\xbe}\xfb\xca\x95+\xa9F\x14\xeb\x0b\x07\x80\xe8B\t\xc8\xfb\xa8\xfa?v\xec\xd8\x97^zIJi\x8c6\x86]p^\xc7\xdd\x9b\xd6\xb6HLp\x12\xfc\xd7\xdd2\xe6\xaf\xbb&gt;\x90R\x18\xc3\x8c1\x17]t\xd1\xee\xdd\xbbSRRhr8\xd6\x97\x0f\x00\xd1\x82\x11\x80\xc7Q\xeb\xbfm\xdb\xb6\x15+V\xd4\xcf\xfd\nc\xccS\xff\x93\x93\xde\xa1\xad\xa9\r:R.\xcc\x9f\xe1\xf7\xfb\x8c\xa9\xab\x14\x1d8p`\xd1\xa2E4V\x88\xf5\xe5\x03@\x14a\x04\xe0q\xd4\x88_\x7f\xfd\xf5\xdb\xb6m\x93R2f\x94\xd2\xfd\xfb\xf4\xdc\xfa\xe7\x15\xa1@\x85\x90R\xb9\xae\xbfm\x9b\xb1c\xa7\xbc\xb4\xf65\xc7\x91Ji!\xc4Yg\x9dUPPp\xe1\x85\x17b\x83 \x00\x0f\xc3\xbd\xede\xae\xebJ)W\xae\\I\xad\xbfR\xca\x18\xe6\xf7\xfb\xe6=6\xcd(e8g\x8cq)Ue\xd5\xcf\xf2\x1el\x95\x9e\x16~\n,\x10\x08&lt;\xfc\xf0\xc3x0\x18\xc0\xdb\x10\x00\x9eE\x9d\xf7\x8a\x8a\x8a\xfc\xfc|j\xca\xa5\x94Z\xeb;\x87d\xf5\xea\xdf;TY%\x85`\x8c\t\xceUMM\xc7.\x17L\xbd\xef.\xad\x8d\xac\x9b%\x96/\xbf\xfcr\xf8\x89\x81X\xff(\x00\x10\x15\xe8\xe2y\x16\xb5\xe3\xb3g\xcf~\xf2\xc9\'\xa9\xe9\xe7\x9c\xb7LK\xd9\xb3u]\xfb\xf6mu($\xea\'x\x8da\x8c3\xc5\xf9\x15\xfd\x86\x15\x1e&lt;D\x13\xbf\xc6\x98\x8c\x8c\x8c\x1d;v\xf8|&gt;\xcc\x06\x03x\x12F\x00\xdeD\xd3\xb9\x85\x85\x85\xf3\xe6\xcd\xa3\xd6_\n\xa1\xb5\x9ez\xdf]\x1d\xbb\\\xa0jjD\x83\x06\x9ds\xa6\x95J8+\xe9\x99\'f\x1ac8\xff\xef\xaeA\xabW\xaf\xc6\x06A\x00^\x85\x11\x807Q\xf7\x7f\xe4\xc8\x91k\xd7\xae\x95R\xd2!0]/:\xef\xa3\xed\x7f\x94\xc60\xc3N\xec\xd0k\xad})g\r\x1ar\xcf\xdb[\xdf\xa5\x07\x058\xe7\xed\xda\xb5\xfb\xf8\xe3\x8f\xd3\xd2\xd20\x08\x00\xf0\x1e\x8c\x00&lt;\x88Z\xff\xad[\xb7R\xeb\xaf\x94\xe2\x9c\x19c\x9eybf\xc2YIZ\xa9\xafk\xc9\x8dR\xcf&lt;\xf1\x90\xe3Hz \x80s^\\\\\x9c\x97\x97\x87A\x00\x80\'!\x00\xbc\x86\x1a\xee\xda\xda\xda\xe9\xd3\xa7\xd7\xcf\xfd\n\xa5\xf4\xc0\x01\xbd\xb3n\xbe!\x14\xa8\xfc\xba#_\x84\x10\xa1\xaa\xeaK2\xba\xdf?z8U\x90\x94R\xe1\xb3\xc3\x90\x01\x00\xde\x83\x00\xf0\x1a*\xdf\xaf^\xbdz\xf7\xee\xdd\xd4j\x1b\xc3\x1cG&gt;\xf3\xc4C\xe6\xdb\xd6\xf3\x08)\xf4\xb1\xea9\xb3~\xd2\xbe]\xeb\xf06\xd1\xae\xeb\xe2\xccH\x00OB\x00x\n\xb5\xdaeee\xb9\xb9\xb9\xd4\xfa\xd3\x0c\xf0\xfd\xa3\x87_\xd2\xa3{\xa8\xaa\xfa\x9b\x9f\xea\xe2\x9c\x87jj[w\xea\xf0d\xeed\n\x12\xaa&amp;m\xd8\xb0!\\Mj\xb2\x9f\x05\xa2Mk\x8dQ\x9d\xe5\xd0\xad\xf3\x14j\xaf\'O\x9e\xfc\xfc\xf3\xcf\x87\x97~\xa6\xa5\x9eU\xf8\xee\xeb\xe9\xe9\xa9:\xe4~\xebD\xaea\x8c1\xe3\ny\xcd\xa0\xec\x0f\xf6\xfc\x93\x02\xc3\x18\xd3\xa5K\x97\xbd{\xf7:\x8e\x83\xd9`o\x08\x9f\xff\x8c\x83\xa0m\x86\x11\x80w4:\xdc\x91*\xf8Z\xeb\xfc\xe9\x0f\xb4\xee\xd4\xc1\xad\t\x9eJ\xc3\xcd\x19\xd3J\'&amp;\xb7X\x98?CJA\xe7\x06\x87W\x94b&amp;\xc0\x03\x8c1\xf4\x88\xf8g\x9f}\xb6k\xd7.\xea(\xe0\xcfj\'\x04\x80w4:\xde\x9d\x1a\xeb\x8c+.\x99p\xff\x8f\xdc@\xa58\xe5^\x9e\x942X\x16\x180x@\xf6\xb0\x9b\xa8{HY2\x7f\xfe\xfc\xe2\xe2bd@\\\xa3A\xa1\xe38\xeb\xd7\xaf\xef\xdd\xbbw\x9f&gt;}\xf2\xf3\xf3\x85\x10B\x08\xd7uc}u\xd0\xd4\x10\x00\x1e\x11.\xd6o\xd8\xb0\xa1\xe1\x89\x8f\xf3\x1e\x9d\xeao\x91\xf8\rK?O\x8a\x0b\xa9\x8f\xd7&lt;:\xfd\x81\xb4\xd4\x14*\x12r\xceKKKsss1\x1b\x1c\xbf\\\xd7\xa5\x86~\xea\xd4\xa9YYY_~\xf9%c\xec\xf1\xc7\x1f\xcf\xca\xca***r\x1c\xc7u]\xfcq\xad\x82\x00\xf0\x02\xea\xfb7\\\xaeC\x190\xe2\xd6\x1b3o\xec\x17*\xaf\xf8\xaeE^!x\xa8\xaa\xbak\x8f\xcb\x1e\x1c\x9f\xad\xb5\x96\xb2n6x\xf9\xf2\xe5\xe1}\xe5\xa2\xf4\xb3@4\x18c\xe8\xc0\x9f\xc2\xc2\xc2\xcc\xccL\xda\xee\x9b^*4\x1a\xe8\xd9\xb3\xe7\x9a5k\x1c\xc7a\x8ca\x84g\x0f\x04\x80\x17P\xf5?\xbc`\xdf\x18m\x8c\xf1\xfb}ss\'s\xadO\xf2\xd4\xef)\x90\x8et\xcb\xca\xa7L\x1aw\xe1\xf9\xe7\xd0\x1e\xd1\xf4\x8d\xf2\xf2\xf2\xd0\xfa\xc7\x17\x1a\x0eJ)W\xaf^\xdd\xa7O\x9f\x1d;v8\x8eC\xb5 )\x05\xcd\x07\x14\x15\x15\x8d\x1a5j\xea\xd4\xa9T\xeeC9\xc8\x12\x08\x80\xb8\x17^\xfa\x99\x97\x97Gs\xb6BH\xad\xf5\xf4\tw_\xdc\xe3\xb2`e\xd5\xe9m\xe8\xcf9\xd7\xc1Pz\xfb\xb6O\xfdO\x0e}\x8b\xf0\xd92tf$\xda\x88\xb8@\xed{ee\xe5}\xf7\xdd\x97\x9d\x9d]RRB\x7f;)\x85\xd6Z)-\xeb\xd7\x0b\x08!\x16-Z\xd4\xb7o\xdf\x82\x82\x02\xc7qp4\xb4\r\x10\x00q\x8f\xba\xffyyyeee\xe1U\x9b\xed\xdb\xb5\x9e6i\xac\xae:v\xeas\xbf\'\x92\x8e\x13*-\x1by\xe7\x90\xfe}zR\xebOI\x90\x9f\x9f_QQ!\x84@\x03\xd1\x9c\x19c\xb4\xd6\x8e\xe3\xec\xda\xb5+33s\xc9\x92%RJ\xea"8\x8e\xa3\x94\xbe\xac\xdbE7\xf4\xbfZ\xd5\x17|\x1a~\xf0\xb3\xcf&gt;K\x1f\x8c\xd1\x9e\xb7!\x00\xe2[x\xdb\xceFK?\x9f\xcc\x9d\xdc\xe6\xdcsB5\xb5g\xb8f\xdfpn\x94\x9a\xf7\xd84\xbf\xdfG\rJ\xc3\xf3\xe5Q,n\xb6\xa8\xec\xd3\xb0S\xdfpi\x80\xeb\xbaw\xdc6h\xdb\x9b\xcb\xff\xf2\xfaK\xf3\xf3g8\xb4_l\xdd\xc8@VVV\xe6\xe4\xe4\x8c\x1a5*&lt;\\\x88\xf5O\x03\xd1\x82\x15\x1d\xf1\x8d:\xe6\x99\x99\x99tx\x0b\xb5\xd1=.\xff\xde\xce\r\xab\x1c\xad\xd8\xe9\x95\xff\x1b}\x8b\xaf\x9e\x19\xe9\xbaZJ!\xa5\xdc\xbbwo\xd7\xae])\x12"\xf0\x93@\xe4\xb8\xae\xeb8NII\xc9\xc4\x89\x13\xd7\xacYC\xcf\xeei\xad\x1dG\xba\xaeJIN\x9a\xfb\xc8\x839\x0f\xdcmj\x83\xa1`\xd0\xdf\xa6\xd5_7\xef\xfc\x7f?y\xa4\xf0\xe0!z&amp;\x801F\xed~\xb7n\xdd~\xf9\xcb_\x0e\x1e&lt;\x98\xde\x88?\xb4\xf7\xe0/\x1a\xc7\xa8\xf5_\xbbvm\xf8\xe8.\x9a\xd6[\x98?#1\xb9\x85V:"\x0f\xecr)Ue\xe5\xcf\xf2\xa6\xa4\xb7L\xd5ZS\xa4\x04\x83\xc1\xd9\xb3g3\xc6\xd0\x81hV\xe8\x91.Z\xd8\xd3\xa7O\x1fZ\xd8C\x9b\x81K)\\W\xf5\xb8\xfc{\x9b__\x963e|\xb0\xf2\x98\n\xb9R\xca\xda#%}\xaf\xed\xf5\xb7\xcdk\xef\xbd\xebv\xaa\xfb\x0b\xce)B\xf6\xef\xdf\x9f\x95\x95\x85\x07\x05&lt;\x0c\x01\x10\xaf\xa8\x1c\xdf\xb0!\xa6\x0c\xc8\x1ev\xd3\x80\xc1\x03\x82e\x81H=\xdf/8W5\xc1\x8e\x9d\xcf\xcb\x9f\xf1\x80\xd6&amp;\xbcAP\xc3\xe0\x89\xc87\x823D\xcb\xfc\x85\x10\xf9\xf9\xf9YYY\x85\x85\x85\xb4\xb4_Ja\x8cQJO\x1e\x9f\xbd\xe5\xb5e={\\V\xfb\xe5Q)\x05\x17\x9c1\xe68N\xb0\xa22-\xc1\xbf\xe4\x85\'W\xfe\xe6\xe7\xadZ\xa6*\xad\xe9\x13\xe9\xab\xd1\x83\x02\xe1\xaf\x86\xc8\xf7\x12\x94\x80\xe2\x15\xb5\xc2O&gt;\xf9\xe4\xec\xd9\xb3i\xcd\x06\xe7&lt;\xe5\xac\xe4\xf7\xd6\xaf\xec\xdc\xf5\x02u\xbcV\x88\x88\xed\xd8C/\x11-\xc4\xe5}\x876:3\xf2\xddw\xdf\xa5\x15\xe5\xd8 (\x86\xc2\xcb\xfc\x8b\x8a\x8a\xee\xb9\xe7\x9e\xf5\xeb\xd7\x87\x97\xedR\xab\xdd\xaae\xea\x0b\xf3\xf2F\xfdh\x98\tT\x84B\xee\x89\x9d\x03*\x1e\xfa[\xa7\xef\xff\xc7\xfe{&amp;\xfd\xcf\xce\xf7&gt;\x14B0c\xb41\xf4\x15Z\xb7n\xfd\xc2\x0b/\x8c\x1c9\x92a\xfb \x0f\xc1\x08 .Q\xe5\xbd\xb8\xb8x\xfe\xfc\xf9\xf5]r\xa1\xb5~p|v\xd7\x1e\x97\x85\xaa\xaa#\xd8\xfa\xb3\xba\r\x82\x94?\xa9\xc5\x89gF\xd2\xe43f\x83c\x88~\xf9\x8e\xe3\xacY\xb3\xa6g\xcf\x9e\xeb\xd7\xaf\xa7e\xfe\xcc\x18\xaa\xdb\\\xd3\xeb\xfb\xeflX5*{h\xed\x91\x12\xa5\xf4I\xdbnzP\xa0\xf6hi\xb7\xce\xe7oy\xf5\xc5Gg&lt;\xa0\xb5\xd6\xc68\xf53\xc3%%%\xa3F\x8d\xca\xc9\xc9\xa9\xac\xac\xc4\xcc\xb0g`\x04\x10\x97\xa8\x0b6n\xdc\xb8e\xcb\x96I)\x8d\xd1\xc6\xb0\x8b\xce\xef\xf4\xde\xc6?\xa4$%2\xa5\xa3\xd1\x1f?\xe9\x99\x91iii\x07\x0e\x1c\xc0\x99\x91\xb1B\xaf\x04\xd7ug\xce\x9c\xb9h\xd1"\xc6\x18\x15\xe5\xc2\xa5\xb9Gg&lt;\xf0\xc8\xf4\t&gt;\xbf\xaf\xb6\xea\x18=\xe8\xfb\xcd\xb4\xd2B\n\x99\x9e\xf6\xe7\xd7\xde\xfe\x7f?\xc9+:|\xd4\x91\xd2\xad_S\xa4\x94\xca\xc8\xc8x\xe1\x85\x17\xae\xbe\xfaj\xcc\x0c{\x00\xfex\xf1\'\xfc@\xd6\xf2\xe5\xcb\xebvj\xe3\xc2\x18\xf3\xc8\x94\xf1\xe9g\xb7S\xc1P\xf4\x1ab\xa3\xd43s\x1f\xf2\xfb}\xe13#\xe9\x014\x0c\x02\x9a\x1e\x95}\xa4\x94\x05\x05\x05}\xfb\xf6\xa5\xdd\x1d\xa8\x8dv\xa4TJ\x9d\xdd\xae\xcd[\x7f\xf8U\xfe\x9c\x19B\xeb\xd0\xb1\xe3\xa7\xd2\xfa3\xc6\x84\x14\xc6\x98\xda#%Y7]\xff\xfe\xe6\xb5w\xfcp \xb5\xfe\xf4L\x80\xe38\'~\xbbh\xff\xa4\x10=\x08\x80\xb8\xa4\x94\xca\xcb\xcb\xab_\xb1\'\\\xa5\xfa^\xdd\xe3\xee\xbb\x87\x87J\xcaN\xf1&gt;?\rB\x88P\xd5\xb1K2\xae\x98&gt;\xe1\xeeFgF\x86O\x1f\x8b\xd2\xb7\x86F\xc2\xbb;,Y\xb2$33s\xd7\xae]ue\x1f\xc6\x18c\xaeR\x832\xfb\xbc\xbf\xf1\x0fY7__{\xa4\xc4\x18#\xe4w\xb8\xd3i\xbb\xd0\xda\xb2@\xc7\xb6\xad\xd7,\xff\xe5\xfc93\xa5\x08\xaf"u\xa9\xd1\x9f:u\xea\xa8Q\xa3\x8a\x8a\x8ah\xfc\x81BB\x9cB\t(\xce\x847e\x1b3fL\xb8\tv\x1c\xb9\xe3\xd5\x17\xaf\xbc\xbaG\xb0\xf2\x98\xfc.\xb7\xfawe\x8c\x11&gt;\xa7\xb4\xac\xa2{\xffa\x87\x8f\x942\xc6\xa89\x180`\xc0\x96-[07\xd84h\xec\x15\x08\x04f\xcc\x98\xb1d\xc9\x12\xf6\xd5\xb2\x8f#\xe5\xd3\x8fM\x9b\xf6\x93{X\xc8\xad=^\xe38\xa7\xff\x17\xa1D\xf1\xa5\xb7|\xf7\x9d\xf7\'N\xcb\xff`\xcf?\xa9\xf4g\xeag\x86\xcf&gt;\xfb\xec\xa5K\x97\x0e\x1e&lt;8b?\x1b4-\x8c\x00\xe2I\xf8\xce\xcf\xcf\xcf\x0f\xef\xfa\xa9\xb5\xbesH\xd6\x95\xfd{\x07+*\xa3\xda\xfa\xb3\xfa3#\xdb\x9c{\xf6\xcff\xfd\xc4\x98\xff.\t\xdd\xbau+\xce\x8cl\x1aZkc\xcc\x8e\x1d;\xae\xba\xea\xaa\x86\xbb;\xd0\x8e\xad]/:o\xf3\xabK\xa7\xcd\x98\x10\xaa:\x16\xaa\xad=\x93\xd6\x9f1FE\x9e\xda\x92\xd2\xdeW\xfd`\xcbk\xcb&amp;\x8f\xcfVJ\xd3\xab\x8e\x1e\x14(**\xa2\x07\x05\x8e\x1d;\x86\xaed&lt;\xc2\x08 \x9e\xd0]\x97\x9f\x9f\xff\xf8\xe3\x8f\xd7-\xfdd\xace\xcb\xd4=[\xd7\xb5o\xdfV\x87B\xa2I\xa6a\xb5\xd6"\xa9\xc5u\xb7\x8c\xd9\xfen\x81\x94\xc2\x18\xa6\xb5\xee\xda\xb5\xeb\xde\xbd{\xa5\x94\xb4*\xb4\t.\xc3B\xb4\xf8\xea\x9f\xff\xfc\xe7\xf7\xbf\xff\xfd`0H\xdd\xf0\xf0{\xef\xbd\xeb\xf6yO&gt;\xdc2-\xb56P\x11\xd9J\xa0R\xca\xe7sxZ\xea\x1fV\xfeq\xe2\x8c\xb9\xa5\xe5\x01\xea\x7f\x84\x1f\x10\x1b?~\xfco\x7f\xfb[\x0c\x01\xe3\x0eF\x00q\x83\xca\xee\x07\x0f\x1e\\\xb8pa\xdd\x90_\x08m\xcc\xd4\xfb\xee\xea\xd8\xe5\x02US\xd34\xad?\xa3\x87\xce\x1cg\xce\xcc\x1fK)\x18\xab\xdb\\\x8c\xce\x8c\x0c\xef%\x00\xd1@\xcd\xee\xf9\xe7\x9f\x7f\xfe\xf9\xe7\xd3\xa4\x0b-\xcei\xdf\xb6\xf5o\x16&lt;\xb6\xe4\xd7O\xa5\xfa\xfd\xc1\x8a\xca\x88\xcf\x03I)\x95\xd2\xb5GJFe\x0f}\xe7\xcf\xff\x9bu\xdd\xb5\xf4\xecGx!\xd0UW]\xc5\xf0Xx\x1cB\x00\xc4\r\xaa\xff&lt;\xfc\xf0\xc3\x81@\x801\xc69WZw\xb9\xf0\xbc\x99S\xc6\xbbe\x01!\xa35\xf7{")e\xb0&lt;\x90\x99u\x1d\x9d\x19\xe98uS\x11O?\xfd\xf4\x81\x03\x070\x1b\x1c=\xb4\x14\xa7E\x8b\x16\xc3\x86\r\xa3\xd1\x00\xfd\xb6\xaf\xbd\xea\x07\xf7=xomi\x99\x8eZ\x1f\x9cf\x86\x8f\x1f.\xe9\xf6\xfdK\x7f\x9e\xf7 \xbd\x85\x8e!JNN\xbe\xed\xb6\xdb\x18c\xe8\xfe\xc7\x1d\x04@|\x08\x97\xda_~\xf9\xe5\x86\xdb:\xce}xbBJ\xb2v\xbf\xdb\x89\x8fg\x8e\x0b\xa9\x8f\x1f\x7ft\xc6\x03\xa9)gim\x18cB\x88\x8a\x8a\x8a9s\xe6\xe0\xcc\xc8\xa8\xa2\xf2\xda\xed\xb7\xdfN\x83-c4c\xec\x9d\xf7?,\xfd\xf43\xbf\xdf\x1f\xed\xef.\x84\xd0\xaezs\xd3\x0e\xa5\xb4\x10\x9c\x1e\x02\x180`@\xfb\xf6\xedi8\x12\xed\x0b\x80\xc8B\x00\xc4\x01\xea\xfb\xd7\xd6\xd6N\x9f&gt;\xbd~\xeeW(\xa5\x06\x0e\xe8=*{h\xa8\xbcB\x9e\xd9\\\xdfi\x10\x82\x87\x8eUw\xfd\xfe\xa53\'\x8e\xa1\x19Hz^t\xc5\x8a\x15832\xaa\xa8\xcd\xbd\xfc\xf2\xcb\xa9\xcd5\x86\t!\x8b\xbe&lt;\xba\xe3\xdd\x02\x9e\x9c\x14\xed\xb1\x97\x94\x9c\xd5\xd6\xfe\xf1\xcdM\xac\xfee\xc9\x18\xbb\xf1\xc6\x1b\x19\x0e\x92\x8cO\x08\x808@\x83\xfd\xd5\xabW\x87\x97\xdb\x1b\xc3\x1cG&gt;\xf3\xc4C&amp;vO\xe4K\xc7qK\xcbg&gt;8\xbe\xcbE\xe7\xb9\xae\xa2\x86\xa9\xe1\x03\n\x10\rT\x05JJJ\x1a8p cLJI\x8f\xe2\xae{c#\x8b\xe8\xfe\x1f\'\xd2\xda8-Z\xec\xfbx\x7f\xc1\x9eO8\xe7Z\x1b\xa5\x94\xdf\xef\xa7e\xa0x$8\x1e\xe1o\xd6\xdcQ?\xab\xb4\xb4477\x97Z\x7f\x1a\xfb\xdf?z\xf8%=\xba\x87\xaa\xaacu\xe3q\xc6\xb4\xab\x12R\x92\xe7&gt;4\x91\xd57L\x8d\x1eQ\x8e\xc9\x85Y\x82\xf6e\xa3c\x1d\x19c\xeb\xb7\xec\x0c\x14\x1d\xf6\xf9}\xd1\xab\xbfi\xadXb\xe2koo\xa3\xed\xe4\xe8H\xb8\x8c\x8c\x8c\x8b/\xbe\x18\xc7B\xc4)\xfc\xcd\x9a;\xba\xb5\x16,XP\\\\L#n\xaduz\xcb\xd49\xb9\x93uu\xf5wz\xc23\xe2\xa4#C\xe5\x81Q?\x1a\x1a&gt;3\x92\n\xc1\xb9\xb9\xb9\xa5\xa5\xa5\x98\x0c\x88\x12jj\xfb\xf6\xed\xdb\xa1C\x87\xfau8\xb2\xf8p\xc9\xb6\x9d\xef\xf3\xa4(V\x81\xa4\x14\xfa\xf8\xf1W\xde\xa0\xfaO]\xc5\x7f\xf8\xf0\xe1\xe1\xe5@\x10w\x10\x00\xcd\x1a\xb5\xfe\x85\x85\x85\xbf\xf8\xc5/\xa8\xfbO\xdd\xae\xfc\x19\x0f\xb4\xee\xd4\xc1\xad\t\xc6|\xda\xcd0n\\5\xef\xb1i\x8e#\xe9\xe0\x11\xda\xa6t\xc1\x82\x05X\x0e\x14%4\xd8JMM\xcd\xca\xcab\r\xaa@/\xbf\xb11\x12G\xc0\x9d\x1c\xd5\x7f\xfe\xb9w_\xa3\xfa\x0f\xad\xffA\xf7?N\xe1\xcf\xd6\xacQ\xfdg\xf6\xec\xd9\xc1`0|\xb0_\xb7\xce\xe7O\xb87\xdb\rT\x9e\xc9\x81\xef\x91"\x85\x08U\x1e\xeb\xd5\xff\xea\xfbG\x0f\xaf\xdf H\x0b!~\xf1\x8b_\x14\x16\x16"\x03\xa2\xea\x8e;\xee`\r\xaa@oo}\xb7\xeaH\x89\xcf\xe7Dc\xe0E\xf5\x9f\xf5[\xdfmX\xff\xe9\xd1\xa3G\x97.]P\xff\x89_\xf8\xb35_TT\xd9\xb0aCx\x97\x05\xce\x991\xe6\x99\'f\xfa\x93Zh\xd5\xd4K?\xbf\x8e\x90BUV\xcd\xc9\x9d\x1c&gt;32|T\x19\xaa@Q\x12\xae\x02u\xec\xd81\xfc8\xd8\xe1#%\x1f\xfdc\x1fOL\xa4\x85\xb9\x91\xfe\x8e\x9c\xb9\xa1M\x7f\xfd\x1bk\xb0\xfe\xe7\x8e;\xee@\xc6\xc75\x04@3E\xf7\x98\xeb\xba999\r\x96~\xea\x81\x03zg\xdd|C\xa8\xa2\xb2\xf9&lt;t\xc39W5\xc1\xd6\x9d:\xe4\xcfx\xa0\xe1\x06Ak\xd7\xae\xdd\xb0a\x03f\x83\xa3!\\\x05\xea\xd5\xab\x17\xfdS\x08\xa1\xb4~\xe5\xcdM\xcc\xef\xa7\x87\x03"\xc8\x18\xe3KH\xf8\xe2\xe0\xe7[\xdfy\x9f\xd5\x8d9\x94\x10"33\x93\xd5?\x9a\x00\xf1\x08\x01\xd0L\xd1\xb0z\xf1\xe2\xc5\xfb\xf6\xed\x13B\xd0\x91/~\xbf\xef\x99\xb9\x0f\x99\xe6\xd7\x9e\n)\xdd@\xe5\x84{\xb3\xbbu&gt;?&lt;Q\xc19\xcf\xc9\xc9q]\x17\xe3\x80h\xa0_\xe9\xd0\xa1C\xe9\x9fZ+\xc6\xd8k\x1b\xb6\xd6\x96\x05|\xbe\x08?\x16\xae\x94fII\xeb\xb7\xec\xac\xac\xaa\xa6\xed\xe7\x8c1]\xbat\xe9\xde\xbd;\xed\r\x17\xd9o\x07M\x06\x01\xd0\x1cQ?\x9a\xceZ\xa1\xba\xbf\x10Rk=}\xc2\xdd\x97d\\\x11\xaa:\xd6\xdcJ\xae\x9c\xd7\x9f\x199\xe7+gF\xee\xdb\xb7\x0fgFF\t5\xbbYYY)))J)c\x98\x10\xa2\xf0\xe0\xa1\xdd\x05\x1f\x89\xa4$\x9a\x15\x88\x14\xc1\x19Sj\xdd\x1b\x1b\xeb\xfe)\x04cl\xc8\x90!\t\t\t\x18\xde\xc5\xb5\xe6\xd5\x8e\x00\xa1\xaan^^^YY\x19\xddl\xc6\x98\xf6\xedZO\x9b4VWU5\x87\xb9\xdf\x13I)C\x81\x8a\xac\x1f\xde8\xe2\xd6\x1b\xe9\xe0Y\xca\x80\xbc\xbc&lt;Z\xc0\x8a\x0c\x88,\xfa\x95v\xe8\xd0\xa1\x7f\xff\xfe\xac~\xebfc\xcc\x1f\xdf\xda\xcc\xfc\xbe\x08V\x81\x8c1\xbe\xc4\xc4\xff\x1c&lt;\xb4\xfd\xdd\xdd\x8c1\xad5\xfde\x87\x0f\x1f\xceP\xff\x89s\x08\x80f\xa7Q\xdf\x99\x8a\xadZ\xeb\'s\'\xb79\xf7\x9cPMm\xf3\xbd\xe587\xae;7w\xb2\xdf\xefc\xf5KB\xcb\xca\xcaf\xcd\x9aEmS\xac\xaf\xcfk(Si-\x10\xab\xaf\x02\xbd\xbaakMIy\x04\xab@Ji\x96\x94\xf8\xd6\xe6\x1d\xe1\xfa\x8f\xd6\xbaK\x97.=z\xf4@\xfd\'\xde!\x00\x9a\x9dF\xd5sj\xfd3\xae\xb8\xe4G\xd9C\xdc\xf2r\x19\xb5\x13\x1f\xcf\x9c\x10"Ty\xec\xe2\x1e\x97M\x9b0ZiM\xc7\x86\x08!V\xadZ\x853#\xa3\x81\x1a\xdf\xc1\x83\x07\x87\xab@\x9c\xf3\xc2\x83\x87&gt;\xda\xf3\x89h\xd1"R\xbfm\xce\x19\xd3\xe6\xb5\r\xdb\xe8\x9f\xe1\xfa\x8f\xdf\xefG\xfd\'\xde!\x00\x9a\x97\x13\xd7\xcf\xd0\x84\xdb\xbc\xbc\xa9\x89\xc9\xc9Z\xe9\xe6\xda\xf9\xaf#\xa4t+\xaa\x1e\x9ez\x7f\xe7\x0b\xce\xd5Z\xd3\xae\xf1\r\xb7\xb1\x8b\xf5\x05zJ\xb8\n4`\xc0\x00\xc6\x98\x10BJi\x8c\xd9\xfa\xeen\xe6\xf7E$\x00\x8c1&gt;\xbf/\xf0\xe5\x91\xbf}\xb0\x971f\x8c\xa6\xa7=P\xff\xf1\x06\x04@3B}\xff\x86+\xe8)\x03\x86\xdfrC\xe6\xc0~\xa1\xf2@\xf3\x1fns\xceU0\xd8\xb2C\xdbG\xa6\x8c7\xc6p.N\xdc\xc8:\xd6\xd7\xe8)\xd4\xca\xd3~\x9c\x9cs*\xfd\xaf{}\xa3&gt;^\x13\x91\xf3A\xb5\xd6&lt;)i\xdb\xce\xf7\x8b\xbe&lt;"\x84\xa4\xd3\xdf\xda\xb7o\x7f\xf9\xe5\x973&lt;\x00\x1c\xff\xf0\xf7kF\xa8\xfa?o\xde\xbc\xc2\xc2B\xea\xca1c\xd2RS\x9ezt*S*zO\xf9G\x96\xe38\xa1\x92\xb2\xbbG\x0f\xef\xd7;C)%\xa5ht\x94\r\xc6\x01\x11DM\xf0\xe0\xc1\x83\xa9 \xa3\xb5\xe1\x9c\x17\xec\xf9d\xdf\xc7\xfb\x9d\x16-"\xf3D\x98\xe0\xb4\xfeG\x88\xba\xa2\xd3\xc0\x81\x03\x93\x92\x92hx\x1a\x81\xaf\x0f\xb1\x83\x00h.h\xe5Oqq\xf1\xfc\xf9\xf3\xeb\x9f\xa5\x12J\xeb\x07\xc7gw\xf9\xfe\xa5\xc1\xcaf\xb7\xf4\xf3\x1b\x18c\xa4\xcf\x993\xf3\xc7B\xd4\x9d\x19I\x87Y.Z\xb4\x08\x83\x80\xc8\xa2\x99\x95\x8b/\xbe8##\x83f\xdd\xa5\x94\xa1\x90\xfb\xda\xdb\xdbXb"M\x0b\x9f\xb6\xba\xfaO\xd1\xe1\xf5[v2\xc6\x94\xd24\xe0\xa0\x8dH\xc1\x03\xe2\xa6M\xf1&lt;\xba{g\xcd\x9aE\xfbhr\xce\x94\xd2\x9d/8w\xca\xa4qnYy\xd3\x1f\xf9r&amp;\xea\xcf\x8c\xcc\x1c=\xfcf*\x01\xd1Z\xa6\x85\x0b\x17\x1e8p\x00\xe7\x06G\x16u\x1d\xc2Ey\xaa\x02\xbd\xf2\xc6&amp;}\xfc\xf8\x19V\x81\xc2\xf5\x9f\xe2\xc3%BHzK\x87\x0e\x1d\xfa\xf6\xed\xcbP\xff\xf1\x04\xfc\t\x9b\x05\xea#\x17\x14\x14\xac\\\xb9\x92\xba\xff\x9c\x0bc\xcc#S\xc6\xa7\x9f\xddN\x05Cq7\xd6\xe6R\xeac\xd5O\xe5Mm\x95\x9ef\xb4f\x8cq\xce\x03\x81\x00\x9d\x19\x89\x00\x88 j\x88o\xbb\xed\xb6FU\xa0O\xf6\xee\x13\t\t\xae\xab\xf4\xe9RJ\x1bf^\xfej\xfd\'+++55\x15\xf5\x1fo@\x004\x0b\xc6\x18\xa5\xd4\x94)Sh\xd7O:\xf1\xb1_\xef\x8c\xbbG\x0f\x0f\x95\x949\xcdx\xe9\xe7\xd7\x11\x9c\x87\x8e\xd7\x9c\xdd\xe5\xfc\xa9\xf7\xdd\xa5\x8d\x91\xf5\x1b\x04\xadX\xb1b\xfb\xf6\xed\x8e\xe3\xa0\x10\x14)T\x05\n/\xcc\x0fW\x81\xfe\xb2}\x97h\xd3:!)\xd1wV\xf2i\xfd/\xa9E\xeb\x96\xaa\xb2\xfa\xed\xad\xef\xb2\x06\xf5\x9f\xf0c\x07\xe0\x01X\x99\x17{\xd42._\xbe|\xcc\x981\x8e\xe3\xd0\xe1\xba\xc6\x98\x8dk\x17g\xde\xd8/\x18\xa8h\xfe\x8b\x7fN\xca\x18\xc68S\x9cw\xbfv\xe8\x81\xcf&gt;\x0f\x9ff\x93\x91\x91\xb1s\xe7N\x9f\xcfG\x1b\\\xc7\xfa2\xbd\xc0u]\xc7q\xe6\xcf\x9f?c\xc6\x0c\nWc\xccy\xe7t\xe8\xdc\xe5\x02\x13\nq~:\xfd&lt;\xca\x92\xda`\xf0\xdd\xf7?RZS\xcct\xec\xd8\xf1\x93O&gt;IMM\ro\x08\nq-\xfe\xba\x96\x1eC7R \x10\xc8\xcf\xcf\xa7\xda\x08U\xcc\xc7\xdcqkfVf\xf0his~\xf2\xeb\x9bq\xce\x94\xab\x12Z\xa5\xcd}x\xe2\x9d\x0f\xe4\x86w\t-((X\xbdz\xf5\xd8\xb1c\xe9\x9f\xb1\xbeL/\xa0\xb6833\x93~\xc9\xd4\xab;\xf4E\xf1\xa1/\x8a#\xfb-z\xf5\xeaE\xf5\x1f\xfc\xe1\xbc\x01%\xa0\x18\xa3\xd9\xd1E\x8b\x16\xd1\xec\xa81\x86N||\xf2\x91)\xaa\xea\x18\x13\xc2\xc43!E\xb0,0\xea\xce!7\xf6\xbf\x9a\xd65\xd1R\xd7\xdc\xdc\xdc\xb2\xb22&lt;\x1a\x16)\xf4\xca\xe9\xde\xbd{\x97.]\x8c14+ 8\x97\x11\xf0\x95&amp;\x826\x1f\xc5_\xcd3p\x07\xc6\x12\xad\xdf8x\xf0`\xcf\x9e=+++M\xfdf\xfa?\x9b\x9d\x93\xfb\xd84}\xa4D8\x0ecq\xfd\x07\xe2Fk\x9e\x94X\xf8q\xe1\xe5\x03\x86\x07C\xae\xa9\x7f\xbam\xd2\xa4I\xcf=\xf7\x1c\xfa\x92\x91BU\xa0\x87\x1ezh\xde\xbcy&gt;\x9f\xcfu\xdd\x08~q\xea\xfe\'\'\'\xef\xdb\xb7\xafC\x87\x0e\x06\xf5\x1f\xaf@\x00\xc4\x12\xdd\xb4c\xc7\x8e}\xe9\xa5\x97\xa4\x94\xc6h\xadM\xe7\x0b\xce\xfd\xeb\x1b/9\x823c8\xf3\xc2m\xa6\x94Jl\x99:e\xe6\xdc\xa5\xab\xff$\xa5\xa0e*B\x88\xbd{\xf7v\xeb\xd6-\xdcc\x853AQ\xbak\xd7\xae\xde\xbd{G\xe9[\xdct\xd3Mo\xbe\xf9&amp;2\xdbK\x10\x001C7\xd2\xf6\xed\xdb\xaf\xbb\xee:\xfa\'\xbd=1!\xa1ER\xa2Q\xda\x13\x8d\x7f\x18w\xa48ZZN\xff\xa0A\xc0\xa0A\x83\xd6\xaf_\x8f\x06%\x82\xb4\xd6;w\xee\xa4\xb5d\x11\xfc\xb2\xe1\x13`\xce=\xf7\\t\xff\xbd\x04\x01\x10\x1bT"\x0f\x85B\xd7\\sMAA\x81\x85;eR\x06\xac_\xbf~\xd0\xa0A\xc8\x00\x80\x98@\x00\xc4\x065y/\xbd\xf4\xd2\xd8\xb1cO\\\x14\xef\xd5\x1eV\xc3\x17\x1b\x9d\x10\xd0\xad[\xb7\x8f&gt;\xfa\x88v\x99\xf7\xeaO\xdd\xc4\xa2\xf7\x80\x05\x15\xee\xa2\xf4\xc5!&amp;\x10\x001@\xbf\xf3#G\x8e\\z\xe9\xa5%%%\xb1\xbe\x9c\x18{\xfc\xf1\xc7\x1f{\xec1\x0c\x02\x00\x9a^\xbc\xae1\x8fk\xb4\xd8\xff\xc5\x17_\x0c\x06\x83m\xda\xb4\xa1\x83_b}Q1@?\xf5\xf2\xe5\xcb\'N\x9c\xd8\xb6m[\x14\x97\x01\x9a\x18F\x001SZZZ\xb7\xe7\xb3\xc5\x0b\xab\xe9\xd9\xb7\xe4\xe4\xe4\x84\x84\x84X_\x0b\x80u\x10\x00\x00\x00\x96B\t(f\x10\xbda\xa8\xfc\x00\xc4\x04F\x00\x00\x00\x96\xc2\xa2.\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9Q\xfd\xea\xae\xebF\xf5\xeb[\xc2q\xa2\xfbg\x02\x88\x06\xdc\xfe\x11\x11\xd5\xdb\x9f\x1bc\xa2\xf7\xd5\x01\x00\xa0\xd9\x8ab\xb6\xd4\xd4\xd4&lt;\xf3\xcc3555\xd1\xfb\x166HLL|\xf0\xc1\x07\x13\x13\x13c}!\x00\xdf\x01n\xff\x88\x88\xf6\xed\x1f\x95\x11\x801\x86s^ZZ\xda\xbau\xeb\x88\x7fq\x0b\x95\x94\x94\xb4j\xd5\x8a~\xab\xb1\xbe\x16\x80o\x81\xdb?\xb2\xa2z\xfbG\xb3\xba\xc4y\xdb\xb6m\xcb\xca\xca8G\xa1\xe9t\xd0\xef-==\x1d\xed&gt;\xc4\x1d\xdc\xfeg\xa8in\xff\xa8O\x02\xbb\xae\x1b~\x058\x8ed\x8c3f\x18C\x8bvR\xf4\x9b1\xae\xabX\xfd+\x003i\x10\xa7p\xfb\x7fG1\xb8\xfd\x9bty\t\xfd`\x00`!\xdc\xfe\xcdPS\x04\x00EYbbB\xce\xbd\xd9II\x89Zi\x86\x9a\xc6I\x19#\xa4\xa8\xae\xae\xf9\xe5\xefV\xd5\xd4\xd4b\xec\x0c\x1e\x80\xdb\xffT\xc5\xe2\xf6o\xba\x11@\x8b\xc4\x84\xa7f\xe7\xf0\xb6\xadX0\x84W\xc0\xc9\x19\xc3\xfc&gt;s\xa4\xf4\xb7+^\xa9\xa9\xa9\x8d\xf5\xd5\x00D\x0cn\xffo\x17\x8b\xdb\xbf\xe9\x02\xc0\x18s\xf8hYk\xa3\xdd\x90\xc2\x0b\xe0\xa4\x8ca\x8eO\x96\x94\x04\xd0\xf1\x07\x8f\xc1\xed\xff\xadbr\xfb7\xe9\x1c\x80\xe3H\xc7q\x98aX\xd6rR\xc6\x18\xc7q\x1cG\xc6\xfaB\x00"\x0f\xb7\xff7\x8b\xc9\xed\x8f\xbd\x80\x00\x00,\x85\x00\x00\x00\xb0\x14\x02\x00\x00\xc0R\x08\x00\x00\x00K!\x00\x00\x00,\x85\x00\x00\x00\xb0\x14\x02\x00\x00\xc0R\x08\x00\x00\x00K!\x00\x00\x00,\x85\x00\x00\x00\xb0\x14\x02\x00\x00\xc0R\x08\x00\x00\x00K!\x00\x00\x00,\x85\x00\x00\x00\xb0\x14\x02\x00\x00\xc0RMz\x1e\x00@\xac\xd0!\x1b\xa6^\xa3\xf7\xf2\x06bqu\x00\xb1\x81\x00\x00/\xd3Zk\xad9\xe7RJ\xc6\xbe\xfd(\x12\xfax!\x84\x10\x18\x1c\x83\xf7!\x00\xc0\x83\xa8\x1dw\x1c\xa7aS~\xf8\xf0\xe1/\xbe\xf8\xe2\xc8\x91#G\x8f\x1e\xad\xa8\xa8\x08\x06\x83\xc6\x18\xbf\xdf\x9f\x96\x96\xd6\xae]\xbbN\x9d:\x9dw\xdeyIII\xf4\xf1Zk\xc6\x18b\x00\xbc\r\x01\x00\xdea\x8c\xa1\xfe~\xb8\xdd\xff\xf8\xe3\x8f\xb7o\xdf\xfe\xd7\xbf\xfeu\xcf\x9e=\x9f}\xf6Y \x10\xf8\xba\xcfu\x1c\xe7\xec\xb3\xcf\xfe\xc1\x0f~0p\xe0\xc0\x9bo\xbe\xb9s\xe7\xce\x8c1\xa5\x94\x10\x02u!\xf0*\x04\x00x\x84RJJI\xa5\x9eO&gt;\xf9d\xdd\xbau\x7f\xfa\xd3\x9f&gt;\xf8\xe0\x03\xa5T\xc3\x0f;\xb1\x16D\xb3\x02\xae\xeb~\xfe\xf9\xe7\x9f\x7f\xfe\xf9k\xaf\xbd\x96\x9b\x9b{\xdbm\xb7\xcd\x981\xa3g\xcf\x9e\x8c1*\n5\xedO\x03\xd0\x14\x10\x00\xe0\x05\xc6\x18)\xa5\xd6\xfa\xd5W_\xfd\xcdo~\xf3\xf6\xdbo\xbb\xaeK\xefr\x1c\x871\xa6\xb5\xa6\x86\xbeQ\x1e\x845\x9c\x07\xae\xae\xae^\xbdz\xf5\xcb/\xbf&lt;e\xca\x94\xb9s\xe7&amp;$$ \x03\xc0\x93\xf0\x9a\x86\xb8G\xabzV\xae\\\xd9\xabW\xafa\xc3\x86\xbd\xf5\xd6[\xae\xeb\xd2\x04\x00\xe7\xdcu]\xd7u)\x00\xbe\xf9\x8bh\xad\x95R\xae\xeb\xd2\xa4\xb1Rj\xde\xbcy\x03\x07\x0e,..\x16B\xd0\xac\x00\x80\x97 \x00 \xee\x19c8\xe7K\x97.-((\xf0\xfb\xfdRJj\xf7Ol\xf4iz@~\xd5\x89U\xfe\xf0@\xc1\xe7\xf3m\xdf\xbe}\xd0\xa0AG\x8f\x1e\xe5\x9c\x7fs\x84\x00\xc4\x1d\x04\x00\xc4=j\x97\x9fx\xe2\t)\xa5\xeb\xbaJ\xa9\x86-5u\xe7\x1d\xc7\xa1\x16\x9c\xba\xf9\rQNP\x124\xfa\xb2\xa1P\xc8\xe7\xf3\xed\xd9\xb3\';;\x9b&gt;\x17\x19\x00^\x829\x00\x88{T\xfd\xef\xdd\xbb\xf75\xd7\\\xb3}\xfbv\xaa\xde\xb0\xfa\xf9^j\xe5\xe9#[\xb5j\xd5\xb1c\xc7\xd6\xad[\xa7\xa4\xa4\xf8\xfd\xfeP(\x14\x08\x04\xfe\xfd\xef\x7f\x1f:t\x88\xe6\x0c\xe8K5l\xe5)\x03\xfe\xf2\x97\xbf,Z\xb4h\xda\xb4i4\xd5\x1c\x8b\x9f\x12 \xf2\x10\x00\xe0\x054I;}\xfa\xf4\xed\xdb\xb73\xc6\x1c\xc7\xa1\xa1\x00c,--m\xc0\x80\x01\x83\x07\x0f\xbe\xea\xaa\xab.\xba\xe8\xa2\xf4\xf4\xf4F\x05\x9f\xda\xda\xda\x7f\xfd\xeb_\x1b7n\\\xbat\xe9\xee\xdd\xbb\x19c\x8d\xaa=\xb4\x18t\xee\xdc\xb9\xa3G\x8fn\xdb\xb6-U\x9c\x9a\xf6\xe7\x03\x88\n\x94\x80\xc0\x0b\x1c\xc71\xc6\xdcr\xcb-\xdd\xbbw\xa7\x89\\\xc6X\xbf~\xfd~\xfd\xeb_\xef\xdd\xbb\xf7O\x7f\xfa\xd3\xc4\x89\x13\xaf\xbc\xf2\xcaV\xadZq\xce\x1bV\x81\xb4\xd6\t\t\t\xdf\xfb\xde\xf7&amp;M\x9a\xb4k\xd7\xaeg\x9ey\xc6\xef\xf7\xb3\xaf\xae\x13\xa5t)++[\xb6l\x19\xe7\xfc\xeb\xd6\x11\x01\xc4\x1d\x04\x00x\x84R\xcaq\x9c\x9c\x9c\x9c\xc4\xc4\xc4{\xee\xb9g\xc7\x8e\x1d\xdb\xb6m\x9b0aB\xa7N\x9d\xb4\xd6\xe19acL\xc3y`!\x04\x15\xf7]\xd7\x15B\xe4\xe4\xe4\xac[\xb7\x8e&amp;\x0c\x1a=+\xc09_\xb3f\r\xcd\x16\xc4\xf0\xc7\x04\x88 \x04\x00x\x04\xad\xf7\xff\xd1\x8f~\xf4\xe1\x87\x1f\xfe\xfe\xf7\xbf\xbf\xe6\x9ak\xe8\xf1.j\xf1\xc3\xabBO\xac\xde\xd0\xd2 \xfa\xf4`0x\xeb\xad\xb7\xe6\xe6\xe66Z\xf8O\xe1\xb1g\xcf\x9eC\x87\x0e\xd1\x18\xa2)\x7f4\x80(A\x00\x80\xa7$\'\'w\xeb\xd6\x8dj;\x9cs\xea\xcb\x9f\xe2\xe7\xd2\xc7k\xad\xa7M\x9b\xd6\xbauk\xa5T\xf8s)Ejkk\xff\xf1\x8f\x7f\xb0\xfauG\x00\xf1\x0e\x01\x00\x9eB\xf5\x9c\x13\xd7t\x9e"\xaa\x08\xb5l\xd9\xb2\x7f\xff\xfe\xac~\x1dQ\xf8]\x8c\xb1\xcf&gt;\xfb\x8c!\x00\xc0+\x10\x00\xe0)T\xcf9\x93\xaf@\xf3\x04\xdd\xbbw?\xe9{KKK\xcf\xe4\x8b\x034+\x08\x00\x80\xc68\xe7iii\'}W(\x14j\xe2\x8b\x01\x88\x1e\x04\x00\xc0I|]CO\x8bD\x01\xbc\x01\x01\x00\xd0\x981\xa6\xa8\xa8\xe8\xa4\xefj\xdd\xbau\x13_\x0c@\xf4 \x00\x00\xbe\x82V\x8b~\xf8\xe1\x87\xec\xab\x93\xbd\xb4\xf4\xf3\x82\x0b.`\xa7p\xb4$@\\@\x00\x00\xfc\x17-\x1e\xfd\xfc\xf3\xcf\xdf{\xef\xbd\x86\xeb\xfd\xe9\xbf\x13\x13\x13/\xbd\xf4R\x86\x00\x00\xaf@\x00\x00\xfc\x17\x05\xc0\xa2E\x8b\xaa\xab\xab\xa5\x94\xe1\x11\x00\r\x0b\xae\xb8\xe2\x8as\xcf=\x97\x9e\t\x88\xedu\x02D\x04^\xc7\x00u\xe8\x18\x99\xf7\xdf\x7f\xff\xf9\xe7\x9f\x17B4\xda\xf3\xc7\x18\x93\x9d\x9d\x8d\xbd\x80\xc0K\x10\x00\x00\x8c\xd5o%\xf4\xe5\x97_\xdey\xe7\x9d\xb5\xb5\xb5\xac\xc1\x04\x00=\x1d\xd6\xae]\xbb\xb1c\xc7b/ \xf0\x12\x04\x00@\xdd\x81\xf2\x87\x0f\x1f\xbe\xf9\xe6\x9b\x0f\x1c8@\xa7\x02\x84\xdfK\xe7A\xce\x993\'==\x9djD1\xbcT\x80\x08B\x00\x80\xed\\\xd7\x95R~\xf6\xd9g7\xdcpCAAA\xf8&lt;\x19BG\x0b\x0c\x1e&lt;\xf8\xfe\xfb\xef\xc7i0\xe01\x08\x00\xb0\x1a\xd5\xfd\xdf{\xef\xbd\x01\x03\x06\xec\xdd\xbb\xd7q\x9c\x13[\xff\xce\x9d;/_\xbe\x9ca\xf1\x0fx\x0e\x02\x00,E\'\xbf;\x8e\xb3n\xdd\xba\xeb\xaf\xbf\xfe\xd0\xa1Ct\xa4p\xf8\x03\xa8\xf5?\xe7\x9cs\xdex\xe3\r:\x08\x0c\x8b\x7f\xc0c\xf0\x82\x06\x1bQ)_J\xf9\xd3\x9f\xfet\xc4\x88\x11UUU\x8d\x96\xfd\x84\xfb\xfe\x9b6m\xba\xf8\xe2\x8b\xe9T\xc8\x18^0@4\xe0L`\xb0\x0e\x1d\xf6RSSs\xef\xbd\xf7\xae\\\xb92|(X\xf8\x03\xa8\xf5\xef\xd5\xab\xd7+\xaf\xbc\xd2\xa9S\'\x94\xfe\xc1\xab\x10\x00`\x97\xf0\x01\xbf\xb7\xdf~\xfb\x96-[\xa8\xe8\x1f^\xf1I\xbbI\xbb\xae;l\xd8\xb0e\xcb\x96\xa5\xa4\xa4\xa0\xf5\x07\x0f\xc3\xa8\x16,BG\xfb\x96\x97\x97geem\xd9\xb2\xc5\xe7\xf3\xd1\x99\x91\xf4^\x1a\n(\xa5f\xcd\x9a\xf5\xca+\xaf\xa4\xa4\xa4\xd0\xd92\xb1\xbdf\x80\xe8\xc1\x08\x00lAu\x1ec\xcc\x88\x11#\xfe\xf6\xb7\xbf\xf9|\xbe\x86{&gt;\xd3\xea\xcf\xa4\xa4\xa4\xdf\xfd\xeeww\xdey\'M\x12\xa0\xee\x0f\xde\x86\x00\x00[Pw~\xda\xb4i\x1b7n&lt;i\xeb\x7f\xce9\xe7\xac[\xb7\xee\xea\xab\xaf\xa6\xb5\xa11\xbcT\x80\xa6\x81W9X\x81J\xf9;v\xecX\xb8p!\xcd\xf1\x86\xdfE\xad\x7f\xb7n\xdd\xde|\xf3\xcd\xce\x9d;\x87B!\x9f\xcf\x17\xc3K\x05h2\x08\x00\xb0\x02=\xc3\x95\x97\x97\xc7\xeaO\xfd\xa5\xb7\xd3\xea\xcfn\xdd\xbam\xdc\xb8\xb1S\xa7N\xae\xeb\xa2\xf5\x07{\xa0\xc4\t\xdeG+\x7f&gt;\xf8\xe0\x83-[\xb64\\\xefO\xb3\xbem\xda\xb4y\xfd\xf5\xd7\xa9\xf5G\xe5\x07\xac\x82\x00\x00\xef\xa35\xfe\x7f\xfa\xd3\x9fN|\x9a\xd7\x18\xf3\x9b\xdf\xfc\xa6k\xd7\xae\xa1P\x08\xad?\xd8\x06\x01\x00\xdeG\x8d\xfe\x8e\x1d;X\x83M\x9ei\xcb\xcfA\x83\x06\r\x1b6\x0c\x95\x1f\xb0\x13\x02\x00&lt;\x8ez\xfd\xc1`\xf0\xc0\x81\x03\xec\xab\xc7\xfc2\xc6&amp;L\x98\xd0\xe8-\x00\xf6@\x00\x80\x15\xca\xcb\xcb\x8f\x1e=\xca\xea\x03\x80\x0e\xf6j\xd1\xa2\xc5\xd5W_M\x9b\x02\xc5\xfa\x02\x01b\x00\x01\x00\x1eG-~EEEMMM\xf8\x8d\xb4(\xa8S\xa7N\xed\xdb\xb7\x8f\xd9\x95\x01\xc4\x1a\x02\x00\xac\x10\x0c\x06\x1bn\xf6I\x01\xd0\xaaU+\xc7qh\x7f\x88\xd8]\x1a@\xcc`\xd9\x03X\x81Zy!\x04\xe7\x9cf\x05\x8c1\t\t\t\xe1w\xc5\xfa\x02\x01b\x00\x01\x00V\xd0Z7\x1c\x01\xd0\xc2\xd0\xea\xea\xea\xd8]\x11@\xec!\x00\xc0\xe3\xa8w\x7f\xd1E\x17m\xda\xb4\xa9\xd1\xbb\xd2\xd2\xd2\x18\x0ez\x04\x8b!\x00\xc0\xe3\xa8}ONN\xbe\xee\xba\xeb\xbe\xe1\x03\x00,\x84\x00\x00+4:\xf3\x8b`\xc3g\xb0\x1c\x02\x00\xac\x80\xc5\xfe\x00\'B\xf7\x07\x00\xc0R\x18\x01\x80-\xc2\'\x82\xd1JP\xc6\x98\x94\x12\x13\x00`3\x04\x00X\x81v\x84&gt;\xb1\n\x843\xdf\xc1f\x08\x00\xf0&gt;j\xfdC\xa1\xd0\x9bo\xbe\xb9c\xc7\x8e\xc3\x87\x0f\xa7\xa4\xa4\xfc\xe0\x07?\xf8\xe1\x0f\x7f\xd8\xae];zo\xac\xaf\x11 \x06\x10\x00\xe0q\xd4\xbe\x7f\xf8\xe1\x87\xf7\xdcs\xcf\x07\x1f|\xd0\xf0]\xed\xda\xb5\xfb\xf9\xcf\x7f&gt;v\xecXd\x00\xd8\t\x01\x00^F\x15\xff\xc3\x87\x0f\xdft\xd3MEEE\x8d\x8e|9|\xf8\xf0\xb8q\xe3Z\xb7n}\xeb\xad\xb7\xa2\x16\x04\x16B\xaf\x07\xbcL)\xc59_\xbatiQQ\x91\xdf\xefw\xbf\xcaq\x1c\xce\xf9\xdc\xb9s\xb1\x1d\x10\xd8\t\x01\x00^F\xcd\xfa\xd6\xad[\xe9\x00\x80F\xefUJ\x19c\xf6\xec\xd9STTD\xdb\xc3\xc5\xe2\x1a\x01b\x06\x01\x00^FU\x9d\xc3\x87\x0f\x1bcNl\xdf\xe9-\xd5\xd5\xd5\xc5\xc5\xc5\xec\x84\xc3\xc2\x00&lt;\x0f\x01\x00\xdew\xe2&amp;\x10a4D\xa0\x0f@\x00\x80m\x10\x00\xe0e\xd4\xb2\xa7\xa5\xa5q\xceO\xac\xf2\xd3\x13a&gt;\x9f/==\x9daW8\xb0\x0f\x02\x00\xbc\x8c\x02 ##\x83\x0e\x81i\xf4^\xda\x0c\xee\xfc\xf3\xcf?\xef\xbc\xf3N\xfa\x01\x00\xde\x86W&lt;x\x19\xb5\xe9\xe3\xc6\x8d\xe3\x9c\x87\x97\xfd\x10)\xa5\xe38Z\xeb\t\x13&amp;\xf8|\xbe\x13\xa7\x88\x01&lt;\x0f\x01\x00^&amp;\x84\xd0Z_~\xf9\xe5\xbf\xfc\xe5/\x8d1\xae\xeb\x9azJ\xa9`0\x98\x9d\x9d=e\xca\x14\xad5\x1e\x02\x00\x0b!\x00\xc0\xe3(\x03&amp;O\x9e\xbcy\xf3\xe6\xa1C\x87v\xec\xd81999==\xfd\xdak\xaf\xfd\xfd\xef\x7f\xbfr\xe5\xca\xf0\xb0 \xd6W\n\xd0\xd4\xf0$0x\x1fe@ffffffeeeEEEBBB\x9b6mX\xfd\xa3\xc2h\xfd\xc1N\x08\x00\xb0\x82\x10\x82\x9e\nNIIIIIa\xf5\xbbC\xa3\xf2\x036C\x00\x80-\xa8\xad\xa7\t\x80\xf0&lt;p\xac/\n \x96\x10\x00`\x17\x14|\x00\xc20\t\x0c\x00`)\x04\x00\x00\x80\xa5\x10\x00\x00\x00\x96B\x00\x00\x00X\n\x01\x00\x00`)\x04\x00\x00\x80\xa5\x10\x00\x00\x00\x96B\x00\x00\x00X\n\x01\x00\x00`\xa9&amp;}\x12\xd8u\x95\xeb\xba\xae\xab\xf0$\xe6I\x19\xc3\x18g\xae\x8b\x8d\xe9\xc1\x83p\xfb\x7f\xb3\x98\xdc\xfeM\x17\x00\x9c\xf3vm\xd2y\xdbVN0\xc4\xf0\x128)c\x98\xdf\xd7\x8e\x0b\xecU\x00\x1e\x83\xdb\xff\xdb\xc5\xe2\xf6o\xba\x008^S\x9b\xfb\xd3_&amp;%%j\xa5\xf1\n89c\x84\x14\xd5\xd55\xc7kjc})\x00\x91\x84\xdb\xff\xdb\xc5\xe2\xf6o\x8a\x000\xc60\xc6jjj\x7f\xfe\xfc\x8bM\xf0\xed&lt;\x83~o\x00q\r\xb7\xff\xe9i\x9a\xdb\xbfI\xe7\x00\x1cG2\xc6\x193\x8c\xa1\x0bpR\xf4\x9b1\x98\x06\x00\xef\xc1\xed\xffmbp\xfbG7\x00\x1c\xc7\xa1\xf3\xf6\xbe\x9af\xf8\xf3\x7f\x1d\xfa\xcdp\xc7q\x18c\xf4{\xa3\xff\x06\x88;\xb8\xfd\xbf\xa3\x18\xdc\xfeQ\xfc\xea\xc6\x98#G\x8eD\xef\xeb[\xe2\xc8\x91#\xa8\x05A\xdc\xc1\xed\x1f\x11\xd1\xbe\xfd\xa3\x12\x004\x8b\x9d\x94\x94\xf4\xd4SO\xd5\xd4\xd4D\xe3[\xd8#111))\x89\xd5\xffV\x01\x9a9\xdc\xfe\x11\x14\xed\xdb\x9f\xa3w\t\x00`\xa7\xe8\x16\x98\\\xd7\x8d\xea\xd7\xb7\x04\xa6\x01 \x1e\xe1\xf6\x8f\x88\xa8\xde\xfe\x18\x01\x00\x00X\n{\x01\x01\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xca\x18\xa3\x94\x8a\xf5U@,qcL\xac\xaf\x01\x00b\xc6\x18\xc39\x8f\xf5U@l`\x04\x00`\x1dc\x8c1&amp;\x10\x08\xbc\xf0\xc2\x0b\x9c\xa3\x17h/\x04\x00\x80u\xb4\xd6\x9c\xf3u\xeb\xd6M\x9a4\xe9\xc0\x81\x03\xf4\x96X_\x14\xc4\x00\xc2\x1f\xc0.\xe1\xee\xff\xe5\x97_\xfe\x9f\xff\xfcg\xd0\xa0A\x7f\xfe\xf3\x9f\x95RR\xcaX_\x1a45\x8c\x00\x00\xec\xa2\xb5\x16B\xe4\xe5\xe5}\xf1\xc5\x17\x8e\xe3\xac_\xbf~\xc3\x86\rRJL\x08[\x08#\x00\x00\x8bP\xf1g\xff\xfe\xfd\xdd\xbbw\xa7\xff\xd6Zw\xeb\xd6m\xef\xde\xbdB\x08\xce9&amp;\x84\xad\x82\x11\x00\x80Eh\xcdONN\x8e\xeb\xba\x9cs\xa5\x94\x10b\xdf\xbe}\x8b\x17/\x16B`&amp;\xc06\x18\x01\x00\xd8\x82\n\xfd\x1b6l\x18&lt;xp\xb8\xe6C\xbd\xfe\xb4\xb4\xb4\x8f?\xfe\xb8]\xbbv\x8c1!\xd0/\xb4\x05\xfe\xd2\x00V\xa0\xbe\xbf\xeb\xba999\r\x97~\xd2\xdb\xcb\xca\xcaf\xcd\x9a%\x84@\x8f\xd0*\x08\x00\x00+\xd0\xdc\xef\xe2\xc5\x8b\xf7\xed\xdb\x17\xae\xf6P\xc5\x9f\xde\xb5j\xd5\xaa\xdd\xbbw\xa3\x10d\x15\x94\x80\x00\xbc\x8f\xda\xf4\xc3\x87\x0f_z\xe9\xa5\x81@\x80V\x826\xfc\x00\xaa\x08\r\x180`\xcb\x96-X\x1</t>
        </is>
      </c>
    </row>
    <row r="100">
      <c r="A100" s="1" t="n">
        <v>98</v>
      </c>
      <c r="B100" t="inlineStr">
        <is>
          <t>color_number_hexagon</t>
        </is>
      </c>
      <c r="C100" t="inlineStr">
        <is>
          <t>What is the missing number of the part denoted with a question mark?</t>
        </is>
      </c>
      <c r="D100" t="inlineStr">
        <is>
          <t>['6', '8', '7', '1']</t>
        </is>
      </c>
      <c r="E100" t="inlineStr">
        <is>
          <t>6</t>
        </is>
      </c>
      <c r="F100" t="inlineStr">
        <is>
          <t>There is a hexagon split into six parts with the colors ['red', 'red', 'blue', 'green', 'green', 'blue'] in an anti-clockwise order. The parts are denoted with the numbers [5, 5, 6, 4, '?', 4] respectively.</t>
        </is>
      </c>
      <c r="G100" t="inlineStr">
        <is>
          <t>We observe that the numbers in the blue parts add up to 10. Similarly, the numbers in the green parts also add up to 10. Thus, the pattern is that the numbers in the parts of the same color add up to 10.</t>
        </is>
      </c>
      <c r="H100" t="inlineStr">
        <is>
          <t>Based on the pattern that the numbers in the parts of the same color add up to 10, the missing number of the green part should be 6.</t>
        </is>
      </c>
      <c r="I100" t="inlineStr">
        <is>
          <t>b'\x89PNG\r\n\x1a\n\x00\x00\x00\rIHDR\x00\x00\x02\x00\x00\x00\x02\x00\x08\x02\x00\x00\x00{\x1aC\xad\x00\x00\x9f\xf7IDATx\x9c\xec\x9dwxTE\xdb\xc6\xa7mo\xd9\x04B@\xa4\x17)"M\x05\xa5wA\xe9M\xba\x9f"\x16@\x8a/\xd2" \xd2T\x10\xb1\x82\xfaJ\x11\x88\x84\x8e(\x04\x90\xaa(JD\x04\x14B\x11\x14\r!\xc9f{;3\xf3\xfd1I\xe4EEZ\xb2g\xb3\xf3\xbb\xf6\xf22\x81\xc0a\xf7\x9cyf\x9er\xdf\x90s\x0e$\x12\x89D\x12{\xa0H_\x80D"\x91H"\x83\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x8a\x0c\x00\x12\x89D\x12\xa3\xc8\x00 \x91H$1\n\x89\xf4\x05H"\t\xe7\x9cs\x1e\xe9\xab\x90D\x0c\x08!\x840\xd2W!\x89\x18P&gt;\xff1\x8b\xa2(\x84\xc8\x1d@\xac\xa3(\n\xc6X\x86\x81\xd8D\x06\x80\x18\x851\x86\x10\xfa\xf9\xe7\x9f\x9fy\xe6\x19\x84\x10c,\xd2W$)V\x08!\x8a\xa2&lt;\xf1\xc4\x13\x03\x06\x0c\x88\xf4\xb5H"\x86\xdc\x00\xc6\x1c"\xe4\xfb\xfd\xfe\xf9\xf3\xe7\xc7\xc5\xc5\xed\xde\xbd;\xd2W$\x89\x18\xb5k\xd7\xbex\xf1b\xa7N\x9d\xea\xd6\xad\xcb9GH\x16\x05c\x0by\x02\x889(\xa5\x18\xe3e\xcb\x96\r\x1b6\x0cB\x881.\xbc\x07\x10B@\xde\x0f%\x1a\x08!c\xac\xf03\xc6\x18\x87B\xa1\xc1\x83\x07/_\xbe\\\xa6\x04c\x10\x19\x00b\x0bQ\xf5u:\x9d\xb5k\xd7\xce\xce\xcef\x8c\xc9\xe4O\x8c\xa3\xd5j)\xa5\xbbw\xefn\xde\xbc\xb9\xd8\x1cD\xfa\x8a$\xc5\x87\x0c\xf8\xb1\x05c\x0cc\x9c\x9c\x9c\x9c\x99\x99\x891\x06\x9c\x8b&gt;\x10\xc6\xd8\xa3\x0f&lt;\xf0X\xabVN\x9f\x0f\xcb&lt;@\t\x851f\xd2\xeb\xbf;{v\xc6\xda\xb5\x8cs\x06\x00\x84PQ\x14\xc6\xd8\x981c\xbe\xfa\xea+\x8dF\xc39\x97\x05\xe1\xd8A\x9e\x00b\x08\xc6\x18\x84\xf0\xd4\xa9Su\xeb\xd6e\x8c\x15\xf6\x80"\x08\x19\xe7e\xed\xf6\xa3\xf3\xe6\xc5\x19\x8d!EAr\t(\x89P\xceMFc\xc7\x97_N;z\x14#D\xc5\xe1\x0fB\x8c\x10\xa5t\xe9\xd2\xa5C\x87\x0e\x95\x87\x80\x98B\x06\x80\x18B&lt;\xdb\x1d;vLKK\xd3\x10\x12V\x94\x06\x95*]v\xb9.\xe6\xe6b\x8c\x15J\x87\xb6h\xf1\xde\xe3\x8f\xe7x&lt;\xf2\x10P\xf2\xa0\x8c\xc5\x9b\xcd\xcb\xf7\xef\x7f\xea\x83\x0f0B\x94sB45\xea7=\xf1\xed^Q\xfbMLL&lt;~\xfcx\\\\\x9c\x1c\x0e\x88\x1dd\x00\x88\x15\xc4\xea\x9f\x96\x96\xd6\xb1cG\xb1\xc5\xe3\x8c\xed\x9e:\xf5\xc0\xa9SS&gt;\xf9\x84`,\x1aC\xf7O\x9bV\xf7\xce;\xbd\x81\x80l\x08)I\xf0\x82\\\xdf\xfdS\xa7\x9e\xcd\xca\x12=\xa0\xf7&lt;\xd0\xee\xd99\x1f\x8e\xef\xde\xc8\x93\x97C\x08\t\x87\xc3S\xa6Ly\xf9\xe5\x97\xe5! v\x90\x0fyL \x9e\x7fEQF\x8f\x1e\r\x01\x10G\xfe\x9e\xf7\xdd\xf7\xe0]w=\xde\xaaU\x95\xc4D\x85R\x8c\x90B\xe9\xa4\x94\x14\x0c!\x90\x1b\xc0\x92\x85\xd8\xfe\xcf\xdf\xba\xf5lV\x16\xc1\x982\x861\xe9\xf3Lrb\xb9\n\xbdGL\xe6\x9c3\xc6\x11\xc2\xaf\xbe\xfajFF\x86\x9c\x0b\x89\x1dd\x00\x88\t\xc4\xee~\xf1\xe2\xc5\'O\x9e\xc4\x84(\x94Z\r\x86\x89]\xbb\xba|&gt;\x9b\xc94\xa9{w\x00\x00\xe3\x1c#\xb4\xe7\xc4\x89-\xdf\x7fo3\x1a\xa9\\\x02J\n\x9cs\x83V\x9b\x91\x99\xb9x\xe7N\x08!\x00\x903\xd6\xb2\xfb\xe0j\xf5\xee\xbd\xfc\xc7\xef-\xba\r\xaaxW=\xca\xa8h\t\x9d2e\n\x8421\x10+\xc8\x00P\xf2\x11\xb5\xdf\xcc\xcc\xcc\xe4\xe4d\x91\xdce\x8c=\xd9\xb6m\xc3\xca\x95\xfd\xe1\xb0\xd3\xe7\x1b\xdc\xacY\xd3\x1a5(c"\xed3%%\xc5\x13\x08\\9\x1f \x89j(cf\xbd~\xfa\xda\xb5\x0e\xaf\x17#L\x193Ym\xbdFL\x0e\xfa\xfd\x803\x83\xd1\xdc\xef\xd9\xe9\x80s\xc6(\xc68555--\rcL)\x8d\xf4\x85K\x8a\x1c\x19\x00J&gt;b\xc2s\xd2\xa4I\x0e\x87CC\x88\xa2(\x15K\x95z\xaeS\xa7\\\x8f\x87 \xc49W(\x9d\xd9\xa7\x0f\xc1\x98RJ0&gt;}\xe9\xd2\x82\xad[\xe3M&amp;y\x08(\x01P\xc6\xec&amp;\xd3gG\x8e\xa4~\xfd5F\x88\x01\xce9\xeb\xfe\xf8\x84RI\xe5CA?&amp;\x1a\x8f\xcbQ\xbfY\x87\xc6\xad\x1f\xa6\x94"\x84 \x84\xa3G\x8fV\x14E\x9e\x03b\x01\x19\x00J8"\xf9s\xf8\xf0\xe1\xd5\xabWc\x8c\xc5\x14hr\xcf\x9ee\xe2\xe2B\x8a\x02!\xc4\x08\xb9\x02\x81V\xb5j\ri\xde\x9cq\x0e\x00\x80\x10\xbe\xb7sgFf\xa6A\xab\x95K@\xb4\x03!\x0cS:w\xd3&amp;\xc69B\x981V\xf1\xaez\x1d\xfa\x8d\xf0\xba\x9d\x18\x8b1 \xc8\xa8\xd2o\xe4t\xa3\xd9*\xca\xbf\'O\x9e\\\xbcx\xb1\xac\x04\xc4\x022\x00\x94pD\xf9w\xfc\xf8\xf1\xc1`P\x94y\x9b\xd6\xa81\xb0Y\xb3\x1c\xb7\x9b\x14tz`\x08]\x81\xc0\xd4\x1e=\xe2\x8cF\xca\x18A\xc8\xe1\xf5N_\xbb\xd6j0\xc8C@T\xa3PZ\xcabY\xb6o\xdf\xc1\x8c\x0c\x91\xfc\x01\x9c\xf7{v\xbaVo\xa0T\x11\xbf\x07!\xe4\xf7\xba+\xd5\xba\xa7]\xdf\xe1\x8c\x89\xe10\x98\x9c\x9c\xecp8\x10Br\x07P\xb2\x91\x01\xa0$#6t\xa9\xa9\xa9{\xf7\xee%\x84(\x94j\t\x99\xd9\xa7\x0f\xa5\xf4\xca.\x1f\x08a \x14*\x1f\x1f?\xa1kW1\x1d\x86\x10\xda\xf0\xed\xb7\xbbO\x9c\xb0\x1a\x0cr\x1b\x18\xa5p\xce\xb5\x84\xfc\xeep,\xd8\xba\x15B\x08\x11b\x8c6n\xf3H\xfdf\xed\xbd\xee\xbc\x82\xed?\x00\x00 L\xbcy\x8e\xce\x83F%\x96\xafD\xa9B\x08q8\x1c\xa2b$?\xfd\x92\x8d\x0c\x00%\x16\xb1w\x13}\x1d@\x8c\xfb2\xd6\xe3\xde{[\xd7\xae\xed\xf2\xfb\xafj\xf3\'\x18;\xfd\xfe\x11m\xdbV+SFa\x0c#\x14R\x94\xe4\xd4T\x8c\xb1\xdc\x01F)\nc\xf1f\xf3\xa2m\xdb\xce]\xbe\x8c\x11\xa2\x8c\x12\x8d\xb6\xd7\x88\xc9\x9c1\x00\xfe\xa7\xcd\x17B\x18VB\xf1\x89e\x1f\x196\xae\xa0%4\xbfgL&amp;\x82J62\x00\x94X\x84\xec\xcfk\xaf\xbd\x96\x91\x91\xa1\xd1h\xc2\x8ab7\x99\xa6\xf7\xee\xed\xf2\xfb\xffv\xd0W\xa1\xd4\xa8\xd5\xce\xea\xdf?\xffg\x11:x\xea\xd4\xca\x03\x07\x12,\x16E6\x84D\x1b\x8c1\x8b^\x7f\xe4\xfc\xf9%\xbbv!\x848\x80\x9c\xb1\x8e\x8f&gt;]\xa5v\x03\x9f\xd7\xfd\xd7)?\x8c\x89\xdb\x91\xd3\xaa\xfb\x90\x9a\xf5\x9bP\xaa`L\xf2\xa7Fd)\xb8D#\x03@\xc9D\xd4~\xcf\x9c93o\xde&lt;!\xf2\xcc9\x7f\xaa]\xbb\xeaII\xfeP\xe8o\x07\xfd1BN\xbf\xff\x91\x86\r[\xd5\xaeM\x19C\x10B\x00f\xae_\x7f)/OK\x88\\\x05\xa2\x0b\x0e\x00\xc1xZj\xaa\xcb\xefG\x101Fm\t\xa5;\x0f\x1a\x19\xf0z\x10\xfa\xfb)_\x0e8!\x9a\xee\xc3\'"\x84(\xa3\x18\x93\xb4\xb4\xb4\xd4\xd4T\xd9\x12Z\x82\x91\x01\xa0d"j\xbf/\xbd\xf4\x92\xcb\xe5"\x18\x87\x15\xa5Z\x992\xe3\xbat\xc9\xf5z\xaf\xa5\xf3\xc39elN\xff\xfeZB(c\x18\xe3\xf3\xd9\xd9ol\xdb\x16o6+2\x0f\x10=\x88\xd6\xcf\xedG\x8fnIO\xc7\x08q\xc09\xe7\xbd\x9e\x9aZ\xba\xec\x9d\xa1P\xe0\x9ft~\x10\xc2\x1e\x97\xa3a\x8bNM;\xf6f\x05-\xa1S\xa6L\t\x85B\xf2\x1cPR\x91\x01\xa0\x04"j\xbf\xfb\xf6\xed[\xb9r%)\xd8\xbe\xcd\xea\xdf\xdf\xac\xd7SJ\xaf\xa1\xf3\x85\x10r\xfb\xfd\x8d\xabTy\xa6}{\xd1\x12\x8a\x10Z\xb2kW\xfa/\xbf\x98\xf5z&amp;\x97\x80(\x01#\xe4\t\x04\xa6\xaf]\x0b\x01\x80\x08QJk\xd6o\xd2\xa6\xc7P\xb73\xf7\xca\xda\xef_A\x08\x07}\xde\xbe#\xa7\x99lvE\t\x13B222^{\xed5Y\t(\xa9\xc8\x00P2\xa1\x94&amp;\'\'\x8b\xd1\x1e\xcaX\xab\xda\xb5\x1fi\xd0\xe0z\xb4\xfe1B\xee@`T\xa7N\x89V+c\x0cC\xe8\xf2\xfb\xe7m\xdel\xd4j\xe5\x12\x10\x15(\x94\xdaM\xa6\x95_~\xf9\xc3\xf9\xf3\x08aQ\xd1\xed&gt;|"&amp;\x9a\x7f\xdd\xc5C\x08\x83A\x7f\xd9\x8a\xd5:\xf4{R\x88\x85C\x88\xe6\xcf\x9f\x9f\x99\x99);\x82J$2\x00\x944\x14E\xc1\x18\xafZ\xb5j\xdf\xbe}b\xee\x97`&lt;\xa7\x7f\x7f\xca\xf9\xf5\xd8=\x8a\x96\xd0\n\t\tSz\xf4`\x9c\x0b\x81\xa0\xf5\x87\x0e}v\xe4\x88]\xce\x06\xab\x1e\xce\xb9^\xab\xbd\x90\x933k\xc3\x06\x04!D\x901\xda\xa4C\xcfF-\x1e\xf2\xb8\x1c\xff\x94\xfd\xbf\x12\x84\xb1\xd7\xe9\xe8:l\\\x99;+\x8bC@nn\xee\xa4I\x93\xe4L@\x89D\x06\x80\x12\x85h\xe1w\xb9\\3f\xcc\x10\xa6.\x8c\xf3!\xcd\x9b7\xaa\\\xd9}\xdd\n\xcf\x04c\x87\xd7;\xf0\xc1\x07\xef\xa9XQ\x14\x93)cs7mR\x18\x932\xf1*\x872f\xd1\xeb\xdf\xdc\xb6-\xcb\xe5\x12\x1f\x9c\xd1l\xed\xf6\xc4\x84`\xc0w\x9d\x9f&gt;\x04P\xa1\x8a\xc1d\xe9\xf9\xe4$P\xd0K\xb6j\xd5\xaa\xf4\xf4t1I^\xc4\xff\x02I\xb1"\x03@\x89B\xac\xd7\xf3\xe6\xcd;s\xe6\x8c\xf0x\x893\x1a\xa7\xf6\xe8\xe1\t\x06\xf1\x8d\xac\xdd\xf9\xf2a\xbd{\xf3\xc2\x96\xd0\x8c\x8c\x8f\xf6\xeeM0\x9beK\xa8ja\x8cY\x0c\x86\xef\xce\x9e}g\xc7\x0e\x04\xa1h\xfdl\xd7wx\xd5\xda\r\x02&gt;\x0f\x84\xd7\xfb\xb0cL\xbc\xae\xbc\x16\x8f\x0c\xac\xd9\xa0)\xa5\nB8\x14\n\x8d\x193\x86R*\x0f\x01%\x0c\x19\x00J\x0eb\xb3&amp;\xaav\x18!1\xd3;\xa1k\xd7\xf2\xf1\xf1\x81\x7fh\xfd\xfc\'0B\x0e\xaf\xb7c\xbdz\x8f4l\x98\xdf\x12\n\xe1\xcb\xeb\xd7_\xc8\xc9\xd1K\x81 \xd5\x02!FhRJJHQ\x10\xc6\x94\xd1\xd2wT\xec2h\x94\'\xcf\x81\xaeY\xfb\xfd+\x1c\x00F\x95\xfe\xa3f`L\xc4l\xf0\xfe\xfd\xfbW\xadZ%[BK\x182\x00\x94\x1c\xc4\xba,\xfa\xf60\xc6\x94\xb1{*V|\xaa]\xbb&lt;\x9f\x8f\xdc\xb8\xc1\x13\x04@\xa1tF\x9f&gt;V\x83\x81r\x8e\x11\xcar\xb9\xde\xdc\xb6\xcd\xa2\xd7\xcbJ\x80\n\xa1\x8c\xd9\x0c\x86-\xe9\xe9{N\x9c\xc0\x081\xce\x01\xe7\xbd\x9f\x9a\x12W:)\xac\xdcX\xf8\x07\x05\x02Au\xeek\xd9\xb2\xfb\xe0\x02\x81 4c\xc6\x0c\xa7\xd3)[BK\x122\x00\x94\x10D\xeb\xe7\xde\xbd{\x0b\'w8\xe7\xd3{\xf76j\xb57\xb7eC\x08\xb9\x03\x81\xfa\x15+&gt;\xd9\xb6\xad\xc8\xfc"\x08\xdf\xd9\xb1#\xfd\xdc9\x8b\x14\x08R\x1f\x04c_(4%%E\xb4~2Jk6h\xda\xe2\x91\x81nG\xce\xb5[?\xff\t\x88\xb0\xdf\xe3\xee5b\x8a\xc9j\xa3T!\x04\x9f9sf\xe1\xc2\x85\x08!y\x08(1\xc8\x00P\x12\x10c_\xc1`p\xfc\xf8\xf1\x10BQ\xfd\xeb\xda\xa8Q\xc7z\xf5\x1c^\xefM\xfb\xbb\x12\x84r=\x9e\xd1\x9d:U.]\x9a\x16\x08\x04\xcd\xda\xb8\x11#$w\x80\xaaB\xa1\xd4f0,\xde\xb5\xeb\xf4\xa5KB\xf3\x99h\xb4\xfdG\xcd`T\xb9iwO\x08a(\x14HH\xba\xa3\xfb\xe3\x13\n=#_\x7f\xfduQ^\x92;\x80\x92\x81\x0c\x00%\x01Q\xfbMII9|\xf8\xb0\xd8\xfek\t\x99\xd2\xbd;e\xecV\xbav \x84!E)g\xb7\x8f\xeb\xd2\x85\x17\xb4\x84n&gt;|x\xfb\xd1\xa3v\x93In\x03U\x82h\xfd\xfc-7\xf7\x95\xcd\x9ba~\xeb\'\xbb\xbf}\xf7:\xf7\xb5\xfa[\xd9\x9f\xeb\x07c\xe2w\xbb\xda\xf7\x1d\x9eT\xa1*\xa5\n\xc6\xd8\xe9t\xbe\xf4\xd2Kr&amp;\xa0\xc4 \x03@\xd4#\xb6\xff\x0e\x87c\xe2\xc4\x89\x08!\xe1\xf8\xf8L\xfb\xf6\r+Wv\xffE\xf5\xf3F!\x18g\xbb\xddC[\xb4hZ\xbd\xba\xf0\x8c\x84\x00L_\xbb\xd6\x17\n\xdd\xf4\xc1Br{\xa1\x9c[\xf5\xfa\x977l\xc8\xf3\xf90\xc2\x94R\x93\xcd\xde\xf7\xd9i~\xaf\xfbz\x1a\xff\xff\xe5\x0f\xa7\x8a\xce`\x1a0f\x16\xc8O3\x92\x95+W\xee\xdf\xbf\x9f\x10"w\x00%\x00\x19\x00\xa2\x1e\xb1\xfdONN\xce\xcc\xcc\x14\x96/\x89V\xeb\xa8N\x9d\xdc\x81\xc0\xbf\xce\xfd^\x0f\x9cs\r\xc6\x13\xbbu\x13\x82\xd2\x08\xa1\x1f\xce\x9f\x7fo\xe7\xce8\xa3Q\xb6\x84F\x1c\xc6\x98U\xaf\xdf\xf3\xd3O\xcb\xf7\xefG\x10r\x008\xe7\x1d\xfa=Y\xb6b\xb5P\xd0\x7f\xebs\x1b\x08c\x9f\xdb\xd9\xb8u\x97:\xf7\xb5d\x8c"\x04)\xa5c\xc6\x8c\t\x06\x83\xb2\x1a\\\x02\x90\x01 \xba\x11+\xb2\xf0\xf0+l\xfd\x9c\xda\xb3g\x85\x84\x84\x1bm\xfd\xfc\'DKh\xe7\xfa\xf5\xfb4i"ZB\x11\x84\xafl\xde\xfc[n\xael\t\x8d8\x1cB\x82qrj\xaaB)\xc2\x98R\x9aT\xa1j\xd7a\xe3\xbcN\x07\xbaMG4\x0e\x00\xa3l\xe0\xd8\xd9D\xa3\xa5\x94\x12B\xd2\xd3\xd3SRR\xa4@P\t@\x06\x80\xe8F\xe4\x7f\x84\x8b\xb7\x98\xfcjZ\xbd\xfac-[\xe6x&lt;7\xd1\xfa\xf9O\xe4\x8b\x8b\xf5\xeem7\x99\x14\xc6\x10By&gt;\xdf\xcb\x1b6\x98u:\x1a\r\x01\x80\xdf\x14\x91\xbe\xea\x7fG\xa14\xdedZq\xe0\xc0\xc1S\xa70B\x8cq\x00\xf8\x801\xb3\xf4F3\xa5\x14\x82\xdb3\xb6\x8d\x10\xf2\xfb\xdc\xd5\xea6\xee\xf8\xe8\xd3\xa2%\x14!4q\xe2\xc4\xdc\xdc\\y\x08\x88vd\x00\x88bD\xebgZZZZZ\x9ah\xfc\xc7\x08M\xec\xd6\x8d\xdcn\xd9\x16\x08\xa1?\x14\xaa\x9e\x944\xa2];\xf1\'#\x08\x97\xef\xdf\x7f\xf8\xdc9\x8b^\xaf\xf2m \x82PC\xc8M\xbcT\xaez\xc19\'\x18\xbb\xfc\xfe9\x1b7\x02\xd1\xfa\xc9h\x9d\xfbZ6n\xdd\xc5\xe7v\xde\xae\xed\xbf\x00!\xec\xf7\xba;\x0f\x1aiKH\x14\xd5\xe0\xcc\xcc\xcc\x05\x0b\x16\xc8C@\xb4#\x03x\xb4"v\xa9\x8c\xb1\xbau\xeb\x9e:yR\xa3\xd1\x84\xc2\xe1&gt;M\x9a\xac\x1a9\xf2\xb2\xcbu\x1b\xb7\xff\x85\x7f\x1d\x84\x10Bx\xff\xd4\xa9g\xb3\xb24\x18\x87)mU\xbb\xf6g\x13&amp;\xb8\x02\x01\xa4V\x8d \x08a0\x1c\xf6\x87B7\xf1\xb3\x16\x83\x01C\xa8\xda\xc7C\xa14\xd1f\x9b\xbaf\xcd\xdcM\x9b\x08\xc6\x94s\x04\xd1\xcc\x8f\xf7V\xa8^7\xe0\xf7\xdeb\xf1\xff\xafP\xaa\xd8\xec\xa5\xb7\xad~\xf7\xbf\xb3\xc7`L8\xe7\x84\xe0c\xc7\x8eU\xabVM(P\xdd\xde\xbfNR&lt;\xdc\xcc\x84\x88D\r\x08\xe1\x87w\xdf}\xf7\xe4\xc9\x93\xc2\xf0\xddj0\xbc\xd0\xb5\xab/\x14*\x8a\xa7\x11B\xa8P\x9a`\xb1L\xea\xde}\xf8\x92%\xa2%t\xcf\x89\x13[\xbe\xff\xbek\xa3Fy\xd7\xf6\x99\x89\x10\nc\xa5\xcc\xe6Wv\xedzu\xcb\x16\x82\xd0uz\xda\xc0\x02;\xad\xcf_x\xa1f\xb9r\xfePH\x85\xe1\x8dsn\xd0j323\x17\xef\xdc\t!\x04\x00rF[\xf6\x1aZ\xa5NCO^\xce\x8d\n?\\\x0f\x18\x13\x8f\xcb\xd1\xfc\xe1\x01\xbb\xd6\xff\xf7\xfc\xc9\x1f5D#\xec\xa6\xd7\xacY#\x0f\x01\xd1\x8b\xea\x1eZ\xc9\xf5\xc0\x18\x83\x10fff&amp;\'\'C\x08E\xeb\xe7\x93m\xdb6\xacT\xc9Sd\xfbq\x82q\xae\xd7;\xb8Y\xb3\xa65j\x88\x96P\x00\xc0\x94\x94\x14O \x801V\xe7Q\x12B\xf8{n\xae\xd3\xe7\xcb\xf1x\x9c&gt;\xdf\xf5\xbc\xf2|&gt;\xa7\xcf\x97\xe3vS\xceU\xb7\xf0\x17\x90\xaf\xd6\xb7v\xad\xc3\xeb\xc5\x08S\xc6LV[\xaf\x11\x93\x83~\x1f\xbc\xe5\xd6\xcf\x7f\xfcK)5\x98\xcc\xfd\x9e\x9d\x0e8g\x8cb\x8cSSS\xf3\xd3\x8f\xb2\x1f,:\x91\x01 *\x11\x87\xeeI\x93&amp;9\x1c\x0e!\xfa_\xb1T\xa9\xe7:u\xca\xf5xHQ\xee\xc4!\xe7\n\xa53\xfb\xf4\x11Fc\x04\xe3\xd3\x97.-\xd8\xba5^\x95V\x01\x10\x00\xcaX\x9e\xcf\x07!$\x18C\x08\x11\x84\x1a\x8c\xaf\xfd\xd2b\xac\xc1\xd8\xa0\xd5\xaa\xf6\xd9\x10\x8e\x8f\x9f\x1d9\x92\xfa\xf5\xd7\x18!\x068\xe7\xac\xfb\xe3\x13J%\x95\xbf-\xad\x9f\xff\x04\xc6\xd8\xe3r\xd4o\xd6\xa1q\xeb\x87i\x81g\xa4h@\x90\xd5\xe0(E\xb57\xb9\xe4\x1f\x11\xad\x9f\x87\x0f\x1f^\xbdz\xb5\x18\xca\xe7\x00$\xf7\xecY&amp;..\xa4(E*\xd9\x8f\x10r\x05\x02\xadj\xd5\x1a\xd2\xbc\xb9p\x88\x84\x10\xbe\xb7sgFf\xa6A\x95-\xa1\x8c\xf3\x1c\xb7\xbb\xb0\xb1\x87q\x1e\xa6\xf4\xda\xaf\x10\xa5aJ\xfd\xa1\xd0-\xceQ\x17\x1d\x10\xc20\xa5s7mb\x9c\x0b\xe1\x87\x8aw\xd5\xeb\xd0o\x84\xd7\xed\xbc9\xd9\x9f\x1b\xfa\xcb\x19U\xfa\x8d\x9cn4[E\x0f\x82hA\x96\xd5\xe0(E\xd6\x00\xa2\x0f\xb1\xfd\x1f?~|0\x18\xd4j4\xa1p\xb8i\x8d\x1a\x03\x9b5\xcbq\xbbo{\xed\xf7\xaf`\x08]\x81\xc0\xd4\x1e=\xd6\x1f:\xe4\xf4\xfb\tB\x0e\xafw\xfa\xda\xb5\xabF\x8e\xbc\xe4t\x16\xc3\x05\\?\x08\xc20\xa5y&gt;\x1f\x00@\xc4\xc5x\xb3\xf9\x99\xf6\xed\x85\x96\xd15\x16w\x0e\x00\x86\xb0\x94\xd5\x1a\xbe\xa6\x85rD\x10\xb5\xdfww\xec8\x98\x91!\x92?\x80\xf3~\xcfN\xd7\xea\r\x1e\x97\xa3\xa8\x03\x80P\t\xadT\xeb\x9ev}\x87o\xfe\xef|\x840\x84099y\xc0\x80\x01qqq\xa2S\xa0H/@r{\x91\x01 \xca\x10\xdb\xae\xd4\xd4\xd4\xbd{\xf7\x8a\xda\xaf\x96\x90\x99}\xfaPJ\x8b\xe7\xc9\x13\x9e\x91\xe5\xe3\xe3\'t\xed:9%ED\xa3\r\xdf~\xbb\xfb\xc4\x89&amp;\xd5\xaay\xae\xdbw\xac\xa8\xe1\xe2R\xc3a\xa7\xdf_\xf8\xcd\n\t\t3z\xf7\x16\xb3\x0b\xd7~\xbb8\x00.\xbf?\xac\xb2C\x00\xe7\\K\xc8\xef\x0e\xc7\x82\xad[!\x84\x10!\xaa\x84\x1b\xb7y\xa4~\xb3\xf6^w^\xd1o\xff\x01\x00\x00a\xe2\xcdst\x1e4\xea\xeb\xb4u\x97/\x9e\'\x848\x1c\x8e\xe4\xe4\xe4\xb7\xdezK\xdc\x9c\xc5p\r\x92\xdb\x85*\x9eU\xc9u"r,\xa2\xfb\x02\x00 \xb4\x19z\xdc{o\xeb\xda\xb5]\xb7,\xfbs\xfd\x10\x8c\x9d~\xff\x88\xb6m\xab\x95)\xa3\x14\xa8\x84&amp;\xa7\xa6b\x8cU\x95\x03B\x10\x06B!\x97\xcfW\xf8\x1d\x8b\xc1\xe0\t\x04\xb2\x9c\xcel\xb7\xfb\xf25_\xd9n\xb7\nS@\nc\xf1f\xf3\xa2m\xdb\xce]\xbe\x8c\x11\xa2\x8c\x12\x8d\xb6\xd7\x88\xc9\x9c\xb1\x7f\x8bh\xb7\r\x08aX\t\xc5\'\x96}d\xd8\xb8\x02\x95P\xb4x\xf1\xe2\x93\'O\xcaDP\xd4!\x03@4!Z?_{\xed\xb5\x8c\x8c\x0c\x8dF\x13V\x14\xbb\xc94\xbdwo\x97\xdf_\xcc]\x98\n\xa5F\xadvV\xff\xfe\xa0\xd03\xf2\xd4\xa9\x95\x07\x0e$X,j\x11\x08\xe2\x1c#\xe4\x0f\x85\xdc\x81@\xe1\xf7JY,Z\x8d\x06#D\xae\xe3\xa5\xb6\xd5\x9f1f\xd1\xeb\x8f\x9c?\xbfd\xd7.\x84\x90p|\xec\xf8\xe8\xd3Uj7\xb8E\xd5\xcf\x1b\x05c\xe2v\xe4\xb4\xea&gt;\xa4f\xfd&amp;\x94*\x18\x13EQF\x8f\x1e-K\xc1Q\x87\x0c\x00Q\x83\xa8\xfd\x9e9sf\xde\xbcy\x08!1\t\xf6T\xbbv\xd5\x93\x92\xfc\xb7I\xf6\xe7\xfa\xc1\x089\xfd\xfeG\x1a6lU\xbbv\xbeg$\x003\xd7\xaf\xbf\x94\x97\xa7%D\r\xab\x00\x07\x00!\xe4\xf4\xfb\x03WL\x81%\x98\xcdj\x9e\xed\xba6b:aZj\xaa\xcb\xefG\x101Fm\t\xa5;\x0f\x1a\x19\xf0zn]\xf5\xf3\xc6/\x86\x13\xa2\xe9&gt;|"B\x882\x8a1IKK+4#*\xe6\x8b\x91\xdc42\x00D\r\xa2\xc2\xf6\xd2K/\xb9\\.\x82qXQ\xaa\x95)3\xaeK\x97\xdcH\raqN\x19\x9b\xd3\xbf\xbf\x96\x10\xca\x18\xc6\xf8|v\xf6\x1b\xdb\xb6\xc5\x9b\xcd\xd79rU\xd4`\x08]&gt;_\xf8\x8a\xeaH\x82\xd9\x0c!\x04*\x88O7\x8ah\xfd\xdc~\xf4\xe8\x96\xf4t\x8c\x10\x07\x9cs\xde\xeb\xa9\xa9\xa5\xcb\xde\x19\n\x05\x8a\xbf\xf4\x8a\x10\xf6\xb8\x1c\r[tj\xda\xb17+h\t\x15v\xa4\xf2\x1c\x10E\xc8\x00\x10\x1d\x88\xf2\xda\xbe}\xfbV\xae\\I\n6Y\xb3\xfa\xf77\xeb\xf54B\x9d*\x08!\xb7\xdf\xdf\xb8J\x95g\xda\xb7\x17-\xa1\x08\xa1%\xbbv\xa5\xff\xf2\x8bY\xafg\x91^\x028\xe7\x18!\xa7h\x01BH,\xfa\t\x16\x0b\xe7\xfc\xa6M\xb2"H\xbe\x1e\xdf\xda\xb5\xc2\xf1\x91RZ\xb3~\x936=\x86\xba\x9d\xb9\xc5S\xfb\xfd+\x08\xe1\xa0\xcf\xdbw\xe44\x93\xcd\xae(aBHFF\xc6k\xaf\xbd&amp;+\x01Q\x84\x0c\x00Q\x03\xa5499Y\x0c\xe0P\xc6Z\xd5\xae\xfdH\x83\x06N\x9f/\x82\x1a\x0c\x18!w 0\xaaS\xa7D\xab\x951\x86!t\xf9\xfd\xf36o6j\xb5jX\x02 \x84\x0e\xaf\x17\x14\xa8;\x00\x00\x12,\x16\xc6\xb9\xf82\x8ad?\x15J\xed&amp;\xd3\xca/\xbf\xfc\xe1\xfcy\x84\xb0\xa8\xbbv\x1f&gt;\x11\x13M\x04/\x1fB\x18\x0c\xfa\xcbV\xac\xd6\xa1\xdf\x93\xe2}\x84\x10\xcd\x9f??33SZ\x86E\x0b2\x00D\x01B\xeay\xd5\xaaU\xfb\xf6\xed\x13s\xbf\x04\xe39\xfd\xfbS\xce#\x9b\xcd\x10-\xa1\x15\x12\x12\xa6\xf4\xe8\xc1\n&lt;#\xd7\x1f:\xf4\xd9\x91#\xf6H\xcf\x06\x8b\x1a@\x8e\xc7\x93\xff%\xe7\x00\x00\x9b\xc1\x10\xa6T\xb4\xf9k0\xd6\x10B0\xc6\x102\xce\x15\xc6(c*\x0c\x06\xc2\xf1\xf1BN\xce\xac\r\x1bP\xbe\xe3#m\xd2\xa1g\xa3\x16\x0fy\\\x8e\xe2\xcf\xfe_\t\xc2\xd8\xebtt\x1d6\xae\xcc\x9d\x95\xc5! 77w\xd2\xa4I\xe8v\xeb\xd1J\x8a\x08\x19\x00\xd4\x8eh\xb4w\xb9\\3f\xcc\x10"?\x8c\xf3!\xcd\x9b7\xaa\\\xd9\xad\x82\xa6{\x82\xb1\xc3\xeb\x1d\xf8\xe0\x83\xf7T\xac(\xca\xd4\x94\xb1\xb9\x9b6)\x8cEx&amp;\x88s\x08@\xae8\x01@\xc88\x87\x10VNL4\x1b\x0cZ\x8c}\xa1\x90\xc3\xeb\xcdq\xbb\xf3\xbc\xde`8l\xd4jK\x99\xcdq&amp;\x13\x86PQY\x18\xa0\x8cY\xf4\xfa7\xb7m\xcbr\xb9\xc4\xdbk4[\xbb=1!\x18\xf0E\xfc\xd3\x87\x00*T1\x98,=\x9f\x9c\x04\n\xba\xd4V\xadZ\x95\x9e\x9e.\x8d\xe3\xa3\x029\x08\xa6v\xc4C5o\xde\xbc3g\xceh\x08Q(\x8d3\x1a\xa7\xf6\xe8\xe1\t\x06\xb1:r\xd9\x941\xab\xc94\xbdw\xef\x1e\xf3\xe7\xe7\xb7\x84fd|\xb4w\xef\xd3\xed\xda\x15\x850\xf5u"J\x91\xb9\xe2\x04\xc09\x00\x80 \xb4x\xe7\xce\x1c\x8f\xe7\xcc\xa5K\xd9\x1e\x8f/\x18\xa4\x8c\x11\x84,\x06CR\\\\\xbd\n\x15Z\xd5\xaa\xd5\xbcV\xad2Vk\x9e\xcf\xc78W\x83\x08(c\xccb0|w\xf6\xec;;v \x089\x80\x9c\xd1v}\x87W\xad\xdd\xc0q9\x13\x13M\xa4/\x10`L\xbc\xae\xbc\x16\x8f\x0c\xfcb\xfdG\'\xbf?\xa8\xd1hC\xa1\xd0\x981cv\xef\xde\x1d\xe9K\x93\xfc;\xb2^\xafj\xc4\x9e:##\xa3n\xdd\xbaTQ\x84&amp;\xf3\xec\xfe\xfd\x9f\xef\xd2%\xbbX\x84\x1f\xae\x13\xca\x98\xcdh\xec\xf7\xc6\x1b[\xd2\xd35\x18+\x8c\x95\xb6X\x0e\xce\x9ci7\x99\xc2E,Ot\x8dK\x8a3\x99\x06\xbf\xfd\xf6\xdao\xbe\xc1\x08]g&gt;\xaar\xe9\xd2\xc3\xdb\xb4\x19\xde\xb6\xad\x96\x10_0\x18q\x8dk\xc6\xb9\xd5`\xe8&lt;o\xde\x9e\x13\'\xc4\xe0w\xe9r\x15^^\xb1W\xa77R\xa6\x16\x99\n\xc6\x98\xc1h:\xf5\xc37/\x0f\xef\xcc9C\x08)\x8a\xb2|\xf9\xf2\xc1\x83\x07\xcb\xd9`\x95#S@\xaaF\x84g\xd1]\'&lt;\xbf\xee\xa9X\xf1\xa9v\xed\xf2|&gt;\xf5\xac\xfe\x00\x00\x08\x80B\xe9\x8c&gt;}\xac\x06\x03\xe5\x1c#\x94\xe5r\xbd\xb9m\x9bE\xaf\x8fT%\x00BH\x19\xfb-\'G\x98\x18#\x84\x08B:B\xb4\x84\x10\x8c\xc571B\x04c\r\xc6\x04c\x82\x10B\xe8\xdc\xe5\xcb\x93?\xf9\xa4\xcb\xbcy\xbf\\\xbe\x1c\xc1\x8b\x17P\xc6l\x06\xc3\x96\xf4\xf4=\'N`\x84\x18\xe7\x80\xf3\xdeOM\x89+\x9d\x14V\x8a{\xf2\xe3\x1a\x08\x81\xa0:\xf7\xb5l\xd9}\xb0\xf0\x8c\x84\x10\xcd\x981\xc3\xe9t\xca\x96P\x95#\x03\x80z\x11\xbb\xa7\xbd{\xf7\x16\xce\xd7p\xce\xa7\xf7\xeem\xd4j\xd56k\x83\x10r\x07\x02\xf5+V|\xb2m[\x91\xf9E\x10\xbe\xb3cG\xfa\xb9s\x16\x83!R\xb9`\xc6y\xe5\xc4D\xa1\x00\xca\x18S\x18\x0b*JHQ\x14JE\xc9\x9a2\xa6P\x1a\xa6T\xa1\x94\x17LZh0&gt;t\xe6L\x97y\xf3\xcefe\x19u\xba\x08\xf6\xb3\x12\x8c}\xa1\xd0\x94\x94\x14\xd1\xfa\xc9(\xad\xd9\xa0i\x8bG\x06\xba\x1d9\x91j\xfd\xfc\' \xc2~\x8f\xbb\xd7\x88)&amp;\xab\x8dR\x85\x10|\xe6\xcc\x99\x85\x0b\x17"\x84\xd4v\xafJ\xaeD\xc6g\x95"\x1a\x14\xc3\xe1\xf0\x83\x0f&gt;\x98\x9e\x9eN\x08\t\x87\xc3]\x1b5J\x19=:\xb2\xad\x9f\xff\x84\xe8\xbb\xf7\x85B-g\xcc\xf8%;\x9b \x14\xa64\x82\x17,\xf4&gt;5\x18\xaf\xfa\xf2\xcbE\xdb\xb7\xdb\x0c\x86\xbaw\xdeY91\xb1BBB\xbc\xd9\xac%\x84q\xee\xf6\xfb\x7f\xcd\xcd\xfd\xe1\x97_v\x9f8\xf1kN\x0e(\xa8\x1c\x08\xc3\xcb\x06\x95*\xed\x98&lt;\x99q~m\xe9\xd0"B\xa1\xb4\x94\xc5\xf2\xda\xd6\xad\x93SR0\xc2\x1cp\x84\xc9\x94\xc5\x9f\xd6\xb8\xe7~\xbf\xef\xf6;&gt;\xde:\x94*\x96\xb8\x84-\x1f-X\xf9\xfa\x14\xe1\x19i\xb1\x98\x0f\x1f&gt;\\\xa5J\x15\xe9\x19\xa9Zd\x00P)b\xfb\xbfl\xd9\xb2a\xc3\x86\x11B\x18c\x04\xa1\xfd\xd3\xa6\xd5._\xde\xab\x82\xe6\x9f\xbf\xa5P\xa9x\xd4\xd2\xa5b\xc5\xa7\x8cm\x18?\xfe\xa1{\xeeqx&lt;\x91\xca\x05[\r\x86&lt;\xafW\xa7\xd5\x9a\xb4Z\x00!cLl\xff!\x00"5\x04\x00\xb8\xecr}|\xe0\xc0\x8cu\xeb\xfc\xa1P\xa1%\xa4B\xe9\xec~\xfd\x9e\x7f\xf8\xe1\xec"\xb6\xd9\xf9+\x9cs\r!y^o\xc3I\x93\x9c~?\xc6XQ\x94\x07;\xf7}\xee\x95\x8f\x9d\xb9Yj\xdb\xfe\x17\x02\x01\x84\x08N\xec\xd74\xf3\xc2\x19\x8dF\x1b\x0e\x87\x86\x0c\x19\xb2l\xd92EQ\x08Q\xe95\xc78j\\G$"\x17\xe1p8&amp;N\x9c\x88\x10\x12\x8e\x8f\xcf\xb4o\xdf\xb0rew1\xaa~\xde(\x04\xe3l\xb7{h\x8b\x16M\xabW\x17\x9e\x91\x10\x80\xe9k\xd7\xfaB\xa1\x08V\x02\x1d^/\xc68\x14\x0eg{&lt;\xd9n\xb7\xc3\xebu\xfa|\x1e\xbf\xdf\xed\xf7\xe7\xf9|\xb9\x1eO\x8e\xc7\xa3\xd3h^\xe8\xda5u\xcc\x18\x93N\x07!\x14sL\x10\xc2\xf7w\xef\xce\xf5z5\xc5~\xf1\x94s\xab^\xff\xf2\x86\ry&gt;\x1fF\x98Rj\xb2\xd9\xfb&gt;;\xcd\xefuG\xb6\xf1\xff\xdaP\xaa\xe8\x0c\xa6\x01cf\x81\xfc\x1d\x0cY\xb9r\xe5\xfe\xfd\xfb\t!2\x11\xa4NT\xba\x94\xc48\xa2\xf9\'99933\x13#\xa4P\x9ah\xb5\x8e\xea\xd4\xc9\x1d\x08\xa80\xf9s%"\x7f2\xb1[7!U\x8d\x10\xfa\xe1\xfc\xf9\xf7v\xee\x8c3\x1a#\xa5\x12*\xca\xa7\x10B\xa1\xf1\x89\x11\xc2(\x1f\xf1\xff\x04!\xc6\xd8o\xb9\xb9]\x1a4\x98\xdc\xbd\xbbh\x00\x15\xa9\xffsYY\x87\xcf\x9e-\xe6\xc1f\xc6\x98U\xaf\xdf\xf3\xd3O\xcb\xf7\xefG\x10\x8a\xe2D\x87~O\x96\xadX\xadH\x1d\x1fo\x1d\x84\xb1\xcf\xedl\xdc\xbaK\x9d\xfbZ2F\x11\x82\x94\xd21c\xc6\x04\x83AY\rV\'\xaa^Mb\x13\xb1n\n\xa7=\x8c\x90(\x06L\xed\xd9\xb3BBB\xa0\xd8U?o\x14\x8c\x90\xc3\xeb\xed\\\xbf~\x9f&amp;M\x84J(\x82\xf0\x95\xcd\x9b\x7f\xcb\xcd\xd5G\xce3\xf2_\xdf2\x08\xa1\x16\xe3\x1c\xb7{P\xf3\xe6el6\xca\x18\x84P\x8cY\x1c9\x7f^KHqV\xb19\x84\x04\xe3\xe4\xd4T\x85R\x841\xa54\xa9B\xd5\xae\xc3\xc6y\x9d\x0e\xa4\xa6\xd6\xaf\xbf\x85\x03\xc0(\x1b8v6\xd1h)\xa5\x84\x90\xf4\xf4\xf4\x94\x94\x14)\x10\xa4Nd\x00P\x1d"\xff#\xbc\xb61\xc6\n\xa5M\xabW\x7f\xace\xcb\x1c\x8fGU\xad\x9f\xffD\xbelY\xef\xdev\x93Ia\x0c!\x94\xe7\xf3\xbd\xbca\x83Y\xa7\xa3*\xde\x03\n\xa3\xdd\xd2\x16\xcb}U\xab\x02\x00\n\xa7\xc0.dg\x17\xe7E+\x94\xc6\x9bL+\x0e\x1c8x\xea\x14F\x881\x0e\x00\x1f0f\x96\xdeh\xa6\x94\xc2\x08T\xa3o\x0c\x84\x90\xdf\xe7\xaeV\xb7q\xc7G\x9f\x16-\xa1\x08\xa1\x89\x13\'\xe6\xe6\xe6\xcaC\x80\n\x91\x01@]\x88\xdaoZZZZZ\x9ah\xfc\xc7\x08M\xec\xd6\x8dD\x8f\xb8\n\x84\xd0\x1f\nUOJ\x1a\xd1\xae\x9d\xb8f\x04\xe1\xf2\xfd\xfb\x0f\x9f;g\xd1\xeb\xd5\xbc\r\x14\xb5\xdf\x8a\xa5K\x03\xd1\x0e\x04\x00\x00\xc0\x1d\x08\xb0\xe2\xb2\x06\xe3\x9c\x13\x8c]~\xff\x9c\x8d\x1b\x81h\xfdd\xb4\xce}-\x1b\xb7\xee\xe2s;\xd5\xbf\xfd\x17 \x84\xfd^w\xe7A#m\t\x89\x94*\x18\xe3\xcc\xcc\xcc\x05\x0b\x16\xc8C\x80\n\x91\x01@E\x88\xbd\x7f\xbe\xb9\x12\x00\x18!Ji\xcf\xfb\xee\xeb\\\xbf\xbe#R\xa2\xff7\x05F(\xd7\xe3\x19\xdf\xa5K\x95\xc4D\x85RQ\xc6\x98\x94\x92\x82!T\xb5\x143\xe7\x10\x00\xdd\xff\xf6\xab\x14\xa7 \x04e,\xdel\x9e\xbfu\xeb\xd9\xac,"\xc2?&amp;\x03\xc7\xcefT]\xf2D\xd7\x06B\x18\n\x05J\x97\xad\xd0k\xc4\xe4\x02\xcfH\xfc\xea\xab\xaffdd\xc8\x18\xa06\xa2fM\x89\x05D\xf6_\xd8\xabbB\x14J\xad\x06\xc3\x0b]\xbb\xfaB!\xd5v\xfe\xfc-B\xb2\xc2j0L\xea\xde\x1d\x00 TB\xf7\x9c8\xb1\xe5\xfb\xefmFcd\xc7k\xaf\x05\x84\x8csa! \x82\x01\x00\xc0n2a\x84\x8aa\xfd\xe5\x9c\x1b\xb4\xda\x8c\xcc\xcc\xc5;wB\x08\x01\x80\x9c\xb1\x96\xdd\x07W\xa9\xd30\xe0+V\xc7\xc7[\x07c\xe2q9\x9a?&lt;\xa0\xe2]\xf5(\xa3\x18cad-\xb3@j#\x9a\xee\xaa\x92\x8d\xe8;\xcc\xcc\xccLNN\x86\x10\x8a\xd6\xcf\'\xdb\xb6mX\xa9\x92\'\x10P\x830\xd9\rA0\xce\xf5z\x077k\xd6\xb4F\r\xd1\x12\n\x00\x98\x92\x92\xe2\t\x040\xc6\xea\\\x05\x10\x00!E9\xf9\xc7\x1f@\x18\x06\x00\x00\x00\xa8X\xbat\xf1\\-e\xcc\xac\xd7O_\xbb\xd6\xe1\xf5b\x84)c&amp;\xab\xad\xd7\x88\xc9A\xbf\x0f\xaa\xb8\xf5\xf3\x9f\xa0\x94\x1aL\xe6~\xcfN\x07\x9c3F1\xc6\xa9\xa9\xa9\xf9\x89M\xd9\x12\xaa\x1ad\x00P\x0bbZr\xd2\xa4I\x0e\x87C\x88\xfeW,U\xea\xb9N\x9dr\x8b}\n\xe9v\x019W(\x9d\xd9\xa7\x8f\xb00#\x18\x9f\xbeti\xc1\xd6\xad\xf1\xc5e\x15\xc0n\xc4\xee\x85q\xae\xd7j\xcfee\xa5\x9f;\'\xbe\x14\x9d\xa0\xf7T\xa8\x10\xa2\xb4\xa8?\x00\xe1\xf8\xf8\xd9\x91#\xa9_\x7f\x8d\x11b\x80s\xce\xba?&gt;\xa1TRy\x95\xb7~\xfe\x13\x18c\x8f\xcbQ\xbfY\x87\xc6\xad\x1f\xa6\x05\x9e\x91\xa2\xb5A\x9e\x03\xd4CT\xae,%\x0f\x91\xfc9|\xf8\xf0\xea\xd5\xab\x85\x90:\x07 \xb9g\xcf2qq\xa1\x08\xa9i\xde:\x08!W \xd0\xaaV\xad!\xcd\x9b\x8b\xc5\x14B\xf8\xde\xce\x9d\x19\x99\x99\x86\xa2o\t\xe5\x00\x98u:!\xa0\xcd\xfe\xed/\x13\xba@V\x83a\xe1\xe7\x9f{\x83A\x8c\x90x\xc7\xab\x95)S\xafB\x05\x7f(\x04\x8b8\x06\x8b\x1e\xa4\xb9\x9b61\xce\x11\xc2\x8c\xb1\x8aw\xd5\xeb\xd0o\x84\xd7\xedT\xed\xdc\xefu\x00\x19U\xfa\x8d\x9cn4[Ew\x83hn\x96\x95\x00\xf5 \x03\x80*\x10\xe5\xdf\xf1\xe3\xc7\x07\x83AQ2mZ\xa3\xc6\xc0f\xcdr\xd4\xa4\xf9|\x13`\x08]\x81\xc0\xd4\x1e=\xe2\x8cF!\xbe\xef\xf0z\xa7\xaf]k5\x18\x8a\xf4\x10\xc0\x01 \x08}q\xfcx\x96\xd3Y\xc6f3\xebt\x08\x00\xca\x98\xb0\xfd*T\x83(\xfc\x8e\x96\x90rv\xfb\x1b\x9f\x7f\xfe\xdf={\x84\xe9\x8a\xf0\xb4\x1a\xd0\xacY\xbc\xd9|\xa5\xad|Q d\x7f\x96\xed\xdbw0#C$\x7f\x00\xe7\xfd\x9e\x9d\xae\xd5\x1b(U\x8a\xf2o.Z\x84Jh\xa5Z\xf7\xb4\xeb;\xbc@%\x14&amp;\'\';\x1c\x0ei\x19\xa6\x12d\x00\x88&lt;bs\x94\x9a\x9a\xbaw\xef^\xa1\xf9\xae%df\x9f&gt;\xb4\x88\xd7\x9db@xF\x96\x8f\x8f\x9f\xd0\xb5\xab\x98hC\x08m\xf8\xf6\xdb\xdd\'NX\x8bR%\x941f\xd2\xeb\xdfJKk\xf9\xd2K\x13W\xaf\xfe\xe6\xcc\x19\xca\xb9\xddd*e\xb1\xc4\x99L\x16\x83\xc1\xa4\xd3\x99u:\x9b\xd1\x98`6\xdbM\xa6,\xa7\xf3\xe9\x0f?\x1c\xbbb\x05,\x18`V(\xbd3!ax\xeb\xd6N\xbf\xbfH\x8dw8\xe7ZB~w8\x16l\xdd\n!\x14\xad\x9f\x8d\xdb&lt;R\xbfY{\xaf;/\x9a\xb7\xff\x00\x00\x800\xf1\xe69:\x0f\x1a\x95X\xbe\x12\xa5\n!\xc4\xe1p\x88*\x97&lt;\x04\xa8\x01\x99\x8c\x8b0\x9cs\xc6\x18\xa5\xb4n\xdd\xba\x19\x19\x19Z\x8d&amp;\x14\x0e\xf7k\xdat\xd5\xc8\x91\x97\x9c\xce\xa8\xde\xfe\x17\x02!D\x10\xde?u\xea\xe9K\x974\x84\x84\x15\xa5i\x8d\x1a_L\x9d\x9aWd\xbd\xad\xc2\rf\xe0\xdbo\xaf\xff\xe6\x1b\xf1\x9d\xeaII\r*U\xaa{\xe7\x9dU\x12\x13KY,:\x8d\x86q\xee\xf2\xf9\xcede}\x9d\x91\xb1\xf3\xc7\x1f\xf3|&gt;\x91\x9b\xc6\x10\x8a\x95i\xe3\xf8\xf1\xed\xef\xbe\xbb\xa8\xa5L\xc3\x94\x96\x8d\x8b\x9b\xb0j\xd5k\x9f~J0\xa6\x9ccLf~\xbc\xb7B\xb5\xda\xeaT\xfd\xbcQ(Ul\xf1\xa5\xb7\xa7,\xfe\xf0\xe5\xd1\x18\x13\xe1\x18s\xec\xd8\xb1\x1a5jH\x95\xd0\x88\x13\xdd\xfb\x8b\x12@\xa1\xe3cFF\x86F\xa3\t+\x8a\xddd\x9a\xde\xbb\xb7\xcb\xef\x8f\xa2\xc6\xffk#l,g\xf5\xef\xdf\xef\x8d7\xf2=#O\x9dZy\xe0\xc0\x90\x16-\xb2\x8b\xd23R\x08\x13!\x84\x82\xe1pFffFf\xe6\x9a\xaf\xbf\xfe\xa7\xdf,T7\xc4\xe85\x82\xf0\xdd\xc7\x1f\xefT\xaf^n\x11\x8b\x982\xc6,z\xfd\x91\xf3\xe7\x97\xec\xda\x85\x10\x12\x8e\x8f\x1d\x07=]\xa5v\x03\x97#;\xda\xb7\xff\x02\x8c\x89\xdb\x91\xd3\xaa\xfb\x90\x03\x9f\xae:y\xe4k\xa1\x12:z\xf4\xe8\xed\xdb\xb7\xcbC@\xc4)!KL\x94"\xb2\rg\xce\x9c\x997o\x1eBH\x98\x00&lt;\xd5\xae]\xf5\xa4$\xbf\xeae\x7f\xae\x1f\x8c\x90\xd3\xef\x7f\xa4a\xc3V\xb5k\x0b\x81 \x08\xc0\xcc\xf5\xeb/\xe5\xe5i\t)\xa23(\x840\x14\x0e\x87)\r\x86\xc3\x18!-!\xe2ED?\n\x00\x10B\x8c\x90\x06c-!\x1a\x8c9\xe7\x8cs\x85\xd2*\x89\x89\xeb\xc7\x8d\x1b\xd6\xb2e\xae\xd7[\xd4"\xa6b\xf6xZj\xaa\xcb\xefG\x101Fm\t\xa5;\x0f\x1a\x19\xf0z\xd4\xac\xfay\xa3p\xc0\t\xd1t\x1f&gt;\x11!D\x19\xc5\x98\xa4\xa5\xa5\x15\xda\x1cE\xfa\xeab\x1a\x19\x00"\x89\xa8\xfd\xbe\xf4\xd2K.\x97\x8b`\x1cV\x94je\xca\x8c\xeb\xd2%7\xaa\xe6~\xaf\x0b\xce)cs\xfa\xf7\xd7\x12B\x19\xc3\x18\x9f\xcf\xce~c\xdb\xb6x\xb3Y)\x82m \x82\xd0\x17\x0cN\xec\xd6\xado\x93&amp;q&amp;\x13e,\xa4(\xe2\xa50&amp;\x9a\x828\xe7\x94\xb10\xa5!E\tS\xca8\xafP\xaa\xd4\xe4\xee\xddw\'\'w\xa8W/\xc7\xe3)\xea\x8f@\xb4~n?ztKz:F\x88\x03\xce9\xef\xf5\xd4\xd4\xd2e\xef\x0c\x85\x02%&amp;\xfc\x03\x00\x10\xc2\x1e\x97\xa3a\x8bNM;\xf6f\x05-\xa1\xc2\xe8T\xb6\x84F\x16\xf9\xeeG\x0cQ\xfb\xdd\xb7o_\x9b6m`\xc1z\xf4\xc9s\xcfum\xd4\xa8\xe8\x92\xe3\x11D\xa1\xb4\xb4\xd5\xfa\x9f\x95+\x17~\xfe9\xc1\x98qn\xd6\xe9\xbeHN\x16\xc7\x9d\xdb&gt;\xe9\xc697\xe8tZ\x8cE\x96\xff\xdb3g~\xbax\xf1\x8f\xbc\xbc\\\x8f\'\x10\x0eS\xc6 \x00\x1aB\xecFc\xb9\xf8\xf8z\x15*\xb4\xa8U\xabY\xcd\x9aIqqn\xbf?\xa4(\xc5\xf3\xfe#\x08\xdb\xce\x9au\xf4\xfcyL\x88\xa2(5\xeb7I\xfe`[0\xe0\x83\xb0\xa4}\xfa\x9cs\x8dF\xeb\xc8\xce\x9c&lt;\xa0\x99\xcf\x95\'\x1c\xeef\xcd\x9a5y\xf2di\x1c\x1fAd\x00\x88\x18\xe2\xf0\xdb\xa6M\x9b}\xfb\xf6\x89\xdao\xab\xda\xb5?\x9b0\xc1\x15\x85s\xbf\xd7\x83p\xb9rx\xbdM\x93\x93\xb3\xddn\x8cP\x98\xd2&gt;M\x9a\xac\x1a9\xf2r\xd1T\x02\xc4 \x98^\xa31h\xb5\x08\xc2\x10\xa5\x9e@\xc0\x17\x0c\xfaC\xa10\xa5\x10B\xbdFc\xd2\xe9\xac\x06\x83^\xab\xa5\x8cy\x03\x81\x10\xa5\x18\xc2b\xd8}\x8bp\xf8\xce\x8e\x1d\xcf-[\x86\x11\xe6\x00\x00\xc0\xff\xf3\xe6\xfa\xfa\x0f\xb6\xf7\xba\xf3JR\xfe\xa7\x10Q\r^\xbd\xe8\xc5\rK\xe6\x11\xa2\xa1\x94\xda\xedq\xc7\x8f\x1fOLL\x04\x00\xc8jpD\x90ozd\x10R\xcf\xabV\xad\xda\xb7o\x9f\x98\xfb%\x18\xcf\xe9\xdf\x9fr\x0eJhH\x16-\xa1\x15\x12\x12\xa6\xf4\xe8!\xda\xf01B\xeb\x0f\x1d\xfa\xec\xc8\x11{\xd1\xcc\x06#\x081B!Eqx\xbd\xd9\x1e\x8f\'\x10\xc0\x08\xd9\x8c\xc6rv{\xa5\xd2\xa5+\x96*U\xdaj\xd5k4\xbeP(\xdb\xed\xce\xf3z\xc5\xa4B1\xac\xfe\x9cs\xbdV{!\'g\xd6\x86\r\x08B\x88 c\xb4I\x87\x9e\x8dZ&lt;\xe4q9J\xe4\xea\x0f\x00@\x18{\x9d\x8e\xae\xc3\xc6\x95\xb9\xb3\xb2\xa2\x84\t!\xb9\xb9\xb9\x93&amp;M\x923\x01\x11D\x06\x80\x08 \xba\xdf\\.\xd7\x8c\x193\xc4f\x9fq&gt;\xa4y\xf3F\x95+\xbb\xd5\xea\xf7{[ \x18;\xbc\xde\x81\x0f&gt;xO\xc5\x8a\xa2\x00N\x19\x9b\xbbi\x93\xc2X\xd1-\xbb\xa2\xd8+j\xbf\xa2\xcc\x1bR\x94`8\x1c\x0c\x87\xc3\x8aB9G\x10\n\xa7\xb0bK\xbbS\xc6,z\xfd\x9b\xdb\xb6e\xb9\\\xe2M0\x9a\xad\xdd\x9e\x98\x10\x0c\xf8J\xf0\xa7\x0f\x01T\xa8b0Yz&gt;9\t\x14\xf4\xbf\xadZ\xb5*==]L\xbfG\xfa\x02c\x91\x12{\xb7\xa9\x19\xb1\xf6\xcd\x9b7\xef\xcc\x993\xa2\xef0\xceh\x9c\xda\xa3\x87\'\x18,\xd2\x99#5\x90/y\xd6\xbb7\x17K\x00B\x0732&gt;\xda\xbb7\xc1l.\x06\xcfH\xd1\xfc\xf3?\x14\xf5_\xf9\x17\x18c\x16\x83\xe1\xbb\xb3g\xdf\xd9\xb1\x03A\xc8\x01\xe4\x8c\xb5\xeb;\xbcj\xed\x06\x01\x9f\xa7\xe4e\xff\xaf\x04c\xe2u\xe5\xb5xd`\xcd\x06M)U\x10\xc2\xa1Ph\xcc\x981\x94Ry\x08\x88\x08%\xf9nS\'b\xe3\x93\x91\x91\xf1\xdak\xaf\x15:&gt;N\xe8\xda\xb5||\xbc\xfa\x1d\x1fo\x1d\xe1\x19\xd9\xb1^\xbdG\x1a6\xcco\t\x85\xf0\xe5\xf5\xeb/\xe4\xe4D\xd03\xb2X\x81\x10#4)%%\xa4(\x08c\xcah\xe9;*v\x194\xca\x93\xe7@%\xa2\xf1\xff\xdap\x00\x18U\xfa\x8f\x9a\x811\x11\xb3\xc1\xfb\xf7\xef_\xb5j\x95l\t\x8d\x082\x00\x147b\x8d\x13=p\xc2\xf3\xeb\x9e\x8a\x15\x9fj\xd7.\xcf\xe7+\x19s\xbf\xff\n\x04@\xa1tF\x9f&gt;V\x83\x81r\x8e\x11\xcar\xb9\xde\xdc\xb6\xcd\xa2\xd7\xab\xd7*\xe06A\x19\xb3\x19\x0c[\xd2\xd3\xf7\x9c8!\xdc\xea\x01\xe7\xbd\x9f\x9a\x12W:)\xac\x94\xfc\xf0\x0f\n\x04\x82\xea\xdc\xd7\xb2e\xf7\xc1\x05\x02Ah\xc6\x8c\x19N\xa7S\xb6\x84\x16?2\x00\x14+\xa2\xe3m\xef\xde\xbd\x85S0\x9c\xf3\xe9\xbd{\x1b\xb5\xda\xd8\xd9\xfe \x84\xdc\x81@\xfd\x8a\x15\x9fl\xdbVd~\x11\x84\xef\xec\xd8\x91~\xee\x9c\xa5(\x05\x82\xd4\x00\xc1\xd8\x17\nMII\x81\xc2\xf1\x91\xd2\x9a\r\x9a\xb6xd\xa0\xdb\x91S2\xe6~\xaf\x07\x88\xb0\xdf\xe3\xee5b\x8a\xc9j\xa3T!\x04\x9f9sf\xe1\xc2\x85\x08\xa1\xd8y\nT\x82\x0c\x00\xc5\x87\x18\xfb\n\x06\x83\xe3\xc7\x8f\x87\x10\x8a\xea_\xd7F\x8d:\xd6\xab\xe7(\xfa\xa1SUA\x10\xca\xf5xFw\xeaT\xb9ti\xe1{\x1cR\x94Y\x1b7\x16\x8f\xf7V\xa4P(\xb5\x19\x0c\x8bw\xed:}\xe9\x92\xd0|&amp;\x1am\xffQ3\x18UT\xed\x94y\xbb\x11\x9e\x91\tIwt\x7f|B\xa1g\xe4\xeb\xaf\xbf.Jb%{\x07\xa06d\x00(&gt;D\xed7%%\xe5\xf0\xe1\xc3b\xfb\xaf%dJ\xf7\xee\xb4\xb8&lt;\xc7\xd5\x03\x840\xa4(\xe5\xec\xf6q]\xba\xf0\x82\x96\xd0\xcd\x87\x0fo?z\xd4n2\x95\xc8m\xa0h\xfd\xfc-7\xf7\x95\xcd\x9ba~\xeb\'\xbb\xbf}\xf7:\xf7\xb5\xf2y\xa3\xcc\xf1\xf1\xd6\xc1\x98\xf8\xdd\xae\xf6}\x87\'U\xa8*\x8c\xe3\x9dN\xe7K/\xbd$UB\x8b\x99\xd8\xba\xed"\x88\xd8\xfe;\x1c\x8e\x89\x13\'"\x84\x84\xe3\xe33\xed\xdb7\xac\\\xd9\xed\xf7\xc7\xda\xf3\x0f\x00 \x18g\xbb\xddC[\xb4hZ\xbd\xba\xd0\xdf\x87\x00L_\xbb\xd6\x17\n\x95\xc8\xc3\x10\xe5\xdc\xaa\xd7\xbf\xbcaC\x9e\xcf\x87\x11\xa6\x94\x9al\xf6\xbe\xcfN\xf3{\xdd%\xb5\xf1\xff\xdaP\xaa\xe8\x0c\xa6\x01cf\x81\xfc\xd4(Y\xb9r\xe5\xfe\xfd\xfb\t!%r\x07\xa0Nbn\xdd\x89\x14b\xfb\x9f\x9c\x9c\x9c\x99\x99),_\x12\xad\xd6Q\x9d:\xb9\x03\x81\xa2V\x1d\x10SW7\xf1*\xd2\xab\x02\x05j\x9d\x13\xbbuC\x05*\xfc?\x9c?\xff\xde\xce\x9dqFc1\xb4\x84\x16\'\x8c1\xab^\xbf\xe7\xa7\x9f\x96\xef\xdf\x8f \x14JD\x1d\xfa=Y\xb6b5\x958&gt;2\xc6\xf8\x95\xaf\xa2\xff\xf4\x11\xc6&gt;\xb7\xb3q\xeb.u\xeek\xc9\x18E\x08RJ\xc7\x8c\x19\x13\x0c\x06e5\xb8\xd8\x90otq \x0c\xdfO\x9d:U\xb7n]\xce\x18\x84P\xa1t\xd1\xb0aO\xb7kWD*\x08\x85p\x00\x0c\x1a\x8d\xc8\xad_\xe72#~\'\xe3\xdc\x1f\n\x15\xdd\x85\t\x84"\xc2\xa0\xb7\xdf\xfe\xe4\xe0A\r\xc6\xc2\x971}\xce\x9c8\x93)\x1c\xb5^\x98\x7f\x85rn7\x1a[\xbf\xfc\xf2\xc1S\xa7\x08!\x8aB\x93*T\x99\x93\xf2\x15\xe0\x9c\x01\x0e\xaf\xf7\x93)28\xd7\x19\xcd\x00\xfc\xb9\x14PEQB\xc1\xa2\xaeL0\xc6\xf4\x06\xd3\x85\x8cc/\x0ei\xcd\xa8\x82\x10R\x14e\xe9\xd2\xa5C\x87\x0e\x95\x02A\xc5\x83\x0c\x00\xc5\x81</t>
        </is>
      </c>
    </row>
    <row r="101">
      <c r="A101" s="1" t="n">
        <v>99</v>
      </c>
      <c r="B101" t="inlineStr">
        <is>
          <t>grid_number_color</t>
        </is>
      </c>
      <c r="C101" t="inlineStr">
        <is>
          <t>What is the missing color if the part denoted with the question mark has the number 7?</t>
        </is>
      </c>
      <c r="D101" t="inlineStr">
        <is>
          <t>['blue', 'purple', 'yellow', 'orange']</t>
        </is>
      </c>
      <c r="E101" t="inlineStr">
        <is>
          <t>yellow</t>
        </is>
      </c>
      <c r="F101" t="inlineStr">
        <is>
          <t>There is a 3x3 colored grid of numbers. The first row has number-color pair [(7, '?'), (3, 'orange'), (7, 'yellow')], the second row is [(7, 'yellow'), (5, 'blue'), (5, 'blue')], and the third and final row is [(1, 'purple'), (3, 'orange'), (1, 'purple')].</t>
        </is>
      </c>
      <c r="G101" t="inlineStr">
        <is>
          <t>We observe that the grid cells with number 3 is orange in color, the grid cells with number 1 is purple in color, the grid cells with number 5 is blue in color, and the grid cells with number 7 is yellow in color. Thus, the pattern is that the grid cell with the same number will have the same color.</t>
        </is>
      </c>
      <c r="H101" t="inlineStr">
        <is>
          <t>Based on the pattern that the grid cell with the same number will have the same color, the missing color of the part with 7 should be yellow.</t>
        </is>
      </c>
      <c r="I101" t="inlineStr">
        <is>
          <t>b'\x89PNG\r\n\x1a\n\x00\x00\x00\rIHDR\x00\x00\x02\x00\x00\x00\x02\x00\x08\x02\x00\x00\x00{\x1aC\xad\x00\x00v\xbeIDATx\x9c\xed\xddg\x9c\x14\xc5\xba\x07\xe0\xb7\xaa\xbb\'\xcf\xe6\x0c,9\xe7$\x08\x08\nH\x0e\x8a\x18\x08\x8a\x98\x15\xcc\xe1x&lt;\x98s:F@\x14\x13\x02*\x18@Er\x16\xc9A$\xe7%mN\x93;T\xd5\xfd\xd0\xb0\x97c"\xcd\xb23\xcc\xfb\\~\xe7\xca\xee\xcel3\xd5]\xffJ]M\x84\x10\x80\x10B(\xf6\xd0\xaa&gt;\x00\x84\x10BU\x03\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92\xab\xfa\x00\xfe\x9f\x10B\x08Q\xd5GqQ!\x84\x10B.\xfc\xef\xc5\xa2\x0c\xbb*)J\xb3\x10\xb1(\xc3\xc8,\xc4*\xb9*\xff\x12\xa9\xda\xd2\x15Bp\xce\x85\x10\x94RJ\xb1;R)\x18c\x17\xe0\x13\xe6\x9cs\xce\t!\x92$U\xdeo\x89eB\x08\xc6\x18!\x84RZy5\x88\x19\xdeX\x94\x95\xaa\xe2\x92\xac\xaa&amp;Z\x85*\x0b\x00\xb3\xde?\xf5\x0c\xf3\xfb\xfd\xf9\xf9\xf9\xf9\xf9\xf9\x94Rlt\x9c?Ji\x83\x06\r\xe2\xe2\xe2N\xad\xf7\x19c\xe1\xad&gt;\xcc\xca\x82RB\xc8\xff\xff\x16\x9f?\xb8g\xdf~U\xd3\t\x01\xc0\x92&lt;\x1f\x84\x08!\x12\xe2\xdc\xd95\xaa;\x1d\xb6\x8a/3\xc6\x00 \xbc\x15\xb4\x190\xb2\xfc\xff\xa3\x02\xaa\xaa\x97\x94\x96\x1d\xca9F\x08\xf6\x03\xce\x17!D\x08\xa8U\xb3Zbb\x82\xcd\xaaT|\xdd0\x0cI\x92\xaa*\x06\xaa \x008\xe7\x00`\xd6J\xc5\xc5\xc5+V\xacX\xb8p\xe1\xbe}\xfb\x8a\x8b\x8bu]OLL4Ont&gt;\x08!\x9a\xa6\xa9\xaa\xeat:\xd3\xd3\xd3\xdb\xb7o\xdf\xa7O\x9f\xd6\xad[\x9b\xdf\rW\x0c0\xc6*\xea\xa0\x9d{\xf6\xcf[\xb0h\xed\xeaU\xb9\x87\xf7\xfb=\xc5$T\xee\xb4R\xce\x05DJg7:\t\xa0\x12\xf5\x04\xb9d\x8f\x8fK\xc9\xacU\xb7\xd1e]\xbb]\xd9\xe3\xf2j\x99\xe9p\xb2\xb5~\xfe\x1d;3\xc5\xcd\xa2\x0c\x85\xd4u\x1b~\x9b;w\xfeo\xbfm(\xce?\xa0\x06\xbd\t\x0e\x95\x10\xcc\xf1\xf3e\xb6\x85\xca\xfc\x16\xab-.9\xbdv\x8b\x96\xed\xfb\xf6\xeduI\xfbVv\x9b\x15*\xa1ev\xa6Gu!\x03\xe0\xd4\xf3l\xcd\x9a5\x93&amp;M\xda\xb4iS\xed\xda\xb5;v\xec\xd8\xb2e\xcb\xfa\xf5\xeb\xbb\\\xae\xe4\xe4d\xb3\xfby\xc1\x8e\xea\xa2D\x08\xd1u=??\xbf\xac\xacl\xc7\x8e\x1dk\xd7\xae\xdd\xb8q\xa3$I\xfd\xfb\xf7\xbf\xe3\x8e;\x12\x13\x13\xe1\x7f\xab\xef\xb3\xc597\xeb\x9d\x90\xaaN\x996c\xe6W\xd3\xca\x8f\xedh[\xc3\xda\xb1If\xf3\xdai\xe9I\xee\xd4\x04\x97\xc5\xaa\x006\x1b\xcf\x1f!&gt;_\xa8\xcc\x178\x94W\xbau\x7f\xfe\xaa\x9d\x05;\x0bD\xbd\x16\x9dn\x1e}K\xbf\xde=\x00\xc0\xbc^\xce\xf9\x92\xa98\r\xf6\x1d\xc8\xf9`\xe2\xe4\xe5K\x7fHr\x94vj\xe5\xee\xd0"\xbdy\xc34\xb7\xd3\x1a\x97\xea\x02\xbc\x1e\xc3B\x08O\xa1\xcf\xebW\xb7\xed.X\xf3{\xc1\xea-\x9eb\x7fB\xd7+\x06\xdd}\xd7\xed\xf5\xea\xd6\x84\xf3\xbb$\xcf\xcd\x85\x0b\x80\x8a*c\xdd\xbau\x8f?\xfe\xb8$I\xbd{\xf7\x1e2dH\xed\xda\xb5\xcd\xdaJUU\xc6\x98a\x18\x17\xe6x.z\x84\x10EQdY\xb6\xd9l\x84\x10\xbf\xdf\xbff\xcd\x9a\xaf\xbe\xfaj\xf3\xe6\xcd\xbdz\xf5\x1a7n\x9c\xc3\xe10\x0c\xe3\xd4.\xff\x19\xaax\xd5\xbb\x13&gt;\x9c\xf2\xe1\xbb\r\x13\x827t\xab\xd7\xa3]=G\x82\x0b\xb8\x00U7\x18\xd7\r\x86\xcd\xff\xf0\x10 IT\x96\xa8\xacH`\x91A@QA\xd9\x0f\xabv\xcdZ{\xb4\x88d&lt;\xf1\xe43\x03\xfa\xf6\x82s\xaa;*:\x10G\x8e\x1e\x7f\xfc\xf1\'\x0f\xec\\\xdc\xbd\x83c\xd4\x90\xa6\r\x1a\xa5\x83\xdd\x02\x1a\x03\xd5\x00\xc6\xb9\xceq /L\x08U(H\x14\xac2X$\x08j{v\xe7O\xf9n\xc7\x92\xb5\xfeZ\r{\xbc\xfa\xca\xf35jd\x9dg\x9c\x9f\xf5\x01]\x98\x000\xab\x8c@ p\xf7\xddwo\xd9\xb2\xe5\xd1G\x1f\xbd\xe6\x9ak\xecv\xbb\xd7\xebUU\xb5b&gt;\x04"i~\xfc"`\x16n\xc5t\x8b\xcb\xe5\xb2X,\xfb\xf6\xed{\xf3\xcd7\x97/_\xfe\xcc3\xcf\\w\xddu\xe6\xcf\x9c\xf9\xc7nV4\xabV\xaf\xbbw\xcc\x98z\x8e\xc2q#/m\xd1\xa4\x06\x18&lt;\x14Pu\x83\x99\xa7.\xc1b\x0c+\x01\x00\x02\x84Y\x9e\x02,\x8adq\xd9\x80\xb1Ek\xf7&lt;7m\x83\xabv\x87\x0f?\x98P\xbdZ\xd6Y\xc5yE\x83\xec\xd9\xe7_\xfbz\xca;\xb7\r\xcd\xb8\xeb\xc6\xd6\x8e\x8c8\xf0\xaa&lt;\xa8s.\x08%\xf4\xc4%Yy\xff\xb2\x98cV\xb7\xdc\x8c^B\xa8]\x01\xb75\x98\xef\x99\xf8\xc5\xe6\xc9\xdf\xe4]7\xf2\xbeg\x9e\xfa\x17\x9cR:\x95\xedB\x04\x80y^n\xdc\xb8\xf1\xc6\x1bo\xec\xd5\xab\xd7\xb3\xcf&gt;\x1b\x17\x17WRRb\x0e\x07aUq\xc1\x98\x0bu\xecv\xbb\xcb\xe5\xfa\xe5\x97_\xc6\x8e\x1d\xdb\xa9S\xa7\t\x13&amp;\xc0\x99\x9dp\x15\r\xc6W\xde|\xf7\xf3w\x9e{yt\xbb\xabz\xb4\x10!\xdd\x17P)!\x94b9^ \x02\x80s\x01\x00.\x97M\x08\xf1\xf6\xd7\xab\xc6/\xce{\xe3\x9d\x89W\r\xecw\x86\x19`\xa6xqI\xe9\r7\x8cr\x1ak\'\xbc\xd2+\xabN\n\x94\x05\r\x8dIR\x15\xafK\x89)B\x08\xc6\x84\xacH\x90h\xcf=X|\xcf\xe3\xf3\xbd\xf4\x92\xaf\xbe\xfa&lt;%9\xe9\xc2\x0c\x07Uz\x00\xe8\xba\xae(\xca\xd7_\x7f\xfd\xe8\xa3\x8f\xbe\xfd\xf6\xdbC\x86\x0c)++\xd3u\xfd\x1cF\x1ePX\x08!\x0c\xc3HLL\xd4u\xfd\x8e;\xee8x\xf0\xe0\x82\x05\x0b\x9cN\xe7?g@E\xed?\xf4\x86\x1b\xcbw\xcc\x9f\xf6\xd4\x90\xb4\x948o\x99\x8f\x9el\'\xa2\x0b\x8fqA\x088\x93\xdc\x1b\x7f;8\xf2\xa5\xb9#\xee}z\xdc\xe3\x0f\x9f6\x03\xcc\x1f\xd8\xbes\xcf\xe0\x01\xbd\xef\x18\x1a\xff\xd8\xa3\xdd\xc1\x1b2\x82\xba$c\x86W\r\x01\xc0\x0c.\xdb\x15\x88\xb3\xbd\xfe\xfa\xd2I3\xcaf\xfd8\xafY\xd3\x86\xe76B{V*7\x00\xcc\x7f\xc0\xd4\xa9S_~\xf9\xe5\x9f~\xfa\xa9v\xed\xda\x05\x05\x05\xb2,c\x13\xa3\xca\x99\xed\x8b\xc4\xc4\xc4W_}\xf5\xdbo\xbf]\xbcx\xb1\xdb\xed\xfe\xbb\x0c\xa8\xa8\xfd\xaf\xbevx\xa6g\xed\x84qC5_HUuY\xc2[7\xaa\x9en\xf08\xb7=\xa0\xeb\xfd\x1f\x9e\xd6m\xc4\xe3\xcf\xfc\xe7\xd1\x7f\xa88\xccr\xdf\xfa\xfb\xae\xa1W]\xf9\xe1\x0b\xcd.\xef\xdb\xd4\xc8-\x97\x08!X\xf9W5\xc1\x05\xe3B\xce\x8a_1o\xfbm\xff\xd96\xf3\xfb\x05-[4\xae\xec~@%\x06\x80y\xe8_\x7f\xfd\xf5s\xcf=7\x7f\xfe\xfc\xd4\xd4\xd4\xf2\xf2rEQN\xffJtA\x98]\x81\xb4\xb4\xb4\xd7_\x7f\xfd\xfb\xef\xbf_\xb0`\x81\xddn\xff\xf3Z\xb4\x8a\xe5\xe1Co\x18\x99^\xb6f\xfc\x93\xd7\xfa\x8b&lt;@\x00\x1b\xfe\x91\x831n\xb1(D\xa6\xbd\x1e\xf8\xa2\xc7M\xff\xfe\xbb~\x80\x19\xf0\xdbw\xec\x192\xa8\xe7\'/7\xef\xdc\xbd\xa1\x9e\xebQ,x\xb7W\x04\xd15\xa6d\xc4\xfd\xbal\xf7\xe8\xc7\xb7~;{Q\xb3\xa6\r+u&gt;\xa0\xb2\x02\xc0&lt;\xe8-[\xb6\xf4\xef\xdf\x7f\xd5\xaaU\x99\x99\x99\x1e\x8f\x07\x87}"\x90\xa6i\xe9\xe9\xe9\x8f=\xf6\xd8\xf6\xed\xdb\xe7\xcc\x99c\x0e\xd9\x9d\xfa\x03fU\xf2\xe0c\xe3\x0e/\xfd\xe8\xdb\xf7n\xf3\xe6\x95J\x14+\xff\x88\xc3\xb9\x90\x15\x89\xcaR\xcb\x9b\'=\xf3\xfe\xd7\xd7\r\x19\xf8\x87\xc6\xa3\xb9\x08;\x18\n\xb5n\xd5v\xfc\xbf\xab\xf5\xba\xaa\xb5~\xbc\x0ck\xff\x08\xa4\xebL\xc9\x8c_4\xfb\xb7\xbb^:\xb2e\xf3&amp;\x87\xc3^y\xeb\x82*%X\xcc\x11\x03\xbf\xdf?l\xd8\xb0\xf7\xde{\xaff\xcd\x9a\xe5\xe5\xe5X\xfbG&amp;\x8b\xc5RXX\xf8\xdak\xaf\x05\x02\x81W_}UQ\x94So\xc43\xdb\xfe\xb3\x7f\x9a7\x7f\xfa;\xd3\x9f\x1f\x16(\xf4HUp\xb7\n:=J\x89\xae\x1b\x12!\xdf&lt;7\xe4\xe1\xb1\xb7\x1d\xca9B)5o\xba4\x99yp\xe3\xa8;\x86\xf7\x80^C\xda`\xed\x1f\xb1\x14E\xd2\x8f\x97\xf7\x1c\xd2z\xe4\x95t\xc4M\xb7\xfd\xa1\x1c\xc3\xabRz\x00\xe6\xa9v\xd3M7\xb9\xdd\xee\xf1\xe3\xc7\x17\x14\x14\xe0\xc8O$\xe3\x9c[,\x16\x9f\xcf\xd7\xa1C\x87\xd9\xb3g\xb7j\xd5\xca\\\xa0e\x06yQqI\xfb6-g?\xde\xa5E\xc3j\x01\xbf*\xe1`q\x043\x0c\xeeN\x8d\xfb\xe8\xcb\x15\x9fn\xb5\xaeZ\xb9\x94\x9f\xec\x04\x98\x97\xe4\x07\x1fM\x99&gt;q\xec\x8ay\xb7\x1a\xc5~Y\xc2r\x8ch\x06\x13r\x8a\xb3[\x9fOn\xb8\xe3\x9d\xbb\xef\xbc\xb9\x92&amp;\x03\xc2\x1f\x00\xe6\x8d\x0c\x9b6m\x1a&gt;|\xf8\xfa\xf5\xeb\xcdE\xe8\xe1\xfd\x15(\xec\x0c\xc3HMM\x1d?~\xfc\xacY\xb3\x16.\\h\x9em\xe6\xe0\xcf=\xf7?l\xd9\xf7\xc3\xdb\xe3\xae\xf5\xe4\x95*2\xb6\x19#\x1dc\xdc\x95\xe4\xeez\xe7Gw=;y\xf8uC\xcc=\x06\x84\x10\xfe@\xb0m\xeb\x16?\xbc\xd7\xaaa\xd3L\xe1\xd7p\xd9n\x84\xe3\\\x10\xa7e\xcf\x8e\xbc\x81c6n\xd8\xfc\xbb\xcb\xe9\xa8\x8c\x81\xa0J\x19\x02"\x84&lt;\xf8\xe0\x83O&lt;\xf1\x84\xdb\xed\xd6u\xbd2~\x05\n/Y\x96\x8b\x8a\x8a\xee\xbe\xfbn\x9f\xcf\xf7\xddw\xdfI\x92\xa4i\x9a$I\xdbv\xecZ\xf2\xfd\xe7/\xdc\xd5;X\xec\xc5\xda?*\x10J\x98\xaa\xbf}O\x8f\xe7\x9fz"\xa4\xaa\x94R\xc30(\xa5O?\xf3J\xbf\x0e\xbcQ\xc7\xda\xcc\xa3b\xed\x1f\xf9(%\xcc\xa36\xecPk\xc0\xa5\xf4\xa9g^\xa6\x94V\xc6&amp;ia\x0e\x00s\xeew\xdd\xbau\xba\xae_w\xddu%%%8\xf4\x1fE\x84\x10\xf7\xdf\x7f\xffG\x1f}d\xfe\x95\x102\xfe\x83\x8fn\xeaZ\xdd\x95\xe82\x0c\xdc\xa1/:PB\x02\xfeP\x9bVu\x9a$\xfag|\xf7\x83\xb9\xabs\xb9\xc7\xb7l\xd1\xcc\xc7\xee\xea\xc8K\x83\x92\x8c\x8bw\xa3\x83$S^\x1ax\xf4\xeeKV,\xfa\xa6\xac\xdck\x8e\xca\x86\xf7W\x84?\x00\x00\xe0\xddw\xdf\x1d8p\xa0\xddn\xaf\xbc\xb9\x0b\x14v\x92$y&lt;\x9e\xfe\xfd\xfb\xe7\xe5\xe5m\xde\xbc\xd9b\xb1\x14\x16\x97\xac\x98\xfb\xcdM}Z\xeb\xde\xa0\x84Ok\x88\x1e\x84\x10\xa1\xb3[z5\xf9\xe8\x83\tf\x9bl\xda\xf4o\x1adz\xb2\x1ag\x8a\xa0\x86s\xf8\xd1\x82\x10\x10A=\xb3Qf\xa3j\xde\xa9\xd3f\x12B\xc2\xde\t\x08\xe7U-\x84\x90e\xb9\xac\xacl\xd3\xa6M\xd7_\x7f\xbd\xcf\xe7\xc3\x07JD\x17\xc30\xdcnw\xcf\x9e=\xcdN\xc0W3\xbeo\x9c\xc2\xaa\xd7L\x0b\xa9:\xd6\x1aQD\xa2$\xe4\x0f]\xd9\xb1\xa1\xff\xd8\xf6-\xbf\xef\x00\x80\xe9\xd3\xa7\xdc2\xa4\xb1\xd0\x18\xee\xec\x13e(\x11*\xbbeh\xe3\xaf\xbf\x9e\n\'w\xd1\x0f\xe7\xdb\x87\xf1\xbd\xcc\xf6\xfe\xb2e\xcb\xea\xd4\xa9S\xbbv\xedP(\x84\x0b\x06\xa3\x0b\xa5TU\xd5\x81\x03\x07n\xd9\xb2E\x08\xb1|\xd9\x92\xc1\x97\xd6\x01&amp;\xb0\x1c\xa3\x8e\xc1\xb8\xc5e\xef\xdc ~\xd9\xf2\x95~\x7f(X\xb6\xa7\xeb\xa55\xc1\xa7J\xb8\xf8\'\xaaH\x94\x80O\xbd\xacc-\xdd{ \xe7Hn\xd8\x1f\x96\x15\xe6\x1e\x00\x00\xcc\x9f?\xff\xd2K/\xc5\xa7zE#Ji \x10h\xd5\xaa\x95\x10|\xcbo[\xf3svvmY\x93\x055\x9c2\x8c:\x94\x100x\xf7V56\xaf_\xbdh\xc9\xcaz\x99\xcc\x96\x11\xcft\x1c\x92\x8d&gt;L\xe7\xd6\xf4\xf8zY\xc6\xe2\xa5+\xe0d;;\\\xc2\x19\x00\xe6\r\x0b{\xf6\xeci\xdb\xb6\xad\xae\xeb\xf8\x8c\xdfh\xc4\x18s\xbb\xdd\xf5\xeb\xd7\x9f2uz\xb2\x8de\xa5\xc6\xab\xba\x8e=\x80\xa8C\x08pUoV;\xbd4?\xe7\xc7\x9f~\xee\xd0*\x1d\x00p[\xff\xe8$\x00\xa0M\x93\xa4\x8d\xeb\xd7\x03\x84\xf9\xd9\x9ca\xab\xa3\xcd\xcd\xc24M+--\xad]\xbb\xb6\xaa\xaaXkD#!\x04!\xa4Q\xc3\x86_\xcd\xfc\xb6z\x82\xa2\xd8\xad\x8cc\xad\x11}\x08!\xaan\xd4HO\xd0}\xc5\x8b\x97.j\xdd4\x03t\x86;\xbeE#B\th\xacq\xbd\xa4\x03\xfb\xf7B\xb8\x9f\x98\x12\xce\x00\x00\x80\xe3\xc7\x8f\x1b\x86\x11\x1f\x1f\x8f\xcf\xf5\x8dR\x84\x10\xceyzz\xba\xa7\xa40\xc9m\xa9\xea\xc3A\xe7\x8e\x0b![-\n\xe8\xc5\x85\xc7\xd3S\\`p\xac\xfe\xa3\x11\x01\x00\xc6\xd3\x92]\xc5E\xc7u\xc3\x08\xef\xe8z\x98Girss\xe3\xe2\xe2RRR\x0c\xc3\xc0\x1e@4"\x84\x18\x86Q\xbf~\xfd\x80\xcfS/\xd3]\xd5\x87\x83\xce\x1d\xe7B\xb6[\xd2\xdc\xb2\xd7SR7;\x11T\xbc$\xa3\x12!\x04tV\';\xd1PKU5\xcc\xe3\xb1a\x0e\x00\xf3\xb6/\\\xfe\x1f\xed\x0c\xc3\x00 \x06\x0e\xfeD;!\x84\x00*\x11\xc3\xe0\xf8|\xe6\xa8f\x18\x9c\xd2\xf0?I%\xcc\x01\x80+\x7f.\x0e\x84\x10\x00\x815\xc6EB\x08l\xfaG;B\xa02\xe6\xf0q\xa1\x0e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94\\\xd5\x07\x10\xe9\x84\x10\x9cs!\x04!\x84RJ\x08\xf9\xbb/\xa2\x08\xc7\x85\xe0\\\x00\x00!\x84\x92\x13\x85&amp;\x84\xe0\x02N\x16%\x16d\xc4\x11\x02\xccR;\x7f\x84\x00\xa5X\xc2\xff\x03\x03\xe0o1\xc6\x00\xc0j\xb5\xda\xedvY\x96\r\xc3\xd04M\xd34!\x84\xc5b\xb1Z\xad\xb2,3\xc6|&gt;\x9fa\x18\x92$U\xf5\xf1\xa2\xbf&amp;\x040\xce%J\x1cV\x99Xd\x00\x00\xc6\r\x9d\x19\x06\x07\x02VE\xa6\x8a\x04\x94\x00\x13jH\xd7\x0c&amp;IXID\x0c\x01D&amp;\x92\xc3\x12\x9ew\xd39\x04\r\xc0\xd2=\x05\x06\xc0_\xa3\x94\xba\xddn\x008r\xe4\xc8\x86\r\x1b6n\xdc\xb8w\xef\xde\x82\x82\x02\x9f\xcf\xc79\xb7\xdb\xed)))\x8d\x1a5\xea\xd2\xa5K\x97.]\x92\x92\x92\xca\xca\xca\x00\x00\xbb\x02\x91\xc6`\xdc"K\x0e\x97\x9d\xeb\xc6\xf6\x9c\x92\xb5\xbb\xf2~;Px \xb7\xbc\xc4\xab\x065\x83\x008mJz\xa2\xa3qvR\xe7&amp;Y\x9d\x9af\xc6\xc5\xdb\x83&gt;\x95s\x81M\xc5*\'\x04\x10\x99\x94\x96\x84~]\x9c\x13\x86w\x03\xa8\x95\xe5j\xd6$E\xe8\x1c/\xd3\n\x18\x00\x7f-\x18\x0c.\\\xb8p\xe6\xcc\x99+V\xac\xc8\xcb\xcb\xfb\xcb\x9f\x993g\xce\x9bo\xbe\xd9\xb8q\xe3\xb1c\xc7\xder\xcb-\xaa\xaa\x1a\x86A)N\xabD\x04\xb3\x12w\xc7\xdb\xcb\xcb\x02S\x7f\xda5u\xc9\xae\xb5\xbb\xf2\x82\xaa\xf1\x0f/iX#\xf1\x8e\xbe\xcd\xef\x19\xd8\xc2f\x95\x82\xaa\x81=\x81\xaa\xc5\x85\x90l\xca\xef\xbbK\x06\xdc9/,ox\xf3\xd5\r&gt;\x9d\xd8\x9b\x95\x84d\tK\xf6\x04\x0c\x80?b\x8c%%%=\xf2\xc8#o\xbd\xf5V\xc5\x17\xb3\xb3\xb3\xeb\xd7\xaf_\xbdz\xf5\xf8\xf8xJiyy\xf9\xc1\x83\x07\xb7n\xddZRR\xb2s\xe7\xce1c\xc6,Z\xb4h\xf2\xe4\xc9\x8a\xa2\x18\x86\x81\xfd\x80*\'\x84p:,\x9a\xce&gt;\x98\xb5\xe5\xed\xef6\xef&gt;Zj~\xddiS\x1a\xd5H\xac_-\xa1Z\xb2\xcbeW\x00\xa0\xcc\xa7\xee=^\xbee\x7f\xc1\xf1b\xff\xee#\xa5\x0f\x7f\xb8\xe2\xbbU\xfb\xa6\xfe\xabwvZ\\0\xa4c?\xa0\x8a\t\x90\xce\xbb\xb2\x96%"I\xd4`&lt;\xde\x1d\xa6\xa1\xa4\x8b\x08\x06\xc0_`\x8cu\xef\xde\xfd\xad\xb7\xde\xaaU\xab\xd6\xa0A\x83\xfa\xf5\xeb\xd7\xbcy\xf3\xe4\xe4dEQ\x08!\x84\x10\xce\xb9\xa6iG\x8f\x1e\x9d5k\xd6\xeb\xaf\xbf^PP\xf0\xfd\xf7\xdf\xeb\xba&gt;c\xc6\x0c\xc3\xf8\xa76&amp;\xba\x00\x84\x10\xb2,\xad\xde\x91\xfb\xefO~Y\xbe\xf5\x98\xf9\xc5NM2\x87_\xd1\xb0G\xeb\x1au2\xe2-6\x05(\x81\x93\xb3\xc0`\xf0\x82\xd2\xc0\x9cu\x07_\xfej\xfd\xdece\xab\xb6\x1f\xbf\xf2\xf1\xef\x97\xbd945\xde\xae\xeb\x0c\'\x86\xab\n\xa5\x04BF\xab\xc6)\x9bg]sn\xef`0\xae$X?\xfel\xdb\xfbS\xb7\x11B\xae\xe9U\x1b\x0c\x1c\xff\xf9\x1f\x18\x00\x7f$I\x92\xdf\xef\xef\xd8\xb1\xe3\x17_|\xd1\xb5k\xd7\xec\xeclM\xd3\x82\xc1\xa0\xcf\xe7\x13B\x08qb\x19\t!$==\xfd\x91G\x1e\x190`\xc0\xd0\xa1Cw\xec\xd8\xf1\xd3O?}\xfc\xf1\xc7c\xc6\x8c)..\xc69\xe1*\xc4\x05Xl\xca\xf4%\xbb\xcc\xda\xff\xd2\xc6\x99\x8f\xdf\xd0\xae_\xfb\xda\xb2M\xe6\xaa\xa1\xea\xcc\xe7S\xcdr4\x11B\x12\x9c\x96\xd1\xfd\x9b\x0f\xee\\\xef\xa6W\xe6\xceYwh\xdf\xf1\xb2;\xdeZ\xf4\xe3\x0bW\x19\x1a\xc39\xc3\xaaB\x00\x80\x0b\xa7Ki\xd5&amp;\xfd\\\xdf\x82\x00\x17+\xd7\xe7\n\x01\x9d\xdb\xa4_\xd6\xa5:\xf7\xe98\xb2w*\x1c\xb0\xfe\x0bB\x08I\x92n\xb8\xe1\x86\x84\x84\x84\xc2\xc2B\x8f\xc7\xc3\x18\xa3\x94J\x92$\xcb\xb2,\xcb\x92$QJu]\xcf\xcf\xcf\xaf_\xbf\xfe\xd4\xa9S\xddn7\xa5t\xfc\xf8\xf1\xe5\xe5\xe5X\xfbW-J\x88\x1a\xd4^\x1a\xdd\xe9\x8a\x96\xd5_\xb9\xa5\xf3\x8a\xff^;\xa8s=M7\xbc\xe5\xc1\xa0f\x00\x80D\x89,\xd1\x8a?\x12%\x06\x13\x9e\xb2`\x9cM\x99\xf1d\xff\x16\xb5S(!?\xaf;4\x7f\xddA\xbb\xd3\xca\xc2\xb4\x06\x11\x9d\x1b\xc1\x05\xf7\xeb\xe7\xf0G\xf3h\x9c\xc2\x8c\xefvo\xd9U\x0c\x00c\x867\x05\xab\xcc9\xaf\xea\x7fPd\xc1\x00\xf8[eee\x86a\x98\xd5\xfd_\x0e\xeb\x13B,\x16KQQQ\xabV\xad\x86\r\x1b\xc69\xdf\xb3g\xcf\xe6\xcd\x9b\x1d\x0e\x07\x9egU\x88\x10`LX\x15i\xee\x8bW\xfdkX{Cg&gt;o\x88\x10"K\x7f\xbb\xd0\x9f\x10Pd\x1a\x08\xe9\x0e\x87\xf5\xe9\x91\x1d\xb8\x10\x84\xc0\xb4%\xbb\x08%\x020\x00\xaa\x12\x01\xa0\x94\x9c\xc3\x1fY"\xd4\x10\xe3\xbf\xdcA\x08\xd4\xcd\x8e\xbb\xaawm\xe1\xd5$\\\xa3\xf1\xbf\xf0\xe3\xf8[\x7fW\xef\xff\xf9\xc7t]\xef\xd5\xab\x17\x00p\xce\xb7o\xdfn\xb1X0\x00\xaa\x16!`0\xc1\xb9\xf0\xf95\x0e Igt\x9e\xcb2\xd5\x02\xda\xe5-\xaag%;\x85\x80\r{\x0b\x02\xbe\x90"QL\x80\xa8\xc3\xb8 .\xcb\x9a\xd5\xc7~\xd9\x90\'\x04\xdc:\xb4\x91-\xd5\xcet\x86\x13\x00\x7f\x80\x01p\xbe\x08!\x86adgg+\x8a\x02\x00\xb9\xb9\xb9\xb8\n(\x12\x98\x85 \x9d\xcd\x1c.\x01\xd09Ot\xdb\xeae%\x00@aY\xb0\xd8\x13\x92)\x05\x81\x11\x10m\x04\x10\x89\xbc;u;\xe7"!\xce2zH\x03\xe1\xd7\xe9\x99\xb5\x03b\n~"a`\xde\x1bl\x06\x80\xa6iU}8\xe8\xdc\t\x01D"\xf1N+\x00\xa8:\xd3\x0cNp\xce0\xdap.\xa8C&gt;\xb0\xbdh\xf6\xa2C\x00p]\xdf\xba\x19u\x13y\xc8\xc0\x92\xfc3\x0c\x800 \x84\x84B!UU\x01\xc0\xe1pT\xf5\xe1\xa0sG\x00@\x80\xa63\x00\xb0\xc8T\x96\xa8\xc0\xe6\x7f\xb4\xe1B\x10\x9b\xfc\xc1\xd7;\x03!C\x96\xe9=\xc3\x9a\x08\x9d\x01\xf6\xcb\xff\n\x06\xc0\xf9\x12B(\x8ar\xe4\xc8\x11s\xef\xa0\xea\xd5\xabs\xceq\x14(JQJB\xaa~\xb4\xc8\x07\x00\xc9q\xf6$\xb7\xd5`\x02\xeb\x8e("\x04H\x16\xb9\xf4\xa8w\xca\xac=\x84@\x8fK\xb3Z\xb6M\x17~\\\xfd\xf9\xd70\x00\xce\x17\xe7\\\x96\xe5\xe5\xcb\x97\x03\x80\xa2(-Z\xb4\xd04\r\x03 \x1aq.,\x16i\xef\xb1\xb2}\xc7\xcb\x08\x81VuS\xdcn\x9b\xc18\x96e\x14a\x9c\x13\x972m\xd6\xde\xfc\xa2\xa0\x100vDS\x90(\xf6\xe2\xfe\x0e\xde\x08v^\xcc\x8d\xe1rrrf\xcc\x98A\x08i\xdb\xb6m\xf3\xe6\xcd\x03\x81\x00\xee\x08\x14\x8d\x0c\xc6%\xbb\xe5\xa3\xb9\xdbT\x9d\x01\xc0\xb0n\r\x01\x00\x84\x00\xbc\x19,J\x08\x01\x92D\xf52u\xe2\x97;\x08!M\xeb%\xf6\xbe\xa2\xa6\xf0j\xe7\xbf\x9f\xc4\xc5\n\xeb\xa9sg\xde\x18\xecv\xbb\xff\xfd\xef\x7f\xe7\xe7\xe7\x0b!\x1ex\xe0\x01\xab\xd5\x8ak@\xa3\x8e\x10B\xd3Y|\xb2k\xe1\xaf\xfb?\xfcy\x1b\x00\\\xd6,k`\xe7\xbaA\xbfz\x86KHQ$`\x9c\x13\xb7e\xce\xa2C;\xf6\x97\n!\xee\xba\xa1\xb1\x12oe\x06^\x8f\x7f\x0b{\x00\xe7\xc8\xac\xe5SRR\xc6\x8d\x1b\xf7\xe5\x97_\x02\xc0\xb5\xd7^{\xcd5\xd7\x94\x96\x96\xe2\x9d\xc0\x91\xe9O\xe3\x00B\x00\x08.\x04\x80\xcd";\x12\x1c\x8b\xd7\x1c\x18\xf1\xca&lt;UgIn\xdb\xa4\x07z\x12B\xb8\x00\x1c:\x8e"\x94\x10\xd0\xf9\xbb_l#\x04\xd2\x92\xec\xc3\x07\xd7\x17&gt;\x1d#\xfc\x1f`\x00\x9c\x0b\xc6\x98\xc5bq8\x1c\x0f=\xf4\x90\xb9ih\xbbv\xed&amp;L\x98\xe0\xf7\xfbq\xf0\'2\x11\x02\x7f\x98\x06\xa4\x84\xca\x12\x05E\x02\x80\xdc\x02\xef\xc4\xe9\xeb^\xfej\xbd\xc1xV\xb2s\xe6\x93\xfd\x1b\xd7L\xf2\xf9\xb0\xf9\x1fM\x18\x17\xd4eY\xb7\xfa\xd8\xf2\xf5\xb9B\xc0\xc8\xc1\xf5\x13\xab\xbbYqP\x92\xb1\x10\xff\x16\x06\xc0Y3\x0c#..\xce\xe3\xf1\x8c\x1e=\xfa\xbb\xef\xbe\x03\x80\xce\x9d;\xcf\x9c9\xd3n\xb7\x87B!\x0c\x80\x08D\x00\x0c&amp;T\xdd\xa8H\x00.DHc\x05e\x81m9\xc5\x8b6\x1f\xf9v\xe5\xde\x80j\x00\xc0\r\x977x\xf9\x96\xce\xb52\xe3}&gt;\rk\xff(#\x80H\xd4\xbc\xf9\xcbf\x95\xee\xbc\xbe\xb1\x08\x19x\x1b\xc7?\xc3\x008;\x86a$\'\'o\xd8\xb0\xe1\xd6[o\xdd\xb6m\x1b\x00\\{\xed\xb5\x93&amp;M\xb2X,\xc1`\x10\x07\x7f"\x90\xc1\xb8\xcbm\xfbq\xe9\xeeG?Z)K\xd4\xdc\xdc\x8d\x0b\xe1\x0f\xe9\xe5~\xcd`\x1c\x00Z\xd6I\xbd\xf6\xb2zC/\xab\xdf\xb0n\xaa\xeaW=^U\xc1fcT\xe1\\P\xbb|hg\xd1\xac\x85\x07\x01\xa0\xff\xe5\xd9\xf5\x9b\xa5\xb0r\xec\xc3\x9d\x06\x06\xc0Y0k\xffY\xb3f\x8d\x1e=\xda\xe3\xf1H\x924n\xdc\xb8\'\x9ex"\x18\x0cb\xed\x1f\xc9\x88D\x8b=\xc1\x9c\x02\xef\xdf\xfd\x80E\xa6e~u\xf3\xfeBI\xa2\xf5j$\xca\x12\r\x86p\xec8\x9ap!d\xbb&lt;\xe9\xeb\x9d\xfe\xa0\x01\x00\xf7\x8eh\n\x02p\xf9\xd6ia\x00\x9c)\xf3Ia\xb3g\xcf\xbe\xe1\x86\x1bt]ONN\xfe\xf8\xe3\x8f\x07\x0f\x1e\\\\\\L\x08\xc1\xda?bQJ\xf4\x90~Y\xb3j\x13\xc6^A\xc8\x89\xa9`\xc6E@\xd5\x0b\xcb\x839\x05\xde\xddGK\xd7\xef\xc9_\xbf\'\x1f\x00\x92\xdc\xb6k\xba\xd4{\xfc\xfa\xf6u\xaa\'\xf8|!\xdc&lt;2*\x08\x01\x92E*?\xe6\xfd\xec\xfb=\x84\x90\xf6\xcdS\xbb\x9a[\xff\xe3\xea\xcf\xd3\xc1\x008#\x9cs\x87\xc3\xb1k\xd7\xae\xd1\xa3G\xeb\xba\x9e\x9e\x9e&gt;{\xf6\xecK.\xb9\xa4\xa0\xa0\xc0\xdc\x02\x08E,J\x88\xae\xb1F5\x92\x9a6H\x07q\xcam\xbdf\x14\x08\xa1\x05\xf5\x9cB\xef\xb2\xdf\x8e}:\x7f\xfb\xea\x9d\xb9\x1f\xcd\xdd\xf6\xfd\xaf\xfb\'\xdd\xdf}H\xb7\x06&gt;/f@\x14`\x8c\xcb\t\xf6i_l\xcf+\x0c\x00\xc0\x98\xe1M\x88]a\xa1 \xee\xfevZ\x18\x00gD\x08a\xb5Z_x\xe1\x85\xf2\xf2r\x9b\xcd6e\xca\x94\x0e\x1d:`\xed\x1f-\x08\x01U7\x98\xaa\xff\xd5\xb7\x88DI\xdd\x8c\xf8\xfa5\x93o\xee\xdd\xe4\x83\x1f\xb7\xfe\xfb\x93UE\xe5\xc1\xa1\xcf\xcf\xf9\x9e\xd2\xc1]\xea\xf9|*\xee"\x10\xc9\x04\x80$S\xc3\xa3N\x98\xbe\x9d\x10R#\xd3yM\xbf\xba\xc2\x87[\xff\x9f\x11\xfc\x8cNO\x08a\xb3\xd9\xf6\xee\xdd\xfb\xf3\xcf?\x03\xc0-\xb7\xdc\xd2\xabW\xaf\xfc\xfc|\xac\xfd\xa3\x88\xf9@\x98?\xff1+\xf7\xa0fx\xcb\x83\x9af\xdc{C\xfb\xe9\x8f\xf7\xb1Yd!\xe0\xb6\xff.:\x9a\xef\xb1(\x12n$\x10\xc98\xe3\xc4m\x99\xbb(g\xfb\xdeR!\xc4-\xd74t\xa6;\x98\x86[\xff\x9f\x11\x0c\x80\xd33\xf7{\xd8\xb2e\x8b\xc7\xe3Q\x14\xe5\xc6\x1bo\x0c\x06\x83\xb2\x8c\x9d\xa7\x8b\x07%D\x96(!\xa4\xbc\xd0;\xa8{\xa3G\x86\xb6\x01\x80"Op\xc2\x0f[-\x0e\x0b\xc3[\xbb#\x18!\x04\x0c\xfe\xce\x17\xdb\x08\x01\xb7S\xb9uh#\x08\xe8\x14G\xff\xcf\x0c\x06\xc0\xe9\x99\x8f\x08&gt;p\xe0\x00\x00\xd4\xaaU\xab^\xbdz\xaa\xaa\xe2z\xff\x8b\x0f\x01Pd\xaay\x83w\xf7o\x91\xe4\xb6\x11\x02\xb3W\xef\x0fzC2\x0e%G*\xf3\xc9_\x1b\xd7\xe5.[{\\\x08\x18\xd2\xabv\xf5\x06I,h\x9c\xcds\x80b\x1a\x9e\xd9gD\x08QXX\x08\x005j\xd4p\xb9\\\xe6\xce\xcf\xe8\xe2C\x08\xd1t\x9e\x95\xeaj\xd7 M\x088\x98\xef\xc9)\xf0Z\x15\x89\xe30Pd\x12\x82\xc8\xe4\xdd\xa9\xdb\x19\x17\x12%cG4\x15\x06\xc7\xed\xbb\xcf\x1c\x06\xc0\x99\n\x04\x02\x00\x10\x1f\x1f/I\x12&gt;$\xe4"&amp;\x84\x00\x99\xd6\xc9\x88\x07\x80\xa0j\xe4\x97\x06(\xee\'\x1c\x91\xb8\x10\xd4\xae\x1c\xdeU\xf2\xdd\x82\x83\x84@\xd7\xf6\x99\xed\xdag\n\x9f\x86\x93\xf6g\x0e\x03\xe0L\x99\xbb\xbf\xc9\xb2\x8c\x83?\xb1\xc0a=1\xc7\x13\xd2\x0c\xbc\x9d(2q&amp;\x88]\xfep\xc6N_@\x17\x02\xee\x1d\xd9\x14\x14\x8a}\xb5\xb3\x823\x99\xa7\'I\x92\xc7\xe3y\xf4\xd1G\xef\xb8\xe3\x0e\xb7\xdb\xed\xf3\xf9\xf0\xb6\xaf\x8b\x9e/xb\xcd\xa8\xdd"\x03V)\x91\xc7\xbc\xf9\xcb\x93\xeb\xfb\xf4\xdb\xdd\x84\x90\x06\xb5\xe2\xfa\xf7\xac\x85\xab?\xcf\x16\x06\xc0\xe9\x11B\x18cYYY5j\xd4`\x8c\xe1\x03\xbf.n\x94\x10\xa1\xf3\xfdy\xe5\x00\xe0\xb0\xca\xe9\x89\x0e\xce8\x16x\xa41o\xfe\xfaj\xfa\x8e\xe3\x05\x01\x00\xb8\xe3\xfa\xc6\x96D\x9bQ\x12\xc4\x19\xfb\xb3\x82\x01pF\x08!\x9a\xa6\t!\x08!X\xfb_\xc4\x84\x10\x8a"\xe5\x16y7\xef+$\x00\xb5\xd2\xe3\xb2\xd3\xdc\xaa\xce\xb0\xd0#\x8d$S\xc3\xab\x8d\x9f\xbe\x9d\x10H\x8a\xb7\xddtu\x03\xc0\x07\xff\x9e=L\xcb\xb3`&gt;\x02\xac\xaa\x8f\x02\x9d\x9e\xf8\x8b\xc7\xbf\x9c\x11\xdd\xe0\x16\xa7\xe5\xcbe{J\xbc!\x01\xd0\xbb]M;&gt;\x168\xf2\x18L\x10\x97e\xc1\x92\x9c\xad\xbbK\x84\x80a\x03\xea\xa6\xd4\x8cg\xaa\x819}\xb6\xb0\x07pF8\xe7V\xab\xd5n\xb7\x1b\x86\xe1\xf7\xfb\xf1&lt;\x8bp2%\x00\xa0\xea\x8c\x12B\xcf\xb8U\xa8\x1b,\xdem\xdb\x7f\xa8\xf8\x95\xaf7PJ\x14\x89\xde\xd6\xa7\x19S\xf53\x7f\x07taP\x02\xc0\xf9\xdbS\xb6\x11\x02\x8aL\xef\x19\xd6\x04T\xec\xa5\x9d\x0b\x0c\x80\xd33\xef\x04&gt;|\xf8\xf0\xc6\x8d\x1b333;t\xe8\xa0iZU\x1f\x14\xfa[\x94\x92r\xbf\x06\x00\xa9\xe9n\x08\x19\x01\xcd`\x8c\x9bCw\x04\xfeXK\x08\x01B\x08.\x04%$.\xc1q&lt;\xdfs\xcdss\x8a=A\x01\xf0\xd0\xb5\xad\x9b\xd4K\xf5\x95\x07q_\xe8\x88\xc2\xb8\x90\x9c\xca\xe6\xf5yK\xd6\x1c\x07\x01\xbd/\xab\xd1\xb8e\x1a\xf7j\x98\xd3\xe7\x00\x03\xe04\xccm\xe0rrrz\xf4\xe8\x91\x9b\x9b\x0b\x00o\xbf\xfd\xf6\x981c\xca\xca\xcap-P\x04b\\\xd8\xed\xca\xf6\x1d\xb9\xb7\xfew\xd1\x88\x1e\x8d\x06w\xaa\xd3\xa2V\x8a\xc3e\x05\x01Bg\x06\xe3\x06\xe3\x15\xe3x\x84\x10E\xa6\x8aLA\x91\xb8\xc6~X\xb9\xf7\xa1\x0fV\xec\xcf-\x07\x80\xbe\xedj=3\xea\xd2\x80O\xc5\x1d%#\x8e\x00P\xa4\xf7\xa6mg\x8c\x83\xb9\xf5?!84{n0\x00N\x831\xe6t:\xe7\xcd\x9b\x97\x9b\x9bk\xb7\xdb\x83\xc1\xe0\xb4i\xd3\xee\xb8\xe3\x0e\xecoF.\x01\x02\xe0@^\xf9\xf3\xd3\xd6\xbe\xf2\xf5\xfa\x96uR;7\xcd\xec\xd0(\xb3IvRF\xa2#\xcea\xb1Yd\xf3\xc1\x00\xaa\xce\x8a=\xa1#\x85\xde_w\xe6~\xbfj\xff\xf2\xadG\xcd7\xb8\xbe[\x83\x8f\x1f\xbeRp\x01B`AG\x14.\x84d\x97\x8f\xed-\xf9v\xfeAJI\xcbF\xc9=\xba\xd5\x10&gt;\r\xb7\xfe?7\x18\x00\xa7G\x081\x0c\xc3\xfc\x0fI\x928\xe7\x9cs\xac\x17"\x13%D\xd3Y\xbdj\t\xc3\xafh8w}N\xa9/\xb4aO\xfe\x86=\xf9\x00[d\x89\xa6\xc6\xdbS\xe2\xed.\x9b\xa2\xc8T7\xb8/\xa4\x17\x96\x05\xf2J\x03\x15/\xaf\x93\x19\xff\xf8\xf5\xedn\xef\xd7\\\xd5\x0c\x83q\xdcR&amp;\xd2\x98\x8f~\x1c?m\xbb\xc7\xa7\x01\xc0=\xc3\x9bP\x97\x05W\x7f\x9e3\x0c\x80\xd3\xa0\x94\x06\x02\x81+\xae\xb8\xc2f\xb3\x99\xbbA\xf4\xeb\xd7\xcf\xec\n\xe0\x10P\x04"\x04\x0c\x83g$8\xa6\xfd\xa7\xdf\xfe\xa3\xa5\x8b7\x1dY\xf2\xdb\x91\xcd\xfb\x0br\xf2\xbd\xaa\xcerK\xfc\xb9%\xfe?\xbf*-\xc1\xd1\xb6~\xda\xd5\x9d\xea\x0e\xe9R/9\xd9\xe9\xf7\x86\x08\x00\xd6\xfe\x91F\x08\x90\x14\xc9\x97\xef\x9f\xbb\xe2hZ\xb2==\xd9~]\xff\xba\xe0\xd3\xf1\xe6\xafs\x86\x01p\x1a\x94\xd2`0\xd8\xb4i\xd3y\xf3\xe6-_\xbe\xbcF\x8d\x1aW_}\xb5\xf9@\xe0\xaa&gt;4\xf4\xd7\x08\x01\xdd\xe0\xaa\xae\xd6J\x8b\xbb\xe3\xaa\x96w\x0cjQ\xee\t\x1d.\xf0\xe6\xe4{\x8e\x16\xf9J|!\x7fP7\x18\x97e\x1a\xef\xb0\xa4%8j\xa5\xc7\xd5\xaf\x96P-\xc5\x05\xb2\xa4\x055\x9c\xf5\x8dX\x84\x00\x08a\x93\xe9\xb2\xa9\x03$B\x14\x85Zm2\x18x\x9b\xde\xb9\xc3\x008=\xb3\x13\xd0\xa1C\x87n\xdd\xba1\xc6&lt;\x1eOU\x1f\x11:\rB@"\xc4|\n\x18!\xc4\xa6H\xcdj%7\xaf\x97\n\x94@\xc5s\x81\xcd\x9f\x13\x02\x0cn\xe8\xcc\x1f\xd4\xb9\xd0$J\xb1\xf6\x8fh\x02d\x85\xc6\xdbl \x04\x08\x10L`\xed\x7f&gt;0\x00\xce\x08\xa5\xd4\xef\xf7{\xbd^|\xfe{\x14!\x84\xc8\x12\x01\x00&amp;D@\xd5E\x08\xfe\xf2&gt;&gt;B\x08%@)\xa1\xb8\xeb[T\x10 \xf4\x13\x8f\xe8\xc1\xda\xff&lt;a\x00\x9c)J)\xee\x03\x1a\xa5\x88\xf9\xdc(b\xfe\'\x8azX\xef\x87\x0b\xd6h\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xfc\x01@\x08!\x84\x84\xfdm\xd1\x85D)\x05\x00\x8a\xe5\x18\xfd\xcc\x8b\x11/\xc9hWI\xd5j\x98\x03\x80R\xaa\xaa\xaa\xae\xebx\xc2E/BH \x10\xa0\x94\x06T\xa3\xaa\x8f\x05\x9d;\x02 \xb8PuF\x08\r\xa9\x06\xe0%\x19\xbd\x08\t\xa9\x86\xc1\xc2_\x86a\x0b\x00\xb3\xc6\xaf_\xbf~0\x18,((P\x14E\x08\x11\xae7G\x17\x0c\xe7\\Q\x94\x9d;w:\xe3S\xf6\x1c\xf3`\xad\x11\xbd\xa8D\x8d\x80Z\xe0\xe7\x89)\xd5w\x1f(\x06\xab\xcc\xf1\x92\x8cB\\\x08\xb0H{\x0e\x16\xbb\x13\xaa\xdbmV\xc6X\x18\x9b\xd7\xe1\xec\x01\x08!\x9cN\xa7\xcb\xe5*))\x91e9\x8c\xef\x8c.\xb0\xc2\xa2\xa2&amp;M\x9bxBL\x18\x0c# J\xc9\x94x\xfd!\xc5\xe6\xaaW\xb7An\x81\x17d\nX\xffG#\x01 \xd1\xc2b\x7fzFf\xd8GV\xc2\xd9\x03\xe0\x9c[,\x96\x8c\x8c\x8cm\xdb\xb6Y\xadV\xec\x01D#B\x88a\x18[\xb6l\xb9\xf3\xf6[s\x8au\x9f\'\xa0HRU\x1f\x14:kB\x08\x8bE\xd9{\xa4\xd0\x1a\x9f1x\xd0\xe0_6\x1c\x11\x8a\x84\x97d4\x12B\x08EZ\xff{A\xd3f\xad\xcc\xbf\x86\xf1\xcd\xc3\xdc\x03\x00\x80\xf6\xed\xdb\xaf[\xb7\x8eR\xca9\x0f\xe3\x9b\xa3\x0b@\x08a\xb1X\x8e\x1f?^XX8h@?nO\xde\x99S`\xb1*8t\x10u\xb8\x00aU\xd6\xef&gt;\x9e]\xb7\xf1\x80\xfe\xbd\x7f\xdb\xed#!\x9dP\xec\xcdE\x1fB\tQ\xb5m\xfb\x82\x97u\xe9\x04\'\x17h\x84KX\xdf\x8bR\x00\x180`\xc0\xda\xb5k\xfd~\xbf\x84-\xc7h\xc39w\xb9\\K\x97.MMMKNJj\xdc\xf2\x92\x1fW\xef%v\x0b\xe7\x18\x00QF\x08A@\xcc\xdbt\xacK\xd7\xcb\x9b5\xa9_\x18H&lt;\xb2+_\xb2\xe1\xcc\\\x94\x11BH6\xe5\xe8\xee\xfc|o|\xe7K\xdbA\x84\x07\x00\xe7\xbcI\x93&amp;\x84\x90U\xabV\xb9\\.\xec\x04D\x17!\x04!d\xd6\xacY\x03\x06\x0c\x00\x80!W\rZ\xbc\xb5\xc0\x08\xaa\x12\xb6\x1c\xa3\x8a\x10`\xb3*Gr\n\x0ey\xad]\xbbt\x04\x80\x16\xad\xbb\xcd\x9c\xb7\x1b\\V\xc6\xaa\xfa\xe0\xd0\xd9`\x1c\xc0e\xfdf\xde\xee&amp;-\xbb\xd8l\x16\x16\xee\xf2\x0b\xf32P\xce\xb9,\xcb\xd7^{\xed\xd4\xa9S-\x96\xf0\x1f.\xaa&lt;B\x08\xbb\xdd\xbeo\xdf\xbe}\xfb\xf6\x8d\x1c9\x92s\xde\xbd[g\x91\xdc`\xd5\xa6\xfd6\xa7\r;\x01Q\x84q\xae\xb8\xed\xd3\x17\xfd~\xc9\xe5\xfd\xd3SS\x00\xe0\xee\xbb\xef\xfcvQ\x1e\x84\xb4\xb06\x1fQ\xa5\xa3\x04@\xd5\xbeY\x98w\xd7\x9dwT\xca\xfb\x87\xf7\xed$I\x12B\xdcy\xe7\x9d\xeb\xd7\xaf\xdf\xb7o\x9f\xc3\xe1\xc0.g\xb40\x0c\xc3\xe5rM\x980\xa1g\xcf\x9e\xf1\xf1\xf1\x9a\xa6\x11Bn\xbd\xfd\xee\xb7\xbeYOm8\n\x14Md\x89\xaa\xde\xc0\xf4\x959\x0f=p\x1f\x00\x18\x86\xde\xa9c\x1b%\xbe\xf9\xdc9\xdbh\xa2\x831,\xca\xe8\xc0\x98\xa0\x89\x8e\xf9s\xb6Sw\xb3.\x9d\xda1\xc6\xc2&gt;\xae\x1e\xe6\x000\xd7\x02\xc5\xc5\xc5]u\xd5U/\xbd\xf4\x92\xcb\xe52\x0c\xbc\x99(\n\x98\xcd\xff\xfd\xfb\xf7\xcf\x9d;\xf7\xbe\xfb\xee3g\x839\xe77\\{U\x8e\x9e\xbej\xf5N\xa7\xdb\x8e\x19\x10\x15\x0c\xc6\xed\t\xce\xf13W\xd7k\xdf\xa7Y\xe3\x06\x9csB(\x80x\xe8\xe1\x7f\xbd8i\x9b\xd0\x99 \xb8\x1c4:\x08\x02\xc2`/L\xda\xf6\xf0\xc3\x8fU\xd2\xaf\x08\x7f\x87\xd0\x9c\tx\xfa\xe9\xa7\x97.]\xfa\xcb/\xbf$&amp;&amp;\xe2@P\xe43\x0c\xc3\xedv?\xfc\xf0\xc3\xd7_\x7f}\xed\xda\xb5\x19c\x94R!\x84\xcb\xe9\xfc\xf7S\xcf\xdd\xfb\xfeb\xaaHXkD&gt;.\x84\xd5\xaa\x14\xe4\x96\xfe\xf7\xa7\xbdo\xbc\xf6\xb2\xd9\xff\x96$\x891&gt;h\xc0\x95\xf6\xd4\xce\x13\'\xae\x943\xe2\x98\x8e\x93s\x91\xce\xd0\xb9\x9c\x11\xf7\xc1\x07\xbfX\x93;\x0e\x1e\xd8\xbb2\x9a\xffPI{\x01\t!l6\xdb\x1bo\xbcq\xe7\x9dwj\x9af\x8e\x0b\x85\xfd\x17\xa1p\xd1u=--m\xca\x94)\x87\x0f\x1f\x1e7n\\\xc5\xa9&amp;I\x12c\xec\xba!\x83j\xb4\xed\xf7\xf4\x84\xb9\xae\xd48]\xc7,\x8fh\x9c\x0b\x8b\xcbv\xf3K\xb3\xee~\xf8\xc9\xda5kp\xce\xcdE#f\xd7\xfc\x83\t\xef\xbc:\xe5\xf8\x81\xdf\x8e\xc9n+\xc7\x81\xa0\x08\xc6\x99\x90\xdd\xd6\x83[\x8f\xbd\xf2\xd9\xd1\x0f&amp;\xbc\xcb9\xaf\xa4\xcduH%U\xcdf%2v\xec\xd8\xa2\xa2\xa2\xaf\xbe\xfa\xca\xdc\x1c\xa22~\x11:Of\xdb?\'\'\xa7G\x8f\x1e\x0b\x17.l\xdc\xb8qE\xad\x01\xe6M(Bx}\xfe6m\xda|xk\xa3\x1e\x9d\x9axK&lt;\xb2\x8c\x0b|#\x91\xae\xb3\xb8\xac\xa4\x17\xdf\xfbiYi\xad\x85?\xcf\xfeC\x9b\xd1\xfc\xeb\xb4/\xbf{\xe3\x99\x9b6/\x19\xcd\x02:e\x1c\xef\x0c\x88@B\x08N\xa8\xe4\xb2\xb4\xe9\xfe\xc9\x83O~v\xe3\x88\xa1\x95\xd4\xfc\x87\xca\xdb\x0e\x9aRj\x18\xc6{\xef\xbdw\xe4\xc8\x91W^y%--M\xd3\xb4J\xfa]\xe8\x9c\x19\x86a\xb7\xdbUU\x1d:t\xe8\x8b/\xbe\xd8\xb8qc\xc30N]hl\xf6\xe7\xe2\xe3\xdcS\xa6N\xbf\xed\xdd\x95\x07\x0e\xe7\xbb\xe3\x1c\xba\x81\xfd\x80\x88\xa3\xe9,.-\xfe\xc7\xb9\x1b&gt;_\x1f\xf8j\xea\xe7\xa7\xa6\xb8I\x92$\xc30F\x0c\x1br\xe9\x95w\xdfx\xfb\x0c)\xd9\xc9\x00\x04\xce\xebD\x18!\x04\x13 \xa58o\xba}\xc6%=\xee\xbcq\xc4P\xc30*\xef\x9e\xaa\xca\n\x00B\x889\xf23\x7f\xfe\xfc\xef\xbf\xff\xfe\xf5\xd7_OOO7\x0c\x03\xef\x0c\x88\x1c\xba\xae\xc7\xc5\xc51\xc6\xbaw\xef~\xdbm\xb7\x8d\x1a5\xca0\x8c?o\xe2d\x0e\x04u\xee\xd8\xfe\xbdO\xbf\xe9\xfb\xef\x1f\x0e\x1c/\x8eKrc\x06D\x0e\x01\xa0\x1b,&gt;3\xe9\xc7E[\x1e\x99\xbe\x7f\xde\x82\xc5\xc9I\t\xf0W[@\xcb\xb2l\x18\xc6\x84\xf7_\'\xe9\xd7\x8c\x1e\xfd\x95\x9c\xee&amp;2\xc5\xb1\xa0\xc8\xc1\x99 \x94\xca\xe9\xee[n\xf9Z\xa4^\xf5\xc1\xf87\xff\xf2\x92\x0c\xa3J\\\x15l\x9e\x7f.\x97k\xf1\xe2\xc5\xdf}\xf7\xddc\x8f=\x96\x9a\x9aj\xb1Xp]P\x95\x13B\x98\xe3\xfe\x87\x0e\x1d\xea\xda\xb5\xebM7\xddt\xff\xfd\xf7\xff\xc3\xa9f6\x1e\x07\xf4\xe9\xf9\xe6\xe4\x19\xbd\x1f\x9f\xbdr\xc3\xbe\xb8\xb4x\x83q\\\x17T\xe5\x18\xe3\x04 .=\xe1\xc3i\xcb\x1e\xfbr\xff\xdc\x85K\xea\xd4\xca6\xe7\xf0\xff\xf2\xe7\xcd8\x9f\xf2\xe9\x04\x91&lt;x\xe8\xb5STJi\x9cU\xc79\xe1\x08\xa0\xeb\x9c\xba\xad\x9aL\xaf\xbd\xee\x0b#q\xe0\x17\x9f}Py#?\x15*\xf7\xb6\x10sE\x90\xcb\xe5Z\xb2d\xc9\xf6\xed\xdb{\xf6\xec\xe9\xf3\xf9RSS\x19c\xb84\xa8J\x98U\xbf\xc5bIKK\xfb\xe2\x8b/\xfa\xf4\xe9\xf3\xc0\x03\x0f\xfcs\xedo2\x1b\x8f\x03\xfa\xf4\x9c\xf0\xc5\xec[\'\xfe\xf6\xda\xe4\xc5\xeed\xb7\xd3a1\x0c\x8e3\xfcU\x82sa0\xee\x8aw\xca\x16y\xf4\xb8\xaf?Z\x0f\xf3\x16.5k\xff\x7f\xa85\x08!\x94R\xc6\xd8g\x9fL\xc8n}W\xbb\xde\xd3\x7f\xfb\xed\xb8R-\x1e\x00\x18\xc3&lt;\xaf\x02\x02\x801\x0e\x00J\xb5\xf8\xad\xbf\x1fo\xd7{z\xf5\x96wL\xf9t"g\x8cRZ\xd9\x0fV\xa9\xacI\xe0SU\x0cG\xbe\xf8\xe2\x8bS\xa6Ly\xe0\x81\x07\xee\xbc\xf3N\x00(++3\x9b*\xe1\xdd\xdd\x02\xfd\x99\x10\x82sn.\xf6w\xb9\\\x07\x0e\x1cx\xe2\x89\'\xf6\xee\xdd\xfb\xc5\x17_4i\xd2\xe4\xcc\xbb\x99\xe6O\x16\x16\x15\xdf8j4;\xb2\xe6\xb5\xbb\xbb\xb7nQ\x9b\xfb\x82\x81\x90\x0e\x00\x14\x9f\x05W\xf9\x84\x10\x8c\x0bJ\x89\xd3a\x05\xab2{\xf1\xd6g\xa7\xae\xef\xd0o\xd4\x84w^\'\x842\xce\xa53\xb8\x9a\xcc\xf3A\x92\xa4Y?\xcc{\xec\xc1;\xae\xeb\xed|\xe6\xc1nr\xa2\x1d\xca\x82\x86\xc6(%\x04\x9f\x06W\xc9\x04\x80\xe0\x82s![$H\xb0\xb3\xb2\xe03o\xad\xf8j\x9e\xef\xb5\xffN\xbazp_vAj\x7f\xb80\x01\x00\xa7\x9cp\x1b6lx\xea\xa9\xa7\x82\xc1\xe0\x981cz\xf7\xee\xedv\xbbUU\r\x04\x02\x8c1s#\x1as\xd6\x11+\x92\xf3a~\x80\xe6\x02\x1e\x00 \x84X,\x16\xb7\xdbM\x08\xd9\xb7o\xdf\xe4\xc9\x93\xe7\xcf\x9f?`\xc0\x80g\x9f}\xd6\x9c\xab?\xabA\xc6\x8a\x06\xe6\xfb\x13\'\x7f6\xe9\x9dv\x19\xa1{\x87\xb4oZ?\x0b(5\x02\xaa\xaa\x1b\xe6\xb8\x10\x96`x\x9dX\xd1O\xa9\xdd\xaa\x10\x87\x05B\xda\xf2\xcd\x07\xde\xfenS\x89\xb5\xce\xa3\x8f\xffg@\xdf^fq\x9fU[\xca,\xfa\xbc\xbc\xfc\'\xc6=\xb7c\xe3\xacQWg\xdd8\xa4\x85+3\x0eT\x06~\x8d\x19\\\x00\x16e\x98\x9d\xb8$\x81H2\x05\xa7\x05\xac\xb2?\xb7\xfc\x8b\xef\xb7~\xf6\xdd\xf1&amp;m\x06\xbf\xf8\xe2\xd3\x99\x19\xe9\x95=\xee\x7f\xaa\x0b\x14\x00\xa6\x8a\xba\xe3\xeb\xaf\xbf\xfe\xfa\xeb\xaf\xf3\xf2\xf2\xbau\xeb\xd6\xaf_\xbf\x96-[\x9a\xd5\x939@q\xc1\x8e\xe7\xe2F\x081\x97\xde\xea\xba\x9e\x9b\x9b\xbb|\xf9\xf29s\xe6\xec\xdf\xbf\xbf[\xb7nc\xc7\x8e\xadU\xab\x16\x9c\xd29;+\x15uMY\xb9\xe7\xdd\xf1\x1f\xfc\xfc\xfdWi\xb4h\xe0%\xd9\xbd\xdb\xd7\xc9\xceH\x02\x8b\x0c\x04\xc0\xe0\x80#\n\xe1"Q\x90\x08\x08`AugN\xe1\x9c5{\x17\xfcV \xa76\x1er\xdd\xf0;o\xbb\x19N\xb9\xb2\xceV\xc5\x0b\x7f\xf9u\xdd\xe4\x8f&amp;o\xdb\xbc\xa0sKe`\xf7Z]\xda\xd5\xb0%;\x81R\x10\x00x\xf3G\x18)\x12\x10\x00.B%\xbe_6\x1c\xf9qq\xce\xaa\xdf\xd4f\xad{\xdfz\xdbm\x97u\xbe\x04\xce\xa3(\xcf\xcd\x05\r\x00\x000W\x01\x99\x95\xce\xfa\xf5\xeb?\xfd\xf4\xd3\xed\xdb\xb7q\xce\xeb\xd4\xae\xdd\xb4i\xd3\xe4\xe4\xe4\x06\r\xea\x1b\xf8\x14\xaa\xf3#\x00(\xa5\x81@`\xe7\x8e\x9dE\xc5E\xdb\xb7\xef\xc8\xcf\xcbOKO\xef\xd5\xab\xd7\xf0\xe1\xc3\x93\x92\x92\xe0d\xeb\xef|~K\xc5\x99\x1a\n\xa9\xdf\xce\x9e\xf3\xddw\xdf\x1c\xdd\xb3%\xd9\xaa5\xa9\x91\x90\x95\xe2j\x90\x95\x98\x14gc\\`I\x9e\x0f\x01 I\xf4p\xbe\xe7x\xb1o\xcf\xb1\xd2\xbd\xb9\xbe Mh\xd8\xf2\x92\x1bG\x8e\xe8\xde\xad\x0b\x9c\xd2\xb7&gt;\xf7_!\x04c\xcc&lt;\x19\x0e\x1c&lt;\xfc\xe9g\xd3\xd6\xadY\xe1-\xd9[#\x9d\xb4m\x9a\x92\x10ok\xd50\x19\xaf\xc7\xb0\x10\x02\xb6\xec..+\x0fm\xda^t8_\xb8\x92\xeaw\xe8\xd8\xf5\xe6Q#\xea\xd6\xc9\x06\x00f\x18T\x92.t\x7fKT\x05M\xd34M\xab\xf8\xeb\xbau\x1b\x1f~\xe4\x89\xb4\x8c\xda\x00\xf8 \xc9p\x8aK\xcc\xec\xd4\xa5\xe7\x07\x93&gt;)/\xf7T|\xda\xa1P\xc8\x1cp;\x7f\x9c\xf3P(\xf4\xff\xc5\xaa\xb3\x19\xdf|7\xf4\xda\xeb\xb3k\xd6\xaa\xea\x7f\xfa\xc5\xa6V\xed:c\xc6\xde\xb7d\xd9\x8a\x8aO[\xd7uUU\xc3R\x8eB\x08\xc30N-\xca\xc3\x87\x8f\xff\xf7\xcd\xf7\x9a7k\xedv%T\xf5?\xfd\xa2\xe2v\xc67o\xd6\xea\xcd7\xde\xc99|\xac\xe2\xd3\x0e\x85B\x86a\x84\xab(\xcf\xca\x85\xee\x01\x88S\x9a\x1b\x05\x05\xc5_~\xfd\xdd\xaf\xbf\xae(8\xb63\xd1\xa5\xd5\xcaP\x12\xe2\x94:5]\xc0\xb0\xd9x^\x04\x00\xa1$\x184v\x1c\xf2\xf9\xfc\xfcH&gt;3Hr\x93\xe6\x1d\xfa\xf7\xeb\xd3\xeb\xcan\xe6\xcf\x9c\x7fO\xf3\xd4y\xaa\xcd\x1b\xd7\xcf\xfe\xfe\xbb_\xd7m,\xf2\xe9\xd4\x95\xa28\x12\x1c\xc9\xd5\xac\xae\x04\xc1\x19\x00\x16\xe6y\x10\x82\xca\xb2\xaf\xe8\x98\xea-\xd1=\x85D-\xcbNK\xe8\xda\xa5\xd35\xd7^_\xa3f-\x000\x1f\x11~\x9e\xcb(*\xba\x83\x9a\xaa\xfe8\xeb\xdbe\xcb\x96m\xde\xbe\xdbg\xc8\x96\xa4j\xb2\xc5\x11_\xad&gt;\x16b\x98\x88\xf2\xe3{\r5\xa0\x96\x1cs\xcbF\xab\xa6\r/\xbf\xfc\xf2\x81W\r\xb1Zm\x00`\x18\x86$\xcb\x17\xf8\x83\xae\x9a9\x80M\x9b\x7f\x9f2e\xea\xaa\xe5\xdf\xd7\xaf\x16\x1c\xd4\xa3f\xb7\xf6523\xdd\xe0\xb0\x02v5\xc3L\x80\xceUOp\xfb\xde\xc2\xb9\xcb\x0e.Y[\xc6,\xf5\x86\x8f\xbcu\xd4\x8d\xd7[\xad\x96\xf3YiPQ\x94\xb3\xbf\x9b\xf9\xd1\xe4O\xb6</t>
        </is>
      </c>
    </row>
    <row r="102">
      <c r="A102" s="1" t="n">
        <v>100</v>
      </c>
      <c r="B102" t="inlineStr">
        <is>
          <t>grid_number</t>
        </is>
      </c>
      <c r="C102" t="inlineStr">
        <is>
          <t>What is the missing number of the part denoted with a question mark?</t>
        </is>
      </c>
      <c r="D102" t="inlineStr">
        <is>
          <t>['2', '7', '6', '4']</t>
        </is>
      </c>
      <c r="E102" t="inlineStr">
        <is>
          <t>4</t>
        </is>
      </c>
      <c r="F102" t="inlineStr">
        <is>
          <t>There is a 3x3 grid of numbers. The first row is [7, 2, 4]. The second row is [7, 2, '?']. The third and last row is [6, 6, 1].</t>
        </is>
      </c>
      <c r="G102" t="inlineStr">
        <is>
          <t>We observe that [7, 2, 4] sums to 13, and [6, 6, 1] also sums to 13. Thus, the pattern is that the numbers in each row add up to the same value.</t>
        </is>
      </c>
      <c r="H102" t="inlineStr">
        <is>
          <t>Based on the pattern that the numbers in each row add up to the same value, the missing number of the row [7, 2, '?'] should be 4.</t>
        </is>
      </c>
      <c r="I102" t="inlineStr">
        <is>
          <t>b'\x89PNG\r\n\x1a\n\x00\x00\x00\rIHDR\x00\x00\x02\x00\x00\x00\x02\x00\x08\x02\x00\x00\x00{\x1aC\xad\x00\x00f\xc3IDATx\x9c\xed\xddy|T\xd5\xd9\x07\xf0\xe7\x9csgI&amp;\x93\x99,\x80 \x82\xec\xa2(\xc8*BE\xab`\xc5\xb5\x82,\x02.l"\x82bE\xeaVqk][}\x8b[\x01\x85J\x05k\xd5\xaau!\x80\x1b\x88\x02\xa2\xb2\x83\xec\x82@BH2\x93Lf\xbd\xe7&lt;\xef\x1f\'\x89\x88\x82,3s33\xcf\xf7\xe3\xc7\xda\xc9\xc2\xe57w\xces\xef\xb9ga\x88\x08\x84\x10B2\x0f\xb7\xfa\x00\x08!\x84X\x83\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xa2\x02@\x08!\x19\x8a\n\x00!\x84d(*\x00\x84\x10\x92\xa1\xa8\x00\x10BH\x862\xac&gt;\x80z\x01\x11\xad&gt;\x04\x0b0\xc6\xac&gt;\x84\x1a\x94\xbf\xb5(\xff\x8c\x95\xa1\x05\x00\x11\x95R\x88\xc8\x18c\x8cq\x9e\x89wB\x16\x86@\xf9\x03\xe5o5\n\x01\x00XF\x15\x7f\xfd\x96\x03\x80\x10\xe2\xe0\xd7\xfd~\xbfR\x8a\xb1LIC_\xfbx\xbd\xde\x83_\xd4\x1f\x06\xcey\xe2\xae\x8c(\x7f\x8d\xf2\xb7\x96U\xf9\xd7C\x99\xf2\x96#\xa2\x94\xd20j\xeex\xaa\xaa\xaaV\xacX\xb1l\xf9\xf2o\xbf\xf9\xa6\xbc\xbc|\xe3\xc6\x8d\xa6)\x81\x01dD\x18\x00\x0c\x00\xa0u\xabV^\xaf\xb7k\xd7\xae\x9d;w\xee\xde\xbd\xfb\xc9\'\x9f\xac\xbfh\x9a&amp;\xe7&lt;\xbe\x17D\x94\xffOP\xfe\xd6Jz\xfe\xf5\x17f\x00\xd34\xf5\x7fD"\x91w\xdeyg\xc0\x80\x01\xcd\x9b7\xb7:\xf8\xfa%//\xafo\xdf\xbe3f\xcc())\xd1Y\xc5b1}MD\xf9\'\x01\xe5o\xad\x84\xe6_\x9f\xa5\xf9\x1d\x80\xfe\xdb1\xc6\xfc~\xff\x8c\x193\xe6\xcc\x99\xb3f\xcd\x9a\xba\xaf\xe6\xb8\xddM\x9a6o\xd0\xa8\xd1\xa9\xadN\xf3\xe6\x17H\xd3\xcc\x84\xbb?\x04\xe4\x8c\xc7b\xd1M\xebV\xfb}\x15\xbbwn\xab(/\xab\xfbj\xe3\xc6M\x86\r\xbbv\xf4\xe8\xd1\xed\xda\xb5\x03\x00\xa5\xd4\x89\\\nQ\xfe?G\xf9[+\x99\xf9\xd7\x7f\xe9\\\x00\xa4\x94\xba\xafs\xd6\xacYO&lt;\xf1\xc4\xa6M\x9b\xf4\xebM\x9a6;\xe7\xbc\xdf\xf6\xb9\xe8\x92\xd3:tj\xd8\xa8\xb1+\xc7-\x0cH\xebw\xf9\x17 \x82iB$\x1c)+-\xde\xf2\xdd\x86/&gt;]\xb8\xf4\x93\x85\x9b7\xae\xd3_\xcd\xcf\xcf\x9f8q\xe2\xed\xb7\xdf\xee\xf1xL\xd3\xac\xeb:8&amp;\x94\xff\x11P\xfe\xd6JB\xfe)!m\x0b\x80&gt;\xfb\xf7\xee\xdd;r\xe4\xc8\xa2\xa2"\xfdb\xdb\xf6\x1d\xae\xbbib\xdfK\x7f_\xd0\xa0\x01"D"\xd1X4\xa6\x94DTi\x1a\xc3a1\x00=\xf4\xc1f\xb3;\x9c\x0e\xc3\x80\xaa\xca\xe0\x8a/&gt;\x9b\xfd\xfc\xd3K?]\xa8\xbf\xa7]\xbbv/\xbd\xf4R\xaf^\xbd\xf4\x13\xc2c\xba&lt;\xa4\xfc\x8f\x8c\xf2\xb7V\xa2\xf3O\x15\xe9Y\x00t\xd1.**\x1a9j\xd4\xde={\x00\xa0E\xeb\xb6\xa3&amp;L\xbe\xf4\xf7\x83s\xbd\xb9\x81\xaa`,\x16\x05`\x9cs\xc6\xa0\xe6\x91P\xa6BDT\n\x11\x85a\xb8rr\xa4TK?Y0s\xda\x13\xcb\x96|\x02\x00v\x87\xe3\xf1\xc7\x1e\x9b4i\xd21}\x06(\xff\xa3G\xf9[+\x11\xf9\xa7\x904,\x00\xfa\xec\x9f1c\xc6\xd8\xb1c\xf5+\xd7\x8e\x1c?\xe9\x9e\x07\x0b\x1b\x16\xfa}\x01i\x9a\\\x88\xf4{#\xe3BJ\xc9\x18s\xe7\xe6Ji\xce\x99\xfe\xec\xdf\x1f\x9b\x1a\xa8\xaa\x04\x801c\xc6L\x9f&gt;]Jy4\x83\xe4(\xff\xe3F\xf9[+.\xf9\xa7\x96t+\x00\xfa\xce\xb7\xee\xec\xf7x\xf3\xef\x7fb\xda\xd5C\xaf\xad\xf4\x07\xa3\xd1h\x1a\xf7\xe5\xc5\x91\xfe\x18\x14\x14\xe6~\xbd\xfc\xab{o\x1d\xb3i\xfdj\xa8\xfd\x0c\xfc\xeau\x10\xe5\x7f\xe2(\x7fk\x9dH\xfe)\'\xad\n\xc0!g\x7fa\xc3\x93\xa6\xcd~\xe3\xdc&gt;\xbd\xf6\x17W\x08\xc3H\xa7\xb7-\tb\xb1\x987/\xaf\xac\xb4d\xdc\xb5W\xae\xfez9\x1ct\x1dt\xc84\xa2:\x94\x7f\x1cQ\xfe\xd6:\x8e\xfcSQ\xfa\x14\x00\xfd\xc6,Z\xb4\xa8o\xdf\xbe\x00\x90WP\xf8z\xd1\x97\xcd[\xb6\xf6WT\x186\x9b\xd5G\x97\x92\xa4i\xda\x9d\x0e\xc1\xc5\x8d\x03.^\xb1\xf4S\x00x\xe0\x81\x07\xa6N\x9d\xfa\x8b\xe3"(\xff\xb8\xa3\xfc\xaduL\xf9\xa7\xa84)\x00z\xb8nIII\xc7\x8e\x9d\xf6\xef/\xc9\xf5x_\x9c\xfbn\x97sz\xf9}&gt;\xc3\xa0\xb3\xff\xf8I)\x1dNG\xc0\xef\x1f5\xe8\x92\rk\xbee\x8c\x15\x15\x15\xf5\xed\xdb\xf7\x90\xeb \xca?A(\x7fk\x1de\xfe\xa9+MF\xff"\xa2\x94r\xc4\x88\x11%%\xc5\x00\xf0\xa7\xc7\xa6\x9d\xdb\xa7\xb7\xaf\x82\xce\xfe\x13%\x84\x88\x84\xc2\xf9\r\x1a\xfem\xfa\\\x8f7\x0f\x11F\x8c\xb8\xae\xb8\xb8\x981\xa6W\x95\xd1(\xff\x04\xa1\xfc\xadu\x94\xf9\xa7\xaet(\x00\xba\x1a\xcf\x9d;w\xe1\xc2\x85\x00p\xcd\x88\xd1\x03\x86\x0f+)\xae\xb0\xd1\x9do&lt;\x08\xc3\xf0\xfb|mO?\xed\x9e??\x03\x80%%\xc5w\xdf}7\xe7\xbc\xee\xde\x91\xf2O(\xca\xdfZ\xbf\x9a\x7fJK\xf9. \xbd\xa2\x85\xcf\xe7\xeb\xd1\xa3\xc7\xf6\xed\xdb\x9b6o\xf1\xc6\xa2\x15\x0e\x87S?\xca\xb7\xfa\xe8\xd2\x87\x94\xd2\x9b\xe7\x19?|\xc0\x82\xf7\xder8\x1cK\x96,\xe9\xda\xb5+"\xea%$)\xffD\xa3\xfc\xadu\xb8\xfcS}\xa1\x88\xd4&gt;z\x00\xd0\x83sg\xcd\x9a\xb5u\xebV\xa5\xd4\xe8\x89S\n\x1b\xe6G\xa3Q:\xfb\xe3\x8b1\x16\x8b\x9a\xb7\xdcy\xbf\xc3\xe9\x8cD"S\xa7N\xd5M\x0f\xe5\x9f\x1c\x94\xbf\xb5\x0e\x97\xbf\xd5\xc7u\xa2R\xbb\x00 \xa2\x10"\x14\n\xcd\x9a5\x8b1\xd6\xa2u\xbb\xcb\x07\x0e\xf5W\x04\xd2\xe6\x19}\xfd\xc19\x0f\x04\x02\x1d:u\xbc\xf8\xf2\x01\x00\xb0x\xf1\xe2\x8d\x1b7\n!8\xe7\x94\x7f\x12P\xfe\xd6:\\\xfe\xa9\xfe$ \xb5\x0b\x80\x9e\x97\xb1h\xd1\xa2\xf5\xeb\xd7#\xe2\x8d\xe3\xff\x90\xebqK\xd3\xb4\xfa\xb8\xd2\x13\xe7&lt;\x1a\x89\x8d\xbcerV\xb6\xab\xba\xbaz\xe6\xcc\x99\xfaE\xca?9(\x7fk\xfdb\xfeT\x00\xac7{\xf6l\xc6X\xc3\xc6M\xfa]vu\xa0*\xc8\xd3bxV=\xc49\xaf\xae\x0ev\xe8\xd4\xa9{\xaf\xf3\x18co\xbc\xf1F \x10\x00\x00}\xf9I\xf9\'\x1a\xe5o\xad\x9f\xe7\x1f\x0c\x06\r\xc3H\xe9\x8e\xa0\x14.\x00\xba\xff\xc7\xef\xf7\xafX\xf1\x15"\x9e{\xdeE\x85\r\x0bc\xb1\x18\xf5~&amp;\x10"cp\xe1%W!\xe2\x9e={7l\xd8`\x9a\xe6\xf2\xe5\xcb)\xff$\xa1\xfc\xad\xf5\xd3\xfcW\xaf^\r)~\x13\x90\xc2\x05@\xe7\xber\xe5\xca\x1f~\xd8\r\x00}\xfa\xf6\xb7\xfa\x88\xd2\x1f\x17"\x14\x8a\x9e\xd3\xfb\x82\x1cw\xae\x94\xe6\xe2\xc5\x8b\xd7\xae]\xbbw\xef^\xa0\xfc\x93\x82\xf2\xb7\xd6!\xf9\x7f\xf8\xe1|\xa8\xddu\'E\xa5p\x01\xd0\xb9\xafX\xf1\x15\x00d\xbb\\\xed;t\x8c\x84\xa3\xa9&gt;*\xab\x9ec\x8cE#\x91\xc6M\x9b5o\xd9\x1a\x00V\xaf^\xbdt\xe9R\x00p\xb9r(\xff$\xa0\xfc\xaduH\xfe+W~\x05\x00)\x9dy\n\x1f\xba\xbe\xd5\xfd\xfa\xeb\x95\x00\xd0\xb4Y\x8bF\x8dO\xa6\xfb\xdf$PJee;\xda\x9dq\x16\x00\xac^\xb3\xe6\x83\x0f?\x04\x80&amp;\xcd\x9aS\xfe\xc9A\xf9[\xeb\xe0\xfc7n\xdc\x18\x08\x04RzRX\n\x0f\x17\xd3\xe3pKKK\x01 \xbf\xb0Av\x8e;PU\x99\xd2\xd58% \xa2\x10\xd0\xa8\xf1\xc9\x00PQ^\xae;\xe2\xf2\x0b(\xff$\xa1\xfc\xad\xa5\xf3?\xa9qS\x00\xf0\xf9\xfc\xa1P(\'\'\xc7\xea\x83:~\xa9Z\x00\xf4\x1c&lt;\x9f\xcf\xb7y\xf3f\x00h\xd5\xf6t\xc3\xc0\xd4\xad\xc3)\x843f\x9a\xd0\xaa\xed\xe9\x00PRRr\xe0\xc0\x01\xa0\xfc\x93\x88\xf2\xb7\x96\xce\xbfe\xdb\xf6\x00PY\xe9\xdf\xb8qc\x83\x06\r\x94R)\xba6\\\xaa\x16\x00\r\x11c1\x13\x00\xf2\xf2\x0b8O\x87\x89y)\x01\x11\xf2\xf2\x0b\x00\xc04M}\x05J\xf9\'\x13\xe5o\xad\xba\xfc\x95Rf\x8a\xcf\xbaH\xf9\x1bF\xdd\xe9\x99\xeaoC\xca\xd1\x81\xd7\xed\x8eD\xf9\'\x19\xe5o\xad\xba\xc0S\xfd\xa1K\xca\x17\x00-\xd5\xdf\x86\x94sH\xe0\x94\x7f\x92Q\xfe\xd6J\x9b\xc0\xd3\xa4\x00\x10B\x089VT\x00\x08!$CQ\x01 \x84\x90\x0cE\x05\x80\x10B2\x14\x15\x00B\x08\xc9PT\x00\x08!$CQ\x01 \x84\x90\x0cE\x05\x80\x10B2\x14\x15\x00B\x08\xc9PT\x00\x08!$CQ\x01 \x84\x90\x0cE\x05\x80\x10B2\x14\x15\x00B\x08\xc9P\xa9\xbd\x1f\x00!\xc7\nQ\xa1\xd2\x0b\xe7# \x00\x03\x00\xc6\x00\x18g\x8c\xd1\xf5\x10\xc9,T\x00\xe2\x0c1\x81\x1b3\xd5\xad\xffN\x8e\x95R\x12\x11\x850\x1c\x8e,\x9b\xdd\xc6\xb9n\xf5\x01\x10\x10A)\x88Ec\xd1hDJ\x931N\x1b+&amp;\x1f""*]\x90\xeb\xd0\t\x9fhT\x00\xe2\t\x11\x1d\x0e\xa70\x12\x95j,\x1a\xa1\x8d\xbf\x8f\r\xa2TR\x08#\xc7\xed1\x0c\xa8\xaa\xaa\xde\xb5s\xdb\x9e\xdd;KK\x8a+}\x15\xb1X\xcc0\x84;\xd7\xdb\xa0Q\xe3\xa6\xcd[4i\xda,/\xdf\x1b\x8d\xca`u\x00\x80Q\x19H\x1a\xbd\xc3kV\xb6\xfb\x90\x8b\')\xcdH8L\'|\xe2P\x01\x88\x1b\xa5\x94+\xc7\xf5\xc2_\x1f\xfd\xe2\xb3\x85\x9c\x0b\xa5d\x1c\x7f\xb9\xfe\x85\xc3F\xddr\xc9U\x03\x02U\x01\xceSr\x03\xd2$\x93R\nax\xf3\xdc\xd5\x81\xd0\x17\x9f-\xfa\xe8\xc3wV,\xfdl\xd7\xf6\xad\xe1p\xe8\xe7\xdf\xecp8Om\xd5\xe6\xdc\xf3\xfb\xf6\xbfjP\xc7\xae=b\xb1X(X-\x04}@\x12N\xb7\xfe\x888\xf9\xa6a\xc5{\x7f`\x8c#*}\xc2w?\xb7\xcf\xc4\xbb\xa6V\x07\xaa\xa9\x18\'\x08\x9d\xdfq\x83\x88\x86MlZ\xb7\xfa\xab/\x16\'\xe8\x8f8\xbf\xdf\xe56\x9b\xa0\xad_\x7f\x15"*\xa5r=\x9e\xea@`\xde\xac\xe9\xaf\xcd\x9e\xbe~\xf5\xd7u_e\x9c\xf3\x9a\x8bJV\xfb\xed\x18\x89\x84\xbf\xdb\xb0\xf6\xbb\rk\xff\xf9\xe2\xff]|\xc5\x80\x89\x7f\x9c\xda\xa6\xfd\xe9\xfe\n\x7f\x8an\xf6\x9dB\xa4\x94\xde|\xf7\xe3\xf7\xdf\xf3\xbf7\xe6\x1e\xf2\xa5\x9c\x1c\xb7a\xd0\t\x9f@T\x00\xe2\t\x11\xb2\xb2\xb3\xb9\x10B\x18R\xc6s\x9bV!\x84\x94\xd2n\xb7\xd3g\xe1WI)m6[\xae\xc7\xbd\xe8\x83\xff\xfd\xfd\xd1\xfb7\xac]\x05\x00\x8c1\xce\x05\xa2B]\x1c~,\x00\x08\x00\x88\xc8jp)\xcd\x0f\xdf~\xfd\xf3\x8f\x8b\xa6&gt;\xf1\xecUC\x87\xfb\xca\xa9\x06$\x90\x94\xd2\xe3\xf1|\xfe\xd1\'3\xff\xfe\x84a\x18\x88\xfa\xd1|\xcd\t\x9f\x95\xed\xa2\x13&gt;\xa1\xa8\x00\xc4\x19"B\xdd?\'\xf6{\x0e\xbe\xf0a\x00J)\xba\x14\xfaU\xfa\xc2\xdfWQ\xfe\xc8=\xb7\xfd\xe7\x95\x99\x00 \x84\xd0m\xbe\x94&amp;\xe7\x82s\xae\x1f\x08\x03\x80n\xfd\x0f\xfe\x1e\x00\x05\x00B\x18U\x95\xfe\xc9\xe3F\x04\x02U\xc3G\xdf\xec+\xf7\x0b\x83j@\xfc!\xa2\xcdf\xf3\xfb}\xf7\xdfq\x93\x94\x92s\xae\x94\xd2_b\x00J\xca\xba\xffK\x12\x84\n@\\1\x88F"J)\xa5\xa2\xf1\xff\xe5\x88\x8czB\x8f\x08\x11\xed\x0e\xfb\xcaeK\x1e\x98|\xcb\xe6\rku\xc7\xb1\x94\x12\x00\xb8\x10\xa8T\xdd\x83\x99\xac\xec\xeclW\x8ea\xd8"\xe1\x90\xdfWQ\xf3=\xb5\r\x90\x94\xa6\xfe\xd9\x07\xef\xbc\xa5y\x8b\xd6\xe7\x9e\x7faUe\x15\xdd\x07\xc4\x9d\x92\xd2\x93\xe7\xfe\xe3\xcd\xb7\xee\xdc\xb6E_\xf2[}D\x19\x87\n@\xdc0\xc6\x94\xa9N9\xb5e\x9b\xf6\x1d\x0ca\xc8\xe3~\x08\x8c(\x84\xa8\xac\xf4\xef\xd9\xb5\x931\x86\x88\xc0\x98R\xca\x99\x95}N\xef\x0b\xc2\xe1\x18\xa7\xe1\xea\x87\xa1\x94\xca\xcar.z\xff\xdd\xcd\x1b\xd6\xda\x1d\xceh$\x0c\x00\x8cs}9\t\x00]\xce\xe9}~\xbfK\xcf&lt;\xbb[\x93\xa6\xcd\\9n\xceE,\x16--)^\xbd\xf2\xcb\xb7\xe6\xcd^\xb7\xea\xeb\x9a\xc0\x01\x94R\xfa\xc9\xe4\x03w\xde\xf2\xd6G+\x0c\xc3\x86J\x01\rG\x89\x1f)Mo\xbe\xf7\x7f\xffy\xfd\x8dW_\xd2\xad\x7f]\xf8$i\xa8\x00\xc4\r\xe7&lt;X\x1d\xbcy\xf2}7\xdfq\xef\x89\x0c\\\x93Rz\xf3r\xa7\x8c\x1f\xf5\xe6\xab/s\xce\xa5\x94\x82\x0b)\xcd\x8b\xfa_y\xfaY\x1d*\xa8K\xfa\xf0\x84\x10U\x95\x81\xc9S\xff\xb2u\xd3\xba\xc5\x1f\xcd\x17\xc2\x00@)%\x02\xf4\xe9\xdb\x7f\xd4\x84\xc9]\xcf\xf9\x8d#\xcb0c\x18\x8b\xc6\x94\x92\x88\xc08+lxR\xa7\xae]\x06]?\xe6\xa5g\xff\xfa\xcc\x9f\xef\xd3\xed\xbe\xee\x11\x12\xc2\xf8~\xfb\x96\xff\xbe\xf6\xca\x8d\xe3o\xad(\xf3%n\x80o\xa6A\xa5\x1c\xce\xac=\xbbw?r\xf7m\xba\xdd\xa7\xd6\xdf\x12t-\x19oX\xf3P\xf1\xf8(\xa9\x9cN\xe7\xe6\x8d\x9b\xde\x7fk\x1ecL\xf7H(%\x19\xe7Cn\x18\x17\x8bI\x1a\x13}d\xa8\x94\x94\xea\xf1\xe7g7o\xd1ZJSJ\xd9\xec\xd4V\x7f\x9f\xfd\x9f\xe9\xaf\xbd\xd7\xa3\xf7\xf9\xe1P\xb0\xe2\x80/PU\x19\x8dFL\xd3\x94\xd24c\xb1P\xb0\xba\xbc\xcc\x17\tG\xfep\xdf=\x7f|\xe8)\xa5T]\xc8\x08\xc8\x18{\xfb\xf59\xa1`\x84S\xdd\x8d\x1f\x04p8\xec\x0f\xdey\xcb\x81\xfd\xc5\x8cs\x85\x88\x88\x17\xfc\xeergV\xb6\xd5\x87\x96Y\xa8\x00\xd4/R\x99\xcel\xfb\xeb\xaf\xcc\x08\x87B\x9c\x0bD\xe4B b\xb7\x9e\xbf\xe9z\xce\xb94 \xfaW1\xce#\xe1p~a\xc3\xbf\xcd\x9c\xe7\xcaq_z\xf5\x90\xff,\xfc\xb2\xffU\x03\x03U\x95\x81\xcaJ\xc6\xb90\x0c\xce\x05;\x08\xe7\xdc0\x0c\xc6X\xc9&gt;\xff\xc8[n\xef\xd6\xab\x8fRJ7\xf7\xa8\x14"~\xb7~\xcd\x8em[\x1cN\'\xd23\xc9x0M3/?\xf7_3\x9e\xffx\xfe\xff\x840\x00\x91\x01\x9c\xda\xaa\xed\xd0\x1b\xc6E"4\xed+\xa9\xa85\xa9G\x10\xd1\xe1\xc8\xda\xb3k\xcf\xdb\xaf\xbd\xc2\x18\xabyb\x89\x08\x00\xd7\x8e\x1c/\x0c\x83\xee\x91\x8f\x86\x10"PU\xd5\xbeC\xc7\xd7\xe6/}t\xda,\x97\xdb\xe3+\xf7q.\x8e|\t\xcf\x18\x03D\xce\xd95\xc3G\xd5\xbd\xa8\xe7(\xc5\xa2\xd1\xed\x9b7\xda\xed6E\xf9\x9f0\xa5TN\x8ek\xc3\x9auO=t\x97\x1e\x91\xa5;\x7f\xc6\xdc\xfa\xc7\xec\x9c\x1c&lt;\xe8\xf6\x8b$\x01\x15\x80zDI\x99\xe3v\xbe\xf3\xfa\x9c\x8a\xf2\x03\xba\'\x9as\xa1\x14\xb6lsZ\x9f~\xfd\x03U\x01\xea\xfd?J\x9c\xf3P(\xd4\xb2\xf5i\xa6\x19\x8b\x86\xc3G\xd9w\xcf\x05\x8f\x84c\xa7\x9f\xd5\xd9f\xb7+Y\xd3\xdb\xa6W\x88+\xde\xbb\x9b\x0b\xa8\x1b6J\x8e\x17r\xc6\x94R\x7f\xfa\xc3M\xc1\xea\x00\xd4L\xbc\x90-\xdb\xb4\x1b|\xfdu\xc5{v\x03\x00=iO&amp;*\x00\xf5\x07\x1a6{\xd9\x01\xdf\xbfgO\xaf{ \xc6\x18\x00\xe0\xe0\xeb\xc7\xe6\xe6\xe6H3\x9e3\xcb\xd2\x1e\xe7&lt;\x12\x0e\xe9.\x9e\xa3\xfe!&amp;\xa5\x99\x97_\x90\xeb\xf1\x1e\xf4\x1a\x00@u \xc0\x80\xda\xff\x13e\x9a\xd2\x93\xef~\xfe\xaf\x7f\xfev\xc5\x17\xc20\x94\x94\xba\xb5\xff\xe3CO\xb9r\x8c*\xbf\x1f\x0eY\r\x8e$\x18\x15\x80\xfaBJ\x99\xe3\xce.\xfa\xdf\x1b?\xec\xda\xc1\x18WJ\xe9\x7f\xe7\x176\xbc\xf4\xea!\xd5\x81\x10=\x84&lt;V\xc71m\x02\x118\xe7\x86a;\xe4u\xba\xf7:qR\xca\\O\xee\x97\x9f-\xfe\xc7\xd3\x8f\t!\x94\x94z\xf4\xe7\xf0\xd1\xb7\\p\xf1eU\x95\x10\x8dF\xac&gt;\xc6\x8cC\x05\xa0\xbe\xe0\xdc\x08\x05C\xaf\xce|\x0e\x80\xe9\xab \xdd\x0bt\xe5\xa0\xe1M\x9a6\x8eF"\xd47\x9a\x04\x8c\xb3X,\x1a\x0e\x05\x7f|\t\x11\x00r=y\x88tuz\xfc\x10\xd10\x8c@U\xd5\x9fn\xbf\xc94cz\xdc\xa7\x94\xb2m\xfb\x0ew\xdc\xffh\x95\xdf/\x04D\xf4"}t\x9e\'\x11\x15\x80zAJ\xe9\xceu-\xfe\xa8h\xe3\xdaU\x9c3%%0\xa6\x94t8\xb3\x06\x0e\x1b\x19\nEi\xf0O\x12 \xa2a\xd8\xcaJK\x03U\x95\x07\xbf\x08\x00\x8d\x9b6\x93\x12\xa8\x02\x1c7%e\xae\xc7\xf5\xe4\xd4?n\xdf\xb2I/\xbc\xc1\x18\xb3\xd9\xed\x0f===+\xdbeJ\x93q\x88\xc6bV\x1ff\xc6\xa1f\xa5^`\x8cI\xa9\xe6L\x9f\xa6\xff\x1b\x00\x04\xe7\x88x\xe1%W\xb4;\xe3\x8cP0D\x8b@$\x01"\xda\xedb\xcb\xa6uR\xca\xbaFJ)\xe5pf\x9d\xda\xaaM4\x1a\xe5tqz\\\xa4iz\xf2\xbd\x1f\xfc\xf7\xbf\xaf\xfd\xf3\x1fB\x18RJ.\x84\x94r\xfc\x1d\x7f\xea\xde\xabgUe\xa5^\xde\x9c\x9er%\x1f5+\xd6\xd3\x1b\t\xac\xfcr\xe9\xf2\xcf?e\x9c\xeb\x15Q\xf4t\xa4!7\x8c\x93&amp;M\xfeJ\x16D`\xb0\xe4\xa3\xf9\x00P\xb3W$\xe7\x8c\xb1\xb6\xed;4m~j4\x12\xa12|\x1cP)\x87\xd3Y\xbcg\xefC\x7f\x9c\xc0\x18CT\\\x08i\x9a\xdd\xcf\xeds\xd3\xed\x7f\xf4\x95W\x19\x86\x01z]V\xa5\x80n\xb2\x92\x8bNh\xeb!\xa20\xc4\xab/=\x8b\xa8\xf45\xa6\x9e\xfc\xd5\xb9G\xefn={\x05h\xf2WR *GV\xd6\xf7\xdbv|\xba\xe0}\x00\xd0\x930\x180}\x1f\x96\x9d\xedP\xb4T\xd9qADg\x96\xf3\xa1?N\xdc_\xbc\x97q\xae\x97\xcbu\xe7z\x1ez\xfa\x1f\t\xdd?\x95\x1c\rjY,\xa6\x94\xca\xce\xce\xde\xb8f\xcdG\x1f\xbe\xab;\x82\x00j\x1e&lt;\x0e\x1bu\xb3a\xb3\xd1\'$9\xa4T99\x8e93\xa6UU\xfa\x0f\xea\xff\x91z:q\xb0:\xca\x05}X\x8e\x99i\x9ay\x05\x9ey/O_\xf8\xde[B\x18J\xea\xad\xbe\xd4\x1f\x1fz\xaaM\xfbv\xc1\xea ]\xdcX\x8b\xd2\xb7\x18*\xe5\xcc\xb2\xfd\xfb\x9f\xff\x88F"\x9c\x0b\x00\xe4\x9c+\x85\xa7\xb6n{~\xbf\xcb\x02U\xd54\x001\t\x94\x949\xee\x9c\xd5_\x7f\xfb\xda\xac\x17\xeb\x16\x85\xd6Kq\\}\xed\x8d\xad\xda\xb6\x0e\x87\x83\x8c\x16a=FJ)\x97\xcb\xf5\xdd\x86\x8dO&lt;p\xa7\x9e\xf4\xcb\x05\x97\xd2\xfc\xdd\x15\x03\x07_?\xba\xa2\xcco\xd0\xe2zV\xa3s\xdaJ\x88\xe8pf\xed\xdc\xb6\xf3\xdd7\xe6\xd6\xad\xfd\xc0\x18\x03\xc0\xc1\xd7\x8d\xf5\xe4\xb9\xa5I\xe3"\x12O\xefI\xab\xd4CS&amp;\x86\xc3!\xd0\x8bSr\xaeP\xe5\x174\x18=qru L\x9b0\x1f\x07\xc6\x180\xf8\xd3\xed\xe3\x02U\x95\xc0\x18c\x0c\x95:\xe9\xe4\xa6\x7fz\xfc\xef\xe1P\x98s\xea\xed\xb7\x1e\x15\x00+))]9\x8e\xb7\xe6\xcd\xae\xf2\xfb\xf4\xf5\xa6\x1e\x1c\x9d\x97_x\xe9\xd5C\xaa\xab\xc24\xf9+\tL)\xbd\xf9\xee\xbf&gt;|\xef7+\x96\xea\tJ\xa0\'a(5\xe9\xdeG\x9a6;%\x12\xa6\x15\xca\x8e\x99i\x9a\xde|\xf7\x8bO?\xb6\xf2\xcb\xc5\xb5\x93~\x19"N}\xe2\xb9F\'5\x8e\x84\xc3tGU\x1f\xd0{`\x19D\xb4\xd9\xed\xfb\x8b\x0f\xfcg\xceL=:\x02\x00\xf4\x95\xe6\x15\x83\x86\x9d\xdc\xec\xe4(\xad\x8c\x98xf,V\xd0\xc0;o\xf6\xac\x97\x9e}\xaanS*!\x0ci\x9a\x17^r\xe5\xe0\xeb\xc7\xf8**i\x1b\x80c%\xa5t\xe7\xe6\xaeX\xfa\xc5\x0b\x7f}\xe4\xe0I\xbf\xc3F\xdfr\xf1\xe5WTT\xd0\xce\n\xf5\x05\x15\x00\xcb()s\xdc\xd9\x1f\xfc\xf7\xdf%\xfb\xf6\xb0\x9a~g\xa6\x94\xb4;\x1c\x03\x87\x8d\n\x87b4\xe80\xd1\xccX,\xaf \xef\x93\xf9\xf3\xa7\xde1\xee\xa0\xae\x7f.\xa5yJ\xf3\x96\x0f?\xfd\x8fh$L%\xf8X\xe9I\xbf\xa1`\xf5\x9f&amp;\xdd\x14\x8bF\x11Q\xaf\xf8\xd6\xb6}\x87\xc9\xf7?Z\xe9\xa7\xc7Z\xf5\x0851\x96\x11\x86QU\x19x\xf5\xe5\xe7\x811\xbd\xca\x98\x10\x1c\x11\x7f{\xf1\xe5\xa7u83\x14\xa4\x01\x12\x89e\x9a\xa6\'?o\xd5\xca\x15\x93F\x0f\x8dE\xa3\x08\xa0\x9b*Dt\xe5\xb8\x9fy\xe9\xb5\xfc\xc2\x06\x91H\x94z*\x8e\x95\x942\xd7\xe3\xfa\xebC\xf7l\xd9\xb4\xaev&lt;\x15\xfc8\xe9\xd74\xe9\xbe\xb6\xfe\xa0\x93\xdb\x1aR\xca\x1cw\xce\xc7\xf3\xdf\xdf\xf6\xdd\x06^\xfb\xf8W\xdf\x04\x0c\xb9q\x9cR\x8a&gt;#\te\x9afnn\xee\xd6M\x1bn\x1evU\xcd\x03\x18\xa5\x18c\x8c\x01c\xec\xc9\x17\xe7t\xec\xda\xad\xaa\xb2\x92\xaeU\x8f\x954Mo\x9ew\xc1{\xff\xfb\xd7\xccgu\xb7O\xcd\xa4\xdf\xc9\xf7\xebI\xbf\x14i\xbdB\x05\xc0\x1a\x9c\xf3X,\xf6\xaf\x99\xd3\x00jV\xbf\xaa\x99\xfc\xd5\xbdg\xf7^\xe7UWU\xd3\xb0\x93\xc4\x91\xa6\x99\xe3v\xff\xb0k\xc7\xd8!\x97\x95\x96\xec\x13B\xe8mItG\xdc\xc3OO\xff\xdd\x95WV\x94\xfbh\x90\xe2\xb1BT\x0e\xa7\xb3\xb4\xb8\xf8\xc1;o\xd1\x8f|k&amp;\xfd\xf6\xeas\xd3\xa4)u\x93~I\xfdA\x05\xc0\x02JIW\x8ek\xd9\x92O\xbfY\xbe\x941^3\xc5\x14\x11\x00\x86\x8e\xbc\xd9f\xb7)\xa4I\xa7\x89"\xa5\xe9\xca\xc9\xd9\xbfo\xcf\x98\xc1\x97\xfd\xf0\xfd\x0e}\x95\xaa7\x86TR\xde\xfd\xc8\xdf\x86\x8e\x1cU^J\xad\xff\xf1P\n\xb3\xb2\x9d\x0f\xdfu\xdb\xbe=\xbb\xf5Z\xb6\xa8\'\xfd\xfe\x8d&amp;\xfd\xd6St\x96[\x00\x118c\xff\x9a\xf1,\x00p\xce\xa4\x04\xfd\x04\xb2y\xcb\xd6\xbf\xfd\xdd\x15\xd5U\xd5B\xd0\xfb\x92\x10R\xcal\x97\xeb\xc0\xfe\x92\xd1\x83\xfao\xdf\xb2I\x08CJS\xb7\xfeR\xca\xdb\xef\xfb\xf3\x98[o/?@cT\x8e\x874\xcd\xbcB\xefk\xb3_\xfe\xf0\x9d\xd7\x850\xa4\x92\x9cq\xa5\xe4\xe4\xa9\x8f\xb7j\xdb\xae\xfc@\x99a3\xe4a\x96\xd3PRJ)\xf5@\xb8\x83!\xa2\x94\xf2\x90\x9f\x12\x9c\xd3\x92\xd1\xf1B\'z\xb2\xe9\xe9\x91k\xbe\xf9z\xf1G\x1f\xeaQ\xffP\xbb\x02\xe85#\xc6x\xf3s+\xa8\x01J\x0c)eVvvE\xd9\x81\xd1\x83\xfbo\xd9\xb4^\x18\x864\x7fl\xfdo\xbb\xe7\xe1\x89S\xee)/\xf3S\xf5=\x0eJ\xa9l\x97k\xeb\xa6\xcd\x8f\xdf\x7f\x87\xeeI\xd3wT\x03G\x8c\x1a{\xdbM~\x1f\xe6\x17\x16\x1c\xe1\xc7c1\xe9\xf5\x08\x87#\xeb\x90\xd7m6\xbb\xc7+\x10\xf2\x0c\xf1c\x8b\x1f\xac\x0e)e\xd2\xaaqqA\xe7z\xb2\xa1Rv\x871o\xd6\x0bf,Vw\x05*\xa5\xf4\xe6\x17\\&gt;\xf0\xda\xea\x00M\xfeJ\x08)eVvV\xa5\xaf|\xcc\xe0K\xbf[\xbf\xa6\xae\xf5\xd7#\x14o\xbf\xef/\x13\xa7\xdc]Q\xe6\x174\xf2\xea\xb8\xe8\x89,\x0fM\x99P\xe9\xf3q!\x94\x92 \x811V\xb2\xe7\x87\xd1\x83\x86\x9a\xb1\x18c\xfc\x08;j"\xa2\xdda\xdf\xb8v5\x00\xe8\xe5\xb0\xf4\x90\xdc\xaf\x97\x7f&gt;f\xf0\xb5\xb1h\xf4\xe0\x81C\xb7\xde\xfdP\xb3\x16\xadh\x8b\xa4\xb8\xa0\x02\x90T\xa8\x943;{\xebw[&gt;x\xfb\xf5\xba\xb5\x1f8\x17R\x9a\x97\x0f\xb8\xf6\x94\xe6M\xa9\xff!\x11\xa4\x94\xce\xac\xac\xaaJ\xff\x98\xc1\x97mX\xf3\xed\x8f\xad?\xe7J\xca)\x0f&lt;1\xee\x8e;\xcb\x0f\xf8\x85\xe0t]y\x1c\x10Q\x08\xc3\xef\xf3o\\\xb7\x8a1\x86\nA7\xf6\x88K&gt;.:\xf6\xdf\xa6\xa0v\x1f\x9e}{v\xbf\xf7\xe6\xbcC\xbe\xe1\xfa\x9bn\x13mNC\x9a\x9e\x1d\x0f\xd4\xd6$\x95R*;\xdb\xfe\xc6\xbf^\nV\x07\xf4\xe5?\x00(%\xedv\xc7\xc0\xe14\xf9+!\xa4\x94N\xa73X]u\xd3\x90\xcb\xd7\xadZ\xa9g\xf9\xd6\xb5\xfew=\xfc\xd4M\x93\xee(;\xe0\xa7\xe1\x89\'\x88qf\xb7;\xf5r&amp;u/r\xce\x8f|\xed\x7f\xf0/P\xa8\xf4\x96\x00?\xbe\xc4\x98^!\xf1\xe0\x17\x85a\x00=O\x8e\x13*\x00\xc9\x83\x88v\x87c\xef\x0f\xfb\xde\x9a7Ko5\x05\x00z\x14J\x9f~\xfdO?\xab\xa3\xdfG\xcdP\x9cI)\x1dNg8\x1c\xbci\xe8\x15\xab\xbf^^\xd7\xe7\xa6\x07_\xdd\xfd\xc8\xdf\xc6\xdcv{\xd9\x01\x1f\xf5\xfb\xc7\x05c\x8c\x0b\xc1\x18G\xfc\xb1\x06\xe0Q\xb5\xfe\xc0\x00\x0f\xd3\xac\x1f\xfa*\xb5\xfdqD\xe7}\xf2()]^\xf7\xab/=WV\xba\xbfn\xd9\x19]\x06\x86\xdex3M\xfe\x8a;%\xa5\xc3\xe1\x88F\xc2\xe3\x86^\xf9\xed\x8a/\x0e\xe9\xf9\xb9\xf7/\xcf\x8c\x9ax[9\xb5\xfe\xf1\x13\xa8\xf2+)\x01\xe26\x88Y\x8f\x02:\xe4E%%\xf5\xd4\xc5\x0b\x9d\xfa\xc9c\xd8l\xbe\x8a\xcay\xb3\xfe\xa1\x17\x1c\x06\x00.\x84\x92\xb2S\xd7s\xce\xe9\xdd\xa7:@\x93\xbf\xe2IIiw8L3v\xf3\xb0\xabV.[rH\xeb\x7f\xdf\xa3\x7f\x1f5a"]\xfb\xc7\x0b"r\xce{\xf6\xb9\xb0\xa2\xec\x00c\xfc\xe7\x03:\x7f\xf5\xc7m6c\xd7\x8e\xed{v\x7f\xafg\x90\xe9\x7f\xe7\x176l\xdb\xfe\x0c\xd3\x94\x07_\x1b\xe5\xb8s\x95\xa2\xf5$\xe2\x83\xce\xfe$\x91\xd2\xf4\xe6y\xdfx\xf5\x9f\xbbvl\xad[w\xacn\xf2\x97\xdda\x0f\x06\x83\xd4\x18\xc5\x8bR\xd2f\xb7Ki\x8e\x1f\xfe\xfb\x15K?5\x0c\xc3\xac\x19\xf3\xc3\x94\x94\xf7?&gt;\xed\xc6\xf1\x13\xcaJ\xe9y{|\xe8!@v\xbb\xe3\xff^\xfe\xcf\xf1\xb5\xcb\xa6i6hh{\xe4\xae\x07\xa6=\xf1\xa0\x10\xc24M=6\xb7\xe7y\xbf\x9d\xfe\xda&lt;_\x85yp\xd7h$\x1c\xa2!@\xf1B\x1f\x80$\xe1\\\x84\xc3\x11=\xf9\xabf\xed\x07\xce\x95R\xa7\x9c\xda\xf2\xc2K\xae\x0c\xd0\xe4\xaf\xf8QJ\xd9l6\x00\x9cp\xfd\xc0/\x17\x7f\xf4\x93\xd6_\xa9\xa9O&lt;w\xc3\xcd\xe3\xa9\xf5O\x84`u\xe0\xf8~\xd04\xcd\xac,o4\x1a=\xf4\xf5X,P\xa5\xaa\x03U\x07\x17\x00Z$1\x8e\xe83\x90\x0cJJ\xb7\'\xf7\xe3\xf9\xef\xaf[\xb5RO\x90\x81\xba\xc9_\xc3G\xe7\x17xh\xf4g\xbc(\xa5\x0c\xc3`\x8cM\xb8n\xe0\xe7\x1f\x17\xd5\xb5\xfez)\x82?=&gt;m\xc4\xd8\xf1\xfb\x8b\x0f\x08\xe3\xb0\xb3R\x8f\x80sN\x17\x9eGp\xdcM3\xe7\xfc\x17\xb3\xd5\xd3\xf4\xb4\x13&gt;:\xf2\x0b\xa8\xd1I\x12D\xfc\xd7\x8ciP\xdb\xee\xeb\xfd\xdf=\xde\xbc+\xae\x19F\x93\xbf\xe2E\xef\xb1\xc3\x19\xdcz\xe3\xe0\xcf\x16}\xa0[\x7f\xbd\x19a\xb6\xcb\xf5\xc833G\x8c\x1a\\V\x8e\x05\r\n\x8f\xef\xf7\x07\xabC\xb4\x9a1I\'T\x00\x12N)\xe5\xca\xc9\xf9f\xf9\x97_,\xfe\x88q.\xe5\x8f\x93\xbf.\x1d0\xb4Y\x8bft\xf9\x1f\'\xc8\x18\x93\xb1\xc8\x1d\xe3o\xfcx\xfe\xbb5\xad?\x00\xabY\xa8\xc0\xbdj\xe5\xb2%\x1f\x17q\xce\xd9\xb1\x0f%\xd4\xf7\x10#\xc7\xff\xa1Y\xcb\xd6\xd4\x01M\xd2\x06\xb5;\t\x87\x88\x86M\xcc}\xe9y%\xa5\x10\x86\x04=\xd3]\xda\xec\xf6kF\x8c\x0e\x87i\xf2W|(\xa9\xdc\x1e\xcf\xa7\x0b&gt;X\xf8\xfe\x7f\xebZ\x7f\xa8\x9dSZZ\xb2\xef\x9f/&gt;s\x82\x7f\xc4\xe5\x03\xafm\xd5\xeet\xda"\x98\xa4\r*\x00\x89\x85Jeeg}\xb7~\xfd\x82\xf7\xdfb\x8cI\xa5\xb7\x9c\x15R\xca\xf3.\xbc\xa4C\xc7N~\x1fm\x91\x11g?\x0e\xb2:H\xed\x9c\xd2\xe3\xa4\xef\x00\x0c\xc3\xa05\x8dI:\xa1\x02\x90XJ\xa9\xacl\xfb\xebsfF\xc2a\xc3\xb0Ii\x02c\xba\r\x19:\xf2fT\xb4\xaem\xfc\xe91\xe9?\xbfH\xd7+/\x1d\x9f\xba\xc7\xc8\'vh\xe4\xc8\xd8\xcfY}Hi\x8e\n@\x02!\xa2#+k\xe7\xb6\x9do\xbe\xfa2\x00\x98f\xac\xf6uy\xe6\xd9]{\xfe\xe6\x82@ @\x93\xbf\xe2K7\xd3\xc71\xc2\xe7W\x7fm\xdd\xbfI\x82(%\x11\xd1\x8c\xc5\x10@\xf7\xe0\xc9\xda~&lt;\x92 T\x00\x12H)\x95\x95\xe5(z\xf7M\x00\xf0\xe6\x15\xd4\xf4\xffp!\x95\x1c1\xf6V\xbb\xd3\x1e\n\x85\xa8\xff\'\x8e\x10\xd1\xb0\xd9\xdc\x1e\xef/\xf6\x02\x9d\x08\xea\x02J4D\xcc\xca\xcav{\xbc\x86\x10\xa6\x94\xfac\xe2r\xbb)\xf0\x84\xa2\x02\x90@B\x88@U\xf5e\x03\x86^z\xf5\x10\x80\x9ay\xbf\x08\xc0\x00r\xbdy\x81\xca\x00\xb5\xfeq\xc4\x85\x08\x05\x83\x1d;w\x7f\xff\xf3\xb5\t\xfa#\xb2s\xdc\x91p\x88\xc6\xa4\xc7\x9da\x18\x95\xfe\xe0\xd0Q7\x0f\x18v#0\x06\x88\xc0\x00\x10\x0c\x9b=X\x1d\xa4\x8fI\xe2P\x01H,D\xf4x\xf3\x19\xabi\xf7\xeb\x98to\x9b\x00\xfa\x0e \xaf\xa0\x10\x13\xb3Z\x98\x94\x92.H\x13D\xdf\x01\xb8\\9\xfa\xbd\xd3\xffV\x88*\xde\xbdy\xe4`T\x00\x12\xae\xae\xeb\xff`\xf4t+A\x101\x16\xfb\x85\xc0\xe3\x82\xde\xb5\x84R\xea\xd0\xed\x7f\x812O0*\x00\tGgp\x92Q\xe0)\x8b\xde\xbad\xa3\xdeLB\x08\xc9PT\x00\x08!$CQ\x01 \x84\x90\x0cE\x05\x80\x10B2\x14\x15\x00B\x08\xc9PT\x00\x08!$CQ\x01 \x84\x90\x0cE\x05\x80\x10B2\x14\x15\x00B\x08\xc9PT\x00\x08!$C\xa5I\x01\xa0)\xe4IvH\xe0\x94\x7f\x92Q\xfe\xd6J\x9b\xc0S\xbb\x00 \xa2^\xf6=\x16\x8b\xd2*\x8d\xc9\x14\x8bE\x81\xf2\xb7\x0e\xe5o-\x9d?\x00\xc4w\xdb\x89\xe4K\xd5\x02\xa07\xe8\xc8\xcd\xcdm\xd3\xa65\x00lZ\xb7:f\x02-\xd4\x9e\x04\n\xd1f\x83M\xebV\x03@\xa3F\x8dZ\xb5\xa6\xfc\x93\x8a\xf2\xb7\x96\xce\xff\xbbuk\x00 7\xd7\xd3\xa6M\x1bH\xe5\x1b\x82\x14&gt;c\xf4\x0eM\x85\x85\x85\x00\xe0\xf3\x95G\xc3\x91\xd4}\x1bR\x8bB(;\xb0\x1f\x00\xdcnw\xa3F\x8d\x80\xf2O.\xca\xdfZu\xf9\xbb\\\xd9yyy@\x05\xc0\x12\xfa\xe6\xeb\xac\xb3:\x02\xc0\xae\xed[\x0f\x94\xec\xb3\xdb\xed\xb4_G\xa2q\xce#a\xa9\xaf@;t\xe8pq\xbf~\x00\xb0{\xc76\xca?9(\x7fk\xe9\xfc7\xae[\x05\x00m\xda\xb4q\xb9\\J)*\x00\x16\xd0\xa1w\xed\xda\x05\x00\xaa*\xfd\xdb\xb6l\xb2;\xec\x98\xe2]r\xf5\x1c"\xda\xed\xf6\xb2\xfd\xc5;\xb7m\x06\x80\x0eg\x9e\xd9\xbbwo\xa0\xfc\x93\x85\xf2\xb7\xd6!\xf9w\xea\xd4)\xee\xbbO\'Y\n\x17\x00\xdd\xe3\xd9\xb3g\xcf\xfc\xfc|\xa5\xd4\xd2O\x17\x1a\x06St\x05\x94H\xa8\x943\xcb\xb1j\xe5\xb2\xf2\x03\xa5\x9c\xf3\xdf\xf4\xee\xdd\xbd{w\xaf\xd7K\xf9\'\x07\xe5o\xadC\xf2\xef\xd7\xaf\x1f\xa4r\xff\x0f\xa4t\x01`\x8c)\xa5\x1a7n\xdc\xb1cG\xc6\xd8g\x0b\xdf\xaf\xf4\x07\r\x83\xf68K \x85(\x04[\xf4\xc1;\x88\xe8\xf5z\xbbt\xe9\x92\x9d\x9d\xdd\xa9S\'\xca?9(\x7fk\x1d\x92\x7f\xaf^\xbd\x00R\xfb\xd9{\n\x1f:\xd4&gt;\x06\x18&lt;x\x08"\xee\xdc\xb6e\xc5\xd2O\\9\xae\x9fo+J\xe2\x02\x11\x9dN\xe7\xee\xef\x7f\xf8\xfc\x93"\x00\xb8\xf8\xe2\xdf\xe9\'`C\x86P\xfe\xc9@\xf9[\xeb\xe7\xf9{&lt;\x1e)%\xdd\x01XF\x08\x01\x00\x03\x07\x0eh\xd4\xa8\x11"\xce\x9c\xf6dJ?\x90\xa9\xe7\xa4\x94.\xb7s\xde\xcb\xcf\x97\x95\xee\x17B\x8c\x1d;F\x0f\xc6\x1d8p \xe5\x9f\x04\x94\xbf\xb5~1\x7f\xab\x0f\xeaD\xa5v\x01`\x8c\x99\xa6YPP0|\xf8pD\xfc\xea\x8b\xc5\x8b\x17-\xc8\xcdu\xd3EP\xdc!\xa2\xc3\xe9\xdc\xf3\xfd\x9e\x7f\xbf2\x831v\xf6\xd9g\x9f\x7f\xfe\xf9J))%\xe5\x9f\x04\x94\xbf\xb5\x0e\x97\xbf\xbe\x06M]\xa9]\x00\x00\x80s\x8e\x88c\xc7\x8e\xf5z\xbd\x000\xfd\x99G%]\x04%\x804\xcd\xdc\\\xe7?_\xfc\xbf\x8a\xb2\x03\x00p\xe7\x9dw\x02\x00"R\xfe\xc9A\xf9[\xebp\xf9[}\\\'*\x1d\n\x80R\xaam\xdb\xb6\x93&amp;MB\xc4\x95\xcb\x96\xcc~\xe1\xff\n\nsc\xb1\x98\xd5\x87\x96&gt;\xa4iz\xbc\x9eeK\xbexe\xc6\xdf\x01\xe0\xbc\xf3\xfa\x0c\x1a4H_\xfeP\xfeI@\xf9[\xeb\x08\xf9[}h\'\x8a\xa5A\x11\xd3+\xa2\x04\x02\x81\xce\x9d;o\xdf\xb1\xc3\xe5r\xbd\xf2\xf6\'gv\xeeR\xe9\xf3\x0b\x1a\x14q\xc2P)\xc3f3c\xd1!\x97\xf4\xde\xb2i=\xe7b\xf9\xf2e\x9d;w\xd6\x97\x9f@\xf9\'\x18\xe5o\xad_\xcd?\xa5\xa5\xfc_\x00\x00\x18c\x8c1\x8f\xc73w\xee\\C\x88` p\xd7\x84\x1b\xca\x0f\x94\xda\x9d\x0e\xea\x0c=A\x88\x88\x88N\xa7\xe3\xfe;\xc6o\xde\xb8\x0e\x11\x9fz\xea\xc9.]\xba(\xa5\xea\xce~\xca?q(\x7fk\x1dM\xfe)-\x1d\xfe\x0e\x00\xc097M\xb3G\x8f\x1eO&gt;\xf9$\x02l\xd9\xb4~\xcc\xe0\xcb\x04\xe7\x0e\xa7S\x9a\xa6\xd5G\x97\xaa\x94R\x88\xaaac\xcf\x03S&amp;\xbe\xf7\xe6\\\x00\x188p\xe0\xa4I\x93L\xd3&lt;\xe4\xe6\x97\xf2O\x04\xca\xdfZG\x9f\x7f\xeaJ\x93\x02\x00\x00\x86a\x98\xa69i\xd2\xa41c\xc6\x00\xc0\xdao\xbf\x1auM\xff*\xbf\xcf\xed\xf1P\x7f\xe8q\x90\xa6i\xb3\xd9rr\xdcwM\x98\xf0\xda\xac\x17\x00\xa0[\xb7n\xd3\xa7O?\\\xd7\'\xe5\x1f_\x94\xbf\xb5\x8e5\xff\x14\x95&gt;\x05\x00\x00\x84\x10J\xa9\xe9\xd3\xa7\xeb\xcf\xc0\xb2%\x1f\x8f\x19\xdc\x7f\xc7\x96M\x85\r\xf2\xa4\x94)\xbddG2!\xa2\x19\x8b\xb9=\x9eX,2e\xfc\r\xaf\xce|N)\xec\xd6\xad[QQ\xd1\x91\xd7&gt;\xa4\xfc\xe3\x82\xf2\xb7\xd6q\xe7\x9f\x8a\xd2\xe1!\xf0\xc1\xf4\x031!\xc4\xd8\xb1cg\xcc\x98\x01\x00\xde\xbc\x82{\x1f}\xe6\xaa\xc1\xc3c1\x19\x0cT1\xce\xd3\xa3\xf3.\x11\x10QJ\xe9p:\xddn\xe7\x8a\xa5_L\x9d&lt;^\xaf:\xd9\xbd{\xf7\xf9\xf3\xe7\xe7\xe5\xe5\xfdj\xd7\'\xe5\x7f"(\x7fk\x9dx\xfe)\'\xdd\n\x00\xd4&gt;\xb7\xe1\x9c?\xf8\xe0\x03\x0f&lt;\xf0\xa0~\xb1\xffU\x83\xc6\xfd\xe1\xee\xd3\xcf\xea\x14\x8d\x9a\xc1\xeaj\x00\xe4\\\xa4S%?\x115\x1bK!:\x9cNW\x8e\xf3\x87]{^}\xe9\xb9Y\xcf\xfd5\x1a\x8d\x02\xc0\xa0A\x83^|\xf1\xc5\xa3?\xfb)\xffcE\xf9[+\xbe\xf9\xa7\x964,\x00p\xd0g\xa0\xa8\xa8h\xe4\xc8Q{\xf7\xee\x01\x00\xa7\xd3\xd9\xff\xf7\x83\xaf\xbb\xe9\xd63:vf\x0c\xc2\xa1h4\x1aQJ!"\xcb\xbc\x8f\x02\x02 "c\xc0\x18\xb7\xd9\xedYYN!`\xf7\xf7?\xbc\xfe\xca\xf4\xd7_\x99QZR\x0c\x00v\xbb\xfd\xf1\xc7\x1f\x9f4i\x12\x00\x1c\xd3\xd9O\xf9\xff*\xca\xdfZ\t\xcd?\x85\xa4g\x01\xd0L\xd34\x0cc\xef\xde\xbd\xf7\xddw\xdf\xdc\xb9\xf3"\x910\x00dee\x9f{\xfeE\x17\\|y\x8f\xde}\x1a\x9f\xdc\xcc\x99\xe5\x10\x02L\x13\xd27\x86\xc3\xb2\xd9@)\x88FeiI\xf1\xea\x95_~\xba\xe0\x83%\x1f\xcf\xdf_\xbcO\x7f\xb5o\xdf\xbe\x0f?\xfcp\x8f\x1e=\xf4\xf22\xc7\xd1DP\xfeGF\xf9[+\xd1\xf9\xa7\x84t.\x00\x00 \xa5\xd4\x8f\xec\x97/_\xfe\xe8\xa3\x8f.\\\xb80\x18\x0c\xea/\xb9ss[\xb6i\xdf\xaam\xfb&amp;\xa7\x9crj\xab\xd3\xf2\xf2\x0bL\xd3L\xd7\xb7\xf9\xa7\x901\x1e\x8bE7\xad[]^V\xbay\xc3\xdam\x9b7\x96\x95\xee\xaf\xfb\xf2\xb9\xbdzM\xb8\xe5\x96\xa1C\x87\xc2A\x01\x1e\x1f\xca\xff\x97P\xfe\xd6J^\xfe)\x00\xd3\x9dR\xca4M\xfd\xdfk\xd7\xae\x9d&lt;y\xf2\xa9-ZX\x9dz}\xd4\xb0a\xc3\xeb\xae\xbf~\xc1\x82\x05:+)\xa5\x94\x92\xf2O\x1a\xca\xdfZ\t\xca\xbf\x9eK\xf3;\x80:\xba\xafS\x17\xf3\xaa\xaa\xaa\x8d\x1b7.]\xba\xf4\xeb\xaf\xbf^\xbbv\xad\xcf\xe7\xdf\xb7oo\xe6\xcd\x99d\r\x1b5t\xb9\\\x9d:u:\xb3C\x87\x1e=zt\xe9\xd2\xa5A\x83\x06p\xd0H\x928\xfea\x94\xff\xcfP\xfe\xd6Jj\xfe\xf5V\xa6,\x15\xa2\xb7\x0fCD\xc6\x98\xdb\xed\xee\xd6\xad\x9b\xcdf\xe3\x9cWTTp!\xf6\xef/\xc9\x90BX\x8b\x01\x80\'7\xb7\xa0\xa0\xa0K\xe7\xce={\xf6\xec\xd2\xa5\x8b\xdb\xed\xd6_\x93R\xc6\xfdy\x17\xe5\xffS\x94\xbf\xb5\x92\x9d\x7f\xfde\xc9}G\x92\xd5\xdd\x02G"\x91w\xdey\xe7\xea\xab\xafn\xda\xf4\x14\xab\x83\xaf_rss/\xbc\xe8\xa2\xe9\xd3\xa7\x97\x94\x94\xe8\xacb\xb1\x98n2(\xff$\xa0\xfc\xad\x95\xd0\xfc\xeb\xb34\xef\x02\xd2\x7f;\xc6\x98\xdf\xef\x9f1c\xc6\x9c9s\xd6\xacYS\xf7\xd5\x1c\xb7\xbb\xf1\xc9\xcd\x1a4jtj\xab\xd3\xbc\xf9\xf9\xd2L\xed\xdd\xdd\x8e\x12\x022\xc6\xccXl\xd3\xba\xd5~_\xc5\xee\x9d\xdb|\x15\xe5u_m\xdc\xb8\xc9\xb0a\xd7\x8e\x1e=\xba]\xbbvp\xc2\xa3\xdf(\xff\x9f\xa3\xfc\xad\x95\xcc\xfc\xeb\xbft.\x00uO\xf0g\xcd\x9a\xf5\xc4\x13Ol\xda\xb4I\xbf\xde\xa4i\xb3s\xce\xfbm\x9f\x8b.9\xadC\xa7\x86\x8d\x1a\xbbr\xdc\xc2\x80\xb4~\x97\x7f\x01"\x98&amp;D\xc2\x91\xb2\xd2\xe2-\xdfm\xf8\xe2\xd3\x85K?Y\xb8y\xe3:\xfd\xd5\xfc\xfc\xfc\x89\x13\'\xde~\xfb\xed\x1e\x8fG\x8f&amp;&lt;\x8e?\x82\xf2?\x02\xca\xdfZI\xc8?%\xa4m\x01\xd0g\xff\xde\xbd{G\x8e\x1cYTT\xa4_l\xdb\xbe\xc3u7M\xec{\xe9\xef\x0b\x1a4@\x84H$\x1a\x8b\xc6\x94\x92\x88*Mc8,\xa6\x97\x11\xe6\xdcf\xb3;\x9c\x0e\xc3\x80\xaa\xca\xe0\x8a/&gt;\x9b\xfd\xfc\xd3K?]\xa8\xbf\xa7]\xbbv/\xbd\xf4R\xaf^\xbd\x8ec(4\xe5\x7fd\x94\xbf\xb5\x12\x9d\x7f\xaaH\xcf\x02\xa0\x8bvQQ\xd1\xc8Q\xa3\xf6\xee\xd9\x03\x00-Z\xb7\x1d5a\xf2\xa5\xbf\x1f\x9c\xeb\xcd\rT\x05c\xb1(\x00\xe3\x9c3\x06\xfa\x89P\xc6BD\xd4CD\x0c\xc3\x95\x93#\xa5Z\xfa\xc9\x82\x99\xd3\x9eX\xb6\xe4\x13\x00\xb0;\x1c\x8f?\xf6\xd8\xa4I\x93\x8e\xe93@\xf9\x1f=\xca\xdfZ\x89\xc8?\x85\xa4a\x01\xd0g\xff\x8c\x193\xc6\x8e\x1d\xab_\xb9v\xe4\xf8I\xf7&lt;X\xd8\xb0\xd0\xef\x0bH\xd3\xe4\x82VA\xf9eRJ\xc6\x98;7WJs\xce\xf4g\xff\xfe\xd8\xd4@U%\x00\x8c\x193f\xfa\xf4\xe9zt\xc4\xafFG\xf9\x1f7\xca\xdfZq\xc9?\xb5\xa4[\x01\xd0w\xbeug\xbf\xc7\x9b\x7f\xff\x13\xd3\xae\x1ezm\xa5?\x18\x8dF\xd3\xb8//\x8e\xf4\xc7\xa0\xa00\xf7\xeb\xe5_\xdd{\xeb\x98M\xebWC\xedg\xe0W\xaf\x83(\xff\x13G\xf9[\xebD\xf2O9iU\x00\x0e9\xfb\x0b\x1b\x9e4m\xf6\x1b\xe7\xf6\xe9\xb5\xbf\xb8B\x18F:\xbdmI\x10\x8b\xc5\xbcyye\xa5%\xe3\xae\xbdr\xf5\xd7\xcb\xe1\xa0\xeb\xa0\xc3\xcd\x91\xa1\xfc\xe3\x88\xf2\xb7\xd6q\xe4\x9f\x8a\xd2\xa7\x00\xe87f\xd1\xa2E}\xfb\xf6\x05\x80\xbc\x82\xc2\xd7\x8b\xbel\xde\xb2\xb5\xbf\xa2\xc2\xb0\xd9\xac&gt;\xba\x94$M\xd3\xeet\x08.n\x1cp\xf1\x8a\xa5\x9f\x02\xc0\x03\x0f&lt;0u\xea\xd4_\x1c\x17A\xf9\xc7\x1d\xe5o\xadc\xca?E\xa5I\x01\xd0\xc3uKJJ:v\xec\xb4\x7f\x7fI\xae\xc7\xfb\xe2\xdcw\xbb\x9c\xd3\xcb\xef\xf3\x19\x06\x9d\xfd\xc7OJ\xe9p:\x02~\xff\xa8A\x97lX\xf3-c\xac\xa8\xa8\xa8o\xdf\xbe\x87\\\x07Q\xfe\tB\xf9[\xeb(\xf3O]i2\xfa\x17\x11\xa5\x94#F\x8c())\x06\x80?=6\xed\xdc&gt;\xbd}\x15t\xf6\x9f(!D$\x14\xceo\xd0\xf0o\xd3\xe7z\xbcy\x880b\xc4u\xc5\xc5\xc5zi\x81\xbao\xa3\xfc\x13\x84\xf2\xb7\xd6Q\xe6\x9f\xba\xd2\xa1\x00\xe8j&lt;w\xee\xdc\x85\x0b\x17\x02\xc05#F\x0f\x18&gt;\xac\xa4\xb8\xc2Fw\xbe\xf1 \x0c\xc3\xef\xf3\xb5=\xfd\xb4{\xfe\xfc\x0c\x00\x96\x94\x14\xdf}\xf7\xdd\x9c\xf3\xba{G\xca?\xa1(\x7fk\xfdj\xfe)-\xe5\xbb\x80\xf4\x8a\x16&gt;\x9f\xafG\x8f\x1e\xdb\xb7oo\xda\xbc\xc5\x1b\x8bV8\x1cN\xfd(\xdf\xea\xa3K\x1fRJo\x9eg\xfc\xf0\x01\x0b\xde{\xcb\xe1p,Y\xb2\xa4k\xd7\xae\x88\xc8\x18\xa3\xfc\x93\x80\xf2\xb7\xd6\xe1\xf2O\xf5\x85"R\xfb\xe8\xa1v\xe9\xbeY\xb3fm\xdd\xbaU)5z\xe2\x94\xc2\x86\xf9\xd1h\x94\xce\xfe\xf8b\x8c\xc5\xa2\xe6-w\xde\xefp:#\x91\xc8\xd4\xa9Su\xd3C\xf9\'\x07\xe5o\xad\xc3\xe5o\xf5q\x9d\xa8\xd4.\x00\x88(\x84\x08\x85B\xb3f\xcdb\x8c\xb5h\xdd\xee\xf2\x81C\xfd\x15\x81\xb4yF_\x7fp\xce\x03\x81@\x87N\x1d/\xbe|\x00\x00,^\xbcx\xe3\xc6\x8dB\x08\xce9\xe5\x9f\x04\x94\xbf\xb5\x0e\x97\x7f\xaa?\tH\xed\x02\xa0\xe7e,Z\xb4h\xfd\xfa\xf5\x88x\xe3\xf8?\xe4z\xdc\xd24\xad&gt;\xae\xf4\xc49\x8fFb#o\x99\x9c\x95\xed\xaa\xae\xae\x9e9s\xa6~\x91\xf2O\x0e\xca\xdfZ\xbf\x98?\x15\x00\xeb\xcd\x9e=\x9b1\xd6\xb0q\x93~\x97]\x1d\xa8\n\xf2\xb4\x18\x9eU\x0fq\xce\xab\xab\x83\x1d:u\xea\xde\xeb&lt;\xc6\xd8\x1bo\xbc\x11\x08\x04\x00@_~R\xfe\x89F\xf9[\xeb\xe7\xf9\x07\x83A\xc30R\xba#(\x85\x0b\x80\xee\xff\xf1\xfb\xfd+V|\x85\x88\xe7\x9ewQa\xc3\xc2X,F\xbd\x9f\t\x84\xc8\x18\\x\xc9U\x88\xb8g\xcf\xde\r\x1b6\x98\xa6\xb9|\xf9r\xca?I(\x7fk\xfd4\xff\xd5\xabWC\x8a\xdf\x04\xa4p\x01\xd0\xb9\xaf\\\xb9\xf2\x87\x1fv\x03@\x9f\xbe\xfd\xad&gt;\xa2\xf4\xc7\x85\x08\x85\xa2\xe7\xf4\xbe \xc7\x9d+\xa5\xb9x\xf1\xe2\xb5k\xd7\xee\xdd\xbb\x17(\xff\xa4\xa0\xfc\xaduH\xfe\x1f~8\x1fjw\xddIQ)\\\x00t\xee+V|\x05\x00\xd9.W\xfb\x0e\x1d#\xe1h\xaa\x8f\xca\xaa\xe7\x18c\xd1H\xa4q\xd3f\xcd[\xb6\x06\x80\xd5\xabW/]\xba\x14\x00\\\xae\x1c\xca?\t(\x7fk\x1d\x92\xff\xca\x95_\x01@Jg\x9e\xc2\x87\xaeou\xbf\xfez%\x004m\xd6\xa2Q\xe3\x93\xe9\xfe7\t\x94RY\xd9\x8evg\x9c\x05\x00\xab\xd7\xac\xf9\xe0\xc3\x0f\x01\xa0I\xb3\xe6\x94\x7frP\xfe\xd6:8\xff\x8d\x1b7\x06\x02\x81\x94\x9e\x14\x96\xc2\xc3\xc5\xf48\xdc\xd2\xd2R\x00\xc8/l\x90\x9d\xe3\x0eTU\xa6t5N\t\x88(\x044j|2\x00T\x94\x97\xeb\x8e\xb8\xfc\x02\xca?I(\x7fk\xe9\xfcOj\xdc\x14\x00|&gt;\x7f(\x14\xca\xc9\xc9\xb1\xfa\xa0\x8e_\xaa\x16\x00=\x07\xcf\xe7\xf3m\xde\xbc\x19\x00Z\xb5=\xdd00u\xebp\n\xe1\x8c\x99&amp;\xb4j{:\x00\x94\x94\x94\x1c8p\x00(\xff$\xa2\xfc\xad\xa5\xf3o\xd9\xb6=\x00TV\xfa7n\xdc\xd8\xa0A\x03\xa5T\x8a\xae\r\x97\xaa\x05@C\xc4X\xcc\x04\x80\xbc\xfc\x02\xce\xd3ab^J@\x84\xbc\xfc\x02\x000MS_\x81R\xfe\xc9D\xf9[\xab.\x7f\xa5\x94\x99\xe2\xb3.R\xfe\x86Qwz\xa6\xfa\xdb\x90rt\xe0u\xbb#Q\xfeIF\xf9[\xab.\xf0T\x7f\xe8\x92\xf2\x05@K\xf5\xb7!\xe5\x1c\x128\xe5\x9fd\x94\xbf\xb5\xd2&amp;\xf04)\x00\x84\x10B\x8e\x15\x15\x00B\x08\xc9PT\x00\x08!$CQ\x01 \x84\x90\x0cE\x05\x80\x10B2\x14\x15\x00B\x08\xc9PT\x00\x08!$CQ\x01 \x84\x90\x0cE\x05\x80\x10B2\x14\x15\x00B\x08\xc9PT\x00\x08!$CQ\x01 \x84\x90\x0cE\x05\x80\x10B2Tj\xef\x07@\xc8\xb1BT\xa8\xf4\xc2\xf9\x08\x08\xc0\x00\x801\x00\xc6\x19ct=\x94XX\xab&amp;|88\x7f\x9e6Kl\xa6\x10*\x00qV{~\'D\xdd</t>
        </is>
      </c>
    </row>
    <row r="103">
      <c r="A103" s="1" t="n">
        <v>101</v>
      </c>
      <c r="B103" t="inlineStr">
        <is>
          <t>circle_size_number</t>
        </is>
      </c>
      <c r="C103" t="inlineStr">
        <is>
          <t>What is the missing number of the part denoted with a question mark?</t>
        </is>
      </c>
      <c r="D103" t="inlineStr">
        <is>
          <t>[3, 2, 1, 5]</t>
        </is>
      </c>
      <c r="E103" t="inlineStr">
        <is>
          <t>5</t>
        </is>
      </c>
      <c r="F103" t="inlineStr">
        <is>
          <t>There are 6 numbered circles with varying sizes arranged in a ring with number [5, '?', 1, 6, 6, 1] in a clockwise order.</t>
        </is>
      </c>
      <c r="G103" t="inlineStr">
        <is>
          <t>We observe that the size of the circle is related to the number in the circle. The circle with the largest value 6 seems to be the biggest and the circle with the smallest value 1 seems to be the smallest. Thus, the pattern is that the larger the number the larger the circle.</t>
        </is>
      </c>
      <c r="H103" t="inlineStr">
        <is>
          <t>Based on the pattern that the larger the number the larger the circle, the missing number of the circle denoted with a question mark should be 5.</t>
        </is>
      </c>
      <c r="I103" t="inlineStr">
        <is>
          <t>b'\x89PNG\r\n\x1a\n\x00\x00\x00\rIHDR\x00\x00\x02\x00\x00\x00\x02\x00\x08\x02\x00\x00\x00{\x1aC\xad\x00\x00\xa0/IDATx\x9c\xed\x9dw\\S\xf7\xf7\xff\xef\xcd\x0e\x81\x900E\xdc\x82l\xd9\x88\x82\xd4\xbdp\xa0\xd6=\xaa\xb6\xd5\xba\xdbj\x1d\xad\x9f\xb6Z[\xad\xd5Z\xb5U\xeb\xd6\xba\x15\x07\xeeEU\x10Ad\xa9\x0cqR\'\x10\x12H\xc8\xbe\xf7\xe6\xf7\xc7\xf9\x99\x07_[\xadUH\xeeM\xde\xcf?\xfah\x0b$\xef\xe4\xbe\xdf\xe7u\xde\xe7\x9c\xf7y\xe3&amp;\x93\tC \x10\x08\x84\xfd\xc1\xb2\xf6\x00\x10\x08\x04\x02a\x1d\x90\x00 \x10\x08\x84\x9d\x82\x04\x00\x81@ \xec\x14$\x00\x08\x04\x02a\xa7 \x01@ \x10\x08;\x05\t\x00\x02\x81@\xd8)H\x00\x10\x08\x04\xc2NA\x02\x80@ \x10v\n\x12\x00\x04\x02\x81\xb0S\x90\x00 \x10\x08\x84\x9d\x82\x04\x00\x81@ \xec\x14$\x00\x08\x04\x02a\xa7 \x01@ \x10\x08;\x05\t\x00\x02\x81@\xd8)H\x00\x10\x08\x04\xc2NA\x02\x80@ \x10v\n\x12\x00\x04\x02\x81\xb0S\x90\x00 \x10\x08\x84\x9d\x82\x04\x00\x81@ \xec\x14$\x00\x08\x04\x02a\xa7 \x01@ \x10\x08;\x05\t\x00\x02\x81@\xd8)H\x00\x10\x08\x04\xc2NA\x02\x80@ \x10v\n\x12\x00\x04\x02\x81\xb0S\x90\x00 \x10\x08\x84\x9d\x82\x04\x00\x81@ \xec\x14$\x00\x08\x04\x02a\xa7 \x01@ \x10\x08;\x05\t\x00\x02\x81@\xd8)H\x00\x10\x08\x04\xc2NA\x02\x80@ \x10v\n\x12\x00\x04\x02\x81\xb0S\x90\x00 \x10\x08\x84\x9d\x82\x04\x00\x81@ \xec\x14$\x00\x08\x04\x02a\xa7 \x01@ \x10\x08;\x05\t\x00\x02\x81@\xd8)H\x00\x10\x08\x04\xc2NA\x02\x80@ \x10v\n\x12\x00\x04\x02\x81\xb0S\x90\x00 \x10\x08\x84\x9d\x82\x04\x00\x81@ \xec\x14$\x00\x08\x04\x02a\xa7 \x01@ \x10\x08;\x05\t\x00\x02\x81@\xd8)H\x00\x10\x08\x04\xc2NA\x02\x80@ \x10v\n\x12\x00\x04\x02\x81\xb0S\x90\x00 \x10\x08\x84\x9d\xc2\xb1\xf6\x00\x10t\xc1d2\xc1?\xe1_\xfe\x0e\x8e\xe38\x8e\x9b\xff\xddr#C \x10\r\x03\xfe\xaa\xd5\x8e\xb0aLu\xc00\x8c\xc5b\xb1X\xffm/HQ\x14\xfc9(\x01\x8b\xc5B\x92\x80@0\x0e$\x00\xf6\x82\xd9d\xbf\xca\xdcWVV\xe28\xaeT*o\xdd\xba\xf5\xd2\x8fp\x1c\xa7(\xaaE\x8b\x16\xde\xde\xde\x14E\xb9\xba\xba\xb2\xd9\xec\xbf\xbf\x02I\x92\xf0\xfau\xf7\n\x08\x04\x82\xb6 \x01\xb0eL&amp;\x13\xd8}\x0e\xe7\xff\xc4\xfa\x14\n\xc5\x83\x07\x0f\xee\xdf\xbf\x9f\x99\x99)\x93\xc9JJJ\x0c\x06Cuu\xb5\xc9d"\x08\xc2\xd5\xd5\x95\xc3\xe1P\x14U\xd7\x88\xb3X\xac\x8a\x8a\n\x10\x0f\x07\x07\x07\x91H\xe4\xed\xed\xdd\xa4I\x93\xb0\xb0\xb0V\xadZ\x05\x06\x06\xba\xbb\xbb\xd7}\x0b\x92$1\x0c\xc3q\xfc\xbf\xee-\x10\x08\x84\xc5@\x02`\x83\x80\xdd\xc70\xac\xae\x9f~\xf7\xee\xdd\xf4\xf4\xf4\x8b\x17/\x16\x16\x16\x96\x97\x97;999;;\xfb\xf9\xf9yxx\x84\x85\x85\x89D\xa2\xe0\xe0`\x92$9\x1c\x8e\xb7\xb77\x9b\xcd~ib\xe08\xfe\xfc\xf9s\xb5Z\xcd\xe5r\x1f&gt;|X^^~\xef\xde\xbd\xbf\xfe\xfa\xeb\xee\xdd\xbb2\x99L\xa9T:99\xf9\xf8\xf8$$$$$$\x84\x84\x84p\xb9\\\xf8C\x8a\xa2(\x8az\x8b(\x13\x02\x81hh\x90\x00\xd8\x14\x10\x841\xfb\xfbJ\xa5\xf2\xe2\xc5\x8bG\x8f\x1e\xcd\xcd\xcd\xd5j\xb5\x8d\x1b7\x0e\n\n\x8a\x8a\x8a\n\r\rm\xd6\xac\x99D"\x01\xa3l2\x99H\x92\xd4\xe9t\xf0Wz\xbd\xfe\x1f_\x9c\xcb\xe5\xb2X,\x93\xc9\xc4\xe7\xf3\xb9\\\xaey\x7fP[[\xfb\xf8\xf1\xe3[\xb7n\xe5\xe6\xe6\x16\x15\x15\xdd\xbbw\x0f\xc7q\x1f\x1f\x9f\xfe\xfd\xfbw\xee\xdc\xb9y\xf3\xe6\xe6\xb1a([\x80@\xd0\t$\x00\xb6\x00\xb8\xfcf\xdbZSSs\xfc\xf8\xf1C\x87\x0e]\xbf~\xdd\xd9\xd99..\xaeG\x8f\x1e\xed\xda\xb5\xf3\xf2\xf2\xc2q\xdcd2i\xb5Z\x83\xc1@\x10\x04&lt;}\xfc\x05\xf0j\xaf2\xd0\xe6\xa9b\xce\x1eC\x12\x98\xcdf\xf3x&lt;\x81@\x00\x1b\x0e\xb9\\~\xeb\xd6\xad\xd3\xa7O\xa7\xa7\xa7\xdf\xbd{\xd7\xdf\xdf\xbf\x7f\xff\xfe\x03\x07\x0e4+\x01A\x10l6\x1b\xc9\x00\x02au\x90\x000\x1b0\xfd\xe6POjj\xea\xde\xbd{\xcf\x9c9\xe3\xe5\xe55p\xe0\xc0\x8e\x1d;FDD\x08\x04\x02\x82 4\x1a\x8d\xc1`\x00\x93]\xefn\xb89\xd9\x80\xe38\x87\xc3\x11\n\x85|&gt;\xdfd2\x15\x16\x16^\xb9r\xe5\xe8\xd1\xa3\xf9\xf9\xf9111\xc3\x86\r\x1b&lt;x0\x8f\xc7\xc30\x8c$I\x94!@ \xac\x0b\x12\x00\xa6\x02q\x1b\x88\xf6\xe8t\xba\xcd\x9b7\xef\xd9\xb3\xe7\xc9\x93\'}\xfa\xf4\x19=ztDD\x04\x9f\xcf\xd7\xe9t\x1a\x8d\x86$I\x0bW\xe6@\xdc\x1f\xc7q\xa1P(\x12\x890\x0c+..NNN\xde\xb7o\x1fA\x10\xef\xbf\xff\xfe\'\x9f|\xe2\xed\xed\x8d!\x19@ \xac\n\x12\x00\xe6Q\xd7\xeb\x7f\xfe\xfc\xf9\xb2e\xcb\xce\x9f?\xef\xe2\xe22f\xcc\x98\xa4\xa4$WWW\xbd^_[[K\x87\xd4\xab9\x1d\rJ\xa0\xd3\xe9.\\\xb8\xb0e\xcb\x96\xd2\xd2\xd2\xc0\xc0\xc0\xf9\xf3\xe7\x87\x85\x85a\x18f\x96(+\x0e\x15\x81\xb0C\x90\x000\x0c\x92$\xc1\xf4\x97\x97\x97/[\xb6l\xff\xfe\xfd\x91\x91\x91\xb3f\xcd\xea\xd8\xb1\xa3\xc9d\xaa\xa9\xa91\x1a\x8dV\xb7\xfb\x7f\x07\xf6+l6[,\x16s8\x9c;w\xee\xac^\xbd\xfa\xc8\x91#\xed\xda\xb5[\xb0`\x01\xc8\x00\xca\r \x10\x16\x06\t\x00c\x00W\x9a\xc5b\x11\x041\x7f\xfe\xfc={\xf6DEE\xcd\x9d;\xb7}\xfb\xf6z\xbd^\xa5RaL\xa8\xb1\x81\xe8\x90P(ttt|\xf0\xe0\xc1\xcf?\xff|\xf8\xf0\xe1\xd8\xd8\xd8_~\xf9\xa5I\x93&amp;X\x1d\x85C \x10\r\r\xbd\xfcD\xc4\xab \x08\x02\xfc\xfa\xad[\xb7\x06\x06\x06\xde\xb9s\xe7\xc0\x81\x03G\x8e\x1c\x89\x88\x88\xa8\xac\xac\xac\xad\xade\xb3\xd9\x8cp\x9fY,\x16\x87\xc31\x18\x0c\x95\x95\x95\xee\xee\xeek\xd6\xacIKKk\xdc\xb8q\xa7N\x9d\xbe\xf8\xe2\x0b\xd8\x04\x98\xcb\x93\x10\x08D\x83\x82v\x00t\x07B\xf9\x18\x86\x15\x17\x17\x7f\xf8\xe1\x87*\x95j\xe1\xc2\x85\x83\x06\r\xd2\xeb\xf5J\xa5\x92\x86\xd1\x9e7\x07\xe2B\x02\x81\xc0\xc9\xc9)77w\xee\xdc\xb9eee?\xfd\xf4\xd3\x80\x01\x030\xb4\x15@ \x1a\x1e$\x00\xb4\x86 \x08\xe8\xca0w\xee\xdc\xe4\xe4\xe41c\xc6\xcc\x993G(\x14VUU1\xda\xf4\xd7\x05\xfaO\x88\xc5b\x81@\xb0{\xf7\xee\xaf\xbf\xfe:,,l\xf5\xea\xd5\x8d\x1b7FY\x01\x04\xa2A\xb1\x05\x0bb\x93\x98\xab&lt;KJJ\xc2\xc2\xc2rrr\xce\x9c9\xb3p\xe1B\x83\xc1 \x97\xcb9\x1c\x8emX\x7f\x0c\xc3p\x1c\xe7r\xb9j\xb5Z&amp;\x93\r\x1f&gt;&lt;77\xd7\xcd\xcd-,,\xec\xc8\x91#\x1c\x0e\x07\xfa\xd0Y{\x8c\x08\x84mb#F\xc4\xc6\x80\xeax6\x9b\xbdj\xd5\xaaN\x9d:M\x9e&lt;955\xb5q\xe3\xc6\x95\x95\x95\xd8\xff\xed\xf0c3\xb0X,6\x9b-\x97\xcb)\x8aZ\xbf~\xfd\xde\xbd{\xbf\xf8\xe2\x8b\xf1\xe3\xc7C{Q\x82 \xac=@\x04\xc2\x06A! \xda\x01a\x1f\xb5Z\xfd\xc1\x07\x1f\x14\x16\x16\xee\xd9\xb3\',,\xac\xb2\xb2\xd2fb&gt;\xaf\xc7\xdc\x91\xb4\xa6\xa6f\xdc\xb8q\x0f\x1e&lt;8x\xf0\xa0\x9f\x9f\x1f|-\xd6\x1e\x1d\x02aS\xd8\xbeAa\x16`\xe6\xb2\xb3\xb3\xc3\xc2\xc2x&lt;^NNN@@@EE\x85-\xc5|^\x0fD\x84 \xcc\x95\x92\x922f\xcc\x98\xf8\xf8\xf8m\xdb\xb6A.\x04\xf9+\x08D=\x82v\x004\x02\xac\xff\xe1\xc3\x87\'N\x9c\xb8h\xd1\xa2\xc9\x93\'+\x14\n\xbb-\x86\x81,\x88\xbb\xbb\xfb\x95+WF\x8d\x1a5n\xdc\xb8o\xbf\xfd\xd6|\x18\xc2\xda\xa3\xa3\x1du\xafx{\xcd\xa5\x9e\xd8\xdfz\xff!\xec\x19$\x00\xb4\xc0\xdc\xdda\xe5\xca\x95\xdf\x7f\xff\xfd\x81\x03\x07:w\xee\x0c\x8e\xbf\x9d/T\xa3\xd1\xe8\xea\xeaZYY\xd9\xbd{\xf7\x80\x80\x80\xfd\xfb\xf7cuJc\xed\x99\xba\r\xf8\xde\xae\x9f\x124\x0f\x7f\xeb?G\xd8\x00H\x00\xac\x8f\xf9\xa6\xc6\xb1c\xc7^\xb9r%--\xcd\xc3\xc3C.\x97\x9b\xefT\xb1s\x08\x82\x10\x08\x04\x8e\x8e\x8e\x03\x06\x0cx\xf4\xe8\xd1\xc5\x8b\x17\x9d\x9d\x9d\xedscd6\xfa\x7fO\x08\xc9\xe5r\x85Bq\xf3\xe6M\x16\x8bu\xff\xfe\xfd\xfb\xf7\xef\xc3\xe5\r\xe6?tqq\x89\x8c\x8c\xa4(\xaaY\xb3fM\x9a4y\xe9\x067\x0c\xc3\x08\x82h\x88N\xb1\x08:\x83\x04\xc0\xca\x98}\xff!C\x86&lt;}\xfa\xf4\xd0\xa1Cb\xb1\xb8\xb6\xb6\x16%&lt;\xeb\x02_\x91\x93\x93\xd3\x94)S.]\xbat\xf5\xeaU\xa9TjW\x1a\x00-4\xea\xce\x8a\x8a\x8a\x8a\xeb\xd7\xafgee\xdd\xbau\xeb\xc9\x93\'\x95\x95\x95l6["\x91\x10\x04\xd1\xb8q\xe3\xa6M\x9b\x1a\x8dF0\xe5pGPuuuii)\x87\xc3\xa9\xad\xad\xd5\xeb\xf5\x12\x89\xc4\xd5\xd55$$$..\x0e\xee\xf54\xbf2\xba\xba\xc7~@\x02`M\xcc\xd6\x7f\xd0\xa0A\x1a\x8d\xe6\xf4\xe9\xd3*\x95J\xaf\xd7\xdb\x8f]{s\xe0\xbbrss[\xb8p\xe1\xce\x9d;\xaf]\xbbf\x0f\x1a\xf0\xd2U?\x14E\xa5\xa7\xa7\x9f9s&amp;55\xb5\xbc\xbc\\ \x10\x84\x87\x87\x07\x07\x07\xfb\xfa\xfa\x06\x05\x05999yyy\xfd\xfd\nh3\xd0P\xa4\xaa\xaaJ\xa9T\xde\xbe}\xfb\xc1\x83\x07\xb9\xb9\xb9\xf9\xf9\xf92\x99\xcc\xc5\xc5%""b\xc0\x80\x01\x9d:u\x12\x8b\xc5\xf0\xfb\xa8K\xab\xcd\x83\x04\xc0j\xd4\xb5\xfeZ\xad\xf6\xd4\xa9S\n\x85\x02E\xb7_\x03T\x88zxx,Z\xb4\xe8\x8f?\xfe\x00\r\xb0\xd5o\xec\xa5\xab~\xb2\xb2\xb26n\xdcx\xe9\xd2%\x1c\xc7\xa3\xa3\xa3;u\xea\xd4\xa9S\xa7\xc6\x8d\x1b\xc3u\x0b\x14Ei\xb5Z\x92$\x8dF#V\xe7\xca\xb6\x97\x80\xa0\x10\x97\xcbe\xb3\xd9\x02\x81\x00t\xc2`0&lt;{\xf6,77\xf7\xec\xd9\xb3W\xae\\\xa9\xa9\xa9\x89\x88\x88\x18;vl\xbf~\xfd\xe0\x17\xd0\x9d\r6\x0c\x12\x00\xeb`&gt;\xe8;x\xf0`\x8dF\x83\xac\xff\x9bc4\x1am[\x03\xea^\xf5\xa3T*\xb7n\xdd\xbas\xe7N\x8dF\x13\x15\x15\xf5\xfe\xfb\xefw\xec\xd8Q"\x91\x98L&amp;\xb5Zm0\x18\xc0:c/*\xa3\xde\xc4[7W\n\x99\x93O&lt;\x1eO(\x14r8\x1c\x9dN\x97\x9b\x9b{\xf8\xf0\xe1\xd4\xd4T\xbd^\xdf\xbd{\xf7\x993g\xb6h\xd1\x02C2`\xa3 \x01\xb0\x0eP\xf19t\xe8P\x99L\x96\x9a\x9a\x8a\xac\xff\x7f\x024\xe0\xeb\xaf\xbf\xde\xb5kWaa!\x8f\xc7\xb3\x8d\xba\xc6\xba^\xff\x93\'O\x96/_~\xf4\xe8\xd1f\xcd\x9aM\x9a4\xa9w\xef\xde\x10\xdf\xaf\xad\xad\x85\xe0~=\x06g@\t\xe0\xadE"\x11\xdc%\x97\x99\x99\xf9\xeb\xaf\xbf\xe6\xe7\xe7\x87\x85\x85\xcd\x9f??22\x12CA!\x9b\x03\t\x80\x150\x1a\x8d\\.w\xc5\x8a\x15\xbf\xfc\xf2\xcb\xad[\xb7p\x1c\x87[\\\xac=.&amp;A\x10\x84\xbb\xbb{\xbf~\xfd0\x0c;v\xec\x98\xd1hdz\xc9l\xdd\xab~~\xfa\xe9\xa73g\xce\xf8\xf9\xf9}\xf6\xd9gqqq$I\xaaT*\xcb\\\xf5\x03\xd9f6\x9b\xed\xe8\xe8\xc8\xe3\xf1\xee\xdd\xbb\xb7j\xd5\xaa?\xff\xfc\xf3\xa5\x1b\xdcl;\xf5b? \xa3ci\x08\x82\xe0r\xb9\xdb\xb7o\xff\xf1\xc7\x1f\xb3\xb3\xb3\xa19&gt;\xb2\xfe\xff\x156\x9b]UUu\xec\xd81\xb5Z=n\xdc8.\x97\x0b\xb5+L\xc4|]\x1aA\x10?\xfc\xf0CDD\xc4\xb3g\xcf\x8e\x1c9r\xf0\xe0\xc1\xc8\xc8H\x99L\xa6P( \xb5k\x81y\x02\x176\xe08\xaeR\xa9*++===W\xaf^}\xf9\xf2e??\xbf\xc4\xc4\xc4\t\x13&amp;\x94\x97\x97\xb3\xd9l\xf3e\x9f\x08F\x83\xec\x8eE\x81J\xbe\xcc\xcc\xcc\xcf?\xff\xfc\xc8\x91#nnn\x1a\x8d\x069So\x018\xfbJ\xa52999--m\xf5\xea\xd5\x1c\x0e\x87\x89\x1a@Q\x144\xfeKII\t\x08\x08\xb8|\xf9rrr\xf2\xae]\xbb\x1a5jTYY\xa9V\xab\xe1\xaa\x1f\xcb\x0f\xac\xee\xd5=8\x8e/Z\xb4\xe8\xca\x95+B\xa10""b\xe9\xd2\xa5\x10\x83b\xe2\x17\x8e\xa8\x0b\n\x01Y\x0e\x88\xb4\xd6\xd4\xd4\xf8\xfa\xfa\xae^\xbdz\xe4\xc8\x91\x15\x15\x15&lt;\x1e\x0f=\x82\xb7\x86$I\x91H\xf4\xec\xd9\xb3\xe0\xe0\xe0\xb3g\xcf\xc6\xc7\xc73+:\x01\xa9 \x95J5c\xc6\x8c\xf3\xe7\xcf\xff\xf4\xd3O\xc3\x86\r3\x18\x0cJ\xa5\x92V\x17!\xc0\x1e\x05.\xf2\xcc\xcc\xcc\x9c6m\x1a\x9b\xcd\xde\xbe}\xbb\xbf\xbf?\xca\n0\x1a\xb4\x03\xb0\x1c\xb0T\x06\x0f\x1e&lt;x\xf0`\xb0\xfe\\.\x17Y\xffw\x81\xcdf\xabT\xaaV\xadZm\xd9\xb2e\xe0\xc0\x81\n\x85\x02\xc7\x99\xe1\xd3\x98K}.^\xbc\x18\x14\x14d0\x18rrr\x86\r\x1bVUU\x05\xc7\x00ieRq\x1c7\xef\x06"""233\xfb\xf4\xe9\xd3\xb9s\xe7\xd5\xabW\x83P\xa1\xad\x00Ca\xc6j\xb1\x01\xc0\xd7[\xbcx\xf1\xde\xbd{\xf3\xf3\xf3kjjP\xdc\xbf\xbe\x80\xa2\xa0\x89\x13\'\xde\xbd{755\x15r\xec\xd6\x1e\xd4\xeb0W|-Z\xb4h\xcd\x9a5k\xd6\xac\x19&gt;|\xb8R\xa9\xd4\xeb\xf5\xf4?\x01\x0e\xf5\xa0\xae\xae\xae\xf9\xf9\xf9#G\x8e\x0c\x0c\x0c\xdc\xb6m\x9b\xa3\xa3#\xb3\xf6^\x08\x00\t\x80%\x80\x05\x7f\xed\xda\xb5\xae]\xbb\xe6\xe7\xe77j\xd4H\xa7\xd3!\x01\xa8G(\x8a\x92H$m\xdb\xb6\x1d;v\xec\xdc\xb9s\xe9|y\x00\x18\xca\x9a\x9a\x9a!C\x86\xc8d\xb2\x03\x07\x0e\xb4n\xdd\x1a\x1a9\xd0\xca\xeb\x7f=F\xa3\x11:2}\xf4\xd1G\xd7\xaf_\xdf\xbd{wTT\x14\x9d\xbfv\xc4?\x82lP\x83\x03\xa1\x7f\x95J5|\xf8\xf0\xdf\x7f\xff\xbdu\xeb\xd6\x1a\x8d\x06Y\xffzG\xa7\xd3\x1d9rd\xf9\xf2\xe5\xd7\xaf_\x87\xcb\x03\xac=\xa2\x7f\x00\xac\xff\xb3g\xcfbbb\xa4R\xe9\xf5\xeb\xd7!\xd9K\xb7\x98\xcf\xbf\xc2\xe5r\xa1m\xc9\xee\xdd\xbb?\xfe\xf8\xe3\x9e={^\xbcx\x91\xc3\xe1\xa0\xbb\xdb\x98\x052C\r\x0eTUO\x992%$$d\xe4\xc8\x91\xb0\xda\xad=([\x83\xc5bi4\x1a__\xdf\xff\xfd\xef\x7f\xc3\x86\r\x83F\xc7t\xdb\xdd\xc2\x1d\xf7YYY&gt;&gt;&gt;\xe3\xc6\x8d\xdb\xb7o\x9fB\xa1\xd0\xe9t\x0c\x9d\x0fP\x0cZQQ\xf1\xc5\x17_\x1c8p\xa0O\x9f&gt;\xabV\xad\xe2p8\xd0\x8e\x02\xc1\x08P\x08\xa8a\x81\xe0\xcf\xd5\xabW\x07\r\x1aTPP \x10\x08\xa0\xe9\xae\xb5\xc7e\x9b\x90$\xe9\xe6\xe6\x96\x90\x90\xd0\xbbw\xef\xf9\xf3\xe7\xd3**\r\xe1\x91\xf4\xf4\xf4\xa4\xa4\xa4\xdf~\xfbm\xd8\xb0a\x8c\x0b\xfb\xbc\n\xb8\xb3\xa1\xa8\xa8\xa8o\xdf\xbe3f\xcc\x985k\x16\xfd\xd30\x08\x00\t@\x03b&gt;,\x03G:\xa7N\x9d\x8a\xdc\xff\x06\x85\xa2(\x07\x07\x87\xdb\xb7o\'$$\xe4\xe4\xe4\xf8\xf8\xf8@\xaf\x1bk\x8f\xeb\xffG~\xd2\xd3\xd3\xfb\xf7\xef\xbfo\xdf\xbe\xee\xdd\xbbC\r\x98\xb5\xc7Uo\x10\x04!\x95J+++ccc\xa7O\x9f&gt;{\xf6l\x94\x0f`\x04\xd6_\x1b6\x0c\x04\x7f~\xfa\xe9\'hd/\x93\xc9\xd0\x92hPX,\x96J\xa5\n\x0b\x0b\x1b;v\xec\x94)ShR\x12\n\xd6?33s\xc0\x80\x01`\xfd\xcb\xcb\xcbm\xc9\xfac\x18\xc6\xe1p\x14\n\x85D"\xc9\xcc\xcc\\\xb3f\r\x8a\x051\x05Z\xac\x10\x9b\x04b\xd0\xd5\xd5\xd5-Z\xb48s\xe6Lxx\xb8Z\xad\xa6\x837j\x0f\xb0\xd9l__\xdf\x1d;v\xf4\xec\xd9\xd3\xba\x81 \x88\x01\xde\xbbw\xcf\xcf\xcf\xef\xe8\xd1\xa3\x89\x89\x896\xe6\xfb\xd7\x85 \x08\'\'\'\x85B\xe1\xe3\xe3\xb3n\xdd\xba\xb1c\xc7\xa2}\x00\xcdA\xf6\xa8\xa1\x80\x95?s\xe6\xcc!C\x86\xb4o\xdf^\xa5R!\xebo\x19H\x92ttt\\\xbe|\xf9\xa7\x9f~j0\x18\xac\xb8\x0f\x80\xf7\x95\xcb\xe5}\xfa\xf4\xf9\xee\xbb\xefl\xdb\xfac\x18\x06\xa7\x9a\xdd\xdd\xdd\x8f\x1f?\xfe\xf9\xe7\x9f_\xbdz\x95\xb6\xe5X\x08\x00\xed\x00\x1a\x04h\xf0RTT\xd4\xbe}\xfb\x1b7n\xb8\xb9\xb9\x81%\xb2\xf6\xb8\xec\x05\x8a\xa2\xa4Ripp\xf0\xd4\xa9S\xa7N\x9dj\xadM\x00\xf8\xbf\xe1\xe1\xe1\x91\x91\x91\x9b6m\xb2m\xebo\x06\xce\xe5\xed\xdd\xbb\xf7\x83\x0f&gt;x\xf4\xe8\x91\xbb\xbb;M21\x88\xbf\x83\x04\xa0A\x00\x8b3`\xc0\x80F\x8d\x1a\xfd\xfe\xfb\xef(\xf7kaH\x92\x94H$\x87\x0e\x1d\x9a5k\xd6\xbd{\xf7\xa0\xca\xde\xc2\x02\x0c\xd6\xff\xb3\xcf&gt;\xcb\xcc\xcc\xbcr\xe5\x8a\\.\xb7\x9f\x9e9\xa0\x01s\xe7\xce\xbdp\xe1\xc2\xf5\xeb\xd7Q \x88\xb6 \x01\xa8\x7f \xf8SXX\x18\x1f\x1f\x9f\x9b\x9b\xeb\xee\xee\x8e\xdc\x7f\xcbCQ\x94\xb3\xb3sxx\xf8\'\x9f|b\xf9M\x00\xbc\xdd\xf1\xe3\xc7\xc7\x8e\x1d[XX\xe8\xe8\xe8hoM\xbf)\x8arqq\x89\x8b\x8bk\xd7\xae\xdd\xca\x95+\x91\x06\xd0\x13$\x00\xf5\x0f,\xfe\xfe\xfd\xfb{yy!\xf7\xdfZ\x90$)\x95J\x0f\x1e&lt;8{\xf6\xec\xd2\xd2R\x81@\x80\xbd\xd9\x8d\x89\xef\x0eD\xbd+++\xfd\xfd\xfdw\xef\xde\xdd\xa3G\x0f\xb9\\nos\x80\xa2(\x1e\x8fW[[\x1b\x1c\x1c\xfc\xc7\x1f\x7f\xf4\xe9\xd3\x87V\xc72\x10\x80\x1d\xb9$\x96\x01\xc2\x9dO\x9e&lt;\xc9\xc9\xc9\x993gNmm-\x9a\xf4V\x81\xcdfWWW\x0f\x1a4\xc8\xcd\xcd\xed\xd8\xb1c8\x8e[,\x1b\ts`\xcc\x981C\x87\x0e\xed\xdd\xbbwUU\x95\xbdY\x7f\x0c\xc3X,\x96N\xa7\xf3\xf2\xf2Z\xbbv\xed\xf8\xf1\xe3kkk\xb1\x17Yq\x04}@\x02P\xcf@\xfaw\xf9\xf2\xe5\x9d;wn\xdd\xba\xb5V\xabE\xc1\x1fk\x01\xd7\xefL\x9d:u\xc5\x8a\x15\x98\xa5\xdc\x7f\xf0s\xb7o\xdf^RR\xf2\xf3\xcf?+\x14\n;\xb4\xfe\x00\x87\xc3\xa9\xa8\xa8\x186lX\x87\x0e\x1d&gt;\xf9\xe4\x136\x9b\x8d*\x82\xe8\x06\n\x01\xd5\'\xf0e\xeat\xba\xc0\xc0\xc0M\x9b6\xc5\xc7\xc7\xd7\xd6\xd6\xdaU\xe4\x97n\xb0X,\x83\xc1\x10\x19\x19y\xf4\xe8\xd1\xf0\xf0ps\x1f\xe6\x06\x02\x0e\x7f\xc8\xe5r\x1f\x1f\x9f\x83\x07\x0f\xbe\xf7\xde{555\xf6\xbc\x054\x99Ll6\xdb`0\xf8\xfb\xfb\xef\xd9\xb3\xa7G\x8f\x1e(\x10D+\x90m\xaaO\xa0U\xfa\xf6\xed\xdb\xc5bqBB\x02\xb2\xfeV\xc7`0\xb8\xbb\xbb\xf7\xee\xdd{\xf1\xe2\xc5X\xc3\x87 @`\x16.\\\xd8\xb5k\xd7n\xdd\xbaUWW\xdb\xb9\xb1\xc3q\x1c\x1e\xc1\xb7\xdf~;\x7f\xfe|\xb4\x03\xa0\x1b\xc8&lt;\xd5\'`\xeew\xef\xde=f\xcc\x18.\x97\x8b\xa6\xbb\xd5\x81H\xf4\x84\t\x13\xb2\xb2\xb2T*\x154\xb0l\xa0\xf72W\x7f\xed\xd8\xb1\xe3\xe7\x9f\x7f\x86\xb7k\xa0\xf7b\x10\x1c\x0eG&amp;\x93M\x9b6M\xa7\xd3\xad[\xb7\x8e\xcdf\xa3\xeb\xc3\xe8\x03\x12\x80z\x03\xd6\x7fQQ\xd1\xdd\xbbwG\x8c\x18\x01\xd7\xbaZ{P\xf6\x0e\x8b\xc5\xaa\xad\xad\x8d\x8e\x8en\xd2\xa4\xc9\xce\x9d;1\x0ck8\xebc2\x99p\x1c\xff\xf2\xcb/G\x8f\x1e\xdd\xbcys\x9dN\x87\xd2?fH\x92\\\xb8p\xe1\xb2e\xcb\xf4z=Mz4!0$\x00\xf5\x08\xf8\xfb\xbbv\xed\x8a\x88\x88\xf0\xf6\xf6\x86\x89n\xedA!0\x0c\xc3p\x1c\x1f4h\xd0\xee\xdd\xbb\xb1\x17\xbb\xb4z\x07\xe4\xbf\xa0\xa0\xa0\xa4\xa4\xe4\xbb\xef\xbeC\xc1\x9f\xba\xb0\xd9l\x85B\xf1\xfe\xfb\xef\x07\x05\x05m\xd8\xb0\x81\xc5b\xa1\xcd1M@\x02Po\xc0\xb4&gt;s\xe6\xccG\x1f}\x84\x9a\xfe\xd3\x07\xd8\x04\x8c\x1c9\xf2\xd9\xb3g\x7f\xfd\xf5\x17\x8b\xc5j\x08\xf7\x13\xdc\xff\x05\x0b\x16$&amp;&amp;\xba\xb8\xb8\xa0\xa3\x7f/\x81\xe38A\x10S\xa6LY\xbe|9\xdc\x87\x8a6\x01t\x00\t@\xfd\x00\x0e\xe0\xad[\xb7\x9e&gt;}\x1a\x1b\x1b\x8b.}\xa4\x0f8\x8e\xeb\xf5zoooOO\xcf\xc3\x87\x0fc\r\x10\x05\x82\xbe\xdf\xa5\xa5\xa5W\xaf^\x9d2eJmm\xad\xdd\x96~\xbe\n\xb8\x06\xb9{\xf7\xee\xce\xce\xce\x7f\xfc\xf1\x07\x8e\xe3(\x13@\x07\x90\x91\xaa\x1f`K{\xf8\xf0\xe1\xb6m\xdbzzz"\x07\x90V\x80{\xde\xa7O\x9f\xa3G\x8fb\rp \x00\x9c\xd9\xd5\xabW\xf7\xec\xd9\xd3\xc7\xc7\x07\x1d\xfe\xf8G(\x8a\xe2\xf3\xf93f\xccX\xbf~=j\x0fG\x13\xd03\xa8\x1f`6\xa7\xa6\xa6\xf6\xef\xdf\x1f-~\xba\xc1f\xb3\xb5Zmbb\xe2\x83\x07\x0f\x14\nE\xfd\xd6\x02\x81-\xab\xa9\xa99t\xe8\xd0\'\x9f|\x02\xf1\x8d\xfazq[\x82\xc3\xe1TWW\x0f\x1c8\xb0\xb2\xb2\xf2\xf2\xe5\xcb,\x16\x0bm\x02\xac\x0e\x9a\xa9\xf5\x00\x98\x80\xca\xca\xca{\xf7\xeeu\xec\xd8\xd1f\xe2?p\xa5%I\x92\xc4\xff\x85$If%\xf1p\x1c\xd7j\xb5~~~\x0e\x0e\x0e\xe9\xe9\xe9\xd8\x8b\x1d[\xbd\x00g\xbfO\x9c8\xd1\xb2eK\x1a\x1e\xfd\x83\xb3i\xd6\x1e\xc5\xff\x07n\x0f~\xff\xfd\xf7w\xec\xd8\x81\xa1\xce\x104\x00E*\xeb\x01\x08\x01gddxyy\x05\x04\x04\xd4\xd4\xd4\xd0\xca\x04\xbc\x05\x14EQ\x14\xc5\xe5r\x05\x02\x01\x8f\xc7\x83\x8f\x03\x81\x14\xf8\xa9\xc1`\xd0j\xb5\xd6\x1e\xe6\x7f\x80$I\xa1P\x18\x1f\x1f\x7f\xfe\xfc\xf9~\xfd\xfa\xd5\xa3\xe9\x81\xefd\xdd\xbau\x89\x89\x89t+p$I\x92\xc7\xe3A\x1f$:h6\x8b\xc5\xd2\xeb\xf5\x83\x06\r\x1a:t\xa8R\xa9\x14\x8b\xc5\xe6I\x85\xb0\nH\x00\xea\x01X\xf3\x7f\xfe\xf9gxx8\\\x81\xc4\\\x01\x00\xaf_$\x12\t\x04\x82\xaa\xaa\xaa\xdc\xdc\xdc\xd2\xd2\xd2\xb2\xb22\xa5Ri4\x1ay&lt;\x9eD"i\xda\xb4i\x9b6m\xfc\xfc\xfc\x18\xb4t\xc1\x08v\xec\xd8q\xed\xda\xb5\xf5\x18\x806\xf7\xfe\xbb}\xfb\xf6\xef\xbf\xff\xae\xd1hhR\xfd\t\x8e\xbf\xb3\xb3sEE\x85\xd1h\x14\n\x85|&gt;\xdf\xea\xe2\xc4b\xb1\xd4jutt\xb4X,&gt;}\xfa\xf4\xd0\xa1C\xc1y\xb2\xee\xa8\xec\x19$\x00\xf5\x00\xd4\xb4]\xbdzu\xf2\xe4\xc9\x8c\xf6hH\x92\xe4r\xb9\x12\x89$//o\xf7\xee\xdd\xa7N\x9d*..\xfe\xc7\xdf\xe4p8999\xad[\xb7fJ\xc8\x9b\xc5bi\xb5\xda\xa8\xa8\xa8\'O\x9eTTTxzz\xd6\xcb\x93"I\x92\xc3\xe1\x1c&gt;|\xb8e\xcb\x96\xfe\xfe\xfer\xb9\x9c\x0e\xe6\x0c\x1c\x7f\x91H\xf4\xeb\xaf\xbf.[\xb6L\xadV\x7f\xff\xfd\xf7\x93\'O\xa6C_R\x92$\xf9|~\xef\xde\xbdw\xef\xde=t\xe8P\xeb\x0e\x06\x81\x04\xe0]\x01\x1f\xb0\xba\xba\xfa\xf1\xe3\xc7!!!\xcc=\xff\tW\xe9*\x95\xca\xff\xfd\xef\x7f[\xb6lQ\xab\xd5\x18\x86\t\x04\x82\xc0\xc0\xc0\x96-[\xba\xb9\xb9\xf1x&lt;\xbd^/\x93\xc9\x1e&lt;xp\xef\xde=f\xddp\x02Mi\x9a6m\xca\xe7\xf3\x0b\n\nz\xf4\xe8Q/\xbe\'&lt;\xebs\xe7\xce\xf5\xeb\xd7\x8f&amp;\xb5\xedF\xa3Q"\x91(\x14\x8a)S\xa6\xec\xda\xb5\x0b\xfe\'}\n\x93\xa0=_RR\xd2\xc4\x89\x13u:\x1d\x9f\xcf\xb7\xf6\x88\xec\x1a$\x00\xef\n8\x92EEE&lt;\x1e\xafU\xabVz\xbd\x9eAf\xd1\x0cA\x10\xce\xce\xce%%%\xa3G\x8f\xbey\xf3&amp;\x86aaaa\xe3\xc7\x8f\xef\xd2\xa5K\xb3f\xcd\x1c\x1c\x1c\xe0:C\x08\x10i\xb5\xda\xb2\xb228\xee\xc4\xa0\x0fK\x92\xa4H$j\xdd\xbauVVV\x8f\x1e=\xde\xddXC\xab\xcb\xda\xda\xda\xbc\xbc\xbc9s\xe6X\xfd\xd1S\x14e2\x99&lt;&lt;&lt;\xd2\xd2\xd2&amp;O\x9e\\XX\xe8\xe0\xe0\xc0\xe3\xf1h\xd5\x91\x94\xc5bi4\x9a\xd0\xd0P\x83\xc1p\xfd\xfa\xf5\xf8\xf8xF\x87L\x99\x0e\xfa\xde\xdf\x15\xb0#\xc5\xc5\xc5-[\xb6\x94H$\x04AX{D\xff\x19\x92$\x9d\x9c\x9cJJJz\xf7\xee}\xf3\xe6M\xa1P\xf8\xc3\x0f?\\\xbcxq\xfa\xf4\xe9-[\xb6$\x08\xa2\xba\xbaZ.\x97\xcbd2\xb9\\^]]M\x10D\xcb\x96-E"\x11\x1d\xf2\x8ao\x0e&lt;\xa9\xb0\xb0\xb0\xd2\xd2\xd2z|\xc1\xdc\xdc\\\xb1X\x1c\x1e\x1e\xaeV\xab\xadh\xc8 \xec#\x91HV\xae\\\xd9\xabW\xaf\xc2\xc2\xc2f\xcd\x9a\xed\xde\xbd[*\x95\xd2-,\t{\x94\x98\x98\x98s\xe7\xcea\xf5Z\x91\x85\xf8\xaf\xa0\x1d\xc0\xbb\x02V\xe0\xc6\x8d\x1b\xadZ\xb5\xa2[\x11\xc8\x9b`2\x99\xc0I\x1c:t\xe8\xd3\xa7O\xa5R\xe9\xce\x9d;\xfb\xf4\xe9\xa3P(d2\x19\x9b\xcd\xc6q\xfc\xef\xfe#SB\xffu\x81\xa7\x13\x14\x14\x94\x9a\x9a\x8a\xd5GS p]/^\xbc\xe8\xed\xed-\x14\n\xad\x98\x016\x1a\x8dR\xa9T&amp;\x93}\xfc\xf1\xc7\xfb\xf6\xed\xc30,..n\xfb\xf6\xed\x10\x0b\xc2hYp\x19\x12\x12\xf2\xe7\x9f\x7fb\x96\xba\xa8\x07\xf1\x8f0l\r\xd3\x10\x98\xbe%%%m\xdb\xb6\xa5\x9b\xab\xf5&amp;P\x14\xe5\xe8\xe88w\xee\xdc\xdb\xb7o\xf3\xf9\xfc\xad[\xb7\xf6\xe9\xd3\xa7\xbc\xbc\xdcd2q8\x9cW}\x1c\xc6Y\x7f\x0c\xc3p\x1c\xd7\xe9t\xfe\xfe\xfe\xd5\xd5\xd5555\xef\xae\xd6\xf0\xe5\xe4\xe7\xe7\'$$XK\xfba\xcayxx\xa4\xa7\xa7w\xe9\xd2\x05\xac\xff\xe4\xc9\x93\x8f\x1f?\xde\xb4iS\x99LF\xc3\'\x05i\x80\x84\x84\x84g\xcf\x9eY=nf\xe7\xa0\xaf\xfe]\x81\xfa\xc2\xaa\xaa*///\x1a\xfaY\xaf\x87$I\xb1X|\xe1\xc2\x85?\xfe\xf8\x03\xc3\xb0\xd9\xb3g\x0f\x180\xa0\xbc\xbc\x1c\x8a\xc7\xad=\xbaz\x06\xfa\x91\xb9\xb9\xb9\x19\x0c\x06\xb5Z\xfd\xee\x1f\x10\x0c\xd9\xbd{\xf7\xc2\xc3\xc3\t\x82\xb0\xbc!\x03\xebO\x10\xc4\xb2e\xcb\x12\x13\x13KJJ$\x12\xc9\xe6\xcd\x9b\x7f\xfb\xed7\x93\xc9\xa4\xd5j9\x1c\x0e\r\xe7$\x9c\xcb\xf3\xf5\xf55\x1a\x8deee\x96\xbc\xae\x19\xf1\x12H\x00\xde\t(\x01R(\x14\n\x85"((H\xab\xd52\xce\x9d\xc1q\xfc\xe7\x9f\x7f\xa6(*  `\xd6\xacY\n\x85\x82\xcb\xe5Z{P\r\x02\x8e\xe3F\xa3\xd1\xcb\xcbK"\x91\x14\x14\x14`\xef\x16}\x06\xe3\xabT*kjj|}}\xadR\xfde2\x99\x04\x02\xc1\x83\x07\x0f\xe6\xce\x9d\x0bE\xae\xe7\xcf\x9f\x1f?~\xbcL&amp;\xa3s}=\x88\x96\xbb\xbb\xbb\x93\x93\xd3\xed\xdb\xb71ZF\xa8\xec\x04\x86Y+zb0\x18`)2\xcb\x91\x81\xe0\xcf\xf5\xeb\xd7!&amp;&gt;m\xda4Hb\xdb\x9e\xefo\x06\xe2Z&lt;\x1eO\xa3\xd1\xbc\xfbKa\x18VTT$\x16\x8b\x1b5jd4\x1a-\xff\xbd\xc1\xb9\xaa\x88\x88\x88\xa5K\x97\x8e\x1c9\xf2\xdc\xb9s\xc1\xc1\xc12\x99\xec5\xb1;\x9a\x00\x05T\xbe\xbe\xbeyyy\x18\x12\x00\xeb\x81\x04\xe0\x9d\x00\x8b\x9f\x97\x97\'\x91H\x9a4ib\x15+\xf0\xd6P\x14%\x10\x08\x8e\x1c9b0\x18\x1a7n\xdc\xbf\x7f\x7f\x9b\xbf\xc5\x10\xfc\xe2\xa0\xa0\xa0\x8c\x8c\x0c\xec\xdd\xec\x0e\xfcmyy\xb9P(\x14\x89D\xd6\xeak\xc6f\xb3\x95J\xe5\xd4\xa9S7o\xde\xccb\xb1T*\x95\xd5\x8fz\xbd\t\xb0\x7frww\x7f\xfa\xf4\xa9\xb5\xc7b\xd7 \x01\xa8\x07 \xfe\xdb\xa0\xf7\xcd6\x04\x1c\x0eG\xa9T\x9e;w\x0e\xc7\xf1\xee\xdd\xbb7n\xdc\xd8Nn1\xe3p8\xef^\xad\x0b\xcf:333((\xc8\xea\xd5_\x90\xd5 \x08\x82)\xfa\r\xdfXTT\xd4\xad[\xb70f\xd6\x14\xd8\x06\x0cp\x16\xe8\x0f\xf4\xc8d\x96\xf5\xa7(\xca\xc1\xc1\xa1\xb8\xb8\xb8\xb8\xb8\xd8d2u\xe9\xd2\xe5\xa5\x12&amp;\xd3\x0b\xb0\x17\xe5.6\xb3J\xe1y\xd5\xcbK\xc1\x16\xd0\xea\xaa\x89\xe3\xb8\xd5\xc7\xf0_\xc1q\x9c\xc5b1\xf1\xdc\x8c-a#K\xdaZ\x80}\xcc\xc8\xc8\xf0\xf3\xf3c\xd6\x0e\xc0d2AS\x04\x9dN\'\x14\nCCC\xa1 \xcfd2\x11\x04\x01\xad@E"\x91\xb3\xb3\xb3D"qrr\x12\x08\x04\x18\x86\xc1\x8f\xac=\xf6\xb7\x07\x1c\xcf\xc8\xc8H\x08=\xbf\x8b\xa4\x81\xc1\xad\xae\xaevuu\xad\xb7\xf1\xd9\r\x90\x07\x96H$\x06\x83\x81Y\x81S\x1b\x03\xed\x00\xea\x01\x83\xc1 \x95J\xad\x1e\x07\xf8O\x80\xbf\x0f\x1b\xf0\xe6\xcd\x9b7i\xd2\xc4`0@\xa3.\xa9T\xaa\xd3\xe9\x9e={\xf6\xec\xd93\xa5R\t\xa9\x02OOOooo777\x9dN\x07G^\x99\xbbh]\\\\\xde=d\x0f\x1f\xbf\xb0\xb0\xf0\xb3\xcf&gt;c\xe2\xf9\x0f\xeb\x02g2\x82\x82\x82\xe4r\xb9B\xa1\xf0\xf0\xf0@\xdf\xa1U@\x02P\x0f\x80;c\xedQ\xfc7\xe0R\xd6\xbbw\xefb\x18\xd6\xa2E\x0b\'\'\'pf\xcb\xcb\xcb\xb7m\xdbv\xe4\xc8\x91\xdc\xdc\xdc\x9a\x9a\x1a\xf3\xef\x0b\x04\x826m\xdat\xeb\xd6m\xd4\xa8Qaaa555\xcc]\xb1\xf5X\xe9\xc4f\xb3\x19\xf7\xe8\xe9\x03I\x92L\x0c^\xd9\x12H\x00\xea\x07\xc6Mbh\x8f\x0c5\x18M\x9b6e\xb1X\xce\xce\xce;w\xee\xfc\xf6\xdbo\x1f&gt;|\x88a\x18\xf4\xb6\x83+;\x14\n\xc5\xe3\xc7\x8fo\xdc\xb8q\xe3\xc6\x8d\r\x1b6L\x9b6m\xc1\x82\x05p5\x18\xe3&gt;8V\xaf\x0f\x8b\xb9*H\x07\xd0Wgu\x90\x00\xd8#\xe66\x96UUU\x18\x86\xb9\xbb\xbbs8\x9c9s\xe6\xac\\\xb9\x12\xc3\xb0\x81\x03\x07\x0e\x1d:4,,\xcc\xd5\xd5\x95\xc7\xe3\x99L&amp;\x88\x08\xa5\xa5\xa5m\xdc\xb8\xf1\xd6\xad[K\x97.-**\xda\xb9s\'4\x07E\xcb\x18\x81`((\tl\xa7\xb0X,\x9dN\xa7T*1\x0ck\xdd\xba\xf5\xea\xd5\xabW\xae\\\x19\x10\x10p\xfa\xf4\xe9\x03\x07\x0e\x0c\x192\xa4i\xd3\xa6\\.\x17:\x0c\x0b\x85B??\xbf\xe9\xd3\xa7\xa7\xa5\xa5}\xf4\xd1G\x18\x86\xa5\xa4\xa4\xcc\x9a5\xcb\xc9\xc9\x89\xd19a\x04\xc2\xceA\x02P\x0f0+\xfd\x0b@[v\xb8\xd77--\xed\xb3\xcf&gt;\xeb\xd0\xa1Cjjj\xb7n\xdd /\xa7\xd7\xeb\xcd\xc6\x9d$I\xadV[YY\x89\xe3\xf8\xc6\x8d\x1b\x87\r\x1b\x86a\xd8\xc6\x8d\x1bO\x9f&gt;\xed\xec\xecl\xad3PoM=\xc6mP\x08\xe8]@_\x9d\xd5A\x02P\x0f\x18\x8dFf\xf5\xcf\x01\xb3e0\x18 \x1d\xbam\xdb\xb6\xa6M\x9b\xee\xdb\xb7\xcf\xd9\xd9\x19n\r\x84.\xd0\xe6\xf5\t%\xdb\\.\xd7h4\xaaT\xaae\xcb\x96yyy\xe18\xbej\xd5*\xc6)\x1f\x86a&lt;\x1e\xaf\xbe2\xb7\xf0\x9d\xd4\xcbK\xd9\x1b\xd0\x9a\t%\x81\xad\x0b\x12\x80z\xc0\xc3\xc3\xa3\xac\xac\x8cq\xd1p\x08\xef\xc0\xbf\x7f\xff\xfd\xf7\xde\xde\xde*\x95\xea\xf5J\xc6f\xb3\xb5Zm\xb3f\xcdF\x8d\x1ae2\x99\xae\\\xb9R\\\\\xec\xe0\xe0\xc0\xa0@\x10\x8e\xe3\xf7\xee\xddsvv\xc6\xde\xad\x15\x04|\xe4\xb0\xb0\xb0\xcc\xccL&amp;n\x01\xad\x0bEQB\xa10??\xdf\xdd\xdd\xdd\xd5\xd5\x95qk\xc7f@\x02\xf0N\xc0\xac\x8d\x8e\x8e~\xf2\xe4\t\xe3Jb\xd8l6\xb4\x0b\xf6\xf3\xf3KLL\xac\xae\xae~\x93}\x0c\x9b\xcd6\x18\x0c=z\xf4\xc0q\\\xa3\xd1\xe4\xe4\xe4\x08\x04\x02\xa6\x98?\x18giii\xdb\xb6m\xb1z\xeaA\xc6\x94\xcfN7\xcc7\x8c2k\xd5\xd8\x18H\x00\xea\x01\x9dN\xc7\xe3\xf1\x98\xd2\x86\x05{q\x87\x81P(\xe4\xf1x\x18\x86EFF:99\xbda(\x1f\xc7q\xbd^\xdf\xbauk8\x01[ZZJ\x93\xcb\xd0\xdf\x1c\xa1P\xa8\xd7\xeb\xeb\xe5\xa5\xdc\xdd\xddkjj\x90\x15{;\xaa\xaa\xaa\\\\\\\xac=\n\xbb\x06\t\xc0;\x01\xcb\xde\xd5\xd5\x15\xbaq1\xa8[\x0e\xf4\x82\x16\x8b\xc5\x18\x86\t\x85\xc2\xffd\xbf\xe0\x0eaX\xba\x95\x95\x95\x0c2\x7f\xe0u\xc2\xd1\xd3w\x7f)\xac\xce\r\xc3L\xf9\x06h\x02d\xa1n\xde\xbc\xd9\xa6M\x1b\x0c]\x0bl=\x18c\xb0\xe8\t,\xfb\xa0\xa0\xa0\xea\xea\xea\xf2\xf2r.\x97\xcb\x08_\x18\x8e.\x8b\xc5bOOO\x0c\xc3\x14\n\xc5\x7f]\x81l6\x1bv\x0fz\xbd\x9e\x11\x1f\x19\x00\x01(--\r\x0f\x0f\xc7\xde\xcdj\xc3\xdf6m\xdaT\xa7\xd3\xc9\xe5r\x06\xed\xff\xe8\x00&lt;\x88g\xcf\x9e\xb5j\xd5\xca\xdac\xb1k\x90\x00\xbc+p\xc7\x88P(\xac\xae\xaefP?8\x8a\xa2D"\x91\xaf\xaf/\x86a\x8f\x1f?\xfe\xaf\x97\xbc\x93$\t\xd5/|&gt;\x9fA\xce/\xdc\xa0\x02\x17ab\xf5!\x00\xad[\xb7\xd6\xe9t\xcf\x9f?g\x8a\xf6\xd3\x04\xb8M\xb3\xac\xac,88\x18C\xfb\'\xeb\x81\x04\xe0\x9d\x00G\x06\xfae\x96\x96\x962+\x1d\x8a\xe3xdd$\x86aw\xef\xde}\xfe\xfc9\x1c\xfa}\x93\xbf\x853\x04\xd5\xd5\xd5\x18\x86\xb9\xba\xba2%\x07\x00R]QQQ]]\xfd\xeev\x07\xf2(NNN\xae\xae\xae\xc5\xc5\xc5B\xa1\x10\xc51\xde\x10\x93\xc9\xc4\xe5r\x9f&gt;}\xaaV\xab\x03\x03\x031\x1b\xea4\xce8\xd0\xf7\xfe\xae\x80\xedk\xda\xb4)\xb4\xd0a\x84)\xc40\x8c\xc5b\xe9\xf5\xfa\x0e\x1d:p\xb9\\\xb9\\\x0e\xc5&lt;ob\xc2L&amp;\x13\x8f\xc7{\xfa\xf4)\xb4\x91h\xd5\xaa\x15S&gt;2\x8c\xfc\xf1\xe3\xc7NNNB\xa1\xf0\xdd\x87MQ\x14\x8b\xc5\xf2\xf7\xf7\xcf\xce\xcef\x8a\n\xd2\x018[^XX\xe8\xe8\xe8\xe8\xe9\xe9\x89\x0e\xd3Y\x11$\x00\xef\n,\xfb6m\xda\x14\x17\x17[{,\xff\x01\xf0\xe2\xdb\xb6m\x1b\x1e\x1e\x8e\xe3\xf8\x81\x03\x07\xdep\x11R\x14\xc5\xe7\xf3\xb3\xb3\xb3\t\x82\xe0r\xb9\xe6\x8b\x04\x1az\xc0\xef\x0e\\\x81PZZ\xea\xe2\xe2"\x12\x89\xea\xcb\xeeDEE]\xbdz\x15Y\xb17\x87\xa2(\x0e\x87\x93\x96\x96\xd6\xa2E\x0b\x0e\x87\x83vNV\x84\x01\xeb\x96\xe6\xc0\xb2\x0f\x0f\x0f/--\x05\x97\xd0\xda#zSH\x92tpp\x18=z\xb4\xc9d:y\xf2dvv\xb6\xa3\xa3\xe3\xbf\x16\x83\xc2\x11\xe2\x83\x07\x0f\xe28\x1e\x14\x14\x14\x14\x14\xa4\xd5j\x19\xf1\xa9\xe1\x82\xb3\x82\x82\x82\x80\x80\x00\xac&gt;*O\xe0Sw\xea\xd4\xa9\xbc\xbc\\.\x973\xe22^:\x00\x81\xd3\x1b7nt\xe9\xd2\x05c\xce\xa6\xd9&amp;a\xc0\xba\xa59 \x00\xfe\xfe\xfe\xcf\x9e=\xab\xac\xac\x84\xa3U\xd6\x1e\xd4\x1b\xc1f\xb3kjj\x86\x0f\x1f\xee\xe3\xe3\xa3\xd5j\xbf\xfe\xfak\x0e\x87\xf3\xfaC\xad\x06\x83\xc1\xcd\xcd-%%\xe5\xca\x95+&amp;\x93i\xd4\xa8QNNNLi\x88\x0fO\xea\xe6\xcd\x9b \x00\xef\x0e\x84}\x02\x02\x02(\x8a\xca\xca\xcarttD\xce\xec\xbf\x02\x81\xb8\xf2\xf2\xf2\x9b7ov\xed\xda\x15C\t\x00\xab\x82\xbe\xfaw\x05\xcc\n\x94\xd3\xdc\xb9s\x87Ay`(\x06uqqY\xb4h\x11\x86a\xe7\xce\x9d\xfb\xf2\xcb/!\xa9\x0bW\x1c\xc3\x07\x81\x7f\x81\xb2\x1f77\xb7\xd2\xd2\xd2\xd9\xb3gS\x14\xe5\xeb\xeb;n\xdc\xb8\x9a\x9a\x1a\xa6T@r8\x9c\xea\xea\xea\xb2\xb2\xb2\x98\x98\x18\xac\x9e\xec\x0eI\x92&lt;\x1e/&gt;&gt;\xfe\xdc\xb9s(\x9a\xf1&amp;\xc0e\xd4W\xaf^uuu\r\x0c\x0c4\x99LH\x00\xac\x08\xfa\xea\xdf\x15\xb8Z\xcb\xc1\xc1\xc1\xd7\xd77??\x9f\xcf\xe73E\x000\x0cc\xb3\xd9\n\x85b\xe8\xd0\xa1\x93\'O\xc60\xec\xa7\x9f~\x9a&gt;}:\x8b\xc5rss\xe3\xf3\xf9\xb02\xa1\r\x9cX,\xf6\xf0\xf0\xc8\xcc\xcc\xec\xd7\xaf\xdf_\x7f\xfd\xc5\xe1p~\xfb\xed7\xb1X\\\x8f\xb7k5(\x90\xba\xb8\x7f\xff&gt;\x9b\xcd\xae\xc7\xd2Cx\x91^\xbdz\x9d&gt;}Z\xaf\xd73E\x0b\xad\x08\xd4b%\'\'GEE\xb1X,\xc6\xb5\x92\xb51\x90\x00\xd4\x03`\xf1;v\xec\x98\x9e\x9e\x8e1-\xa6\xc9b\xb1\x94J\xe5\x8a\x15+\xc6\x8c\x19\x83a\xd8\xaf\xbf\xfe\xda\xb9s\xe7\x8d\x1b7\x96\x95\x95A\xb3F\x8a\xa2\xaa\xaa\xaa.^\xbc8i\xd2\xa4\xee\xdd\xbb\x97\x96\x96\xf2x\xbc\xcd\x9b7w\xed\xda\x95A\xee\xbf\xc9d\x12\x08\x04W\xaf^\x85k\xce\xea\xabq\x13hd\x9f&gt;}\x14\n\xc5\xf5\xeb\xd7E"\x11\xdd6\x01l6\x1bz\xbbZ{ \xff\x1f.\x97[]]}\xe9\xd2\xa5\xb1c\xc7b\xe8\x04\x80\xb5Ai\xabz\x00\xac@\x97.]\x92\x93\x935\x1a\rSl"\x00A\x7f\xbd^\xbfq\xe3F\x7f\x7f\xff\x1f\x7f\xfc177w\xd2\xa4I\x02\x81\xa0I\x93&amp;\x8e\x8e\x8e\x06\x83\xa1\xa2\xa2B&amp;\x93\xc1\xef\xb7m\xdbv\xf9\xf2\xe5]\xbbv\x85\xc6\xd1\xd6\x1d\xfc\x9b\x03U:\xe9\xe9\xe9qqqX\xfd\x894\xec\xff\xc4bq||\xfc\xc1\x83\x07\xe3\xe2\xe2\x94J%}b\x1a&amp;\x93\xa9\xa6\xa6\x86$I\x83\xc1@\x07SK\x92\xa4D"9q\xe2\x84P(l\xdf\xbe=\xdcLg\xedA\xd95\x8cY\xc0t\x06\x96VDDDuuu^^^TTTmm-}\xac\xc0\xbf\x02n\xbeZ\xad\x9e?\x7f~\x9f&gt;}\xb6n\xddz\xe6\xcc\x99\xd2\xd2R\xb82\x1e\x90H$\x91\x91\x91\x83\x06\r\x1a:t\xa8X,f\\\xd1\x0b8\x9eYYY\xd3\xa6M\xc3\x1a \xf18u\xea\xd4\x193f\xd0*\n\x04\xe9\xd6\xee\xdd\xbb\xabT\xaaf\xcd\x9a\xc1~\xce\xeaC\xe2p8\xfb\xf7\xef\x1f2d\x08\xdc\xca\xc0\xacYd{\xa0&gt;\xe6\xf5\x03I\x92l6{\xc0\x80\x01\xd1\xd1\xd1\x0b\x16,\x80r k\x0f\xea?C\x10\x84H$\x12\n\x852\x99\xec\xc1\x83\x07\xcf\x9e=S\xab\xd5&lt;\x1eO*\x956m\xda\xb4i\xd3\xa6|&gt;_\xa9T\x12\x04A\x1f3\xf7&amp;\xc0\x91\xdd\xabW\xafN\x9c8\xb1\xa0\xa0\xa0\xde\xdbW\x98L&amp;\xa3\xd1\x18\x10\x10\xf0\xc3\x0f?\x0c\x1e&lt;\x18\x9a\x82\xd4\xe3\xeb\xbf58\x8eC\xa7?\xbd^ou\x01\x00A\xaa\xa8\xa8\x88\x8d\x8d\xbdt\xe9\x12TO1\xc8O\xb2I\x98g\xa4\xe8\t\xe8h\xf7\xee\xddw\xec\xd81o\xde&lt;\x86Nk\x0e\x87\xa3\xd5j5\x1a\r\x97\xcb\r\t\t\x89\x88\x88\x00\x93\x011\x04\x8dF\x03\x1dOib\xdd\xde\x1c\x8a\xa2x&lt;\xde\xa1C\x87\x02\x03\x03\x05\x02\x01\xa8u=\xbe&gt;\xd4\x02M\x9e&lt;y\xc3\x86\r\xc3\x86\r\xa3\x8fSe2\x99jkk1\x0c\xa3\xc3\xc5[$I:::\xaeX\xb1"***  \xa0\xde\x9f\x02\xe2-`\xa4\x9d\xa2!0\x95\x07\x0c\x18\xf0\xe4\xc9\x93\xb2\xb22f\xd5\x02\xd5\x05\xec;EQ\xd0\xedG\xa1P(\x14\n\x95Je0\x18\xe0GV\xb7#o\x01\x14\xb6^\xbe|\x19n3\xaew\xa0\t\xe0\x07\x1f|PPP\x90\x9e\x9e\xee\xe4\xe4D\x9fT0\x8b\xc5b\xb1Xtxj\xd0td\xc3\x86\r3f\xcc`\xe8\xea\xb0=\x90\x00\xd4\x0f\x10Fo\xda\xb4\xa9\x9f\x9f\xdf\x85\x0b\x17hX\r\xf2\x9f\x80K\x80\xd9/\xa0\x89\x05y;\xa0\xf3Lqqqmmm\xcf\x9e=\xb1\x06H\x00\xc0\xd3www\x1f5j\xd4\xda\xb5ka\x93Q\xbfo\xc1t\x08\x82\x90H$\x87\x0e\x1d\xf2\xf2\xf2\xea\xd5\xab\x17J\xff\xd2\x04$\x00\xf5\x06X\xfc\xa4\xa4\xa4M\x9b6!\x07\x87&gt;\xc0)\x8d-[\xb6\xf8\xfb\xfbK\xa5\xd2\x06\xba\xb9\x13N\x05\xcf\x9f??++\xab\xb8\xb8\x18z\r\xd5\xfb\xbb0\x176\x9b\xad\xd3\xe9\xd6\xae]\xbbp\xe1B\x8ci\xa5\xd26\x0c\x12\x80z\x03&lt;\x9a\xa1C\x87&gt;\x7f\xfe\xbc\xa8\xa8\xc8\xc1\xc1\x01\xcdr:\x00\x17\xd9\x9f;wn\xe2\xc4\x89\r\xf7.\xb0\th\xd4\xa8Q\xbf~\xfdf\xce\x9c)\x12\x89\xd0&amp;\xc0\x0c\x1c8\xff\xe5\x97_L&amp;Sbb"EQ\xc8\xfd\xa7\tH\x00\xea\r(\to\xd4\xa8QXX\xd8\xe6\xcd\x9b\x1d\x1c\x1c\x90\t\xb0:p{\xe5\xf9\xf3\xe7U*U\xef\xde\xbd\x1b4\xf2\xc0b\xb1(\x8aZ\xb0`A~~~FF\x06\xad2\x01\xd6\x85\xc3\xe1\xd4\xd4\xd4\xfc\xfa\xeb\xafK\x97.\xc5\x90\xfbO\'\x90\x00\xd43&amp;\x93\xe9\x93O&gt;9z\xf4\xa8J\xa5bb%\xa8\x8d\x01w\x8fl\xda\xb4i\xd0\xa0A\r\xdd\xab\x07\x8e\xd4\xb9\xb9\xb9}\xfd\xf5\xd7S\xa6LaPW\xa8\x06\xc5h4J\xa5\xd2/\xbf\xfc222\xb2g\xcf\x9e\xa8\xf8\x87V \x01\xa8O\xa0\x1a\xa4O\x9f&gt;\x0e\x0e\x0e)))\xd0r\xc0\xda\x83\xb2_ \xfd{\xf7\xee\xddk\xd7\xae\xcd\x9e=\x1bk\xf8\xc6\x93\xd0\xdcf\xe2\xc4\x89j\xb5z\xcd\x9a5nnnLi\x95\xda@P\x14%\x16\x8b\xf3\xf2\xf2\xfe\xf8\xe3\x8fe\xcb\x96Q\x14\xc5\xdcj\x02\x9b\x04\t@=\x03N\xdfG\x1f}\xb4c\xc7\x0e\x06]\x11l\x93@\xe1\xf9\xee\xdd\xbbccc\xbd\xbd\xbd\x1b(\xfd[\x17(\xb7\xe7\xf1x;w\xee\xfc\xf2\xcb/\xef\xdf\xbf\x8f\xae\x8a\xe4r\xb9c\xc6\x8c\xf9\xea\xab\xaf\xfc\xfc\xfcP\xefO\xba\x81N\x02\xd73\xf0}\xaa\xd5j__\xdf\x83\x07\x0fFFF\xc2\xe1)k\x8f\xcb\x1e\x01s\x1f\x12\x12\xb2g\xcf\x9e\xf8\xf8x\x8b\x05\x1f\xa0\xc3\xc1\xe7\x9f\x7f~\xed\xda\xb5\xf4\xf4t\x86\x1e\x0b\x7fw\x8cF\xa3\x87\x87\xc7\x82\x05\x0bN\x9d:\x95\x93\x93\x83\x1a?\xd0\x10d\x98\xea\x19\xa8\x06qtt\x1c6l\xd8\xa2E\x8b\xde\xf0\xa2]D\xbd\x03\x85\xe7\xeb\xd7\xafwww\x8f\x8b\x8b\xb3d\xe5\t\x9b\xcd&amp;Ir\xd9\xb2er\xb9|\xc9\x92%\xee\xee\xeeVo\xc3`y\xe0\xfbOOO_\xb3f\xcd\x9e={\x90\xefOO\xd0\x0e\xa0\xfe\x81\xaf\xb4\xaa\xaa\xaaM\x9b6\'N\x9c\x08\x0f\x0fG\x9b\x00\xcb\x03\xd1\x98\x80\x80\x80-[\xb6\xf4\xea\xd5\xcb\xc2\xb9G\xe8rs\xe7\xce\x9d\x88\x88\x88\xd3\xa7O\xb7k\xd7N\xa1P\xd8\x8f\xffKQ\x14\x97\xcb%I200p\xd9\xb2ec\xc6\x8cA\xb9_z\x82\xacR\xfd\x03\x9b\x0077\xb7\x0f&gt;\xf8`\xe1\xc2\x85h\x13`y\xcc\xee\x7f\xa3F\x8dz\xf5\xeae\xf9\xc2s\xc8\x06\xfb\xfa\xfa\xae]\xbbv\xf0\xe0\xc1UUU|&gt;\xdf~\xa6\x81\xc9d\x12\x8b\xc5C\x86\x0c\xe9\xd5\xab\xd7\x981c\x18\xd7=\xd0~@;\x80\x06\x01\xbeU\x99L\xe6\xe3\xe3s\xe6\xcc\x99\xf0\xf0pf5\x88\xb6\x018\x1c\x8e\x8f\x8f\xcf\xf6\xed\xdb-\xef\xfe\x9b\x81\xa8\xf7\xb8q\xe3\x8a\x8a\x8a\xae]\xbbVUUE\x87\xa6l\r\r\x84\xfe\xe7\xcc\x99s\xf8\xf0\xe1;w\xee\x90$\xc9\xe8V"\xb6\r2I\r\x82\xb99\xcc\xbcy\xf3\xe6\xcf\x9f\xcf\xe5r\x91\xd0Z\x0c\x82 \xa4R\xe9\xd2\xa5K\xc3\xc3\xc3\xadh\xfd1\x0cc\xb3\xd9\x04Al\xdb\xb6\xcd\xcb\xcb\xab_\xbf~\xae\xae\xae6_\x16l0\x18&lt;&lt;&lt;~\xfa\xe9\xa7\xbd{\xf7^\xbbv\rBa\xc8\xfa\xd3\x16\xb4\x03h(L/h\xd6\xac\xd9\x8f?\xfe8r\xe4H\xb9\\\x8e6\xc2\r\r4\x9d\x7f\xf6\xecYxxxvv\xb6\xbf\xbf\xbfu\xd3\x8f0\x07\xf4z}pp\xf0\xa8Q\xa3\x16-ZTQQ\xc1\xe5r\xad5\x9e\x06\x05|\xff\xb3g\xcf\x0e\x1c8\xf0\xca\x95+aaa(\xf4Os\xd0\x0e\xa0\xa1\x80s\xa1l6{\xdd\xbau\xb3f\xcd\xaa\xad\xadE+\xc1\x02@\xed\xff\xd4\xa9S\xc7\x8d\x1bG\x87+G\xc0\xf9\x15\n\x85\xd7\xaf_\xdf\xb3g\xcf\xa2E\x8b&lt;&lt;&lt;\x8cF\xa3\xed9^\xe0\xfb\x9f;wn\xf8\xf0\xe1\xe7\xce\x9dC\xd6\x9f\x11\xa0\x1d@\xc3\x02k\xa0g\xcf\x9em\xda\xb4Y\xb3f\x8d\r{\x7ft\x00\x9a\x8e\xa5\xa4\xa4L\x992\xe5\xf6\xed\xdb\x8e\x8e\x8e4\x89\xb9\x83\x0e)\x14\x8a\x98\x98\x98\xd1\xa3G\x7f\xf3\xcd72\x99\xcc\x96b#\xe0\xfb\x9f;wn\xd8\xb0a)))\xf1\xf1\xf1\xa8\xea\x9f\x11 \x01hX\xe0\xec\xfb\xf3\xe7\xcfCBB\xce\x9c9\x13\x14\x14\x84\xb6\x02\r\x04\\\xfb\x0ew\x99\xfd\xf2\xcb/\x03\x06\x0c\xa0\x95\x07\n\x83Q(\x14\xed\xdb\xb7\x7f\xef\xbd\xf7\xd6\xad[\xa7R\xa9\x8cF#}F\xf8v\x98L&amp;\xa8y[\xbf~\xfdW_}\x95\x92\x92\x12\x17\x17\x87\xac?S@\x02\xd0\xe0\xc0\xca_\xbat\xe9\x8e\x1d;n\xdd\xba\xa5P(P9PC\x00N\xe8\xc4\x89\x13\x1f&lt;xp\xee\xdc9\x1a\xda \x98\t555\x9d;wn\xd2\xa4\xc9\x81\x03\x07\x08\x82\xd0h4t\x1b\xe7\x9bC\x92$\x87\xc3\x91H$\xdf\x7f\xff\xfd\xaaU\xabRRRbcci\xf8\xcd#^\x05\xb2D\r\x0e\x94\x82\xcc\x9b7\xcf\xdb\xdb{\xde\xbcy\xae\xae\xaeF\xa3\xd1\xda\x83\xb25\x08\x8</t>
        </is>
      </c>
    </row>
    <row r="104">
      <c r="A104" s="1" t="n">
        <v>102</v>
      </c>
      <c r="B104" t="inlineStr">
        <is>
          <t>size_grid</t>
        </is>
      </c>
      <c r="C104" t="inlineStr">
        <is>
          <t>What is the size of the missing part denoted with a question mark?</t>
        </is>
      </c>
      <c r="D104" t="inlineStr">
        <is>
          <t>['medium', 'large', 'small']</t>
        </is>
      </c>
      <c r="E104" t="inlineStr">
        <is>
          <t>large</t>
        </is>
      </c>
      <c r="F104" t="inlineStr">
        <is>
          <t>There are circles arranged in a grid formation with varying sizes in the image. The sizes in the first row are ['large', 'small', 'large'], the sizes in the second row are ['small', 'medium', 'small'], and the sizes in the third row are ['?', 'small', 'large'].</t>
        </is>
      </c>
      <c r="G104" t="inlineStr">
        <is>
          <t>We observe that the circles at the corners are large size, while the circles directly adjacent to the center are small size. Only the center circle is medium size. Hence, the pattern is that the circles alternate in size depending on if they are at the corner or adjacent to the center.</t>
        </is>
      </c>
      <c r="H104" t="inlineStr">
        <is>
          <t>Based on the pattern that the circles alternate in size depending on if they are at the corner or adjacent to the center, the size of the missing part that is at the corner should be large.</t>
        </is>
      </c>
      <c r="I104" t="inlineStr">
        <is>
          <t>b'\x89PNG\r\n\x1a\n\x00\x00\x00\rIHDR\x00\x00\x02\x00\x00\x00\x02\x00\x08\x02\x00\x00\x00{\x1aC\xad\x00\x00\\BIDATx\x9c\xed\xddy|T\xd5\xdd?\xf0\xef\xb9\xf7\xceL&amp;!\xcbdaUY\x84\x04\x84\x10\x12\t\xbb\x08\x82,*E\x0b\x82\x16\x04\x83\x80\xfep\x03\xb7B\xabU\xd4\xa7U\xc0b\xad"&amp;\n((&lt;Z[\x14} \x10\xc0"\x88\x88\x04L\x80@\xd8!@\xc2\x92\x85!\xdb\xcc=\xf7\xfc\xfe82M\x110@\x16f\xce\xe7\xfd\xea\xab\xaf6\x99\x0cwf\xbes&gt;\xe7\x9c{\xee\xb9L\x08A\x00\x00\xa0\x1e\xad\xbe\x0f\x00\x00\x00\xea\x07\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94Q\xdf\x07\xa0"!\xc4\x05\x7f\xce\x18\xab\xe3#\x01\xa8{\xa8\xffk\x07\x02\xa0v\x89*\x88H\xd34\xdf\x7f\xff\x92eY\xbe\xfffU\xd4\xe1\xf1\x02\xd4$\xd4\xff5\x8e],\x8d\xe1\x8a\xc9r\xb7,\x8b1\xa6\xeb\xfa/\x1f`YVII\tc?\xbf\xf9\xf2\x7f\x04\x05\x059\x9d\xce\x0b&gt;X&gt;\x95\xa6i\xf82\xc0\xb5\x0f\xf5\xefG\x10\x005F\x16\xbd\x10\xc20\xfe3\xae\xe2\x9c\x1f;vl\xef\xde\xbd\xd9\xd9Y\xa7N\x9d\xda\xbc\xf9G\xd34\x0b\xf2\xf3\xf3\x0b\xf2\x191A\xf2\xcdgD\xa2AH\x83\xd6mZ\x0bA\xf1\xf1\xf1\xd1\xd1\xd1\x9d;w\xbe\xfe\xfa\xeb\x9b7o\x1e\x1c\x1c\\\xf5\xd9\x88\x08\xdf\x04\xb8\x06\xa1\xfe\xfd\x11\x02\xa0\x06\x08!8\xe7\xbe\xba\xe7\x9c\xe7\xe6\xe6\xa6\xa7\xa7\xaf_\xbf&gt;77\xf7\xd0\xa1\x83g\xce\xb8\xaf\xe0i\x1d\x0e{\xd3\xa6M\xe3\xe2\xe2\xbau\xeb&gt;`\xc0\x80\x84\x84\x04\xdf\x97\xc14MM\xd3.6\x94\x06\xa8K\xa8\x7f\xff\x85\x00\xb8*\xb2K"\xc7\xb9\x9c\xf3M\x9b6-]\xbat\xf9\xf2\xe5{\xf6\xe4VVz\xaa&gt;244$$$\xf8\xa6\xd8\x16\x9a\xa1\x87\x87\x86t\xec\x18+\xb8%\xbb1B\x08f\xd8\x0e\x1d\xcc;\x9c\x97\xcft}\xef\xde\xc3g\xce\x9c=]X|\xde\xbf\xd5\xb2e\x8b\xbe}o\x1b:th\x9f&gt;}\xc2\xc2\xc2\xe8\\\x9f\x0b\x1d"\xa8/\xa8\x7f\x7f\x87\x00\xb8B\x9cs_\xe5\xe5\xe5\xe5-Y\xb2\xe4\xe3\x8f?\xde\xb6m\xdb\x7f\x1e\xc1X\x8b\xe6\xcdnNl\x97\x94\x10\xd7\xb9S\xdbvq\xad\xc2\xc2\x1b\x84\xc7\xb8H\xd3IcD6\xa2\xaa\xef&lt;#2\xc9\xe2\xc4X\xf9\xa9\xa2\xd2\xd2\xf2\x1d\xb9\x07\xb7f\xe5fo\xdf\xb3y\xcb\x8e={\x0fUTT\xfa\x1e\xda\xbcy\xf3\x11#F\x8c\x1e=\xbac\xc7\x8e\xbe\x83\xb9\xe0d+@-A\xfd\x07\x06\x04\xc0e\x93\x13\x9d\xb2\xe0\xbe\xfb\xee\xbb\x0f&gt;\xf8\xe0_\xff\xfagQQ\xb1\xfc\xad\xcb\x15\xd69\xa9\xfd\xc0~\xddz\xdf\xd2\xb9}\xdb\x16\xc1\xd1\x91D\x06\x91I\x95\x1e\xe2\x96\xe5\xf5\x12\x91\x10$\x84ET\xb5\xdb"~^\xf0 H\xb3\x19\xa4k\xe4\xb0\x133\x88\x04?\xe3\xce\xddwd\xd3\xe6\xac\xaf\xd2\xd7o\xd9\xb2\xf3\xe0\xa1\xa3\xf2\x0f\xecv{\x9f&gt;}&amp;M\x9a4x\xf0`\xbb\xdd.{C\xf8\x1a@mC\xfd\x07\x12\x04\xc0e\xa8:\xd7\xb9z\xf5\xea\x193f\xac\\\xb9\xd2\xf7\xdb^=\x12\x87\x0e\xe9{\xdf\xf0\x81\xd7\xb5\xba\x8e4\x1bY^*\xaf\xe4^S\x08\xe1[\xcfV\x9d\xb1\xaa\xfcD,K\x08!\x18#\xdd\xd0\xc9\xe1 \x9b\x9d\xc8r\x17\x14.\xfdz\xed?\x97\xaeY\xb5fcii\xb9||\xc7\xf8\xf8\xc9S\xa6\xa4\xa4\xa4\xd0\x7f\xf7\xcb\x00j\x16\xea?\xf0 \x00\xaaK\xce6\x12Qnn\xee\xeb\xaf\xbf\xbe`\xfe|K\x08"r:\x83~7b\xf0\xb8\x07\xef\xe9\xd1=\x81\x1cN\xaa,\xb7**-K0\x8di5\xb1\x8aYv\x97,!\x18\x91n\xb7Qp\x08\tk\xd7\xf6\xdc\xff\xfd,=\xf5\xfd\xcf\x8e\x1d?)\x1f\xd6\xbf\x7f\xff\xa9S\xa7\xf6\xeb\xd7\x8f0"\x86Z\x80\xfa\x0fH\x08\x80j1M\xd30\x0c\x8f\xc73c\xc6\x8c\xd9\xb3\xffZXXDD\x91\xae\xf0q)\xf7\x8c\xbd\xff\xce\x0e\x9d\x13\xc8\xf2\x8a\xb3e\x9c[\xba^\x8b\x1d\x90\x9f\x97W\x13i!N\xb29\x0b\x0e\x1d^\xb8d\xf9\xbc\xf9\x9f\xe7\xec&gt;@D\x8c\xb1\x94\x94\x94W^y\xa5i\xd3\xa6\xe8\nA\rB\xfd\x07*\x04\xc0\xaf\x90\xd7%j\x9a\xb6a\xc3\x86G\x1eyd\xfb\xf6\xedD\xe4t8\xee\xbfo\xf0sO\x8d\x8b\xeb\xd8\x9e\xbc\xa5\xbc\xb4\x9c\x11\xd3\xf4\xba[\x94fY\x96e\t#\xc8N\xce\xb0\x92\x13\xf9o\xbe\xbd\xe8\xbd\xb4\xcf\x8e\xe7\x9f"\xa2\xc6\x8d\x1b\xbd\xf2\xca\xab\xe3\xc7\x8f\'t\x85\xe0\xaa\xa1\xfe\x03\x1b\x02\xe0R|\x05\xf4\xd2K/\xbd\xf6\xda_\xe4\xca\xb6\xfe}\xbb\xbe\xfa\xf2\xe3]{u%O\xb9y\xb6L\xd3\xebm=\xb2\x10\x82\x9b\xdcp\xd8)$\xec\xd8\xfe\x03/L\x7fg\xc1\xc2/\xe4\xc0\xfc\xbe\xfb\xee{\xfb\xed\xb7\xa3\xa2\xa2d\xdf\xad^\x0e\x0f\xfc\x1d\xea?\xe0!\x00.JV\xff\xf1\xe3\xc7SRR\xd2\xd3\xd3\x89\xc8\x15\x11:\xfdO\x8f&gt;\xfe\xd8h\xd2\x18?\xe3f\xd7\xc6\xa5(?\x9f\x9as\x06QPH\xfa\xb2\x8c\'\x9f~m\xf7\x9eCD\x14\x1b\x1b;o\xde\xbc\x9e={\xa2\x1f\x04W\x00\xf5\xaf\x02\x04\xc0\x85\xc9\x8e\xc3\x86\r\x1bF\x8c\x18q\xec\xd81"\xea\xd5\xbd\xd3\x07i\xaf\xc4\xb6ok\x95\x14\x93\x10u9\xe0\xad\x0e!\x04\xe7\x96\xe1\n/9]\xfc\xcc3\xaf\xbf\xbf\xe0_D\xe4p\xd8\xff\xf6\xb7\xb7\x1e~\xf8aL\x89\xc2eA\xfd+\xe2\xda\xfa\x14\xaf\x11\xb2\xfa\xd3\xd2\xd2\xfa\xf6\xed+\xab\x7f\xf2c\xa3\xd6\xae\x9a\x1f\x1b\xdb\xc2,:\xadiu:\xddYM\x8c1\xc3\xd0yQI\xb8\xd3\x9e6\xff\xb5\xb4w_\x8a\x08kPY\xe9y\xe4\x91G\x1ey\xe4\x11]\xd7\xe5\xf2\xed\xfa&gt;L\xf0\x03\xa8\x7fu`\x04p&gt;_\xf5O\x9c8\x91\x88\xc2CC\xfe:\xeb\xb9q\x13G\x0bw\x91\xe0\xd65X\xfa\xe7\x11BX\xdc\xd2]Q?\xac\xdf\xf4\xc0\x83Ss\xf7\x1d!\xa2\t\x13&amp;\xa4\xa6\xa6\xa2\x1f\x04\xbf\n\xf5\xaf\x14\x04\xc0\x7f9\xaf\xfa\xa3\\a\xcb\xbf|7\xb9WW\xb3\xf0\x94n\xe8~T:\xa6\xd74"\xc2\nO\x14\x0e\xbes\xe2\x0f\x99;\t\xdf\x01\xa8\x06\xd4\xbfj\xae\xf5&lt;\xafK\xe7U\x7f\x97\xa4\x9b6nX\x9c\xdc#\xd1,&lt;e\xd8\x0c\xff*\x1a\xc3f\xf0\x12w\xa4+4#c\xc1\xb8\xd1\xbf!"\xf9\xba0\x16\x86\x8bA\xfd+\x08#\x80\x9f\xfd\xb2\xfaW\xfc_\x9a+&amp;\x82\x97\xb8u\xbf]FfqK\xb3\xdb\xc8\x1941eZ\xda\x87K\xe9\\?H\xdea\xc3\xbf\xbe\xd2P\xabP\xffjB\x00\x10\x9d[\xf1\xe6\xab\xfe\xe4\xc4v\xe9\xcb\xdfw\xb9Byi\xb9n\xf8\xf7\x022\xcb\xb2\x84\xa6\xe9\rB\xce\xfb\x0e`m\x1c\xf8\xa0\xfe\x95\x85\x00\xf8\xb9\xfa7n\xdc\xd8\xabW/\xcb\xb2"#\xc2~\xfcnq\xcb\xb8\x16\xbc\xe4\xac\xbfW\xbf$,K\xe8:\xb3\xd9z\xde\xf2\xbb\x8d\x9b\xb7\x13\xd1\xec\xd9\xb3\'O\x9e\x8ckd\x80P\xffjS=\x00\xe4`\xf0\xc4\x89\x13\t\t\x1d\x0b\nN\x84\x04;\xd7\xa6\xa7%\xf7H\xe2%\xee\xc0\xa8~\xc9\xb2,\xb2\xd9\x8a\xdde}o\x1b\x93\xb5s\x1f\x11\xad\\\xb9\xf2\xf6\xdboG?Hq\xa8\x7f\xc5\xeb_\xf5\x93\xc0r\xab\x93\x07\x1ex\xa0\xa0\xe0\x04\x11\xbd\xf3\xd7\xdf\'\xf7\xeaf\x16\x9f\t\xa4\xea\'"M\xd3D\xa5\'2\xc6\xb5h\xc1k\x91\xae0"\x1a3\xe6\x81\x82\x82\x02M\xd3\xe4;\x00jB\xfd+^\xffJ\x07\x80\x1c\x03\xbe\xfc\xf2\xcb\xabV\xad"\xa2\xc9\xff\xef\xbe\xb1\x0f?\xe0-&lt;e\xd8\x02p`\xa8\x1b\xbaY|&amp;&gt;91\xf5\xad\xe7\x89(?\xbf\xe0\x81\x07\x1e`L\xf5!\xa0\xcaP\xff\xa8\x7fu_\xbf\xdc\xdf\xfc\xfb\xef\xbf\xef\xdd\xbb\xb7\xd7\xeb\xed\xd6\xb9\xc3\xfau\x8b\x84\xd7\xd4I\x04\xf0\xf2\x00\xd34\rW\xd4\x94I/\xbc\xf9\xee\x12:7\x19\x8a\x81\xb0\x82P\xff\x84\xfaW6\x00\xe4\xc6\xe2\x9c\xf3\xf8\xf8\xf8\xdc\xdc\xdc\xd0\xd0\x90m\x1b\x97\xb4\x8ama\x95\x96_\xfb\xd7:^\r!\x84\xc5\x18\x19F\x97\xee#3\x7f\xca5\x0cm\xfb\xf6\x1d\xb1\xb1\xb1B\x88kac/\xa8\x1b\xa8\x7f\xd4\xbf\xa4\xe2k&amp;"y\xfb\xd0Y\xb3f\xe5\xe6\xe6\x12\xd1k/&gt;\xda\xaa}[\xd3]\x1a\xd8\xd5OD\x8c1\xe2\x96n\xb3\xbd\xff\xce\x9f\x1c\x0e\x1b\xe7\xd6\x13O&lt;\x81\x81\xb0jP\xff\xa8\x7f)\xc0?\xef\x0b\x92\x83\xdf}\xfb\xf6\xcd\x981\x83\x88z\xf7L\x9c\xf4\xe4X^R\x14\x90S\x9f\xbf\xa4\xeb\x9a\xe9v\'\xf6\xec\xfa\xccc\xa3\x84\x10+W\xae\xfc\xec\xb3\xcft]\xe7\x9c\xd7\xf7\xa1A]@\xfd\xa3\xfe}T\x8c&gt;9\xe57v\xec\xd8\x8f&gt;\xfa((\xc8\xb1a\xd5\x07I\xdd:Yg\xcb\x02\xbe\xfb\xe3#\x84\xb0t\xbd\xb4\xac\xa2s\xf7\xfb\xf6\x1d8\xd2\xbau\x9b\xec\xecl\xc30py\xa4\nP\xff\xa8\x7f\x1fU&gt;r\x1fY\xfd\xeb\xd6\xad\xfb\xf8\xe3\x8f\x89h\xe4=\xfd\x93zu\xe3\xee\xb3\xeaT?\x111\xc6\x84\xc7\x1b\x16\x13\xf3\xfc\xb3\xe3,K\xe4\xe6\xe6\xce\x9a5\x0bK\xe2T\x80\xfa\'\xd4\x7f\x15\xca\x8d\x00\xe4g\xdc\xbf\x7f\xff\xb5k\xd7FE\x86\x7f\xff\xef\x85\xad\xda\xb4\xa0\x8aJMS+\xf9\x05\x91 \xf2\x12\xeb\xddw\xcc\xe6\xcc\x9d\x91\x91\x91;w\xee\x8c\x89\x89!9O\n\x01\n\xf5/\xa1\xfe%\x85b\x9f\x88\xe4f\xb0\x99\x99\x99\xdf|\xf3\r\x11\xa5\x8c\x1a\xd2\xbaC\x07\xab\xb4L\xb5\xea\'"F$L\xee\x08m0}\xdaD!\xc4\xe9\xd3\xa7\x17-Z\xc4\x18Ss&amp;T\x11\xa8\x7f\x1f\xd4\xbf\xa4V\x00Hs\xe6\xcc\x11B\x04\x05\xd9\xc7\x8d\x19*&lt;g5U\x97\x00k\x86n\x9du\xf7\xee\xd7\xbdm\\\x0b\xc6\xd8\xbcy\xf3\xca\xcb\xcbu]WmP\xa8\x1a\xd4\xbf\x84\xfa\'\xa5\x02@\x08!or\xfd\x8f\x7f|FD\xf7\x0f\x1f\xd4\xaes\x82UV\xae`\xf7GbD\xc2\xcb\x83#"\xa6MyP\x08\xb1c\xc7\x8e\xd5\xabW3\xc6\x14\x99\t\x15U\xd4\xf7\xb1\xd4\x05\xd4\xffy\x14\xaf\x7fI\xa1\x00\x90\x83\xbb\xc5\x8b\x17\xbb\xddgu]\x9f4~\xb8\xb0\xbcD\x8aV\xbf\xa4\xe9\x9a(;;\xec\xb7\x03\xaek\xd6\x881\x96\x96\x96J\x01=\x07jY\x96i\x9a\x9cs\xdf\x8e\xf0\x92\x10\x82sn\x9af\x00\x7f\xf9Q\xff\xbf\xa4Z\xfd\xff\x92B\x01\xa0\xeb\xba\xc7\xe3\xf9p\xc1\x02\xc6X\x97\x9b\xdb\'uK\x10g\xcbt\x95\x16?\xfc\x12c\x8cWzCb\xa2\xef\x1f6@\x08\xb1z\xf5\xea={\xf6\x04\xe4r\x08\xce\xb9\x9c\x017\x0cC\xd7uM\xd3JJJ\x8a\x8a\x8a\x8a\x8b\x8b\x8b\x8b\x8b\x19c\xba\xae\x1b\x86\xa1i\x9a\x0c\x83\xfa&gt;\xde\x9a\x87\xfa\xff%u\xea\xffbT\xf9\xf89\xe7\x8c\xb1\xad[3\xb3\xb7o\x17B\x0c\xfbM_\xcd\x11lqU&gt;\xe6K`\x8c\x91\xe5\x1d6\xb4\x9f\xa6i\xa5\xa5eK\x97.\xa5skE\x02\x83l\xd0u]\xd7u=//o\xc1\x82\x05\xe3\xc7?\xd4\xaf_\xbfv\xed\xda\xc6\xc5\xc5\xc6\xc5\xc6\xc6\xc6\xc6\xf6\xe8\xd1\xfd\xde{\xef}\xf3\xcd7srrd\x18\xc8\xcd\x12\xea\xfb\xd8k\x0c\xea\xffb\x02\xbe\xfe/M\x95e\xa0r\xe3\xc3\xdf\xff\xfe\xb9\x193fF\xba\xc2\xb7\xff\xf0i\x93\xeb\x1b\x89J\xafR\xc3\xbd\x8b\xb1\x84 \x87\xe3\xd6\xbec6|\xffS\x8f\xee\xdd\xd7}\xfb-\x11\x05\xc6\xd6(\xbe}\xbeV\xaf^\xfd\xd1G\x1f-[\xb6\xac\xa8\xa8\xe8\x12\x8fw8\x1c\xb7\xdez\xeb\xa8Q\xa3\xc6\x8c\x19S\xf5\xcf\xfd\x1d\xea\xff\x12\x02\xb8\xfe\x7f\x95\x12\x17\x7f\x13\x91\xae\xeb^\xaf\xe7\xab\xaf\xbe&amp;\xa2N\x1dc\x9b\xb4\xba\xder\x9fU\xe43\xfeU\x16\xb7\x0c\x87\xb3\x7f\xdf.\xeb7n\xdb\x92\x99\xb9w\xef\xde\xd8\xd8X\xb9a@}\x1f\xdaU\x91\xcd\xf7\xb1c\xc7^x\xe1\x85\xf9\xf3\xe7\xfb\xfa:\xcdoh\xda\xa6M\xf3\x0em[\xba"#\x88s\xaf\xd7\xfc1+7//\x7f\xfb\x8e\xbd\x95\x95\x95+W\xae\\\xb9r\xe5\xc2\x85\x0b_}\xf5\xd5\xae]\xbb\x06\xc6\xfdcQ\xff\x97\x10\xa8\xf5_\x1dJ\x04\xc0\xb9\xcdO\xf6\xef\xdf\xbf\x8f\x88\x06\xf5\xefA\x9aaYB\x81\xcf\xb7Z\x18cdy\x06\xf4\xed\xf6\xea\xeb\x1fTTTl\xd8\xb0!\x00\xbe\x00\xb2\xcf\x9b\x9e\x9e\xfe\xd0C\xe3\x8e\x1e=FD\xce \xc7\xefF\xdeq\xff}w$\'\xc4\x855\x89!\xd2\x88t"AD$L\xd3}6s\xfb\x9e\x15\xe9\xeb\xe7\xa6~v&lt;\xffdFF\xc6\xbau\xeb^\x7f\xfd\xf5\xc9\x93\'\xcb\t\x01\xff\xcd\x00\xd4\xff\xa5\x05d\xfdWS\xe0\xbfB:7\xa3\xb7b\xc5\xf2\x8a\x8aJC\xd7\xfb\xdd\x9aL\x16\x06\xbf\xff\xa1i\x8c\xca+\x12\x12\xdb5k\xd6\x90\x88\x96-\xfb\x92\xfc\xb9\xbd#"\xce\xb9a\x18iii\x83\x06\r\x92\xad\xff\xb81wo\xde\xf0\xc9\xfb\x0b^\xeb7\xa8WXx\x03\xab\xd8m\x16\x15\x9bE\xa7\xcc\xa2B\xb3\xa8\xd0*q\x1b\x8cu\xe9\x9a\xf0\xa7\xe9S\xb6\xfe\xf0\xe9K/Lr\x85\x87z&lt;\x9e)S\xa6L\x9c8Q\x9e\x19\xf6\xdf\xc9R\xd4\xff\xa5\x05^\xfdW\x9f\x12\x01 ?\xcb\xf5\x1b6\x10Q\xb3\xa6\r\xe3\xda\xb6\xa4\xf2\ne\x97?\xff\x12c\x8c{ypd\xc4\xcd\x9d\xda\x12\xd1\xd6\xcc\xadeee\xfe{E\x8c\x9c\xf9IKK\x9b8q"\x11E\xb9\xc2\xffw\xd1\xcc\x0f&gt;\x9c\xd5&gt;&gt;\x96\x17\x17\xf3b\xb70\xb9\xa6k\x86\xa1\x1b\x86a\x18\xbaa\xe8\x9a\xae\t"\xebl\xa9YT\xd8(*\xe2\xc5\x97\x9f\xc9X5/\xa9c\x1c\x11\xc9\xe7\xf1\xeb\x95!\xa8\xffK\x0b\xb0\xfa\xbf,J\x04\x80\xa6i\x1e\x8fgWN\x0e\x11%\xdf\xdc&gt;$:\x92{\xb9"\t_MB\x08bz\x9f^7\x13Q\xc1\x89\x82#G\x8e\xfc\xfcC\x7f#[\xff\x8c\x8c\x0c\xd9\xfaGF\x84.\xffr\xce\x88Q\xbf\xf5\x16\x9e\xb2\xca\xcau]\xd7u\xed\x82\x1f=#\xd24\xcd0ta\x9a\xde\xd3\x05I\x9d\xdbg\xac\x9a\x97\x9c\xd8\x8e\x88\xd2\xd2\xd2\xa6O\x9f\xae\xeb\xbai\x9au\xfdzj\x02\xea\xffW\x05L\xfd_\xae\xc0\x0f\x00y\x12\xef\xf8\xf1\xe3\x87\x0f\x1f&amp;\xa2\x9b;\xb5%f\xa8\xf0\xd1^\x16\xc6\x18\t31\xa1\xad\xa6i\xe5\xe5\x15YYY\xe4\x87_\x00\xf9Y\xe7\xe7\xe7?\xf0\xc0h"\x8at\x85\xadX67\xb9Wg\xef\xe9\x136\x9bQ\xcd)]\xc6\x98\xcdn\xe3\xc5g\\\x11\xa1\xe9+\xde\xef\x9c\xd8\x8e\x88\xa6O\x9f\x9e\x91\x91a\x18\x86\xdf]"\x80\xfa\xaf\x8e\xc0\xa8\xff+\x10\xf8\x01 ?\xc5\x03\x07\x0e\xb8\xddg\x89\xa8S\xc78"t\x7f\xce\xa7i\x8c*=q\xad\x9bG\x84\x87\x12\xd1\xae]9\xe4\x87_\x00yc\xbfiS\xa7\xe6\xe7\x17\x18\x86\x9e\xfa\xd6\x1f\x93{u\xf3\x9e.\xb4\xd9m\x97\xfbT\xbaa\xf0\xd2rWt\xc4\xa7\x8bfEGE\x10\x89\xc7\x1e{\xcc\xe3\xf1\xf8\xdd\xdd\xa3P\xff\xd5\x11\x18\xf5\x7f\x05T\t\x80\xec\xec,"\n\x0f\x0bm\xdf\xae\x15UV\xe2\x0bp\x1e\xb9C\xba\xabiL\x9b\xd67\x10Qv\xf6v\xf2\xb7\xf3`\xbe\x9d\xee\x17.ZDD\xa3F\x0c\x1e6z\xb8\xb7\xf0\xe4\x15\xb4\xfe\x92n\xe8\xde"w\xcb\x9b\xe2f\xbd\xfa\xa4\x10\xb4{\xf7n\x7f\xdc5\x1e\xf5_\x1d\x01P\xffW&amp;\xf0\x03@\xca\xcf\xcf\'\xa2\xe0\xe0\xa0\xf0\xf0P\xe2\\\x81O\xf6\xb2\t!\x0c\x87=*2\x9c\x88\n\n\n\x84\x10\xfe\xf8\x05\x98;w.\xe7\xdc\xe1\xb0O{&amp;\xc5\xf2\x94^\xe5V\x07\x86\xdd\xe0\xee\xe2\xfb~7\xa4m\xec\x7f6\x8c\x94\x8b\x82j\xea\x80\xeb\x06\xea\xffW\x05F\xfd_\xae\xc0\x0f\x009\xf3\x9b\x99\xb9\x95\x88\xda\xc6\xb5h\x10\xe3\xb2\xbc\xa6\n\x1f\xed\xe5\xb2,A\xcc\xb89\xa1-\x11\xe5\xe6\xee...\xf6\xa3\x96\xce\xb7\xd5\xe5\xff}\xfd5cl\xf4\xc8\xc1q\x89\x1dDY\xf9U.\xe5fDdrGX\xe8\x1f\x9eN!\xa2}\xfb\xf6\xadY\xb3\xc6\xbf6\x8cD\xfdW\x93_\xd7\xff\x15\x0b\xfc\x00\x90\xe4\x07\xc9\x94\xb9\xc2\xfbJ1\xb9:\xd0\xb2,\xff\xda\x02A\x9e\x9b]\xb5jU\xc9\x993B\x881\xf7\xdf)\x84U#[]j\xba&amp;\xca\xcb\x86\xde\xd5\'\xd2\x15N\x8c\xfd\xf3\x9f\x9f_\xfds\xd6=\xd4\x7f\xf5\xf8k\xfd_\xb1\xc0\xaf\x06\xc6XEE\xc5\xb1\xa3G\x89\xc8\x15\x11F\xc4\x02&lt;\xd3\xaf\x8apE\x84\x11Qii\xe9\xd1\xa3G\xc9\x7f\xce\x83\xc9.\xed\x9a5\xab\x89\xa8E\xf3\xa6\x1d\x13\xdaRy\xcd\xect/g\x87\x1b4\x8c\xee\xdd3\x91\x84\xd8\xf8\xdd\xc6\x8a\x8a\n?jFQ\xff\x97\xc3_\xeb\xff\x8a\xf9M\x1d_\x199\x91WVV\x96w4\x8f\x88\x12;\xc6\x92f\x13V\x80\x7f\xa8W\x861F\xc4\x13\x13\xe2\x88\xa8\xb4\xb4,//\x8f\xfc\xe7\x0b \x17\xe7\xec\xdf\x7f\x80\x88nlu}D\x93hQs\x13\x1d\x96%4\xc3\x91\x18\x1fKD\xf9\x05\xf9n\xb7\xdb_\xd6\x02\xa1\xfe\xab\xcf\xaf\xeb\xff\x8a\x05x\x00H\x8c1\x9b\xcdFD\xa6\xe97S\xb7\xf5\xc5\xf7\x16\xc9w\xcc/\xc8\xd5\x9f%%%{\xf7\xee!\xa2\xf8\x9bn$Q\x93\x97q2\xc6\x88\xcc\xf67\xb5&amp;\xa2\x92\x923999\xe4W;\x06\xa3\xfe\xab\xcf\x1f\xeb\xffj(\x11\x00\xe4\x9b\x03\xc5\xa9\xaf_\xe3{\x8b\xfc\xae\xef#\x84\xf0z\xbdD\x14\x1d\x19NL\xab\xe9\xc3\x17\xd1Q\xe1t\xee\x9eb5\xfb\xd4u\x00\xf5_M\xfe[\xffWF\x95\x00\x00\x15\xc8\xa9y^;\xf79\xf1=\xad\x1f\x9d\x00\x00\xb84UJYN\x07+\x92\xeaW\xc3\xf7\x16\xf9\xddJA\xdf\xad\x1c\xbd^\x93j\xe1\x83\xf6z\x7f\xee\xf8\xfb\xddn\x10\x84\xfa\xaf6\xff\xad\xff+\xa3D\x00\x08!Ln\x12\x91]\x8dy\xbd\xab\xe1{\x8b\xfch\xa2C\x9e\x92\r\x0b\x0bk\xd5\xeaF"\xda\x9a\xbd\x9b\x18\xaf\xc1\xdd.\x85\x10D\xc6\xb6\xac\xddD\x14\x16\x16\xda\xa6M\x1b\xf2\xab\x06\x02\xf5_}\xfeX\xffW#\xf0\x03@\x08a\xb3\xd9\xc2\xc3\xc2\x89h\xef\x81#$\xb0\x11\xca%h{\x0f\x1c!"\x9b\xcd\x16\x1e\x1eN\xfe\xd3\xccY\x96e\x18\xc6\r7\xdc@D\x87\x0e\xe7W\x94\x9ce5w\xbbs\xc6\x88\x04\xcf\xddw\x98\x88"]\x91\xd1\xd1\xd1\xe4?\xef\x0c\xea\xffr\xf8k\xfd_\xb1\x00\x0f\x00\xd97\x0c\r\r\x8d\x8d\x8d#\xa2}\x07\x8e\x920\x03\xfd3\xbdBB\x08"m\xdf\xfe&lt;"r\xb9"bcc\xc9\x7f\xbe\x00r\xe4\xde\xabW/"\xda\xb9k\x7fNv.9\x9d\xbc&amp;\x16\xea\x08!4\x9bQQT\xbcr\xcd&amp;\xc6XbRbpp\xb0\xbc\xc7\xfa\xd5?ymC\xfdW\x9f_\xd7\xff\x15\x0b\xf0\x00\xf0\xf1x&lt;D\x14\x14d\'\xa6\xcaK\xbe2\xce \x07\x11q\xce\xfdk\xa6[\x9e\x98\x1d4h\x90\xddn\xb7,k\xd9\xf2uL\xb7SM,x\xb7,\xc1\x9c\xc1\xdfo\xdcv&lt;\xff\xa4\x10b\xc8\x90\xdf\x90\x1fN\xa6\xa3\xfe\xab\xc9O\xeb\xff\x8a\x05~5\xc8\xf5\xda\t\t\tD\x94\xbb\xf7\xc8\xd9SE\xcc\xc0~\xe8\x17 \xb7D\xdf\x9a\x9dKD\xad[\xb7\t\x0b\x0b\xf3\xa3\xfd\xb0\xe4&amp;\x9dqqq\xbdz\xf5b\x8c\xbd\x9d\xfa\xe9\xa9#y\xcca\xab\x89\x0fZ\x90e\xbd2\xf3\x03\xd3\xe4\rcb\xee\xba\xeb."\xf2\xa3}\x02P\xff\xd5\xe4\xd7\xf5\x7f\xc5\x02?\x00\xa4&amp;M\x1a\x13Qq\xb1\xbb\xcc]V\x83\xb3\xc3\x81\x84idq\xb3\xe0d!\x11\xc5\xc4\xc4\x18\xfe\xd6L\xc8;\x9f\x8c\x1f?^\x08q\xf2T\xd1;\xef.\xd6\x82#L\xefU\x9d\xca\xe3&amp;\xd7#\xc2\xd7\xad\xda\xb0v\xdd\x8fD4\xf4\xee\xbbcbb\xfce\xfe\xa7*\xd4\xff\xaf\xf2\xf7\xfa\xbf2\x81_\n\xf2\xbb\x1a\x1f\xdf\x91\x88J\xce\xb8s\xf7\x1e"\x87\xdd\xc2\xd5\xf0\xffM\x08\xa1\x19\x86\xfbD\xe1\xbe}yD\xd4\xa1C{\xf2\xab\x8b]\x89\xc80\x0c\xcb\xb2\xee\xbd\xf7\xde\xde\xbd{3\xa27\xdf]\x9c\xbd\xf9G\x9b+\x9c_\xe9r\x0e\xcb\xb2\x98\xc3VVt\xe6\xc9\xa9\xb3\x18c\x91\x91\xae\xe9\xd3\xa7\xcb\xab\x8ek\xf6\xc8k\x15\xea\xbf:\x02\xa0\xfe\xaf\x8c?\x95\xf2\x95\x91_\x80\x16-Z\x04\x05\x05Y\x96\xb5-+\x17\xb7\xc4\xfb%!\x04\x059\xf6\xef?r\xf2T!\x11\xc9s\x86\xfe\xc80\x8c\xd9\xb3g\xeb\x86^\\\xec\x1e\x9d\xf2\x87\xa2\x93EzH07/{&gt;\xd7\xb2,\xc14-8x\xd2\xa3\xd3\xb7e\xe5Z\x96\xf5\xf2\xcb\xaf4i\xd2D\x8e3j\xe3\xc8k\t\xea\xbf:\x02\xa6\xfe/\x97B\x01\xd0\xb4I\x13"\xda\x9a\xb5\x9bH\xf8\xd5W\xb8.X\x96 \xcd\xc8\xde\xb1\xd7k\x9a6\x9b\xadS\xa7N\xe4\x87\x97\xbcj\x9a\xc69OJJ\x9a9s\x16\x11e\xed\xd8;p\xf0\xf8\xa2"\xb7\x1e\x1e\xea\xf5z\xab\xdf\xe6q\xd3\xd4l6=4d\xe2\x83S?\\\xfc5\x11\r\x1f&gt;\xfc\xd1G\x1f5M\xd3\x8ff\xff%\xd4\x7fu\x04F\xfd_\x81\xc0\x7f\x85\xf2\xf6\x1dN\xa736.\x8e\x88\xbe\xdf\x9c\xedq\xbb5\x7f\xfb\x1a\xd76\xd9"|\xb3~\x0b\x11EEE\xb6j\xd5\x8a\xfcs\r\x9c\xae\xeb\x9c\xf3\xc9\x93\'O\x980\x81\x886o\xcd\x19x\xc7\x84=\xbb\x0e\xd8"c\x18\x117\xf9%:\xbfB\x10\xe7\xdc\xe2\x96\xeer\xb9+\xbd\x0f\x8d\xf9}\xda\x87K\x89(99955\xd5O\xf7\x88G\xfdWG\xc0\xd4\xff\xe5\n\xfc\x00\xa0ssy\xc9\xc9\xc9D\xb4\xff\xc0\xd1\x83{\x0e1\xa7\x03\xd3\xa0Ui\xba\xeeu\xbb7\xfd\xb8\x83\x88\xda\xb5\xbb)44\xd4\xef\xe6:|\xe4\x8a\xa0\xd4\xd4\xd4\x9f3 sg\xcf\xde\xa3\xe6\xa7~\xe2\xb1Hw\xb9\x98a\xc8\r\xdd8\xe7\x9c[\xf2?\xf2\xff1\x8d\xe9\x11aZh\xf0\xaa\x15\xeb\xfa\xde6v\xde\xa2/\x89(999==\xdd\xe5r\x91\xdf\xb6\x08\xa8\xff_\x15H\xf5\x7fY\x94\x08\x00\xf9A\x0e\x1e&lt;\xd80\x8c\x8a\xca\xca\r\x9b~"\xc3\xae\xc2\x19\x9ej\xb2,\xc1\x9c\x8e}\xbb\x0f\xee?x\x94\x88\xee\xb8c\xb0\xdf\xdd\xfa\xbc*\xc6\x98\xec\xf6\xa6\xa6\xa6\xbe\xf8\xe2KDt\xf2t\xf1\xb8\x87\xff\xd4\xb9\xe7\xfd\xf3S\x17\x9f.:\xa3\x85\x86\x18\xaeh="\\\x8f\x08\x95\xff1\\\x91zDx\x99\xc7\xbbj\xf9\xbaA\x83\'\x0e\x18&lt;a\xcb\xb6\x1c"\x1a1b\x84l\xfd-\xcb\xf2\xdf\t\x01\xd4\xff\xa5\x05X\xfd_\x16\xa3\xbe\x0f\xa0.\xc8\xafnBBB\xd3&amp;M\x0e\x1f9\xb2l\xf9\xb7)\x8f\xdc\xaf@\xbaW\x97eY\xccp\xa4\xaf\xdeXQQ\xa9\xeb\xdam\xb7\xf5#\xbf\xed\xedJ\xf2\xe0-\xcbz\xe9\xa5\x17\xbbw\xef\xf6\xcc3\xcfl\xdf\xbe={\xc7\x9eq\x0f\xbf\xd80&amp;\xb2G\xb7\x84N\x9d\xda\xc5\xc7\xb5tE\x85\x13\xb7\xbc^ss\xd6\xee\xfd\xfb\x8f\xac]\xf7\xe3\x81\x03y\xf2\x19\x1a7n\xf4\x87?\xfc\xf1\xf1\xc7\x1f\x97\xcf\xe3\xbf\xad?\xa1\xfe\x7fM\xe0\xd5\x7f\xf5)\x11\x00\x8c1\xceypp\xf0m\xfd\xfa-X\xb0\xe0\xc7\xad9gO\x156\x08q\n\xd3\xff\x16t\xd7\x06\x8d\x11\x13|\xed\xb7[\x18cqqq\xed\xdb\xb7\x97\xf7X\xaf\xef\xe3\xba*r\x1c`\x9a\xe6\xc0\x81\x03\xfb\xf6\xed;c\xc6\x8c\xc5\x8b?\xd9\xb93\xe7\xc4\xc9\xc2\xa5\xcb\xd6.]\xb6\xf6b\x7f\xd8\xa4I\x93\xbb\xee\xba\xeb\xc5\x17_l\xd6\xac\x99\x9c\x07\xf0\xeb\xd6\x9fP\xff\xbf&amp; \xeb\xbf\x9a\xfc\xbb\xb2/\xd7\xbd\xf7\x0e\'\xa2#y\xf9_|\xb1\x86\x9c!\x1c\xd3\xa0\xf2~\x87!\xce=?\xed\xcaX\xbbI\x08q\xe7\x9dw9\x1c\x8e\x80\xb9\x0e\xde0\x0c\xce\xb9\xddn\x7f\xfe\xf9\xe733\xb7.]\xbat\xdc\xb8q\xf1\xf1\x1d\xa2\xa3\xa3\xaa&gt;,,,\xacU\xab\x96\xc3\x86\r\x9b?\x7f\xfe\xb6m\xdbRSS\x9b5k\xc69\xd74-\x90\x9aH\xd4\xff/\x05v\xfd\xff*%F\x00tn\x14|\xcb-\xbd\xaf\xbb\xae\xd9\xd1\xa3G\x97|\xber\xd4C\xc35\xc2\x17\x80,\xcb\xd2l\xce/\xbe\xfe\xa6\xb4\xac\\\xd7\xf5a\xc3\x86Q`\x8d\x7fu]\x17BX\x96\xe5p8\x86\x0e\x1d:t\xe8P\xceyQQ\xd1\xce\x9d;9\xe7\x8c\x91\x10\xd4\xbau\xeb\xe8\xe8h\xa7\xd3)\xffD6\xfd\x81\xd4\x07D\xfd_L\xc0\xd7\xff\xa5\xf9\xc7\xbd\xadk\x84i\x9a\x86a&lt;\xfb\xcc3\xb3\xdex#$\xc4\x99\xb5qI\xcb\xb6-EYe\rn\x1c\xef\x8f\x04\t\xae\xe97w\x1b\x99\xbdco\xd7\xae]6l\xf8\x8e\x02t\x05\xb4\x8c\x01\xba\xf8N&gt;\x9cs9\xf6\x0f\xc8\xef?\xea\xff\x82\xd4\xa9\xff\x0bR\xe5u\xd2\xb9\x0f\xf5\xc1\x94\x14\xbb\xcdVZZ\xfe\xd1\xe2\xaf\x99-X\xa8q\xae\xffb8\xb7X\x83\x06\xdf\xae\xdd\x94\xbdc\xaf\x10b\xdc\xb8\x87\x02x\xfd\x03cL\xd7u9 \x90\xb7\x0f\xf3\xb1,K6\xfd\x86a\x04d\xebO\xa8\xff\x0bQ\xaa\xfe/H\xad\x00\xb0,\xab}\xfb\xf6\xbdo\xbd\x9516\xe7\xfd\xcfN\x1c:\xa4\x05\xd9\xd5\x19\x03\xfd\x12c\xc4=\xe6\xab\xb3\xe6\t!\x1a7jt\xcf=\xf7\xa8p\xfaK\x9e\x1f\xd6\xab\x08\xb0\xb9\xfe\x0bB\xfd\xff\x92\x9a\xf5_\x95B\x01@\xe7\xb6q\x9f2e\x8a\x10\xe2\xe4\xc9\xa2E\x1f/c\xce\xb0+\xd8(&amp;0pnia\r~\xda\xb4Mnu9j\xf4\xe8\xe8\xe8h\x7f\xdc\xea\x12\xaa\t\xf5_\x15\xea\x9fT\x0b\x00M\xd3\x84\x10}\xfb\xf6m\xdb\xb6\xad\xa6i\xa9\x0b\x96\x96\x9c\xc8\xd7\x1c\xaav\x82\x18\x91E3\xdeZHDA\x0e\xc7C\x0f=\xe4w[]\xc2eA\xfd\xff\x17\xd4\xbfj\x01\xe0\xdb\x17e\xda\xb4i\x96e\xed\xdes\xf0\xcd\xd9\x0b\xb4\x900uV}\xf9pn\xe9a\xa1\xdf\xacX\xf7\xbf\x9f\xaf\x14B\xdcw\xff\xfd\xed\xda\xb5\xf3\xf7+\x9e\xe0\xd2P\xff&gt;\xa8\x7fI\xa1U@&gt;\xb2\xdc\xfb\xf5\xeb\xb7n\xdd\xba\xe8\xa8\x88\xac\x1f&gt;m\xd88\x86\xbc^M\xa5\xa1\x1f\xb7,\xe6t\xf6\xeb\xff\xe0\xbf\xd7gFEFfo\xdf\xde\xa8Q#\x05{@\nB\xfd\x13\xea\xff\x1c\xb5^\xad\x8f\xae\xeb/\xbf\xfc\xb2\xa6i\'O\x15M{\xfeo\x9a3\xc4R\xa9\x13d\x9a\xa6\x1e\xeeZ8\xef\x1f\xdf|\xbbE\x081\xe5\xa9\xa7\x1a7n\xac`\xf7GY\xa8\x7f\xd4\xbf\xa4\xe2\x08\x80\x888\xe7\xba\xae\xa7\xa4\xa4,X\xb0@\xd7\xf5\xf4\xa5\x7f\xefwW_^tF7\x02\x7f\x01\x80e\t\xb2\xdbN\x9d(\xec\xd4mD\xc1\x89\xc2\xd8\xd86?\xfd\x94%\x97?*u\xfaKe\xa8\x7f\xd4\xbf\xa4h\x00\xc8\xa5\xbe\'N\x9ch\xd7\xae]qqq\xebV\xd7m\xfb\xf1\xf3 \xbbMS`\r\x80ir\xc3\xe5\x1a\xf9\xdbI\x9f\xfe+\x83\x88\xd2\xd3\xd3\x07\x0c\x18 [\x84\xfa&gt;4\xa8#\xa8\x7f\xd4\xbf\xa4\xdc\x90G\x92\xcb!\x1a7n\xfc\xc6\x1bo\x10\xd1\xde\xfdyO&lt;\xf1\xaa\x1e\xd2\x80\xf3\x00\xbf\x06\xc4\xf4\x9a\x86+r\xfe\x9c\x85\xb2\xfa\xc7\x8dKQ\xb9\xfa\x95\x85\xfaG\xfdK\x8a\x8e\x00$yq\xfc\xc8\x91#?\xfd\xf4S"\x9a\xf7\xce\x9fR&amp;\x8d1\x0bO\x19\xb6\xc0\xdc"\x89\x9b\\\x0f\x0f\xcd\xde\xb2\xa3{\xdf1ee\xe5-[\xb6\xca\xca\xcar:\x9dj\x0e~\x01\xf5\x8f\xfaW:\x00\xe4\xe60%%%\xc9\xc9\xc9\x07\x0e\x1c\x08\x0e\x0e\xfa&amp;\xfd\xfd\xce\xdd\x13y\x89;\xf0&amp;C-\xcb"\x9b\xad\xe4lY\x9f\xdb\xc6f\xed\xd8g\x18\xfa\xfa\xf5\xeb\xbbv\xed\xaa\xe6\xb9/ \xd4?\xea_\xd9) I&amp;\x7fdd\xe4\'\x9f|\xc2\x18+--\x1f9\xea\xd9\xa2\x93\x85\xba3\xc8\n\xac\xb1\xb0\x10\xc2"\xa6\x05;\'Nx&gt;k\xc7^"1s\xe6\xcc\xae]\xbb\x9a\xa6\xa9r\xf5+\x0e\xf5\x8f\xfaW\xfa\xc5\x13\x91\xa6i\xa6iv\xed\xda\xf5\xddw\xdf%\xa2\xfd\x87\x8e\r\xbccbYE%\xd9m\x81\xb4\'\x14\xb7,#&lt;\xfc\x91q\xd3\xfe\xf1\xe5Z"\x1a;v\xec\xe4\xc9\x93\xe5\x0c@}\x1f\x1a\xd4\'\xd4\x7f}\x1fZ=S=\x00\x88\xc80\x0c\xd34\'N\x9c\xf8\xf0\xc3\x0f\x13\xd1\xe6\xcc\x9d\x8fN\x9a\xae\x05;\x05\xd3D@\xdc1\xc3k\x9aFD\xf4{\x7f\x9b\xff\xde\xfc\x7f\x11Qrr\xf2\x9c9s,\xcbR\xf6\xc4\x17T\x85\xfaW\x19\x02\x80\x88H\xd7u\xd34\xe7\xce\x9d;a\xc2\x04"Z\xb0\xf8\xeb\x89\x0fN\xd5CCH\xf7\xf3\xbda\x85\xe0\x9c\xdb\\1io\xcf\x7fd\xf2_\x88(999===88\x98T\xba\xeb\x05\\\x1a\xea_Y\x08\x00\xa2s;\xc5s\xceSSS\xe5w \xed\xc3\xa5\x13S\xa6q\xc3\xd0l6?\xdd.\xd1\xb2,.H\x8f\x88x\xef\xady\x13\x1f\x7f\x95\x88\xbatINOOw\xb9\\\x8a\x9f\xf8\x82\xf3\xa0\xfe\x95\xa5\xf4*\xa0\xf3\xc8E\x11\xba\xaeO\x9c81--\x8d\x88zv\xed\xb8\xec\x8b9\xae\x86\x91f\xd1\x19\xffZ\x1b\xc7M\xae\x07\xd9\xc9\xe9|d\xfc\x1f\xdf\xfb\xe0s"\xea\xd2\xa5\xcb\x8a\x15+P\xfdp1\xa8\x7f\x05\xe1\x8d\xf8\x0f\xc6\x98\xa6iU\xfbA\x1b6e\xf5\x1b\xf0\xd0\xd6\x1fw\x18\x91\xd1\xa6\xd7\xf4\x97\xb04\xbd\xa6\x1e\x11Vt\xa6l\xe4o\x1fC\xf5C5\xa1\xfe\x15\x84\x11\xc0\xf9~\xd9\x0f\x8ar\x85\xcd\xf9\xfb\x0b#F\xdd-\xdc%\xd6\xb5}\xd1\xa0\xb0\x84%,="r\xeb\xe6m\xe3\xc7?\x9f\x99\xb5\x9bP\xfdp9P\xffJ\xc1\xdbq&gt;\xd9\x0f\xb2,+55u\xf6\xec\xd9Dt\xba\xe8\xcc\xc8\xd1\xcfNy\xfc%\xae\xebzh\x03\xd3\xbcF\xbbB\xa6\xd7d\x0e\x9b\x1e\xe1z\x7f\xee\xc7\xb7\xf5O\x91\xd5?n\xdc\xb8\x8c\x8c\x0cT?T\x13\xea_)\x18\x01\\\x98\xbco\xb8\xa6i\xe9\xe9\xe9\x0f=4\xee\xe8\xd1cD\xd4-9\xfe\xcd\xbfN\xed\xda\xab+\x95\x9e1=\x9ekg\x11\xb1\xbc\x8f\x9d\x16\xee:v\xf0\xf0\xd3\xcf\xcd\\\xf2\xd9\n"r8\x1c\xaf\xbd\xf6\xda\xe4\xc9\x93\x89\x08\xd5\x0f\x97\x05\xf5\xaf\x08\x04\xc0\xa5\xc8KE\x8e\x1f?\x9e\x92\x92\x92\x9e\x9eNDA\x0e\xfb\xb3S\x1e|\xfa\xa9\xb1\xe11\r\xc9]\xc2M\xae\x19z=\xae&amp;\xe3\xdcbDZD(Uz\xe7\x7f\xf8\xaf?M\x7f\'\xef\xd8\t"\x8a\x8b\x8b\xfb\xe0\x83\x0fz\xf6\xeciY\x96\xca[\x9d\xc0\xd5@\xfd\x07&lt;\x04\xc0\xaf\xf0\xed\x14\xf8\xe6\x9boN\x9b6\xad\xa2\xa2\x82\x88\xda\xc5\xb5|\xf6\xe9\x94\xd1#\xef\xb4\x855 \xb7\x9b\x9b\\\xd3\xb5\xba,2Ad\xc9^OX\x03\x12\xb4*\xfd\xdb\x993\xe7\xafZ\xfb\xbd\xfc\xed\xf8\xf1\xe3g\xcd\x9a\x15\x1e\x1e\x8ek\x1d\xe1*\xa1\xfe\x03\x1b\x02\xe0\xd7\xf9:\x11\xdb\xb7o\x7f\xee\xb9\xe7\x96/_.\x7f\xde\xbdK\xc7\xa9\xbf\x9f0\xf0\xb6.\x8e\x08\x17\x95\x9e5=^\xc6\x98\xae\xd7\xeeH\xd3\xb2,\xcb\x12\x86\xa1Sh\x08y\xbc\x1b\xbf\xcf\xfa\xfb;\x1f/\xfe\xf4\xe7C\x8a\x8f\x8f\x7f\xfd\xf5\xd7\x07\x0f\x1eLU\xbe\xba\x00W\x03\xf5\x1f\xc0\x10\x00\xd5\xe5\xab\xa7%K\x96\xfc\xf9\xcf\x7f\xce\xce\xce\x96?\xef\xd8\xa1\xcd\xe4\xc7G\x0f\xbb\xfb\xf6\xb0\x86\xd1dy\xc5\xd92\xce9\xd34\xad\xe6\x06\x9e\x82HX\x96e\t\x8d1-$\x88lN^\xea^\xb3n\xf3\x1b\x7f\xfd0=\xe3;\xf9\x98&amp;\x8d\x1bOz\xf4\xd1\xe7\x9e{\xcen\xb7c\xd8\x0b5\x0e\xf5\x1f\x90\x10\x00\x97A^\x16\xafi\x9a\xc7\xe3\x991c\xc6\x9c9\xef\x1c?\x9e/\x7f\xd5\xfc\x86\xa6#\x86\xdd~\xf7on\xeb\xd1#\x91\xecN\xb2&lt;T^\xc9\xbd\xa6\x10\x821&amp;\xbf\r\x97\xf5o\t!,!\x84%\x18#\xdd\xd0\xc9\xe1 \x9b\x83\x88\xef\xfai\xd7W\xcb\xbf\xfd\xe4\x7f\x97o\xdd\x96#\x1f\xe9t:\xef\xbf\xff\xfe\x97_~\xb9Y\xb3f\x84\x8e\x0f\xd4\x1a\xd4\x7f\xe0A\x00\\6_\x85\x15\x14\x14,\\\xb8p\xe1\xc2\x85YYY\xbe\xdf\xf6\xea\x99\xd4\xbfo\xd7\x01}\xbb$$\xb4\r\x8e\x8a \xd2I\x98T\xe9\x11\x1e\xaf\xb0\x84%\x04\x91\x90\x1b\xf1\x9e\xf7\xb4\xe7&gt;\x08\xc1\x98\xc6\x18i6\x1b9\xec\xa4\x1bD\xc4\xdd\xee\xdc=\x87V\xae\xdd\xf4\xefu[\xd23\xbe+++\x97\x7f\xd2\xb4I\x93\xdf\x8d\x1a5v\xec\xd8\x0e\x1d:\x90\xbc\xd5\xb5\xae\xa3\xe3\x03\xb5\n\xf5\x1fH\x10\x00W\xc2w\xb1\x0c\x11y&lt;\x9e\x15+V\xcc\x9f?\x7f\xe5\xca\x95eee\xbe\xc7\xb4ly]R\xa7\xb6\xb7\xf4HLL\x88\xbb\xa9M\x8b\xe8\xc6\xd1\x14\xe4 \x92\xa7\xa4\x04\xd1/\xf7W\xd1\xce]\x96a\x92i\x16\x9f(\xcc\xdd\x97\xb7#g\xdf\xfa\xef\xb6n\xde\xb2#w\xcf\xa1\xca\xcaJ\xdfC{\xf5\xea9v\xec\x83C\x86\x0ci\xd4\xa8\x11\x11q\xce\xe5\x98\xbbV_5\x80\x84\xfa\x0f\x18\x08\x80+\'\x84\xe0\x9c\xfb\x96\x19\xec\xda\xb5\xeb\xab\xaf\xbe\xfa\xe2\x8b/6o\xde\\\xb5X\x89(*2\xa2M\xeb\x1b"\\a\xc9\x9d\xda\x1a\x86\x11\x1e\x1a\xd21!Np\xce\x88\xc9\xe7a\x86q\xe8`\xde\xa1#\xf9\xcc\xd0\xb3\xb3rO\x17\x96\xec\xdas\xf0\xf8\xf1\x93\xe7\xfd\x8b\xf1\xf1\x1d\x06\r\x1at\xf7\xdd\xf7\xf4\xe8\xd1C\xfeD\xde\xd1\x02k\x9c\xa1\xee\xa1\xfe\x03\x00\x02\xe0j\xc9\xde\x90\xbc~R\xfe$\'\'g\xd3\xa6M_}\xf5Uff\xe6\xb1cG++=W\xf3\xfc\x8d\x1b7\x8a\x8f\x8f\x1f8pP\xef\xde\xbd\x93\x92\x92d\xb7K\xfe\xa3\xe8\xf5@\xbdC\xfd\xfb5\x04@\x8d\xb1,K\x8e\x8b}EYVVv\xe8\xd0\xa1]\xbbveggggg\x9f&gt;}:\'g\'\xe7\xfcL\xc9\x99J\xcf\x05\xbe\x1511\xd1Dt\xe3\x8d\xad].W\xe7\xce7\xb7juc\xfb\xf6\xed\xdb\xb4i\x13\x11\x11\xe1{\x8ci\x9ar\xf3\xde:yM\x00\xd5\x85\xfa\xf7G\x08\x80\x9a\'\xbf\t\x17,\xd3\x92\x92\x12\xcb\xb2\xf2\xf3\xf3\xf3\xf3\xf3\x19\xa3\xaa\xef}\x83\x06\r\xda\xb4i#\x84p\xb9\\\x17{Bty\xe0\xda\x87\xfa\xf7#\x08\x80Z$\xaa\x90\x0b\x93\xab3Y)\x87\xb7\xf2sA\xd1\x83\xffB\xfd_\xfb\x10\x00uJ\xbe\xdb\xf2+\xf1\xcb\xdf\xca\xaf\x07\xca\x1d\x02\x15\xea\xffZ\x83\x00\x00\x00P\x14\x96O\x01\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xca\xa8\xef\x03\x00\xa8;\xa2\x8a\xf3~\xc5\xaa\xa8\x97c\x03\xa8{\xec\x97\xdf\x04\x80\x00#\x84\xb0,\x8b\x88t]\xff\xd5\x07s\xce\x85\x10\x9a\xa6i\x1a\xc6\xc7\x10\xe0\x10\x00\x10\xc8,\xcb\x12B\xf8\xda}\xce\xf9\xd1\xa3G\xf7\xed\xdbw\xe8\xd0\xa1\xc3\x87\x0f1\xc6\x84 "\x11\x11\xe1\x8a\x8f\x8fo\xdc\xb8q\x8b\x16-\x9cNg\xd5\xbf\xd54\rc\x02\x08T\x08\x00\x08L\x96e\xf9\xe6s\n\n\n6l\xd8\xf0\xf5\xd7_o\xde\xfc\xc3\xa1C\x87\xcf\x9c9s\xc1?q8\xec\xcd\x9a5KJJ\xba\xf3\xce\xbb\xbau\xeb\xd6\xb6m[\xf9s\xceyu\x86\x0e\x00~\x07\x01\x00\x81FN\xf8\xc8&amp;;++\xeb\x9dw\xde\xfe\xea\xab\xaf\x8f\x1d;v\xde\xc3bb\xa2HX\x82\x881\xad\xa4\xc4\xed\xf1x\xaa\xfe6$$\xf8\xf6\xdbo\x9f4\xe9\xd1\xdbn\xbbM\xd7u9\x83\x84I!\x080\x08\x00\x08(\x96e\xc9fz\xfb\xf6\xed\xbf\xff\xfd\xef322|-{\xf3\x1b\x9av\xee\xdc&gt;)!\xaesB[\x97+\xac\xf5\x8d7\x90e\x11\x11\xe9F\xfe\xb1\x82\xe3\'\x0b\xb3w\xee\xcf\xca\xce\xdd\xbceG\xf6\xf6\\\xdf\x13&amp;$$\xfc\xe5/\x7f\x19&lt;x0a(\x00\x01\x07\x01\x00\x81\xc34M\xc30\xdcn\xf7\x1f\xff\xf8\xc7\xf7\xdfO+/\xaf \xa2`g\xd0\xbd\xc3\x06\xfc\xf6\xee\xfe}z%\x855\x8a&amp;\xd2\x89L\xb2,\xaa\xf4\x10\xc9\xc9}A6\x83\x0c\x83H\'\x12\xdc\xed\xde\xb4e\xc7\xd2ek?^\xfc\xf5\xb1\xe3\'\xe53\x0f\x1e&lt;\xf8\xcd7\xdf\x8c\x8d\x8d\x95\xffD\xfd\xbdD\x80\x9a\x84\x00\x80\x00!\x9b\xe6\xcc\xcc\xcc\t\x13&amp;dff\x12\x913\xc8q\xff\xc8\xc1S\x1e\x7f\xa0\xc3\xcd\x1d\x88\x04\x95\x95q\x8fW\x08b\x8c\x11#\xad\xca\xa9]\xb9.T\x08\xc1\x18\xe9\xbaN!N\xd2\x1c\x05G\x8e\xccM\xfb\xf4\xbd\xb4\xcf\x8e\xe7\x9f"\xa2\xe8\xe8\xe8w\xdeyg\xc4\x88\x11U\xcf.\x00\xf85\x04@\xbd\xa9\xfa\xce\xa35\xb9J\xb2\xf5\x9f7o\xde\x94)S\xe49\xdeA\xfd{\xcc\x9a\xf1L\xfb\xc4\xf6\xe4\xf5\xf0\xb3e\xc4\xa8\x9a\xeby\x04\x91\xb0,\xcb\xb2\x8c\xa0 r\x06\x9f\xc8;\xfe\xea\x9f\xe7\xbe3w\x89%\x04\x11M\x9e&lt;y\xf6\xec\xd9\xc8\x80\xab\x87\xfa\xbf\x16 \x00\xea\x94eY\xbe\xb6\xa3\xea\x19Ey\xde\x12\xcb\xcf\xaf\x8cl\xfd\xd3\xd2\xd2&amp;N\x9cHD\x0e\xbb\xed\xb5W\x9e\x9c\xfcT\n\x91\xe0\xeeR\xa6\xb1+{K\x85\x10\x9cs\x19\x03\xe9\xcb2\x1e\x9a\xf8\xa7\xa3\xf9\xa7\x88h\xc2\x84\t\xa9\xa9\xa9\x9cs\xac\x10\xbd\\\xa8\xffk\r\x02\xa0\x8ep\xce\xe9\xbf/D*))\x91_\x06"\x8a\x88\x88\xf0\xfd\xbc\xea"\x16\xf8U\xe7\xb5\xfe\x91\x11\xa1_\xfe\xf3\xed\x9e}{X%\xc5$\x84\xa6_mk"\x84\xe0\xdc2\\\xe1\xc7\x0f\x1f\x1bz\xf7c\x9b\xb7\xee\xa4s\x19`\x9a\xa6\xae\xeb\xc8\x80\xea@\xfd_\x9b\x10\x00\xb5\xaejA\xe7\xe5\xe5edd\xac_\xff\xed\x81\x03\x07srv\x9a\xa6\xc9\x88\t\xa2\xd6\xadol\xd6\xec\xba\x9e={\x0e\x1c8\xb0]\xbbvtn\xd3\x02\xf4\x86.M.\xcb\xf9\xf0\xc3\x0f\x1f|\xf0A"\xba)\xae\xe5\xa2\x853\x13\x93\xe3\xcd\xc2"\xc3V\x93\xa7jM\xafi\x846(**\x197\xee\x0fK\xbf\xfe7\x11=\xfc\xf0\xc3s\xe7\xce\xc59\xe1_\x85\xfa\xbf\x96!\x00j\x97o\xe1\xe0\xea\xd5\xab?\xfa\xe8\xa3e\xcb\x96\x15\x15\x15]\xe2\xf1\x0e\x87\xe3\xd6[o\x1d5j\xd4\x981c\x08\xeb\x0e/I\xae\xf8\xcc\xce\xce\xee\xde\xbd[iiY\x94+l\xed\xcay\xf1\x9d;\x9a\x85\xa7\r\x9b\xad\xc6\xff9nr=\xc4YQ\xe1\xe9\xdd\xe7\x81\xcd[s\x88h\xde\xbcy)))\xf8\x8c.\x01\xf5\x7f\x8dC\x00\xd4"Y\xbe\xc7\x8e\x1d{\xe1\x85\x17\xe6\xcf\x9f\xef{\xab\x9b\xdf\xd0\xb4M\x9b\xe6\x1d\xda\xb6tEF\x10\xe7^\xaf\xf9cVn^^\xfe\xf6\x1d{\x89~~L\xff\xfe\xfd_}\xf5\xd5\xae]\xbb\xe2|\xe3\x05\xc9~eYYY\xaf^=\xb3\xb2\xb2\rC\xff6\xfd\x83n\xb7u7\x0b\x0b\r\xbb\x8dj\xa7\xa8-\xce\xb5 GQ\xc9\xd9\xce\xddF\x1e8t,88\xf8\xbb\xef\xbe\xeb\xd8\xb1\xa3\xef\xe2\x03\xa8\n\xf5\x7f\xedC\x00\xd4\x1699\x90\x9e\x9e\xfe\xd0C\xe3\x8e\x1e=FD\xce \xc7\xefF\xdeq\xff}w$\'\xc4\x855\x89!\xd2\xe4\xc2s""a\x9a\xee\xb3\x99\xdb\xf7\xacH_?7\xf5\xb3\xe3\xf9\'\x89\xc8n\xb7\xbf\xfe\xfa\xeb\x93\'O\xc6w\xe0\x97d\xe3\xf2\xd8c\x8f\xbd\xf3\xce;D4\xfb/OM\x9e:\xc9[x\xcaV\xa33?\x17\xf8wM\xaeG\x84m\xfafS\xef\x81\xe3=^311\xf1\xfb\xef\xbf7\x0c\x03\x1f\xd0yP\xff~\x01\x01P+d\xf3\xe4;3ID\xe3\xc6\xdc\xfd\xd4\x93\x0f\xb4O\xea@dQY\xb9\xe51-!\x88\x84\xbc\x16IcL\xd35\nv\x92n/8\x9277\xed\xb3\xbf\xbd\xb5\xb0\xa8\xc4M\xe7\xce7\xe2;P\x95\xecq\xef\xde\xbd;&gt;&gt;\xde4\xcd~}\x92W\xadZ`\x9e=k\xd4I7\xdc\xf4\x9aFd\xcc\xf4i\xaf\xbd\xf4Z\x1a\x11-X\xb0`\xec\xd8\xb1\x98\xac\xa8\n\xf5\xef/\x10\x005\xef\xbc\xea\x8fr\x85\xcf\xf9\xfb\xf3#F\xddC\xder^ZF\xc44\xed\x02\xa5|n\xf9\xb90\x1cv\n\x0e\xcf\xdc\xbce\xc2\xf8\xe73\xb3vS\x95u\x87hb$\xd9\x1c\x0c\x1e&lt;8===(\xc8\xfe\xd3wKb\xe3c\xad\xb3eW\xbf\xe6\xa7:\x84\x10\x16c\x16\xd3:\xde\xfc\xdb\xdc\xbd\x87\x1b5j\x94\x95\x95\x15\x15\x15EX\xcfND\xa8\x7f\xbf\x82\x89\xcb\x1a&amp;\xcb4##\xc3\xb7*q\xf9\x97sF\x8c\xfa\xad\xb7\xf0\x94UV\xae\xeb\xba\xae_x\xf18#\xd24\xcd0ta\x9a\xde\xd3\x05I\x9d\xdbg\xac\x9a\x97\x9c\xd8\x8e\x88\xd2\xd2\xd2\xa6O\x9f\xae\xeb\xbai\x9au\xfdz\xae=\xb2\xf5\xcf\xc9\xc9Y\xbdz5\x11\x8d\xfc\xed\x80\xd8\xc4\x0e\xdc]Z7\xad?\x111\xc6\x84\xc9m\r\x1aL\x9b\xf2\xa0eY\xc7\x8f\x1f_\xbat)cL\xaetT\x1c\xea\xdf\xbf`\x04P\x93\xe4\x9e\x91\'N\x9cHL\xec\x94\x9f_\x10\xe9\n[\xf1\xe5\xbb\xc9\xbd:{O\x17\xda\xec\x97\xb7.\x85\x9b\xa6\x1e\x12\\T\xec\x1e0h\xfc\x8f[s\x18c+W\xae\xec\xdf\xbf?\xfaA\xf2\x1d\x988qbZZ\x9a\xd3\x19\xb4u\xc3\xc7\xb1\x1dbEYy]\x9e\x86\x15D\x82\x91\xd7\xa2\xa4\xae\xf7\xe6\xec&gt;\xd8\xbe\xfdM[\xb7n\xc35\x01\xa8\x7f\xbf\x83\x11@M\x92+\x97\xa7M\x9d\x9a\x9f_`\x18z\xea[\x7fL\xee\xd5\xed\n\xaa\x9f\x88t\xc3\xe0\xa5\xe5\xae\xe8\x88O\x17\xcd\x8a\x8e\x8a \x12\x8f=\xf6\x98\xc7\xe3aL\xe9\xcc\x96ww)((\xf8\xe2\x8b/\x18\xa3\xe1Co\x8bK\x8c\xb7\xce\x96\xd5\xf1"\x1cFdy\xb9#,\xec\xe9\xc7F\x0b!v\xee\xcc\xf9\xf7\xbf\xff\x8dA\x00\xea\xdf\xef \x00j\x8c\xec\x9b\xac[\xb7n\xe1\xa2ED4j\xc4\xe0a\xa3\x87{\x0bO^A\xf5K\xba\xa1{\x8b\xdc-o\x8a\x9b\xf5\xea\x93B\xd0\xee\xdd\xbbg\xcd\x9a\xa5i\x9a\xecg\xa9I\xb6\xb0\x1b7n&lt;q\xe2\x84\x10t\xdf\xb0\x81BXT\x1f\xfdn]\xd7DE\xd9\x9d\x83n\x89\x08\x0f\xb5,k\xd9\xb2/\</t>
        </is>
      </c>
    </row>
    <row r="105">
      <c r="A105" s="1" t="n">
        <v>103</v>
      </c>
      <c r="B105" t="inlineStr">
        <is>
          <t>rectangle_height_number</t>
        </is>
      </c>
      <c r="C105" t="inlineStr">
        <is>
          <t>What is the missing number of the part denoted with a question mark?</t>
        </is>
      </c>
      <c r="D105" t="inlineStr">
        <is>
          <t>[2, 3, 1, 4]</t>
        </is>
      </c>
      <c r="E105" t="inlineStr">
        <is>
          <t>1</t>
        </is>
      </c>
      <c r="F105" t="inlineStr">
        <is>
          <t>There are 7 rectangles in the image with varying lengths and numbers inside them. The numbers from left to right are [2, 3, 2, 1, 3, 1, '?']. The lengths from left to right are ['medium', 'long', 'medium', 'short', 'long', 'short', 'short'].</t>
        </is>
      </c>
      <c r="G105" t="inlineStr">
        <is>
          <t>We observe that the short rectangles are denoted as 1, the medium rectangles are denoted as 2, and the long rectangles are denoted as 3. Hence, the pattern is that the number in each rectangle corresponds to its length.</t>
        </is>
      </c>
      <c r="H105" t="inlineStr">
        <is>
          <t>Based on the pattern that the number in each rectangle corresponds to its length, the missing number of the rectangle with a question mark should be 1.</t>
        </is>
      </c>
      <c r="I105" t="inlineStr">
        <is>
          <t>b'\x89PNG\r\n\x1a\n\x00\x00\x00\rIHDR\x00\x00\x02\x00\x00\x00\x02\x00\x08\x02\x00\x00\x00{\x1aC\xad\x00\x00J\x1cIDATx\x9c\xed\xddy|U\xc5\xdd?\xf0\xef\xcc\x9c\x9b\xdc\x9b\xed\xdel\x04Y\\\x90\x08(\xb2\xef\x9b\xb8\xb0X[\xd4\x8a\x88\x02.(\xd1j\xed/\xb4\xd5\xd6j\x8bh\xadU\xecbk[\xcb\x8eT\xdc\xc0\xda\xd6V\x10\\\x00\xa9\xac*\x08\t\x9b *\x81\x90\xf5nI\xee\xbd\xe7\xcc\xfc\xfe8\x90\xf2("[r\xcf\xe4|\xde\xaf\xe7\xf5z\xda\x84\xdeL\xbe\x999\x9f9s\xe6\x9c\xc3\x94R\x04\x00\x00\xee\xc3\x93\xdd\x00\x00\x00H\x0e\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F\xb2\x1b\xe0\nJ\xa9S\xf8_1\xc6\xcexK@G\xe8?\xd0D\x10\x00MB)%\xa5TJ1\xc6\x18c\x9c\x9f\xca\x99\xd6\x19\xf9\x10\xd0\x11\xfa\x0f4\x0fvj\x93\x0b8&amp;{\xc8\x11\x91\x10\xe2\xe8\xaf\x07\x83A)%c\'Zm{\xee\x16\x08\x04\x8e\xfe\xa2=\x989\xe7\x98\xd9\xb5T\xe8?\xd0\xcc\x10\x00g\x86R\xca\xb2,\xc38|F\x15\x0e\x87\xd7\xaf_\xbfn\xdd\xda\x0f&gt;\xf8\xb0\xba\xba\xba\xb4\xb4\xd4\xb4\xcc\x13\xff4FL\x91\xeax~\xc7@ \xd0\xa7O\x9f^\xbdz\xf5\xeb\xd7\xafm\xdb\xb6\xf6wM\xd3\xe4\x9ccB\xd7\x92\xa0\xff@R \x00\xce\x00\xcb\xb2\xec)[&lt;\x1e_\xbat\xe9s\xcf=\xb7q\xe3\xc6}\xfb\xf6\x9d\xc1\x1f\x91\x9d\x9d\xdd\xa7O\x9fq\xe3\xc6\x8d\x193\xa6U\xabVDd\x9a\xa6\x10\x02\xb3\xb9\x16\x00\xfd\x07\x92\x05\x01pZ\xec\xea1\xc6\x82\xc1\xe0\xacY\xb3\x16.\\\xb8e\xcb\x96\xc6\xeffdf\xb4;\xbbm~A~\x87\xc2\xf3rr\x02\xa6i\x9d\xc8xS\xa48\xe3\x89D\xa2\xe4\xe3\xd2\xda\x9a\xe0\xbe=\x9f\xd5T\xd74~\xf7\xac6gM\xb8i\xc2\x1dw\xdc\xd1\xa9S\'"\x92Rb*\xa7/\xf4\x1fH.\x04\xc0\xa9k\x9c\xb8\xcd\x9b7\xef\xc9\'\x9f\xdc\xbe}\xbb\xfd\xf5v\xed\xdb\x0e\x1a&gt;\xf0\xb2Q\xc3/\xec\xd6\xa5\xa0u~zF\x86\x10B\x08~r\x85V*\x910c\r\xb1\xcaC\x95;\xb7\xefZ\xfd\xf6\x9aU+Vo/\xd9i\x7f3\'\'\xe7\xde{\xef\x9d:u\xaa\xdf\xef7M\xb3q\xe9\x004\x82\xfe\x03I\x87\x008E\xf6\xe8-++\x9b&lt;y\xf2\xb2e\xcb\xec/v\xbe\xb0\xd3\xe4{n\x19=fT~\xab\\\xa5TCC,\x11OHK*R\'_g\xc6\x19c\x9cy&lt;\x9eTo\xaaa\x18\xe1Ph\xed{\xebg\xfda\xee\xaa\xb7\xdf\xb3\xffE\xa7N\x9d\xe6\xcc\x993x\xf0`\xfb\n!N\xe75\x82\xfe\x03N\x80\x008\x15\xf6\xa4i\xd9\xb2e\x93o\x9f\\\xb6\xbf\x8c\x88:\x14v\xf8\xde\xd4)\xdf\xb9\xee*\x7f\xb6?\x12\x8a$\x12\t":#;.\x94RR*RJ\x18"=#]Jk\xe5\x8a\xf7\x9e\xfd\xdd\xcc5+\xdf\'\xa2\xd4\xd4\x94_\xff\xfa\x89\xe2\xe2b\x8ca\x8d\xa0\xff\x80C \x00N\x9a=zg\xcd\x9aUTTd\x7f\xe5\x96\xa2\x89?\xfe\xc5\xd4\xfc\x82\xfc`M\xd02-.\x9aj\xa7\x9deY\x8c\xb1,\x7f\xa6eZs\xff\xf2\xdcS\x8f\xfe.\x12\x8e\x10\xd1\x94)Sf\xce\x9ciY\x166\xf99\x1f\xfa\x0f8\x07\x02\xe0\xe4\xd8g\xee\x8d\xa37\x90\xed\xff\xe5o\x1f\xbe~\xd2\xd8Pm(\x1e\x8f7\xcfZ\xaa=\x8cs\xf3s7\xbe\xbf\xe9\xc7\xdf\xfbI\xc9\xc7\xdb\xe9\xc8\x18\xc6&lt;\xce\xe1\xd0\x7f\xc0Q\x10\x00\'\xe1K\xa37\xbf \x7f\xe6\xa2?\r\xbdt\xf0\xc1\x03\xe5\x86a4\xf3\xb0I$\x12\x81\xec@UE\xd5\xadc\xa7|\xb8\xe1#:j\x1e\xf7\xa5\xdb\x88\xc0!\xd0\x7f\xc0i\x10\x00\'\xca\x1e\x18+V\xac\x181b\x04\x11\xe5\xe4\xe6\xfcs\xe5\xe2s;\x9c[[S\xeb\xf1x\x92\xd2$\xd3\xb4R\xbd)B\x88\x9b\xbe}\xf3\xfb\xab\xd7\x11\xd1\xc3\x0f?&lt;m\xda4\xec\xebp \xf4\x1fp \x04\xc0\t\xb1\xb7K\x97\x97\x97w\xef\xd1\xfdP\xf9\xa1,\x7f\xd6\xfc%\xb3\xfa\x0e\xec\x13\xac\t\x1a\x9ed\x0e\x15\xcb\xb2R\xbd\xa9\xe1Px\xe2\x98\xdb\xb6n\xde\xc6\x18[\xb6l\xd9\x88\x11#0\x8fs\x14\xf4\x1fp&amp;\xdc\x03rB\xec;\xf5\'M\x9aT~\xb0\x9c\x88\x1e\xfd\xed\xb4\xa1\x97\x0e\xae\xad\xa9M\xee\xe8%"!DC}C^~\xee3\xf3\x7f\x1f\xc8\xf6+R\x93n\x9et\xf0\xe0A\xc6\x98\xfdT\x19p\x02\xf4\x1fp&amp;\x04\xc07\xb3gC\x8b\x16-Z\xbe|9\x11\xddx\xeb\xb8\xf1\xb7\\\x7f\xf0@y\xb2\xce\xdc\xbf\xc40\x8c\xda\x9a`\x97\xae\x9d\x1e~\xf2\xe7\xa4\xa8\xfc`\xf9\x03\x0f&lt;\xc09\xc7\xb9\x9dC\xa0\xff\x80ca\t\xe8\x1b(\xa5\x94R\xb5\xb5\xb5\xfd\xfb\xf7\xdf\xb3g\xcf\xd9\xe7\xb6\x7f}\xf5\xdfSSS\xed\xad\x14\xc9n\xdd\xffX\xa6\x15\xc8\r\xdc~\xfd\x9do\xfcsYjj\xea\xea\xd5\xab\xfb\xf4\xe9c?\xfd1\xd9Ms5\xf4\x1fp2\xfcu\xbf\x81\xbd9z\xde\xbcy\xbbw\xef\x96R\xde5uJ~A^&lt;\x1ew\xd4\xe8%"\xc6Y"\x9e\x98\xfa\xb3{SSSc\xb1\xd8\xb4i\xd3N\xfc\xe9\xc1\xd0t\xd0\x7f\xc0\xc9\x10\x00\xc7\xa3\x94\x12B\xd4\xd7\xd7\xcf\x9b7\x8f1v~a\x87ko\xb8\xba\xb6:\xe8\xc0=\x12\x9c\xf3H8\xd2\xad\xd7\xc5W];\x9a\x88V\xadZUZZ*\x84\xc0Jn\x12\xa1\xff\x80\xc3!\x00\x8e\xc7\xbe/f\xc5\x8a\x15\xdb\xb6mSJM\xf9\xc1\xed\xfe@\x96i\x9e\xc4\x93\xd9\x9b\x13\xe7&lt;\x16\x8b\x17\xfd\xbf;\xd2\xd2|\xd1ht\xf6\xec\xd9D\x84\x01\x9cD\xe8?\xe0p\x08\x80o6\x7f\xfe|\xc6X\xc1Y\x05\xdf\xbafT8\x14q\xec\xf68\xcey4\x12\xed\xd6\xab\xeb\x80\xa1\xfd\x19c\x8b\x17/\xae\xab\xab3\x0c\x03\'\xf2\xc9\x85\xfe\x03\x8e\x85\x00\xf8Z\xf6\xf9{0\x18\\\xbfa\xbdRj\xe8\xa5\x83\xf3[\xe5%\x12\t\xa7\xad\xde\x1eM)\xc5\x18\x1f\xf9\xed\x11J\xa9\xfde\xfb7o\xdeL\x98\xc4%\t\xfa\x0f8\x1f\x02\xe0k\xd9\xfd~\xe3\xc6\x8d_|\xfe\x05\x11]6z\xb8\xf3\'BB\x88\x86\xba\xfaA\x97\x0c\xc8\xc8\xca\xb0L\xeb\x8d\xa5o\xd0\x91\xb7\x8e@3C\xff\x01\xe7C\x00|-\xbb\xdf\xaf\xdf\xb0\x9e\x88\xd22\xd2.\xec\xd6%V\x1fs\xf8\xae8\xc6X,\x16o\xd7\xbe\xcdy\x1d\xce%\xa2\x8d\x1b6\x12\x91\xc3\xdb\xdcR\xa1\xff\x80\xf3\xe1O\xfb\xb5\xecS\xf5M\x1b7\x11\xd1\xd9\xe7\xb4?\xabM\x81\xc3\xcf\xdfmRJ_\x9a\xef\xc2\x8b;\x13Qiii$\x12\xc1M=I\x81\xfe\x03\xce\x87\x00\xf8Z\xf6&gt;\xe8\x8a\x8a\n"\xca\xcd\xcbI\xcfH\xb7,+\xd9\x8d\xfafJ).D\xeb6\xad\x89\xa86X[__\x9f\xec\x16\xb9\x14\xfa\x0f8\x1f\x02\xe0\xd8\xec{ \x83\xc1\xe0\xce\x9d;\x89\xa8\xb0sG\xa1\xc9v\x08\xc6\x98e\x9a\x1d;\x9fOD\xa1`\xa8\xb4\xb4\x94p\x1d\xaf\xd9\xa1\xff\x80\x16\x10\x00\xc7\xa3\x94J\x98\t"\xca\xce\xc9\xd6\xe8DX)\x95\x9d\x93MDRJ\xc7\xee:w\x03\xf4\x1fp8\x04\xc07\xb0\x17m\xb5\x1b\x06\x8d\rv\xfe\xa2s\xcb\x86\xfe\x03N\x86\x008!\xda\r\x03\xed\x1a\xdc\xb2i\xf7\xe7\xd0\xae\xc1pj\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d9\r8!J\xa9S\xf8_1\xc6\xcexK\xdc\t\xf5\x07h\x91\x1c\x1a\x00J))\xa5R\x8a1\xc6\x18\xe3\xfcT\xceT\xce\xc8\x87\xb8\x13\xea\x0f\xe0\x06\xce\n\x00\xfb\x90ADB\x08!D\xe3\xd7\x83\xc1\xa0\x94\x921v\x82SQ{\xee\x19\x08\x04\x8e\xfe\x10\xfb`\xc49\xc7\xcc\xf4\xeb\xa0\xfe\x00\xae\xe2\x94\x00PJY\x96e\x18\x86}\xc8\x08\x87\xc3\xeb\xd7\xaf_\xb7n\xed\x07\x1f|X]]]ZZjZ\xe6\x89\x7f\x1a#\xa6Hu&lt;\xbfc \x10\xe8\xd3\xa7O\xaf^\xbd\xfa\xf5\xeb\xd7\xb6m[\xfb\xbb\xa6ir\xce1!=\x1a\xea\x0f\xe0B\x8e\x08\x00\xcb\xb2\x84\x10\x86a\xc4\xe3\xf1\xa5K\x97&gt;\xf7\xdcs\x1b7n\xdc\xb7o\xdfi~leE%\x11-]\xba\x94\x88\xb2\xb3\xb3\xfb\xf4\xe93n\xdc\xb81c\xc6\xb4j\xd5\x8a\x88L\xd3\x14B`6J\xa8?\x80[%9\x00\xec%\x05!D0\x18\x9c5k\xd6\xc2\x85\x0b\xb7l\xd9\xd2\xf8\xdd\x8c\xcc\x8cvg\xb7\xcd/\xc8\xefPx^NN\xc04\xad\x139^(R\x9c\xf1D"Q\xf2qimMp\xdf\x9e\xcfj\xaakjjj\x96/_\xbe|\xf9\xf2_L\xfb\xc5\x84\x9b&amp;\xdcq\xc7\x1d\x9d:u"")\xa5\x9b\xa7\xa2\xa8?\x80\x9b%3\x00\xec\x89\'\x11\xcd\x9b7\xef\xc9\'\x9f\xdc\xbe}\xbb\xfd\xf5v\xed\xdb\x0e\x1a&gt;\xf0\xb2Q\xc3/\xec\xd6\xa5\xa0u~zF\x86\x10B\x08~r;Q\x94J$\xccXC\xac\xf2P\xe5\xce\xed\xbbV\xbf\xbdf\xd5\x8a\xd5\xdbKv\x1e(;\xf0\xd4SO\xcd\x9d;\xf7\xde{\xef\x9d:u\xaa\xdf\xef7M\xd30\x1cq&amp;\xd4\xccP\x7f\x00\x97K\xda\xc0\xb3\x8f&gt;eee\x93\'O^\xb6l\x99\xfd\xc5\xce\x17v\x9a|\xcf-\xa3\xc7\x8c\xcao\x95\xab\x94jh\x88%\xe2\x89p0\xacH\x9d\xfcND\xc6\x19c\x9c\xe5\xb5\xcak{v\xdb\x11\xdf\xba"\x1c\n\xad}o\xfd\xac?\xcc]\xf5\xf6{\xd5\xd5\xd5\xd3\xa7O\x7f\xf1\xc5\x17\xe7\xcc\x993x\xf0`\xfb\n\xa7\xab\x96#P\x7f\x00HN\x00\xd8\x93\xbee\xcb\x96M\xbe}r\xd9\xfe2"\xeaP\xd8\xe1{S\xa7|\xe7\xba\xab\xfc\xd9\xfeH(RS]KD\xf6\x8e\x11.Nk\x89 \x91H\xc4bqRJ\x18\xe2\xd2\x91\xc3/\xb9b\xe8\xca\x15\xef=\xfb\xbb\x99kV\xbe\xbfc\xc7\x8e\xcb/\xbf\xec\xd7\xbf~\xa2\xb8\xb8\xd8\xde\xfd\xe2\x92c\x10\xea\x0f\x00\x94\x94;\x81\xed\xa3\xcf\xacY\xb3F\x8f\x1em\x1f}n)\x9a\xf8\x8fw^\x994e\x02c\xac\xa6\xb2\xc6\x9e\x9c\x9e\xa9+\x84\x8c1!\xb80\x04\x11\x85\x82\xa1h\xa4\xee\xb2Q\x97\xbc\xf0\xfas\x0f?\xf9\xf3\x8c\xcc\x8cX,&gt;u\xea\xd4\xa2\xa2"\xce\xb9\xbdO\xf1\xf4\x7f\xa2\xc3\xa1\xfe\x00`k\xee\x00\xb0\xf7\x1a\xce\x9a5\xab\xa8\xa8\x88\x88\x02\xd9\xfeg\xe6\xfd\xee\xc9??\xee\xf5z\xab*\xaa\x88H\x18M\xb83D\x08\xc19\x0f\xd6\x86\xa2\xd1\xba\xbb\x7ft\xe7\xcbo&lt;\x7f\xe1\xc5\x9d\x89\xc8n\x8f\x10B\xa9SX\xeb\xd0\t\xea\x0f\x00\x8d\x9a5\x00\xec\xa9e\xe3\xd1\'\xbf \x7f\xde\xe2Y\xe3o\x19WQ^a\x1f\x98\x9a\xa7\x19\xf6a\xe8\xd0\xc1C\xddz]\xfc\xc2\xeb\x0b{\xf6\xedAG\x8eA\xf6&lt;\xb4y\x9a\xd1\xfcP\x7f\x008Z\xf3\x05\x80}\xf4Y\xb1b\x85}\xf4\xc9\xc9\xcd\xf9\xfb[/\xf5\x1d\xd8\xe7\xe0\x81r\x8f\xc7\xd3\xfc\x8b\xbf\x1e\x8f\'X\x1bJ\xcfL\x7fu\xc5K\x03\x87\xf6\'\xa2Y\xb3fM\x9f&gt;]\x08a\x9a\'q\xd3\x93.P\x7f\x00\xf8\x92f\n\x00)\xa5\x10\xa2\xbc\xbc|\xe2\xa4\x89\x8c1\x7f\xc0?\xe7\xe5g\xcf\xedpn\xb0&amp;\xe8\xf1x\x9a\xa7\r_e\x18"\x1e\x8bK)\xff\xf2\xb7?v\xed~\x11\x11M\x9f&gt;}\xf9\xf2\xe5\x86aX\x96\x95\xacV5\x05\xd4\x1f\x00\xbe\xaa\x99\x02\xc0~\xd2\xc0\xa4I\x93\xca\x0f\x96\x13\xd1\xa3\xbf\x9d6\xf4\xd2\xc1\xb55\xb5\x86\'\xc9\x1b\xc0\x85\x10\r\xf5\ry\xf9\xb9\xcf\xcc\xff} \xdb\xafHM\xbay\xd2\xc1\x83\x07[\xdev\x14\xed\xea\x8f\xb5 \x80\xa6\xd6\x1c\x01`/&gt;,Z\xb4h\xf9\xf2\xe5Dt\xe3\xad\xe3\xc6\xdfr\xbd\xbd\xf2\xd0\x0c?\xfd\x1b\x19\x86Q[\x13\xec\xd2\xb5\xd3\xc3O\xfe\x9c\x14\x95\x1f,\x7f\xe0\x81\x07\x8e~\x8aY\x0b\xe0\xf1x\xf4\xaa?\xe7\x1cW\x83\x01\x9aZ\x93\x07\x80\xfd4\xe0\xea\xea\xeaG\x1ey\x84s~n\x87s~\xf6\xcb\x9f\x04kB\x8e\xba\xf9\xd3\xe3\xf1TUT\x8f\xbby\xec\x95cF\x11\xd1\x0b/\xbc\xb0~\xfd\xfa\xc6Gcj\xcd&gt;\x8cVUU\xe9U\xff\r\x1b6\xe0\x820@Sk\xf2\x00\xb0,\x8bs&gt;o\xde\xbc\xdd\xbbwK)\xef\x9a:%\xbf /\x1e\x8f;m\x8d\x85q\x96\x88\'\xa6\xfe\xec\xde\xd4\xd4\xd4X,6m\xda\xb4\xc3O?\xd6|\x1aj_P\x9d3g\x8e\xae\xf5\x07\x80&amp;\xd3\xb4\x01\xa0\x94\x12B\xd4\xd7\xd7\xcf\x9b7\x8f1v~a\x87ko\xb8\xba\xb6:\xe8\xa8\xe9\xa7\x8ds\x1e\tG\xba\xf5\xba\xf8\xaakG\x13\xd1\xaaU\xabv\xed\xda\x95\x91\x91\xa1\xfb$\xd4\xe3\xf1H)u\xac\x7fii\xa9\x10B\xf7\xfa\x038Y\xd3\x06\x80\xfd\x8c\x97\x15+Vl\xdb\xb6M)5\xe5\x07\xb7\xfb\x03Y\x8e\xdd\xe4\xc79\x8f\xc5\xe2E\xff\xef\x8e\xb44_]]\xdd\x9c9s\xbc^\xaf\xee\x07\xa0\xac\xac\xac\xd5\xabWo\xdf\xbe]\xaf\xfaG\xa3\xd1\xd9\xb3g\x13\x91\xee\xf5\x07p\xb2\xe6\xb8\x08&lt;\x7f\xfe|\xc6X\xc1Y\x05\xdf\xbafT8\x14q\xec\xf5U\xcey4\x12\xed\xd6\xab\xeb\x80\xa1\xfd\x19c\xaf,~\xa5\xbc\xbc&lt;55%\xd9\xed:-\x8c1{\xfa\xaf]\xfd\x17/^\\WWg\x18\x06\x16\x82\x00\x9aH\x13\x06\x80\xbd\xfe\x13\x0c\x06\xd7oX\xaf\x94\x1az\xe9\xe0\xfcVy\x89D\xc2i\xab\xcfGSJ1\xc6G~{\x84R\xea\xf3\xcf&gt;\xdb\xb4i\x93/--\xd9\x8d:-\xfb\xf7\xef\xdf\xb0a\x83\x8e\xf5\xdf_\xb6\x7f\xf3\xe6\xcd\x84\x93\x00\x80&amp;\xd3\x84\x01`\x8f\xdb\x8d\x1b7~\xf1\xf9\x17Dt\xd9\xe8\xe1\xce\x9f\xc8\t!\x1a\xea\xea\x07]2 ###\x910\x97.]\x9a\x92\xa2\xf1\x19\x80a\x18\xef\xbf\xff\xfe\xce\x9d;I\xbb\xfageX\xa6\xf5\xc6\xd27\xe8\xc8F&amp;\x008\xe3\x9a\xf6\x0c\x80\x88\xd6oXODi\x19i\x17v\xeb\x12\xab\x8f9\xfc\xf5O\x8c\xb1X,\xde\xae}\x9bs\xcf?\x87\x886l\xdc`&amp;L"\xd2t3PJJ\xca\xc6\x8d\x1bM\xd3\xf4\xfa\xbcz\xd5\xff\xbc\x0e\xe7\x12\xd1\xc6\r\x1b\x89\xc8\xe1m\x06\xd0W\x13\x0e-{\xa9a\xd3\xc6MDt\xf69\xed\xcfjS\xe0\xf0\xf5\x07\x9b\x94\xd2\x97\xe6\xb3\x9fRYZRZ^^NDz\x1e\xff)\x1e\x8fo\xdc\xb8\x91\x88\xda\x9f\xddN\xcb\xfa\x97\x96F"\x11\xdc\x14\x06\xd0D\x9a6\x00\x94R\x15\x15\x15D\x94\x9b\x97\x93\x9e\x91\xae\xc5\x03^\x94R\\\x88\xd6mZ\x13Q8\x1cnhhHv\x8bN\x9d\x94\xb2\xa6\xa6\x86\x88\xf2ZiY\xff\xda`m}}}\xb2[\x04\xd0b5U\x00(\xa58\xe7\xc1`\xd0^\x80.\xec\xdcQh\xb2\x9d\x831f\x99fa\xe7\x8e\xf6\x7fv\xfe\x94\xf9\xf8\xec-\xff\x17t\xb9@\xaf\xfaw\xec|&gt;\x11\x85\x82\xa1\xd2\xd2R\xc2u`\x80\xa6\xd1\xe47\x82%\xcc\x04\x11e\xe7dkt"\xaf\x94\xca\xce\xcd\xa6\x16t\xf9Q\xbf\xfa\xe7d\x13\x91\x94\xd2\xb1w-\x00\xb4\x00M~y\xcd\x9eAk7\x8c\xb5k\xf0\xf1i\xf7\xeb46X\xf730\x00\'k\xa6\xfd\x15\xda\rc\xed\x1a||\xda\xfd:\xda5\x18@G\xd8`\x07\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2\x92\xdd\x00\x80&amp;\xa7\x94:\x85\xff\x15c\xec\x8c\xb7\xc4\x9dt\xaf\xbf\xee\xed?\x0e\x04\x00\xb4@J))\xa5R\x8a1\xc6\x18\xe3\xfcT\xcet\xcf\xc8\x87\xb8\x93\xee\xf5\xd7\xbd\xfd\'\x0e\x01\x00-\x87=\xe4\x88H\x08!\x84h\xfcz0\x18\x94R2\xc6Np*g\xcf\xdd\x02\x81\xc0\xd1\x1fb\x0ff\xce\xb9\x163\xbb\xa4\xd0\xbd\xfe\xba\xb7\xff\x14 \x00\xa0%PJY\x96e\x18\x86=\xe4\xc2\xe1\xf0\xfa\xf5\xeb\xd7\xad[\xfb\xc1\x07\x1fVWW\x97\x96\x96\x9a\x96y\xe2\x9f\xc6\x88)R\x1d\xcf\xef\x18\x08\x04\xfa\xf4\xe9\xd3\xabW\xaf~\xfd\xfa\xb5m\xdb\xd6\xfe\xaei\x9a\x9csgN\xe8\x92E\xf7\xfa\xeb\xde\xfeS\x86\x00\x00\xedY\x96%\x840\x0c#\x1e\x8f/]\xba\xf4\xb9\xe7\x9e\xdb\xb8q\xe3\xbe}\xfbN\xf3c++*\x89h\xe9\xd2\xa5D\x94\x9d\x9d\xdd\xa7O\x9fq\xe3\xc6\x8d\x193\xa6U\xabVDd\x9a\xa6\x10\xc2Q\xb3\xb9d\xd1\xbd\xfe\xba\xb7\xfft \x00@c\xf6)\xb9\x10"\x18\x0c\xce\x9a5k\xe1\xc2\x85[\xb6li\xfcnFfF\xbb\xb3\xdb\xe6\x17\xe4w(&lt;/\'\'`\x9a\xd6\x89\x8c7E\x8a3\x9eH$J&gt;.\xad\xad\t\xee\xdb\xf3YMuMMM\xcd\xf2\xe5\xcb\x97/_\xfe\x8bi\xbf\x98p\xd3\x84;\xee\xb8\xa3S\xa7ND$\xa5t\xc8T.)t\xaf\xbf\xee\xed?}\x08\x00\xd0\x95=q#\xa2y\xf3\xe6=\xf9\xe4\x93\xdb\xb7o\xb7\xbf\xde\xae}\xdbA\xc3\x07^6j\xf8\x85\xdd\xba\x14\xb4\xceO\xcf\xc8\x10B\x08\xc1On\'\x87R\x89\x84\x19k\x88U\x1e\xaa\xdc\xb9}\xd7\xea\xb7\xd7\xacZ\xb1z{\xc9\xce\x03e\x07\x9ez\xea\xa9\xb9s\xe7\xde{\xef\xbdS\xa7N\xf5\xfb\xfd\xa6i\x1a\x86\x1b\xc7\x91\xee\xf5\xd7\xbd\xfdg\x84\x1b;.\xb4\x00\xf6\xe8-++\x9b&lt;y\xf2\xb2e\xcb\xec/v\xbe\xb0\xd3\xe4{n\x19=fT~\xab\\\xa5TCC,\x11O\x84\x83aE\xea\xe4w\xf21\xce\x18\xe3,\xafU^\xdb\xb3\xdb\x8e\xf8\xd6\x15\xe1Ph\xed{\xebg\xfda\xee\xaa\xb7\xdf\xab\xae\xae\x9e&gt;}\xfa\x8b/\xbe8g\xce\x9c\xc1\x83\x07\xdbW\x08\x93~:\xdf\x9ct\xaf\xbf\xee\xed?S\x10\x00\xa0\x1f{\xd2\xb4l\xd9\xb2\xc9\xb7O.\xdb_FD\x1d\n;|o\xea\x94\xef\\w\x95?\xdb\x1f\tEj\xaak\x89\xc8\xdeq\xc1\xc5i\x9db\'\x12\x89X,NJ\tC\\:r\xf8%W\x0c]\xb9\xe2\xbdg\x7f7s\xcd\xca\xf7w\xec\xd8q\xf9\xe5\x97\xfd\xfa\xd7O\x14\x17\x17\xdb\xbbG\\\x92\x01\xba\xd7_\xf7\xf6\x9fA\xee]\xbe\x04M\xd9\xa3w\xd6\xacY\xa3G\x8f\xb6G\xef-E\x13\xff\xf1\xce+\x93\xa6L`\x8c\xd5T\xd6\xd8\x93\xbb3u\x85\x8d1&amp;\x04\x17\x86 \xa2P0\x14\x8d\xd4]6\xea\x92\x17^\x7f\xee\xe1\'\x7f\x9e\x91\x99\x11\x8b\xc5\xa7N\x9dZTT\xc49\xb7\xf7\xf9\x9d\xfeOt8\xdd\xeb\xaf{\xfb\xcf,\x04\x00\xe8\xc4\xde\xab7k\xd6\xac\xa2\xa2""\nd\xfb\x9f\x99\xf7\xbb\'\xff\xfc\xb8\xd7\xeb\xad\xaa\xa8""a4\xe1\xce\n!\x04\xe7&lt;X\x1b\x8aF\xeb\xee\xfe\xd1\x9d/\xbf\xf1\xfc\x85\x17w&amp;"\xbb=B\x08\xa5Na\xad@\'\xba\xd7_\xf7\xf6\x9fq\x08\x00\xd0\x86=5k\x1c\xbd\xf9\x05\xf9\xf3\x16\xcf\x1a\x7f\xcb\xb8\x8a\xf2\n{`7O3\xeca|\xe8\xe0\xa1n\xbd.~\xe1\xf5\x85=\xfb\xf6\xa0#c\xd8\x9e\xc75O3\x9a\x9f\xee\xf5\xd7\xbd\xfdM\x01\x01\x00z\xb0G\xef\x8a\x15+\xec\xd1\x9b\x93\x9b\xf3\xf7\xb7^\xea;\xb0\xcf\xc1\x03\xe5\x1e\x8f\xa7\xf9\x17O=\x1eO\xb06\x94\x9e\x99\xfe\xea\x8a\x97\x06\x0e\xedOD\xb3f\xcd\x9a&gt;}\xba\x10\xc24O\xe2\xa6!]\xe8^\x7f\xdd\xdb\xdfD\x10\x00\xa0\x01)\xa5\x10\xa2\xbc\xbc|\xe2\xa4\x89\x8c1\x7f\xc0?\xe7\xe5g\xcf\xedpn\xb0&amp;\xe8\xf1x\x92\xd5*\xc3\x10\xf1X\\J\xf9\x97\xbf\xfd\xb1k\xf7\x8b\x88h\xfa\xf4\xe9\xcb\x97/7\x0c\xc3\xb2\xacd\xb5\xaa)\xe8^\x7f\xdd\xdb\xdft\x10\x00\xa0\x07\xcb\xb2&amp;M\x9aT~\xb0\x9c\x88\x1e\xfd\xed\xb4\xa1\x97\x0e\xae\xad\xa95&lt;I\xde\xc6&amp;\x84h\xa8o\xc8\xcb\xcf}f\xfe\xef\x03\xd9~Ej\xd2\xcd\x93\x0e\x1e&lt;\xd8\xf2\xb6\x03iW\xff\xa3\xd7R\xec\'=\xe8\xdb\xfe\xa6\x83\x00\x00\rx&lt;\x9eE\x8b\x16-_\xbe\x9c\x88n\xbcu\xdc\xf8[\xae\xb7\xcf\xdc\x93\xdd.""\xc30jk\x82]\xbavz\xf8\xc9\x9f\x93\xa2\xf2\x83\xe5\x0f&lt;\xf0\xc0\xd1O\x01k\x01\xb4\xab?\xe7\xbc\xf1j\xaa\xbd\xf8\xa3o\xfb\x9b\x14\x02\x00\x1c\xcd\x1e\x06UUU\x8f&lt;\xf2\x08\xe7\xfc\xdc\x0e\xe7\xfc\xec\x97?\t\xd6\x84\x1cu\xf3\xad\xc7\xe3\xa9\xaa\xa8\x1ew\xf3\xd8+\xc7\x8c"\xa2\x17^xa\xfd\xfa\xf5\x8d\x8f\x96\xd4\x9a\xa6\xf5\xdf\xb0aC\xe3\xc6J\xc6Xuu\xb5\xa6\xedo\xea\x1f\x8d\x00\x00G\xb3/\x88\xcd\x993g\xf7\xee\xddR\xca\xbb\xa6N\xc9/\xc8\x8b\xc7\xe3N[ca\x9c%\xe2\x89\xa9?\xbb7555\x16\x8bM\x9b6\xed\xf0\xd3\x835\xdf\x14\xaa{\xfd-\xcb\xe2\x9c\xcf\x9b7O\xd3\xf67\xf5\xcfE\x00\x80\xa3y&lt;\x1e)\xe5\xbcy\xf3\x18c\xe7\x17v\xb8\xf6\x86\xabk\xab\x83\x8e\x9a\xbe\xd98\xe7\x91p\xa4[\xaf\x8b\xaf\xbav4\x11\xadZ\xb5j\xd7\xae]\x19\x19\x19\xba\x9f\x04\xe8[\xff\xd2\xd2R{\xc3e}}\xbd\xbe\xedo\xea\xfe\x83\x00\x00G\xcb\xca\xcaZ\xbdz\xf5\xf6\xed\xdb\x95RS~p\xbb?\x90\xe5\xd8M\x96\x9c\xf3X,^\xf4\xff\xeeHK\xf3\xd5\xd5\xd5\xcd\x993\xc7\xeb\xf5\xea\x1e\x00\x9a\xd6?\x1a\x8d\xce\x9e3\xdb\xfe\xe2\x8a\x15+\xb6m\xdb\xa6_\xfbg\xcf&amp;"\x04\x00\xb8\x1ac\xcc\x9e\xbe\x15\x9cU\xf0\xadkF\x85C\x11\xc7^_\xe5\x9cG#\xd1n\xbd\xba\x0e\x18\xda\x9f1\xf6\xca\xe2W\xca\xcb\xcbSSS\x92\xdd\xae\xd3\xa2o\xfd\x17\xbf\xb28\x12\x89\x10\x91\xae\xed_\xbc\xb8\xae\xae\xce0\x8c&amp;]\x08B\x00\x80\xa3\xed\xdf\xbf\x7f\xc3\x86\rJ\xa9\xa1\x97\x0e\xceo\x95\x97H$\x9c\xb6z{4\xa5\x14c|\xe4\xb7G(\xa5&gt;\xff\xec\xb3M\x9b6\xf9\xd2\xd2\x92\xdd\xa8\xd3\xa2o\xfd\xf7\xef\xdf_RRb\x9a\xe6\xbau\xeb\xb4l\x7f\xd9\xfe\xcd\x9b7S\x13\x9f\x04 \x00\xc0\xb9\x0c\xc3x\xff\xfd\xf7w\xee\xdcID\x97\x8d\x1e\xee\xfc\xeb\xa9B\x88\x86\xba\xfaA\x97\x0c\xc8\xc8\xc8H$\xcc\xa5K\x97\xa6\xa4h|\x06\xa0q\xfd\xb32,\xcbZ\xb5j\xd5\xc7\x1f\x7f\\VVF:\xb6\xdf\xb4\xdeX\xfa\x06\x1d\xd9\x88\xd5D\x10\x00\xe0\\)))\x1b7n4M\xd3\xeb\xf3^\xd8\xadK\xac&gt;\xe6\xf0\xd7o1\xc6b\xb1x\xbb\xf6m\xce=\xff\x1c"\xda\xb0q\x83\x990\x89H\xd3\xcd@\xfa\xd6\xff\xbc\x0e\xe7\x12\xd1\xe6\xcd\x9b\xd7\xacYCDi\xe9i:\xb6\x7f\xe3\x86\x8dD\xd4\xa4mvt9\xc0\xe5\xe2\xf1\xf8\xc6\x8d\x1b\x89\xa8\xfd\xd9\xed\xcejS\xe0\xf0\xf3w\x9b\x94\xd2\x97\xe6\xb3\x9f\xf2XZRZ^^NDz\x1e\xff5\xae\x7f\x97\x8b;\x11\xd1\x96-[\xfe\xf3\xc6\x7f\x88\xa8\xfd9\x9a\xb5\xffp\xff)-\x8dD"MzS\x18\x02\x00\x9cKJYSSCDy\xadr\xd23\xd2\xb5x\xc0\x8eR\x8a\x0b\xd1\xbaMk"\n\x87\xc3\r\r\r\xc9n\xd1\xa9\xd3\xbd\xfe\xd5\xd5\xd5\x9f}\xf6\x19\x11\xe5\xe6i\xd9\xfe\xda`m}}}\x93\xfe8\x04\x008\x9a\xbde\xfb\x82.\x17\x88&amp;\xde\x0eq\xa60\xc6,\xd3,\xec\xdc\xd1\xfe\xcf\xce\x9fr\x1e\x9f\xd6\xf5///\xffd\xf7\'DT\xd8\xb9\xa3^\xed\xef\xd8\xf9|"\n\x05C\xa5\xa5\xa5\xd4\x94\xd7\x81\x1dwC\x04\xc0We\xe7d7\xdb\xd3QN\x9fR*;7\x9b\x0eo\xea\xd0;\x00l\xfa\xd5?\'\x9b\x88L\xd3\xb4\x0f\x9d\x9a\xb6_J\xd9\xd4w-\xe0\x0c\x004\xe0\xd8\x9bw\xbe\x8ev\r&gt;&gt;\xed~\x1d\xbb\xc1\x8dg`\x9a\xb6\x9f\x9a\xfe-\xc1\x08\x00\xd0\x80v\xf3h\xed\x1a||\xda\xfd:_j\xb0\xee\xedo:\x08\x00\x00\x00\x97B\x00\x00\x00\xb8\x14\x02\x00\x00\xc0\xa5\x10\x00\x00\x00.\x85\x00\x00\x00p)\x04\x00\x00\x80K!\x00\x00\x00\\\n\x01\x00\x00\xe0R\x08\x00\x00\x00\x97B\x00\x00\x00\xb8\x14\x02\x00\x00\xc0\xa5\x10\x00\x00\x00.\x85\x00\x00\x00p)\x04\x00\x00\x80K!\x00\x00\x00\\\n\x01\x00\x00\xe0R\x08\x00\x00\x00\x97\xd2\xf5\x9d\xc0_z\xbd\xa7^o\xfc\xf9\xea\xbbI\xf5j?i^\x7f\xdd\xb5\x80\xfe\xa3\xbb\x16\xd3\xffu\n\x00\xa5\x94\xfd\x8ag\xc1\x85a\x18\x9cs\xc6\x98R\xca\x92\x96eZ\xd2\x92\x8c1.\x1czNs\xb8\xf1\x8a8\xe7\xc2\x10\x9cs\xc6\x19#\x92JIKZ\x96e\xffj\xf6/\x95\xec\xc6\x1e\x9b\xd6\xf5?&amp;iI\xa9\xa4\xfd\x9f\x191a\x88\xe4\xb6\xe78Z@\xff\xf9*\x8d\xeaODRJ%\x151&amp;\x04?\xd2\xffI)\x92RZ\x96eY\x16\x11\t.H\x9b\xf2\x13\xe9\x12\x00v\xefOIIIKOc\x8c\xa2\xd1\xbap0\\WWo&amp;\x12\x9e\x14OZZ\xba?\x90\xe9K\xf3\x99\t3\x12\x89*\xa9\x1cu\x18\xb2\xfbMJ\xaa\xc7\x97\x96)\x04oh\x88EB\x91\xbah]CCL)\x95\x9a\x9a\xe2K\xf3e\xfa3}i&gt;i\xc9\xbah]"\x91\x10\xc2Y#A\xeb\xfa\x1f\x93R$\xa5\x95\x95\x95\xe9IM!E\xc4HI\x19\n\x86\xbf:\xb9N\xba\x16\xd0\x7f\xbeJ\xa3\xfa+\xa5\xa4%\x85!\xd23\xd2SRR,\xd3\x8cF\xebB\xc1PC}C"\x910\x0c\xc3\x97\xe6\xcb\xf2ge\xf9\xb3\xa4\x94\x91p\xc4\xb2,\xe7\xd7\xbf\x91\x06\x01`\x99\x967\xcd\xeb\xf3\xf9\xca\xbe(\xfb\xcfkK\xdf{wM\xe9\xc7;\x0e\x96\x1d\xac\xab\xab\xb3,)\x84\xc8\xc8\xcch\xd3\xee\xac\x9e}\xba_~\xe5e\x03\x87\xf6\xf7\xa4x\xc2\xa1\xb0\x13\xfe\x06v\xd7\xf1\xa5\xfb|&gt;\xef\x81\xb2\xf2\xb7\x96\xbe\xf3\xdfU\xebJ\xb6\x94\x1e,;\x18\xac\r&amp;\x12&amp;)%\x0c##3\xa3u\x9b\x82\x8b\xbau\x19z\xd9\x90!\xc3\x07\xe5\xe6\xe7\x06k\x83\xe4\x98\xf3J}\xeb\xffu\xa4\x94\x9c\xb1\x9c\xdc\x9c\xd7_\xfd\xcfG\x9b6s\xce\x95T\xe9\x19i\x13\xef\x98\x90\x9a\x9abO\xa5\x9d\xa0e\xf4\x9f\xaf\xd2\xa5\xfeD$\xa5LMMMK\xf7\x85\x82\xe1M\xeb&gt;X\xbbz\xfdG\x9b6\xef\xdb\xf3Y\xe5\xa1\xca\xfa\xfa\x06iY\x8c\xf3\xb44_\xeb\xb6\xad\xbbv\xbb\xf0\xf2+/\x1bv\xf9\x90,\x7fV(\x18rr\xff?\x9a\xa3\x03@J\xc9\x18\xcb\xc9\xcb\xde\xb5\xfd\x93\xe7f\xfe\xed\x1f\x8b_?t\xf0\xd0W\xffY4\x12-?P\xfe\xe1\x86\x8f\xe6\xfeeA\xdf\x81\xbd\x7f\xf8`\xf1\xf0\x11Ckk\x82\x9c\'s\x1e*\xa5\xf4x&lt;\xe9\x81\xf4\xd2\xad\xdb_\\\xf0\xf2\xeb\xaf\xfe\xa7\xec\x8b\x03\xc7\xfc\x97\x91p\xe4`\xd9\xc1\x8f6n~~\xee\x8b\xe7\x9e\x7fN\xd1\xbd\xb7O\xb8\xfd\xc6x,n\x9af\xd2\x7f\x05}\xeb\xffuL\xd3\xf2\xf9\xbc\\\xf0\xc7\x1e\xfc\xf5\x1fg\xfc\xb9\xf1\xeb\xa9\xa9\xa9\xe3n\xbe\xde\xebMUJ9\xe1\xd0\xd9\x02\xfa\xcf1\xe9R\x7f"RR\xa5\xa5\xfb\xf6\x7fV\xf6\xda\xcb\xffz\xfd\xd5\x7f\x97|\xbc\xfd\x98\xff\xac.ZWYQ\xb5\xf5\xa3m/&gt;\xf7\xcaE\xdd/\xbc\xef\x17?\x1cy\xd5\x15\xc1Z\x87\xf6\xff/qn\x00(\xa5\xd2\xd2\xd3,\xd3\xfa\xe3\x93\x7f~\xe6\xa9g\xedI\x8d\x10\xc2^z\x93R\xd9\x18c\x9cs\xa5\x94"%\xa5\xdc\xf0\xfe\xa6\x1b\xbf=\xe9\xa7\xd3\xef\xbb\xf7\xfe\xbbC\xc1P\xb2\xfe\x06J)\xaf\xcf\x1b\xaa\r=\xf1\xf0S\xcf\xcf}\xb1.ZGD\\p!\x04#&amp;\x8f "\xce\xb9\x10\x9c\x88I%\x95T\x9f~\xb2\xefg\xc5\xbfX\xf3\xee\x7f\x7f;s\x86\xe11,\xd3J\xd6`\xd0\xba\xfe_\xc74\xcd@\xb6\xbf\xec\x8b\x83\xf7\xdd\xf3\xc0\xbbo\xae\xe4\x9c7\xae\xe4\xe6\xe4e;\xe4\xb8C-\xa2\xff\x1c\x93.\xf5\'"\xcb\x92Y\xfe\x8c\x97\x9e[\xfc\xc8O\x7few~"2&lt;\x06g\xdc\xee\xeaJ*"b\x8c5^\x8cQRm\xdb\\r\xebuw&lt;\xf8\xd8O\xef\xfe\xd1\x9d\xa1\x9a\x90\xf3\xd7B\x1d\x1a\x00J)\xc30\xf6\xec\xda\xf3\xd0\xd4\x87\xd7\xac|\x9f\x88\x84!H\x91R*\x91H|\xe9\x1f\xdb\x97_\xec\x13I!\x84R\xea\xd7\xd3f\x18\x86\xb8\xe7\xc7w\xd5T\xd56\xff\x95%%U\xaa7u\xef\xeeO\'^s[\xd9\xe7ev\xe3\x191\xcb\xb2\x12\xd6\xff\x1a\xcf9\'R\x8d#\x99qF\x8a\x18gB\x88\x7f\xbf\xb64\x910g\xbe\xf0g\xcb\xb4\x9a\xb9\xf1\x87\x7f\x05\x9d\xeb\x7fLJ*\xa5T^~\xee\xbb\xcbW\xfd\xe8\xae\x9f|\xf1\xd9~\xc3\x10\x96%M\xd3&lt;|);I\xa5\xfe\xaa\x16\xd0\x7f\xbeJ\xa3\xfa7R\x8a\xf2[\xe5\x07k\x83\x1e\x8f\x87\x88\xa4\x94f\xc2&lt;\xc6\xbf\xb3\x88\x8e,\xb8\xd9G\xfc\xc7\x1e\xfcu~\xab\xbcq\x93\xc6\xd6\xd6\xd4:|-\xc8\xa1\x01@D\x86\xc7\xf8\xf1\xf7\x1e\xd8\xb4\xee\x03\x8f\xc7cZ&amp;)eY\x92\x88\n;w\x1cr\xe9\xe0\x8b\xbau\xc9/\xc8\xf7x\x8cP0\xbcms\xc9\xeb\x7f\xff\xcf\xde\xdd\x9f2\xce,\xcb\xb2\xc7\xc0\xe3\xbf\x98\xd1op\xdf\x1e\xbd\xbbE\xa3u\xcd&lt;\x0fe\x8c%\x12\x89V\xad\xf3[\x15\xe4\x1d\xf8\xe2\x80a\x18\xa6i\xdaW\xb7\n;w\x1cz\xe9\xe0\xee}\xba\xb5i{VZz\x1a\x11\x85\x82\xa1\x9d\xa5\xbb\xde\xf8\xe7\x9bkW\xaf#"RdJ\xd3\xe31\xde\xfc\xf7\x8a\x05\x7f]X\xf4\x83;j\xaak\x92\xd2\x87\xf4\xad\xffWY\x96\x95\x92\x92\xe2K\xf3=\xf3\xd4\xb3\xbfz\xe8\t\xcb\xb2\x84!,K:\xf0\x92#\xb5\x94\xfes4\xbd\xeao\x13\x82G\xc2\x91\xcb\xaf\xbct\xe8eCV\xbf\xfd\x9e\xfd\xc5\xbc\xfc\xdc\xbe\x83\xfat\xef\xdd\xed\xdc\x0e\xe7\xf8\x03YB\x88h\xb4\xee\x93\x9d{\xdez\xe3\x9d\xf7W\xaf%"e){#\xd6#?}l\xc8\xa5\x83\x029\x013a:\xea\xcc\xe6K\x1c\x1a\x00v\xcf\xf8\xc5\xe3\x0fL\xb8\xfa\xb6\xfa\xbaz%\x95E\xaag\xdf\x1ew\xff\xf0\xceK\xae\x18\x9a\xe5\xcf\x92JJK\x12)\xc6\xf8\xb57\x8c\xb9\xf7\xfe\xef\xfd\xe6\xd1\xa7\xff\xfa\x87\xd9\x9cs)%\t\xb2,\xeb\x0fO\xfei\xc1\x92\xd9I\xe8c\x8c,\xcb\xca\xf2g==\xe7\xb7\xdf\xb9\xe4\xbb\xa1\xda\x10\x11]6j\xf8\xe4\xbbo\xed7\xa8\x8f\xbd[\xc0\xb2,iI"\xe2\x82\x0f\x1fq\xc9\xe4{n}a\xdeK\x0fM}\xd8\x1e\xea\x96%\x19c\x7f}z\xf6u7^\x9b\xeaM\xb5,\xd9\xcc]H\xef\xfa\xff_f\xc2\xcc\nd\x06k\xc3?\xba\xeb\'\xffx\xe5_\xc4H\x08a\xcf7SRS\xe2\xb1x\x92\xdb\xf7U\xfa\xf7\x9f\xa3\xe9W\xff#\xecQp\xdb]\x93V\xbf\xfd\xde\xc0a\x03\xc6\xdet\xed%W\x0c=\xab\xedYB\x08\xcb\xb2\x94\x92J\x11gL\x8c\x19yW\xf1\x94W\xfe\xb6\xe4\x81\x1f&lt;\x14\x8b\xc7\x95R\x9c\xf3\xea\xaa\x9a\xbf\xbf\xf4\x8f{\xef\xbb\xbb\xba\xb2\xc6!\'\xc1\xc7\xe4\xd0%*\xcey]\xb4n\xc0\xd0\x01\x8f?\xfd\xa8eY&gt;\x9fw\xda\x13\x0f.Y\xf6\xc2U\xd7\x8eVJUUV\xd7V\xd7\x86\x82\xe1p0\x12\xac\rVVT)E\x8f=\xfd\xc8\x84\xc97J)\x85\xe0\xf6\xd5\xcb\xd5o\xaf\xd9\xb5\xfd\x13\x9f\xcf+\x9b\xfd \xc49\x0f\x87\xc2\x9d.\xbc\xe0\xc1G\x7f\xd2\xb9k\xa7\xf9Kf=\xf7\xf7\xb9\xc3G\x0cSJUWV\xd7\xd6\xd4F\xc2\x91\xba\xba\xba\xba\xba\xbaH8R]U\x1d\xae\rO\xb9{\xf2\xcf~\xf9\x13)%\xe3LJI\x8c\x95}q`\xe3\xda\x0f|i&gt;\xd5\xec\xfb"t\xaf\x7f#\xa5Tn~\xee\xc7\x1fn\xfb\xee\x88q\xffx\xe5_B\x08\xc1\x85\xbdf\xf5\xc0\xa3\xf7\x17v\xeaH\x87\xd7R\x9cE\xf7\xfe\xd3H\xd3\xfa\xdb\x84\x10\xd1h\xb4\xdf\xe0\xbe\xaf\xaexi\xd1\xbf\x16\xdct\xdb\xf8@v X\x1b\xac\xae\xac\x0e\xd6\x06\xc3\xc1H$\x1c\t\x06\xc3U\x955\xc1\xda\xe0\xadSn\xbe\xff\xe1\x1f)\xa98gD\xc4\x18[\xb9|u"\x9e`\xdc\xb9\xd3\x7frl\x00\x10\x91\x10\xa2\xaa\xb2\xfa\xbb7^\xf3\xf3\xc7\x7f\xb6\xe0\xd59\xf7\xde\x7fO&lt;\x91\xa8\xad\t\x12\x91a\x08!\x84\x10\xdc\xbe,f\x18\x86\xb4d\xb0&amp;\xf8\x83\xfb\xef\xce\xf2g\xda+\x15\x8c\xb3XCl\xcb\x87\x1f\xa7zS\x932\x00\x0c\xc3\x08\xd6\x04\xaf\x1d\x7f\xf5\xab\xcb_\x1a\xf1\xad+\xc2\xa1p(\x18""a\xd8M\xff\x1f\xc30\xb8\xe0\xe5\x87\x0e\xddt\xdb\r\xe7t8GZ\x92s.8c\x8c\x95l-5&lt;FR\x0e\xa0\xba\xd7\x9f\x88\x94R\x9e\x14\xcf\xa2\xf9/\x8d\x1d9~g\xc9.{%\xc4\xb2\xac\xd4\xd4\xd4?\xce\xfb\xdd\xf7\xa6\x16\xd5\xd6\xd4&amp;\xa5a\'B\xf7\xfeC\x9a\xd7\xdf\xa6\xa4JII\xe9\xd3\xbfw\xac!VSUc\x9a\xa6\x10\xe2\xf0\x9f@p\xfb\n\xbc=\x1c**+\xbe{\xe35\xb9\xf9\xb9v\xffWJ\xed\xdb\xfbY\xb06d\x18\xc2\xc9+]\xce\r\x00"\x12\x82\x87\x82\xa1\xbb\x8a\xa7\xf4\x1f\xdc\xb7\xfc\xc0!\xc6\xd8\xd7\xadfr\xc1c\xb1X\x9b\xf6m\xba\xf7\xeaFD\x87\xf7\x16\x10\xed\xdb\xf3\x99}Y\xb2Y\xdb}\x14\xfbj\xaa\xbd\'\xec8K\xb1\x8c1i\xc9\x8c\xcc\x8c^}\xbb\xd3\x91\x0bJ\xf6t\x8fT\xd2n-\xd4\xba\xfev=\xdfz\xe3\x9d\x1f\x16\xddW_\xdf\xc09\xb7\x97V\xda\x9d\xddv\xd1\xeb\xcf\x8d\xbf\xf9\xfa\xf2\x03\xe5\xb1X\x9c\x88\x149w|\xea\xdb\x7fZF\xfd\x89H)\x15\x8dF\x19c\xc2\x10_\xb7\x9a\xcf\x18\x93R\xfa\xfd\xfes\xcekODv\xc5#\xe1HCC\x8c9\xf5\xfc\xc6\xe6\xe8\xc6\x11\x11\xe7&lt;X\x1b\xac\xab\xab7N`\x1d\xcd0D\xdb\xb3\xdb\x10\xd9\x7f\x00FD\x91p\x84\xec\x1b\r\x93GJy\x82W\xe1\x18c\x81\xec\x00\xd1\xff\xda\x9b\xf4\xcbG\xfa\xd6\x9f\x0b\x1e\x8dD\x87]&gt;\xe4\x92\xcb\x87*\xa5\x84!,\xd3\x1a&lt;|\xe0\xab+^\xee7\xa8OUe5c\xfc\xf0\xa6\x0eG\x1f\x7ft\xed?-\xa6\xfetb\x8bTJ\x111b\x8c\xd3\x91\xf23\x1d\x1e\xcb\xe1\xf4\x00\xa0#{\xcfO\xf0\x1f\x7f\xe9_\x1a\x1e\x0f\x11%\xb7\x8b\x9dh\'`\xa4\x94\n\x87\xc2\xf6\x7fSD\x8cQ~\xab&lt;bI\x1e \xfa\xd6_J\x95\xeaM\xfd\xdd\xac\x19m\xdb\xb7M\xc4\x13\xb7}\xef\x96\x85\x7f\x9f\x9b\xdf*7T\x1b\xf2x&lt;JIG\xddt\xfau\xf4\xed?-\xa3\xfe\'D\x91\x10\xbc.ZW~\xa0\x9c\xec0 \xf2\x07\xb2|i^iI\xe6\xe0\xc7\x039t\x17\xd0\xa9\x91RUW\xd5\x10\xd9g\x95\x8a\x88\xf2\xf2s\x95RN\xfe\x034\xe2\x9c\xd7\xd7\xd5o\xdd\\BDJ*{\x0fB\x97\x8b\xbb\x98\t\x93;\xfb:R#\xa7\xd5\x9fsV\x1f\xado\xdd\xa6\xe0\xc9?\xfd\xea\x93\x9d\x9f\xdc\xf9\xff\xee\x08\xd6\x84,i\xd9\xbb2\x94"\r&amp;\x9f\'\xcc\x81\xfd\xc7=\xf5\xb7,++3k\xf5;k\xf6\x7f^\xd6x\x11\xb8C\xc7\xf3\xb2\xfcY\xe1P\xd8\xb1W\xb9\xa9%\x05\x80\x10"\x1a\x89~\xb2c\x0f\x11\xd97\xa9\x12Q\xc7\x0b:\x98\xa6E\x8e?\x11\x8b\xc7\x13\xf9\xadr\xdf|}\xc5\x8e\x92\x9d\xf6\xb6\x01\xa5\xa8\xdd9\xedz\xf5\xebQ\x17\xads\xf8F\x02\x9b3\xeb/\x0c\x11\xac\r\r\xbad\xc0\xf0\x11\xc3\xaa\xabj\x1a\xef[NV{\x9a\x88c\xfb\x8f\x1b\xea/\xa5\x14\x860\x13\xe6o\x1e\xfd\xbdR\xca^\x05RJ\x8d\xb8\xea\n!\x84\x92\xca\xc9\xeb,\x0en\xda\xc9\x90Rz}\xde\x9d%;\xf7\xec\xde\xcb\x18\xb3\x0fA\xd9\xb9\xd9].\xee\xdc\xd0\xd0\xe0\x90\x19\xb4R\x87\x8f\x8c\x8d\xec\r\xdd\xa6i\xe5\xe6\xe5\x94}q`\xfaO\x1f#R\x8c\x98}\xe1\xb4\xe8\x07\xb7\xe7\xe4\xe6\x98\xa6\xe9\xfc3\x18\'\xd7\x9fs\xdeP\xdf`_Gu\xfe\x9a\xecqh\xda\x7fZL\xfd\x8f\xc9\xde\xf7\x9c\x99\x99\xf1\xd3\x1f&lt;\xb8q\xed&amp;{\xb2oY\xd6y\xe7\x9f;f\xec\xb7\xc3\xa10O\xf6]x\xc7\xd7R\x02\xc0\x92^o\xea\x8b\x0b\x17[\x96\xc59\xb7\xaf\xbc\x0f\xbfbX\xdb\xf6m\xe2\xb1\xb8C\xba\x1d\xe7\xacq\xeb\x9e\x10\xc2\xf0\x18\xbe4_vN \x90\xed\xff\xef\xaa\xb57|k\xe2\';\xf7p.8\xe7\x89Db\xc4U\x97\xdf&lt;eB\xb06\x98\xf4\xdb8O\x84\xc3\xeb\x7f\xfc-4\xba\xd0\xb7\xff\xb4\x8c\xfa\x7f\x95}\x87\xb3\'%\xe5\x07w\xfc\xe8\xc5\x05\xaf\x08!\x1aw4=\xfa\xdb\x87\xb3\xfc\x99\xa6i&amp;\xbb\xef\x7f\x83\x96\xb0\x04do8\xdb\xfc\xc1\xc7\x8b\x9f\x7f\xd5\xde\x8fe\x9fiN\x9arS\xc2I\xf7a\x9b\xa6\xd9\xb8#FZ\xb2\xa1!v\xa8\xfcP\xe9\xc7\xdb\x97\xfdk\xf9\x9b\xff^AD\x86\xc7\xb0\xf7E\x8c\x1e3\xf2\xf7\xb3\x9e\xfa\xeaSw\x9cI\x97\xfa\xeb\xae\xa5\xf6\x1fM\x99\xa6\x99\x99\x95YSU\xf3\x83\xdb\x7f\xb8r\xc5\xea\xc6\xed\xceR\xca\xc7~\xff\xc8\xe5\xa3\x87;\xe7AX\xc7\xd1\x12\x02\x801b\x9c=|\xff\xa3\r\xf5\r\xf6i\xa6eYW_\xff\xed\x01C\xfa\xd5\xd6$\x7f\x06do\xe5\x0e\x87\xc2\xb7\x8d-\n\xd6\x06\x19gJ)\xd3\xb4"\xe1H\xb0&amp;x\xf4F\x083a\x9e\xd5\xf6\xac\xefM\x9drs\xd1\xc4D"a&amp;\x9c\xf88\xdf\xafrx\xfdu\xd7\xe2\xfb\x8f\x8eL\xd3\nd\x07\xb6m.\xf9\xde\xcd\xf7~\xb2s\x8f=\xf7\x97Rr\xce\x9f\xf8\xd3c7O\x99X]U\xed\xfc\xa3?\xb5\x80\x000M3\xbfU\xfe\xaf\x1e\xfa\xf5\x7fW\xae\x15B\xd8\x0f\xc5\r\xe4\x04~2\xfd\xbe\x86\xfa\x98S\xa6\x9f\x8c\xa4\x94;\xb7\xef\xb2\x9f\xeb{4!\x041\x12\\\x0c\xbbb\xe8\xd8\x9b\xae\x19=f\x94?\xd3\x7f\xe0\xc0\x01b\x87\x1f\xc0\xe9pz\xd4_w-\xb7\xff\xe8\xc82\xad@ k\xed\xeau\xb7\x8f\xbf\xab\xb6\xfa\xf0\xf3&gt;\xa5%\x03\xd9\xfe\xdf\xcfzj\xf4\xd5\xa3\xaa+\xabu\x99\xf7\xe8\x1d\x00f\xc2\xcck\x95\xfb\xe2s/\xff\xfe\xd7\xcf\x08!\xa4\x94\\p\xcb\xb4\xa6\xcf\xf8\xf9y\xe7\x9f\xe3\xb4S\xb0\xb4\xf44{A\xfc\xc8.\x88\xc3\xe7\xf3\xf6\xc5\xbc=\xbb\xf6\xbc\xfa\xc2?\xb6\x97\xec\x1c~\xf9\xb0\xde\x03z\x99\xa6Y_W\xef\xf0n\xa4W\xfdu\xd7\xf2\xfa\x8f\x8e\xa4\x94\xe9\x99\xe9[\xb7\x94\xdcv}Q\xe3\x9b\xbf,\xcb\xea|Q\xa7?-x\xbaK\xd7\xceU\x15U\x86\xa1\xcdqU\xe33D3a\xe6\xe4e\xbf\xbd\xec\xdd\xfb\xbe\xf7\x00\xe7\xcc\xbea\xd22\xad\xdb\xef\xb9m\xdc\xa4\xb1N;\xfa(\xa5"\xa1\x88i\x9a\x89D\xc2&lt;\xcc:\xfc\xff,i\x9a\xd6\x9e]{\xdf\xfc\xf7\x8a\xdf\xff\xea\x8f\xdf\x1dqC\xd1Mw\x7f\xfa\xc9\xbe,\x7f\x96\xfd\xd8,g\xd2\xab\xfe\xbaky\xfdGK\x8a8\xe7\xb1\x86X\xf1\x1d?\x0e\x05C\xc2\x10\x8a\x94eY\x83.\x19\xf8\xca\xb2E\x85\x9d\xcf\xaf\xa9\xaa\xd1\xe8\xe8O\xfa\x9e\x01\x98\t3\x90\x13\xd8\xb4\xee\xc3\xbb&amp;~?\x16\x8bq\xce\x84\xe0\xa6i\x8e\x1e3r\xda\x13\x0f\x06\x9d\xb4\xf4l?\xa7%-=m\xee+\x7fM$LF\xa4\x88L\xd3\x8c\x86\xa3\x15\x87*\xf7\xed\xfdl\xebG[\xb7|\xb8\xd5^\xb1\xe5\x9c\x9b\xa6\xf9\xc6?\x96\xbd\xbfz\xdd\x9f\xe6?=\xfc\x8a\xa1AG\xbe_T\xa3\xfa\xeb\xaeE\xf6\x1fMY\xd2\xca\xce\xc9\x9e\xf7\x97\x05\xa5[\xb7\x0bC(\xa9\xa4\x94\x03\x87\rX\xb0d\xb6\x10"\x12\x8a\x1a\x1e\xcd\x8e\xa8\x9a5\xd7f\x9a\xa6?\xdb_\xbau\xfbm\xd7\x17\x05kC\xf6{\xe5L\xd3\x1a0\xa4\xdf\x1f\xe7\xfe6\xd6\x10SJ9\xea\xe6)\xfb:\xde\xb0\xcb\x87\x1c\xb5&amp;\xce\xec\xad2D\xaa\xbe\xaea\xcf\xee\xbd/=\xf7\xca\xdc?/\xb0_\x90$\x04\xaf\xad\xae-\xba\xe9\xee\xd7\xde~\xa5\xb0s\xc7\xfa\xbazG]\xcd\xd3\xae\xfe\xbaka\xfdG_\x8c\xb1x&lt;\xfe\xcf\xc5\xaf3\xc6\x18cR\xc96\xed\xce\xfa\xd3\xfc\xdf\x1b\x1e\xa3\xbe\xae^\xc7S^\xfd\xba\x85i\x9aYYY\x9f\xec\xfc\xe4\xe6k\'W\x94Wp\xce\x19g\xa6iu\xef\xddm\xf6\x8b\xcfr!\x9c\xf9.l\xa5T8\x18\t\xd6\x86\x8e\xfc_\xb0\xb6\xa6\xb6\xba\xb2\xba\xba\xb2&amp;\xd6\x10\xebPx\xdec\xbf\x7fd\xfe\xe2Y\x99Y\x99\x8c1\xcb\x92\x86aD#\xd1G~\xfa\x98\xd3~\x17M\xeb\xaf\xbb\x16\xd3\x7f\xf4e?\xdd\xba\xf2P\xe5\xae\xed\xbb\x95R\xf6\x1bR\xef\xf8\xfe\xe4vg\xb7\x8dF\xa2\x9a\x9efi\xd69L\xd3\xcc\xca\xca\xfct\xef\xbe\x89W\xdfV\xf6\xc5\x01!\x04\xe3\xcc2\xad\xae\xdd/Z\xb0dvzFz\xac!\xe6\xd8\x1eo?=\xff\xff0\x840\x04\xe3\xac\xa1\xbe\xe1`\xd9\xc1o]=\xfag\xbf\xbc\xdf~\xa7\x87e\x99\x9c\xf3\xf7\xde\xf9\xefG\x1b6\xa7\xa5\xa79\xe4\xb1YZ\xd7_w-\xa0\xffhM)e\x08\xa3\xba\xb2:\x14\x0c\x13\x91eYB\x88\x81C\xfb\xd7E5\xbe\xd8\xae\xd3X5M+33\xe3\xf3\xcf\xbe\x98t\xf5m\x9f\xef\xfb\xc2\xde\x00g\x99\xd6\xc5=\xba.|m\xae?\xdb__\xaf\xeb_\x82s\xee\xf1x***\xaf\xbe\xfe;m\xdb\xb7\x91\x96d\x8c\xd9;\xbe\xd7\xaeY\xe7\xf5\xa6J\x99\xfc\r}-\xb8\xfe\xba\xd3\xa2\xff\xb4\x00\x8c\xb3\xfa\xfa\x98}\xe8g\x8cede\xe4\xe4\xe5X\x96\xa5\xefvgm\x02\xc02\xad\x8c\xcc\xf4\xb2\xfd\x07\'^}\xdb\xa7{\xf65\x1e}z\xf4\xee\xfe\xb7\x7f\xce\x0f\xe4\x04t\xdf\xf4f\xdf?\x95\xe5\xcf\xea\xd2\xb53\xd1\xe1\x07\x8b\x13\xd1\xde\xdd\x9fJ\xa9\x92\xde\xc1Z|\xfdu\xe7\xf0\xfe\xd320"\xcb\xb2\x0e\xbf\x93Y\xcaX}\xcc\xde\x08\x94\xecv\x9d:=.\x02[\x96\x95\x96\x91v\xe8\xe0\xa1I\xd7\xdc\xb6g\xd7\xde\xc6\xa3O\xcf\xbe=\x16\xbc:;3+\xb3\xc5\x1c}8g\x19\x99\x19\x87\xff\x8b""\x8aD\xa2I|\xa7\xab\xcd=\xf5\xd7\x9d3\xfbO\xcb\xc0\x18\x8b\xc5\xe2\xe7v8{\xc1\xabs\xec\xbdX\x1e\x8f\x91\x96\xe6\xb3\xcf\xb7\x92\xdd\xbaS\xa4A\x00X\x96\x95\x96\x96VUQ5\xe9\x9a\xc9\xbb\xb6\xefn&lt;\xfa\xf4\xea</t>
        </is>
      </c>
    </row>
    <row r="106">
      <c r="A106" s="1" t="n">
        <v>104</v>
      </c>
      <c r="B106" t="inlineStr">
        <is>
          <t>color_overlap_squares</t>
        </is>
      </c>
      <c r="C106" t="inlineStr">
        <is>
          <t>What is the missing color of the part denoted with a question mark?</t>
        </is>
      </c>
      <c r="D106" t="inlineStr">
        <is>
          <t>['orange', 'purple', 'yellow', 'blue']</t>
        </is>
      </c>
      <c r="E106" t="inlineStr">
        <is>
          <t>yellow</t>
        </is>
      </c>
      <c r="F106" t="inlineStr">
        <is>
          <t>There are 3 squares which overlap each other in the image. The color of the squares are ['?', 'blue', 'red']. The part where the first and second squares overlap is green. The part where the second and third squares overlap is purple.</t>
        </is>
      </c>
      <c r="G106" t="inlineStr">
        <is>
          <t>We observe that the blue and red squares overlap to form purple. Hence, the pattern is that the color of the part where two squares overlap is determined by mixing the two colors.</t>
        </is>
      </c>
      <c r="H106" t="inlineStr">
        <is>
          <t>Based on the pattern that the color of the part where two squares overlap is determined by mixing the two colors, the missing color of the part which overlaps with blue to form green should be yellow.</t>
        </is>
      </c>
      <c r="I106" t="inlineStr">
        <is>
          <t>b'\x89PNG\r\n\x1a\n\x00\x00\x00\rIHDR\x00\x00\x02\x00\x00\x00\x02\x00\x08\x02\x00\x00\x00{\x1aC\xad\x00\x00 \xdfIDATx\x9c\xed\xdd}\x90]e\x81\xe7\xf1\xe79\xe7\xbet\xdf\xee\xa4\x13bp\xd6JQ,:b\xcd\xc2\x02e\x02\x8a\x1a\xa8JR\x11GK\xb6\x1ctwMe\x1c5/\x0b!n\x8d%\x08Z[\xc5\xaa`\x95\xffHV^\x12\n\x0b\x02\xcc"\x8e\xe5\x96\xbb\x85R\x03V\x11u!&amp;\xbc\x89\x8aQF\x19Fp\xdb@:\x9d\xee\xce\xed{\xef9\xe7\xd9?\x1eh\x9aN\xa7s\xfb\xde\xe7\x9c\xf3\xbc|?EQ\xb1+T\x8e\x9d\xee\xdf\xf7\x9e{N\xdf+\x95R\x02\x00\x10\x9e\xa8\xec\x03\x00\x00\x94\x83\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80\xd7\xa4i\xaa\x94*\xfb(P\x1c\xc9\xdf7\x00!\x84RJJ9\xfb\x17\xf0\x1eg\x00@\xe8\x94Rz\xf4o\xbc\xf1\xc6\xd1\xd1Q)e\x96ee\x1f\x14\x8a@\x00\x80\xa0)\xa5\xb2,\x93Rn\xdf\xbe\xfdK_\xfa\xd2G?\xfa\xd1\xb1\xb1\xb1(\x8ah@\x08\x08\x00\x10.\xbd\xfeq\x1co\xdd\xbau\xf7\xee\xdd\x8d\xc1\xc1\xfd\xfb\xf7o\xdc\xb8\x91\x06\x04\x82\x00\x00\x81\x9a\xbd\xfew\xdcqG\xbdZ=\xdelV*\x95\x03\x07\x0e\xd0\x80@\x10\x00 Ds\xd7\xbfVku:\xefy\xdb\xdb\xd2$\xa1\x01\xe1 \x00@p\xe6\xac\xff`\xbd\xdej\xb7?~\xf6\xd9\x0f_q\xc5\xd7\xd7\xaeM\x92\xa4^\xad\xd2\x80\x10\x10\x00 ,\'\xae\x7f\xb3\xd5\xfa\x8f\xefz\xd7\xad\x1b6\xfc\xf9\xf8\xf1\xed\xe7\x9f\xff\xf5\xb5k[\x9d\x0e\r\x08\x01\x01\x00\x02r\xb2\xf5\xff\xd6\xfa\xf5\x93\xed\xb6\x10\xe2\xf0\xf1\xe3W\xd2\x80`\x10\x00 \x14\x0b\xaf\x7f\xa6T$e%\x8a\xfeL\x03\x82A\x00\x80 t\xb3\xfe\xfaw\xd2\x80p\x10\x00\xc0\x7f\xdd\xaf\xbfF\x03\x02A\x00\x00\xcf-v\xfd5\x1a\x10\x02\x02\x00\xf8\xac\xb7\xf5\xd7h\x80\xf7\x08\x00\xe0\xad~\xd6_\xa3\x01~#\x00\x80\x9f\xfa_\x7f\x8d\x06x\x8c\x00\x00\x1e2\xb5\xfe\x1a\r\xf0\x15\x01\x00|cv\xfd5\x1a\xe0%\x02\x00x%\x8f\xf5\xd7h\x80\x7f\x08\x00\xe0\x8f\xfc\xd6_\xa3\x01\x9e!\x00\x80\'\xf2^\x7f\x8d\x06\xf8\x84\x00\x00&gt;(f\xfd5\x1a\xe0\r\x02\x008\xaf\xc8\xf5\xd7h\x80\x1f\x08\x00\xe0\xb6\xe2\xd7_\xa3\x01\x1e \x00\x80\xc3\xcaZ\x7f\x8d\x06\xb8\x8e\x00\x00\xae*w\xfd5\x1a\xe04\x02\x008\xc9\x86\xf5\xd7h\x80\xbb\x08\x00\xe0\x1e{\xd6_\xa3\x01\x8e"\x00\x80cl[\x7f\x8d\x06\xb8\x88\x00\x00.\xb1s\xfd5\x1a\xe0\x1c\x02\x008\xc3\xe6\xf5\xd7h\x80[\x08\x00\xe0\x06\xfb\xd7_\xa3\x01\x0e!\x00\x80\x03\\Y\x7f\x8d\x06\xb8\x82\x00\x00\xb6sk\xfd5\x1a\xe0\x04\x02\x00X\xcd\xc5\xf5\xd7h\x80\xfd\x08\x00`/w\xd7_\xa3\x01\x96#\x00\x80\xa5\\_\x7f\x8d\x06\xd8\x8c\x00\x006\xf2c\xfd5\x1a`-\x02\x00X\xc7\xa7\xf5\xd7h\x80\x9d\x08\x00`\x17\xff\xd6_\xa3\x01\x16"\x00\x80E|]\x7f\x8d\x06\xd8\x86\x00\x00\xb6\xf0{\xfd5\x1a`\x15\x02\x00X!\x84\xf5\xd7h\x80=\x08\x00P\xbep\xd6_\xa3\x01\x96 \x00@\xc9B[\x7f\x8d\x06\xd8\x80\x00\x00e\ns\xfd5\x1aP:\x02\x00\x94&amp;\xe4\xf5\xd7h@\xb9\x08\x00P\x0e\xd6_\xa3\x01%"\x00@\tX\xff\xd9h@Y\x08\x00P4\xd6\xffD4\xa0\x14\x04\x00(\x14\xeb\x7f24\xa0x\x04\x00(\x0e\xeb\xbf0\x1aP0\x02\x00\x14\x84\xf5\xef\x06\r(\x12\x01\x00\x8a\xc0\xfaw\x8f\x06\x14\x86\x00\x00\xb9c\xfd\x17\x8b\x06\x14\x83\x00\x00\xf9b\xfd{C\x03\n@\x00\x80\x1c\xb1\xfe\xfd\xa0\x01y#\x00@^X\xff\xfe\xd1\x80\\\x11\x00 \x17\xac\xbf)4 ?\x04\x000\x8f\xf57\x8b\x06\xe4\x84\x00\x00\x86\xb1\xfey\xa0\x01y \x00\x80I\xac\x7f~h\x80q\x04\x000\x86\xf5\xcf\x1b\r0\x8b\x00\x00f\xb0\xfe\xc5\xa0\x01\x06\x11\x00\xc0\x00\xd6\xbfH4\xc0\x14\x02\x00\xf4\x8b\xf5/\x1e\r0\x82\x00\x00}a\xfd\xcbB\x03\xfaG\x00\x80\xde\xb1\xfe\xe5\xa2\x01}"\x00@\x8fX\x7f\x1b\xd0\x80~\x10\x00\xa0\x17\xac\xbf=h@\xcf\x08\x00\xb0h\xac\xbfmh@o\x08\x00\xb08\xac\xbf\x9dh@\x0f\x08\x00\xb0\x08\xac\xbf\xcdh\xc0b\x11\x00\xa0[\xac\xbf\xfdh\xc0\xa2\x10\x00\xa0+\xac\xbf+h@\xf7\x08\x00pj\xac\xbf[h@\x97\x08\x00p\n\xac\xbf\x8bh@7\x08\x00\xb0\x10\xd6\xdf]4\xe0\x94\x08\x00pR\xac\xbf\xebh\xc0\xc2\x08\x000?\xd6\xdf\x0f4`\x01\x04\x00\x98\x07\xeb\xef\x13\x1ap2\x04\x00\x98\x8b\xf5\xf7\x0f\r\x98\x17\x01\x00\xde\x84\xf5\xf7\x15\r8\x11\x01\x00\xde\xc0\xfa\xfb\x8d\x06\xccA\x00\x80\xd7\xb0\xfe!\xa0\x01\xb3\x11\x00@\x08\xd6?$4`\x06\x01\x00X\xff\xe0\xd0\x00\x8d\x00 t\xac\x7f\x98h\x80 \x00\x08\x1c\xeb\x1f2\x1a@\x00\x10.\xd6\x1f\x817\x80\x00 P\xac?\xb4\x90\x1b@\x00\x10"\xd6\x1f\xb3\x05\xdb\x00\x02\x80\xe0\xb0\xfe8Q\x98\r \x00\x08\x0b\xeb\x8f\x93\t\xb0\x01\x04\x00\x01a\xfd\xb1\xb0\xd0\x1a@\x00\x10\n\xd6\x1f\xdd\x08\xaa\x01\x04\x00A`\xfd\xd1\xbdp\x1a@\x00\xe0?\xd6\x1f\x8b\x15H\x03\x08\x00&lt;\xc7\xfa\xa37!4\x80\x00\xc0g\xac?\xfa\xe1}\x03\x08\x00\xbc\xc5\xfa\xa3\x7f~7\x80\x00\xc0O\xac?L\xf1\xb8\x01\x04\x00\x1eb\xfda\x96\xaf\r \x00\xf0\r\xeb\x8f&lt;x\xd9\x00\x02\x00\xaf\xb0\xfe\xc8\x8f\x7f\r \x00\xf0\x07\xeb\x8f\xbcy\xd6\x00\x02\x00O\xb0\xfe(\x86O\r \x00\xf0\x01\xeb\x8f"y\xd3\x00\x02\x00\xe7\xb1\xfe(\x9e\x1f\r \x00p\x1b\xeb\x8f\xb2x\xd0\x00\x02\x00\x87\xb1\xfe(\x97\xeb\r \x00p\x15\xeb\x0f\x1b8\xdd\x00\x02\x00\'\xb1\xfe\xb0\x87\xbb\r \x00p\x0f\xeb\x0f\xdb8\xda\x00\x02\x00\xc7\xb0\xfe\xb0\x93\x8b\r \x00p\t\xeb\x0f\x9b9\xd7\x00\x02\x00g\xb0\xfe\xb0\x9f[\r \x00p\x03\xeb\x0fW8\xd4\x00\x02\x00\x07\xb0\xfep\x8b+\r \x00\xb0\x1d\xeb\x0f\x179\xd1\x00\x02\x00\xab\xb1\xfep\x97\xfd\r \x00\xb0\x17\xeb\x0f\xd7Y\xde\x00\x02\x00K\xb1\xfe\xf0\x83\xcd\r \x00\xb0\x11\xeb\x0f\x9fX\xdb\x00\x02\x00\xeb\xb0\xfe\xf0\x8f\x9d\r \x00\xb0\x0b\xeb\x0f_Y\xd8\x00\x02\x00\x8b\xb0\xfe\xf0\x9bm\r\x90J\xa9\x82\xffH\x94\xa8\xf4\xbb\x0e\x16\xa0\x94\x92RFQ\xa4\xd7\xbfV\xab\xb5\xdb\xed\x8f\x9f}6\xeb_$&gt;\xc9\x05H\xb2\xec\xf4F\xe3\xb6\xa7\x9f\xbev\xdf\xbeJ\xa5\x92$\xc9\x9a5k\x1ez\xe8\xa1\xe5\xcb\x97\xeb\xef\x82\xc2\x8e\x84\x00\xc0.z\xfd\xeb\xb5Z\xa7\xd3\xf9\xbbs\xce\xf9\x1f\xeb\xd6Mv:\x05\x7fW\x04+\xcb\xb2\xe94-\xfb(\x82\x90d\xd9\xcaF\xe3\xb6\xa7\x9f\xfe\xef\x8f=\x96\x08\xd1\xeet\xde\xf3\x9e\xf7|\xe7;\xdfY\xb5j\x95\x94\xb2\xb0\xafv\x02\x10\n\xbd\xa1\x9f\xff\xfc\xe7\x9fz\xea\xa98\x8eS\xfb\xbe\xcf\xa5\x94\xe3\xe3\xe3O&lt;\xf1\x84&gt;\xbcX\xca\xf7\xbe\xedmJ\x88T\xa9H\x08\xbeLs\x15K\x99*\xf5\xefV\xac\xf8\xca\x07&gt;0\xdd\xe9\x90\xdb\xbceJ\t!No46|\xf7\xbb\x8f\xbd\xfcrcp\xf0x\xb3\xf9\x95\xaf|\xe5\xcb_\xfer\x9a\xa6q\x1c\x17s\x18\x95b\xfe\x18\x94N\x07\xe0g?\xfb\xd9\xfe\xfd\xfb\xcb&gt;\x96\x85T\xaa\xb5,\xcb\xa28N\xd3\xf4\xa7/\xbdT\xf6\xe1\x84\xa5\x99$\x15)\x95\x10\xcc\x7f\xae\xf4\xf3\x99\xc3\xb5\xda\xa7\x7f\xf4\xa3\xc7^~\xb9^\xab\x1do6\xb7m\xdbv\xddu\xd7\xe9k`\x85\x1d\t\x01\x08\xcb\xf0\xf0p\x1c\xc7q\x1c\xb7\xdb\xed\xb2\x8fe~Ig\xe6\xc0d$_[\xa2\x94\xf3\xd4\x9c\xd5\xa2(Uj\xa8Z\xe5\x13\x9d\xb7\x99\xf5\xdf\xf1\xf0\xc3\x0f\x1c:T\xaf\xd5Z\xed\xf6\x96-[n\xbf\xfd\xf6\xe2\x9f\x8f!\x00a\xc9\xb2,MS\xa5\xd4\xaa\xbf\xba\xe8\xcc\x0b.\xedLOIi\xd7\x9d`J\xa9\xa8Ri\x8e\x1fy\xfaGw+!\x95\x90R\xca\x0f\xac\xf9\x0f#KV\xb6Z\xc7\xa3(\x16\x82G\xa8\xc6(\x95\xd5k\x83\xcf=\xff\xf8\xef_|:S*#\xb49\x9b\xbd\xfe\xf7\xff\xe67\xfa&gt;\xb7-[\xb6\xec\xd9\xb3\'M\xd3(\x8a\n~\xf2\x8d\x00\x84(\xcb\xb23\xcf\xbfd\xfd\xf6\xafO\x1d\x19\x8d*\xd5\xb2\x0f\xe7\xcd\x94\x12J\xc5\xb5\x81\xb7\x9cq\xf6\xc3{\xae\x8f\xe38\xcb\xb2\xc3\xaf\xfe\xeb\'\xfe\xfa\xda\xc1\x81%\xadv3\x8ec.\x08\x98\x92e\xc9\xd2\xe1\xb7\xfc\xcf\xffs\xd3\xf3\xff\xf2T\xd9\xc7\xe2?\xdb\xd6_\x10\x80`uZ\xc7\xa7\xc6\xfe||\xfc\x95(\xb6\xf2k@\xa9\xd5\x97o\x17B&lt;\xbc\xe7\xfa8\xae\xfc\xe6\x9f\xf7\xdfx\xeb\x7f\xba\xfaoo\x19\x1cX\xd2\x9aj\xc6QqO\x92\xfa-\xcbR%D\xbb\xdd,\xfb@\xfcg\xe1\xfa\x0b\x02\x10,)\xa3(\xae\xe8\x7f\xca&gt;\x96\xf9M\x8d\xfdy\xa6\x01\x95J\xed\xe5\xd1\xe7o\xbdg\xe7\x8e\xbf\xbdep`I\xbb\xdd\x8ch\x80!qT\xb1\xedi@\xff\xd8\xb9\xfe\x82\x9f\x04\x86\xb5\xa2\xb8\xa2\x1b\xb0~\xeb\x8dI\xd2\xaeTj\xff\xfa\xa7C\xdf\xba\xfb\xaa\xe6\xf4D\xad6\x98e\xd6\xdd\xc6\n\xcc\xcb\xda\xf5\x17\x04\x006\xa3\x01p\x9d\xcd\xeb/\x08\x00,G\x03\xe0.\xcb\xd7_\x10\x00\xd8\x8f\x06\xc0E\xf6\xaf\xbf \x00p\x02\r\x80[\x9cX\x7fA\x00\xe0\n\x1a\x00W\xb8\xb2\xfe\x82\x00\xc0!4\x00\xf6sh\xfd\x05\x01\x80[h\x00l\xe6\xd6\xfa\x0b\x02\x00\xe7\xd0\x00\xd8\xc9\xb9\xf5\x17\x04\x00.\xa2\x01\xb0\x8d\x8b\xeb/\x08\x00\x1cE\x03`\x0fG\xd7_\x10\x00\xb8\x8b\x06\xc0\x06\xee\xae\xbf \x00p\x1a\r@\xb9\x9c^\x7fA\x00\xe0:\x1a\x80\xb2\xb8\xbe\xfe\x82\x00\xc0\x034\x00\xc5\xf3`\xfd\x05\x01\x80\x1fh\x00\x8a\xe4\xc7\xfa\x0b\x02\x00o\xd0\x00\x14\xc3\x9b\xf5\x17\x04\x00&gt;\xa1\x01\xc8\x9bO\xeb/\x08\x00&lt;C\x03\x90\x1f\xcf\xd6_\x10\x00\xf8\x87\x06 \x0f\xfe\xad\xbf \x00\xf0\x12\r\x80Y^\xae\xbf \x00\xf0\x15\r\x80)\xbe\xae\xbf \x00\xf0\x18\r@\xff&lt;^\x7fA\x00\xe07\x1a\x80~\xf8\xbd\xfe\x82\x00\xc0{4\x00\xbd\xf1~\xfd\x05\x01@\x08h\x00\x16+\x84\xf5\x17\x04\x00\x81\xa0\x01\xe8^ \xeb/\x08\x00\xc2A\x03\xd0\x8dp\xd6_\x10\x00\x04\x85\x06`aA\xad\xbf \x00\x08\r\r\xc0\xc9\x84\xb6\xfe\x82\x00 @4\x00\'\np\xfd\x05\x01@\x98h\x00f\x0bs\xfd\x05\x01@\xb0h\x00\xb4`\xd7_\x10\x00\x84\x8c\x06 \xe4\xf5\x17\x04\x00\x81\xa3\x01!\x0b|\xfd\x05\x01\x00h@\x98X\x7fA\x00\x00A\x03\xc2\xc3\xfak\x04\x00\x10\x82\x06\x84\x84\xf5\x9fA\x00\x80\xd7\xd0\x80\x10\xb0\xfe\xb3\x11\x00\xe0\r4\xc0o\xac\xff\x1c\x04\x00x\x13\x1a\xe0+\xd6\xffD\x04\x00\x98\x8b\x06\xf8\x87\xf5\x9f\x17\x01\x00\xe6A\x03|\xc2\xfa\x9f\x0c\x01\x00\xe6G\x03\xfc\xc0\xfa/\x80\x00\x84E)U\xf6!\xb8\x84\x06\xb8\x8e\xf5_\x18\x01\x08\x85RJ)U\xa9T\xca&gt;\x10\xc7\xd0\x00w\xb1\xfe\xa7D\x00\x82\xa0\x94\x92RJ)\x8f\x1e=Z\xf6\xb1\xb8\x87\x06\xb8\x88\xf5\xef\x06\x01\xf0\x9fR*\xcb\xb2(\x8a\xb6n\xddz\xf0\xe0\xc1J\xb5\xa6?Z\xf6q\xb9\x84\x06\xb8\x85\xf5\xef\x12\x01\xf0\x9c^\xff8\x8e\xb7n\xddz\xc7\x1dw\xc4q\x9ce\x99\x10"\xaaT\xb8\x1e\xb0(4\xc0\x15\xac\x7f\xf7\x08\x80\xcf\xe6\xac\x7f\xadVK\xd3\xd7v\xea\xf8\xf8\xab\x95Z\x9d\x06,\n\r\xb0\x1f\xeb\xbf(\x04\xc0[s\xd6\xbf^\xaf\xb7\xdb\xed(\x8a\xb24\x91Q\xf4\x8b\x7f\xfa\x87\xfd\xff\xb8k\xf8\xb4\xb7fiR\xf6\x91\xba\x84\x06\xd8\x8c\xf5_,\x02\xe0\xa79\xeb?88\xd8j\xb5\xb6o\xdf\xbev\xedZ!D$\xa5\xca\xd2G\xf6|\xe9\xe0\xff\xba}h\xf9\xe94`Qh\x80\x9dX\xff\x1e\x10\x00\x0f\x9d\xb8\xfe\xcdfs\xd3\xa6M\xb7\xddv\xdb\xccs&gt;J\x88\xa8Ryx\xcf\xf54\xa0\x074\xc06\xac\x7fo\x08\x80o\xe6]\xff\xcd\x9b7\xdfy\xe7\x9d\xadV+I\x92\x99\xdf\x97%\t\r\xe8\x19\r\xb0\x07\xeb\xdf3\x02\xe0\x95\x05\xd6\x7fbbB\x08\x11E\x91\x10"M\xd3K?~\xe1\xd9\xab\xffm\x96$\x95j\x95\x06\xf4\x86\x06\xd8\x80\xf5\xef\x07\x01\xf0\xc7\xc2\xeb\x9fe\xd9\xec\xef\x84\x91\x15K\xfe\xfe\xf6\xbf[\xf5\x97\x7f\x91t:4\xa0g4\xa0\\\xac\x7f\x9f\x08\x80\'N\xb9\xfe\xfa\xb1\xff\x8c\xe9\xe3\xed\xc6\xf0\xc0\xe7\xbe\xb5\xf9\x8cw\xfd\x1b\x1a\xd0\x0f\x1aP\x16\xd6\xbf\x7f\x04\xc0\x07\x8b]\x7f!D\x1cG\xad\xe9vc\xc9\xe0\x7f\xbd\xe5S4\xa0O4\xa0x\xac\xbf\x11\x04\xc0y=\xac\xbf\x16\xbd\xd6\x80\x01\x1a\xd0?\x1aP$\xd6\xdf\x14\x02\xe0\xb6\x9e\xd7_\x8b\xe2\xa8\xd5\xa4\x01f\xd0\x80b\xb0\xfe\x06\x11\x00\x87\xf5\xb9\xfe\x1a\r0\x88\x06\xe4\x8d\xf57\x8b\x00\xb8\xca\xc8\xfak4\xc0 \x1a\x90\x1f\xd6\xdf8\x02\xe0$\x83\xeb\xaf\xd1\x00\x83h@\x1eX\xff&lt;\x10\x00\xf7\x18_\x7f\x8d\x06\x18D\x03\xccb\xfdsB\x00\x1c\x93\xd3\xfak4\xc0 \x1a`\n\xeb\x9f\x1f\x02\xe0\x92\\\xd7_\xa3\x01\x06\xd1\x80\xfe\xb1\xfe\xb9"\x00\xce(`\xfd5\x1a`\x10\r\xe8\x07\xeb\x9f7\x02\xe0\x86\xc2\xd6_\xa3\x01\x06\xd1\x80\xde\xb0\xfe\x05 \x00\x0e(x\xfd5\x1a`\x10\rX,\xd6\xbf\x18\x04\xc0v\xa5\xac\xbfF\x03\x0c\xa2\x01\xddc\xfd\x0bC\x00\xacV\xe2\xfak4\xc0 \x1a\xd0\r\xd6\xbfH\x04\xc0^\xa5\xaf\xbfF\x03\x0c\xa2\x01\x0bc\xfd\x0bF\x00,e\xc9\xfak4\xc0 \x1ap2\xac\x7f\xf1\x08\x80\x8d\xacZ\x7f\x8d\x06\x18D\x03N\xc4\xfa\x97\x82\x00X\xc7\xc2\xf5\xd7h\x80A4`6\xd6\xbf,\x04\xc0.\xd6\xae\xbfF\x03\x0c\xa2\x01\x1a\xeb_"\x02`\x11\xcb\xd7_\xa3\x01\x06\xd1\x00\xd6\xbf\\\xe5\x0f\n4\'\xd6_\xa3\x01\x06\x85\xdc\x00\xd6\xbft\xb6lJ\xe0\x1cZ\x7f\x8d\x06\x18\x14f\x03X\x7f\x1b\xd85+arn\xfd5\x1a`Ph\r`\xfd-a\xe3\xb2\x04\xc5\xd1\xf5\xd7h\x80A\xe14\x80\xf5\xb7\x87\xbd\xe3\x12\x02\xa7\xd7_\xa3\x01\x06\x85\xd0\x00\xd6\xdf*\xb6\xef\x8b\xc7&lt;X\x7f\x8d\x06\x18\xe4w\x03X\x7f\xdb\xb811\xfe\xf1f\xfd5\x1a`\x90\xaf\r`\xfd-\xe4\xd2\xcax\xc3\xb3\xf5\xd7h\x80A\xfe5\x80\xf5\xb7\x93{C\xe3:/\xd7_\xa3\x01\x06\xf9\xd4\x00\xd6\xdfZ\xaen\x8d\xa3&lt;^\x7f\x8d\x06\x18\xe4G\x03X\x7f\x9b\xb9=7n\xf1~\xfd5\x1a`\x90\xeb\r`\xfd-\xe7\xc3\xe28!\x90\xf5\xd7h\x80A\xee6\x80\xf5\xb7\x9f?\xa3c\xb3\xa0\xd6_\xa3\x01\x06\xb9\xd8\x00\xd6\xdf\t\xbe\xed\x8e\x85\x02\\\x7f\x8d\x06\x18\xe4V\x03X\x7fW\xf89=\xf6\x08v\xfd5\x1a`\x90+\r`\xfd\x1d\xe2\xf3\xfa\x94.\xf0\xf5\xd7h\x80A\xf67\x80\xf5w\x8b\xff\x03T\x16\xd6\x7f\x06\r0\xc8\xe6\x06\xb0\xfe\xce\te\x83\n\xc6\xfa\xcfA\x03\x0c\xb2\xb3\x01\xac\xbf\x8b\xc2\x9a\xa1b\xb0\xfe\xf3\xa2\x01\x06\xd9\xd6\x00\xd6\xdfQ!.Q\xaeX\xff\x05\xd0\x00\x83\xeci\x00\xeb\xef\xaep\xc7(\x0f\xac\xff)\xd1\x00\x83lh\x00\xeb\xef\xb4\xd0\xf7\xc8 \xd6\xbfK4\xc0\xa0r\x1b\xc0\xfa\xbb\x8eI2\x83\xf5_\x14\x1a`PY\r`\xfd=\xc0*\x19\xc0\xfa\xf7\x80\x06\x18T|\x03X\x7f?0L\xfdb\xfd{F\x03\x0c*\xb2\x01\xac\xbf7\xd8\xa6\xbe\xb0\xfe}\xa2\x01\x06\x15\xd3\x00\xd6\xdf\'\xccS\xefX\x7f#h\x80Ay7\x80\xf5\xf7\x0c\x0b\xd5#\xd6\xdf \x1a`P~\r`\xfd\xfd\xc3H\xf5\x82\xf57\x8e\x06\x18\x94G\x03X\x7f/\xb1S\x8b\xc6\xfa\xe7\x84\x06\x18d\xb6\x01\xac\xbf\xaf\x98\xaa\xc5a\xfdsE\x03\x0c2\xd5\x00\xd6\xdfc\xac\xd5"\xb0\xfe\x05\xa0\x01\x06\xf5\xdf\x00\xd6\xdfo\x0cV\xb7X\xff\xc2\xd0\x00\x83\xfai\x00\xeb\xef=6\xab+\xac\x7f\xc1h\x80A\x0b6`\xe0d\r`\xfdC\xc0l\x9d\x1a\xeb_\n\x1a`\xd0\xc9\x1ap\xbc9\x7f\x03X\xff@\xb0\\\xa7\xc0\xfa\x97\x88\x06\x184o\x03n\xb9\xe7\xea\xe6\xf4d\xbd\xde\x98\xfd;Y\xffp0^\x0ba\xfdKG\x03\x0c:\xb1\x01/\xfd\xbf\xdf\xed\xba\xeb\xbf\x1c\x9bxe\xe6\xf7\xb0\xfeAa\xbfN\x8a\xf5\xb7\x04\r0hN\x03\xa2\xb8\xf2\xdb?\x1c\xdc\xf7\xf3\xef\xc6R\n!\x94R\x91\x10\xac\x7f8\x98\xb0\xf9\xb1\xfeV\xa1\x01\x06\xcdn@\x96&amp;Q\\\x11\xaf\xcfz\x1cE\xac\x7fPX\xb1y\xb0\xfe\x16\xa2\x01\x06\xcdi\x80\x14B\x08)\x84\x90R\xeex\xe4\x91\x07\x0e\x1db\xfd\x03\xc1\x90\xcd\xc5\xfa[\x8b\x06\x184\xd3\x80u[\xbf&amp;\xa38\x93B\x08\xf1\x7f_z\xe9\xdb\xcf&gt;[\xabVY\xff@\xb0eo\xc2\xfa[\x8e\x06\x18\x14\xc5\x95\xc9#\xa3\x17\xfd\xcd\xce\x7f\xbf\xe1?\xab,\x8b\xe2J\xa6T\xadZmw:\xac\x7f \x98\xb37\xb0\xfeN\xa0\x01\x06I)\x93v\xab1\xb2B\xff\xcf8\x8eY\xff\xa0\xb0h\xafa\xfd\x1dB\x03\x0c\x92RfI"\x84\x88\xa2(MS\xd6?(\x8c\x9a\x10\xac\xbf\x83h\x80IR\n!\x92N{\xf5\xea\xd5{\xf6\xec\xd1_\xf0\xac\x7f\x08\xd85\xd6\xdfU4\xc0\xb8e\xcb\x96)\xa5\x94R\xac\x7f B\x9f6\xd6\xdfi4\xc0\xac$I\xa4\x94\xac\x7f8\x82^7\xd6\xdf\x034\xc0 \xa6?4\xe1\x0e\x1c\xeb\xef\r\x1a\x00\xf4&amp;\xd0\x8dc\xfd=C\x03\x80\x1e\x848s\xac\xbf\x97h\x00\xb0X\xc1-\x1d\xeb\xef1\x1a\x00,JXc\xc7\xfa{\x8f\x06\x00\xdd\x0bh\xefX\xff@\xd0\x00\xa0K\xa1L\x1e\xeb\x1f\x14\x1a\x00t#\x88\xd5c\xfd\x03D\x03\x80S\xf2\x7f\xf8X\xff`\xd1\x00`a\x9eo\x1f\xeb\x1f8\x1a\x00,\xc0\xe7\xf9c\xfd!h\x00pr\xde. \xeb\x8f\x194\x00\x98\x97\x9f#\xc8\xfac\x0e\x1a\x00\x9c\xc8\xc3\x1dd\xfd1/\x1a\x00\xcc\xe1\xdb\x14\xb2\xfeX\x00\r\x00f\xf3j\rY\x7f\x9c\x12\r\x00f\xf83\x88\xac?\xbaD\x03\x00\xcd\x93Md\xfd\xb1(4\x00\x10~\x04\x80\xf5G\x0fh\x00\xe0\xfc2\xb2\xfe\xe8\x19\r@\xe0\xdc\x1eG\xd6\x1f}\xa2\x01\x08\x99\xc3\xfb\xc8\xfa\xc3\x08\x1a\x80`\xb9:\x91\xac?\x0c\xa2\x01\x08\x93\x93+\xc9\xfa\xc38\x1a\x80\x00\xb97\x94\xac?rB\x03\x10\x1a\xc7\xb6\x92\xf5G\xaeh\x00\x82\xe2\xd2\\\xb2\xfe(\x00\r@8\x9cYL\xd6\x1f\x85\xa1\x01\x08\x84\x1b\xa3\xc9\xfa\xa3`4\x00!p`7Y\x7f\x94\x82\x06\xc0{\xb6O\'\xeb\x8f\x12\xd1\x00\xf8\xcd\xea\xf5d\xfdQ:\x1a\x00\x8f\xd9;\xa0\xac?,A\x03\xe0+K7\x94\xf5\x87Uh\x00\xbcd\xe3\x8c\xb2\xfe\xb0\x10\r\x80\x7f\xac[R\xd6\x1f\xd6\xa2\x01\xf0\x8c]c\xca\xfa\xc3r4\x00&gt;\xb1hOY\x7f8\x81\x06\xc0\x1b\xb6L*\xeb\x0f\x87\xd0\x00\xf8\xc1\x8aUe\xfd\xe1\x1c\x1a\x00\x0f\x94?\xac\xac?\x1cE\x03\xe0\xba\x92\xb7\x95\xf5\x87\xd3h\x00\x9cV\xe6\xbc\xb2\xfe\xf0\x00\r\x80\xbbJ[X\xd6\x1f\xde\xa0\x01pT\xa5\x94?\x95\xf5/\x9d\xcaT\x9adY\x9a\x95} \x9e\x90B\x1c\x9f\x9c\xae7jW\xef\xda\xfc\xcd+\xefz\xe9\xf9\xd18\xae&lt;\xbc\xe7z!\xc4\xea\xcb\xb7O\x1d\x19\x15R\x96}\x8c\xf3\xc8\xd2$K\x13\xa5\xf82\x08T\t\x01`\xfdmP\x1f\xac\x8d\xbceXH\x11\xc7|\xb6M\x91Y\x9a-=m\xe8\xbf\xdd\x7f\xd5\xcdW\xdd\xfd\xdc\x81?\xcc4\xe0\xc2\x8f]\x9d\xb6\xa7\x85\x94\xb6e K:C\xcbO\xaf\xd6\x1be\x1f\x08\xcaQt\x00X\x7f\x1bDQ\xf4\xab\xc7\x9f\xbf\xef\xa6\xff\xddjv"\xcb&amp;\xc9]J()d\x9af\x03\x8d\xda\xca3V\xfc\xe6\xe0\x1f2\x95J)\x1f\xdes\xfd+/\x1e\x1a\x1c9-K\x12i\xd9g[\xa9\xac:0\xf4\xc2\xd3\x8fFQ\x94e\x9c\x07\x04\xa7\xd0\x00(\xa5\x84\x103\xeb_\xaf\xd7Y\xff\x82EQ\x14\xc7q\x1c\xc7\xbf{\xea\x85\xdf=\xf5B\xd9\x87\xe3\xb38\x8e\xa5\x94B\x8a4\xcb\x9e\xfe\xd1\xdde\x1f\xce)\xd4j\xb54M\xf9\x06\x0cM\xd1\x01PJ]u\xd5Uz\xfd[\xad\xd6\xa6M\x9bX\xff\xc2H)\'\'\'\xd34M\xd3\xb4\xecc\xf1\xdf\xecOr\x14\xc7B\xc8(\x8a\x92N\xbb\xc4CZ@\xbb\xdd\x16BLNN\x96} (Tq\x01H\xd34\x8e\xe3\xaf~\xf5\xab\xbbw\xefn4\x1a\xc7\x8f\x1f\x7f\xff\xfb\xdf\x7f\xcf=\xf7\xbc\xfa\xea\xabB\x08\xd6?oR\xca$I.\xba\xe8\xa2F\xa3\xc1\xf9~\x01\xb2,\xabT*R\xca\x9f\xfc\xe4\'\xfa\x8b?\xe9\xb4\xdf\xfd\xeew\x8f\x8c\x8c\xe8Sa\xab\xc4q\x9c\xa6\xe9\x05\x17\\ \x84\xb0\xedy*\xe4G\x16\xf6\xb5\xa8\x1f\xfe\xff\xf1\x8f\x7f\xfc\xc4\'&gt;\xf1\xf8\xe3\x8f\xd7j\xb5j\xb5z\xe3\x8d7\xee\xdc\xb9\xf3\xf0\xe1\xc3\x95J9\xf7#\x85f`` \x8e\xe3\xb2\x8f\xc2\x7fY\x96I)\xeb\xf5\xfa\x95W^\xb9{\xf7\xeej\xb5\xdaj\xb5\xb6l\xd9\xb2g\xcf\x9e\xb2\x0f\rxCq\x01\x10B(\xa5\xa4\x94ccc\x1b7n&lt;p\xe0\x80~\xd0q\xf3\xcd7\xd3\x80\xc2\xf0\xc0\xbf\x00\xfa\xf9\xcc%K\x96|\xfa\xd3\x9f\xbe\xef\xbe\xfbj\xb5Z\xbb\xdd\xd6\xeb\x9fe\x99\xfe.(\xfb\x18O\x8as\xf1\xa0\x14\x1a\x00\xf1\xfa\xf7\xc6L\x03\xf4\x95\x00\x1a\x00o\xcc\xac\xffg&gt;\xf3\x99\xbd{\xf7\xea\xfb\xdc\xf4\xfa\xeb\xab\xac6\xaf?BSt\xed\xf5\xb3\xcf\xcb\x97/\x7f\xe8\xa1\x87\xd6\xacY\xd3j\xb5\xea\xf5\xfa\xe7&gt;\xf7\xb9]\xbbv\xad\\\xb92I\xf8\x99I8\x8c\xf5\x87[J8\xdd\xa3\x01\xf0\x12\xeb\x0f\xe7\x94\xf3|\x1f\r\x80gX\x7f\xb8\xa8\xb4\x0b&gt;4\x00\xde`\xfd\xe1\xa82\xaf\xf8\xd3\x00x\x80\xf5\x87\xbbJ\xbe\xe5\x8b\x06\xc0i\xac?\x9cV\xfe=\xbf4\x00\x8eb\xfd\xe1\xba\xf2\x03 h\x00\x1c\xc4\xfa\xc3\x03V\x04@\xd0\x008\x85\xf5\x87\x1fl\t\x80\xa0\x01p\x04\xeb\x0foX\x14\x00A\x03`=\xd6\x1f&gt;\xb1+\x00\x82\x06\xc0b\xac?&lt;c]\x00\x04\r\x80\x95X\x7f\xf8\xc7\xc6\x00\x08\x1a\x00\xcb\xb0\xfe\xf0R\xd1/\x07\xbd(\x1e\xbfv\xf4\x9cO;\xf3a3\xd6\x1f\xbe\xb2:\x00\xc2\xaf\x06dY\xa6\xdf(J\xbf-\xbb\x1e\x0e\xa5T\x96e3\xef\xd3\xcb\x9a\xd8\x86\xf5\x87\xc7l\x0f\x80p\xbf\x01J\xa94M+\x95J\xa3\xd1\xa8\xd5ji\x9aNNNNLL4\x9b\xcdv\xbb]\xadV\x1b\x8d\xc6\xc8\xc8\xc8\xf0\xf0p\x96e\x13\x13\x13\xfa\xfdc\xcb&gt;j\x08\xc1\xfa\xc3w\x0e\x04@\xb8\xdc\x80,\xcb\xea\xf5\xfa\xd0\xd0\xd0\xf8\xf8\xf83\xcf&lt;\xb3o\xdf\xbe\x83\x07\x0f\xfe\xfe\xf7\xbf\x1f\x1d\x1dm6\x9bzD\x1a\x8d\xc6\xaaU\xab\xce;\xef\xbc\x0f}\xe8C\xeb\xd7\xaf\x1f\x1e\x1e\x1e\x1f\x1f\xa7\x01\xa5c\xfd\xe1=7\x02 \xdcl@\x96eCCC/\xbe\xf8\xe2\xfd\xf7\xdf\xff\xbd\xef}\xef\x17\xbf\xf8\xc5)\xff\x93\xf3\xce;\xef\x86\x1bn\xf8\xc8G&gt;266\xc6\xbb\xb3\x96\x88\xf5G\x08\x9c\t\x80p\xad\x01i\x9a\x8e\x8c\x8c\xdc}\xf7\xdd\xd7\\s\xcd\xd8\xd8\x98\xfe`\xb5Z\xd5\xc3\xa1\xaf\x07\x08!\xa4\x94z\xe8\xf5\xc5\x00\xfd\xc1\x9bn\xba\xe9\x0b_\xf8\xc2\xd8\xd8\x18\xe7\x01\xa5`\xfd\x11\x08\x97\x1ec:wo\xa8R\xea\xado}\xeb\xd8\xd8X\xb5Z\xadV\xabq\x1cw:\x9dv\xbb\xddn\xb7\x93$\xd1s\x9f\xa6i\xa7\xd3\xe9t:i\x9a*\xa5\xf4\xf5\xe1\xeb\xae\xbbn\xef\xde\xbd\xcb\x97/\xd7W\x86Q$\xd6\x1f\xe1p\xe9\x0c@s\xe8&lt; \xcb\xb2\x91\x91\x91\x0f~\xf0\x83\x8f&lt;\xf2\x88\xfe\xc8\xe9\xa7\x9f~\xf1\xc5\x17\xaf^\xbd\xfa\xedo\x7f\xfb\xb2e\xcb\xe28\x9e\x9a\x9a\xfa\xedo\x7f\xfb\xe0\x83\x0f&gt;\xfa\xe8\xa3\xfa\xf7DQ\xa4\x94Z\xb1b\xc5\xc1\x83\x07O;\xed\xb4N\xa7\xc3\xe2\x14\x86\xf5GP\xdc\x0b\x80p\xa7\x01i\x9a.[\xb6\xec\x07?\xf8\xc1\xc7&gt;\xf6\xb1K.\xb9d\xd3\xa6M\xeb\xd7\xaf_\xb5jU\xa5RI\xd34\xcb2\xa5T\x14Eq\x1c\'I\xb2w\xef\xde\xab\xaf\xbe\xba\xd5j\xe9\x0f\xa6iz\xd3M7}\xf1\x8b_\xb4\xea\xff\x91\xdfX\x7f\x84\xc6\xc9\x00\x08w\x1a \xa5l\xb7\xdb\xbf\xfe\xf5\xaf/\xbc\xf0\xc2\xc1\xc1\xc1\xc9\xc9I=\xf1zJ\xf4\xcf\x01\xe8\xbf\x82\x95+W~\xe3\x1b\xdf\xb8\xe6\x9ak\xf4\xf3\xfeY\x96]z\xe9\xa5?\xfc\xe1\x0f\'\'\'\xb9\x1a\\\x00\xd6\x1f\x01r5\x00\xc2\xa9\x06\x0c\x0e\x0eNMM\xe9\x1b\xfc\xe7\xdd\x11\xfd\xa8\x7fjj\xea\x82\x0b.8|\xf8p\x1c\xc7i\x9a\x9ey\xe6\x99\x8f?\xfe\xf8\xc0\xc0@\x9a\xa6\xacO\xaeX\x7f\x84\xc9\xe1\x87\x96\xae\\\x13VJMNNJ)+\x95\xca\xc9vDJ\xa9\x9f/:\xeb\xac\xb3\xc4\xeb\xaf\x0cq\xec\xd8\xb1\xe9\xe9i\x1e\xfe\xe7\x8d\xf5G\xb0\xdc\x1e\x17W\x1a\xd0\xe5\x88K)go\r\xd3S\x00\xd6\x1f!s;\x00\xc2\x9d\x06,L\xdf\x00:55\xf5\xa7?\xfdi\xe6\x83\xcb\x96-k4\x1a\xdc\t\x9a\x1f\xd6\x1f\x81s&gt;\x00\xc2\x8b\x06\xa4i:&lt;&lt;\xfc\xe4\x93O\xbe\xf8\xe2\x8b\xfa6P)\xe5;\xdf\xf9\xce\x91\x91\x91$I\x98\xa1&lt;\xb0\xfe\x80\x0f\x01\x10\x8e7 \xcb\xb2j\xb5\xda\xe9tn\xb8\xe1\x86\x99k\xf2J\xa9\x0f\x7f\xf8\xc3q\x1c\xbb{\x95\xdef\xac? \x9c\xbe\x0b\xe8D\xae\xdc\x174\x9b&gt;\xe6\xa5K\x97~\xf6\xb3\x9f\xbd\xeb\xae\xbb\xf4\xd5\x82,\xcb\xde\xf1\x8ew&lt;\xf6\xd8c\x95JE\xbf\x82t\xd9\x87\xe9\x15\xd6\x1f\xd0&lt;9\x03\xd0\x9c;\x0fH\x92\xa4^\xaf\xd7\xeb\xf5O}\xeaSw\xddu\xd7\xecW\xfe\xf9\xe67\xbf\xc9\xf3?y`\xfd\x81\x19^\x05@8\xd5\x80$I\x96.]z\xec\xd8\xb1\xcb/\xbf\xfc\xde{\xef\x9dy\xb6\'\xcb\xb2]\xbbv]v\xd9eG\x8f\x1e\xe5\xc5\xe0\xccb\xfd\x81\xd9\xbcz\nh\x86\xfd\xcf\x05%I\xb2|\xf9\xf2g\x9ey\xe6\x93\x9f\xfc\xe4\xa1C\x87\xf4\xd0\xeb\r\xba\xe5\x96[\xb6m\xdb\xf6\xea\xab\xaf\xb2\xfef\xb1\xfe\xc0\x1c~\x06@\xd8\xdd\x00\xbd\xfe\xfb\xf6\xed\xbb\xe2\x8a+\x8e\x1c92\xb3\xfe\xcb\x97/\xff\xf6\xb7\xbf}\xf9\xe5\x97\x97~\x84\xfea\xfd\x81\x13y\x1b\x00ak\x03\xf4\xbb\xc4\xfc\xf2\x97\xbf\xdc\xb0a\xc3\xcc\x93&lt;i\x9a\x9es\xce9\xf7\xdcs\xcf\xb9\xe7\x9e{\xe4\xc8\x11\xd6\xdf,\xd6\x1f\x98\x97\xcf\x01\x10\xf65@\xdf\xe0/\xa5\\\xbbv\xed\xb3\xcf&gt;[\xa9T\xf4;\x06_z\xe9\xa5\xf7\xdf\x7f\xff\xb2e\xcb\xc6\xc7\xc7\xab\xd5j\xc1G\xe57\xd6\x1f8\x19\xdf.\x02\xcfa\xdb5a\xfd6a\xf7\xde{\xaf^\x7f\xfd\x860\x97\\r\xc9\xf7\xbf\xff\xfd\xa1\xa1\xa1c\xc7\x8e\xb1\xfef\xb1\xfe\xc0\x02&lt;\x0f\x80\xb0\xac\x01Q\x14u:\x9d\x07\x1ex@\x9f\x07(\xa5V\xadZ\xb5w\xef\xdeZ\xad6==\xcd3?f\xb1\xfe\xc0\xc2\xfc\x0f\x80\xb0\xa6\x01J\xa9Z\xad6::\xfa\xdcs\xcf\xa9\xd7\xed\xdc\xb9\xf3\x8c3\xce\x98\x9c\x9c\xe4\x9e\x1f\xb3X\x7f\xe0\x94\x82\x08\x80\xb0\xa3\x01\xfa\x15\xdf^y\xe5\x95\xf1\xf1q!\x84~{\x80\xb5k\xd76\x9bM\xd6\xdf,\xd6\x1f\xe8F(\x01\x10v4 \x8a\xa2f\xb39\xf3\xce0K\x97.\xd5\x7f4{d\x10\xeb\x0ft)\xa0\x00\x08;\x1a\xa0\xdf\rX\xff{zz\x9a\xc7\xfef\xb1\xfe@\xf7&lt;\xbf\rt^e\xdd\x1b\xaa\x9f\x02\x9a\x98\x98x\xf2\xc9\'\xf5G\xaa\xd5\xea\x9a5k\xf4\xcd\xa09\xfd\xa1Aa\xfd\x81E\t1\x00\xa2\xd4\x9f\x0f\x88\xa2hhhH\xffZ)555\x15\xe6_\x81q\xac?\xb0X\x81\x06@\x94z\x1e\x90$I\x96eB\x88(\x8a\xb8\xf1\xdf\x08\xd6\x1f\xe8A\xb8\x01\x10%5@\xbf\x14\xc4\xc0\xc0\x80\x10\xa2\xd3\xe9LLL\x88\xd7\xdf\x05\x1e\xbda\xfd\x81\xde\x04\x1d\x00Qx\x03\x94RCCC?\xff\xf9\xcf\x1f}\xf4\xd1\xe9\xe9\xe9\x0b/\xbcp\xc3\x86\r\xadV\x8bw}\xe9\x19\xeb\x0f\xf4,\xf4\x00\x88\x02\x1b\xa0_\x07b\xd7\xae]\xd7^{\xed\xcc[\xbdo\xde\xbc\xf9\xd6[om\xb5Z\xecT\x0fX\x7f\xa0\x1f\x04@\x88B\x1a\xa0\x94\xaaT*G\x8f\x1e=\xf7\xdcs\xf5k\xfe\xe8\x9f\x04N\xd3\xf4\xc1\x07\x1f\\\xb7n\xdd\xc4\xc4\x84~?Ht\x89\xf5\x07\xfa\xc4\xe2\x08Q\xc8\xcf\x07(\xa5\xea\xf5\xfa\x0b/\xbc011!\xa5\xect:\xfa\xe7\xbf\xa2(\xfa\xd5\xaf~U\xadV\xf5eat\x89\xf5\x07\xfaG\x00^S\xcc\xcf\x88\xcd\xfb\x18\x9f\x07\xfe\x8b\xc5\xfa\x03F0=o\xc8\xb5\x01R\xca\xe9\xe9\xe9\xb3\xce:k\xc5\x8a\x15\xfaU\xe1\xf4\xcbAgYv\xfe\xf9\xe7\xb7\xdbm2\xd0%\xd6\x1f0\x85\xd1y\x93\xfc\x1a\xa0\x9f\xf6Y\xb9r\xe5\xd7\xbe\xf6\xb5Z\xad\xd6n\xb7\xf5O\x03\xec\xd8\xb1\xe3\xe2\x8b/\x9e\x9c\x9c$\x00\xdd`\xfd\x01\x83\xb8\x08&lt;\x8f\xfc\xae\t+\xa5\x86\x87\x87\x9fx\xe2\x89\x1f\xff\xf8\xc7\xcdf\xf3\xbd\xef}\xef\xbau\xeb\xa6\xa7\xa7\xf9[\xe8\x06\xeb\x0f\x98E\x00\xe6\x97_\x03\xb2,k4\x1a\x83\x83\x83B\x88v\xbb\xcd\xcd?]b\xfd\x01\xe3\x08\xc0I\xe5\xda\x00}\xcf\x8f\x94\x92W\x03\xed\x06\xeb\x0f\xe4\x81\x00,\xc4\xb6\xf7\x94\x0f\x13\xeb\x0f\xe4\x84\'\x1f\x16b\xc3\xfb\x07\x04\x8e\xf5\x07\xf2C\x00N\x81\x06\x94\x88\xf5\x07rE\x00N\x8d\x06\x94\x82\xf5\x07\xf2F\x00\xbaB\x03\n\xc6\xfa\x03\x05 \x00\xdd\xa2\x01\x85a\xfd\x81b\x10\x80E\xa0\x01\x05`\xfd\x81\xc2\x10\x80\xc5\xa1\x01\xb9b\xfd\x81"\x11\x80E\xa3\x019a\xfd\x81\x82\x11\x80^\xd0\x00\xe3X\x7f\xa0x\x04\xa0G4\xc0 \xd6\x1f(\x05\x01\xe8\x1d\r0\x82\xf5\x07\xcaB\x00\xfaB\x03\xfa\xc4\xfa\x03%"\x00\xfd\xa2\x01=c\xfd\x81r\x11\x00\x03h@\x0fX\x7f\xa0t\x04\xc0\x0c\x1a\xb0(\xac?`\x03\x02`\x0c\r\xe8\x12\xeb\x0fX\x82\x00\x98D\x03N\x89\xf5\x07\xecA\x00\x0c\xa3\x01\x0b`\xfd\x01\xab\x10\x00\xf3h\xc0\xbcX\x7f\xc06\x04 \x174`\x0e\xd6\x1f\xb0\x10\x01\xc8\x0b\r\x98\xc1\xfa\x03v"\x009\xa2\x01\x82\xf5\x07,F\x00\xf2\x15x\x03X\x7f\xc0f\x04 w\xc16\x80\xf5\x07,G\x00\x8a\x10`\x03X\x7f\xc0~\x04\xa0 A5\x80\xf5\x07\x9c@\x00\x8a\x13H\x03X\x7f\xc0\x15\x04\xa0P\xde7\x80\xf5\x07\x1cB\x00\x8a\xe6q\x03X\x7f\xc0-\x04\xa0\x04^6\x80\xf5\x07\x9cC\x00\xca\xe1Y\x03X\x7f\xc0E\x04\xa04\xde4\x80\xf5\x07\x1cE\x00\xca\xe4A\x03X\x7f\xc0]\x04\xa0dN7\x80\xf5\x07\x9cF\x00\xca\xe7h\x03X\x7f\xc0u\x04\xc0\n\xce5\x80\xf5\x07&lt;@\x00l\xe1P\x03X\x7f\xc0\x0f\x04\xc0"N4\x80\xf5\x07\xbcA\x00\xecby\x03X\x7f\xc0\'\x04\xc0:\xd66\x80\xf5\x07&lt;C\x00lda\x03X\x7f\xc0?\x04\xc0RV5\x80\xf5\x07\xbcD\x00\xeceI\x03X\x7f\xc0W\x04\xc0j\xa57\x80\xf5\x07&lt;F\x00lWb\x03X\x7f\xc0o\x04\xc0\x01\xa54\x80\xf5\x07\xbcG\x00\xdcPp\x03X\x7f \x04\x04\xc0\x19\x855\x80\xf5\x07\x02A\x00\\R@\x03X\x7f \x1c\x04\xc01\xb96\x80\xf5\x07\x82B\x00\xdc\x93S\x03X\x7f 4\x04\xc0I\xc6\x1b\xc0\xfa\x03\x01"\x00\xae2\xd8\x00\xd6\x1f\x08\x13\x01p\x98\x91\x06\xb0\xfe@\xb0\x08\x80\xdb\xfal\x00\xeb\x0f\x84\x8c\x008\xaf\xe7\x06\xb0\xfe@\xe0\x08\x80\x0fzh\x00\xeb\x0f\x80\x00xbQ\r`\xfd\x01\x08\x02\xe0\x93.\x1b\xc0\xfa\x03\xd0\xa4R\xaa\xecc\x80Iz\xdf\xc7\xc6\xc66n\xdcx\xe0\xc0\x81z\xbd\xdej\xb5n\xbe\xf9\xe6\x9d;w\x1e&gt;|8\x8a"\xd6\x1f\x80\xc6\x19\x80o\x16&gt;\x0f\x10B\xb0\xfe\x004\xce\x00\xfct\xb2\xf3\x80\x1d;vl\xde\xbc\xf9\xbe\xfb\xeec\xfd\x01\x10\x00o\xcdi@\xa5RI\xd3\xf4}\xef{\xdfO\x7f\xfaS\xdd\x03\xd6\x1f\x08\x1c\x01\xf0\xd9\x89\rH\x92\x84\xf5\x07\xa0q\r\xc0gs\xae\x07$I\xd2h4X\x7f\x00\x1ag\x00\xfe\x9b9\x0f\xb8\xec\xb2\xcb\xf6\xef\xdf\xbfm\xdb\xb6\xdbo\xbf\x9d\xf5\x07@\x00\x82\xa0\x1b0::z\xe7\x9dw^\x7f\xfd\xf5\xfa/\x9d\xf5\x07\x02G\x00B\xa1\x94\xd2\x8b?\xf3\x0b\x00\x81\xe3\x1a@(\xa4\x94J\xa94MY\x7f\x00\x1ag\x00\x00\x10(\xc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xf5\xff\x01H\xabCs\xe3\xc4%\xe2\x00\x00\x00\x00IEND\xaeB`\x82'</t>
        </is>
      </c>
    </row>
    <row r="107">
      <c r="A107" s="1" t="n">
        <v>105</v>
      </c>
      <c r="B107" t="inlineStr">
        <is>
          <t>shape_size_grid</t>
        </is>
      </c>
      <c r="C107" t="inlineStr">
        <is>
          <t>What is the size of the missing part denoted by a question mark?</t>
        </is>
      </c>
      <c r="D107" t="inlineStr">
        <is>
          <t>['large', 'medium', 'small']</t>
        </is>
      </c>
      <c r="E107" t="inlineStr">
        <is>
          <t>large</t>
        </is>
      </c>
      <c r="F107" t="inlineStr">
        <is>
          <t>There are 9 shapes arranged in a grid with different sizes in the image, of which there is 1 missing shape. The first row is ['small triangle', 'small hexagon', 'small pentagon'], the second row is ['medium triangle', 'medium hexagon', 'medium pentagon'], and the third row is ['?', 'large hexagon', 'large pentagon'].</t>
        </is>
      </c>
      <c r="G107" t="inlineStr">
        <is>
          <t>We observe that the rows contain small shapes, medium shapes, and large shapes respectively. On the other hand, the columns contain triangles, hexagons, and pentagons respectively. Hence, the pattern is that the shapes within each column are the same, while each row progresses the size of the shapes.</t>
        </is>
      </c>
      <c r="H107" t="inlineStr">
        <is>
          <t>Based on the pattern that the shapes within each column are the same, while each row progresses the size of the shapes, the size of the missing triangle should be large.</t>
        </is>
      </c>
      <c r="I107" t="inlineStr">
        <is>
          <t>b'\x89PNG\r\n\x1a\n\x00\x00\x00\rIHDR\x00\x00\x02\x00\x00\x00\x02\x00\x08\x02\x00\x00\x00{\x1aC\xad\x00\x00s\xb6IDATx\x9c\xed\xddy\\T\xe5\xfa\x00\xf0\xf7,3\xac\x03\x83\x1bX\xdd\n\x05\xad+z\x13+\xafb\x8a-@\xf9+3\x01mq\xa9[z\xd3T\xdc151\xc4\x1d$m\xb9v\xed\xba\x94f`\xabY\x82\x89K\xa2y\x0bn\x99V\x82\xb8\xb4("\xcb\xc0\x0c\xeb\x9c\xf7\xbc\xbf?\x1e9Mn!\xccrf\xce\xf3\xfd\xdcO\x1f\xe1*\x9cs\xe6\x9c\xf7y\xdf\xe7}\xce\xfbr\x8c1\x82\x10BH{xW\x1f\x00B\x08!\xd7\xc0\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80+1\xc6dYv\xf5Q \xe4\x1a\x94RJ\xa9\xab\x8fB\xd38\xc6\x98\xab\x8f\x01!\xa4-\xd0\xf5\x11\x04\x01\xfeL\x08\xe18\xce\xd5\x07\xa5E8\x02p\rY\x96\x19c\xdf~\xfb\xed\xfb\xef\xbfO\x08\xc1~\x10\xd2\x0eY\x969\x8e\x13\x04\xe1\xe3\x8f?~\xe5\x95W8\x8e\xe38\x0e\x1f\x01\x97\xc0\x11\x80kH\x92$\x8ab||\xfc\xde\xbd{KKKy\x9e\x87\xc7\xc0\xd5\xc7\xe59\xec\xdb\xa0@_\x15\xb5\x1d\xa5T\x10\x04I\x92f\xce\x9c\x99\x99\x99I\x08\x191bDFF\xc6\r7\xdc\x00\x0f\x85\xab\x0fP[0\x00\xb8\x00&lt;\x03_~\xf9\xe5\xbd\xf7\xde+IRZZ\xda\x8b/\xbe\x08\xdft\xf5\xa1!\xe4(J\xda\xa7\xa8\xa8\xe8\x99g\x9e\xc9\xcf\xcf\xe7y\x9e\xe7yI\x92:w\xee\xbc~\xfd\xfa\xd8\xd8X\x98\x12\xe3y\xccL8\t\x06\x00gc\x8c1\xc6\xacVk\xff\xfe\xfd\x0b\x0b\x0by\x9e7\x1a\x8d\xc7\x8e\x1d\xeb\xd4\xa9\x13\xc1[\xdf\x1e\xa0\xa1\xc9\xcf\xcf\xb7\xd7 @\x10\x84\xa8\xa8(\x18\xa5\xd9\xe5\x07j\x90\xd2\xbfY\xb7n\xdd\x8c\x193\xaa\xab\xabEQ\x94$\x89\x10\xa2\xfca\xc1\x82\x05)))\xa4y|\xec\xd2\xe3\xd5\x0c\x86\x9cK\x92$\xc6\xd8\x86\r\x1b\x08!\x82 \xc0\x8d&gt;v\xecX\xe5\xffBm\x01\xd7p\xd3\xa6M\xf6}L6m\xda\xc4\xf0\x03j-\xab\xd5\xca\x183\x99L\xcf&gt;\xfb,\\O\x08\x06\x82 \xc0\x1f`(@\x08\x89\x8d\x8d-**\x82\x7f\x02\xf3d\xc8\xa1p\x04\xe0Tp\xd1M&amp;S\x8f\x1e=\xca\xca\xca\xe0;\x1c\xc7\xe9t\xba\xfc\xfc\xfc\xc8\xc8H\xc6\x18\x0e\x02Z\r.\xaf\xd9l\xee\xd3\xa7\xcf\xa9S\xa7x\x9eo{\x95-\xfc\x90\xd0\xd0\xd0\x82\x82\x02\x83\xc1\x80S5\xd7EI\xe9\xe4\xe7\xe7?\xf3\xcc3EEE\x82 (\x1f\n\xb3\xa9\xffa\x8c\xc1P\xa0}\xfb\xf6\xaf\xbf\xfezbb"\xfcs|\x1c\x1c\n/\xaeS\xc1\r\x9d\x91\x91QZZ\xcaq\x1c\xf4q8\x8ekll\x9c&gt;}:\xc7a&lt;n\x13J)\xcf\xf3\x99\x99\x99%%%\x90\\\x86\xcb\xdbj\x8c1I\x92x\x9e/))\xc9\xcc\xcc\xe4y\x1e\x8bUZ\x0e.\x1d\xcf\xf3\x0b\x17.\x8c\x8e\x8e\x86\xd6\x9fR\xca\xf1\x1c\x84\xea\xc7\x1e\x7ft\xf2\xac\x89\xf0g\x98\x19\x16\x04\xa1\xa2\xa2b\xc4\x88\x11\x93\'O6\x9b\xcd\xf0!\xba\xfa&lt;&lt;\x9a\xd3\xc6\x1a\x88R*\xcbrQQ\x91^\xaf\xbf$\xa1\x0c\x03\xe1\xac\xac,\x86y\x86\xd6\x82\xcb{\xe2\xc4\x89\xc0\xc0@\xfb\xe6\xeb9\x8e\xe3y&gt;00\xf0\xc4\x89\x13\xb2,SJ]}\xaej\'\xcb2\xa4}\xce\x9e=\x1b\x1b\x1b\x0b\x97\x11\xfa\xf2\x82(\x10B\xfc\xfc|\x97\xaeI;\xd7x\xbaL\xfau\xc3\xb6\x7fw\xec\xd4Ay\n\xa0B\x94\x10\x12\x19\x19YPP\xc0\x18\x93$\t\xd3A\x0e\x82]N\xe7\x81y\xb0\xc4\xc4\xc4\xec\xec\xec\x8b]\xa1\xe6\xc1/\xe4\x19\xc2\xc3\xc3\x8f\x1e=*\x8a"\xe6\x19Z\x01.\xef\x981c6m\xda\x04y\x06\xc6\x98\xbf\xc1\xffo}zIV\xeb\xf5^O\xc6\x98\xa8\xd3}Wp\xc4b\xb6@\x00\xa0\x94\x8e\x1e=z\xe3\xc6\x8dX\xafumP\xe6\xcfq\\VVVRR\xd2\xb9s\xe7 \xb7\x03\xdf\x94e\xf9o\x91=\x17\xbf\x92zg\xbf\xc8\x8a\xb2J\x99\xc9\xed\xda\x07\xfd\xfa\xf3o\x0bf\xa6~\xfeq\x8e\xf2w\xe0\x9f\x18\x0c\x86\x8c\x8c\x0c\x989\xc0\xcb\xee\x08\x18\x00\x9c\x04n\xdf\xdc\xdc\xdc\xd8\xd8Xh\xfd\x95\xff\x0bR\rp\xc7cIh\xeb\xc0\x15\xdb\xbf\x7f\xff\xbd\xf7\xde\xab|I)]\xf5\xe6\x8a\xb1\xcf\x8d\xae6W\x0b\xc2\xf5e;)\x95\x03\r\x81\x1b\xfe\xbdi\xea\xb8\x99\xf0\xa3\xe0\x13\xc9\xcb\xcb\x1b8p ~@Wsy\x99\xbfr\xf5\xe0\x9e\x7f\xfa\xf9\xd1\xf3\xd2\xe6\xe8t\xa2\xd9l\x81\n\x08I\x92||}\xf4z\xfd\xbfV\xbd\xb9x\xfer(\x15\xb5\xfd\'#G\x8e|\xf5\xd5W\xdb\xb7o\x8f\xd5Av\x87\x01\xc0\x19`\xb4%\xcbrDDDQQ\x91\xd2\xf1\xef\x15\x19qw\xff\xbb\xfe\xbd\xe6?\xd0c\xe58\x0eKB[\x07Z\x8a{\xef\xbdw\xff\xfe\xfd\xd04SJ\xef\xeew\xe7\x87{\xb2M\x95\xa6\xd6]IY\x96\x8d\xed\x8c\xc3\x06\'\xfc\xf7\xd07\xca\xcf\x1c8p`^^\x1e\xc1W\xc3.\xc3\x9a\xcb\xfc\x0b\x0b\x0b\'L\x98p\xf8\xf0a\xb8\xecJ\x83\xde\xb1S\x87\x15o,\x89{8\xa6\xdaTsI\x04\x85i\xe1\xa0v\xc6\xc3\xf9_\xcf\x99&lt;\xff\x87\xef\x7fT\xe6\x8aa\xec\xd5\xad[\xb7\xff\xfc\xe7?QQQ\xf8\xa2\x80}\xe1ut\x06\x98\xfb]\xbbv\xed\xf1\xe3\xc7!\xdb\x03\xbd\xfe\xa9s&amp;\xbf\xb8h\xf6_n\xb9I\x195WVV\xce\x993\x87\xe7y\x0c\xcc-\x07\xad\xc9\x96-[\xa0\xf5\x87\x1c\xbd^\xafON\x9dI%\n\t\x9cV\xe08\x8eJ49u\xa6^\xafg\x8c)\x83\x8c-[\xb6\\2\x86C\x90\xcf\x14\x04a\xdd\xbau\xd1\xd1\xd1\x87\x0f\x1f\x16E\x11\x1akX\xe6a\xc0\xe0\xa8O\xf7\x7f\x183\xe4\x81\x8a\xf2J\xc6\xd8%\xe1\x13.xEye\x9f\xbe\xbd\xb7\xe5\xbe\x9b8*\x1e&gt;D\xf8\xb7\xa2(\x16\x15\x15EGG\xc3&lt;&lt;N\xc5\xdb\x11\x06\x00\x87\x83\xfb\xb8\xaa\xaaj\xfe\xfc\xf9\x90\xdf\x84\xe6#\xee\x91\x98\xc1\xb1\xd1\xde\xde^\x13g\xfcS\xb9\xd7y\x9e\x7f\xf7\xddw\x0b\n\n\xecR\xc2\xa8\x05p\xe9\xaa\xab\xab\x17.\\\x08a\x15:\x8fC\x86=8`p\x7fs\x8d\xb9\xd5]uA\x10\xcc5\xe6\x01\x83\xfb\x0f\x19\xf6 |j\xf0\xbb\x16.\\X]]\x8d%[\n\xa5z\xe7\xf1\xc7\x1f\x7f\xee\xb9\xe7\xccf\xb3R\xd2\x03]\x9fyi\xc9[\xb6o\xec\x18\xdc\xb1\xaa\xb2\n\xa6\xb8\xae\xf8sDQ\xac1\x99u:\xdd+\xebV.]\xb3\xc8\xdf\xe0\'\xcb\xb2 \nPM$I\xd2\xd4\xa9S\xe3\xe2\xe2\xce\x9d;\x07?\x1f\xaf\x7f\xdba\x00p8x\x06\xe6\xcf\x9f_UU\x05]{\xc6\x98N\xaf\x9b6w\n!\xa4\xb2\xa2j\xe4\x98\xc4\xbb\xfa\xf5\x81\x0e&amp;\x96\x84^/\xdb\xd2Oh\xa3e&amp;\x1b\x83\x02g\xa5L7\xd7X\xda\x98\xa8\x11\x04\xc1\\c\x99\x952\xdd\x18\x14(3\x19\xa2\x0b\x96\x84*dY\x86\t\xdb\x9c\x9c\x9c\xfe\xfd\xfbo\xdd\xba\x15\xeeaY\x96\x05\x81\xa7\x94\xde\xda\xe5\x96\xad\x9f\xbd3i\xf6\xc4ZKmcc\xe3\x9ff\xf0\x05Q\xa0\x94VU\x9a\xc6\x8c\x1b\xb5}\xdf\x07\x91w\xf7\xa6\x12\x85\x8f\x95\x10\x02\xbf\xa8O\x9f&gt;999\x10H\xb0\x93\xd4F\x18\x00\x1c\x0bZ\xff\x82\x82\x82\xb5k\xd7B\x93\x01\xdd\xa2\x7fL\x18\xdb+\xb2\'T\x98\xe8t\xe2\x94\xe4I\xbc\xc0\x93\xe6l\xc6\xbe}\xfb\x94J!W\x9f\x81\xaaA\xc7\xfc\xe4\xc9\x93\xabV\xad\x82\xcb\xc5\xf3&lt;\x93\xd9\xd8\xf1\xa3\xbb\x86\x876\xd47\xb4\xb1\x98\x8a\xe3\xb8\x86\xfa\x86\xae\xe1\xa1c\xc7\x8ff2S&gt;\xc1U\xabV\x9d&lt;y\xd2\xf6\x9d&amp;\r\xb2-\xf3\x8f\x8b\x8b+**\x12E\x11rA\x8c1J\xe5\xc4Q\xf1;\x0e|\xf4\xf7\x01w\x97\x97\x95+\xef\xfa\xfe)H%UVTv\t\x0b\xcd\xda\xb9\xf9\xe9\xe7GC:H\x19U\x9c;w...n\xea\xd4\xa9\xca\xc8\xc0\xd1g\xea\xc1\xb0\x9b\xe9X\xd0^DGG\xef\xdb\xb7Oi/\xdawl\x9fsh\xbb1\xc8h\xb5Z9\x8e\x93$\xa9C\xc7\xf6\xe3\x9e\x98\xf8q\xf6\xf6\x8b}X,\tm\x19\xb8\xbc\t\t\t\xdb\xb6m\x83K\xc7\x18\xbb%\xf4\xe6\xdc\xc3;.\x969\xb7\xf9\xd2\xb1\xe6W\xc9b\xfa\x0e9s\xeag\xf83\xa54&gt;&gt;&gt;;;[\x9b\xe5@0#"\x8abqq\xf1\xa4I\x93rrr\x94\xf9^(f\xf37\xf8\xcd[&lt;g\xcc\xb8\xa7,\x96Zk\x93\xb5u\x97H\xa62/\xf0\xc6\xa0\xc0\xacw\xde\x7fyv\xda\x85\xb2r\xf8\xe1\xca\xef\x8a\x8a\x8aZ\xbf~}xx8\x04~|LZ\x01G\x00\x0e\x04\xadCvv6\xb4\xfe\x17\xfb\xa7\x8cM\x9f\x97t\xd3\xcd764\\\xec\x9f\xf2&lt;__W?y\xf6DC\x80\x01\x9a-x\xb4V\xae\\\x893\x01\xd7\xa0\x8c\x96\xa0\xf5W\xfa\x9eIs&amp;\xf9\x07\xf8C\xe1y\xdb\x7f\x0bDh\xff\x00\xff\xa49\x93\x94\xa9\x1aA\x10\xb6m\xdb\xa6|\xacm\xff-\xee\x85\xe38Q\x14\xb3\xb2\xb2\xfa\xf5\xeb\x07\xd9\x18x\xeb\x02\xfa\xe3\x91w\xf7\xde\xbe\xef\x831\xe3FUU\x9a \x81\xd3\xba\xdf\xc2\x0b&lt;c\xac\xfcBE\xfc\x93\x8f}\xba\xff\xc3\x01\x83\xa3\x94\xcf\x14"M~~~\xbf~\xfd\x94\xbc\x93]OQ+p\x04\xe0(\xd0\x94K\x92\x14\x11\x11Q\\\\|\xb1\xaa\x84\xd2\xbb\xfa\xf5\xd9\x96\xfbn]m\xbd\xed\x88\xd8j\xb5\x06w\x0e^8k\xd1\xab+\xdfP\xc6\xd1X\x12z\rpy\xadVkTTTaa\xa1\xd21\x8f\x8a\xee\x9f\xf5\xf9;5\xd5f\xfb^1Y\x96\x03\x02\r\x89\x0f&gt;\x95\xbf\xf7\xa02\xd4\x88\x8c\x8c\xcc\xcf\xcf\xd7\xe9t\xda\x19\xa5\xc1\x89\x9f?\x7f~\xe9\xd2\xa5\xabW\xaf&amp;\x97\x95\xf9O\x9e5q\xd2\xec\tz\xbd\xde\xd2\\\xe6\xdfv\xf0\xa2\x80 \xf0\x19\x8bV\xbf\xba\xf2\r\xe5\xd7)\xbf\xf4\xd9g\x9f}\xf9\xe5\x97\x83\x83\x83\xb5\xf3A\xd8\x0b6+\x8e\x02\xd9\xff\x95+W\x16\x17\x17+%q\xbc\xc0OI\x9e$\x8a\xe2%qW\x14ES\xa5i\xdc\xe4\x7f\xdc\x12z3\xb4\xfeX\x12zmpy\xb7n\xdd\xaaTL\xc1\xc8i\xfe\x929\x92\xe4\x90.\xb9$\xd1\xf9K\xe6\xc0g\xa7L\xedl\xdd\xbaUS\xa34\x18\xc5\xee\xdc\xb9s\xf5\xea\xd5\x90\x9f\x84\xdb\x95R\xda\xa1S\x87\r\xef\xff{\xee\xe2d\x99\xcau\x96:;\xbe\xb1%\x8abcCc]m\xfd\xdc\xc5\xc9[?{GyF\xe0\xbf:\x9dn\xdd\xbau;w\xee\xc4i\xf9V\xc0\x00\xe0\x10\xd0@\x94\x96\x96\xa6\xa7\xa7\xc3}\t\xfd\xfa\x87\x1f\x1b\xf2\xc0C\xf7\x9a\xaa\xaa/\x19\x17s\x1c\xd7\xd4\xd4\x14|C\xf0\x84i\xe3\xb1$\xf4O\xc1%\xaa\xac\xacLNN\x86\x8b\x03\xf3+#F\xc7\xff\xadOO\x8b\xb9\xd6\xee\x03&amp;\x9e\xe7-\xe6\xda\xbf\xf5\xe99bt\xbc\xf2\xebx\x9eONN\xae\xac\xac\xd4N\xc9\x16\xdc\xb7\x0f&gt;\xf8`PP\x10\xb4\xb6p\xa9c\x86\xdc\xffy\xfe\xc71C\xee//+g\x8c\xf1\xd7\xf9\xde\xf5\x9f\x829\xe4\xb2\xd2\x0b\xfd\xee\xe9\xfb\xf1\xde\xf7c\x86\xdc\xaf\xfcjI\x92\x8cF\xe3\x83\x0f&gt;H\xf0\xed\xbc\xeb\x87\x01\xc0!\xa0\x85RZ\x07B\x88,\xcb\xfe\x06\xff\xc9\xb3\'\xd6\xd7\xd5_\xb1y\x12E\xb1\xb2\xbcr\xc4\x98\x04,\t\xfdS\x97,\xaa\n\xdf\t4\x06L\x9b7\xa5\xceR\x7f\xbd\xab&gt;\xb4\x90 \xf0u\x96\xfai\xf3\xa6\x04\x1a\x03\x94W\x9cJKK322\xb4\x13\xa1\xa1\xf22$$\xa4\x7f\xff\xfe\x90\xf4\x87\x11\xea\xed\x11\xb7u\t\xebR~\xa1\xe2\x1ae\xfem\xa7\xd3\x89\x95\x15\x957\xdd|\xc3\xed\x11\xb7\xd9\xfe\xf6\xa8\xa8\xa8\x90\x90\x10x\x9b\xd2A\xbf\xdaSa\x00\xb0?\xe5\x95\xd1\xb7\xdf~\xfb\xe2\xdc\xaf\xc0\xcb\xb2\xfc\xec\x0bO\xf7\xec\x1dQ[[w\xb5\xfe)c\x0cKB\xff\x14t\xc0\x8b\x8b\x8bW\xacX\x01-/\xb4\x02\x93gM\xbc\xe1\xa6\xce\xca\xd4\xba\xddq\x1c\xd7\xd0\xd0p\xc3M\x9da\x05c\xe5W\xafX\xb1\xa2\xb8\xb8X;%\xa1p\x9a\t\t\t\xb6_\xe6\xee\xd8Um2\xe9\xf5zG\xffv\xbd^_c\xaa\xc9\xdd\xb1K\xf9\xd5\xca\xc1h\xe4\xfa\xdb\x17\x06\x00\x87\xa0\x94\xce\x9f?\xff\xf7\xc5L$zk\x97[&amp;L\x1b_UQu\x8d\xdc\xa8 \x08\xa6\xaa\xea\x07\x1e\xba\xf7\xe1\xc7\x86@\xeb\x0f\x1d\xff\xb9s\xe7655\xe18\x00\\rM8\x8e\x93e\x1a\x1av\xeb\xe8\xf1O\x99\xab\xcd\xb0\xda\xb0\x83\x08\xa2`\xae6\x8f\x1e\xffTh\xd8\xad\xb2|q\xaa\xa6\xa9\xa9i\xee\xdc\xb9\xca\x81y&lt;H\xb3&lt;\xf0\xc0\x03\xbe\xbe\xbe\xca\x82\r%E\xa7\x8a~&lt;\xe1\xe3\xe3\xed\xd0VX\x96e\x1f\x1f\xef\xa2\x1fO\x94\x14\x9dj~\xdb\x80\xfa\xfa\xfa&gt;\xf0\xc0\x03\x04\xf3?\xad\x82\x01\xc0\xce\xe0]\x15\xdbui\xa0C\xaa\xd4&amp;^\xfb\x9fcI\xe8\xb5]qT\xc4\x18\x99\x976\xc7\xd7\xd7G\x92(G\x1c\x98\x04\xe0\x08\'I\xd4\xd7\xd7g^\xda\x1ch\xed/\xaf\xf4u\xdcoW\t\xc8\x02\x05\x07\x07\xf7\xec\xd9\x93\x10\xc2\xf3\xbc \x08MMMy9{\xbd\x1d\x1f\x00\xbc}\xbc\xf3r\xf6655\t\x82\x00#\xe9\x9e={\x06\x07\x07c\xfe\xa7u0\x00\xd8\x13d\x06jjjl\xd7\xa5\x81e)\x13F=V]Y\xfd\xa7\xa5\x11&lt;\xcf[,\xb5\xbd"{\x8e\x19\xf7\x94\xb2j\x10\xcf\xf3\xe9\xe9\xe9\xca&amp;b\xce9\x17\x15\x82\xce\xa6\xd5jU\xe6E \xf1\xd2\x7fP\xbf\xd8\x87\xef\xaf\xa9n\xfd\xb2?-\'\x08BM\xb59\xf6\xe1\xfb\xfb\x0f\xeag\xbb@\xd0\xf4\xe9\xd3\xe1\xb5&gt;-\x8c\x03\xe0\xc4\xe3\xe3\xe3I\xf3b\xe6\x84\x90\xdcOw\xd5\xd7\xd5;\xf4#\x10\x04\xa1\xbe\xae&gt;\xf7\xd3]\xa4\xf9f \x84\xc4\xc7\xc7k\'\xfffw\x18\x00\xec\t\x92\xc2\xcb\x96-\x83-\t\xa16\xb1yYJ\xb9\x85}S,\t\xbd\x1a\xb8\xbco\xbd\xf5\x96R\x19\x05]\xc2\x97W\xbe\xe4\xa0\xd2\xcf\xab\x91$\xfa\xf2\xca\x97\xa0\xc3\xab\x94\x84\xbe\xf5\xd6[\x1a\x19\xa5A\xd7\xfb\x91G\x1e\xd1\xeb\xf5\xb0\x11\x1b\xc7q\xc7\x8e\xfc\xf8\xd3\xb1\xe3\x8e\xcb\x02A\xfe\xe7\xa7c\xc7\x8f\x1d\xf9\x11zB\x94R\xbd^\xff\xc8#\x8f\x10|Q\xa6\xb5\xf0\xaa\xd9\x8d29\xb9r\xe5J\xe8\xb9C\xf9\xbf\xb2,e\xcb\xd7B\xc1\x92\xd0+\x82\xe0\xf7\xdbo\xbf\x91\xe6\x9d\xc4\x01,\xa9\xe4\xcc#\xe18\xceb\xb6\xd8~\xa9\x1c\x98\x16"4\xdc\x84aaa\x91\x91\x910\xea\x15\x04\xc1j\xb5\xe6\xe5\xecs\\\x16\xa89\xff\xb3\xcfj\xb5B\xfe\x07\xde\xc5\x0b\x0b\x0b\xc3\xbd\xe3[\r\xaf\x9a\xdd\xd8NN\x12X\x06]\xa6\x81\xc6\x80\xd9\xd7\xbf,%\x96\x84^\x11\xe4[\x92\x92\x92BBB`l\xc4\xf3|C}C\xda\xdc\xa5\xa2N$N\xbb*\x8c\x88:1m\xee\xd2\x86\xfa\x06\xe5\x05\xef\x90\x90\x90\xa4\xa4\xa4\xcbW\xba\xf7T\xd0\xe6\x0e\x1f&gt;\x9c8+\x0bt\xc5\xfc\xcf\xf0\xe1\xc3\xb5\xdc%j;\x0c\x00\xf6q\xf9\xe4$,K9y\xd6\xc4\xd0\xb0[[\xb1,%\x96\x84^\x0e\x06\xfe\xed\xdb\xb7_\xbat)t&lt;\xe1\xb2|}\xa8 \xfb\xed\xf7\x03\xdb\x05:aaHI\x92\x02\xdb\x05f\xbf\xfd\xfe\xd7\x87\nl\xd7wZ\xbati\xfb\xf6\xed\xb53\x15y\xf5,P\x91\x8f\xaf\x8f\xdd[dY\x96}|}~:V\x84\xf9\x1f\xfb\xc2\x0bg\x07\xd0\x1f\x91$I\xe9\xa1\xf3&lt;\xaf\xd4&amp;\x9a\xaa\xfe|\xee\xf7rX\x12zE\xd0\xe6\x8e\x1a5J\xd9\x98\x17\xaeC\xe6\x925\x96\x1a\xbb-&gt;s\r\xa2(Zj,\x99K\xd6\x10B\x94I\xfe\x81\x03\x07\x8e\x1a5JS+\x83^-\x0b\xb4\xfb\xf3&lt;/o/G\x04\x00/o\xaf\xdd\x9f\xe7a\xfe\xc7\xbe\xf0\xc2\xd9\x81\xb2\xe3\xa3\x92\xa3\xe78N\xa9Mluo\x1dKB\xaf\x86\xe7\xf9\xd4\xd4Thma\xd3\xa8\xd3\'\xcf\xbc\x9e\xb16\xa8}\x90C\x07\x01\x92$\x05\xb5\x0fz=c\xed\xe9\x93g\x04\xf1b\xe5\x89 \x08\xa9\xa9\xa9\x1al\x83\xae\x98\x05\xda\x9fw\xc0\xda\xd4\xe4\x88\xa58\xacMM\xfb\xf3\x0e\x10\xcc\xff\xd8\x95\xe6\xeeZ\xbb\x83\xee\x0f\xec\xf8\xa8\xacKC)\xed?\xa8_\xcc\xff\xddWm\xaaQv\x01\xbb^\x1c\xc7\x99\xcd\xb5={G\x8c~\xeeI,\tU(\x9d\xee\'\x9f|\xf2\xe2L;\x95y\x9e_\xf7\xea\xfa\xef\xffw\xd4\xcf\xcf\xd7q\x93\x90~~\xbe\xdf\xff\xef\xe8\xbaW\xd7\xf3&lt;/S\x19\xd6wz\xf2\xc9\'\x95\xe1\x88#~\xafj)Y ///\xc8\x02\x11B~\xf8\xfe\xa7\x9fO\xff\xe2\xe5\xe5e\xc7\x11*c\xcc\xcb\xcb\xeb\xe7\xd3\xbf\xfc\xf0\xfdO\x84\x10\xc8\xffxyya\xfe\xa7\xed\xf0\xda\xb5\x15\xf4\xf7a\xc7Ge]\x1a/o\xaf\xd4\x95/\xf1&lt;/\xeaD]\x1b\xf8\xf8x[\xcc\x96\t\xd3\xc7w\t\x0b\x85\xc5\xd0\xb1$\x944\xf77_z\xe9\xa5\x80\x80\x00\xe5uk\x8b\xd9\xb2z\xd9k\x8eH@\x03HC\xaf^\xf6\x9a\xc5lQ\xf6$\t\x08\x08x\xe9\xa5\x97\x98=v\x9eq;p\x07\x86\x85\x85EDD\xc0\x15\x80]\x94\xbf\xdc\x9d\xef\xeb\xd7\xfa\x81\xef\xe5(\xa5\xbe~&gt;_\xee\xce\x87\x1d\x9e\xe1\xd3\x8f\x88\x88\x08\x0b\x0b\x83\xee\x97\xbd~\x91\x06\xe1\xb5k\x13\x18\x05\x1f?~\x1cv|T\xd6\xa5yb\xec\x88\x9bn\xbd\xe9\xe7\xd3\xbfVW\xd5TVT\xb6\xfa\x7fU\x95\xa6\xf3\xe7\xce\xeb\xf5\xba\'\xff\xf18i\x9e\x05\xc5\x92P8\xf1\xae]\xbb\xce\x9e=\x1b\xc6F\xf0\x02\xf6\xf6\x0fv\xec\xfa,\xcf\x18\x14h\xf7IrJ\xa91(p\xd7gy\xdb?\xd8a\xbb\xe3\xf9\xec\xd9\xb3\xbbv\xed\xaa\xd944\x0cI\x07\x0f\x1eLlz\xe2;\xb7\xe7RJ9\xcen\x17\x84\xe3xJ\xe9\xce\xed\xb9\xf0%\xfc\xa2\xc1\x83\x07\xe3\xfa\xcfm\xa7\xd1\xb9D{\x81\x81\x7flllnn\xaemq\x8e1\xc8(3\x990F\xec\xb32\x01#\x1cWc\xaa\x81/\xe0\x17\r\x1a4h\xef\xde\xbd\x1a\xcc&lt;\x00X\x94\x9fR\x1a\x11\x11q\xe2\xc4\teC\x98+\xee\xb7\xd3v\xb2,\xfb\xfa\xf9\xc4\xc7&lt;\x0e\xc5?\x90\xa3\x0b\x0b\x0b;z\xf4(\xccIjp\x04@\x9a\xef\xff\xc3\x87\x0f\xf7\xef\xdf\x9f4o\x17\xe3\xe7\xef\x97\xfb\xd5\xa7\x9do\xec\x0c\xd5\nm\xfc\x15\xf0*\xe5\xb9\xdf\xce\xc5\xfc\xfd\xffj-\xb5\xca\x96/\x07\x0f\x1e\xec\xdb\xb7\xaff\xef\x7f{\xd1b\xb7\xc5^\xe0\xe6\xcb\xcd\xcd\xbd\xa4\xf5\'\x84\x98\xaaL5\xa6\x9a\x9ajsMu\x8d=\xfegVZ\x7f\x82%\xa1\x84\x90\xe6w\xaf\xf4z}ZZ\x1a\xb3\xd9\xa9\xf1\xebC\x05[\xd6g\xb5\xb3\xebl\xb0$I\xed\xda\x07mY\x9f\xa5\x94~B\x16"--\r\xd6\xbf\xd4f\xebO\x9a\xdf\xcc\xe8\xdd\xbb7T\xe3@\x16\xa8\xd6R\xfbe\x9e\xdd\xb2@\x17\xf3?y\xf9\xb5\x96Z\xc8\xff@\xf5Q\xef\xde\xbd\xb5\xf3\xd6\x85\xe3`\x00h%e]\x9a)S\xa6@g\x93\xb3\xc1;\x80\xed\xcf\x87_7o\xde&lt;\xed\xac?s9h\x8b\x13\x12\x12bbb\xa0\xf5\x876(}Q\xe6\xaf?\xff\xe6\xed\xedm\x97\xcb\xc2\x18\xf3\xf6\xf6\xfe\xf5\xe7\xdf\xd2\x17eB\xeb\x03\xbf7&amp;&amp;&amp;!!\x01{\xa0P\x8f?t\xe8P\xe2\x98,\xd0\x15\xf3?C\x87\x0e\x85\xf7\x0f\xda\xfe\xf35\x0e\x03@+A\xdaw\xf1\xe2\xc5?\xfd\xf4\x13\xe4"l\x0bxd\x07\xb0\xfd\xf9\xf0\xeb\x8a\x8a\x8a\x16/^\xac\xd9\x99\x00\xd2&lt;\x1b\x0c\xdb\x13\xc2\x95\xe1y\xbe\xbc\xac\xfc\xdfk\xfe\xe3o\xf0\xb3W\x0f\xd4\xdf\xe0\xf7\xef5\xff)/+W\n\xbaDQ\\\xbdz\xb56\xe7~/qIE&amp;\xdc\x8a_\x1f*8]r\xc6\xdb\xbb\xad\xb5@\x8c1oo\xaf\xd3%g\xbe&gt;T@\x08\x81\x9fo[{j\x8f3\xd04\x8dv\x1e\xdb\x08\x9e\xfc\x0b\x17.\xf4\xeb\xd7\xaf\xaa\xaa\x8a\xb8b\x05\x18\xb8\xfb\x83\x82\x82\x0e\x1d:\xd4\xb1cG\xcd6F\xd0\x07\x7f\xe1\x85\x17^{\xed5\xa5RV\x10\x85\xed\xfb&gt;\xb8=\xe2\xb6\xba\xabo\xbf\xd3\x12\xb2,\xfb\xfa\xf9\xfex\xf4\xa7\x87\x07=F%\xaat\xff\'N\x9c\xf8\xea\xab\xafb\xf7\x1f0\xc6\xacVk\xcf\x9e=\x8b\x8a\x8a\xf8\xe6\xb51\x96\xae^4\xf6\xf9Q\x15\x17*\xdb\xf2v\x9e$I\xed;\xb6\xdb\xf0\xc6\xdb\xc9\x93\xe7A\xbaI\x96\xe5n\xdd\xba}\xff\xfd\xf7:\x9dN\x9b7\xbc}a\x00h\xbd\xc6\xc6\xc6\xda\xdaZ\x17\x96cBF\xc2\xcf\xcf\xcf\xcb\xcb\xcb%\x07\xa0\x06p\xf1M&amp;S\xd7\xae]\xab\xab\xabY\xf3\x12\x11Q\xd1\xfd\xdf\xfb\xecms\x8d\xa5\x8d\x01\xc0\x10\xe0?\xe2\xa1Q\xf9{\x0f*)\xa6\xc0\xc0\xc0\x92\x92\x12\xa3\xd1H\xb0\x13J\x08!D\x92$Q\x14g\xcd\x9a\xb5b\xc5\n\x18\x8aQJ\xa3\xef\x1f\xb8\xe9\xa3\xb7j\xaa[\xba\x06\xe2\x15\xc9\xb2\x1c\x10h\x18\xfd\xe8?\xf6~\xb1\x1f&amp;\x00$I\x9a9s\xe6\xf2\xe5\xcb\xe1\x97\xda\xf1,\xb4\t\xaf`\xebyyyi\xb9\xe5U\t\xe8o\x06\x05\x05\xa5\xa6\xa6\xbe\xf0\xc2\x0b\xd0C\x17\x04!\x7f\xef\xc1\x9c\xed_\xc4=\xf2@\xb5\xa9\xa6u\xfdtJi\xa01`\xe7\'\xbb\xa0\xf5\x87\x1fK)MMM\x85-\xd1\xb1\xfb\x0f\x94,Pzz:\xe4*\t!\x85_\x7fk\xaa\xaa\x0e\xe9\x1c\xdc\xd8\xd8\xc4\xf3\xad\t\x93\xb2\xcc\xbc\xbc\xf4\xa5\xe7\xce\x17~\xfd-i~\xe1\x06\xf3?\xf6\x85#\x806Q\xc3\xd5\xc3\'A\x99w\xf9\xfb\xdf\xff^XX\x08\x17\x841\xf9\xd6\xae\xb7\xe6\x1e\xde\x01\xa9\x9bV,\xc6\x07\xa9\xa4\x98\xbeCN\x97\x9c\x86\xf9L\xc6Xdd\xe4W_}\xa5\xcc\xc9;\xe4|\xdc\xd0%Y x.\xe6\xa4\xce\xba\xa3O\xafkl\x82}m\xf0\xea\xf5\xb7\x05G\x96\xcc_N\x9a\xc7\xbb\x98\xff\xb1/\x1c\x01\xb4\t\xde\x85j\x00M\x83(\x8a\xe9\xe9\xe9\xd1\xd1\xd1|\xf3*\xa1\xa7N\x9c\xde\xb4\xf6\x9d\xe9s\x92Lf\xd3\xf5\xf6\xd6)\xa5F\x831}I\xe6\xa9\x13\xa7\x95\xee\xbf,\xcb\xe9\xe9\xe9\xb0\x02\x846\xdf\xfc\xba\x1aY\x96\xf5z}TT\x14\x04\x00\xa8\xc1]&lt;o\x99\x1d\x7f\x05\\\xff\xa8\xa8(\xa8\xff\xc1\xe1\x97]\xe0\x08\x00y\x08h\x14\x12\x13\x13\xe1\xf5\x08(G\xf1\xf2\xd2G\xf6\xedM%\xf9z#5cD\x10\xf9\xc2\xc3\xffkll"\x84@PIHH\xc8\xca\xca\xc2\xd6\xe7rpMv\xec\xd8\xf1\x7f\xff\xf7\x7fJY\x9a\xbdb\xa4\xf2\xd3dY\xfe\xf4\xd3O\x87\x0c\x19\x82\x1f\x81\xbd`\x00@\x1e\x02\n\x04\x8b\x8b\x8b#""(\xa5\xf6-\x12\x17\x04A\x10\x84\xa3G\x8f\x86\x87\x87kv\xe1\x87kh^\xbb\xd0\xdc\xbd{\xf7\xb2\xb22\xbb\xbf\x9b\x02?\xb0S\xa7N\xc7\x8f\x1f7\x18\x0c\x9a\xady\xb3;\xbc\x8f\x91\x87\x80Nzxx\xf8\x8c\x193\x94\x1e"\xbc\x9b\xdaj\xd0\xca@\nh\xc6\x8c\x19\xe1\xe1\xe1\x98\xfc\xb9"\x98\x8a7\x18\x0c\xf7\xdf\x7f?\xa5T\x92$jW\xf0\x03\xef\xbf\xff~\x83\xc1\x00ob\xbb\xfa\x8c=\x04\x8e\x00\x90\xe7\x80\xd9`\x8b\xc5\x12\x19\x19y\xea\xd4)\xbb\xbc"\x07?$44\xb4\xb0\xb0\xd0\xdf\xdf\x1f\xe7~\xaf\x06\x82\xee\x81\x03\x07^z\xe9%\xbb\xbf\x9c\x08?\xf0\xe5\x97_\x1e0`\x00\xe6\x7f\xec\x08\x03\x00\xf2(P\x1e\xfe\xf6\xdbo\x8f\x1e=\xda\x8e?v\xd3\xa6M\xa3F\x8d\xc2\xdas\xe4a0\x00 O\x03%\xa1\xf9\xf9\xf9\xf6\x9a\x06\x10\x04!**J\xb3K~^\x17\x18\x849\xe8\x87\xe3\xf0\xcb\xee0\x00 \x84\x90F\xe1x\x16y&amp;\xbbW\x01\xd9\xf1\xa7!\xa4\x128\x02@\x08!\x8d\xc2\x826\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80\x10B\x1a\x85\x01\x00!\x844\n\x03\x00B\x08i\x14\x06\x00\x84\x10\xd2(\x0c\x00\x08!\xa4Q\x18\x00\x10BH\xa30\x00 \x84\x90Fa\x00@\x08!\x8d\xc2\x00\xe0J\x8c1\xc6\x98\xab\x8f\x02!\xd7\xc0\xfb\xdf\xe50\x00\xb8\x12\xc7q\x1c\xc7\xb9\xfa(\x10r\x01\xc6\x18\xdc\xff\xb2,\xbb\xfaX\xb4\x0b\x03\x80\xcb0\xc6\x1a\x1b\x1b-\x16\x0b\xf6\x83\x90\xd6H\x92\x04M\xbf\xd9l\xe6y^\x92$W\x1f\x91Fa\x00p\rx\x00\xd6\xae];f\xcc\x18\xec\x04!\xed`\x8cI\x92$\x8a\xe2\xb9s\xe7\xee\xbf\xff\xfe;\xee\xb8\xe3\xe0\xc1\x83\xa2(\xca\xb2\x8cO\x81\xf3q\xd8\xf7t&gt;\xe8\xf2[,\x96\xde\xbd{\x9f&lt;y\xb2\xb0\xb0\xf0\x8e;\xee`\x8c\xf1&lt;\xc6c\xe4\xc9dY\x86\xb4OVV\xd6\xd4\xa9S\xcf\x9e=K\x08\x11Eq\xde\xbcy\x0b\x16, \x84@lp\xf5aj\x08\xb68. \xcb2\xcf\xf3\xcb\x97/?y\xf2$!d\xea\xd4\xa9\x1c\x87\x91\x18y8J)\xcf\xf3\x94\xd2\xa9S\xa7\x8e\x181\xe2\xec\xd9\xb3\x82 @\xfe\'%%%..\xee\xdc\xb9s\xa2(J\x92\x84\xcf\x82\xd3`\xbb\xe3l\xd0\xfa\x17\x17\x17GDD@"\x88R\x9a\x95\x95\x95\x90\x90@)\x15\x04\xc1\xd5\x07\xe86\xd4s\xeb\xe2L\xfe\xb51\xc6dY\x16\x04\xa1\xb0\xb0p\xc2\x84\t\x87\x0f\x1f\x86\xc1\xae\xf2\t\n\x82 IR\xe7\xce\x9d333\x13\x13\x13I\xf3c\xe2\xca\x83\xd6\x06\x0c\x00\xce\x06\xad|bbbvv\xb6 \x08\xf0l\x84\x87\x87\x1f=zT\x14E\xac\x0bB\x1eF\xe9\xd6\xac[\xb7n\xda\xb4if\xb3\x19\xba\xf9&lt;\xcfC\xd2\x9f\x17x\x99\xca\x82 PJ\t!III+V\xac\x10E\x11\xfbCN\x80\x01\xc0\xa9\xe0\x9e\xde\xb7o_tt\xb4r\xc7\xc3\x1f\xd2\xd2\xd2^|\xf1E\xbc\xe9[\x02*\x08M&amp;\x13q\xf58\x00\xa2\xb5\xd1h\x84Cr\xe1\x91\xa8\x13\xe4\xf4+**^x\xe1\x85\xad[\xb7\x92\xe6\xbb\x1d\xfe\xab\xd3\xeb\xfc\r\xfeU\x15U\xf0%\xcf\xf30 \x8e\x8a\x8a\xfa\xcf\x7f\xfe\xd3\xad[7\xe5\x9b\xae&gt;\x0f\x8f\x85\x01\xc0y`\xee\xd7j\xb5FEE\x15\x16\x16*\xc5?\xd0\xeb7\x1a\x8d\xc7\x8e\x1d\x0b\x0e\x0e\xc6\xd9\xe0k\x83\xe6c\xe9\xd2\xa5\xcb\x96-\x83~\xa2\x0b\x0f\x06r\x17\xb3g\xcfNNN\xc6\xe0m\xebb\xef\x9e\xe7\xf3\xf3\xf3\x9fy\xe6\x99\xa2\xa2"A\x10\x94oRJ\xff\xda\xf3\xf6\xe5\xaf-\x0e\xee\x1c&lt;u\xdc\x8c\x03{\x0e*\xef\x04\xc0\xf8 00p\xe5\xca\x95\xcf&gt;\xfb,\xb1\x19C \xfbc\xc8Y`vk\xc3\x86\r\x84\x10\xb8\xa19\x8e\xe3xN\xf9r\xcc\x981\xca_CWD)\xa5\x94\x9e;w\xae]\xbbv.}n\xfe\xa0]\xbbv\xe7\xce\x9d\x83cs\xf5\x15R\x05\xab\xd5\n\x7fHII\x81\xaa\x1e\xf8//\\\xec\xd9\x8c\x18\x15\xff\xc3\xb9o\x7f\xb1\x9c8Q\xf9\xc3\xcf\x96\x13\xf3\xd2\x92\xe1\x11\x10D\x814?\x0e\x84\x90g\x9f}\xb6\xa6\xa6\xc6\xf6\x07"\xfb\xc2\x00\xe0$\xb2,SJ+++CBB\xae8\xaa\x85\x8a\x88}\xfb\xf61\x8c\x01W\x07Wf\xec\xd8\xb1\x84\x10\x9dN\xc7q\x1c\xefR\x1c\xc7\xe9t:B\xc8\xd8\xb1c\x19~p\x8c\xc9\xb2\x0c\x8d\xf5\xd9\xb3gccc\xe1\xde\xe6y^\x89\x01\x81\xc6\xc0\xd5\xff\xc9\xf8\xad\xfedq\xc5\xb1\x1f\xce}\xfbc\xe9\x91\x1fK\xbf;/\xfd\x92\x9d\xf3\xee-\xa17\x13B\x04\x81\x87\xd1\x00\x84\x81\xc8\xc8\xc8\xaf\xbe\xfa\x8a5\xc7~W\x9f\x9f\xa7\xc1\x00\xe0$\xd04L\x9c8\x91\xd8t\xff\xfd\xfc\xfdn\xbe\xf5/\xf0g\xf8\xe6\xc0\x81\x03%I\xc2v\xe4\x8a(\xa5\xb2,\x7f\xf3\xcd7^^^\xbc\x9a\xb2d&lt;\xcf{yy}\xf3\xcd7\x10\xe6]}\x9d\\\x06&gt; \xc6\xd8{\xef\xbd\xd7\xb9sg\xd2\xdc\xe8C\x9c&amp;\x84D\xde\xdd{Oan\xa9\xf5\xe7\x1f\xce}\xfb\xd3\xf9#\xc7\xcb\xbe\x87\xff\x1d\xfb\xed\x7f\xbf\xd5\x9f\xfc\xdf\xe9\xc3\xff\xf7\xd8C\xca%%\xcdO\x8a(\x8a\xabV\xad\x82_\x81\x8f\x86}\xe1\x1c\x803\xc0\xfb/EEE\x11\x11\x11\xf0\xc6#\xccz=\xfb\xc2\xd3\x89\xa3\xe2\x1f\x8a\x1aj\xfb\xcdM\x9b6\x8d\x1a5\n\xf3\x9e\x97\x83k\x12\x1d\x1d\xbdo\xdf&gt;e\n\x9d\xe7\xf9\x80@\x83,\xcb\x848s\xaa\x90\xf1&lt;_Sm\x86\xa46\x1c\xcc\xa0A\x83\xf6\xee\xdd\xab\xd9\x0f\x0eN\\\x92\xa4\x993gfff\x92?\xce\xf7\x12B&amp;\xcf\x9a8y\xf6\x04\x9d^o\xa9\xb1\x88\xbaK\xdf\xf6\xa2\x12\xd5{\xe9\xfd\x0c~\x1b\xd7\xbe\xfdr\xf2\xe2\xba\xda:\xa5X\x08\x9a\xaa\xc4\xc4\xc4\xcc\xcc\xcc\xce\x9d;\xe3\xcbbv\x84\x01\xc0\x19\xe01\x88\x8d\x8d\xcd\xcd\xcd\x85\xa90\x8e\xe3\xdauh\xf7\xd9\x81\x8f\xc3\xc2\xbb&gt;\x9d\xf8\xdc\xc7\xd9\xdb\xa1$\x941\xd6\xa5K\x97\x82\x82\x02\x83\xc1\x80%\xa1\xb6\xe0\x1an\xdb\xb6-!!A)\x1a!\x84\xbc\xbei\xf5=\x83\xa3,f\x8b\x92_v\x02\x99\xca\xfe\x06\xff/\xf7\xe4O\x18=\x99\x10\xa2\x04\xef\xec\xec\xec\xf8\xf8x\xad\xc5\x00v\x952\x7f\xe5\xb2t\xec\xd4a\xc5\x1bK\x1e\x1a\x1aWUi\x92\xa9|\xb5O\x8a\xc9L\x96\xe5\xf6\x1d\xdb\x15\x1c.\x9c\xf1\xfc\x9c\x1f\xbe\xff\x11\x1e\x16\xc6\x18\x04\x83\xce\x9d;\xaf_\xbf&gt;66V\x99Lv\xeayz"\x0c\x00\x0e\x07\xcdAnnnll\xacm\x9fh\xc9+\xa9c\x9f\x1f]c\xaa\xa9\xaa\xa8\x8a\xeb\xffpuu\ra\x17\xabJRRR\x16,X\x80=\x1d\x0541\x16\x8b%22\xf2\xd4\xa9S\x10\x1a)\xa5\xc3\x12\x1fys\xeb\x1bPG\xe8\xe4C\xa2\x94\x06\xb5\x0f\x1a7\xf2\xf9\x0f\xb3&gt;Q\x82whhhaa\xa1\xbf\xbf?\xaf\x99\xe2\xc5k\x94\xf9\xc35yph\xec\xc2\x15\xf3o\xba\xf9\xc6\xaaJ\x93 \x08\x7fzY$\xab\x14`\x0c\xa8\xa9\xaeY\x9e\x92\xbe\xf1\xcdwH\xf3H\x02~,!d\xc1\x82\x05)))\x04\xd7\x8d\xb0\x07\x0c\x00\x8e\x05\xcf\x80$I\xbdz\xf5***\x82\xbb\x9f1\xf6\xd7^\xb7\x7f\xb4;K\x96\x99\xd5j\xed\x14\xdcq\xf1\xbc\xe5\x99K\xd7(\x83\x03\x83\xc1PPP\xd0\xa5K\x17\x86%\xa1\x84\x90\xe6G}\xe1\xc2\x85PUB)%\x1c\t\x0c\x0c\xd8yp{\xc7\xe0\x8eM\x8dMPL\xe5LLfz/\xfd\x85\xf3\x17\xb4\x1c\xbc\xaf]\xe6\xcf\xf3\xfc\x8b\xa9\xb3\xfe9u\\SSS}]}\xcb/\x08\xa5T\xa7\x13\x03\x8c\x81\xd9oo\x9b;5\xa5\xdaT\xad\x04\x15B\x88,\xcb\xb1\xb1\xb1k\xd6\xac\t\x0f\x0f\x97$\xa9%A\x05]\r6.\x8e\x05o\xb4\xaf\\\xb9\xf2\xf8\xf1\xe3J\xfb\xce\x18KN\x99\xe1\xe7\xefO)\xd5\xe9tU\x95\xa6\t\xd3\xc7\xdf\xda\xe5\x16J)\xf4m\xab\xab\xab_~\xf9e\\ \x08@&amp;\xa1\xa4\xa4d\xd5\xaaU&lt;\xcfC\xcb\xc2d6v\xfc\xe8.\xe1\xa1\r\r\r|s\xdd\x883\xf1\x02\xdf\xd0\xd0\xd0%&lt;t\xec\xf8\xd1Lf\xca\x81\xadZ\xb5\xaa\xa4\xa4D\xa9y\xf7T0k%\x8ab~~~\xff\xfe\xfd\xb7n\xdd\n\r\xb1\x92\xf6\xf9k\xcf\xdb?\xdc\x9d\xf5\xc2\xcc\xe7\xcd5\xe6\xc6\x86\xc6\xeb\n\x87\x82 P*\x97\x97\x95\xc7?5\xfc\xa3\xddY\x03\x06G)C\n\xf8\xa5999\xfd\xfa\xf5\xcb\xca\xca\x82\x1f\xeb\xd9\x97\xda\xa10\x008\x104\xf7\xa5\xa5\xa5\xe9\xe9\xe9\xd0@\xc0\xb3\x11\xfb\xf0\x03\x83c\x07\x99\xaaL0v\x96$\xc9?\xc0?i\xce$B\x08d6\x04A\xd8\xbcy\xf3\xfe\xfd\xfb\x95\t4-c\x8cq\x1c\xf7\xf2\xcb/WWWC\xe3K)\xbd\xb5\xcb-\x13\xa6\x8f\x87\xac\x82\xab\x0eL\x10\x04m\x06oh\x8ey\x9e_\xb8patttQQ\x11\x0c\xcb8\x9ec\x8cQJG\x8c\x8a\xdf\x96\xfbn\x9f\xbe\xbd+\xca+\xe1o^\xef\xaf\xe08N\x14\xc5\x8a\x0b\x15\xa1\xe1\xa1\x9b?\xd90y\xd6D\x98\x0c\x80a\x96 \x08\x15\x15\x15#F\x8c\x98:u\xaa\xb2\xc6\x9c#\xce\xd4\xe3a\x00p H\xe0\xcc\x993\xa7\xb2\xb2\x92o^\xfd\xca\x10`H^8C\x92(\xd7&lt;n\x15E\xb1\xba\xb2:a\xd4cw\xf7\xbbS\xc9\xa8RJ\xe7\xcf\x9f\x8f\xb75\\\x90\xfd\xfb\xf7o\xde\xbc\x19\xc2!\\\xb7\xa49\x93\xfc\x03\xfca5=W\x1d\x1b\xc7qZ\x0b\xde\xccf5\xff\xb8\xb8\xb8\x94\x94\x14\x08\x06\xf0M\x99\xcaP\xe6\x9f\xf1\xe6r\x9d^Wc2\xb71\x0f&amp;\x8ab}]}}]\xfd\xbc\xc5\xc9\x1b\xde\xffw\xc7N\x1d\x94^\x14\xc7q&lt;\xcfgff\x0e\x180\xa0\xb0\xb0\x10\xbe\xe9\xc1A\xd7A0\x008\n$\x7f\n\n\n\xde}\xf7]xB -0f\xdcS\x11w\xf4\xb0\x98-\x7f\xe8\x16q\x84Jrr\xeaL\xbd^\x0f}(h\xf5\xb6l\xd9\xe2\x91\xed\xc8u\xb1\x8d\x85p5\xee\xeewg\xc2\xa8\xc7\xaa+\xab]\x9eg\xd7T\xf0\x86L\x8b(\x8aYYY}\xfa\xf4\xc9\xc9\xc9\x81\xeb\x0f\x1d\x1dI\x92"\xef\xee\xfdQ^v\xe2\xa8\xf8jS\r\x95(\xbc\xd6\xdbF0\x9d~\xa1\xac&lt;f\xc8\xfd;\x0e|\xf4\xe0\xd0Xe\xb0\x05\xe9\xa0\xc3\x87\x0fGGG\xaf[\xb7\x0erP\x9ew\xd9\x1d\n\x03\x80\xa3@\xe2b\xfa\xf4\xe9\x8d\x8d\x8d\xd0[\xa1\x94\xde\x12z\xf3\xb8\xc9\xff0]\xd6r\xf1&lt;o\xae1\x0f\x18\xdc\x7f\xc8\xb0\x07!\x8b\n\xff|\xe1\xc2\x85\x90\xf7\xd0f\xd7\x06\x9a\xd4-[\xb6(\x1dj\xc6\x98^\xafON\x9dI%\xd9\xa9u\xff\xd7\xa0\x8d\xe0}\xc9j\xfe\xe7\xce\x9dS\xb21\x90\x9a\x9f&lt;kb\xd6\xe7\xeft\t\x0f\xad(\xab\xb0\xfb\xc4\xac(\x8aU\x95\xa6\x0e\x9d:\xfc\xfb\xdd7\xe6\xa5%+\x93\rp\x00f\xb3\xf9\xb9\xe7\x9e{\xfc\xf1\xc7+**\xe0\x9bv\xfc\xd5\x9e\r\x03\x80C(E\xeb\xca+K\xd0\x88O\x986&gt;\xf8\x86\xe0\xa6\xa6\xa6\xcb\x1f\x0fA\x10\xcc5\x96Y)\xd3\x8dA\x812\xbb\x98\xee,))\xc9\xcc\xcc\xd4f\x8a\x13B`uu\xf5\xc2\x85\x0b\xe1\xea\xc1\x10j\xc8\xb0\x07\x07\x0c\xeeo\xae1\xab\xa4&gt;\xca\xe3\x83\xb7\x12\xd5\n\x0b\x0b\x07\x0c\x18\x007\xa4\xed\x9cV\xc7N\x1d6\xbc\xff\xefy\x8b\x93)\x95\xeb,u\x97\xbf\xe4e\x17\xa2(664\x9ak\xcc/\xcc|\xfe\xc3\xddY\x7f\xedy;\x1c\x00\xcc\xb4\t\x82\xb0u\xeb\xd6\xfe\xfd\xfb\xe7\xe7\xe7\xe3\x06\x93-\xa7\x8aG\xc8\xc3\xc0\x03_]]={\xf6l\xa5\xe5\xa2\x94\xde\xd5\xaf\xcf\x881\t\x95\xe5\x95WL\\p\x1c\xd7P\xdf\xd0\xf5\x8fU%\x82 \xacZ\xb5\xea\xe4\xc9\x93\x1e_Ur9\xe8rfffBQ\rcLf\xb21(pV\xcats\x8dEUoZyp\xf0\x86\xbe\x8b \x08\xeb\xd6\xad\x8b\x8e\x8e&gt;|\xf804\xaf\xa4y\xce\xe3\xc1\xa1\xb1;\x0e|\x143\xe4\xfe\x0be\xe5\x8c1\x87\xbe\x8e\x07\x81\xa7\xa2\xbc\xb2O\xdf\xde\xdbr\xdfM\x1c\x15\x0f\x83B8\x12Q\x14\x8b\x8a\x8a\xa2\xa3\xa3mC\x94\xe3\x0e\xc63`\x00\xb0?h\xb8333m\x1bn\x9e\xe7\xa7$O\xd2\xe9\xc4k\xf4\x07m\xabJ\xa0_C\xfe\x18H\x9cw\x0e\xae\x06]\xe9\x93\'O\xaeZ\xb5J)*g2\x1b\xfb\xcf\xd1]\xc3C\x1b\xea\x1b\\8\xf7{\xb9\xdf\x83\xf7?=*x+\xf56\x8f?\xfe\xf8s\xcf=g6\x9b\x95\xac\x0b\xdc\x9f\xf3\xd2\x92\xff\xfd\xee\x1b\x1d:u\xa8\xaa4\xc1vFN8*Q\x14kLf\x9dN\xf7\xca\xba\x95K\xd7,\xf27\xf8\xc9\xb2,\x88\x822\x1d=u\xeaT\xd8`\x12\x8eVS\x0f\xce\xf5\xd2V\xb3\xe2\x04\xf0`\x9c&lt;y\xb2O\x9f&gt;f\xb3\x19\xe6\xc7(\xa5\xc3F&lt;\xf2\xafw^-\xbfPq\xedyKI\x92\x82\xda\x07em\xda\x96\xf4\xdc\x0c\xdbwj\xf6\xee\xdd;h\xd0 \xed\xac1\x00g\x9a\x90\x90\xb0m\xdb6\xe5=\xdb[\xbb\xde\x92sh;\xac`\xa8\xaa\x00@\x9a\x13V\x1cGb\xfb=|\xba\xe4\x8cR\xae\x1a\x1f\x1f\x9f\x9d\x9d\xedv\x1f\\KV\xf3_\xb2:\xb5o\xd4]U\x95&amp;\xe2\x8aU\x19`\xe2!\xa8]\xd0O\xc7~\x9a\xfe\xcf\xe4\xc2\xff\xfe\xefj\xebF\x10\xdc`\xf2\xea\xf0\xa2\xd8\xd9%E\xeb\x84\x10H\\\xccN\x99Qk\xa9\xfb\xd3V@\x14\xc5\xea\xaa\xea\x84\xa7\x1e\x8b\x8a\xee\x0f\xad\xc6%\x93\xc9Z\x08\xd8\xb4y\xdf4h\xfd\x95\x19\x94yis\xe0\xed9\xb5\xb5\xfe\xa49\x1f\xe2\xe7\xef?/m\x8e\x92\x94\xb8d\x1e\xc8\xd5\xc7\xd8RN(\xf3o;HLUVTv\t\x0b\xcd\xda\xb9\xf9\xe9\xe7GC:H\x19\xa3@\xa1\xea\xd4\xa9S\x95\x91\x81\xf3\x0fR\xfd0\x00\xd8\xd3\xe5E\xeb\xb6\xef\xac\xd6\xd7\xd7\xb7\xb0\xe5\x92$:\x7f\xc9\x1cQ\x14\xa1\x9b\x03\xe5\xa4[\xb7n\xe5\x9b\xb7Q\xf5`\xd0z666N\x9f&gt;\xddv\x06%*\xba\x7f\xec\xc3\xf7\xd7T\xd7\xa8\xb6+-\x08BMuM\xec\xc3\xf7\xbbo\xf0vr\x99\x7f\xdb\x89\xa2XW[O%\xbat\xf5\xa25\xebW\xc1\x8b\x02\x10\xae 2effFGG\x17\x17\x17\xc37\xd5\xff\x118\x19\x06\x00;\x93eY\xa9\x01\x87\xc1\xf2\xf5\xbe\xb3\xca\xf3\xbc\xc5\\\xfb\xb7&gt;=G\x8c\x8e\x87T8\xc4\x80\xe4\xe4\xe4\xca\xcaJ\xb7hG\xda\x02Nv\xeb\xd6\xad\x05\x05\x05\x10\xf0`P?\x7f\xc9\x1cJ\xdd \xf8Q*\xbbi\xf0vI\x99\x7f\xdb\xf1\x02\xcf\x18+\xbfP\x11\xff\xe4c\x9f\xee\xff\x10\xd6\x8d\xb88\xf8n^\xac\xa2_\xbf~\xcab\x15n4\x14s\x02\x0c\x00v\x03\x9d\xbe\xb7\xdf~[)Zo\xf5;\xab\x82\xc0\xd7Y\xea\xa7\xcd\x9b\x12h\x0cP*.JKK322\xd4\xdf\x8e\xb4\x05t\x99+++\x93\x93\x93\xe1L!\xfe\x8d\x18\x1d\xff\xb7&gt;=-\xe6Z\x95gr\xdd7x\xbb\xb6\xcc\xbf\x8d`\xdd\x88\xca\xf2\xca\x8e!\x1d7\x7f\xb2~\xca\xec\x17.\xde&lt;\xa2p\xb5ylW\x1f\xb2Z\xa8\xfaqr#\xb6-\x97\xed\x92Xw\xf7\xbb3a\xd4\xf0\xeb}g\x95\xe3\xb8\x86\x86\x86\x1bn\xea&lt;y\xd6D\xe8\x7fA;\xb2b\xc5\x8a\xe2\xe2b\xf7\xad*\xf9Sp\x9a\x19\x19\x19\xa5\xa5\xa5J\'.\xd0\x180m\xde\x94:K\xbd\xe0\xc4\x15\xff[\xcd\xed\x82\xb7J\xca\xfc\xdb\x0e^\x14\xa8\xab\xad\x9f\xbb8y\xebg\xef\xdc\x12z3\x95(\x14\xad\xdaV\xb2\xfe\xef\x7f\xff\xc3t\x90\xc2\r\x9e(\xb7`\xdbr)+\xa1\x8b\xa2\x98\x9c:\x93J\xb4\x15\xef\xac\n\xa2`\xae6\x8f\x1e\xffTh\xd8\xad\xb2|\xf1\xdd\xf7\xa6\xa6\xa6\xb9s\xe7\x92\xe6W\r&lt;\x0cD\xcd\xe2\xe2\xe2\x15+V(1\x8f16y\xd6\xc4\x1bn\xea\xdc\xd0\xa0\xae\xd2\xcf\xabq\xaf\xe0\xad\xaa2\xff\xb6\x83\xd0u\xa1\xf4B\xbf\x81}?\xde\xb3\xed\xa1\xa1qP\x06\xaa\xbc(PXX8h\xd0\xa05k\xd6`:\x08\xa8wL\xeaF\xa0\x8bq\xe2\xc4\x89\x88\x88\x08I\x92\x94\xee\xff\x93\xcf\x8c\xccxsyy\xd9\x9f\x94~^\r\xa54\xd0\x18\xb0\xf3\x93]\xff\x181^\x0b%\xa1pF\x89\x89\x89\xd9\xd9\xd9\xcd\xa5\x9f\xf2\xad]o\xcd=\xbc\x83\xc9\xb2\xcc\x18\xa7\x96\xc5\x1f\xfe\x04#\x8c\xe78\x8e\xe7c\xfa\x0e9]r\x9a\xe3xhk\x12\x12\x12\xb2\xb2\xb2\xd4\xf3\xc19h5\x7f5\xa0\x12\xf5\xf2\xf6\xd2{\xe9\xdfzm\xc3\xf2\x85\xe9u\xb5u\x82(P\x89*\x83\xb0\xc4\xc4\xc4\xd7_\x7f\xbd}\xfb\xf6\x1a\xd9\xb9\xe1jT\x1d\xcf\xdd\x05t1\xe6\xce\x9d\x0bk&lt;@\n\x08\x12\x17\x96\x9a\xdaV?\xed\x82 \xd4T\x9b\xdd\xba\xaa\xa4\xe5\x94\xd2Oh\xfd\x9bK?\xc9\xbc\xb49\xbe\xbe&gt;\x92D\xdd\xa5\xf5\'\x84p\x84\x93$\xea\xeb\xeb3/m\x0ec\xbf\xaf\x12\x9a\x9d\x9d\xad\x9e\x92P\x18\xa1:b5\x7f5\x10D\xa1\xa9\xa9\xc9\\c\x9e0}\xfc\xb6\x9cw\xff\xda\xf3v*\xfd\xfe\x04\xc1Dw\xff\xfe\xfd\x95\x89n\xcd\xc2\x00\xd0V\xb4y\xc7G\xa5\xe5\xb2o\xe2\xc2}\xabJZ\x0e\x1eKI\x92\xaeR\xfaiVI\x97\xb9\xe5\xae\x11\xbc\xa1\x1c\xc0\xb5\xc1\x9b1f\xb5Z\x17,X`[\xe6O\x9a\xe7\x03\xd4P\xe6\xdfv&lt;\xcf\x0b\x82PVZ\xd6\xb3w\x8fm\xb9\xef\x8eh^7\x824\x0f}\x8a\x8a\x8a\xe2\xe2\xe2\x16,X`\xb5Z=\xa9/u]\xdc\xf2\xa3U\x0f\xa5\xe5\x9a&lt;y2&lt;\xd5\xd0.\x87\x86\xdd:z\xfcS\xe6js\x1bK\xe5\xdc\xb7\xaa\xe4\xba\xc0I\xad]\xbb\xd6\xb6\xf4S\xa7\xd7\xb9K\xe9\xe7\xd5@\xf0\xd6\xe9u\xb6\xc1{\xed\xda\xb5.\x0f\xdep\xdffeeI\x92\xa4\xd3\xe9\x94\x98d\x0c2\xae~KEe\xfem\xa7\xd3\xe9\xcc5\x16\x9d^\x97\xf1\xe6\xf2\xd5oe\x18\x83\x8c\xca3\xab\xd3\xe9\xe0"\x10\x0f\x9dTk\t\x0c\x00m\xa2\xb4\\\xc7\x8f\x1f\x87\xa7\xba\xf9\x9d\xd5d{%.\xdc\xae\xaa\xe4zA\xd4\xac\xaa\xaa\x9a?\x7f\xbem\xe9\xe7?&amp;\x8c\xed}\xe7\xdf.\xdd8\xc1}\xf0&lt;o1[z\xdf\xf9\xb7\x7fL\x18k\x1b\xbc\xe7\xcf\x9f_UU\x05\xc3DW\x1d\x9b,\xcb:\x9dn\xdc\xb8q\x84\xfc\xbe\xaeF\xa7\xe0\x8e\xd9;7\x8f\x1c\x93\xa0\xaa2\xff\xb6\x13\x04\x81J\xb4\xdaT3rLB\xf6\xce\xcd\x9d\x82;\x12B\xe09e\x8c\x8d\x1b7N\xa7\xd3y\xc0s\xd4:n\xf9h\xa9\x84m\xcbe\x9b?\x8d{$&amp;nhl\xb5\xc9&gt;\xef\xac^\xa3\xaaD\x89:m\xff-.\x04Q\x13</t>
        </is>
      </c>
    </row>
    <row r="108">
      <c r="A108" s="1" t="n">
        <v>106</v>
      </c>
      <c r="B108" t="inlineStr">
        <is>
          <t>rectangle_height_number</t>
        </is>
      </c>
      <c r="C108" t="inlineStr">
        <is>
          <t>What is the missing number of the part denoted with a question mark?</t>
        </is>
      </c>
      <c r="D108" t="inlineStr">
        <is>
          <t>[4, 2, 1, 3]</t>
        </is>
      </c>
      <c r="E108" t="inlineStr">
        <is>
          <t>3</t>
        </is>
      </c>
      <c r="F108" t="inlineStr">
        <is>
          <t>There are 7 rectangles in the image with varying lengths and numbers inside them. The numbers from left to right are [2, 3, 3, 1, 1, 2, '?']. The lengths from left to right are ['medium', 'long', 'long', 'short', 'short', 'medium', 'long'].</t>
        </is>
      </c>
      <c r="G108" t="inlineStr">
        <is>
          <t>We observe that the short rectangles are denoted as 1, the medium rectangles are denoted as 2, and the long rectangles are denoted as 3. Hence, the pattern is that the number in each rectangle corresponds to its length.</t>
        </is>
      </c>
      <c r="H108" t="inlineStr">
        <is>
          <t>Based on the pattern that the number in each rectangle corresponds to its length, the missing number of the rectangle with a question mark should be 3.</t>
        </is>
      </c>
      <c r="I108" t="inlineStr">
        <is>
          <t>b'\x89PNG\r\n\x1a\n\x00\x00\x00\rIHDR\x00\x00\x02\x00\x00\x00\x02\x00\x08\x02\x00\x00\x00{\x1aC\xad\x00\x00H\x8aIDATx\x9c\xed\xddy\x98\x14\xc5\xfd?\xf0OU\xf5\xec\xce\xcc\x1e3{\xb1\xc8\xe1\x81 \xa0\\r\xdf"\x8a`LP#"\nx \xac\xb7\xbf%\x89&amp;F\x13@c&lt;\xc0\x18\x13\x93\x18n$\xe2\x891\xd1D\x10&lt;\x00QN\x15\xc4].A&lt;\x16\x96=\xe7\xd8cf\xba\xab~\x7f4\xec\x97(\xc7\x1e\xecN\xf7\xf4\xfb\xf5\xe4y\xa2\xb3\xeb\xecgw\xaa\xfa]]]]\xcd\x94R\x04\x00\x00\xce\xc3\xe3]\x00\x00\x00\xc4\x07\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de\x058\x82R\xaa\x11\xff\x15c\xec\xb4W\xd28v\xaf\x1f\xa0)\x12\xb8\xfd#\x00\x9a\x85RJJ\xa9\x94b\x8c1\xc68o\xcc\x99\xd6iy\x93\xc6\xb1{\xfd\x00M\xe1\x9c\xf6\xcf\x1a\x17np\\\xe6GNDB\x88c_\x0f\x04\x02RJ\xc6\xea\xfb\xd76\xc7\x0e~\xbf\xff\xd8\x17\xcd\xc6\xc49o\xbe\x91\x85\xdd\xeb\x07h\n\x07\xb6\x7f\x04\xc0\xe9\xa1\x942\x0cC\xd3\x8e\x9cQ\x85B\xa1M\x9b6m\xdc\xb8\xe1\x93O&gt;-///,,\xd4\r\xbd\xfe\xef\xc6\x88)R\x1d\xcf\xed\xe8\xf7\xfb\xfb\xf6\xed\xdb\xbbw\xef\xfe\xfd\xfb\xb7m\xdb\xd6\xfc\xaa\xae\xeb\x9c\xf3\xd3;\xa0\xb0{\xfd\x00M\xe1\xd8\xf6\x8f\x008\r\x0c\xc30\x87\x0c\xd1ht\xc5\x8a\x15\xcf?\xff\xfc\x96-[\x0e\x1c8p\x1a\x7fDFFF\xdf\xbe}\xc7\x8f\x1f?v\xec\xd8V\xadZ\x11\x91\xae\xebB\x88\xd32\x9a\xb0{\xfd\x00M\xe1\xe4\xf6\x8f\x00h\x12\xf3\xaf\xc7\x18\x0b\x04\x02\xf3\xe6\xcd[\xbat\xe9\xf6\xed\xdb\xeb\xbe\x9a\x9a\x96\xda\xee\xcc\xb69\xb99\x1d:\x9d\x93\x99\xe9\xd7u\xa3&gt;\x9f\xb7"\xc5\x19\x8f\xc5b\x05\x9f\x17VV\x04\x0e\xec\xfb\xba\xa2\xbc\xa2\xee\xabg\xb49c\xe2\r\x13\xa7N\x9d\xda\xb9sg"\x92R6e(a\xf7\xfa\x01\x9a\x02\xed\x1f\x01\xd0xu\x03\x87E\x8b\x16=\xf9\xe4\x93;w\xee4_o\xd7\xbe\xed\xe0\x11\x83F\x8e\x1eq~\x8f\xae\xb9\xadsRRS\x85\x10B\xf0\x86\xfd\xa1\x95\x8a\xc5\xf4Hm\xa4\xf4p\xe9\xee\x9d{\xd6\xbd\xb7~\xed\xeau;\x0bv\x9b_\xcc\xcc\xcc\xbc\xe7\x9e{\xa6O\x9f\xee\xf3\xf9t]\xaf;uuT\xfd\x00M\x81\xf6O\x08\x80F3[OQQ\xd1\x94)SV\xae\\i\xbe\xd8\xe5\xfc\xceS\xee\xbai\xcc\xd8\xd19\xad\xb2\x94R\xb5\xb5\x91X4&amp;\r\xa9H5\xfc\xef\xcc8c\x8c3\x97\xcb\x95\xecN\xd64-\x14\x0cn\xf8p\xd3\xbc?-\\\xfb\xde\x87\xe6wt\xee\xdcy\xc1\x82\x05C\x86\x0c1\xafP5\xe8t\xd2\xee\xf5\x034\x05\xda\xff\x91*\x11\x00\x8d`\x86\xf6\xca\x95+\xa7\xdc:\xa5\xe8\xbb""\xea\xd0\xa9\xc3\x1d\xd3\xa7\xfd\xe4\x9a+|\x19\xbep0\x1c\x8b\xc5\x88\xe8\xb4\\\xf1WJI\xa9H)\xa1\x89\x94\xd4\x14)\x8d5\xab?|\xee\xe9\xb9\xeb\xd7|LD\xc9\xc9I\x8f?\xfeD~~~\x83\xda\x90\xdd\xeb\x07h\n\xb4\xff:\x08\x80\x063[\xcf\xbcy\xf3\xf2\xf2\xf2\xccWn\xca\x9b\xf4\x8b\xdfN\xcf\xc9\xcd\tT\x04\x0c\xdd\xe0\xa2\xb9Vz\x19\x86\xc1\x18K\xf7\xa5\x19\xba\xb1\xf0o\xcf\xcfy\xe4\xe9p(LD\xd3\xa6M\x9b;w\xaea\x18\xf5i\xb2v\xaf\x1f\xa0)\xd0\xfe\x8f\x85\x00h\x18\xf3\xcc\xb1\xae\xf5\xf83|\xbf\xfb\xc3\xcck\'\x8f\x0bV\x06\xa3\xd1h\xcb\xcc\xe5\x99\xcd(+\'k\xcb\xc7[\x7fq\xc7/\x0b&gt;\xdfIG\xdb\xd0)\xc7\x11v\xaf\x1f\xa0)\xd0\xfe\xbf\x07\x01\xd0\x00\xdfk=9\xb99s\x97\xfde\xd8\xc5C\x0e\x1d,\xd64\xad\x85\x0f[\xb1X\xcc\x9f\xe1/+)\xbby\xdc\xb4O7\x7fF\xc7\x8c#\xbew\x1bK\xc2\xd4\x0f\xd0\x14h\xff?\x84\x00\xa8/\xf3\x83Y\xbdz\xf5\xa8Q\xa3\x88(3+\xf3\xdfk^;\xbb\xc3\xd9\x95\x15\x95.\x97+.%\xe9\xba\x91\xecN\x12B\xdc\xf0\xe3\x1b?^\xb7\x91\x88f\xce\x9c9c\xc6\x8c\xe3\xae+\xb0{\xfd\x00M\x81\xf6\x7f\\\x08\x80z1\x97\xeb\x16\x17\x17\xf7\xec\xd5\xf3p\xf1\xe1t_\xfa\xe2\xe5\xf3\xfa\r\xea\x1b\xa8\x08h\xaex\x1e\xaa\x0c\xc3Hv\'\x87\x82\xa1Ico\xd9\xb1\xed\x0b\xc6\xd8\xca\x95+G\x8d\x1a\xf5\xbdq\x84\xdd\xeb\x07h\n\xb4\xff\x13\xc1=8\xf5b\xde)&gt;y\xf2\xe4\xe2C\xc5D\xf4\xc8\x1ff\x0c\xbbxHeEe|[\x0f\x11\t!jkj\xb3s\xb2\x9e]\xfcG\x7f\x86O\x91\x9a|\xe3\xe4C\x87\x0e1\xc6\xcc]MLv\xaf\x1f\xa0)\xd0\xfeO\x04\x01pjf\x1a/[\xb6l\xd5\xaaUDt\xfd\xcd\xe3\'\xdct\xed\xa1\x83\xc5\xf1:s\xfc\x1eM\xd3*+\x02]\xbbu\x9e\xf9\xe4oHQ\xf1\xa1\xe2\x07\x1ex\x80s^wng\xf7\xfa\x01\x9a\x02\xed\xff$0\x05t\nJ)\xa5Tee\xe5\x80\x01\x03\xf6\xed\xdbw\xe6\xd9\xed\xdfZ\xf7\xcf\xe4\xe4d\xf3R~\xbc\xab\xfb?\x86n\xf8\xb3\xfc\xb7^{\xdb\xdb\xff^\x99\x9c\x9c\xbcn\xdd\xba\xbe}\xfb\x9a[\xd1\xda\xba~l\x14\x01Ma\xf7\xfe\xdb\xdc\xed\x1f\xbd\xeb\x14\xcc\xc5\xb9\x8b\x16-\xda\xbbw\xaf\x94\xf2\xf6\xe9\xd3rr\xb3\xa3\xd1\xa8\xa5Z\x0f\x111\xceb\xd1\xd8\xf4_\xdf\x93\x9c\x9c\x1c\x89Df\xcc\x98a\x1e\xfa\xed^\x7f\xbc\xeb\x02{C\xfb?9\x04\xc0\xc9(\xa5\x84\x10555\x8b\x16-b\x8c\x9d\xdb\xa9\xc3\xd5\xd7]YY\x1e\xb0\xe0\x1a\x15\xcey8\x14\xee\xd1\xbb\xfb\x15W\x8f!\xa2\xb5k\xd7\x16\x16\x16\n!8\xe7\xb6\xae\x1fW\x02\xa0\xd1\x12\xa0\xff6w\xfbG\x00\x9c\x8cy_\xc6\xea\xd5\xab\xbf\xf8\xe2\x0b\xa5\xd4\xb4{o\xf5\xf9\xd3u\xbd\x01;\x83\xb7$\xcey$\x12\xcd\xfb\x7fS\xbd^OUU\xd5\xfc\x05\xf3\xcd\x17\xedZ\xff\xfc\xf9D\x84\x00\x80F\xb3w\xffm\x91\xf6\x8f\x008\xb5\xc5\x8b\x173\xc6r\xcf\xc8\xfd\xd1U\xa3C\xc1\xb0e\x97\'r\xce\xab\xc2U=zw\x1b8l\x00c\xec\xb5W_\x0b\x87\xc3Dd\x0e\x7f\xecW\xffk\xafUWWk\x9a\x86\x89 h\n\xbb\xf6\xdf\x16i\xff\x08\x80\x132\xcf\x1f\x03\x81\xc0\xa6\xcd\x9b\x94R\xc3.\x1e\x92\xd3*;\x16\x8bYm\xf6\xf0XJ)\xc6\xf8e?\x1e\xa5\x94\xfa\xee\xbb\xef\n\n\nt]\xdf\xb8q\xa3-\xeb/\xfan\xdb\xb6m\x84\x93\x00h\x14\xdb\xf7\xdf\x16i\xff\x08\x80\x132\xff\xee[\xb6l\xf9\xf6\x9bo\x89h\xe4\x98\x11\xd6\x1f\x88\n!j\xabk\x06_405=\xd50\x8c\xb5k\xd7~\xfe\xf9\xe7EEEd\xc7\xfau\xe3\xed\x15o\xd3\xd1\xa7v\x004\x88\xed\xfbo\x8b\xb4\x7f\x04\xc0\t\x99\x7f\xf7M\x9b7\x11\x917\xd5{~\x8f\xae\x91\x9a\x88\xc5W%2\xc6"\x91h\xbb\xf6m\xce\xe9p6\x11m\xdb\xb6m\xfd\xfa\xf5D\xe4M\xb1e\xfd[6o!"\x8b\xd7\x0c\xd6\x94\x00\xfd\xb7\x05\xda\xbf\xa5\xff\x1c\xf1e\x9e*n\xdd\xb2\x95\x88\xce&lt;\xab\xfd\x19mr-~\xfeh\x92Rz\xbc\x9e\xae\xdd;\x13\xd1\xf6\xed\xdb\xff\xfb\xf6\x7f\x89\xa8\xfdY\xed\xecU\xff\xf9\xdd\xbb\x10Qaaa8\x1c\xc6Ma\xd0\x08\xb6\xee\xbf-\xd6\xfe\x11\x00\'d\xae\xc3-))!\xa2\xac\xec\xcc\x94\xd4\x14\xc30\xe2]\xd4\xa9)\xa5\xb8\x10\xad\xdb\xb4&amp;\xa2\xf2\xf2\xf2\xaf\xbf\xfe\x9al[\x7fe\xa0\xb2\xa6\xa6&amp;\xde\x15\x81-%@\xffm\x81\xf6\x8f\x008&gt;\xf3\x1e\xbc@ \xb0{\xf7n"\xea\xd4\xa5\xa3\xb0\xc9r\x14\xc6\x98\xa1\xeb\x9d\xbat$\xa2\xe2\xe2\xe2/\xf7~I6\xac\xbfc\x97s\x89(\x18\x08\x16\x16\x16\x12\xae\x03C\x03\xd9\xbd\xff\xb6X\xfb\xb7\xdc\r\x11\x96\xa2\x94\x8a\xe91"\xca\xc8\xcc\xb0\xd1D\x84R*#3\x83\x88t]7\x9b\x8eM\xeb\x97RZv\xd56X\x9f\xdd\xfbo\x0b\xb4\x7f\x9c\x01\x9c\x829ih\xbb\xc3\x90Yp\xdd\xd3\x85lZ?\x1d\xfd\xfb\x034\x0e\xda\xff\xc9!\x00\xea\xc5v\x87\xa1\xef\x15l\xf7\xfa\x01\x9a\xc2v\xcd\xa9\xc5\nF\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b4x\x17P/J\xa9F\xfcW\x8c\xb1\xd3^\t\x004\x14\xfa\xafeY4\x00\x94RRJ\xa5\x14c\x8c1\xc6yc\xceTN\xcb\x9b\x00@C\xa1\xff\xda\x85\xb5\x02\xc0\xfc\xc8\x89H\x08!\x84\xa8{=\x10\x08H)\x19c\xf5\x1cJ\x98c\x07\xbf\xdf\x7f\xec\x9b\x98\x8d\x89s\x8e\x91\x05@s@\xff\xb5\x1d\xab\x04\x80R\xca0\x0cM\xd3\xcc\x8f&lt;\x14\nm\xda\xb4i\xe3\xc6\r\x9f|\xf2iyyyaa\xa1n\xe8\xf5\x7f7FL\x91\xeaxnG\xbf\xdf\xdf\xb7o\xdf\xde\xbd{\xf7\xef\xdf\xbfm\xdb\xb6\xe6Wu]\xe7\x9cc@\x01p\xba\xa0\xff\xda\x94%\x02\xc00\x0c!\x84\xa6i\xd1ht\xc5\x8a\x15\xcf?\xff\xfc\x96-[\x0e\x1c8\xd0\xc4\xb7--)%\xa2\x15+V\x10QFFF\xdf\xbe}\xc7\x8f\x1f?v\xec\xd8V\xadZ\x11\x91\xae\xebB\x08\x8c&amp;\x00\x9a\x08\xfd\xd7\xbe\xe2\x1c\x00\xe6)\xa1\x10"\x10\x08\xcc\x9b7o\xe9\xd2\xa5\xdb\xb7o\xaf\xfbjjZj\xbb3\xdb\xe6\xe4\xe6t\xe8tNf\xa6_\xd7\x8d\xfa|\xde\x8a\x14g&lt;\x16\x8b\x15|^XY\x118\xb0\xef\xeb\x8a\xf2\x8a\x8a\x8a\x8aU\xabV\xadZ\xb5\xea\xb73~;\xf1\x86\x89S\xa7N\xed\xdc\xb93\x11I)1\x94\x00h\x1c\xf4_\xbb\x8bg\x00\x98\x03\x07"Z\xb4h\xd1\x93O&gt;\xb9s\xe7N\xf3\xf5v\xed\xdb\x0e\x1e1h\xe4\xe8\x11\xe7\xf7\xe8\x9a\xdb:\'%5U\x08!\x04o\xd8J\x02\xa5b1=R\x1b)=\\\xba{\xe7\x9eu\xef\xad_\xbbz\xdd\xce\x82\xdd\x07\x8b\x0e\xce\x993g\xe1\xc2\x85\xf7\xdcs\xcf\xf4\xe9\xd3}&gt;\x9f\xae\xeb\x9af\x893!\x00\x1bA\xffM\x00q\xfb\xc3\x99\xad\xa7\xa8\xa8h\xca\x94)+W\xae4_\xecr~\xe7)w\xdd4f\xec\xe8\x9cVYJ\xa9\xda\xdaH,\x1a\x0b\x05B\x8aT\xc3W\x921\xce\x18\xe3,\xbbUv\xdb3\xdb\x8e\xfa\xd1\xa5\xa1`p\xc3\x87\x9b\xe6\xfdi\xe1\xda\xf7&gt;,//\x9f5k\xd6K/\xbd\xb4`\xc1\x82!C\x86\x98W\xa8p:\tPO\xe8\xbf\x89!&gt;\x01`\x86\xf6\xca\x95+\xa7\xdc:\xa5\xe8\xbb""\xea\xd0\xa9\xc3\x1d\xd3\xa7\xfd\xe4\x9a+|\x19\xbep0\\Q^ID\xe6\x15\x7f.\x9at\x8a\x17\x8b\xc5"\x91()%4q\xf1e#.\xbat\xd8\x9a\xd5\x1f&gt;\xf7\xf4\xdc\xf5k&gt;\xde\xb5k\xd7%\x97\x8c|\xfc\xf1\'\xf2\xf3\xf3\xcd\xd5\x0bhC\x00\xa7\x84\xfe\x9b0\xe20}f\xb6\x9ey\xf3\xe6\x8d\x193\xc6l=7\xe5M\xfa\xd7\xfb\xafN\x9e6\x911VQZa\x0e.N\xd7\x15\x1e\xc6\x98\x10\\h\x82\x88\x82\x81`U\xb8z\xe4\xe8\x8b^|\xeb\xf9\x99O\xfe&amp;5-5\x12\x89N\x9f&gt;=//\x8fsn\xae3k\xfaO\x04H`\xe8\xbf\x89\xa4\xa5\x03\xc0\\+6o\xde\xbc\xbc\xbc&lt;"\xf2g\xf8\x9e]\xf4\xf4\x93\x7f}\xcc\xedv\x97\x95\x94\x11\x91\xd0\x9a\xf1\xca\xbe\x10\x82s\x1e\xa8\x0cVUU\xdf\xf9\xf3\xdb^y\xfb\x85\xf3\xbbw!"\xb3\x1e!\x84R\x8d8W\x05p\n\xf4\xdf\x04\xd3\xa2\x01`\x0e\r\xeaZONn\xce\xa2\xd7\xe6M\xb8i|Iq\x89\xd9\xb0Z\xa6\x0c\xb3\x19\x1d&gt;t\xb8G\xef\xee/\xbe\xb5\xf4\xc2~\xbd\xe8h\x1b2\xc7\x11-S\x06\x80\xbd\xa0\xff&amp;\x9e\x96\x0b\x00\xb3\xf5\xac^\xbd\xdal=\x99Y\x99\xff|\xf7\xe5~\x83\xfa\x1e:X\xecr\xb9Z~\xf2\xce\xe5r\x05*\x83)i)\xaf\xaf~y\xd0\xb0\x01D4o\xde\xbcY\xb3f\t!t\xbd\x017\xad\x008\x01\xfaoBj\xa1\x00\x90R\n!\x8a\x8b\x8b\'M\x9e\xc4\x18\xf3\xf9}\x0b^y\xee\xec\x0eg\x07*\x02.\x97\xabej\xf8!M\x13\xd1HTJ\xf9\xb7\x7f\xfc\xb9[\xcf\x0b\x88h\xd6\xacY\xabV\xad\xd24\xcd0\x8cxU\x05`5\xe8\xbf\x89\xaa\x85\x02\xc0\xbcS|\xf2\xe4\xc9\xc5\x87\x8a\x89\xe8\x91?\xcc\x18v\xf1\x90\xca\x8aJ\xcd\x15\xe7\x05\xbcB\x88\xda\x9a\xda\xec\x9c\xacg\x17\xff\xd1\x9f\xe1S\xa4&amp;\xdf8\xf9\xd0\xa1CXN\x00P\x07\xfd7Q\xb5D\x00\x98\'\x8f\xcb\x96-[\xb5j\x15\x11]\x7f\xf3\xf8\t7]k\x9e9\xb6\xc0O?%M\xd3*+\x02]\xbbu\x9e\xf9\xe4oHQ\xf1\xa1\xe2\x07\x1ex\xe0\xd8]\xa8\x00\x9c\x0c\xfd7\x815{\x00\x98\xbb\xb9\x96\x97\x97?\xfc\xf0\xc3\x9c\xf3\xb3;\x9c\xf5\xeb\xdf\xfd2P\x11\xb4\xd4\xcd{.\x97\xab\xac\xa4|\xfc\x8d\xe3.\x1f;\x9a\x88^|\xf1\xc5M\x9b6\xd5mm\x08\xe0X\xe8\xbf\x89\xad\xd9\x03\xc00\x0c\xce\xf9\xa2E\x8b\xf6\xee\xdd+\xa5\xbc}\xfa\xb4\x9c\xdc\xech4j\xb5s4\xc6Y,\x1a\x9b\xfe\xeb{\x92\x93\x93#\x91\xc8\x8c\x193\x8e\xec^\x8bEe\xe0`\xe8\xbf\x89\xady\x03@)%\x84\xa8\xa9\xa9Y\xb4h\x11c\xec\xdcN\x1d\xae\xbe\xee\xca\xca\xf2\x80\xa5\x86\x0f&amp;\xcey8\x14\xee\xd1\xbb\xfb\x15W\x8f!\xa2\xb5k\xd7\xee\xd9\xb3\'55\x15\x83\x08p,\xf4\xdf\x84\xd7\xbc\x01`\xee\xd1\xb1z\xf5\xea/\xbe\xf8B)5\xed\xde[}\xfet\xcb.\xd2\xe2\x9cG"\xd1\xbc\xff7\xd5\xeb\xf5TWW/X\xb0\xc0\xedv\xa3\x01\x81c\xa1\xff&amp;\xbc\x96\xb8\x08\xbcx\xf1b\xc6X\xee\x19\xb9?\xbajt(\x18\xb6\xec\xf5\x19\xceyU\xb8\xaaG\xefn\x03\x87\r`\x8c\xbd\xfa\xda\xab\xc5\xc5\xc5\xc9\xc9I\xf1\xae\x0b \x9e\xd0\x7f\x13X3\x06\x80y\xfe\x18\x08\x046m\xde\xa4\x94\x1av\xf1\x90\x9cV\xd9\xb1X\xccj\xb3\x87\xc7RJ1\xc6/\xfb\xf1(\xa5\xd47_\x7f\xbdu\xebV\x8f\xd7\x1b\xef\xa2\x00\xe2\x00\xfd\xd7\t\x9a1\x00\xcc\x93\xaf-[\xb6|\xfb\xcd\xb7D4r\xcc\x08\xeb_\x8f\x11B\xd4V\xd7\x0c\xbeh`jjj,\xa6\xafX\xb1")\t#\x08p"\xf4_\'h\xde3\x00"\xda\xb4y\x13\x11yS\xbd\xe7\xf7\xe8\x1a\xa9\x89X\xfc\xf1=\x8c\xb1H$\xda\xae}\x9b\xb3\xcf=\x8b\x886o\xd9\xac\xc7t"\xc2b\x02p\x1a\xf4_\'h\xc6\x8f\xd3&lt;U\xdc\xbae+\x11\x9dyV\xfb3\xda\xe4Z\xfc\xfc\xd1$\xa5\xf4x=\xe6.\x83\x85\x05\x85\xc5\xc5\xc5D\x84\xf6\x03N\x83\xfe\xeb\x04\xcd\x1b\x00J\xa9\x92\x92\x12"\xca\xca\xceLIM\xb1\xc5\x06\x1dJ).D\xeb6\xad\x89(\x14\n\xd5\xd6\xd6\xc6\xbb"\x808@\xffu\x82\xe6\n\x00\xa5\x14\xe7&lt;\x10\x08\xec\xde\xbd\x9b\x88:u\xe9(4\xcd\x16[u3\xc6\x0c]\xef\xd4\xa5\xa3\xf9\xcf\xd6\x1f\xf2\x00\x9cv\xe8\xbf\x0e\xd1\xec7\x82\xc5\xf4\x18\x11edfp\xcem\xd1\x80\x88H)\x95\x91\x95AG\xa7A\x01\x9c\t\xfd7\xe15\xfb%\x1d3\x81-{\xf3\xc8\x89\xd8\xae`\x80\xe6\x80\xfe\x9b\xd8Z\xe8\x9a\xbe\xedN\xc4lW0@\xf3\xb1]w\xb0]\xc1\xf1b\xe9E]\x00\x00\xd0|\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a5\xc5\xbb\x00\x80f\xa7\x94j\xc4\x7f\xc5\x18;\xed\x954\x8e\xdd\xeb\x07\xcbB\x00@\x02RJI)\x95R\x8c1\xc6\x18\xe7\x8d9\xd3=-o\xd28v\xaf\x1f\xec\x02\x01\x00\x89\xc3&lt;\xe4\x11\x91\x10B\x08Q\xf7z \x10\x90R2\xc6\xea9\x946\xc7\xce~\xbf\xff\xd871\x0f\xa6\x9c\xf3\xe6\x1bY\xdb\xbd~\xb0\x1d\x04\x00$\x02\xa5\x94a\x18\x9a\xa6\x99\x87\xbcP(\xb4i\xd3\xa6\x8d\x1b7|\xf2\xc9\xa7\xe5\xe5\xe5\x85\x85\x85\xba\xa1\xd7\xff\xdd\x181E\xaa\xe3\xb9\x1d\xfd~\x7f\xdf\xbe}{\xf7\xee\xdd\xbf\x7f\xff\xb6m\xdb\x9a_\xd5u\x9ds~z\x07\xd4v\xaf\x1fl\n\x01\x00\xb6g\x18\x86\x10B\xd3\xb4h4\xbab\xc5\x8a\xe7\x9f\x7f~\xcb\x96-\x07\x0e\x1ch\xe2\xdb\x96\x96\x94\x12\xd1\x8a\x15+\x88(##\xa3o\xdf\xbe\xe3\xc7\x8f\x1f;vl\xabV\xad\x88H\xd7u!\xc4i\x19M\xdb\xbd~\xb0/\x04\x00\xd8\x989%"\x84\x08\x04\x02\xf3\xe6\xcd[\xbat\xe9\xf6\xed\xdb\xeb\xbe\x9a\x9a\x96\xda\xee\xcc\xb69\xb99\x1d:\x9d\x93\x99\xe9\xd7u\xa3&gt;\xc7;E\x8a3\x1e\x8b\xc5\n&gt;/\xac\xac\x08\x1c\xd8\xf7uEyEEE\xc5\xaaU\xabV\xadZ\xf5\xdb\x19\xbf\x9dx\xc3\xc4\xa9S\xa7v\xee\xdc\x99\x88\xa4\x94M\x19J\xdb\xbd~\xb0;\x04\x00\xd8\x959p&amp;\xa2E\x8b\x16=\xf9\xe4\x93;w\xee4_o\xd7\xbe\xed\xe0\x11\x83F\x8e\x1eq~\x8f\xae\xb9\xadsRRS\x85\x10B\xf0\x86\xad\xa4Q*\x16\xd3#\xb5\x91\xd2\xc3\xa5\xbbw\xeeY\xf7\xde\xfa\xb5\xab\xd7\xed,\xd8}\xb0\xe8\xe0\x9c9s\x16.\\x\xcf=\xf7L\x9f&gt;\xdd\xe7\xf3\xe9\xba\xaei\x8d\xe9Gv\xaf\x1f\x12\x00&gt;x\xb0%\xf3\xe8YTT4e\xca\x94\x95+W\x9a/v9\xbf\xf3\x94\xbbn\x1a3vtN\xab,\xa5Tmm$\x16\x8d\x85\x02!E\xaa\xe1+)\x19g\x8cq\x96\xdd*\xbb\xed\x99mG\xfd\xe8\xd2P0\xb8\xe1\xc3M\xf3\xfe\xb4p\xed{\x1f\x96\x97\x97\xcf\x9a5\xeb\xa5\x97^Z\xb0`\xc1\x90!C\xcc+\xb4\r\x9aN\xb1{\xfd\x90\x18\x10\x00`?\xe6\xa0u\xe5\xca\x95Sn\x9dR\xf4]\x11\x11u\xe8\xd4\xe1\x8e\xe9\xd3~r\xcd\x15\xbe\x0c_8\x18\xae(\xaf$"s\xc5\x0b\x17M\x9a\xe2\x88\xc5b\x91H\x94\x94\x12\x9a\xb8\xf8\xb2\x11\x17]:l\xcd\xea\x0f\x9f{z\xee\xfa5\x1f\xef\xda\xb5\xeb\x92KF&gt;\xfe\xf8\x13\xf9\xf9\xf9\xe6\xea\x9dz\x1eC\xed^?$\x0cL\xff\x81\xcd\x98G\xcfy\xf3\xe6\x8d\x193\xc6&lt;z\xde\x947\xe9_\xef\xbf:y\xdaD\xc6XEi\x859\xb8&gt;]W8\x19cBp\xa1\t"\n\x06\x82U\xe1\xea\x91\xa3/z\xf1\xad\xe7g&gt;\xf9\x9b\xd4\xb4\xd4H$:}\xfa\xf4\xbc\xbc&lt;\xce\xb9\xb9\xce2\xe1\xeb\x87D\x82\x00\x00;1\xd7J\xce\x9b7///\x8f\x88\xfc\x19\xbeg\x17=\xfd\xe4_\x1fs\xbb\xdde%eD$\xb4f\\\xd9"\x84\xe0\x9c\x07*\x83UU\xd5w\xfe\xfc\xb6W\xde~\xe1\xfc\xee]\x88\xc8\xacG\x08\xa1\xd4)\xe6j\xec^?$\x18\x04\x00\xd8\x8694\xae;z\xe6\xe4\xe6,zm\xde\x84\x9b\xc6\x97\x14\x97\x98\x07\xd6\x96)\xc3&lt;\x8c\x1e&gt;t\xb8G\xef\xee/\xbe\xb5\xf4\xc2~\xbd\xe8\xe81\xd4\x1cG\'j\xfd\x90x\x10\x00`\x0f\xe6\xd1s\xf5\xea\xd5\xe6\xd133+\xf3\x9f\xef\xbe\xdcoP\xdfC\x07\x8b].W\xcbO^\xbb\\\xae@e0%-\xe5\xf5\xd5/\x0f\x1a6\x80\x88\xe6\xcd\x9b7k\xd6,!\x84\xae\x1f\xe7\xa6-\xbb\xd7\x0f\t\t\x01\x006 \xa5\x14B\x14\x17\x17O\x9a&lt;\x891\xe6\xf3\xfb\x16\xbc\xf2\xdc\xd9\x1d\xce\x0eT\x04\\.W\xbc\xaa\xd24\x11\x8dD\xa5\x94\x7f\xfb\xc7\x9f\xbb\xf5\xbc\x80\x88f\xcd\x9a\xb5j\xd5*M\xd3\x0c\xc38\xf6;\xed^?$*\x04\x00\xd8\x83a\x18\x93\'O.&gt;TLD\x8f\xfca\xc6\xb0\x8b\x87TVTj\xae8/c\x13B\xd4\xd6\xd4f\xe7d=\xbb\xf8\x8f\xfe\x0c\x9f"5\xf9\xc6\xc9\x87\x0e\x1db\x8c\x1d;\x97b\xee\xf4`\xaf\xfa\xe3[\x18\xb4\x0c\x04\x00\xd8\x80\xcb\xe5Z\xb6l\xd9\xaaU\xab\x88\xe8\xfa\x9b\xc7O\xb8\xe9Zs\xe6$\xdeu\x11\x11i\x9aVY\x11\xe8\xda\xad\xf3\xcc\'\x7fC\x8a\x8a\x0f\x15?\xf0\xc0\x03\x9c\xf3\xba\xab\xa9\xe6\xe4\x8f\xbd\xea?v\x179H`\x08\x00\xb04\xf30ZVV\xf6\xf0\xc3\x0fs\xce\xcf\xeep\xd6\xaf\x7f\xf7\xcb@E\xd0R7\xaf\xba\\\xae\xb2\x92\xf2\xf17\x8e\xbb|\xech"z\xf1\xc5\x177o\xde\\\xb7\xb0\x921V^^n\xaf\xfa7m\xdaT\xb75)$0\x04\x00X\x9ayAr\xc1\x82\x05{\xf7\xee\x95R\xde&gt;}ZNnv4\x1a\xb5\xda\x1c\x05\xe3,\x16\x8dM\xff\xf5=\xc9\xc9\xc9\x91Hd\xc6\x8c\x19\xe6\xee\xcd\x86ap\xce\x17-Zd\xd3\xfa\t\x8bB\x13\x1a\x02\x00,\xcd\xe5rI)\x17-Z\xc4\x18;\xb7S\x87\xab\xaf\xbb\xb2\xb2&lt;`\xa9\xe1\xb3\x89s\x1e\x0e\x85{\xf4\xee~\xc5\xd5c\x88h\xed\xda\xb5\x85\x85\x85\xe6\x82\xcb\x9a\x9a\x1a;\xd6\xbfg\xcf\x9e\xd4\xd4T\x9c\x04$6\x04\x00XZzz\xfa\xbau\xebv\xee\xdc\xa9\x94\x9av\xef\xad&gt;\x7f\xbae\x17)r\xce#\x91h\xde\xff\x9b\xea\xf5z\xaa\xaa\xaa\xe6/\x98o\xbe\xb8z\xf5\xea/\xbe\xf8\xc2^\xf5WWW/X\xb0\xc0\xedv#\x00\x12\x1b\x02\x00,\x8d1f\x0e\x9fs\xcf\xc8\xfd\xd1U\xa3C\xc1\xb0e\xafOr\xce\xab\xc2U=zw\x1b8l\x00c\xec\xb5W_\x0b\x87\xc3Dd\xd3\xfa_}\xed\xd5\xe2\xe2\xe2\xe4\xe4\xa4x\xd7\x05\xcd\x08\x01\x00\x96\xf6\xddw\xdfm\xde\xbcY)5\xec\xe2!9\xad\xb2c\xb1\x98\xd5f\xcf\x8f\xa5\x94b\x8c_\xf6\xe3QJ\xa9\xef\xbe\xfb\xae\xa0\xa0@\xd7\xf5\x8d\x1b7\xda\xb1\xfeo\xbe\xfez\xeb\xd6\xad\x1e\xaf7\xdeEA3\xb2\xdc\\$@\x1dM\xd3&gt;\xfe\xf8\xe3\xdd\xbbw\x13\xd1\xc81#\xac\x7f=R\x08Q[]3\xf8\xa2\x81\xa9\xe9\xa9\xe1`x\xed\xda\xb5.\x97\xab\xa8\xa8\x88lW\x7fjj8\x1c^\xb1bER\x12\xce\x00\x12\x19\xce\x00\xc0\xba\x92\x92\x92\xb6l\xd9\xa2\xeb\xba\xdb\xe3&gt;\xbfG\xd7HM\xc4\xe2\x8f\xafb\x8cE"\xd1v\xed\xdb\x9c\xd3\xe1l"\xda\xb6m\xdb\xfa\xf5\xeb\x89\xc8\x9b\xe2\xb5W\xfdg\x9f{\x16\x11m\xde\xb2Y\x8f\xe9D\x84\xc5@\x89\xca\xd2\xcd\x11\x1c.\x1a\x8dn\xd9\xb2\x85\x88\xda\x9f\xd9\xee\x8c6\xb9\x16\x9f?1I)=^O\xd7\xee\x9d\x89h\xfb\xf6\xed\xff}\xfb\xbfD\xd4\xfe,\x9b\xd5o\xee\x12ZXPX\\\\LD8\xfe\'*L\x01\x81uI)+**\x88(\xbbUfJjJ(\x18\xb6\xf8\x08\x9a\x88\x94R\\\x88\xd6mZ\x13Qyy\xb9!\r"\xca\xca\xb6e\xfd\xa1P\xc8\xfa\x89\x05M\x81\x00\x00K\xd34M\xd7\xf5\xf3\xba\x9e\'4\xcd\x16[\xd53\xc6\x0c]\xef\xd4\xa5#\x11\x15\x17\x17\x97\x96\x96\x12Q\xa7.\x1d\xedX?\x9e\x13\x99\xf0\x10\x00`\x03\x19\x99\x19\xc7\xee\xaecqJ\xa9\x8c\xcc\x0c"\xd2u\xdd\\Go\xbf\xfa\xb32\xe8\xc8\xa2 \x04@"\xb3\xfa\t)\x00\x1d\xdd\x10\xc2F\xcc\x82\xebF\xd06\xad\x1f\x12\x1e\x02\x00l\xc0v\xe3\xd0\xef\x15l\xf7\xfa!Q!\x00\x00\x00\x1c\n\x01\x00\x00\xe0P\x08\x00\x00\x00\x87B\x00\x00\x008\x14\x02\x00\x00\xc0\xa1\x10\x00\x00\x00\x0e\x85\x00\x00\x00p(\x04\x00\x00\x80C!\x00\x00\x00\x1c\n\x01\x00\x00\xe0P\x08\x00\x00\x00\x87B\x00\x00\x008\x14\x02\x00\x00\xc0\xa1\x10\x00\x00\x00\x0e\x85\x00\x00\x00p(\x04\x00\x00\x80C!\x00\x00\x00\x1c\xca\xae\xcf\x04\xfe\xde\xe3U\xed\xf5\x00\xa3\x1f&gt;\x1b\x16\xf5\x83\xa3\xd8\xba\xff\x92\xfd\xeb\xafc\xa7\x00PJ\x99\x8f\xd8\x16\\h\x9a\xc69g\x8c)\xa5\x0ci\x18\xba!\r\xc9\x18\xe3\xc2\xa2\xe74G\x8aW\xc49\x17\x9a\xe0\x9c3\xce\x18\x91TJ\x1a\xd20\x0c\xf3W3\x7f\xa9x\x17{\x1cv\xaf\xff\xb8\xa4!\xa5\x92\xe6?3bB\x13\xf1\xad\xa7\xa1\xecU\xbf\xad\xfb/\x11I)\x95T\xc4\x98\x10\xfch\xfd\xa4\x14I)\r\xc30\x0c\x83\x88\x04\x17d\x9b\xe6Od\x97\x000\x9bNRR\x927\xc5\xcb\x18UUU\x87\x02\xa1\xea\xea\x1a=\x16s%\xb9\xbc\xde\x14\x9f?\xcd\xe3\xf5\xe81=\x1c\xaeRRY\xaa\x19\x99\xed&amp;)\xd9\xe5\xf1\xa6\t\xc1kk#\xe1`\xb8\xba\xaa\xba\xb66\xa2\x94JNN\xf2x=i\xbe4\x8f\xd7#\rY]U\x1d\x8b\xc5\x84\xb0PO\xb6{\xfd\xc7\xa5\x14Ii\xa4\xa7\xa7\xb9\x92\x93H\x111RR\x06\x03\xa1\x1f\x9e\xdcX\x93\xbd\xea\xb7u\xffUJIC\nM\xa4\xa4\xa6$%%\x19\xba^UU\x1d\x0c\x04kkjc\xb1\x98\xa6i\x1e\xaf\'\xdd\x97\x9e\xeeK\x97R\x86Ca\xc30\xac\xdf\xfe\xeb\xd8 \x00\x0c\xddp{\xdd\x1e\x8f\xa7\xe8\xdb\xa2\xff\xbe\xb1\xe2\xc3\x0f\xd6\x17~\xbe\xebP\xd1\xa1\xea\xeaj\xc3\x90B\x88\xd4\xb4\xd46\xed\xce\xb8\xb0o\xcfK.\x1f9h\xd8\x00W\x92+\x14\x0cY\xe130\x9b\x8e\'\xc5\xe3\xf1\xb8\x0f\x16\x15\xbf\xbb\xe2\xfd\x8f\xd6n,\xd8^x\xa8\xe8P\xa02\x10\x8b\xe9\xa4\x94\xd0\xb4\xd4\xb4\xd4\xd6mr/\xe8\xd1u\xd8\xc8\xa1CG\x0c\xce\xca\xc9\nT\x06\xc8\x02\xe7\x95v\xaf\xffD\xa4\x94\x9c\xb1\xcc\xac\xcc\xb7^\xff\xefg[\xb7q\xce\x95T)\xa9\xdeIS\'&amp;\'\'\x99\xa3T+\xb3W\xfd\xf6\xed\xbfD$\xa5LNN\xf6\xa6x\x82\x81\xd0\xd6\x8d\x9flX\xb7\xe9\xb3\xad\xdb\x0e\xec\xfb\xba\xf4piMM\xad4\x0c\xc6\xb9\xd7\xebi\xdd\xb6u\xb7\x1e\xe7_r\xf9\xc8\xe1\x97\x0cM\xf7\xa5\x07\x03A\x8b\xd4\x7fJ\x96\x0e\x00)%c,3;c\xcf\xce/\x9f\x9f\xfb\x8f\x7f\xbd\xf6\xd6\xe1C\x87\x7f\xf8mU\xe1\xaa\xe2\x83\xc5\x9fn\xfel\xe1\xdf\x96\xf4\x1b\xd4\xe7g\x0f\xe6\x8f\x185\xac\xb2"\xc0y&lt;\xc7\x11RJ\x97\xcb\x95\xe2O)\xdc\xb1\xf3\xa5%\xaf\xbc\xf5\xfa\x7f\x8b\xbe=x\xdc\xef\x0c\x87\xc2\x87\x8a\x0e}\xb6e\xdb\x0b\x0b_:\xfb\xdc\xb3\xf2\xee\xb9u\xe2\xad\xd7G#Q]\xd7\xe3\xf8+\xd8\xbd\xfe\x13\xd1u\xc3\xe3qs\xc1\x1f}\xf0\xf1?\xcf\xfek\xdd\xeb\xc9\xc9\xc9\xe3o\xbc\xd6\xedNVJY6\xba\xc8V\xf5\xdb\xba\xff\x12\x91\x92\xca\x9b\xe2\xf9\xee\xeb\xa27^y\xf3\xad\xd7\xffS\xf0\xf9\xce\xe3~[uUuiI\xd9\x8e\xcf\xbex\xe9\xf9W/\xe8y\xfe}\xbf\xfd\xd9eW\\\x1a\xa8\x8c\x7f\xfd\xf5a\xdd\x00PJyS\xbc\x86n\xfc\xf9\xc9\xbf&gt;;\xe79sP)\x840\xa7\xde\xa4T&amp;\xc6\x18\xe7\\)\xa5HI)7\x7f\xbc\xf5\xfa\x1fO\xfe\xd5\xac\xfb\xee\xb9\xff\xce` \x18\xaf\xcf@)\xe5\xf6\xb8\x83\x95\xc1\'f\xceya\xe1K\xd5U\xd5D\xc4\x05\x17B0b\xf2("\xe2\x9c\x0b\xc1\x89\x98TRI\xf5\xd5\x97\x07~\x9d\xff\xdb\xf5\x1f|\xf4\x87\xb9\xb35\x97f\xe8F\\:\xb3\xdd\xeb?\x11]\xd7\xfd\x19\xbe\xa2o\x0f\xddw\xd7\x03\x1f\xbc\xb3\x86s^7\x93\x9b\x99\x9da\xa9R\x8f\xcbF\xf5\xdb\xba\xff\x12\x91a\xc8t_\xea\xcb\xcf\xbf\xf6\xf0\xaf~o\x16OD\x9aK\xe3\x8c\x9b\xa5*\xa9\x88\x881Vw1LI\xf5\xc5\xb6\x82\x9b\xaf\x99\xfa\xe0\xa3\xbf\xba\xf3\xe7\xb7\x05+\x82\x96\x9a\xcb:.\x8b\x06\x80RJ\xd3\xb4}{\xf6=4}\xe6\xfa5\x1f\x13\x91\xd0\x04)RJ\xc5b\xb1\xef}\xb3y\xf9\xc5&lt;\x11\x16B(\xa5\x1e\x9f1[\xd3\xc4]\xbf\xb8\xbd\xa2\xac\xb2\xe5\xaf\x8c)\xa9\x92\xdd\xc9\xfb\xf7~5\xe9\xaa[\x8a\xbe)2\x8bg\xc4\x0c\xc3\x88\x19\xffW&lt;\xe7\x9cH\xd5\x1dI\x19g\xa4\x88q&amp;\x84\xf8\xcf\x1b+b1}\xee\x8b\x7f5t\xa3\x85\x8bO\x80\xfa\x8fKI\xa5\x94\xca\xce\xc9\xfa`\xd5\xda\x9f\xdf\xfe\xcbo\xbf\xfeN\xd3\x84aH]\xd7\x8f\\\x8a\xb4L\xa9\xc7e\xaf\xfam\xdd\x7f\xeb(E9\xadr\x02\x95\x01\x97\xcbEDRJ=\xa6\x1f\xe7\xfb\x0c\xa2\xa3\x13\x9e\xe6\x11\xff\xd1\x07\x1f\xcfi\x95=~\xf2\xb8\xca\x8aJ\x8b\xcf\x05Y4\x00\x88Hsi\xbf\xb8\xe3\x81\xad\x1b?q\xb9\\\xba\xa1\x93R\x86!\x89\xa8S\x97\x8eC/\x1erA\x8f\xae9\xb99.\x97\x16\x0c\x84\xbe\xd8V\xf0\xd6?\xff\xbb\x7f\xefW\x8c3\xc30\xccc\xd0c\xbf\x9d\xdd\x7fH\xbf^}zTUU\xb7\xf08\x821\x16\x8b\xc5Z\xb5\xcei\x95\x9b}\xf0\xdb\x83\x9a\xa6\xe9\xban^\x9d\xeb\xd4\xa5\xe3\xb0\x8b\x87\xf4\xec\xdb\xa3M\xdb3\xbc)^"\n\x06\x82\xbb\x0b\xf7\xbc\xfd\xefw6\xac\xdbHD\xa4H\x97\xba\xcb\xa5\xbd\xf3\x9f\xd5K\xfe\xbe4\xef\xde\xa9\x15\xe5\x15-\xdc\x86\xec^\xff\x0f\x19\x86\x91\x94\x94\xe4\xf1z\x9e\x9d\xf3\xdc\xef\x1fz\xc20\x0c\xa1\t\xc3\x90\xd6\xbcd\xfaCv\xac\xdf\xbe\xfd\xd7$\x04\x0f\x87\xc2\x97\\~\xf1\xb0\x91C\xd7\xbd\xf7\xa1\xf9bvNV\xbf\xc1}{\xf6\xe9qv\x87\xb3|\xfet!DUU\xf5\x97\xbb\xf7\xbd\xfb\xf6\xfb\x1f\xaf\xdb@D\xcaP\xe6\xea\xa6\x87\x7f\xf5\xe8\xd0\x8b\x07\xfb3\xfdzL\xb7\xd4\x99\xd9\xf7X4\x00\xcc\x96\xfd\xdb\xc7\x1e\x98x\xe5-5\xd55J*\x83\xd4\x85\xfdz\xdd\xf9\xb3\xdb.\xbatX\xba/]*)\rI\xa4\x18\xe3W_7\xf6\x9e\xfb\xefx\xea\x91g\xfe\xfe\xa7\xf9\x9cs)%\t2\x0c\xe3OO\xfee\xc9\xf2\xf9q\xe8#\x8c\x0c\xc3H\xf7\xa5?\xb3\xe0\x0f?\xb9\xe8\xa7\xc1\xca \x11\x8d\x1c=b\xca\x9d7\xf7\x1f\xdc\xd7\\-`\x18\x864$\x11q\xc1G\x8c\xbah\xca]7\xbf\xb8\xe8\xe5\x87\xa6\xcf4\x0f\xb5\x86!\x19c\x7f\x7ff\xfe5\xd7_\x9d\xecN6\x0c\xd9\xa2M\xc8\xee\xf5\xff/=\xa6\xa7\xfb\xd3\x02\x95\xa1\x9f\xdf\xfe\xcb\x7f\xbd\xfa&amp;1\x12B\x98\xe3\xe5\xa4\xe4\xa4h$\x1a\xb7\xca\xea\xc7\x8e\xf5\xdb\xbb\xff\xfe\xefoq\xcb\xed\x93\xd7\xbd\xf7\xe1\xa0\xe1\x03\xc7\xddp\xf5E\x97\x0e;\xa3\xed\x19B\x08\xc30\x94\x92J\x11gL\x8c\xbd\xec\xf6\xfci\xaf\xfec\xf9\x03\xf7&gt;\x14\x89F\x95R\x9c\xf3\xf2\xb2\x8a\x7f\xbe\xfc\xaf{\xee\xbb\xb3\xbc\xb4\xc2\xca\xcbs-:E\xc59\xaf\xae\xaa\x1e8l\xe0c\xcf&lt;b\x18\x86\xc7\xe3\x9e\xf1\xc4\x83\xcbW\xbex\xc5\xd5c\x94Re\xa5\xe5\x95\xe5\x95\xc1@(\x14\x08\x07*\x03\xa5%eJ\xd1\xa3\xcf&lt;&lt;q\xca\xf5RJ!\xb8y\xf5i\xdd{\xeb\xf7\xec\xfc\xd2\xe3q\xcb\x16oD\x9c\xf3P0\xd4\xf9\xfc\xf3\x1e|\xe4\x97]\xbau^\xbc|\xde\xf3\xff\\8b\xd4p\xa5TyiyeEe8\x14\xae\xae\xae\xae\xae\xae\x0e\x87\xc2\xe5e\xe5\xa1\xca\xd0\xb4;\xa7\xfc\xfaw\xbf\x94R2\xce\xa4\x94\xc4X\xd1\xb7\x07\xb7l\xf8\xc4\xe3\xf5\xa8\x16_\xd7a\xf7\xfa\xeb(\xa5\xb2r\xb2&gt;\xff\xf4\x8b\x9f\x8e\x1a\xff\xafW\xdf\x14B\x08.\xcc9\x87\x07\x1e\xb9\xbfS\xe7\x8etd.\xcb\xa2lZ\xbf\xdd\xfb\xafI\x08QUU\xd5\x7fH\xbf\xd7W\xbf\xbc\xec\xcd%7\xdc2\xc1\x9f\xe1\x0fT\x06\xcaK\xcb\x03\x95\x81P \x1c\x0e\x85\x03\x81PYiE\xa02p\xf3\xb4\x1b\xef\x9f\xf9s%\x15\xe7\x8c\x88\x18ckV\xad\x8bEc\x8c[w\xf8O\x96\r\x00"\x12B\x94\x95\x96\xff\xf4\xfa\xab~\xf3\xd8\xaf\x97\xbc\xbe\xe0\x9e\xfb\xef\x8a\xc6b\x95\x15\x01"\xd24!\x84\x10\x82\x9b\x97%5M\x93\x86\x0cT\x04\xee\xbd\xff\xcet_\x9ay\xa6\xc98\x8b\xd4F\xb6\x7f\xfay\xb2;9.\x07 M\xd3\x02\x15\x81\xab\'\\\xf9\xfa\xaa\x97G\xfd\xe8\xd2P0\x14\x0c\x04\x89Hhf\xe9\xffG\xd34.x\xf1\xe1\xc37\xdcr\xddY\x1d\xce\x92\x86\xe4\x9c\x0b\xce\x18c\x05;\n5\x97\x16\x97\x0e`\xf7\xfa\x89H)\xe5Jr-[\xfc\xf2\xb8\xcb&amp;\xec.\xd8c\xceD\x19\x86\x91\x9c\x9c\xfc\xe7EO\xdf1=\xaf\xb2\xa22.\x85\xd5\x93\xad\xeb\xb7{\xff5)\xa9\x92\x92\x92\xfa\x0e\xe8\x13\xa9\x8dT\x94U\xe8\xba.\x848\xd2\x05\x047W@\x98\xbfNIi\xc9O\xaf\xbf*+\'\xcb\xac_)u`\xff\xd7\x81\xca\xa0\xa6\t+\xcf\xd4Y7\x00\x88H\x08\x1e\x0c\x04o\xcf\x9f6`H\xbf\xe2\x83\x87\x19c\'\x9aM\xe6\x82G"\x916\xed\xdb\xf4\xec\xdd\x83\x88\x8e\xac\x8d :\xb0\xefk\xf3\xb2R\x8b\xd6}\x0c\xf3j\x98\xb9&amp;\xec$S\xe1\x8c1i\xc8\xd4\xb4\xd4\xde\xfdz\xd2\xd1\x0bJ\xe6p\x9bT&lt;o-\xb4o\xfdf=\xef\xbe\xfd\xfe\xcf\xf2\xee\xab\xa9\xa9\xe5\x9c\x9bS[\xed\xcel\xbb\xec\xad\xe7\'\xdcxm\xf1\xc1\xe2H$JD\x8a\xac\xd8?\xed^?%D\xff%"\xa5TUU\x15cLh\xe2D\xb3\xf9\x8c1)\xa5\xcf\xe7;\xeb\x9c\xf6Dd\xb6\xf8p(\\[\x1ba\xd6;?;\x96\xa5\x8b#"\xcey\xa02P]]\xa3\xd5c\x1eM\xd3D\xdb3\xdb\x10\x99\x1f\x00#\xa2p(L\xe6\x8d\x92\xf1#\xa5\xac\xe7UP\xc6\x98?\xc3O\xf4\x7f\xf5Z\xe1\xf2\x91M\xeb\xe7\x82W\x85\xab\x86_2\xf4\xa2K\x86)\xa5\x84&amp;\x0c\xdd\x182b\xd0\xeb\xab_\xe9?\xb8oYi9c\xfc\xc8\xa2\x0eK\x1e?\xed^\xbf)\x01\xfa/\xd5o\x92M)"F\x8cq:Z.\xb3\xc3\xb6(V\x0f\x00:\xbav\xb8\x9e\xdf\xfc\xbd\xef\xd4\\."\x8ao\x17\xa9o#`\xa4\x94\n\x05C\xe6\xbf)"\xc6(\xa7U6\xb18wp\xfb\xd6/\xa5Jv\'?=ov\xdb\xf6mc\xd1\xd8-w\xdc\xb4\xf4\x9f\x0bsZe\x05+\x83.\x97K)i\xb5\x9bf\xbf\xc7\xee\xf5\x9b\xec\xde\x7f\xebE\x91\x10\xbc\xba\xaa\xba\xf8`1\x99a@\xe4\xf3\xa7{\xbcniH\x16\xef\x00;\t\x8b\xae\x02j\x1c)UyY\x05\x91yV\xac\x88(;\'K)e\xe5\x0f\xa0\x0e\xe7\xbc\xa6\xbaf\xc7\xb6\x02"RR\x99k\x10\xbav\xef\xaa\xc7tn\xed\xebH&amp;\x0b\xd6\xcf9\xab\xa9\xaai\xdd&amp;\xf7\xc9\xbf\xfc\xfe\xcb\xdd_\xde\xf6\xff\xa6\x06*\x82\x864\xccU\x19J\x91\xc5\x8f,v\xaf\xbf\xa1\xec\xdb\x7f\r\xc3HOK_\xf7\xfe\xfa\xef\xbe)\xaa\xbb\x08\xdc\xa1\xe39\xe9\xbe\xf4P0d\xc1\xab\xf4u\x12\'\x00\x84\x10U\xe1\xaa/w\xed#"\xf3&amp;C"\xeax^\x07]7\xc8\xf2\'b\xd1h,\xa7U\xd6;o\xad\xdeU\xb0\xdb\\6\xa0\x14\xb5;\xab]\xef\xfe\xbd\xaa\xab\xaa-\xbe\x90\x80,\\\xbf\xd0D\xa028\xf8\xa2\x81#F\r//\xab\xa8\xbb\xef4^\xf54\x94\xdd\xeb\xaf?\xfb\xf6_)\xa5\xd0\x84\x1e\xd3\x9fz\xe4\x8fJ)s\x16H)5\xea\x8aK\x85\x10J*+\xcf\xb3X\xb8\xb4\x86\x90R\xba=\xee\xdd\x05\xbb\xf7\xed\xdd\xcf\x183\x9bPFVF\xd7\xee]jkk-2\x82V\xeaH\xcb\xaec.\xa8\xd7u#+;\xb3\xe8\xdb\x83\xb3~\xf5(\x91b\xc4\xcc\x0b_y\xf7\xde\x9a\x99\x95\xa9\xeb\xbaEF@6\xad\x9fs^[Sk^\xc7\xb6\xfe\x9c\xec\x0f\xd9\xbd\xfe\xfa\xb0E\xff=.s\xddjZZ\xea\xaf\xee}p\xcb\x86\xad\xe6`\xdf0\x8cs\xce={\xec\xb8\x1f\x87\x82!\x1e\xef\xbb O.Q\x02\xc0\x90nw\xf2KK_3\x0c\x83sn^y\x1fq\xe9\xf0\xb6\xed\xdbD#Q\x8bt\x1b\xceY\xdd\xd2I!\x84\xe6\xd2&lt;^OF\xa6\xdf\x9f\xe1\xfbh\xed\x86\xeb~4\xe9\xcb\xdd\xfb8\x17\x9c\xf3X,6\xea\x8aKn\x9c61P\x19\x88\xfbm\xb4u\xec[\xff\xc9\x970Y\x9f\xdd\xeb?%[\xf4\xdf\x1f2\xef\xd0v%%\xdd;\xf5\xe7/-yU\x08Q\xb7"\xeb\x91?\xccL\xf7\xa5\xe9\xban\xd5\xda\x8fH\x84) s\xc1\xdc\xb6O&gt;\x7f\xed\x85\xd7\xcd\xf5X\xe6\x99\xf2\xe4i7\xc4\xact\x1f\xb6\xae\xebu+\x1a\xa4!kk#\x87\x8b\x0f\x17~\xbes\xe5\x9b\xab\xde\xf9\xcfj"\xd2\\\x9a\xb9\xaec\xcc\xd8\xcb\xfe8o\xce\x0fwM\x89/\xbb\xd7\x0f\xd6d\x97\xfe\xfb=\xba\xae\xa7\xa5\xa7U\x94U\xdc{\xeb\xcf\xd6\xac^W\xb7\\UJ\xf9\xe8\x1f\x1f\xbed\xcc\x88\xf8ndTO\x89\x10\x00\x8c\x11\xe3l\xe6\xfd\x8f\xd4\xd6\xd4\x9a\xa7\xc9\x86a\\y\xed\x8f\x07\x0e\xed_Y\x11\xff\x11\xa8\xb9\x94&gt;\x14\x0c\xdd2./P\x19`\x9c)\xa5t\xdd\x08\x87\xc2\x81\x8a\xc0\xb1\x0b9\xf4\x98~F\xdb3\xee\x98&gt;\xed\xc6\xbcI\xb1XL\x8fYb;e\xbb\xd7\x0f\x16g\xf1\xfe{\\\xban\xf83\xfc_l+\xb8\xe3\xc6{\xbe\xdc\xbd\xcf\x1c\xfbK)9\xe7O\xfc\xe5\xd1\x1b\xa7M*/+\xb7\xfe\xd1\x9f\x12 \x00t]\xcfi\x95\xf3\xfb\x87\x1e\xffh\xcd\x06!\x84\xb9)\xb1?\xd3\xff\xcbY\xf7\xd5\xd6D\xac2|`$\xa5\xdc\xbds\x8f\xb9\xaf\xf2\xb1\x84\x10\xc4Hp1\xfc\xd2a\xe3n\xb8j\xcc\xd8\xd1\xbe4\xdf\xc1\x83\x07\x89\x1d\xd9@\xd1\x12\xec^?X\x95=\xfa\xef\xff2t\xc3\xefO\xdf\xb0n\xe3\xad\x13n\xaf,?\xb2\xdf\xa74\xa4?\xc3\xf7\xc7ys\xc6\\9\xba\xbc\xb4\xdc\x9a\xb9\xf5C\xf6\x0e\x00=\xa6g\xb7\xcaz\xe9\xf9W\xfe\xf8\xf8\xb3B\x08)%\x17\xdc\xd0\x8dY\xb3\x7fs\xce\xb9gY\xed\x14\xcc\x9b\xe25\'4\x8f\xae\xe282\x9fb^L\xdd\xb7g\xdf\xeb/\xfekg\xc1\xee\x11\x97\x0c\xef3\xb0\xb7\xae\xeb5\xd55\x96jFv\xaf\x1f\xac\xc6^\xfd\xd7$\xa5LIK\xd9\xb1\xbd\xe0\x96k\xf3\xea\x9e\xfce\x18F\x97\x0b:\xffe\xc93]\xbbu)+)\xd34\xdb\x1cWm|\x86\xae\xc7\xf4\xcc\xec\x8c\xf7V~p\xdf\x1d\x0fp\xce\xcc\x1bV\r\xdd\xb8\xf5\xae[\xc6O\x1eg\xb5\xd6\xa3\x94\n\x07\xc3\xba\xae\xc7b1\xfd\x08\xe3\xc8\xff\x19R\xd7\x8d}{\xf6\xbf\xf3\x9f\xd5\x7f\xfc\xfd\x9f\x7f:\xea\xba\xbc\x1b\xee\xfc\xea\xcb\x03\xe9\xbets\xdb/+\xb0{\xfd`5\xf6\xea\xbfG(\xe2\x9cGj#\xf9S\x7f\x11\x0c\x04\x85&amp;\x14)\xc30\x06_4\xe8\xd5\x95\xcb:u9\xb7\xa2\xac\xc2FG\x7f\xb2\xef\x19\x80\x1e\xd3\xfd\x99\xfe\xad\x1b?\xbd}\xd2\xdd\x91H\x84s&amp;\x04\xd7u}\xcc\xd8\xcbf&lt;\xf1`\xc0JS\x87\xe6&gt;9\xde\x14\xef\xc2W\xff\x1e\x8b\xe9\x8cH\x11\xe9\xba^\x15\xaa*9\\z`\xff\xd7;&gt;\xdb\xb1\xfd\xd3\x1d\xe6\x8c9\xe7\\\xd7\xf5\xb7\xff\xb5\xf2\xe3u\x1b\xff\xb2\xf8\x99\x11\x97\x0e\x0b\xc4\xfb\xf9\xa2v\xaf\x1f,\xc8F\xfd\xf7X\x864223\x16\xfdmI\xe1\x8e\x9dB\x13J*)\xe5\xa0\xe1\x03\x97,\x9f/\x84\x08\x07\xab4\x97\xcd\x8e\xa86+\xd7\xa4\xeb\xba/\xc3W\xb8c\xe7-\xd7\xe6\x05*\x83\xe6s\xf1t\xdd\x188\xb4\xff\x9f\x17\xfe!R\x1bQJY\xea\xe6)\xf3:\xea\xf0K\x86\x1e3\xa7\xc9\xcc\xa5\x0eD\xaa\xa6\xbav\xdf\xde\xfd/?\xff\xea\xc2\xbf.1\x1f\xf0$\x04\xaf,\xaf\xcc\xbb\xe1\xce7\xde{\xb5S\x97\x8e5\xd55\xf1\xbd\x9aj\xf7\xfa\xc1Rl\xd7\x7f\xeb0\xc6\xa2\xd1\xe8\xbf_{\x8b1\xc6\x18\x93J\xb6iw\xc6_\x16\xffQsi5\xd55V&lt;e9\x15\xfbuK]\xd7\xd3\xd3\xd3\xbf\xdc\xfd\xe5\x8dWO)).\xe1\x9c3\xcet\xdd\xe8\xd9\xa7\xc7\xfc\x97\x9e\xe3BX\xf3Y\xe4J\xa9P \x1c\xa8\x0c\x1e\xfd_\xa0\xb2\xa2\xb2\xbc\xb4\xbc\xbc\xb4"R\x1b\xe9\xd0\xe9\x9cG\xff\xf8\xf0\xe2\xd7\xe6\xa5\xa5\xa71\xc6\x0cCj\x9aV\x15\xaez\xf8W\x8fZ\xe4w\xb1{\xfd`\x116\xed\xbfttw\xee\xd2\xc3\xa5{v\xeeUJ\x99O\xb8\x9cz\xf7\x94vg\xb6\xad\nWY\xf3\x94\xe5\x94\xac\xf8\x87&gt;\t]\xd7\xd3\xd3\xd3\xbe\xda\x7f`\xd2\x95\xb7\x14}{P\x08\xc183t\xa3[\xcf\x0b\x96,\x9f\x9f\x92\x9a\x12\xa9\x8dX\xb3\xf5\xd0\xd1\x87\xaa\xff\x0fM\x08M0\xcejkj\x0f\x15\x1d\xfa\xd1\x95c~\xfd\xbb\xfb\xcdg\xaa\x18\x86\xce9\xff\xf0\xfd\x8f&gt;\xdb\xbc\xcd\x9b\xe2\xb5\xc2\xb6_v\xaf\x1f\xe2\xce\xd6\xfdW)\xa5\t\xad\xbc\xb4&lt;\x18\x08\x11\x91a\x18B\x88A\xc3\x06TW\xd9x\xb1\x83E\xff\xd6\xc7\xa5\xebFZZ\xea7_\x7f;\xf9\xca[\xbe9\xf0\xad\xb9\x00\xd1\xd0\x8d\xee\xbd\xba-}c\xa1/\xc3WSc\xd7O\x82s\xeer\xb9JJJ\xaf\xbc\xf6\'m\xdb\xb7\x91\x86d\x8c\x99+\xee7\xac\xdf\xe8v\'Ki\xe9\x05\x95v\xaf\x1fZ@\x02\xf4_\xc6YMM\xc4&lt;\xf43\xc6R\xd3S3\xb33\r\xc3\xb0\xe6r\xd5\xfa\xb0M\x00\x18\xba\x91\x9a\x96R\xf4\xdd\xa1IW\xde\xf2\xd5\xbe\x03u\xad\xa7W\x9f\x9e\xff\xf8\xf7b\x7f\xa6\xdf\xee\x8b\x0e\xcd\xfb_\xd2}\xe9]\xbbu!:\xb2\xb18\x11\xed\xdf\xfb\x95\x94\xca\xfa\r\xcc\xee\xf5C\xb3J\x8c\xfe\xcb\x88\x0c\xc38\xf2Ll)#5\x11s!P\xbc\xebj&lt;{\\\x046\x0c\xc3\x9b\xea=|\xe8\xf0\xe4\xabn\xd9\xb7g\x7f]\xeb\xb9\xb0_\xaf%\xaf\xcfOKO\xb3E\xeb\xa9\x0f\xceYjZ\xea\x91\x7fQDD\xe1pU\x1c\x1f\x89\xd7Pv\xaf\x1f\x9aCb\xf4_\xc6X$\x12=\xbb\xc3\x99K^_`\xae\x85s\xb94\xaf\xd7c\x9e\xef\xc6\xbb\xbaF\xb2A\x00\x18\x86\xe1\xf5z\xcbJ\xca&amp;_5e\xcf\xce\xbdu\xad\xa7w\xff\x0b\x97,\x9f\x9f\x9a\x96j\x8b\xd6S?LJ\x15\x0e\x85\x8f})9)\xc9\xe2\xdb\xe1\x1e\xc3\xee\xf5\xc3\xe9\x970\xfd\xd7\xdc\xa7(5-\xf5\xd2\xcb/6_QJUW\xd5\xd8zwn\xab\x07\x80a\x18\x1e\xaf\xa7\xb2\xa2\xf2\xc6\xab\xa7\xec\xfcbW]\xeb\xe93\xe0\xc2%\xcb\x17\xa4\xa4\xa6X\x7f\xde\xb0\xfe\x84\xe0\xe1P\xd5\x97\xbb\x8fl\x89\xce9c\x8c\xe5\x9e\xd1J\x08n\x8b6f\xf7\xfa\xe1\xb4K\xbc\xfe+\rYQ\x1e0Oj\x19g\xae#\xcf,\xb3+K\x07\x80a\x18\x1e\x8f\'\x18\x08M\xbez\xca\x17\xdb\x0b\xcde\xb6\x86n\xf4\x1d\xd8g\xf1\xf2y))^\x8b\xb7\x1e\xf3\xeaP=W5\xe8\xba\xee\xf3\xfb\xd6\x</t>
        </is>
      </c>
    </row>
    <row r="109">
      <c r="A109" s="1" t="n">
        <v>107</v>
      </c>
      <c r="B109" t="inlineStr">
        <is>
          <t>color_size_circle</t>
        </is>
      </c>
      <c r="C109" t="inlineStr">
        <is>
          <t>What is the missing color of the part denoted with a question mark?</t>
        </is>
      </c>
      <c r="D109" t="inlineStr">
        <is>
          <t>['light green', 'dark purple', 'light purple', 'dark red']</t>
        </is>
      </c>
      <c r="E109" t="inlineStr">
        <is>
          <t>light purple</t>
        </is>
      </c>
      <c r="F109" t="inlineStr">
        <is>
          <t>There are circles of various sizes and colors in the image. The circles are ['large', 'extra large', 'small', 'medium'] size, and their colors are ['dark purple', 'very dark purple', '?', 'medium purple'].</t>
        </is>
      </c>
      <c r="G109" t="inlineStr">
        <is>
          <t>We observe that the largest circle is very dark purple color, and the smaller circles change color from dark purple to medium purple. Hence, the pattern is that the circles become lighter as they become smaller.</t>
        </is>
      </c>
      <c r="H109" t="inlineStr">
        <is>
          <t>Based on the pattern that the circles become lighter as they become smaller, the missing color of the smallest circle denoted with a question mark should be light purple.</t>
        </is>
      </c>
      <c r="I109" t="inlineStr">
        <is>
          <t>b'\x89PNG\r\n\x1a\n\x00\x00\x00\rIHDR\x00\x00\x02\x00\x00\x00\x02\x00\x08\x02\x00\x00\x00{\x1aC\xad\x00\x00\xe1\xd7IDATx\x9c\xec\x9dwx\\\xc5\xd9\xb7\xa7\x9c\xb2}W\xbd\xcb\x96,\xc9\xbd\xf7\x82\x8d\x01\x03.\x94\xd0C\xc0&amp;\x10H\x80\x90\x10\xc2\x1bR\xde|\x94\x84\xe4%\xa1\x85\x04HB\x02\xd8\x18b\x0c\x040\xc6\x80\x01\xdb\x18w\x1b\xf7*\xc9\x92,\xab\xd7\xed\xbb\xa7\xcc\xcc\xf7\xc7\xc8\x8bp\xa1\xdb\x9a\x95\xce}%\\{\xd6*Ggg\x9e\xdf\xcc\xd3\x062\xc6\x80\x85\x85\x85\x85E\xdf\x03\xf5\xf4\rXXXXX\xf4\x0c\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d4\xd37`aq\x86`\x8c}\xc9\xaf\x84\x10\x9e\xd6;\xb1\xb0\x10\x04K\x00,\x92\x98\x84M\xa7\x94\x1e\xf7\x0e\x84\xb0\xbb\x1d?\xee\xf2\x0b\x7flw\xb5\xe8~\x99\xf8!\x08\xa1\xe3\xde\xb1\xb0H:\xe0\x97_\x16YX\xf4\x14|\x94r+\xcf_s\x83\x9e\xb0\xc2_\x86\xce\xceN\x08\xbf`\xc0\xf3/HII\xf9\xf2?\x96R\x9aP\x08.\x06\xfc\xae,a\xb0\x10\x1fK\x00,\x84\x83u\x03\x00\x00!\xc4\x18\x9f\xf4+\t!\xc1`\x90R\xbao\xdf&gt;B\x88i\x9a[\xb6l1\x0c\x03Bx\xe4\xc8\x91\x9a\x9a\x9a\x84\xc5\x0f\x87\xc3\x95\x95\x95_\xf2\x06JJJ\\.\x178\xa6\x07\xfd\xfb\xf7\xef\xd7\xaf\x1fcL\x96\xe5\t\x13&amp;H\x92\x841\x1e:t(B\xc8\xe3\xf1|\xce\xbdu\xd7\xaa\xaf\xb4\x05\xb1\xb083X\x02`\xd1\xf30\xc6\x12\xab{\x84\xd0\x89\xebzBH(\x14\xaa\xa8\xa8\x08\x87\xc3\xbbv\xed\n\x04\x02\xbbv\xed\xf2\xfb\xfd\xcd\xcd\xcd\x8d\x8d\x8d\x94\xd2@ p\x86\xef\xd9\xeb\xf5"\x84rrr\xb2\xb2\xb2|&gt;\xdf\xc8\x91#\xbd^\xef\xc8\x91#].Wii\xa9\xdb\xed&gt;Q\x18(\xa5\x94\xd2\xc4.\xc1\xd2\x03\x8b\x1e\xc7\x12\x00\x8b\x1e\xa0\xfb\x1a\xffD\x8b\x1f\x8b\xc5\xda\xda\xda*++w\xef\xde\xdd\xda\xda\xbau\xeb\xd6\xa3G\x8f655uvv\x9e\xea\x07B\x08\x18\x00\x10\x00\x06\xf8\xffO\x0f\xb0\xebW@\x00&gt;g\xde\xa4\xa4\xa4dgg\x17\x14\x14\x8c\x1f?&gt;##c\xc4\x88\x11%%%\xe9\xe9\xe9v\xbb\xbd\xfb\x97%\xf4\xc0\xda\x1fX\xf4\x14\x96\x00X\x9c!\xf82\x9f1v\xa2K\'\x10\x08\x94\x97\x97\xd7\xd5\xd5m\xdf\xbe}\xcb\x96-\x07\x0e\x1choo\x8fF\xa3\'\xf9)\xdcH\x9e0f%\xacHXa\x8cy\x9cY\xaa\xec\xa4\x8c(\xb23\xdd\xdb\x9f\xb1\xae\xe00\x828#e\x00\x82\xf8\x8b\xf4\x01RFZ;\x0fSF\xba\xae!j\x0b\xd4\xe8F\x04A\xac\x19\x91`\xa4\x19Bh\x12\xdd$\xfa\x97\xbc7\x00\x80\xc3\xe1HKK\x1b&lt;x\xf0\x84\t\x13\xc6\x8c\x19\x93\x9f\x9f_VV\xe6\xf5z\xbb\x7f\rw\x19\xf1\xc0\x86%\x06\x16g\x06K\x00,N#\xa72\xfa\x84\x90\xf2\xf2\xf2\x83\x07\x0fn\xdf\xbe}\xe3\xc6\x8d\xbbv\xedjkk;\xee{\xf9\xa2\xbe\xbb=E\x10+\xb2\xdd\xaez\x9d\xb6T\x87=\xd5\xeb\xc8\x92$5\xdd[\xc4\x18\xf18\xb3U\xd9A\x19\xb5+\x1e\x8c\x15\xc6(\x84\x08#\xa9\xfb\xf7SJ\xd81+}\xca\x1b\x06\x00\x02\x80Pw}\x82\x84\x9a\xfc\x07\x12\xa2\xc7\xf4 \x82H3\xa2\xc1H\x13\x84\xb8-Pm\x9aZ \xda\x1c\x8duD\xe2\x1d1-\xa0\x1b\xb1\x84x\x00pl\xd3p\xc2$KOO\x1f9r\xe4\xe4\xc9\x93\xc7\x8c\x193h\xd0\xa0\xb2\xb2\xb2\xe3\x9e\x8f%\x06\x16g\x00K\x00,\xbe}\xb8\xd1\x07\x00t7j\xd1ht\xef\xde\xbd\x1b6l\xd8\xbd{\xf7\xe6\xcd\x9b\xcb\xcb\xcbM\xd3L\xfc+\x84\xf0\xb8L}Ev8m\xa9N[\x8a\xcf\x9d\xe7uf\xa7z\n\xec\x8a\xc7iO\x93\xb0\xa2\xc8N\x08!\x82\x981J\x19\x85\x00\x10jPF!\x80\x94\x91\xc4\xaa\x9f}v5\x0e\xbf\xc0\xf8\x7f\xca\xa9\xbe\x11B\x84 f\x80!\x880\x92\x19\x00\x08"\x08\x11e\x841\xa6\x1b\x11\x93\xe8\x91X{L\x0fv\x04\x8f\x06"M\xfeP}$\xde\x19\x89w\xe8\xc6\xa7\xbb\x19\x08\xc1q\xf3N\x92\xa4\xb2\xb2\xb2\x89\x13\'\x8e\x181b\xca\x94)\xc3\x86\rs8\x1c\x89\x7f%\x84\xf0\xe7\xf3\x95R\x9e,,\xbe\x0c\x96\x00X|;$\x16\xfb\xdd}\xfa\x84\x90\xed\xdb\xb7\xaf_\xbf\xfe\xe3\x8f?\xde\xb6m[mmm\xf7o\x81\xf03Kc\xbb\xea\xf1\xb9\xf2\xd2\xbd\xfd\xd3\xbd\xfd=\xce,\xaf+[\x95\xdd\x8a\xec@\x10\x01\x08)%\x8c\x11BM\xc6\x18c\x04\x1c3\xd3]\xd6\xf9\xd3u\xf2\xe9^/\x1f\xdb\x960v\xdc=@\x88!\x84\x18I\x10b\x840`\x8c2\xaa\x1bQ\xcd\x08\x05\xc2M\xc1Hs[\xa0\xa6-P\xe3\x0f\xd7\xc7\xb4\xe0\xa9\x1e\x02\x00\xa0\xb0\xb0p\xdc\xb8qg\x9du\xd6\xd4\xa9S\xc7\x8c\x19\x93\x10\xd1D\xcc\xc0\xda\x16X|[X\x02`\xf1\x8dH\xd8}I\xfa\xb4\xa8\xb0\xae\xaen\xcb\x96-\xcb\x97/\xdf\xb4i\xd3\x81\x03\x07\x12\xefC\x08\x01L,\xd0\x81Mq\xa5\xba\x0b\xd3|\xfd\xd2=\xfdS=\x05\x1eg\x96]\xf5b$\x03\x00(#\x84\x1a\x94\xd2\x84\xad\x87\x00\x1e3\xf3"\xdb&gt;&gt;\x9f\xd8\xb1\x1b\x06\x10b\x84\x10F2\x82\x18\x00@\xa8\x11\xd3\x02\xc1HsG\xf0h[\xb0\xa6\xdd\x7f\xa4#T\x1b\xd7\xc3\xfc\x9b!\x02\x80}fJ\x0e\x1e&lt;x\xd2\xa4I\xf3\xe6\xcd\x9b0aB~~~\xe2}\xd34-%\xb0\xf8\xe6X\x02`\xf1u8\xd1\xee\xf3\xc5\xfeG\x1f}\xf4\xee\xbb\xefn\xd9\xb25\x14\xeaZ\xe4\x1eg\xf4]\x8e\xf4\x0c_qN\xda\xe0to\xff\x14W\x9e\xd3\x9e\x86\x91\x04\x00 \xd4$\xd4\xa0\x940@\x8f\xb9I\xe0\x97w\xda\x88\x0c\x03\xec\x98s\x8bA\x80\x10\xc2\x18\xc9\x89\xbf:\x12k\xef\x0c\xd7\xb7\x05j\x1a\xdb\x0f\xb4\xfa\xab\xc2\xd1\xaeX\xc8qb\xe0v{&amp;L\x18\x7f\xe1\x85\x17\xce\x981\xa3\xfb\xb6\xc0R\x02\x8bo\x82%\x00\x16_\x81\x93\xda\xfd\xcd\x9b7\xbf\xfe\xfa\xeb+V\xac\xd8\xbf\x7f\x7f\xe2+\x11\x82\x94v\r-\x97#=\xd37 ;mPvjY\x8a;\xdf\xaex \xc4\x94\x99\x84\x18\x84\x9a\t\x8b\x0f!\x14{u\xffm\x91\xe8,\xc1 @\x18I\x18\xcb\x08J\x8c\x91\x98\x1e\xec\x0c\xd55u\x947\xb5\x1fl\xf1\x1fN\x88A\xf7\x87\t\x00\x182d\xc8\x9c9s\xbe\xf3\x9d\xefL\x9c8\xd1R\x02\x8bo\x82%\x00\x16_\n\xee\x80\xfe|\xbb\x0f!d\xc7\x02\xa8\x8ad\xcfH\x19P\x9092/}\xa8\xcf\x9d\xc7\x8d&gt;\xa1\x06\xa1:\xa5\x84{H\xfa\x8c\xc5\xff|\xb8\x1e0\x08 B\x18#\x05#\x99\x8b\x81?T_\xdf\xb6\xefh\xcb\xae\xd6\xce\xc3\xba\x19\x03\x80G\x1b&gt;\x9d\xb3\xa7R\x82\x93\x16\xd3YX\x9c\x88%\x00\x16\x9f\x07_\xf2\'\xd6\x95_h\xf7S\xdc\xf9Y\xa9\xa5\xfd\xb2\xc6d\xf8\x06x]\xd9\x08bBM\xcb\xe8\x7fiN\x14\x03\x892\x12\x087\xb5\xfa\x0f\x1fi\xde\xde\xdcQ\xd1\x19\xaa\x03\xe0\x8b\x95\xe0\xb8\x0f\xce\xc2\xe2\xa4X\x02`qrx\xf6ab]\xb9\x7f\xff\xfe\x15+V\xbc\xf0\xc2\x0b\xbbw\xef\xe6\xefto\xac\x96\xe2\xce\xef\x97=\xa6\x7f\xf6\xf8\xcc\x94\x01\xaa\xecd\x80\x99D\'D\xb7\x8c\xfe7\xe0S1\xc0X\x91\xb0\x02\x01\xd4\x8cHK\xe7\xe1\x9a\xa6\xadG\x9a\xb6w)\xc1g?\x88\x11#F\\\x7f\xfd\xf5s\xe6\xcc\x192d\x08\x7f\xe7\xb8\xcf\xd1\xc2\xa2;\x96\x00X|\x86\xe3V\x8e\xc1`\xf0\xcd7\xdf|\xe1\x85\x17V\xaf^\xcd\xd3\xf6\xbb\xaf\xf7\xb3S\xcb\x8ar&amp;\xe6\xa4\x0fN\xf7\xf6S\x157\xa5\xa6a\xc6yb~\xaf\t\xe1\x8a@"\x8c\x8c \x92%\x1bB\x92\xa6\x87\xda\x02G\x1a\xdb\x0eT7nn\xea(\x07\xe03{\x02I\x92f\xce\x9cy\xfd\xf5\xd7_r\xc9%\x1e\x8f\x07X\x1b\x02\x8bS`\t\x80E\x17&lt;\xba\x9bX*n\xd8\xb0\xe1\xf9\xe7\x9f\x7f\xe7\x9dw\xea\xea\xf8J\x13B\xd4\x95\xcc\x93X\xef\xe7\xa4\r\x92$\x95\x10\xc3$\x1ae\x04\x02\x08\xa1\xe5z&gt;\xbd0F\x19`\x08b\t\xab\x18\xcb\xa6\xa95\xb6\x1f\xec\xbe\'\x80\x080\xda\xd5\x15)??\x7f\xf6\xec\xd97\xdcp\xc3\x94)S\xf8\xb7\x13B\xac\x9a2\x8b\x04\x96\x00X|\xc6K\x90X\xf2\xbf\xff\xfe\xfb\xfc_\x11B\xbcU\xa7\xd3\x9e\xd6/k\xd4\xc0\xc2\xb33|\x03T\xc5E\xa9\xa9\x9b1\xc6\xa8e\xf7{\x04\xae\x04\x10"E\xb2#$iz\xb8\xd5\x7f\xf8P\xed\x9a#\xcd;#\xb1v\xd0\xed\x83\x03\x00\xcc\x9a5\xab\xfb\x86\xc0\xf2\x0bYp,\x01\xe8\xbb\x1c\xe7\x168x\xf0\xe0\xcb/\xbf\xfc\xaf\x7f\xfd\x8b/\xf9\x11\xc2\x94\x11\xc0\x00FrA\xd6\xc8\xe2\xdc\x89E\xd9\xe3\xed6\x1fc\xd40\xe3\xd6z_\x1c\x12{\x02Y\xb2A\x88bq\x7fu\xd3\xd6\xaa\x86\xcdG\x9bw\x11j\x00\x08\x10\xc4\x94\x12\x00@~~\xfe\x0f~\xf0\x83\xab\xaf\xbez\xd0\xa0A\xc0\xf2\x0bYX\x02\xd07\xe13?\xb1\x00|\xff\xfd\xf7\x17/^\xfc\xf2\xcb/k\x9a\x06\x00\xc0\x18\xf3\x15\xa2\xcf\x95W\x9a?\xb5$\x7fJ\x9a\xa7\x1f\x80\xd00\xe3\x94\xf20\x80e\xf7E\x84{\xe8\x10\x92d\xc9\x06\x18k\x0f\x1e\xa9\xac\xdbPQ\xb7\xde\x1f\xae\x07\xdd&gt;VUU\xaf\xbe\xfa\xea\xeb\xae\xbbn\xd6\xacY\xfc\x1b\t!\x96\x0c\xf4M,\x01\xe8[t7\xfd\xba\xae\xbf\xfb\xee\xbb\x7f\xfb\xdb\xdf\x8ey{ B\x8cR\x00!\xca\xcf\x18&gt;\xac\xf8\x82\xfc\x8c\xe16\xc5kR\xcd45\xd0\x87\n\xb5\x92\x1dv,\x14\xacJH\x8d\xeb\x81\xba\xd6={\xab\xde\xabk\xdd\xc3\x18E\x08\xd0c\x11\x82Y\xb3f\xfd\xf8\xc7?\xbe\xf0\xc2\x0b\x15E\x01\x96\x0c\xf4I,\x01\xe8+\x1cg\xfa_|\xf1\xc5G\x1f}t\xef\xde\xbd\x00\x00\x8c0a\x040`W\xbd\x03\x0bg\x94\xe6O\xcb\xf0\r@\x08\xebF\x8c2\x13\x02\xcb($%\x8c1\x06(\x82\x92"\xdb)%\xad\xfe\xc3\x15u\xeb\x0e\xd5~\x14\xd3\x02\x00\x02\x0c1\xa1\x04\x000l\xd8\xb0\xbb\xee\xba\xeb{\xdf\xfb\x9e%\x03}\x10K\x00z?\x9fg\xfa\xb1D\x88\t\x00H\xf5\x14\x0c,&lt;\xbb,\x7f\x9a\xd7\x95k\x12\xcd05\x00\x98\xe5\xea\xe9\x1d0F\x01\x80\xb2\xa4JX\r\x84\x1b\xca\xeb\xd6\x1d\xaa]\xd3\x11&lt;\n\xba\r\x00K\x06\xfa&amp;\x96\x00\xf4f&gt;\xc7\xf4K\x92\xc4\xf3\xfa\x0b2G\x94\x15L/\xce\x9dlW\xdd\xba\x113\xa9n-\xf9{%|C !E\x91\xed1-T\xd5\xb0\xb1\xfc\xe8\xda\xa3-\xbbA\xb7\xc1`\xc9@_\xc3\x12\x80^\x0b!\xe4\x14\xab~D\x08\x05\x00\xe4g\x8e\x18]zqA\xe6h\x8c$\xcd\x88PF\x10D\x96\x97\xbf\xb7\xc3(\xa3\x08bUv\x12j\x1em\xd9\xb1\xa3bY]\xcbn\xd0m`\x9c(\x03V\xc2ho\xc5\x12\x80^H\xa2\xd8\xe7\x04\xd3\x8f\t!\x08I%yS\x06\x16L/\xc8\x1a\r!\xd2\x8d(\x03\x94w\xab\xb7\xe8;PF @\x8a\xec`\x8c\x1em\xdeq\xe8\xe8\xda\xca\xfa\r\x94\x9a\x89d\xa1\xee2p\\\x91\xa0E\xaf\xc1\x12\x80^E\xf7\x89\xbad\xc9\x92\x07\x1f|\xb0\xbb\xc3\x07!\xa9\xac\xe0\xac\x91\x03\xe6e\xa6\x94PFt#f9\xfa\xfb8&lt;&lt;\xa0\xc8v\x04qKg\xe5\xae\xc3\xcb\xcb\x8f~L\xa9\xd9\xdd)\xf4\x9b\xdf\xfc\xe6\x9ak\xae\x01V\x15qo\xc4\x12\x80^Bww\xff\x87\x1f~\xf8\xd0C\x0f\xf1\xe4\xce\xc4L.\xc9\x9f2n\xe0\x15\x19\xbebBM\xdd\x8cYe\\\x16\tx)\x99"\xd91\x92Z\xfdU\xdb\x0e\xbdZY\xb7\x01t\x1b&lt;\xb3f\xcd\xba\xe7\x9e{\xce=\xf7\\`\x05\x06z\x17\x96\x00\xf4\x06\x12^\xda\xbd{\xf7&gt;\xf6\xd8c\xcf&gt;\xfb,\xe8\x96\xe0Q\x909bT\xe9\xc5\x85Yc\x18\xa3\xba\x19\xb3b\xbc\x16\'\x85G\x89\x15\xc9\x0e!\xaam\xde\xbe\xb3b\xd9\xd1\xae\xd8@\xd7@\xba\xf1\xc6\x1b\x7f\xf6\xb3\x9f\r\x1b6\x0cX\x81\x81\xde\x82%\x00\xc9\ro\xf6\x82\x10\n\x04\x02\x0f?\xfc\xf0\x9f\xfe\xf4\']\xd7\x13y\xfd\x99)\xa5\x13\x87\\S\x909\x12B\xac\x1b\x11`\x15\xf1Z|\x11\xbc\x9cX\x91\x9d\x8c\x91\xa3-\xbb6\xef_\xd2\xd2Y\x91\xa8\x1bP\x14\xe5\x17\xbf\xf8\xc5\xddw\xdf\xed\xf5z\x13c\xaf\xa7o\xd9\xe2\xebc\t@\xb2\xd2\xdd\xe7\xb3d\xc9\x92{\xef\xbd\xb7\xbc\xbc\x1cB\x04!\xa3\x94\xa5\xba\x0bF\x96\xcc+-8K\x91\xed\x9an\x99~\x8b\xaf\x06\x97\x01Uq\xeaF\xac\xe2\xe8\xc7\xbb*\x97w\x84\x8e"\x04\x19\x83\x8c\xd1\xb2\xb2\xb2\xfb\xef\xbf?\x11\x18\xb0&lt;B\xc9\x8b%\x00IIw\x9f\xcf/~\xf1\x8bw\xdey\x07\x00 I\xb2i\x1av\xd53\xbcx\xce\xa8\xd2\x8bU\xd9\xa9\x19\x11\xc6\xa8e\xfa-\xbe\x1e|\xf0\xf0\x81\xb4\xb3b\xd9\x9e\xaa\x151-\xc8\x87\x19\x00`\xf6\xec\xd9\x7f\xfa\xd3\x9f,\x8fPRc\t@\x92\x91X\xf8\x7f\xc6\xe7s\xccK;\xa8p\xe6\x84!W\xfb\\\xb9q=L\x19\xb1\x92;-\xbe9| \xd9\x14\x97?\xdc\xb0e\xff\xcb\x07kW\x83c\x81\x81\xee\x1e!k+\x90\x8cX\x02\x90L\x98\xa6\xc9\x8fe\x7f\xe7\x9dw\xee\xbc\xf3\xce\xee&gt;\x9f\xcc\x94\x92IC\xbf\xd7/k\x8cA\xe2&amp;\xd1-\xd3o\xf1\xedB\x19\x91\xb0"c\xdb\x91\xe6\xed\x9b\xf6\xbd\xd8\xd2Y\xd9\xdd#\xf4\xf8\xe3\x8f\xcf\x9e=\x1bt\x1b\xa2\x16I\x81%\x00\xc9Ab\xe1\xdf\xd0\xd0\xf0\xf3\x9f\xff|\xc9\x92%\xa0\x9b\xcfg\xec\xc0\xcb\x87\x15] a5n\x84!D\xd6Y\x8c\x16\xa7\x03\x06\x18c\xd4&amp;\xbbL\xa2\xed\xad~\xef\x93C\xafu\xf7\x08]s\xcd5\x8f&lt;\xf2Hnn\xae\xb5\x15H",\x01H\x02\x12\xab\xaa%K\x96\xfc\xfc\xe7?ohh\x90\xb0l\x12\x03\x000\xa8\xf0\xec\tC\xae\xf1:s,w\xbf\xc5\x99!\x11\x18\x08D\x1a\xb7\xec_r\xb0v\r\x00\x80\x0f\xc8\xdc\xdc\xdcG\x1ey\x84\x07\x87\xad\xad@R`\t\x80\xd0\x9cb\xe1/\x99\xa6\xe9u\xe5\x9c5\xe2\xc6\xe2\xdc\x89\xba\x19\xb3|&gt;\x16g\x18\xee\x11R${U\xc3\xe6\x8fw?\x1b\x087&amp;\xaa\xc6\xac\xad@\x12a\t\x80\xb8$2+&gt;]\xf8K\xb2i\x1a\x10\xa21e\xdf\x19Uz\xb1]\xf5\xc6\xf5\x90\xe5\xf3\xb1\xe8\x11\xba&lt;B\x8a;\xa6\x05vV,\xdb^\xfe:c\x94\x0f\xd1\xee[\x01+AHd,\x01\x10\x11\xc6\x18!D\x92\xa4\xf6\xf6\xf6\x1f\xff\xf8\xc7\xdd\x17\xfe\x99)%g\x8d\xb81/c\x98fD\t5\xac\x85\xbfE\xcfB\x19\xc1HVeG}\xeb\xde\x8fw?\xdb\xd2Y\xd9}+\xf0\xb7\xbf\xfd---\xcd4M\x8c\xb1\xb5\x15\x10\x10K\x00\x84\x83\x9f\xd3\r\x00x\xef\xbd\xf7~\xf2\x93\x9f\x94\x97\x97\'\x16\xfec\x07^&gt;v\xe0\xe5\x12\x965#j\xb5n\xb6\x10\x06F\x19Ue\x87I\x8cO\x0e\xbd\xf6\xc9\xa1\xd7\x12[\x81\xb2\xb2\xb2\'\x9ex\xe2\x82\x0b.\x00\xdd\x06\xb6\x858X\x02 \x16&lt;tf\x9a\xe6\xff\xfc\xcf\xff&lt;\xfe\xf8\xe3\x00\x00Y\x92\r\xd3H,\xfc\xe3z\xd8\n\xf6Z\x08\x08\x1f\x966\xc5\x95\xd8\n\xf0\xa1\x0b\x00\xb8\xf3\xce;\xff\xfc\xe7?\xf3\x81mE\x86\x85\xc2\x12\x00QH\xb8}***\xbe\xff\xfd\xef\xaf_\xbf^\xc22\xa1\x06c`\xc4\x809S\x86-\xc0X\xd2\x8c\xa8\xe5\xf3\xb1\x10\x19\xca\x88*;\x0817\xec]\xb8\xfb\xf0\n\x08\x01F\xb2I\x8c\xa9S\xa7&gt;\xf7\xdcs\xa5\xa5\xa5\x96;H(,\x01\x10\x82\xc4\xeex\xe9\xd2\xa5\xb7\xddv[{{\xbb,+\x86\xa1;T\xdf\xcc\xb1\xb7\x15\xe7L\xb4\xb2&lt;-\x92\x85D\x9ehU\xe3\xe6\xd5\x9f&lt;\x15\xd5\xfc|0\xa7\xa5\xa5=\xf5\xd4SW]u\x15\xb0\xdcA\xc2`\t@\xcfs\xa2\xdb\x87\xd7\xd9\x0f\xc8\x9d4m\xe4\x8dnGf\\\x0fY\x1e\x7f\x8b\xa4\x82QFm\x8a;\x14mY\xb7\xeb\xd9\xc3\r\x9b\x12\xddJ,w\x90PX\x02\xd0\xc3\xf0i\xf0\xa9\xdb\xe7X\xbcw\xf2\xd0\xebF\x97]J\xa9i\x10\xcdr\xfbX$#\x94\x11\x19\xab\x08I;\xca\xdf\xd8\xb8oq"2\xdc\xdd\x1ddi@\xcfb\t@\x8f\x91(\xf2\xea\xe6\xf6Q\rC\xf3:\xb3\xcf\x19{{A\xe6\xc8\x98\x16\x04\x00Z\xdeR\x8b\xe4\x851\x06\x00\xb3\xab\x9e\xa3-\xbbV}\xf2d \xd2\xc4\x07y\xc2\x1dd\x15\x8b\xf5,\x96\x00\xf4\x0c\x89\xea\x98\xfb\xef\xbf\xff\xbe\xfb\xee\x03\xdd\xdc&gt;3F\xff\xd0\xa1\xfa\xe2F\xd8Z\xf8[\xf4\x0e(#6\xd9\x15\xd5\xfc\x1f\xed\xf8Gww\xd0}\xf7\xddw\xef\xbd\xf7\x02\xabX\xac\xe7\xb0\x04\xa0\x07\xe0;\xdf\xce\xce\xce\x1f\xfd\xe8GK\x97.\xe5}T\x12n\x1fB\x0c\x93Z\xad\x1d,z\x15\x94\x11\t)\x18\xcb\x9f\xba\x83\xb0l\x12\xe3\xaa\xab\xae\xfa\xfb\xdf\xff\x9e\x92\x92b\xb9\x83z\x04K\x00\xce4|\xb1SQQ\xf1\xbd\xef}o\xeb\xd6\xad\x8a\xa2\xea\xba\xe6P}\xe7O\xb8\xab0k\x94\xe5\xf6\xb1\xe8\xad$\xdcA\xb5\xcd;Wny4\xaa\xf9\xf9\xe0\x1f?~\xfc\x8b/\xbeXZZj\xed\x03\xce&lt;\x96\x00\x9cQ\xf82g\xfd\xfa\xf5\x17_|qGG\x87"+\xba\xa1g\xa5\x96]8\xf1n\x97=]3"\xd6\xc2\xdf\xa2wC\x19Qeg8\xd6\xf6\xee\xe6\x87\x9b;\xca\xf9\x14HMM]\xb6l\xd9\xd4\xa9S\xad}\xc0\x19\xc6\x12\x803D"\xe4\xfb\xcc3\xcf\xdcv\xdbm\xa6i\xf2\x8c\x88!\xfd\xcf\x9b&gt;\xeaf\x08\xa0\x95\xedc\xd1G\xe0\xd9A\x0c\xb0\xb5;\x9f\xd9_\xf3\x01\x9f\x08\x92$=\xf5\xd4S7\xdf|\xb3\x15\x16&gt;\x93X\x02p&amp;H\x94\xbd\xfc\xecg?{\xfc\xf1\xc7\x11D\x0c2F\xd9\xf4\x91?\x18Yr\x91U\xe4\xf5\xad\xc2@\x97\xb7\x81_|fx\x7f\x99\xb6\xa9\xa7\xfa\x96c&amp;\xc92L\xdf\x02\x89b\xb1]\x95o\xad\xdd\xf5/\x88 d\x902z\xe7\x9dw&gt;\xf6\xd8c\xc0\xaa\x14;SX\x02p\xda\xe1C\xd94\xcd\xdbn\xbb\xed\x99g\x9e\xe1\xeb\x1dEv\x9e?\xfe\xce\xa2\x9c\xf1q=\x0c!\xb4\xcc\xcaW\x87\xb1\xc4\x7f\x00\xe3f\x1aB\xc4wQ\x18I\x10"\x06\x00\x82\xf8\xd8R\x122F)3\x01\x80\x00\x9cj\xccC\x00\x18\x82\x12\x84\xe8\x98\x90\x00\xca\x08\x04\x801J\xa8\t\x00\xa0\x8c0F\xbb\xff\xd2c\xca`}\x82_\x15\xc6\x18\xb3)\xae\xea\xc6\xad+\xb7&gt;\xae\x1b\x11&gt;5n\xbe\xf9\xe6\xa7\x9ezJ\x92$K\x03\xce\x00\x96\x00\x9c^x\\\xab\xb3\xb3\xf3\xa2\x8b.Z\xbf~\xbd"\xab\xba\xa1y\x9cY\xb3\xc6\xdd\x99\x971,\xaa\xf9-\xb7\xcf\x97\x84\xf1\xfe\xf3]f\x17"\x84\x11D\x08\xc9\x10"\x04\x11\xb7\xcb\x84\x181=\x08!\n\x84\x1b\r3\x06!n\x0bT\xebF\x14\x00\x00!\xd2\xf4p{\xb0\xf6\x0b\x7fQ\x9a\xa7PU\\\xdc\xca+\xb2#\xdd[\xc4\x18\x91%\xbb\xd7\x95\xc3\x18\xb5+\x1e\x8c\xf9/\xc5\x94Q\xc6(\xa5\x06e\x94R\x02\xc0\xb1\xdb\x83\xd0:\xa1\xe1KB\x19q\xa8\xbe\xfa\xd6\xbd\xefo{&lt;\x18i\xe6\x13d\xea\xd4\xa9o\xbd\xf5VJJ\x8a\x15\x16&gt;\xddX\x02p\x1a\xe1\xc3\xb7\xb1\xb1\xf1\x92K.\xd9\xbau+\x1f\xdc\x19\xbe\xe2\x8b\xa6\xfe\xd6\xaez5=\x82\x905\xb8OIw\x8b\x0f!\xc2H\xc2HF\x08SF)5cZP3\xc2\xe1h[ \xd2\x1c\x8dw\x06\xa3\xcd\xe1X\xbba\xc4\x02\x91&amp;\x00\xa1\xa6\x87\xbf\xf5\xfbQ\x15\x17`\xcc\xeb\xcc\x96e\xbb\xcb\x9e\xe6qd9l)^g\x96\xcb\x91\xae\xca.\xbb\xeaAHB\x10QJ\x085\x085\x19\xa3\x96\x1e|\x19(%\xaa\xe2\x8ci\x81\xb7\xd6\xff\xae\xd5_\xc5\xa7\xc9\xf8\xf1\xe3\xdf|\xf3\xcd\x9c\x9c\x1cK\x03N+\x96\x00\x9c.x&gt;\xc3\xd6\xad[/\xb9\xe4\x92\xc6\xc6F^\x009\xb0p\xc6\xf4\x917KX\xb1B\xbe\'\x85g\n2\xc0\x10D\x18\xc9\x18\xc9\x10a\xc6\xa8nD#\xb1\x8e\xcep]{\xe0\x88?\xdc\x10\x8c4\xfb\xc3\x8d\x86\x193\x89\xde\xd3\xb7\x0c$\xac\xc8\x92\xdd\xe7\xca\xf18\xb3|\xae\xdc4o\xbf\x14W\xbe\xd3\x9e\xaa\xc8\x0e\x08\x11\xeb\xd2\x03\x832\xca\xf7.Vx\xf3DxX\xd8$\xfa\xda]\xcf\x1c\xaa\xfd\x88O\x96\x9c\x9c\x9c7\xdf|s\xfc\xf8\xf1Vj\xd0\xe9\xc3\x12\x80\xd3B\xc2\xfa_p\xc1\x05\x9d\x9d\x9d\xb2\xa4\x18\xa6&gt;\xb8\xdf9\xe7\x8e\xbd\xc3 \x1a\xa5\xa6\x15\xf2M\x90X\xe9#\x881V$$\x03\x00M\x12\x0fFZ:\xc3um\xfe\xea\xb6@Mg\xa8&gt;\x14m5\x89\xf6%\x7f\xa6,\xab\xb2\xa42F=\xae4\xaf\'\x93R\x02\x00\xb0\xdb\\yYe\x94\x91S\xad\xc7\xf9=\xd47\x97\xc7\xe2a\x00\x00B8\x10l\t\x86\xdb!D\x86\xa9\x19\xc6\x97\xfd\xed\x12V\xdd\x8e\x8c\x14w^\xba\xb7\x7f\xba\xaf(\xc5\x95\xefqfJ\xd8\x06\x003\xa9A\x88\xdeu\x0f\xd6\xce\xa0\x1b\x8cQ\x84$\x19\xab\x1f~\xf2\xd7\x03GV\xf1)\x93\x92\x92\xf2\xde{\xefY\x1ap\xfa\xb0\x04\xe0\xdb\'\x91\xec\x7f\xd1E\x17uvv\xf2\x8a\xc7)\xc3\xe6\x8f.\xbd\xc4 \x9a\x95\xf0\xc3IxH0V$\xacp\x1f} \xd2\xd4\xd2Q\xd1\x1e\xacm\xea8\xd4\x11&lt;\xfa\x85\x16\xdf\xa6:\xed6Wzj\x81Mu\xe4e\x95\xa9\xaa=?{ \xa5$=5\xdfns\x11J\xec\xaa\xd3nsQ\xca\xb8\xbd\x95\xb0|\xca\x000\x07\x02\x93\x18\x8c1\xc0\x00B0\x16\x0f\xc7\xb4\x08F8\x16\x0f\xb7u\xd4!\x84\xeb\x9a\x0eiZ\xac\xbe\xb9&lt;\xaeE\xdb:\x8e\xc6\xe2\xe1\xb8\x16\xf9\xfc\x9b\x94\xb0\x9a\xea)\xc8N\x1d\x98\xe6)\xccL-\xf5:\xb3y\x8c\xc1$:!z\xc2\xc7\xf5\x15\x9f_/\x84O\r\x19\xab;*\xde\xdc\xb0w\x11\x9f8)))o\xbd\xf5\x96U"p\x9a\xb0\x04\xe0[\x86\x0f\xd3D\xb2?o{2}\xd4\xcd\xa3K/\x8d\xc6;\xad\x84\x1fn\xf7\x11\xc4\x12V1\x92(#\x81pS\xab\xffpc\xfb\xc1\xa3-\xbb\x02\xe1F\xca\xc8\xa9\xbe\xd7\xae\xba\xd2\xd3\nR\xbd\xd99\x99\x03\xb23\xfa\xbb]\xa9\x19\xa9\x05\x8abw9R\x00\x00\x92$3\xc6\x085!\x80\xa6\xa9S\x9e\xabC)a\x84?\xf1D\xd6\xd0\x17p\xccG\xc3\x00\xc0\x10C\x84\x00\x00\x08"IR\x18`\x18I\x10B\xd34\x00\x00\xe1h\xa7\xae\xc7Z;\x8e\x86\xc2\x1dM\xad5\x8d-\x87;\x02Mm\xedGc\xda)#\x10\x08b\xaf+\xa7 sdN\xda\xa0\x0c\xdf\x00\xaf+\x1bAL\xa8i\x12\x8do\x0b\xfa\xbc\x120\xc6\x98\xc3\x96\xb2\xa3\xe2\x8d\xb5;\x9f\xe1\xd3\'Q"`i\xc0\xb7\x8e%\x00\xdf&amp;\t\xeb\x7f\xcb-\xb7 \x88\x18`\x8c\xb1\xe9\xa3n\x1e]rq$\xee\xef\xcb!\xdf\x84\xdd\x97%\x1bB\x92\xa6\x87\xda\x03G\xea\xdb\xf6\x1dm\xd9\xd5\xdayX7c\xfc\xcb \xfc\xcc\x80Td[NfqvFq^vinVIfZ\xa1\xc7\x95.\xcb*F\x12\xa1\x841\xca\r=\xa5\xe6\xa7\xc6\x1dB\xc0\x93\xf7!\x00\x0c|s\x87;c\x8c\xff\xa8\xae\xfa\x80c\xbf\x05\x02\xc0\xa3\xbe\x92\xa4@\x880\xc2\x84\x9a\x86\xa1\x05\xc3m-\xed\xb5\r\xcd\x95\xf5M\x15M\xadU\x8d-U\xba\x11O\xfc\xb4\xee\x7f\xa0"\xd93R\x06\x14d\x8e\xccK\x1f\x9a\xe6\xed\xa7*nJM\xc3\x8c[J@)q\xda|;*\x97\xad\xdd\xf9\x0c\x84\x10\x02H\x19\xfd\xe7?\xffii\xc0\xb7\x8e%\x00\xdf\x1a\xdd\xad\xbf$I&amp;1\x15\xc9y\xfe\xf8;\xfb\xe7\x8c\xd7\xf4p\xdf\x9c\xcf\x8c1\x06h7\xbb\x1fn\xe9&lt;\\\xd3\xb8\xf5H\xf3\xf6\xceP\xddI\xbf\xc5a\xf7\xe4e\x95\x16\x17\x8e\xec_0&lt;3\xad0=%O\x96m\x10BBL\xd3\xd4\t5(e]\x89\xfc\x10\xc2.\x0b\xdfS\x9b*\xee+b\xc76\x16\x10!\x88\x91,I\n\xc6\x12c\xcc0\xe2m\x9d\xf5-\xed\xb55G\xf7T\xd5\xee\xaao\xae\x88\xc6\x82\'\xfdA)\xee\xfc~Yc\xfa\xe7\x8c\xcfL\x19\xa0*\xaenJ\xd0Gkb\x19\xa3\xaa\xe2\xaa\xe1%\x02fD\xc2\x92i\x9a\x96\x06|\xebX\x02\xf0\xedp\x9c\xf5\'\xc4\x94%\xe7ES~\x93\x971\xbcO&amp;\xfb3\xca(\x04H\x92T\t\xc9\x9a\x119\xd1\xeew_\x0b\xab\xaa\xa3_\xee\x90\xa2\x82\x11\xc5\x85#s\xb3K}\xee\x0cIR(%\xa6\xa9\x1b\xa6\xceS\xf2\x8f\x99{\xd1\xad!\xeb\x12\x05\x06\x00\x80\x10\xc9\x92"I\nB\xd84u\x7f\xa8\xb5\xa1\xa9\xa2\xaavW\xf5\xd1\xddG\x1a\xf6kZ\x94\x7fK\xf7G\xf1\x19%\x90\x9d&amp;5LSc\x80\xf6\xc1#\xe1\x8e\x95\x08\xecyk\xc3\x83\x86\x19\xc1\x96\x06\x9c\x06,\x01\xf8\x168\x99\xf5w\\4\xe5\x7fs\xd3\x87\xc4\xb4 B}h\xa4\xf2%\xbf\x84\x14Y\xb2\x11\xaaw\x04\xeb\x0e\xd7o\xa8\xac\xdfxR\xbb\x9f\xe2\xcd.+\x1a7\xaclZ~\xee\xa0\x8c\xd4|\x8ce\xeeE!&lt;\x0c\x0b \xa7\xe7\xfe\x9ao\x01\xc6\x18\xcfm\x85\x10b,w\xf9\xaf\x88\xd1\xdaQW\xd7ppo\xf9\xba\xf2\xeam\x9d\x81&amp;\xfe\xc5\xc7)AI\xde\xe4\x01ySR=\xf9\x18)\x86\x197\xa9\xde\xd76\x04\x94\x9av\xd5\xd3\xd0\xb6\xff\xad\r\xbf7\xcc\xa8\xa5\x01\xdf:\x96\x00|S,\xeb\xcf\xe1y\xee\xb2\xa4b,\x07\xc3\xcdG[vV\xd4\xad\xafo\xdd\xcb\x83\xba\xddM[vF\xd1\x90\xd2)\xc3\x07\xcd\xc8\xcd*q;S\x00\x00\xba\x117M\x9d1\x96,\xcb\xfc\xafGbs\x00!\x94$E\x91m\x00\x80P\xa4\xb3\xa1\xb9r\xcf\xc1\x8f\xf6Wlhj\xad\xe6_\x99x\\\x08\xe2\xbc\x8ca\xa5\xf9S\x0b2Gy\\Y\x84\x18\x86\xa9\xf1:\x89\x9e\xfcK\xce \x96\x06\x9cV,\x01\xf8FX\xd6\x9f\x01\xc6\x18EPRe\x07\xa1F\x9b\xbfzo\xf5{\xd5\x8d[cZ\x00\x9c\xc2\xee\x17\xe6\x0ev\xd8=&amp;1\xf8b\x1f\x00\x00a\xdfZ\xd8\x82\xae\x9d\x01\x05\x00\xf0m\x81\x84\xe5h,X\xdbp\xe0TJ`W\xbdE9\xe3\x87\x15]\x90\xee+\xc2H\xd6\x8c(e&amp;\x84\xa8/T\x12X\x1ap\xfa\xb0\x04\xe0\xeb\xc3\x07\xdf\xbf\xfe\xf5\xaf\x9bo\xbeY\x92dB\x8c&gt;e\xfd\xbb{{\xe2z\xa8\xaaaS\xf9\xd1\x8f\xebZ\xf7p\xbb\x06\x01\xe4i3&gt;O\xe6\xe8a\xb3Ft\xb3\xfb\xba\x1e\xa3\x94\x1cs\xef\xf4~\xfb\xf5Ep/\x11C\x08+\x8a=\xa1\x04\xbb\x0f~\xb4c\xef\xfb\xfe`\x0b\xe8\xf60!D\xf9\x19\xc3\xcb\n\xce*\xce\x9ddS\xdc}\xc7/t\x82\x06\xc8\xa6i&lt;\xf3\xcc3?\xf8\xc1\x0f,\r\xf8&amp;X\x02\xf05\xe1\xc3n\xd3\xa6MS\xa6LA\x08QJx\xd4\xb7/X\x7f\xee\xd4\x96$\x9b\x8c\x95@\xa4y\x7f\xf5\xfb\x15\xf5\xeb\xfd\xa1z\x00\x00\x82\x88\'\xe0KX\x1e\\2y\xc2\xe8y\xa5\xfdF{=\x99\x9f\xb5\xfb}\xc5}\xf1Ua\x8cvW\x82@\xb0\xa5\xe2\xc8\x8e-;\x96\x1f\xa8\xdch\x12\x03t{\xbc&gt;w^i\xde\xd4!E\xb3\xbc\xce,\x83\xe8\xa6\x19\xef\xf5M&amp;\xbai\xc0\x83\x86\x19A\x08SJ7l\xd80i\xd2$K\x03\xbe6\x96\x00|\x1dx\x83\xaa\xad[\xb7^x\xe1\x85\x81@\x00\x00 !\xfb\xbc)\xbf\xceM\x1f\x1a\xd3\x02\xbd\xd8\xfa\xf3U\xbf"\xd91\x92\x9b;\xca\xcb\xeb&gt;&gt;T\xfb\x11\xf7\xf6 \x84y\xc7\x85\xac\xf4~c\x86\x9d?z\xd8yyY\xa5\x00\x00M\x8f\x11bXv\xff+\xc1\x95\x00cYU\xec\x00\x80\xfa\xe6\x8a\x1d{?\xd8\xbewes\xdb\x11\xd0\xedQ\xdbU\xef\xc0\xc2\x19e\xf9ge\xa5\x96\x11j\xe8f\xacw\xef\x06(5\xed\xaa\xb7\xa1m\xdf\xf2\r\x7f0i\x0c\x00\xe0\xf5z\xdf}\xf7\xdd\xf1\xe3\xc7[=\xe3\xbe\x1e\x96\x00|e\x12\xd6\x9f\xf7\xf9\xe1\xc5\x8as\xa7\xfcz@\xee\xe4h\xbc\xb3\xb7Z\xff\xee\xa6\xbf\xa5\xb3r\xd7\xe1\xe5\xe5G?\xa6\xd4\x04\xdd\x1c\x14\x03\x8b\'\x8c\x1f9g\xd4\x90\x99N\x87O7\xe2\xba\x1e\x07\x80!\xd4\xe7\xf2\x17\xbf=\x18\xa5\x14\x00\xa8(6E\xb6E\xa2\xfe\x9d\xfbWo\xdd\xb5\xe2P\xd5\x16\xd0\xed\xb1#$\x95\x15\x9c5r\xc0\xbc\xcc\x94\x92^/\x03\x94\x9a\x0e[\xca\xe1\x86\x8doo\xf8\x03\x9fz\x89~A\x96\x06|\r,\x01\xf8j\xf0C*Z[[\x87\x0e\x1d\xda\xda\xda\xca\x8f\xb0\x98&gt;\xea\xe6\x11\x03\xe6\xc6\xf5P\xaf\xcc\xf7\xe7\x89+\xb2d;\xce\xf4w\xf7\xf6\x8c\x1d~\xc1\xe4\xb1\x97\x14\x15\x8c\x90%5\x16\x0f\xf3nw\xbd\xd5\x06\x9dyx\xc4\x18!\xc9ns\x19\xa6V}t\xf7\xc6O\xde\xfcd\xcf{\xdd\xfdB\xc7\xc9\x80a\xc6{k\xb39\xca\x88Mq\xef&gt;\xfc\xf6\xda\x9d]\xc7+edd\xec\xdb\xb7/##\xc3:C\xe6\xabb\t\xc0W\x80R\n\x00\xf0\xfb\xfd\xb3g\xcf\xde\xb2e\x8b,+\x86\xa1O\x1fy\xf3\xe8\xd2\x8b\xa3Z\xa07\xba8\x18eT\xc2\x8a\x84\xd5\xd6\xce\xc3\xbb*\x97\x97\xd7}\xc6\xf4\xbb\x9d\xa9\xd3\xc6_&gt;z\xd8y\xf9\xd9e\x94\x92\xb8\x16e\x8c\xf6\xe5\x8e\x17\xa7\x1bJ\t\x84\xc8\xa6:\x10\xc2uM\xe5;\xf6~\xb0n\xebk\xa1H\x07\xe8.\x03\xf9g\x8d,\x99\x97\x912\xc0$\x9aI\xf4^YA\xc6\x18u\xa8\xde\x1d\x15\xcb\xd6\xeez\x86O\xc3\t\x13&amp;\xbc\xf3\xce;&gt;\x9f\x0f\x00`i\xc0\x97\xc7\x12\x80/\x0bO\xd5\x80\x10N\x9d:u\xe3\xc6\x8d\xbce\xf9\xe4\xa1\xd7M\x1c\xf2\xddp\xac\xa3\xf7Y=\xca\x08F\xb2"\xdb\xc3\xd1\xd6m\x07_\xdbW\xf3\xfegM\x7f\xca\xb4\xf1\x97O\x1dwYZJ\x9en\xc4u=\x06 \xec;\xc9\xe9=\x0be\x140\xa6(vE\xb6\xb5w\xd6\xaf\xdf\xf6\xdfu[_\x0bE:A7\x19\x18\xda\x7f\xd6\xb8A\x97\xbb\x1c\x19\xba\x11#\xd4\xe8}{SJ\x89\xcb\x9e\xbay\xff\x7f6\xee[\xdc5\x19\'O^\xbf~=\x9f\xa4\xd6\xee\xf3Kb\t\xc0\x97\x821F\x08\x91$\xe9\x96[ny\xe6\x99g\x14E\xd5umP\xbf\x99\xe7\x8e\xbdC7\xa2\xbdl\xed\xcf\x18\x05\x00\xdaUw$\xd6\xb1\xfb\xf0\xdb{\xabW\xc6\xb4\x00B\x88o\x80\xba\x9b\xfe\xb8\x161M\xdd\xf2\xf6\xf4\x08\xdc/$I\x8aMu\x1e/\x03\x08QJ\xed\xaawX\xd1\xf9#\x06\xccu\xdaScZ\x08\x00\xd6\xfb\x06\xaa";&gt;\xfc\xe4\xaf\x07\x8f\xac\xe6S\xf2\xe6\x9bo\xfe\xe7?\xffi\x9a&amp;\xc6\xd8\x1a\x93_\x06K\x00\xbe\x14&lt;\xcf\xecg?\xfb\xd9\xe3\x8f?\xce\x87ZY\xc1Y\xe7O\xb8K7b\x00\xb0^\xb3\xc5\xe6U]\xaa\xec\xa0\x94\x1e\xac]\xbd\xbd\xfc\xf5@\xb8\x11\x00\x00!b\x8c\xba\x9c)gY\xa6_0N\x94\x81\x8f\xb7\xbe\x16\x8et\xf2\x8f\x0c\x00\xe0u\xe5\x8c)\xfb\xce\xa0\xc2\x99\x08!\xcd\x88\xf6\xae\xda1\x06\x00Td\xfb\xca-\x8f\x96\x1f\xfd\x98O\xcc;\xef\xbc\xf3\xb1\xc7\x1e\xb3\x12C\xbf$\x96\x00|1\xdd\xcb}\x13\xe7\xfa^:\xfd\x01\x04\xa5\xdet\xb6\x17e\x84Wu5\xb4\xed\xdb\xb4\xff\xa5\xfa\xd6\xbd\x00\x00\x84$JM\x8c\xa5s\xa7^?}\xe2Ui\xbe\\\xcb\xf4\x0b\xc8gd\xc0\xdf\xb0v\xf3\xd2\x0f\xd7\xbf@\x88\xc9?&gt;\x00@^\xc6\xb0IC\xae\xcdM\x1f\xcak\xc7z\x8dG\x88\xc7\xc6)3\xdfX\xfb\xff\x12\xe7\t[E\xc2_\x1eK\x00\xbe\x00\x9e[\x96(\xf8"\x84\xb8\x1d\x19W\xce\xfc\x93*;M\xa2\xf7\x0e\xeb\xcf\x0b\xbbT\xc5\x15\x89\xb5o;\xf8\xea\xde\xea\x95\x8c\x11~\x1e\x13\x00`\xe2\xa8y3\'_\xdb/oH\\\x8f\x19\xa6\x86,\xd3/*\x8c1\xca\xa8,\xa96\xc5~\xa4~\xff\xea\x8d/m\xde\xb9\x1c\x00\xc0?J\x08\xf1\xb0\xa2\xf3\xc7\r\xba\xc2iO\xd3\xf4p\xaf)\x1cc\x8cJX\xd1\x8c\xc8+\xab\x7f\x11\x8a\xb6b\xfci\x81\x98\x95\x18\xfa\x85X\x02\xf0y\xf0\xac\xb2\xea\xea\xeaq\xe3\xc6\x05\xfc\x01\x00\x80$\xd9\xe7M\xf9Mv\xea@\xcd\x88\xf4\x8ee\x14eD\xc66\x84\xf0\xa1\xda\x8f6\xee]\x14\x89w&amp;\xea\x8cJ\x8b\xc6\x9d\x7f\xd6\r\xc3\x06N3\x0c]\xd3\xa3\xd6\xaa?)\xe0\xbb\x01Uq\xc8\xb2\xb2\xf7\xd0\xba\x95\x1f?_Q\xbd\r\x1c+\x1fs\xdaR&amp;\x0f\x9b?\xb0p\x06\xa5\xc4 \xf1^3\x86U\xd9\xd9\xd4qh\xf9\x86\x07M3\x06\x00\xf0\xfa\xbc\xdb\xb6m+**\xb2\x12C?\x1fK\x00N\t\x7f2~\xbf\xff\xfc\xf3\xcf\xdf\xb6m\x1b\xcf8\xeeM\x05_\x8cQ\x00\xa1]q\xb7\xfa\xab\xd6\xefYX\xdb\xbc\x03\x00\x80 \xa6\x8cx\xdc\xe9s\xcf\xf9\xd1\xe4\xd1\x17a,Ec!\xab\x8e7\xe9\xe0\xb5\xc4\x0e\xbb\x9b\x10s\xe3\x8e\xb7\xde^\xf5\xf7`\xa8\x8d\x7f\xb8\x00\x80\xc2\xac\xd1S\x87/\xc8\xf0\x15\xc7\xf4\x10`\xbd!8\xdc\xbd@\x8cO\xd5q\xe3\xc6\xad\\\xb9\x92\'\x86Z\x0b\x97Sa\t\xc0)\xe1&gt;\xc4+\xaf\xbc\xf2\xd5W_\xe5\xbe\xc5i#n\x1c]zIL\x0f\xf6\x82u\x13eD\x91\xec\x00\x80\xdd\x87Wl\xd9\xff\x1f\xdd\x8ca,\x13b \x84\xa7\x8d\xbb\xfc\x82\x197\xa5\xfa\xb2"\xd1\xa0\x95\xd7\x9f\xd4\xf0\xba\x01\xa7\xc3\xd3\xe1o~\xef\xa3\x7f\xaf\xdb\xf6\x1a\xa5\x84\x7f\xd0\x8ad\x9f0\xe4\xbb#\x06\xcc\x01\x00\xe8f\xacw\x0ci\xbb\xe2\xd9Q\xf1\xe6\xba\xdd\xcf\xf2\t{\xc5\x15W\xbc\xf2\xca+V0\xe0s\xb0\x04\xe0\xe4\xf0As\xff\xfd\xf7\xdfw\xdf}\xaa\xa2j\xba6\xb8\xdf9\xe7\x8d\xfbi\\\x0f%\xfbr\x89{\xfc\xed\xaa\xa7\xd5_\xbdn\xf7\xb3G[vA\x08\x19\x03\x00\xb0~yC/\x9f\xfd\xf3\xd2\xa2\xb1q-b\x98:\xb6L\x7f\xaf\x80P"K\x8aMuVT\x7f\xf2\xda;\x8f\x1c\xa9\xdf\xc7\xd7\xc4\x8c\xb1\x82\xcc\x91\xd3F\xdc\x98\xe1+\x8ai\xc1^\x10\x15`\x8c\xda\x14\xf7\x07\xdb\xfer\xe0\xc8*&gt;m\xef\xbb\xef\xbe{\xef\xbd\xd7\xd2\x80Sa\t\xc0I\xe0\xb1\xa3\xd7^{\xed\x8a+\xaePdE7\xf4\xcc\x94\xd2\xcbg&lt;H\xa8\x99\xecI\x9f\x94\x11\x19\xab\x08\xe1]\x95o\xf3\x85?\x8f\x10\xdaT\xe7\xdcs~4m\xfc\xe5\x92\xa4\xc4\xe3a\xcb\xdd\xdf\xcb\xe0\x81\x01\x9b\xcde\x9a\xfa\xba\xad\xaf\xbd\xbd\xea\xefq-\xc2?z\xbe\x15\x18Y2\x97Rb\x10-\xc9\xb7\x02\x0c\x00\x88\x91\xf4\xdaG\xbfi\xe9\xac\xe0\x93\xf7\xd5W_\xbd\xfc\xf2\xcb\xad\x80\xf0I\xb1\x04\xe0x(\xa5\x10\xc2\xae\xc0o \x00\x00Pe\xd7U\xe7&lt;\xecP}\xc9\x9e\xf6\xc3\x9b\xa8\x84\xa2-\xebv={\xb8a\x13\x84\x907\xfa\x198`\xe2\x15s\xee\xce\xcf.\x8b\xc6\x82\x94Q\xab\xa0\xb7\xb7\xc2?\\\x87\xddS\xd7T\xfe\xea\x8a\x87\x0f\x1d\xde\x0c\x01\x04\x100\xc6\x06\xe4N\x9a6\xf2F\xb7#3\xd9[Z\xf1\xa4\xa0\xa8\xe6_\xba\xean\xcd\x08\x03\x00\xbc\xde\xae\x800c\xcc\n\x08\x1f\x87%\x00\x9f\x811\xde\x7f\x11L\x9b6m\xd3\xa6M\x12\x96\t%\x97L\xbb7/c\xb8nD`\xd2N\x0c\xc6\x18\x84\xc0\xa6\xb8\x0f7lZ\xfd\xc9SQ\xcd/a\xc5$\xba\xaa\xd8\xe7\x9d{\xdb\xd9\x93\xaea\x8c\xc5\xf5\x08N\xfe\xc8\xb6\xc5\x17B\xa8iS\x9c\x10\xc25\x9b\x96,\xff\xf0)M\x8f\xf1\xc1\xe0P}3\xc7\xde6 wR\\\x0fu\x9d\xce\x99\x9c0F\x14\xd9Y\xdf\xba\xe7\xcdu\xf7c\x84MbL\x9a4i\xdd\xbau\x00\x00\x84\xac\xad\xedg\xb0\x04\xe03|\xa6\xe2WVuC\x9b&lt;\xf4\xba\xf1\x83\xaf\x8ej\xfe\xe4]\x16q\xb7\x0f\x84h\xcb\x81%\xdb\x0e\xbe\n\x00\xc0H"\xd4,\xcc\x1br\xf5\xbc_\x96\xf4\x1b\xcd\xbb\x89%\xf5\xe6\xc6\xe2+\xc1\x8e\xf5\xf2\xab&lt;\xb2\xe3\xe5\xe5\xffW[\xbf\x9f\x0f\t\x00\xc0\xb8AWL\x18|\rc4\xa9\xddA\x94\x11\x87\xea\xdbz\xe0\xe5\x8d\xfb\x16\xf3\x89lU\x08\x9f\x14K\x00&gt;\xe5D\xd7\x7fQ\xce\x84\xb9S~\xa5\xe9\x91\xe45\x8e\xdc\xed\x13\x8c4\xaf\xda\xfed]\xcb\xee\xc4&lt;\xbf`\xc6M\x17\xce\xb8Q\xc2J,\x1e\xc6\xd8\x9a\x12}\x11BL\xbb\xcde\x12\xfd\xdd\x8f\x9e}\xef\xa3\x7f\x83c+\x83\xfc\xcc\x11\xe7\x8c\xb9\xdd\xe3\xccJjw\x10cTU\x9coo\xf8cu\xe3\x16+\x18p*,\x01\xe8\xa2\xbb\xeb?\x18\x08R\xc0\\\xb6\xf4+g&gt;\xa4H\x0e\xc2\xccdl\x9f\xc2\x18\x83\x00\xa8\x8a\xab\xaaqsw\xb7\x8f\xdb\x95\xf6\xbdK~;j\xe89\x91h\xc0*\x93\xe9\xe3\xf0\x01\xe0txw\xee[\xf5\xe2\x9b\xbf\x0b\x85\xdb\xbb\xbb\x83\x8as&amp;jz\x98%g\x1e=\x03\x0cCI7\xa3\xaf\xac\xbe\'\x1coC\x00z\xbc\x1e+\x18p\x1c\x96\x00\x00pJ\xd7\xff}\xf9\x19\xc35#\x9c\x8c\xae\x7f\xc6(F\x12\xc6\xca\x8e\xf276\xec]\x04\x8e-\xee\x06\x16O\xf8\xdew\xfe_ZJ^$\xea\xc7\x08\'uF\x93\xc5\xb7\x04#\x948\x1d\xbe\xf6\xce\xfa\x17_\x7f\xe0P\xd5\x96\xc46q\xca\xb0\xf9\xa3\xcb.%D\'\xc9\xd9\xf3\x8a1\xa2\xca\xae\xba\xd6=o\xae\xbb\xcf\n\x06\x9c\x94\xe4\xfbPO\x07|Wx\xf7\xddwo\xda\xb4I\x91\x15\x93\x18\x93\x86\\[\x985:\xae\'\xa5\xf5\xa7\x8cHX%\xd4\xfc`\xdb\x13\x1b\xf6.\xe2\xa1]B\xcd\x0bf\xdct\xfb\x82\xbfy\\\xe9\xd1h\x00#\xc9\xb2\xfe\x16\x00\x00\x9e7\x19\x8d\x06&lt;\xae\xf4\xdb\x17\xfc\xed\x82\x197q\xeb\x8f\x91\xb4a\xef\xa2\x0f\xb6=A\xa8)a\x95\x97\x10\'\x17\x10\xe2\xb8\x1e.\xcc\x1a=i\xc8\xb5&amp;1\x14Y\xd9\xb4i\xd3\xddw\xdf\x8d1&amp;$\xf9\xfe\x9c\xd3\x81\xb5\x03\xe8\xb2\xfe\x1f~\xf8\xe1y\xe7\x9d\xc7O\x17*\xca\x990w\xf2\xaf4#)]\xff\x94\x11Ur\x84\xe3\x1d+6\xfe\xb1\xd5_\xc5w\xf4v\x9b{\xc1\x15\xbf\x1b5\xf8\x9cp\xd4\xdf\xfb\xfa\xc2[|+\xf0s \\\x0e\xdf\xce\x03\xab\x16\xbe\xfa\xdbX&lt;\xc4\x07O\x86\xafx\xce\xe4_\xb9l\xa9\x9a\x19M\xc6\x90\x00cT\x95\x9doo\xfccuc\xd7)~\x1f|\xf0\xc1\xb9\xe7\x9ek\x05\x03\x80%\x00\xfc\x9c/\xbf\xdf?a\xc2\x84\xea\xeaj\x00\x80*\xbb\xaf:\xe7a\x87\xea5\xa9\x0e\x93m\x87\xc4\x93\x1f\xeaZ\xf7\xbc\xbb\xe9OQ\xcd/I\x8ai\xea\x05\xb9\x83o\xb8\xe2\xf79\x99\xc5\xe1\xa8\xdfJ\xf4\xb4\xf8|\x085]\x0e_cK\xd5\xf3\xaf\xfe\xef\xd1\x86\x03|\x089T\xdf\x85\x93~\x91\x9f1&lt;\x19\xd3\xe1\x18\xa0\x12R\xa2Z`\xe9\xaa\xbb5#\x04\x00(**\xda\xb2e\x8b\xcf\xe7\xb3\xce\x0eK2\x03\xf7\xadC\x08A\x08\xddz\xeb\xad\x87\x0f\x1f\xc6H\xa2\x94\x9e3\xe66\xb7=\xc3 Z\xb2Y\x7f\xc6\x0fJ\xddS\xb5\xe2\xad\xf5\x0fD5?\xc6\x92i\xea\x13F\xcd\xfd\xe9\xf7\xff\x9e\x99VhY\x7f\x8b/\x03FR8\xea\xcfL+\xfc\xe9\xf7\xff&gt;a\xd4\\\xd3\xd41\x96\xa2\x9a\xff\xad\xf5\x0f\xec\xa9Z\xe1P\xbd\x8cQ\x00\x92i\xd5\x08\x012\x88\xe6\xb6g\x9c3\xe66J)F\xd2\xe1\xc3\x87o\xbd\xf5V\xde\xdd\xbd\xa7\xef\xae\x87\xe9\xd3;\x00\xbe\x07\\\xbat\xe9\xd5W_-\xcb\xb2a\x18\xc3\x8a/&lt;g\xcc\xadQ-\xc9\xda\xbd1\xc0 \x00\xaa\xec\xdaY\xf9\xd6\xc7\xbb\xfe\x95\xe8\xeds\xe9\xf9?9o\xda|\xc3\xd4MS\xb7z\xbaY|y(%\x92\xa4\xc8\x92\xf2\xc1\xbaEo\xac|"\xd1;\xe8\xac\x91?\x18Ur\x91f\x84\x19\x00\xc9\x95\x1aG\x19q\xa8\x9eU\xdb\x9f\xde[\xf5.\x9f\xec/\xbf\xfc\xf2UW]\xd5\xc7\x1dA}W\x00x\xdaO[[\xdb\xf0\xe1\xc3\xdb\xda\xda\x19#i\x9e\xfeW\xcc|\x88R\x92\\\r\x7f\x18\xa3\x10"Y\xb2\xad\xde\xfe\xd4\xfe\x9a\x0fx\xafGU\xb1_&gt;\xfb\xe73&amp;]\x13\n\xb7\xf7\x82&amp;_\x16g\x1e\xde4\xd0\xedJ\xfbh\xd3\x92\xd7\xdeyD\xd3\xbb\xfa\xc5\x0e\xe9\x7f\xde\xcc1\xb7\x19f\x9c\x0f\xbc\x9e\xbe\xcd/\x0f\x03\x00"\x84_]}O{\xb0\x06B\x9c\x9e\x9e\xb6g\xcf\x9e\xf4\xf4t\x00@\x9f\xcd\n\xed\xa3\x7f68\x96\x01}\xc7\x1dw\xb4\xb4\xb4 \x04!\xc03F\xdd\x82\xa1\xc4Ca=}w_\x16\x9e\xee\xc9\x8f\xc6NX\x7f\xbb\xcd}\xfb\xfc\'\xa7O\xbc*\x10j\xb5\xda\xbaY|=\xf8!\x10\x81P\xeb\xf4\x89W\xdd&gt;\xffI\xbb\xcdM\x88\x81\xb1\xbc\xbf\xe6\x83\x0f?\xf9\xab";0\xe2\x93%Y\x80\x8cQ\x0c\xa5\x19\xa3n\x81\x00#\x04[ZZ\xee\xb8\xe3\x0e\x84\x10_\x0b\xf6M\xfa\xa8\x00\x10B$Iz\xe5\x95W\x96.]*\xcb\xb2i\x9a\xa3\xca.\xc9\xcb\x18\xa6\x99\xd1$Z\xd40F$\xac\xeaf|\xc5\xc6?\x1e&lt;\xb2Z\x92\x14B\x8c\x82\x9cAw\xdf\xf2|q\xe1\xc8`\xa8\xddr\xfa[|C0\x92\x82\xa1\xf6\xe2\xc2\x91w\xdf\xf2|A\xce B\x0cIR\x0e\x1eY\xbdb\xe3\x1fu3.a\x95%Oz(\x84H3\xa3y\x19\xc3F\x95]b\x9a\xa6,\xcbK\x97.}\xe5\x95W$I\xea\xb3\xc1\x80\xbe\xe8\x02\xe2E\xbf\xad\xad\xad\x9fq\xfe\x9c\xfd\x7f\xb4+\xba\x95\x1c\xebe\xc6\x88\x84m\xba\x11Y\xb6\xfe\x81D\xbagA\xce\xa0\xdb\x17\xfc\xcd\xe5\xf0E\xe3a\xab\x9b\xbf\xc5\xb7\x05\xa1\xc4as\x85\xa3\xfe\'\x17\xfe\xf8h\xe3\xc1Dz\xe8\xc5S\xff\x9f";M\x12O\x9er\x19\x06\x00D\x10\xbd\xba\xe6\x97\xdd\x1dA\x19\x19\x19}\xb3&lt;\xb8\xcf\xfd\xc1\xa0\xab5&amp;\xfc\xd4\xf9\x03\xa5\xe9\xa3n\xc1HI"\xe7\xcfI\xad\xff\xc0\xe2\t\xb7\xcd\x7f\xc2ns[\xd6\xdf\xe2\xdb\x05#\x1c\x8d\x87\xed6\xf7m\xf3\x9f\x18X&lt;\xc1$\xba\x84\x95V\x7f\xd5\xb2\xf5\x0f\xe8FD\xc2\xb6\xe4\xd9\x07@\xc6(F\xca\xf4Q\xb7@(%\x1cA\x10\xf6\xc5\xa50\xe8\x83\x02\xc0\x83\xfe\xef\xbf\xff~\xc2\xf93b\xc0\xdc\x82\x8c\xe1\x9a\x994e_\'\xb5\xfe\x93F_\xf4\x93\xef?mS]\xba\x11\xb7\xac\xbf\xc5\xb7\x0eFX7\xe26\xd5\xf5\x93\xef?=i\xf4E\xc9\xab\x01\x10"\xcd\x8c\x14d\x0c\x1f1`n\xc2\x11\xf4\xfe\xfb\xef\xf7\xcd\xf2\xe0\xbe\xa5{\xbc\xec+\x1c\x0e\x8f\x1d;\xb6\xaa\xaa\x8a\x01\xe6\xb6g^9\xf3O\x12R\x18H\x8e\xe5\xff\xa9\xac\xff\xf5\x97\xdd\x1f\xd7"\xc9\x96\x98a\x91d\xf0\x01fS\x9d/\xfc\xf7\xdeM;\xdeJZ_\x10\x83\x00\x99T\x7fe\xf5/B\xb1\x16\x08`qq\xf1\'\x9f|\xe2r\xb9\xfaZiX\xdf2\x16&lt;\xf3\xe7\xa1\x87\x1e\xaa\xac\xacD\x08\x03\n\xce\x1ay\x93]\xf5Rf\xf6\n\xebo\xf5x\xb08\xbd@\x88\x18cq-r\xfde\xf7\'\xf3&gt;\x00Rf\xdaU\xefY#o\x02\x14 \x84+++\x1fz\xe8\xa1&gt;\x98\x11\xd4\x87v\x00&lt;\xf6[^^&gt;b\xc4\x08J\xa9i\x9ae\x05\xd3/\x9cxwT\x0b$E\xd9\x17cT\xc2\xea\xe7Z\xff$\xd00\x8b^\x00\x1fl\xa7\xde\x07hI\xb1\x10\xa1\x8c8T\xef\xbb\x9b\x1f.?\xbaV\x92$\x84\xd0\xee\xdd\xbb\xcb\xca\xca\xfaT4\xb8\xaf\xfc\x9d\xe0\xd8\xa8\xfd\xc9O~\xa2\xeb:cL\x95\x9d\x93\x86^\xab\x1b\xb1\xa48\x02\x97\xe7\xfb[\xd6\xdfB\x04x\xc8\xf4T</t>
        </is>
      </c>
    </row>
    <row r="110">
      <c r="A110" s="1" t="n">
        <v>108</v>
      </c>
      <c r="B110" t="inlineStr">
        <is>
          <t>color_number_hexagon</t>
        </is>
      </c>
      <c r="C110" t="inlineStr">
        <is>
          <t>What is the missing number of the part denoted with a question mark?</t>
        </is>
      </c>
      <c r="D110" t="inlineStr">
        <is>
          <t>['3', '8', '5', '1']</t>
        </is>
      </c>
      <c r="E110" t="inlineStr">
        <is>
          <t>3</t>
        </is>
      </c>
      <c r="F110" t="inlineStr">
        <is>
          <t>There is a hexagon split into six parts with the colors ['purple', 'yellow', 'red', 'yellow', 'red', 'purple'] in an anti-clockwise order. The parts are denoted with the numbers [4, 5, 1, 2, 6, '?'] respectively.</t>
        </is>
      </c>
      <c r="G110" t="inlineStr">
        <is>
          <t>We observe that the numbers in the purple parts add up to 7. Similarly, the numbers in the red parts also add up to 7. Thus, the pattern is that the numbers in the parts of the same color add up to 7.</t>
        </is>
      </c>
      <c r="H110" t="inlineStr">
        <is>
          <t>Based on the pattern that the numbers in the parts of the same color add up to 7, the missing number of the purple part should be 3.</t>
        </is>
      </c>
      <c r="I110" t="inlineStr">
        <is>
          <t>b'\x89PNG\r\n\x1a\n\x00\x00\x00\rIHDR\x00\x00\x02\x00\x00\x00\x02\x00\x08\x02\x00\x00\x00{\x1aC\xad\x00\x00\x98DIDATx\x9c\xec\x9dwx\x94U\xf6\xc7o\x9b\xc9\xf4\x14\x02D~ \x02\x01VD\x14\xa2,\x16\x82J\x15]\x8a&amp;\x1a:\n\x8a.\x96H\x11\x10B\x0b H\x91\x05\xd7^(\x82\x91\xb0 (\x8a\x01\x94"\xea\xa2\x80"\xe2j\xe8*\x86\x102\x93\xe9\xe5\x96\xdf\x1f7\x19\x11\x01i\x99y\'s?\xcf&lt;&lt;\x82\x81\xbc\x99y\xdf{\xce=\xe7\xdc\xef\x17\n!\x80B\xa1P(\xe2\x0f\x14\xed\x0bP(\x14\nEtP\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Q\x01@\xa1P(\xe2\x14\x15\x00\x14\n\x85"N!\xd1\xbe\x00E4\x11B\x08!\xa2}\x15\x8a\xa8\x01!\x84\x10F\xfb*\x14Q\x03\xaa\xe7?n\xa1\x94\x12\xa22\x80x\x87R\x8a1Va &gt;Q\x01 N\xe1\x9c#\x84\xfe\xf7\xbf\xff\xfd\xf3\x9f\xffD\x08q\xce\xa3}E\x8a\x88B\x08\xa1\x94\x0e\x1d:\xb4o\xdf\xbe\xd1\xbe\x16E\xd4P\t`\xdc!C\xbe\xcf\xe7\x9b;wnRR\xd2\xa7\x9f~\x1a\xed+RD\x8d\x16-Z\xfc\xfa\xeb\xaf\xdd\xbauk\xd9\xb2\xa5\x10\x02!\xd5\x14\x8c/\xd4\x0e \xee`\x8ca\x8c\x17/^&lt;x\xf0`\x08!\xc68|\x0f\xa8\xe7?\x1e\x10\\\x08P\xf9\x89c\x8c\x83\xc1\xe0\x80\x01\x03\x96,Y\xa2J\x82q\x88\n\x00\xf1\x85\xec\xfaVTT\xb4h\xd1\xa2\xac\xac\x8cs\xae\x8a?q\x8e^\xafg\x8c}\xfa\xe9\xa7\xed\xdb\xb7\x97\xc9A\xb4\xafH\x119T\xc0\x8f/8\xe7\x18\xe3\xbc\xbc\xbc\x92\x92\x12\x8c1\x00B\xce\x81p\xce;\xdfvO\xf7\xce9n\x8f\x13#\xb5\x04\xd4L8\xe7F\xa3\xe9\x87\x9f\xbeyk\xf9\x1c\xce\x85\x10\x02!H)\xe5\x9c\xe7\xe6\xe6~\xfe\xf9\xe7:\x9dN\x08\xa1\x1a\xc2\xf1\x83\xda\x01\xc4\x11\x9cs\x08\xe1O?\xfd\xd4\xb2eK.\x17\x00!\x00\x00\x10"!xjJ\xddE\xff\xdel\xb5$R\x1a\x84P\xd5\x82j \x9c3\x8b%\xf1\x89\xb1\xf7\xec\xd8\xb5\x19!\xcc9\x03\x00@\x00\x11F\x8c\xb1E\x8b\x16\r\x1a4Hm\x02\xe2\n\x15\x00\xe2\x08\xf9lw\xed\xda\xb5\xa8\xa8H\xa7#\xa1\x10m{\xfdU\xbf\x9dp\xfer\xac\x1ccL)\xbb\xb3\xd3\xfd\xa3\x1f\x9b]\xe1,\xc7\x98\x00\xa0n\x8c\x9a\x04d\x8c\xdal\xc9\xeb7\xad\x98\xbdp\xb4\\\xfd\t\xd1]{\xf5\x8d\xbb\xbf\xfb\\\xf6~\xea\xd4\xa9\xf3\xfd\xf7\xdf\'%%\xa9\xc3\x01\xf1\x83\n\x00\xf1\x82\\\xfd\x8b\x8a\x8a\xbav\xed\x8a1\x86\x00p\xc1wm\x98\xb0e\xfbOON|\x97\x10\xcc\xb9\x80\x10\xbd8{m\xe3\x86\x7f\xf3\xf9\xbd\xaa!\\\xb3\x10\xf2\xd4\xd7C\xb9\xdd\x8e\x95\x1c\x913\xa07\xb6\xce\x1c?b\xe1\xa0\xe1\xb7;]vBH(\x14\x1a?~\xfc\xb4i\xd3\xd4&amp; ~P\x0fy\\ \x0b\xbb\x94\xd2\'\x9ex\x02B\x801\xa2\x8c\xf5\xed\xdd\xf6\xba\x9b\xff\xf6\xf0\xe0\xdb\xd2\x1b\xd5\xa1\x94!\x84\x18\xa3//\x9a\x86T\x0f\xa0\xc6\xc1\x18\xb3Y\x93\x0bV\xbdt\xac\xe4\x08\xc6\x84s\x8e1y\xa0\xef\xa8\xb4\xbaW\x0e\xca\xc9\x15Bp.\x10\xc2\xb3g\xcf...V\xe7B\xe2\x07\x15\x00\xe2\x02y\xec\xeb\x95W^\xf9\xf1\xc7\x1f1&amp;\x8c\xb2D\x9bq\xd2\xa8\x1e\xac\xc2kH4\xcf\x18\xd3\x0b\x00 \x04G\x08\xed\xde\xf3\xf9\xf6\x1dE\x16\x8b\x8dq\x16\xed\xabV\\\x1e\x84\x10\tz\xe3\xcf\xc7\x0e\xbe\xf7\xe1\x12Y\xdb\xe1\x9cw\xebx\xdf\xd5\xcd\xda\x1c/\xfd\xa5\xeb\x1d\xf7\xa57\xbe\x86s&amp;GB\xc7\x8f\x1f\x0f\xa1*\x0c\xc4\x0b*\x00\xd4|d\xef\xb7\xa4\xa4$//OVw\x19\xe7\xb9C;\xa6\xb7n\xc4\xfd!\xea\xf4f\xf7\xbd5\xf3\xa6f\x8cq\x8c\x10\x00\xf0\xd5\xc53|&gt;\x0fFX\xb5\x01j\x06\x9c3\xa3\xd1\xf4\xe6\xdb\xcf\xb9\xdc\x0e\x8c1\xe7\xdcb\xb6\r\xca\xc9\xf5\x07\xbcB\x08\x93\xd1&lt;\xa4\xdfh!\x84\x8c\x01\x85\x85\x85EEE\x18c\xc6T\x06P\xf3Q\x01\xa0\xe6#Ox\x8e\x1b7\xcen\xb7\xebt\x84R\xda\xa8aj\xee\xf0n\xcc\xee\xc6\x04A!\x04e\xf3&amp;e\x13\x82\x19\xe7\x18\xa3_\x8e\x1d*X\xf5\x92\xcd\x9a\xac\x96\x80\x1a\x00\xe7\xccjI\xfa\xe2\xebM\x9f~\xf6&gt;BX\x08!\x04\xef\x97\xfdx\x9d\xd4z\xc1\xa0\x9f\x10\xe2r;\xdaf\xdc~\xcb\xdf\xbb0\xc6\x10B\x10\xc2\'\x9ex\x82R\xaa\xf6\x01\xf1\x80\n\x005\x1cY\xfc\xd9\xb9s\xe7;\xef\xbc#\xb3?!\xc0\xacg\xeeI\xaa\x9b$\x82\x14B\x880b.\x7fF\xe6\xd5\xc3\xfa\xb7\xe7\x9cC\x08 \x84\xef}\xb8\xe4\xe7c\x07\xf5z\x83Z\x02b\x1fHY\xe8\xed\x15\x0b\xe4\x9d\xc09Oo|M\xaf\xee\x83\xdc\x1egU\xa7\x172\xc6\x86\xf4\x7f\xdal\xb2\xca\xf6\xef\x8f?\xfe\xf8\xca+\xaf\xa8N@&lt;\xa0\x02@\rG\xb6\x7fG\x8e\x1c\x19\x08\x040F\x94\xb2\xcc\x9b\x9ae\xe7\xdcJ\xcb]\x98T6{\x11\x86\xdc\xe5\xcf\x1f\xdb;9\xc9\xc4\x18\xc7\x18\xbb\xdc\x8e7\xdf\x9em6Y\xb9\xea\x04\xc42\x8c\xd1\xa4\xc4\x94\x8f6\xae\xd8\xfb\xc3\xd7U\xe1_\x0c\xe97\xda\x90`d\x8c\x01\x00\x01\x00\x08!\xaf\xd7\xd5\xb4q\xcb\x1ew\x0e\xe0\x9c\xcba\xa1\xbc\xbc&lt;\xbb\xdd\x8e\x10R\x19@\xcdF\x05\x80\x9a\x8cL\xe8\n\x0b\x0b\xb7l\xd9B\x08a\x94\xe9\xf5d\xde\xa4l\xc1\xd8\xa9s\xde\x10B\xee\x0f&amp;\xd7O\x99:\xaa\x87&lt;\x1d\x86\x10\xda\xfa\xf9\x87\xbb\xf6l7\x99\xac*\r\x8cQ\x84\x10\x84\xe8\xcbN\x1e/X\xfd\x12\x84\x10B\xc49\xbb\xb5]\xd7\xb6\x19\xb7\xcbf@\xf8+1&amp;N\x97#\xbb\xc7CW\xa4]\xc9\x18%\x84\xd8\xedv\xd91R\x9f~\xcdF\x05\x80\x1a\x8b\xcc\xdd\xe4\\\x07\x00\x00!\xc88\xef\xd3\xf3\xc6\x8c\xcc\x16\xcc\xe5;m\xcc\x1fa\xcc*|\x8f\x0c\xe9\xd8\xacI]\xce\x18B(D\x83\xaf/\x9d%\xe5"\xa2\xf3\x03(.\r\xc6\xa8\xcd\x9aT\xb8\xf6\xb5\xdfJ\x8e\x86O~\r\xbc?W\xa6\xf9\xa7~%\x84\x90\xd2`j\xad\xba9\xbd\x1f\xad\x1a\t\xad\x9c\x19S\x85\xa0\x9a\x8d\n\x005\x16)\xfb3g\xce\x9c\xe2\xe2b\x9dNGC4%\xd9&lt;3/\x8b\xbb|\x10\x9f\xfe\xb9C\x08\x04c\xc4\xa4_\x98\x9f#\x00\x10\x82c\x8c\xf7\xfe\xf0U\xd1\'+\x13m)\x8c\xd1\xa8\xfc\x08\x8a\x8b\x86sn2Y\x8b\x0f\xee]\xfb\xd1R\x19\xec9\xe7\xf7\xdc\xfd@\xf3\xf4V^\xaf\xeb\xcf\xa7\xfc0&amp;\x8e\x8a\xf2;;\xdd\xd7\xf2\xea\x1b\x18\xa3\x18\x93\xaaS#\xaa\x15\\\x93Q\x01\xa0f";~\x07\x0e\x1c\x985k\x16BHj\x00\x8fx\xa8SZz\x1a\xf7\x07\xd1\x99\x0e\xfac\x8c\x98\xd3\xd7\xa5{\x9b\xce\x1dZ0\xc6\xa5\x1e\xc0\xa2w\xe6\x9d\xb4\x97\x12\xa2W\xab@\xac!0\xc6o\xbc\xfd\x9c\xc7\xebB\x08q\xce\x92\x93R\xb3z\x0c\xf5\xfa&lt;g?\xe8\'\x08\xd6\xf5\xbf\xef\t\x84\x10g\x0ccRTTTXX\xa8FBk0*\x00\xd4Ld\xefw\xea\xd4\xa9N\xa7\x93\x10LC\xb4Y\x93\xba\xa3s\xefbv\x0f\xfaS\xfa\xff\x87\xbf\xc7\xf8\xc2i9z=\x91S\xe1%\xa5\xbf\x14\xaey\xcdfMR\x9b\x80\x18\x821f\xb5$\xed\xd8\xf9\xe9\xf6\xff\x16U\x8d~\x8aA9O\xd5\xad]?\x18\xf4\x9fM\xe7\x07!\xecr;n\xba\xa1\xe3\xed\xb7\xfe\x83\xf1\xca\x91\xd0\xf1\xe3\xc7\x07\x83A\xb5\x0f\xa8\xa9\xa8\x00P\x03\x91\xbd\xdf\xad[\xb7.[\xb6\x8c\x10\xcc\x18\x13\x00,\xcc\xcf\xd1[\x0c\x82\xb1s\xe8|!\x84\x98\xdb\xd7\xbcM\xe3Q\xc3:s.\x00\x10\x08\xa1\xb5\x1f-\xfd\xe9\xc0wF\xa3E\x08U\x0b\x8e\r0\xc6^\x9f\xe7\x8de\xb3!\x84\x08!\xc6X\xcb\xabo\xe8\xde\xb9\x8f\xd3%e\xfe\xce\nB\xd8\xe7\xf3&gt;\xd8\xffi\xab%\x89\xd2\x10!\xa4\xb8\xb8x\xce\x9c9\xaa\x13PSQ\x01\xa0f\xc2\x18\xcb\xcb\xcb\x93G{\x18\xe3\x9d;\xb4\xe8\xd2\xbd5\xab\xf0\xe2s\xa5\xff\x00\x00\x800\xe2n\xff\x88\xe1\xdd\xea\xd6\xb1\xc9:\x92\xc7\xebZV\xb8\xd0`0\xaa% &amp;`\x8cZ-I\x1b6\xffg\xff\xc1\xef\xe5\xc2\x8d\x10\xea\x9f\xfd\x04\xc1\xe4/\xb3x\x08a \xe8kP\xafq\xaf\xee\x03\xa5X8\x84h\xee\xdc\xb9%%%j"\xa8F\xa2\x02@M\x83R\x8a1^\xbe|\xf9\xd6\xad[\x89\x8ePJ\t\xc1\x0b\xf3s\x04\x13\xe73\xcf\x03!d\xfe`\xad\x06\xb5f\x8e\xed]\xe5\x19\x827o\xff\xe0\x8b\x1d\x1b\xad\x96$u,@\xe3\x08!\xf4z\xc3\xf1\x13\xbf,.x&gt;&lt;\xfay\xdb-w\xdf\xd4\xb6\x93\xcb\xed8\x1f\x99?\x8c\xb1\xd3e\xcf\xb9\xe7\xd1zi\r\xe5&amp;\xa0\xbc\xbc|\xdc\xb8q\xeaL@\x8dD\x05\x80\x1a\x85\x1c\xe1w:\x9dS\xa6LA\x08B\x008\x17\xc3\xfa\xb7o\xde\xba\x11s\xfb\xcfS\xe1\x19\x13\xcc\x1c\x9e&gt;}ni\xd3\xaa!\xe7\x0c!\xc89\x7f\xbbp\x01eT\xc9\xc4k\x1c\xce\x99\xc9hY\xb9\xf6u\xbb\xa3L\x8e~\x9aM\xd6~\xd9\x8f\xfb\xfd\xa7\x0f\xfe\x9e\x1d\xc8\x185\x99,\x03\xee\x7f\x12T\xcd\x92-_\xbe|\xd7\xae]\xf2(Y\xb5^\xbf"\xc2\xa8\x00P\xa3\x90\xfb\xfdY\xb3f\x1d8p\x00c\xcc(KN2\xe5\x8f\xed\xcd\xbd\x01\x84\xcfw\xed\x86\x00\x08\xc6\x13\xcc\x86yyYB\x84GB\xbf\xfep\xc3;6\xab\x1a\t\xd5.\x9cs\x93\xd1\xf2\xbf\xe2oV}\xf0Vx\xf4\xb3\xc7\x9d\x03\x9a5\xb9\xd6\xe7s\x9f\xbf\xcb\x1b\xc6\xc4\xe5\xaa\xe8zGV\xcb\xabod\x8c"\x84\x83\xc1`nn.cLm\x02j\x18*\x00\xd4\x1cd\xb2&amp;\xbbv\x18#!\x04\x17b\xea\xc8\x1e\xc9\xf5S\xb8?xA\xc9;\xc6\x88:&lt;\x1d:\xb7\xca\xba\xabMx$tq\xc1\xf3\xc7O\xfc\xa2\x04\x82\xb4\x0cB\xf8\xe5E\xd3(\r\xc9\xd1\xcf\xb4:\xf5\xb3{&gt;\xe4t9\xce\xdd\xfb=#\x8c\xb1\xa1\x03\xc6`L\xe4\xd9\xe0m\xdb\xb6-_\xbe\\\x8d\x84\xd60T\x00\xa89\xc8uY\xce\xeda\x8c\x19\xe3mZ5|\xe4\xe1N\xac\xc2\x8b.\xdc\xe0I\x1e\r\x9b51;\xd1f\x94\xa1\xc5\xee([\xb9\xf6u\x93\xd1\xac:\x01\x1a\x84sf1\xdb\xb6\xef(\xda\xbd\xe7sY\xaf\x17B\x0c\xee3\xa2Vr\x1dJ/,\xfc\x83*\x81\xa0\xd6\xadn\xee\xd6\xf1\xbe*\x81 4e\xca\x94\x8a\x8a\n5\x12Z\x93P\x01\xa0\x86 G?\xb7l\xd9\x12&gt;\xb9#\x84\x9871\x8b\x18\xf5\xa7)\xff\x9c\'\x08!\xea\xf27\xbe\xaea\xee\xd0\x8e\x9cs9\x12\xba\xea\x83\xb7~\xdc\xbfG\t\x04i\x0f\x81\x10\xf1\x07\xbc\xaf.\x9e\x01\x00@\x083\xc6Z^}c\x97;\xb2\xaa\x1c\x9e/\x18\x84\xb0\xd7\xeb\x1e\x94\x93k1\xdb\x18\xa3\x84\xe0\x03\x07\x0e\xcc\x9f?_\xce\x95^\xee\xebWD\x07\x15\x00j\x02\xf2\xd8W \x10\x189r$\x84\x10#\xc4\x18\xcf\xba;\xa3C\xa7V\xd4\xe1\xb9h\x7fWL\x10\xb3\xbbs\x87wkrUm\xc68B\x88\xd2\xd0\x92w\xe7\xcb\xa3\xc5\x97\xf7GP\\\n\x8c1\x8b\xd9\xba\xe6\xa3\xa5\xbf\x1c;\x841\xe6\x9c\xe9\x88~\xe8\x801a\xc9\xcf\x8b\x00B\x18\x0c\xfa\xeb\xa4\xd6\xeb\x97\xfdx\xd83\xf2\xf9\xe7\x9f\x97\xed%\x95\x01\xd4\x0cT\x00\xa8\t\xc8\xdeoAA\xc1\xce\x9d;e\xfa\xaf\xd7\x93\x19c{\x01\xce/el\x07B\xc8\x834\xe9\x8a\xe4\x89\xb9w\t!\x80\x10\x08\xa1\xcf\xbe\xfcx\xc7\xceO\xad\x96$\x95\x06j\x049\xfaYZvlY\xe1B\xd9\xad\xe1\x9cg\xde\xdc\xbdM\xab[\xce(\xfbs\xfe`\x8c\xdd\x1eW\xcf;\x07\xd4\xaf\xd7\x881\x8a1\xae\xa8\xa8\x98:u\xaa:\x13PcP\x01 \xe6\x91\xe9\xbf\xddn\x1f;v,BH:&gt;\x8e\x1a\xd6\xb9i\xebF\xf4O\xaa\x9f\x17\n!\x98\x9et\xf5\xeb\x9f\x99\xd9\xae)e\x0c#\x04!|c\xd9l\x7f\xc0\xa7\x84B5\x02\xe7\xccd\xb2,.\x98\xef\xf68e\xf1\xc7jIz\xb0\xffh\x8f\xd7u&gt;\x83\xff\xe7\x04rN\r\t\xa6\x87\x07=\x03*\xcb\x8cd\xd9\xb2e\xdb\xb6m#\x84\xa8\x0c\xa0\x06\xa0\x02@\xcc#\xd3\xff\xbc\xbc\xbc\x92\x92\x12\x8c\x11\xa3\xacn\x1d\xdb\x88\xe1\xdd\xb8\xdb\x7fN\xd9\x9f\xf3F\x08\xac\xc3SG\xf7D\x08r\xc1\x11B\xfb\x0f~\xff\xde\x87\x8b-f\x9bZ\x02\xa2\x8eT\xfd\xdc\xbd\xe7\xf3\xf5\x9bV\xc8`/\x84\xe8\xd5}`\x83z\x8d\xcf!\xfbs\xfe \x84\xdd\x1e\xe7-m\xbb\xb4nu\xb3&lt;\x14\xc2\x18\xcb\xcd\xcd\r\x04\x02\xaa\x1b\\\x03P\x01 \xb6\x91\xab\xbf\xf4\xf0\x0b\x8f~\xce\x1cwO\xad\x06\xb5.t\xf4\xf3lT\x8e\x84v\xbb\xbe\xff\xbd\xed\x18\xe3\x08B\x08\xd1\xb2\xc2\x85\xa5e\xc7\xd4H\xa8\x16\xc0\x18\xbf\xbet\x96\x1c\xd8g\x8c\xd6\xaf\xd7(\xe7\x9eG\x9d.\xfbE\xf7~\xfe\x0c\xe7\xec\x91\xc1\x13\x08\xd11\xc6\x08!\xbbv\xed*((P\x02A5\x00\x15\x00b\x1bY\xff\x91.\xde\x18cJYf\xbb\xa6\x03\x07v\xa0\xe5\xee\xb0\xe3\xe3\xa5\x031\xe2\x1e\xff\xac\xbc\xac\x94d3e\x0cc\xe8\xf68\x17\x17\xcc7\x1aL5f$T\xfc\x91h_\xcey\xc1\x18\xb5Z\x13?\xfed\xe5\xde\x1f\xbe\xc2\x08\xcb\xcf\xe2\xe1A\xcf\x18\x8df\xc6/\xbe\xfd{\x1a\x08!\xaf\xcf\xfd\xb7\xa6\xd7\xdfs\xf7\x03r$\x14!4v\xec\xd8\xf2\xf2r\xb5\t\x88uT\x00\x88a\xe4\xe8gQQQQQ\x11\xc6\x983\x8e1\x9a:\xba\'"\x08\\\xd6\xc7\x12A\xc8}\xc1\xb4\xf4\xb4\x11\x0fu\x92\x0f&lt;Bh\xfd\xa6\x15?\xee\xdfc2Zj@\x1a(\x84\xc0\x18\x13\xa2\x0b\xbfbA\xf4B`L\xbc^\xf7\xd2w\xff\x05\x00\x80\x08r\xce[\xb7\xba\xf9\x96\xb6]\xdcn\'\xbe\xd4\xea\xff\x1f@\x08{}\xee\xac\x1eC\x93\x93Re7\xb8\xa4\xa4d\xde\xbcyj\x13\x10\xeb\xa8\x00\x10\xab\xc8\xdc\xbf\xca\xb6\t`\x8c(c}{\xb7\xed\xd0\xedz\xea\xf0\xfc\xa5\xea\xe7\x85\x820bv\xf7\xe8\xdc\xbb\xd2\x1b\xd5\xa1T\x8a\x8c\xd2\x97\x17M\xbb\xe46c\xf4\x11\x82\xeb\x88\xce\xe7\xf7V8\xcb\x9d\xce\xf2\ngy\x85\xb3\x9c\xd2\x90\xc6c\x00c\xccfM.X\xf5\xd2\xb1\x92#\x18\x13\xce9\xc6\xe4\x91\xc1\x13\xaacO&amp;GB\xeb\xd6\xae?(\xe7\xa9\xf0H\xe8\xec\xd9\xb3\x8b\x8b\x8bU\x0c\x88iT\x00\x88Ud\xf5_\x1a\xb7bL\x18e\x896\xe3\xc4\x91=\xb8/\x08/m\xf2\xe7\x8c@\x08\x05ez\xabq\xc6\x98^\x00\x00!8Bh\xf7\x9e\xcf\xb7\xef(\xb2Xl,f\x0bA\x9c\xf3\x84\x04\xe3\xaf%G\xfe9\xea\x1fCs\xbb\x0ey\xb2\xcb\xc3Ou\x1b\xfad\x97=\xdf\xef0h\xb8\xc0%\x84H\xd0\x1b\x7f&gt;v\xf0\xbd\x0f\x97\xc8@\xc59\xef\xd6\xf1\xbe\xe6\xe9\xad\xbc&gt;\xf7%\x8e~\x9d\x11\x8c\x89\xcb\xed\xe8|\xdb\xbd\xe9\x8d\xaf\x91fA\xd2nZU\x81b\x1a\x15\x00b\x12\xce9\x84\xb0\xa4\xa4$//\x0fB(G?s\x87vLo}\x15s\xfb\x11\xaa\x96\xd4U\xaa\x84f\xf7\xbd5\xf3\xa6f\x8cq\x8c\x10\x00\xf0\xd5\xc53|&gt;\x0fF\xb1:\x12*W\xcf\xf9/?s\xfc\xc4\xafnw\x85\xdb\xe3t\xba\x1cn\x8fS\xe3;\x00\xce\x99\xd1hz\xf3\xed\xe7\\n\x87&lt;\x96e1\xdb\x06\xe5\xe4\xfa\xfc\xde\xea\xdb\x931\xc6LF\xf3\x90~\xa3\x85\x102\x06\x14\x16\x16\xca\xf2\xa3\x9a\x07\x8bQT\x00\x88I\xa4\xec\xf3\xb8q\xe3\xecv\xbbNG(\xa5\x8d\x1a\xa6\xe6\x0e\xef\xc6\xecnL\xaa\xf53\x15\x82\xb2y\x93\xb2\t\xc1\x8cs\x8c\xd1/\xc7\x0e\x15\xacz\xc9fM\x8e\xc5%\x802j\xb3&amp;/+|\xe1\xbb}_aL\xe4)*\x8c\xb1\xfc\x8fh_\xddY\xe1\x9cY-I_|\xbd\xe9\xd3\xcf\xde\xafr|\xe4\xfd\xb2\x1f\xaf\x93Z\xef\xb2\x8c~\x9e\r\x8c\xb1\xcb\xedh\x9bq\xfb-\x7f\xef"\xbd\x86\xc2\x03\x08j\x1f\x10\xa3\xa8\x00\x10{\xc8\xe2\xcf\xce\x9d;\xdfy\xe7\x1d\x99\xfd\t\x01f=sOR\xdd$\x11\xac^\xc9~\x84\x10s\xf932\xaf\x1e\xd6\xbf=\xe7\x1cB\x00!|\xef\xc3%?\x1f;\x18s#\xa1R=\xed\x9b\xef&gt;_\xb6\xf2\x05\x84\xb0\x10&lt;v\xa6\x80 e\xa1\xb7W,\x90w\x02\xe7&lt;\xbd\xf15\xbd\xba\x0fr{\x9c\x97q\xf4\xf3l\xdf\x9a16\xa4\xff\xd3f\x93U\xce \xc8\x11d\xd5\t\x88QT\x00\x88=d\xfbw\xe4\xc8\x91\x81@\x00cD)\xcb\xbc\xa9Yv\xce\xad\xb4\xdcu\x19G?\xcf\x06\xc2\x90\xbb\xfc\xf9c{\'\'\x99\x18\xe32+|\xf3\xed\xd9f\x93U\xb3\x15\xf3?#\x84\xc0\x98\xf8|\x9ey/\x8d\xa34\x04\x80\x88\x95\xf5\x8b1\x9a\x94\x98\xf2\xd1\xc6\x15{\x7f\xf8\xba*\xfc\x8b!\xfdF\x1b\x12\x8c\x97\xa2\xfcs\x9eH\x95\xd0\xa6\x8d[\xf6\xb8s@\x95J(\xcc\xcb\xcb\xb3\xdb\xed\xca2,\x16Q\x01 \xc6\x90iWaa\xe1\x96-[\x08!\x8c2\xbd\x9e\xcc\x9b\x94}q\x92\x9f\x17\x01\x84\x90\xfb\x83\xc9\xf5S\xa6\x8e\xea!\x93e\x84\xd0\xd6\xcf?\xdc\xb5g{\x0c\xa9\x84\xca\xf4\xff\xb5%\xcf\x1e\xf9\xb9\x18#\xcc9O\xab\xd3 \xda\x17\xf5\xd7\x08!\x08\xd1\x97\x9d&lt;^\xb0\xfa\xa5\xb0\xe3\xe3\xad\xed\xba\xb6\xcd\xb8]6\x03"p\r\x18\x13\xa7\xcb\x91\xdd\xe3\xa1+\xd2\xae\x94V\x01v\xbb]\xf6\xa2b\xe5\xd3W\x84Q\x01 \x96\x90\x19\x96\x9c\xbe\x00\x00 \x04\x19\xe7}z\xde\x98\x91\xd9\x82]\xb2\xec\xcf\xf9\x830f\x15\xbeG\x86tl\xd6\xa4.g\x0c!\x14\xa2\xc1\xd7\x97\xce\x8a\x15u 9@\xb9\xe5\xf3uk\xd7\xbfM0\xe1\x82\xd7\xaf\xd7\xe8\xee\xae}\x01\x00\xe8\xbcm\xb3\xa2\x02c\xd4fM*\\\xfb\xdao%G\xa5\xe3#!\xba\x81\xf7\xe7\xcad&lt;2\xd7\x00!\xa44\x98Z\xabnN\xefG\xabFB+\xa7\xd1T!(\xe6\xd0\xf4\xed\xae8\ri\xcc2g\xce\x9c\xe2\xe2b\x9dNGC4%\xd9&lt;3/\x8b\xbb|\xf0r\x0f\xfe\x9f\x03\xe9\x15CL\xfa\x85\xf99\x02\x84=#\xbf*\xfade\xa2M\xeb\x9e\x91B\x08\xbd&gt;\xe1\xc4\xc9\x92\x05\xafN\x04\x00\x02\x08\x85\x10\xd9=\x1f\xb2\x98\x13\x01\x00\xb0z\x06\xa8.\x0bR\xf6\xa7\xf8\xe0\xde\xb5\x1f-\r;&gt;\xdes\xf7\x03\xcd\xd3[]\xa2\xea\xe7\x85\x821qT\x94\xdf\xd9\xe9\xbe\x96W\xdf\xc0\x18\xc5\x98T\x9dGQ\xad\xe0\x18C\x05\x80\x98Av\xfc\x0e\x1c80k\xd6,\xa9\xc8\xcf\x85\x18\xf1P\xa7\xb4\xf44\xee\x0f\xa2\xc8N\xad`\x8c\x98\xd3\xd7\xa5{\x9b\xce\x1dZ\x84=#\x17\xbd3\xef\xa4\xbd\x94\x10\xbd\x96W\x01!xB\x82a\xe1k\x13\xcbN\x96\x10B(\r\xd5\xbf\xa2Q\xaf\xee\x83N\x94\x1d\x03\x00D,\x8f\xbe(\x04\xc6\xf8\x8d\xb7\x9f\xf3x]\xd2\xf119)5\xab\xc7P\xaf\xcf\x13\x8d\xe3x\x82`]\xff\xfb\x9e@\x08q\xc60&amp;EEEa3\xa2\x88_\x8c\xe2"Q\x01 f\x90\xbd\xdf\xa9S\xa7:\x9dNB0\r\xd1fM\xea\x8e\xce\xbd\x8b\xd9=\x97G\xf5\xf3"\xae\x88\xf1\x85\xd3r\xf4z"\xa7\xc2KJ\x7f)\\\xf3\x9a\xcd\x9a\xa4\xd9M\x00c4\xd1\x96\xf2\xfe\xfae\xdb\xbe\xf8H\x9e\x9eE\x10\r\x7fh\xb2\xd1`\xf6x]\xd1\xbe\xbas!E\x9ew\xec\xfct\xfb\x7f\x8b\xaaF?\xc5\xa0\x9c\xa7\xea\xd6\xae_\xad\xa3\x9fg\x03!\xecr;n\xba\xa1\xe3\xed\xb7\xfe\x83\xf1\xca\x91PiG\xaa\xf6\x011\x84\n\x00\xb1\x81\xec\xfdn\xdd\xbau\xd9\xb2e\x84`\xc6\x98\x00`a~\x8e\xdeb\x10\x8cEeh\x1d!\xc4\xdc\xbe\xe6m\x1a\x8f\x1a\xd6\x99s!=#\xd7~\xb4\xf4\xa7\x03\xdf\x19\x8d\x16!4W\x0b\xe6\x9c\x1b\r\xe6\x83G\xfe\xf7\xea\xe2\x19\x10"\x08 \xe7,\xbb\xd7C\xed2nw\xb9\x1d\xb42hit\xe5\xc2\x18{}\x9e7\x96\xcd\x86\x10JS\xc6\x96W\xdf\xd0\xbds\x1f\xa7\xeb"\x1d\x1f/\x1d\x84\xb0\xcf\xe7}\xb0\xff\xd3VK\x12\xa5!BHqq\xf1\x9c9sT\' \x86P\x01 f`\x8c\xe5\xe5\xe5\xc9\x038\x8c\xf1\xce\x1dZt\xe9\xde\x9aUx/\xbb\xec\xcf\xf9\x830\xe2n\xff\x88\xe1\xdd\xea\xd6\xb1\xc9\n\x95\xc7\xebZV\xb8\xd0`0jp\t\x80\x10\x02\x08\x9f\x7fi\x9c\xc7\xeb\xc2\x18S\x16j\x9e\xdejp\x9f\x91.w\x05B\x98\xd2`\xb4/\xf0\xac0F\xad\x96\xa4\r\x9b\xff\xb3\xff\xe0\xf7ryE\x08\xf5\xcf~\x82`\x12\xc5\\\x1bB\x18\x08\xfa\x1a\xd4k\xdc\xab\xfb@yv\x02B4w\xee\xdc\x92\x92\x125\x11\x14+\xa8\x00\x10\x03H\xa9\xe7\xe5\xcb\x97o\xdd\xba\x95\xe8\x08\xa5\x94\x10\xbc0?G0\x11\xdd\x8c\x15B\xc8\xfc\xc1Z\rj\xcd\x1c\xdb\x9bs9\x12\x8a7o\xff\xe0\x8b\x1d\x1b\xad\x96$M\x1d\x0b\xa0\x8c\xdal\xc9\xcbW\xbe\xb0\xe7\xfb\x1d\x04\x13\xce\x99!\xc18\xe2\x9f3\t&amp;r\xa9\xd2l\xe5Z:&gt;\x1e?\xf1\xcb\xe2\x82\xe7\xc3\xa3\x9f\xb7\xddr\xf7Mm;\xb9\xdc\x8e\xe8\x8a\xf1a\x8c\x9d.{\xce=\x8f\xd6Kk(7\x01\xe5\xe5\xe5\xe3\xc6\x8dSg\x02b\x05\x15\x00\xb4\x8e\x1c\xb4w:\x9dS\xa6LA\x08B\x008\x17\xc3\xfa\xb7o\xde\xba\x11s\xfb#9\xfbqF\xa4@P\x9f&gt;\xb7\xb4i\xd5P:Fq\xce\xdf.\\@Y\xf5\x9eI\xbe \xe4\xd4\xff\xb7\xdf}\xb9\xacp!BX\x00\xc09\x7f\xa0\xdf\xa8\xbf5\xbd\xbe\x9a\xa4\xd3.#\x9c3\x93\xd1\xb2r\xed\xebvG\x99\x1c\xfd4\x9b\xac\xfd\xb2\x1f\xf7\xfb#7\xf8{v c\xd4d\xb2\x0c\xb8\xffIP5\xa5\xb6|\xf9\xf2]\xbbv)\xe3\xf8\x98 \xea7\x90\xe2/\x90\xfb\xfdY\xb3f\x1d8p\x00c\xcc(KN2\xe5\x8f\xed\xcd\xbd\x01\x84\xa3\xbf\xc2B\x00\x04\xe3\tf\xc3\xbc\xbc,!\xc2#\xa1_\x7f\xb8\xe1\x1d\x9bU\x13#\xa1\xf2\xd0\xaf\xdf\xef\x9d\xf7\xd2\xd8\x10\rI!\xeb\xb6mn\xcb\xfa\xc7\x90\ng\xd4\n\xe8\xe7\t\xe7\xdcd\xb4\xfc\xaf\xf8\x9bU\x1f\xbc\x15\x1e\xfd\xecq\xe7\x80fM\xae\xf5\xf9\xdcP\x03\xa7\x160&amp;.WE\xd7;\xb2Z^}\xa3t%\x0b\x06\x83\xb9\xb9\xb9\x8c1\xb5\t\xd0&gt;\xd1\xbf\x81\x14\xe7@\xa6T\xb2\xb7\x16v|\x9c:\xb2Gr\xfd\x94\xcb\xe5\xf8x\xe9TzFvn\x95uW\x9b\xf0H\xe8\xe2\x82\xe7\x8f\x9f\xf8E\x0b\x02AU\x87~g\x1e&gt;\xfa\x13!:\xc6hRbj\xee#3B4\xa4\x8d\xf7\xef/@\x08\xbf\xbch\x1a\xa5!9\xfa\x99V\xa7~v\xcf\x87\x9c.\x87\xa6B\x17cl\xe8\x801\x18\x13y6x\xdb\xb6m\xcb\x97/W#\xa1\xdaG\x05\x00M#WO9]\x871f\x8c\xb7i\xd5\xf0\x91\x87;\xb1\n/\x8a\xc8\xb9\xff\xf3D\x1e\r\x9b51;\xd1f\x94A\xcb\xee([\xb9\xf6u\x93\xd1\x1c\xddN\x80&lt;\xf4\xbb\xf5\x8b\x8f\xd6|\xb4\x04WMO&gt;6tR\xbd\xb4+\x03\x01\xbf\x162\xe8s C\xd7\xf6\x1dE\xbb\xf7|.\xab\xeaB\x88\xc1}F\xd4J\xaeC\xa9V\xc2?\xa8\x12\x08j\xdd\xea\xe6n\x1d\xef\xab\x12\x08BS\xa6L\xa9\xa8\xa8P#\xa1\x1aG\xd3\x0f@\x9c#G?\xb7l\xd9\x12&gt;_#\x84\x9871\x8b\x18\xf5\x11S\xfe9O\x10B\xd4\xe5o|]\xc3\xdc\xa1\x1d9\xe7r$t\xd5\x07o\xfd\xb8\x7fO\x14\x05\x82\xe4\xa1\xdf\xb2\xf2\xe3\x0b^\xcd\x03\x00@\x84\x18\xa3\xdd\xee\xc8\xee\xd4\xa1w\x85\xf3rz\xa6W\x0f\x02!\xe2\x0fx_]&lt;\x03\x00\x80\x10f\x8c\xb5\xbc\xfa\xc6.wdi\xb0r\x85\x10\xf6z\xdd\x83rr-f\x1bc\x94\x10|\xe0\xc0\x81\xf9\xf3\xe7\xcb\x89\xd5h_\x9d\xe2\xac\xa8\x00\xa0Q\xe4\xb1\xaf@ 0r\xe4H\x08!F\x881\x9euwF\x87N\xad\xa8\xc3\xa3\xc1\xc5\x0b\x13\xc4\xec\xee\xdc\xe1\xdd\x9a\\U\x9b1\x8e\x10\xa24\xb4\xe4\xdd\xf9\xf2\xd0rT.I\x08nH0\xbe\xf0\xda\xc4\x13e\xbf\x11\xa2\xa34\xf4\x7fW\\\xf5\xe8\x83y\xdao\xfc\x02\x00\x18c\x16\xb3u\xcdGK\x7f9v\x08c\xcc9\xd3\x11\xfd\xd0\x01c" \xf9y\x11H\xcf\xc8:\xa9\xf5\xfae?\x1e\xf6\x8c|\xfe\xf9\xe7e\xe3Ju\x835\x8b\xd6\x1f\x83\xb8E\xf6~\x0b\n\nv\xee\xdc)\xd3\x7f\xbd\x9e\xcc\x18\xdb\x0bp\xae\xa9\xdc?\x0c\x84\x90\x07i\xd2\x15\xc9\x13s\xef\x12B\x00!\x10B\x9f}\xf9\xf1\x8e\x9d\x9fZ-I\x91O\x03\x19\xa36k\xca\x07E\xcb\xb7|\xfea\xe5\xa1_\x84G&lt;\xfa\xac\xc5\x92\x18\xd2\xb6\xdb\x17\xa8\x1a\xfd,-;\xb6\xacp\xa1\xec\xa9p\xce3o\xee\xde\xa6\xd5-\x11\x96\xfd9\x7f0\xc6n\x8f\xab\xe7\x9d\x03\xea\xd7k$\x8d\xe3+**\xa6N\x9d\xaa\xce\x04h\x19-\xdeI\n\x99\xfe\xdb\xed\xf6\xb1c\xc7"\x84\xa4\xe3\xe3\xa8a\x9d\x9b\xb6nD#\xa8\xfay\xa1\x10\x82\xe9IW\xbf\xfe\x99\x99\xed\x9aR\xc60B\x10\xc27\x96\xcd\xf6\x07|\x11\x16\n\xe5\x9c\x1b\x0c\xe6#?\xff\xf4\xca\xa2\xe9\x10"\x08\x01\xe7,\xe7\x9eGnl\xdd\xc1\xed\xae\xc0\x9a7\xb2\xe7\x9c\x99L\x96\xc5\x05\xf3\xdd\x1e\xa7,\xfeX-I\x0f\xf6\x1f\xed\xf1\xba\xa2;\xf8\x7fN \xe7\xd4\x90`zx\xd03\xa0\xb2\x80I\x96-[\xb6m\xdb6B\x88*\x04i\x13\x8d.%q\x8eL\xff\xf3\xf2\xf2JJJ0F\x8c\xb2\xbaul#\x86w\xe3n\x7f\x94d\x7f\xce\x1b!\xb0\x0eO\x1d\xdd\x13!\xc8\x05G\x08\xed?\xf8\xfd{\x1f.\xb6\x98m\x91\\\x02 \x84\x08\xc2y/\x8d\x93&amp;Y\x94\xd2\xbf5\xbd~\xc0}O:\x9c\xe5\xe1n\xeai\x9c\x16\x9f\xfe\xf4\xbf#\x1a\xbdL&amp;\xeb\xee=\x9f\xaf\xdf\xb4B\x06{!D\xaf\xee\x03\x1b\xd4k\x1c\x15\xd9\x9f\xf3\x07!\xec\xf68oi\xdb\xa5u\xab\x9b\xe5\xa1\x10\xc6Xnnn \x10P\xdd`m\xa2\xed\xd5$.\x91\xab\xbft\xda\x0b\x8f~\xce\x1cwO\xad\x06\xb5\xb43\xfay6*GB\xbb]\xdf\xff\xdev\x8cq\x04!\x84hY\xe1\xc2\xd2\xb2c\x11\x1b\te\x8c%\xdaR\xdeY\xf5\xe2\xb7{\xbf$\x980F\xad\x96\xc4\xb1O\xce3$\x18\t\xd1\xe9u\x06\xbdN\x7f\xfaK\x9fpZfM\x88N\xafO\xa8\xfa\x82\x04\x8c"\xdat\xc5\x18\xbf\xbet\x96\x1c\xabg\x8c\xd6\xaf\xd7(\xe7\x9eG\x9d.\xed7\xae\x01\x00\x80s\xf6\xc8\xe0\t\x84\xe8\x18c\x84\x90]\xbbv\x15\x14\x14(\x81 m\xa2\x02\x80\xe6\x90\xf5\x1f\xe9\xb5\x8d1\xa6\x94e\xb6k:p`\x07Z\xee\x8e\x80\xe3\xe3\xa5\x031\xe2\x1e\xff\xac\xbc\xac\x94d3e\x0cc\xe8\xf68\x17\x17\xcc7\x1aL\x11\x18\t\xe5\x82\x9b\x8c\xe6]{\xb6/]\xb1\x00!$}~{\xde9\xd0bI&lt;x\xe4\x7f\'\xca\x8e\xfdV\xfa\xf3o\xa5\xbf\x9c\xf6:Vr\xc4\xeb\xf3\x9c\xfa\xef\xd8\x1d\'\x8e\xfdv\xe4\xb7\xd2_JJ\x7f\xf9\xed\xf8Q\x8f\xd7\x19\x99\x99Q\xc6\xa8\xd5\x9a\xf8\xf1\'+\xf7\xfe\xf0\x15FX\xbec\x0f\x0fz\xc6h43\xae\xc5\xf6\xefi \x84\xbc&gt;\xf7\xdf\x9a^\x7f\xcf\xdd\x0f\xc8\x91P\x84\xd0\xd8\xb1c\xcb\xcb\xcb\xd5&amp;@\x83\xa8\x8fD[\xc8\xd1\xcf\xa2\xa2\xa2\xae]\xbbb\x8c!\x00\x02\x88M+Ft\xe8t-\x8d\xaa\xee\xdb\x05\xc1(#\xb5\x13\xa7O^1\xe1\xb95\x84`\xce\x05\x84\xe8\xc5\xd9k\x1b7\xfc\x9b\xcf\xef\xad\xd6\x1e\x06\xe7\xdcbI\x1c?\xed\x81/\xbe\xda\x88\xaa\x16P\xb3\xc9\x1a\xa2A\x08\xcf2\x8f$\x00\x80\x90\x86\x82\xec\x94\xf8\xa4\xd3\xe9\x11\xc2@\x08\xd9\x81\xef\x7f\xdf\x13\x03\xee\x7f\xa2\xa2\xa2\xba\xe7/\x85t\xd9}(\xb7\xdb\xb1\x92#\x84\x10Ji\xebV7\xcf\x99\xf2\x8eG\xab\xbd\xdf?#\x84 D\xe7r;\x86\x8d\xe8\xee\xa88I\x08\t\x85B\xe3\xc7\x8f\x9f6m\x9a\xbc\xbd\xa3}\x81\x8a\xdf\x89\x8d[*N\x90\xb9\x7f\x95\xb9\x12\xc0\x18Q\xc6\xfa\xf6n\xdb\xa1\xdb\xf5\xd4\xe1\x89\x95\xd5\x1f\x00\x800bv\xf7\xe8\xdc\xbb\xd2\x1b\xd5\xa1T\xca\x97\xd2\x97\x17M\x8bL\x03SpN\xff8\xe7\xe3\xf1\xba\x82\xc1@ \xe0\x0b\x04\xfcgx\x05\xfd\x81\x80\x8f\xfdqw\x12\n\x05\x03\x01_ \xe8\xf7\xf9\xbd\x81\xa0\x9f\xd2\x10\xac\xfe\xec[\x1e[+X\xf5\xd2\xb1\x92#rr\tc\xf2\xc8\xe0\t\x9a\x92\xd5\xfbK\xe4Hh\xdd\xda\xf5\x07\xe5&lt;\x15\x1e\t\x9d={vqq\xb1*\x04i\x8d\x98YS\xe2\x01Y\xfd\x97\xf6\xaa\x18\x13FY\xa2\xcd8qd\x0f\xee\x0b\xc2\x18\xc9\xfe$\x10BA\x99\xdej\x9c1\xa6\x17\x00@\x08\x8e\x10\xda\xbd\xe7\xf3\xed;\x8a,\x16\x1b\xab\xfe\xe5\x0c#,u\xf3\xab\xc0\x7f\xf9:\xad\xb9\x12\xfe[\x84\xe8\x10\xc2\x11\xc8\xbe\x85\x10\tz\xe3\xcf\xc7\x0e\xbe\xf7\xe1\x12y1\x9c\xf3n\x1d\xefk\x9e\xde*&amp;\x0e.\x9c\n\xc6\xc4\xe5vt\xbe\xed\xde\xf4\xc6\xd7H\xb3 id\xad\xaa@Z#\x96\xee\xaa\x9a\r\xe7\x1cBXRR\x92\x97\x97\x07!\x94\xa3\x9f\xb9C;\xa6\xb7\xbe\x8a\xb9\xfdH\xc3^\xb5gD\xaa\x84f\xf7\xbd5\xf3\xa6f\x8cq\x8c\x10\x00\xf0\xd5\xc53|&gt;\x0fF\xd5&gt;\x12\xea\x0f\xfa8\xe7\x94\x86x%\xec/_\xa7-L\xe1\xbf\x15\n\x05\xe5\xaf\xd5\xdd~\xe7\x9c\x19\x8d\xa67\xdf~\xce\xe5v\xc8\xc3S\x16\xb3mPN\xae\xcf\xef\xd5\xf0\xe8\xe7Ya\x8c\x99\x8c\xe6!\xfdF\x0b!d\x0c(,,,**R\x02A\x9aB\x05d\xad \xcb\xa3\x0f&lt;\xf0\xc0\xa2E\x8b\xf4z](\x14\xba\xea\xca\xd4]\x9fL\xb6\x9a\xf4\x90q\x8d\x0f\xff\x9c\x11\xce92\x1bv\xed\xd8\xdf\xee\xee\x99\x9c\x0b\x08!cl\xc0}O&lt;4p\x9c\xddq\xa2\x9a\x8a\xe9R\xfb\xf3\xe0\xe1\x1f\x9c.;\x80\x10\x9c\xc7\xed\xcd\x057\x19-\xcbV\xbe\xb0\xf3\x9bm\xe1!\xd1A9O\xb5j\xf9w\x19\xae\x84\x10iu\x1b\\Q\xf7JZm\'\xc88g\x16s\xe2\x8e\xdd\x9b\x9f\xc9\x1f,\xadk\x18c\xc3\x06\x8f\xefs\xcf\xa3\x1a\x14~8O8gf\xb3m\xe2\xb3\x0fm\xffo\x91N\xa7\xa3\x946k\xd6l\xef\xde\xbd\xd2?2\x16o\xe9\x9aGL\xdeX5\x0fY\xfc\xd9\xb9s\xe7;\xef\xbc#\xb3?!\xc0\xacg\xeeI\xaa\x9bDO:Q,\x0c\xff\xfc\x19\x84\x10s\xf932\xaf\x1e\xd6\xbf\xfd\xbf\x17m&amp;\x04C\x08\xdf\xfbpI\xb7N\xf7\xa7$\xd5\xae\xa6\xc5\x14B\xc89m\x9e\xde\nc"{\xaa\x7f\xf9W8\xa7Vk\xf2\x86O\xff#\xff:\x00@\x08\xf1\xb7\xf4\xebn\xf9{\x17\xb7K:\xae\xc0P(\x10\xac\xdeM\x00\xa4,\xf4\xf6\x8a\x05\x9cs)Y\x9a\xde\xf8\x9a^\xdd\x07\xc9s\x0c\xd5\xf6M\xab\x1b\xc8\x18\x1b\xd2\xff\xe9o\xbe\xfb\xc2\xe7\xf7`\x8c\xe5p\xf3\xf0\xe1\xc3U7X#\xa8\x12\x90&amp;\x90\xed\xdf\x91#G\x06\x02\x01\x8c\x11\xa5,\xf3\xa6f\xd99\xb7\xd2rWL\x8c~\x9e\r\x84!w\xf9\xf3\xc7\xf6NN21\xc61\xc6.\xb7\xe3\xcd\xb7g\x9bM\xd6\xeallB_\xc0\xeb\xf6T\xb8=N\xb7\xa7\xe2&lt;^N\xb7\xbb"DC\xa7\xfe\x13\xbe\x80\xd7\xed\x96\xff\x82\xd3\xed\xa9\xa8\xd6\xd5\x9f1\x9a\x94\x98\xf2\xd1\xc6\x15{\x7f\xf8\xba*\xfc\x8b!\xfdF\x1b\x12\x8c\xdaT\xfe9O\xa4Jh\xd3\xc6-{\xdc9\xa0J%\x14\xe6\xe5\xe5\xd9\xedve\x19\xa6\x11T\x00\x88&gt;2\x1b*,,\xdc\xb2e\x0b!\x84Q\xa6\xd7\x93y\x93\xb2\xb5&amp;\xf9y\x11@\x08\xb9?\x98\\?e\xea\xa8\x1e\xb2\xb4\x82\x10\xda\xfa\xf9\x87\xbb\xf6l\xafV\x95P\x04\xcf\xab\xf1{\xae&amp;\xf0\x1f\xff\x85\xea[\xfd\x85\x10\x84\xe8\xcbN\x1e/X\xfdR\xd8\xf1\xf1\xd6v]\xdbf\xdc.\x9b\x01\xd5\xf4}#\x03\xc6\xc4\xe9rd\xf7x\xe8\x8a\xb4+\xa5U\x80\xddn\x97].5\x0e\xa4\x05T\x00\x8822\x0f\x923\x12\x00\x00\x84 \xe3\xbcO\xcf\x1b32[0\r\xcb\xfe\x9c?\x08cV\xe1{dH\xc7fM\xear\xc6\x10B!\x1a|}\xe9\xac\x08\xab\x03i\x16\xc6\xa8\xcd\x9aT\xb8\xf6\xb5\xdfJ\x8e\xca\x83\x0b\x84\xe8\x06\xde\x9f+S\xe6h_\xdd\xa5\x02!\xa44\x98Z\xabnN\xefG\xabFB+\xe7\xdc\xd4H\xa8\x16\x88\xf9\xf5%\xd6\x91\xf6)s\xe6\xcc)..\xd6\xe9t4DS\x92\xcd3\xf3\xb2\xb8\xcb\x07cg\xf0\xff\x1cH\xaf\x18b\xd2/\xcc\xcf\x11 \xec\x19\xf9U\xd1\'+\x13m\x9a\xf0\x8c\x8c"R\xf6\xa7\xf8\xe0\xde\xb5\x1f-\r;&gt;\xdes\xf7\x03\xcd\xd3[iV\xf5\xf3B\xc1\x988*\xca\xef\xect_\xcb\xabo`\x8cbL\xaaN\xba\xa8\t\x94\xe8S\x13\xee\xb0\xd8E\xf6~\x0f\x1c80k\xd6,\xa9\x9b\xcf\x85\x18\xf1P\xa7\xb4\xf44\xee\x0f\xa2X/\x00U\x811bN_\x97\xeem:wh\x11\xf6\x8c\\\xf4\xce\xbc\x93\xf6RB\xf4\x1aY\x05\x10B\x18\x93\xf0+R3*\x02c\xfc\xc6\xdb\xcf\xc9\x83\xbe\x9c\xb3\xe4\xa4\xd4\xac\x1eC\xbd&gt;O,\x8e~\x9e\x1dA\xb0\xae\xff}O \x848c\x18\x93\xa2\xa2\xa2\xb0\xcdQ\xb4\xaf-\xaeQ\x01 \x9a\xc8\xde\xef\xd4\xa9S\x9dN\'!\x98\x86h\xb3&amp;uG\xe7\xde\xc5\xec\x1e\xad\xab~^0B0\xbepZ\x8e^O\xe4TxI\xe9/\x85k^\xb3Y\x93\xb4\xb0\t\x80\x10z\xbdn\xc6h0\x18\x08\x85\x82\x8c\xd1\x08\x0c\xfeK\x91\xe7\x1d;?\xdd\xfe\xdf"TeW9(\xe7\xa9\xba\xb5\xebk\\\xf5\xf3BA\x08\xbb\xdc\x8e\x9bn\xe8x\xfb\xad\xff`\x9c\xc91Pit\xaa\xf6\x01\xd1\xa5\x86\xad2\xb1\x84\xec\xfdn\xdd\xbau\xd9\xb2e\x84`\xc6\x98\x00`a~\x8e\xdeb\x10\x8c\xd5\xa4\xe7\x1f\xc8\x91P\xb7\xafy\x9b\xc6\xa3\x86u\xe6\\H\xcf\xc8\xb5\x1f-\xfd\xe9\xc0wF\xa3E\x88h\xd6\x82!D\xc1`\xe0\xb6[\xef\xee\x9b5\xbc\x7f\xf6\xe3\xfd\xb2\x1f\xeb\x9b5\xfc\xca\x06\xe9\xc1`\xa0Z\x05\xe00\xc6^\x9f\xe7\x8de\xb3\xe5\xa1e\xc6X\xcb\xabo\xe8\xde\xb9\x8f\xd3\x15\xab\x83\xff\xe7\x00!\xec\xf3y\x1f\xec\xff\xb4\xd5\x92Di\x88\x10R\\\\&lt;g\xce\x1c\xd5\t\x88.*\xfcF\r\xb9\xf9\xbd\xe3\x8e;\xb6n\xdd\xaa\xd7\xeb\x82\xc1P\xe7\x0e-\x8a\xd6&lt;\xcd\\\xb1w\xee\xf7|\x10B\x00\x1d\xb1\xdb=\xd7d\xe6\x9d(s!\x84)\xa5w\xb4\xef1i\xcc\xcb\x0eGYt\x97&lt;!\x84\xd1h\xd6\xeb\xf4\xf2i\x80\x10x}\x9ej\xdd\x040F\x93\x12SW\xaf{k\xfe\xcb\xe31\xc6B\x00\x00\xc4\x8c\t\x8b\xda\xb6\xb9\xcd\xed\xa9\xa8Y\xf5\x9fJ\x18\xa3\xc9I\xb5_[\xf2\xec\xd2\x15\x0b\xa4Xtrr\xd2\xf7\xdf\x7f_\xa7N\x1d\x00@\xcdhx\xc4\x1c\xeaM\x8f\x0eR\xeay\xf9\xf2\xe5[\xb7n%:B)%\x04/\xcc\xcf\x11\xectg\x92\x1a\x03\x84\x90\xf9\x83\xb5\x1a\xd4\x9a9\xb67\xe7r$\x14o\xde\xfe\xc1\x17;6Z-I\xd1\xd5;\x93% \xbb\xa3\xccQQ\xe6\xa8(\xb3;\xca\xaau\xf5\x97\x8e\x8f\xc7O\xfc\xb2\xb8\xe0\xf9\xf0\xe8\xe7m\xb7\xdc}S\xdbN.\xb7\xa3F\xae\xfe\x00\x00\x8c\xb1\xd3e\xcf\xb9\xe7\xd1zi\r\xe5&amp;\xa0\xbc\xbc|\xdc\xb8q\xeaL@\x14Q\x01 \n\xc8qx\xa7\xd39e\xca\x14\x84 \x04\x80s1\xac\x7f\xfb\xe6\xad\x1b1\xb7\xbf\x06\xa7BR \xa8O\x9f[\xda\xb4j(\x1d\xa38\xe7o\x17.\xa0\x8cF\xbd\xe4\x15\xc9&amp;0\xe7\xccd\xb4\xac\\\xfb\xba\xddQ&amp;G?\xcd&amp;k\xbf\xec\xc7\xfd\xfe\x9a0\xf8{v c\xd4d\xb2\x0c\xb8\xffIP5\xff\xb6|\xf9\xf2]\xbbv)\xe3\xf8hQ\x83\xef6\xed"\x87\x7ff\xcd\x9au\xe0\xc0\x01\x8c1\xa3,9\xc9\x94?\xb67\xf7\x06\x10\xae\x81\xc5\x9f0\x10\x00\xc1x\x82\xd90//K\x88\xf0H\xe8\xd7\x1fnx\xc7f\x8d\x97\x91P\xce\xb9\xc9h\xf9_\xf17\xab&gt;x+&lt;\xfa\xd9\xe3\xce\x01\xcd\x9a\\\xeb\xf3\xb9#c;\x13-0&amp;.WE\xd7;\xb2Z^}\xa3\xf4;\x0b\x06\x83\xb9\xb9\xb9\x8c\x9d.\xc6\xa7\x88\x0c5\xf9n\xd3&amp;2\xf1\x91\x1d\xb0\xb0\xe3\xe3\xd4\x91=\x92\xeb\xa7h\xdf\xf1\xf1\xd2\xa9\xf4\x8c\xec\xdc*\xeb\xae6\xe1\x91\xd0\xc5\x05\xcf\x1f?\xf1K\xc4&lt;#\xa3\x0eB\xf8\xe5E\xd3(\r\xc9\xd1\xcf\xb4:\xf5\xb3{&gt;\xe4t9j^\xef\xf7\x8c0\xc6\x86\x0e\x18\x831\x91g\x83\xb7m\xdb\xb6|\xf9r5\x12\x1a\x15T\x00\x884r\x8d\x933p\x18c\xc6x\x9bV\r\x1fy\xb8\x13\xab\xf0\xa2\x18?\xf7\x7f\x9e\xc8\xa3a\xb3&amp;f\'\xda\x8c2\x1c\xda\x1de+\xd7\xben2\x9ac\xcb\xf9\xe4"\xe0\x9cY\xcc\xb6\xed;\x8av\xef\xf9&lt;\xac&lt;:\xb8\xcf\x88Z\xc9u(\xad\xf9\xe1\x1fT\t\x04\xb5nus\xb7\x8e\xf7U\t\x04\xa1)S\xa6TTT\xa8\x91\xd0\xc8\xa3\x02@D\x91\xa3\x9f[\xb6l\t\x9f\x82\x11B\xcc\x9b\x98E\x8c\xfa\x1a\xa0\xfcs\x9e \x84\xa8\xcb\xdf\xf8\xba\x86\xb9C;r\xce\xe5H\xe8\xaa\x0f\xde\xfaq\xff\x9ej\x15\x08\xd2\x00\x02!\xe2\x0fx_]&lt;\x03\x00\x80\x10f\x8c\xb5\xbc\xfa\xc6.wd\xc5\xae\xe6\xf3E\x80\x10\xf6z\xdd\x83rr-f\x1bc\x94\x10|\xe0\xc0\x81\xf9\xf3\xe7\xcbY\xd8h_]|\xa1\x02@\xe4\x90\xc7\xbe\x02\x81\xc0\xc8\x91#!\x84\x18!\xc6x\xd6\xdd\x19\x1d:\xb5\xa2\x0eO\xac\xcb~]\x10\x98 fw\xe7\x0e\xef\xd6\xe4\xaa\xda\x8cq\x84\x10\xa5\xa1%\xef\xce\x97\xc7\xa1\xa3}u\xd5\x05c\xccb\xb6\xae\xf9h\xe9/\xc7\x0ea\x8c9g:\xa2\x1f:`LLK~^\x04\xd23\xb2Nj\xbd~\xd9\x8f\x87=#\x9f\x7f\xfey\xd9\x12\xab\xd1\x19\x80\xe6P\x01 r\xc8\xdeoAA\xc1\xce\x9d;e\xfa\xaf\xd7\x93\x19c{\x01\xce\xe3$\xf7\x0f\x03!\xe4A\x9atE\xf2\xc4\xdc\xbb\x84\x10@\x08\x84\xd0g_~\xbcc\xe7\xa7VKR\x8dL\x03\xe5\xe8gi\xd9\xb1e\x85\x0be\xe7\x83s\x9eys\xf76\xadn\xa91\xb2?\xe7\x0f\xc6\xd8\xedq\xf5\xbcs@\xfdz\x8d\x18\xa3\x18\xe3\x8a\x8a\x8a\xa9S\xa7*\x95\xd0\x08\x13_\xb7]\x14\x91\xe9\xbf\xddn\x1f;v,BH:&gt;\x8e\x1a\xd6\xb9i\xebF\xb4F\xa8~^(\x84`z\xd2\xd5\xaf\x7fff\xbb\xa6\x941\x8c\x10\x84\xf0\x8de\xb3\xfd\x01_\x8d\x14\n\xe5\x9c\x99L\x96\xc5\x05\xf3\xdd\x1e\xa7,\xfeX-I\x0f\xf6\x1f\xed\xf1\xba";\xf8/\x84\x10\xa7\xd9d\n\xc1E\xa4\xdfp\xc895$\x98\x1e\x1e\xf4\x0c\xa8,\x8d\x92e\xcb\x96m\xdb\xb6\x8d\x10R#3\x00m\x12w\xebN\xb4\x90\xe9\x7f^^^II\t\xc6\x88QV\xb7\x8em\xc4\xf0n\xdc\xed\xafn\xd9\x1f\xce\xc5\xc5\xbd\xaa\xf5\xaa\x00\x00@\x08\xac\xc3SG\xf7D\x08r\xc1\x11B\xfb\x0f~\xff\xde\x87\x8b-f[\r[\x02\xa4\xea\xe7\xee=\x9f\xaf\xdf\xb4B\x06{!D\xaf\xee\x03\x1b\xd4k\x1c\x19\xd9\x1f!\x04\xe3\x8cs\x06!\xd2\xeb\x12L&amp;\x8b\xc5\x9ch\xb5$Y,\x89f\xb3-!\xc1\x88 \xe6\x9cE2\xfbF\x08\xbb=\xce[\xdavi\xdd\xeafy(\x841\x96\x9b\x9b\x1b\x08\x04T78b\xa87:\x12H\xc3\xf7\x9f~\xfa\xa9e\xcb\x96Bp\x08!\xa5\xec\xad\xe7\x07\x0f~\xb8\x13-sV\xaf\xe7\x97\x00\xd0\xa8\x03\x17\xb1\xc3\x10B\xf8\x82\xd5pA\x7f\x80QFRm\x83\x06\xff{I\xe1\x17:B(\xe3f\x93\xe5\xcd\x85\x1b\xa5bL\x8d\x99\x8a\xe1\x9c[,\xb6\'\xc6\xde\xbb\xf7\x87\xaf\x08\xd1Q\x1a\xaa_\xaf\xd1+\xf3&gt;\x14B\x9c\xa7o\xe5\xa5|k\x01\x84^\x97`H0\x02\x00\\\xee\x8ar{i\xb9\xbd\xd4\xedu\x05\x83~\x08\x91\xc9h\xae\x95\\\xa7N\xed\xffK\xb4\xa5p\xce&lt;^w\xc4\x0c{9\xe7F\x83\xe9\xe0\x91\xff\r\x7f\xba\'\xe7\x0c!D)]\xb4h\xd1\xa0A\x83\x94gddP\x01 \x12\xc8\xbb\xb9k\xd7\xaeEEER\xf6\'\xb3]\xd3O\xd7=\xc3\xbd\x01\\\x9d\xb2?\x9c\x0blN\x980\xb9\xf0\xf3\x9d\x07\xce_u\x0bA\xc8\x85h\xd4 \xf5\xf5\xb9\x03A5\xafO\\\x08\xa8\'\xa5%\x15\xd7t\x98hwx\xa5\x1d\xe6]]\xfa\x8e~\xec\xb9\x1a3\x18\xc3\x18\xb5\xd9\x92\xd7o*\x9c\xf5\xaf\x11\x18a\x01\x04\xe7|\xea\xb8\xd7nm\xd7\xd5\xe5\xae\xc0\xd5\\\xffIH0\x12LJJ\x7f\xde\xb5\xe7\xf3\x9d\xdfl+&gt;\xf0]\xe9\xc9\xdf\x02\x01\xdf\xa9_C0\xa9\x9dZ\xaf\xe5\xd57t\xbe\xed\x9e\x8c\xebn\r\x86\x82\xa1P02eI\xa9\x89\xf4\xef7&amp;\xafx\xefUBt\x9c\xb3:u\xea|\xff\xfd\xf7III\xca8&gt;\x02\xa8\x00P\xed\xc8\xd5\xbf\xa8\xa8\xa8k\xd7\xae\x18c\x08\x80\x00b\xd3\x8a\x11\x1d:]K+\xbc\xb8:\xeb?2\x00\xdcx\xfb\xe4\xaf\xbf=r\xa1\x7f\xb7\xd1\x95\xa9\x07\xbe\x98\x0e\xaa;A\x95\x9b\x80\xda\x89\xd3\'\xaf\x98\xf0\xdc\x1aB0\xe7\x02B\xf4\xe2\xec\xb5\x8d\x1b\xfe\xcd\xe7\xf7\xc6~wDH/\xdc\x87r\xbb\x1d+9B\x08\xa1\x94\xb6nu\xf3\x9c)\xefx"\xd2\xfb=t\xe4\xc7u\x1b\xde\xf9\xe2\xab\x8d\x15\xce\xf2\xf0\x1fJ\xfdQy4[\xb6\x04\xc2\xff\xeb\xf6[\xff\xf1\xcf!\x13m\xd6\x94@\xc0\x1b\x81\xe6\x84\x10\x82\x10\x9d\xcb\xed\x186\xa2\xbb\xa3\xe2$!$\x14\n\x8d\x1f?~\xda\xb4ij\x13\x10\x01b\xfd\xe9\xd2:\xb2\xf7[e\x81\x040F\x94\xb1\xbe\xbd\xdbv\xe8v=ux\xaau\xf5\x17\x02`\x04\x85/\x18\xa2\x1cc\xa4\xd3a\x8c\x11!X\xaf\'\xe7~\x19\x0c:\xbd\x9e$%\x9a\xaa\xef\xdaN\x05a\xc4\xec\xee\xd1\xb9w\xa57\xaaC)C\x081F_^4\xadfh\xa21\xc6l\xd6\xe4\x82U/\x1d+9\x821\xe1\x9ccL\x1e\x19&lt;\xa1\xba\x8f\xbc\</t>
        </is>
      </c>
    </row>
    <row r="111">
      <c r="A111" s="1" t="n">
        <v>109</v>
      </c>
      <c r="B111" t="inlineStr">
        <is>
          <t>triangle</t>
        </is>
      </c>
      <c r="C111" t="inlineStr">
        <is>
          <t>What is the missing number of the part denoted with a question mark?</t>
        </is>
      </c>
      <c r="D111" t="inlineStr">
        <is>
          <t>['38', '76', '16', '1']</t>
        </is>
      </c>
      <c r="E111" t="inlineStr">
        <is>
          <t>16</t>
        </is>
      </c>
      <c r="F111" t="inlineStr">
        <is>
          <t>There are three groups of numbers with a triangle arrangement in the image. The first group is [8, 2, '?'], the second group is [5, 9, 45], and the third group is [6, 7, 42].</t>
        </is>
      </c>
      <c r="G111" t="inlineStr">
        <is>
          <t>We observe that the number 45 is the product of 9 and 5. Similarly, the number 42 is the product of 7 and 6. Hence, the pattern is that the rightmost number in each group is the product of the other two numbers.</t>
        </is>
      </c>
      <c r="H111" t="inlineStr">
        <is>
          <t>Based on the pattern that the rightmost number in each group is the product of the other two numbers, the missing number of the group [8, 2, '?'] should be 16.</t>
        </is>
      </c>
      <c r="I111" t="inlineStr">
        <is>
          <t>b'\x89PNG\r\n\x1a\n\x00\x00\x00\rIHDR\x00\x00\x02\x00\x00\x00\x02\x00\x08\x02\x00\x00\x00{\x1aC\xad\x00\x00\xba\xa3IDATx\x9c\xec\x9dwxT\xc5\xd7\xc7\xcf\xdc{\xf7nI\xd9\xdd4z \x94PC\x89\x84\x1ez\x17\x15\xa5\n\xa2t\x94\x88\x82(\x88"M\x14A\x10\x14\xb0\x804\xa5\x894\x05\x85\xd0\xa5\n!\xb4\x84\x1e\x02\x84\x9a\xbe\xbd\xde;\xf3\xfe1\xb0o~\x80J6!l\xc8|\x1e\x1f\x1f\xb2{wv\xb6\x9d\xef\xcc9g\xceA\x84\x10`0\x18\x0cF\xc9\x83{\xda\x13`0\x18\x0c\xc6\xd3\x81\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x85\t\x00\x83\xc1`\x94P\x98\x000\x18\x0cF\tEx\xda\x13`&lt;q\x08!\xf4\xff\xf4\x1f\x1e\xd0}\x9e\xd2\xbc\x18\x0c\xc6S\x06=`\x14\x18\xcf\x06\x84\x10\x8c1!\x04!\xc4\xf3\xfcc^\xc9q\x1c\xd3\x03\x06\xa3\xe4\xc0\x04\xe0\x99\x82\x10"\xcb2\xc7q\x1c\xf7\xff\xce=Y\x96\xcdf\xf3\xdd\xbbw\xef\xdc\xb9\x03\x80\x00\xee}\xe2U\xabV\r\x08\x08\xd0\xe9tyG\x90e\x19\x00\x98\x120\x18%\x01&amp;\x00\xcf\x08\x18c\x8c\xb1 \xdc\xf3\xe9\xe5\xe4\xe4\x9c:u\xea\xc0\x81\x03\x7f\xff\xfd\xf7\xcd\x9b7\xef\xa6\xa7\x9bL&amp;\x97\xd3\x99\xf7!\x01\x81\x81*\xa5\xb2J\x95*\xe5\xcb\x97o\xd1\xa2E\xb3f\xcdj\xd7\xae\xad\xd1h\xe8\xbd\x92$\xf1&lt;\xcfd\x80\xc1x\x86a\x02P\xec\xa1&gt;\x1c\xea\xe71\x9b\xcd\x9b7o\xde\xb0q\xe3\x91\xc3G22\xd2\xf3;TDDD\x9b6m\xfa\xf6\xed\xdb\xb6m[: \xddO0\x19`0\x9eI\x98\x00\x14c\xf2\x9a\xfe\xe4\xe4\xe4\x15+V\xac\xfb\xf5\xd7\xb4\xeb\xd7=\x17\x04\x04\x06V\xaeV\xb3T\xd9rU\xab\xd7\xf6\xf3\xf3\xaf^\xa7\x1e\x96%\x1a\xfd\x95\xdc\xeesI\'\x1cv\xfb\xc5\xb3\xa7\xef\xde\xbeu=\xf5\xb23\xcf\xfe\xa0~\xfd\xfa\xfd\xfb\xf7\x1f0`@\xa9R\xa5\x00@\x96\xe5\x7f\x0f$0\x18\x8c\xe2\x08\x13\x80\xe2\n\xc6\x98:\xfao\xdd\xba5i\xd2\xa45k\xd6\xd8\xedvzW\xd9\xf2\xe1Mb\xdb\xb6\xea\xd0\xb9F\x9d\x06\xe5*TR\xaaDA\x00L@\x96\xfeg\x04A\x01@@\x92\xc0j1\xa7]MI:\x99\xb87~\xcb\xf1#\x07\x8c\x86\\zA\xe9\xd2e\xe2\xe2F\x8e\x1b7N\x14E\x8c1K\x19b0\x9e1\x98\x00\x14K$I\x12\x04\xc1\xedv\x7f\xff\xfd\xf7\x9f\x7f\xfe\xf9\xdd\xbbw\x01@\x14\xc5\x98\xe6\xad^\x1d\xf8\xe6sMZ\x84\x95\x0e\xc3\x18\x9cN\x97\xcb\xe9\xbc\x97\xe4\x03\x90\xd7|\x13\x00\xcf\x8d\x1c/(\x95J\xa5J\x90$\xb8y\xfd\xca\xc1=;\xd6.\xff\xe1|\xf2izeTT\xd4\xcc\x993\xbbt\xe9\x02l+\xc0`&lt;[0\x01(~P\xeb\x7f\xf9\xf2\xe5A\x83\x06\x1d:t\x88\xde\xd8\xf5\xe5&gt;\xc3\xdf\x1dW\xbdV]A!\xd8\xac6\xb7\xdb\x05\xf0\xf8i\x9d\x04cB\x08F\x80D\x95J\xa3Q\x9a\xcd\xb6\xc4#\xfb\xbf\xf9b\xca\xe9\xc4\xa3\xf4\x8a\xa1C\x87~\xf5\xd5W\x01\x01\x01\xf4\xd9\x9f\xd8\x8bc0\x18E\x07\x13\x80\xe2\x04=\xcc\xc5q\xdc\xbau\xeb\xe2\xe2\xe2\xb2\xb2\xb2\x00\xa0nt\xa3w\'Lm\xde\xa6\x13!\xc4f\xb5\xd0\x0b\xbc\xf6\xd5\x10B0\x969\x8e\x0f\x08\x0c\xb0Z,[\xd6\xaf\x99?sJ\xc6\xdd\xdb\x00\x10\x1d\x1d\xfd\xe3\x8f?6h\xd0\x80i\x00\x83\xf1l\xc0\x04\xa0\xd8\xe0\xb1\xfeS\xa7N\x9d2e\n\xbd\xf1\xad\xf7&gt;~\xf3\xbd\x8f5~j\xa3\xc1HOr\x15\xd6\xd3Qo\x8fV\xe7\x7f\xe3\xda\xf5\xcf&gt;~o\xc7\x96\x8d\x00\x10\x14\x14\xf4\xddw\xdf\xf5\xee\xdd\x9bi\x00\x83\xf1\x0c\xc0\x04\xa0x\xe0I\xf8\x19&gt;|\xf8\xe2\xc5\x8b\x01 \xb4T\xe9\xe9s\x17w|\xa1\x9b!\xd7\xf2\xe4\\\xf3\x92\xe4V\xab\xfdDQ\xf1\xe3\xfc\xd9s?\x9f\xe8v\xb9\x00`\xd1\xa2E\xc3\x86\rc\x1a\xc0`\x14w\x98\x00\x14\x03\xe8\xf9^A\x10&lt;\xd6\xbfV\xdd\xe8\xefVm*[&gt;\xdc\x90kx\xd2\xc7\xb50\xc6\x00\x10\x14\x1cxp\xef\xbe\xb8\xd7_1\x19r\x81i\x00\x83\xf1L\xc0\x04\xa0\x18@\xed\xec\x9bo\xbe\xf9\xc3\x0f?\x00@\xad\xba\xd1K\xd7o\xd3\xea\x82,\x16\xb3 (\x8af\x0en\xb7;$T\x7f\xec\xd0\xa1\xe1}\xbb\x99\x8c\x06\x00X\xbe|\xf9\x1bo\xbc\xc14\x80\xc1(\xbe0\x01\xf0u\xa8\x85]\xb4h\xd1\x88\x11#\xe0\xbe\xf5\x0f\xd0\xea\xecV\x1b_\xb4\x96Wr\xbb\xf5!\xfa\xe3\x87\xefi\x80\x9f\x9f\xdf\xbe}\xfb\x1a6l\xe89\x91\xc0`0\x8a\x17L\x00|\x1aj[\x8f\x1e=\xda\xacY3\x8cq\xb5\x1a\xb5\x7f\xfe}O\x80Vg\xb7\xd9\x9fJ&gt;\xbe\xe4v\x07\x85\xe8\x8f\x1d:4\xa4W\'\x9b\xd5\x1a\x11Q91\xf18-\'\xc7\xce\x881\x18\xc5\x0e\xb6p\xf3]\xa86ggg\xf7\xeb\xd7\x8f\x10\xa2\xd1\xf8}\xb1pyPH\x88\xcdj{Z\xa7\xb1\x04\x85";+\xb7i\xab\xe6\xe3\xa6|\t\x00W\xaf\xa6\x0e\x1f&gt;\x9c\x06\xa8\x9f\xca|\x18\x0cFA`\x02\xe0\xbb\xd0\xe5\xff\xd8\xb1cSSS\t!\x1fL\xfd2\xbaQCC\xae\xf1\xe9\xfa\xdc\x15\nEV\xbaa\xc0\xf0\xb7^\xec\xf5\x1a\x00\xac_\xbf\xfe\xe7\x9f\x7f\xe6y\x9e\xd6\x91f0\x18\xc5\x08\xe6\x02\xf2Qhf\xe7\x81\x03\x07\xda\xb4i#\xcbr\xc7n\xaf|\xbfzCN\x96\xa1\x88\xfd\xfe\x8f\x84\x10\xc2\xf3\xbc\xdb\xe5z\xa5\xeds7\xd3\xae\x85\x85\x85\x9d;wN\xab\xd5\xb2bA\x0cF\xf1\x82\xed\x00|\x11\xda\x9f\xcb\xe9t\x8e\x193F\x96e]P\xf0G\x9f\xcd\xb5Z\x1d\xc87b\xad\x08!\xb7\xcb\xa5\xd5\xeb&gt;\x9c&gt;\x17c|\xf7\xee\xddI\x93&amp;q\x1c\xc7\x1cA\x0cF\xf1\xc2\'\x0c\n\xe3\x01\xa8\xf3g\xed\xda\xb5\x89\x89\x89\x00\xd0\x7fH\\\xc5\xca\xe1\x0e\xbb\xa3 \xc96\xb4\xc6\x83,\xcb\xb2,\xc9\xb2\x8c\xb1\\\x90\xcd\x1f/\x08&amp;\x83\xa9]\x97nM[\xb6\x03\x80\x1f~\xf8\xe1\xc2\x85\x0bL\x03\x18\x8c\xe2\x05s\x01\xf9"\xf4\xe4W\xbdz\xf5.\\\xb8\x10Q\xad\xfa\xfa\x9d\xc7\x00\x01`\x02^9X0\x96\x81\x80\xa8T\x89J%\xcf\x03  \x04\xb0L\x9c\x0e\xa7\xcb\xe5\xf4\xba\x80\x04\xc6X\xa3\xd1\\&lt;\x97\xfcj\xd7\x16v\x9bu\xe8\xd0\xa1\x8b\x17/f\xe5B\x19\x8cb\xc4\xd3w(3\x1e\xc0\xe3\xfd\xbfp\xe1\x02\xc6\xf8\xa5^\x03tz\xff\xacL\x83w\xb1_Y\x96\x03\x02\x02\x11\x87n\xdd\xb8~5\xe5R\xe6\xdd;\x0e\x87]\xe3\xe7W\xaat\xb9\x88\xaa\x91\xa5\xcb\x95\x93$\xd9j\xb1xa\xb59\x8e\xb3Z\xadu\xea\xd7\x8fi\x16\xbb\x7f\xd7\xf6\xdf\x7f\xff}\xc6\x8c\x19\xc1\xc1\xc1\xd4\x7f\xe5\xc5T\x19\x0cF\x11\xc3\x04\xc0G\xf9\xf1\xc7\x1f1\xc6\xc1\xa1a/\xf4\xeco1;\xbc[V\x13B\xb4:\xed\xe1}{V\xfe\xb8\xe0\xf8\x91\xfd\xb99\xd9y\xef\r\t+\xdd\xb4e\xdb\x01\xc3\xdfi\x10\xd3\xd8d4y\xb1\x0f@\x00X\xc6\xfd\x06\xc7\x1d\xdc\xb33##c\xd3\xa6M\xac&gt;\x04\x83Q\x8c`. \xdf\x82.\x9f\xef\xdc\xb9S\xa3F\r\x93\xc9\xf4R\xef\x01s\x7f\xfc);\xcb\x9b\xe5?!D\xe3\xa7\x99\xfb\xd9\'?\xcc\x9d\xf1/\x97\t\n\xc5\xb8)\xb3\x06\xbe5\xdal2r\x9c\x172\x838\x84^n\x1b}5\xe5R\xe3\xc6\x8di\x7f\x02v0\x98\xc1(\x16\xb0\x95\x9aoA\x8b\xbe\xed\xd8\xb1\xc3d2\x01@\xbb./\xca\xb27\x1e\x15Y\x96uz\xedws\xbe\xf8a\xee\x0cO\x92~\x93\x96m\xa3\xea\xc7\xf8\xf9\xf9\xe7\xe6f\'\xfe}0\xf9\xd4q\x9e\xe7eI\xfe\xfc\xe31\xc1\xa1a/\xf6|\xd5d4q\xf9\xdcjH\x92;8D\x17\xdb\xaeK\xea\xe5\x8b\xa7N\x9dJII\x89\x8c\x8cd\xc5!\x18\x8cb\x01\x13\x00\xdf\x82\xda\xfa\xbf\xfe\xfa\x0b\x00J\x97-\xdf\xb0iK\xbb-\xdf\xc9?\x84\x10\xa5Ju=\xf5\xeaw_M\xa7\xbe\xa3\xa0\x90\xd0\x99\xdf\xaeh\xd5\xbe\x8bp?\x08\xecr\xc9\xebW-\xfbt\xdc\xdb\x80d,\x93\xafgLj\xd3\xa9\x1b/\x08\x04\x13\xc8\x8f\xdcp\x08\xb9\xdd\xb8]\xe7\x17W.\x9e\xefp8\x0e\x1f&gt;\xc2\x04\x80\xc1(.\xb0_\xa9o\xc1q\x9c\xdb\xed&gt;z\xf4(\x00\xd4\xae\xf7\\h\xa90\x97\xcb\x95\xdf\x1d\x00\xc6X\xadV\x1e;\xf4\x97\xcdj\xe58^\x96\xe5\xb1\x9f\xcc\xe8\xda\xbd\x8b!77\'\xdb\x90\x93e\xc8\xc96X-\x96\xc1#\x87\xf6\x1b2R\x96$\x8e\xe7\xd3\xae^\xb9\x90|F\xa5Vc\x92\xbf\x03\xbd\x88\xe3\x1cvG\xf5\xdau\xc3\xca\x94\x05\x80\xfd\xfb\xf7\x03\xab\x0b\xc4`\x14\x13\x98\x00\xf8\x10\x18c\x84PJJ\xca\x95+\xa9\x00\xd0\xb0i,\xcf\x03x\x11\xa4!\x84\xe3\xe0\xee\xed\x1b\x08!I\x92T*uL\xf3V\xd9\x99\x0eA\x10xA\xe0\x05A\x10\x04\x00b6\xe1\xd8\xb6\x9d\x00\x80\x9e\xe0\xcdH\xbf\xcd\xf3\\~\x9f\r!\xe4v\xbb\xf5\xc1\xc1Q\xf5c\x00\xe0\xef\xbf\x8f8\x1c\x05:\xaf\xc0`0\x8a\x0c\xf6C\xf5!h@\xfe\xda\xb5kN\xa7\x03\x00\xaaD\xd6\x94$\xefW\xd3\n\x85HG\xa5\xf5\x19\x1e\x18\x86\x0e{opB\x08!\nA\xe1]B\x00!D\xa1\x80\xca\xd5j\x00\xc0\x9d;wM&amp;\x13B,\xb9\x80\xc1(\x060\x01\xf0!\xa8\xd1&lt;u\xea4\x00\x04j\xb5\x15*Uv\xe7\xdf\xff\x03\x00\x80\x90,AD\xd5\xea\xb4h\x8f\xddn;\x9ft\xd2?@\xe5v\xbb&lt;\x97HnI\xad\xe1N&amp;\x1c\xa1\xcf+(\x14\x15+G\xba\xddn.\xffO\xc7!$IP\xadf\x1d\x000\x99\x8c\x17/^\x84\xfb}\xc4\x18\x0c\x86/\xc3\x04\xc0\xe7\xb0Z\xad\x00\xc0\xf3\x82\xbf\x7f\x00\xc6\xd8\x8b\xd3\xbf&lt;\xc7\xd9\xac\xb6\x98f\xb1e\xcaU\x901\xe68n\xde\xe7\x93n\xdd\xb8\x1d\x1c\x12,K\x92,\xcb\x92$\x85\x95\x0e&gt;\x93\x98\xf4\xf3\xe2\xf9\x82\xa0\x90e\xb9e\xbb.\xd5j\xd6t\xd8\xed\xde\x95\x1b"\x04\x02\xb5:\x00\xc0\x18\xdb\xedv/F`0\x18E\x0f\x13\x00\x1f\x82\xba\xce\x13\x13\x8f\x03@\x85J\x95\xb5\xfa`I\x92\xbc\xdb\x01\xb8%\xb7&gt;8x\xcc\xc4\xcf\t\xc6\x1c\xcf\xa7^\xbe\xf0\xfaK\xed\x0e\xed\xdd\xad\xd5\xeb\xb4z\xadN\xaf\xdb\xb1u\xeb\xf0\xbe\xcf\x9b\x0c\xb9\x92\xe4\x0e\t+5a\xfa\x1c\xb7\xdb\xed\xdd\xb4im\xb8\xf2\xe1\x11\x01\x81Z\x00HH8\x0e\xf7w3\x0c\x06\xc3\x97ai\xa0&gt;\x075\xc4\xfe\x01\x81J\x95\xcab\xf6\xe6\x80.\x00\xf0&lt;o2\x9a^\xee\xf3\xda\xcd\xeb\xa9\xdf|1\x19\x00R/_x\xe3\xe5\xf6\x9d_\xec\xd9\xf5\xe5\x1e\x7fl\\\x1f\xbfe\x03\xbd2\xa2j\xf5\xb9?\xae\xaeP\xa9\xb2\xc5l\xf6\xb2\x8c\x0fB\x18\xe3\x80\xc0@Q\x14=\xf3g0\x18\xbe\x0f\x13\x00\x9f\x83.\xf9\xb1\\\xa0j\x9d\x00\xc0q\x9c\xd9lz{\xdc\xa4\xf2\xe1\x95\xe6\xcf\x9az\xfbf\x1a\x96\xe5\xed\xbf\xaf\xdf\xfe\xfbzz\xafN\x1f\xfcR\x9f\x01C\xde~?8$\xd4{\xeb\x7f\x1f\xcf\x84Y\x0e(\x83Q\\`. \x9f\x83\x1a\xd0Bq\xa0`\x19;\x1c\x8e\xfeC_\x7fu\xe0\x9b\x08\x90 (\xe8\xe0J\x95\n\x00\xca\x94\xaf\xd0k\xc0\xe0r\xe1e\xecv{\xc1\xad\xb6g\xc2L\x00\x18\x8c\xe2\x02\x13\x00\x9fC\x92$\x00\x10\x04\x81\xe3\ndIeY\x0e\xd0jo\xdf\xb8\xde\xabC\xfbYS\xc6aYr\xbb]J\x95J\xad\xd68\x1d\x0e\x8c\xf1\xd9\xd3\'\x9eo\x165y\xec\xbb@\xb0R\xa5*H\xde\x0e!D\x10\x04\x848\xcf\xfc\x19\x0c\x86\xef\xc3\x04\xc0\x87\xa0.\x94\xe0\xe0`\x00H\xbfs\xdbd4\xf2&lt;\xef\x9d#H\x96\xe5\x80\xc0\xc0\xe3G\x0e\xf4{&gt;\xf6\xf0_\xbb\x01\x00\x13\xd2\xfb\xf5a\x1b\xf7$n\xdc\x9b8\xec\x9d\xf1Z\x9d\x1e\x00\x10\xc7\xfd\xf4\xc37\x03_\xe9\x98\x9dqW\xe5\xad\x06\x10B\x14\n\xc5\xdd;\xb7l6\x8bg\xfe\x0c\x06\xc3\xf7a\x02\xe0CP[_\xbbv\x1d\x00\xc8\xca\xb8k\xb7zS\xa6\x1f\x000\xc6*\xb5\xeazjJ\xdc\x80Wr\xb22y\x9e\x0f\t+\xb5\xe4\xd7\xed_,X\x14\x1eQ\xa5B\xa5\xca\x13\xa6\x7f\xb1q\xcf\xf1.\xdd{cY\x16\x95\xaa3\'\x8e\x8d\x1c\xf0\xb2\xd3a\xe7\x05\xaf\xf4\x86\x10^\x10\xb2\xb32\xed6\x1b\x00\xd4\xad\x1b\x05\xcc\x11\xc4`\x14\x07\x98\x00\xf8\x1cz\xbd\x0e\x00\\NgVf:/\x08\xde\x95\x82\x10Eq\xce\xb4\t\x86\xdclAP\xa8T\xea\x85?on\xdb\xa5Svf\xae\xcb\xe1p9\x1d\xd9Y\x86Re\xca-\xf8\xe9\x97\xc1q\xef\xbb\x9c\x0eQ\xa9&lt;{\xfa\xc4\x8f\x0bf\x07\x04\xf8a9\x7f\xb5\x80\x00\x80\x00p\x1c\xa4\xdf\xba\x01\x00\xa2(\xfa\xfb\xfb\x03\x13\x00\x06\xa38\xc0\x04\xc0\x87\xa0F\xb3^\xbdz\x00`\xb3Yo\xddHS(\x84\xfc.\xc9\t!J\xb5\xfaj\xca\xe5};\xff\xe48^\x92\xdc}\x07\xbd\xd9$\xb6I\xc6\xddlA\xa1@\x1c\x87\x10\'\x08\x82\xd3\xe94\xe6\x9a\xc7O\x9b\x15\xdd\xb8\xb9\xcb\xe9D\x1c\xb7e\xfdjC\xaeQP(\xf2\x1b\x81&amp;\x84\xf0&lt;\\\xbbr\t\x00\x02\x02\x02\xabU\xab\x06L\x00\x18\x8c\xe2\x00\x13\x00\x1f\x82\x1a\xcd\x88\x88\x88\x80\x80@\x008w:\x91\xe7\x01\xe7S\x000\xc6\xa2(^M\xb9\xe4t\xdc\xcb\xedi\xd1\xb6\x93\xdd\x86\x1fh)\xc3q\x9c,K\x82\x80\xba\xbc\xd4\x0b\x00\x80\x90\xf4\xdb\xb7\xee\xde\xba\xa9\x10E\x82\xf3\xf7\x8c\x1c\xc79\x1c\xf2\xb9\xa4S\x00P\xb9r\x84\x9f\x9f\x1f\xeb\n\xc9`\x14\x0b\x98\x00\xf8\x10\x1c\xc7\x11B*T\xa8P\xb3fM\x008q\xec\x90\xcbE\xbc\xe9\xd4\x88\xc0f\xb5 \x84\x08\x10\x00\xd0\xf8\xf9\x13\x0c\xf0P\x99\x7f\x848\x8cq\x80V\x07\x00\x08!Y\x96\x9cN\x07B(_\xe6\x9f\x10"\x8abV\xfa\xdd\x8bg\xcf\x00@\x8b\x16-\x14\n\x85\x9c\x7f?\x12\x83\xc1(z\x98\x00\xf8\x16\xb2,s\x1c\xd7\xb4iS\x008\x9ft\xea\xe6\xf5\xabJ\xa5*\xff^ \x08\x08\xd4\x12B8\xc4\x01\xc0\xdd\xdb7\x04\x05\xf7\xb0s\x1f\xcb\xb2\xa0\xe0\xa8\xeb\x86\x10\xa2R\xab\x03\xb5z,\xe3|-\xde1\xc6*\xb5\xf2\xd4\xf1\xbfss\xb2\x00 6\xb6%0\xff\x0f\x83QL`\x02\xe0[P\xd3\xd9\xbe};\x000\x1ar\x0f\xed\xdb\xa9\xd6\x88\xf9\n\xccr\x1c\xe7r\xba"\xaaF\xaa5~\x18\xcb\x00\xb0f\xe9\xf7\x00\xa0T\xab%I\x92%I\x96%Y\x92$\xc9\xad\xd5\x07\xdd\xb9\x95\xf1\xfb\xba\x95\x1c\xc7\x01\xa0\x88j5J\x97+\xe7r9\xf3k\xbe\x11\x87v\xfd\xb1\x99\x10\xa2\xd5j\x1b7n\x04O\xb5\'0y\x88\xa75\x13\x06\xc3\xf7a\x02\xe0[P\xd3\xd9\xaaU\xabr\xe5\xca#\x84\xf6l\xff\x8d\x90\x87j\xf9\xff+\x08!\xa7\xc3^\xb1r\x95V\x1d\xbab\x8cEQ\xf9\xf7\x81=\x1f\xc6\r\xb1\xdb,\xfa`]P\x88N\x1f\xa4\xd3\x87\xe8tz\xfd\xd5\xcb\x17F\xbd\xd1\xe3\xf6\xcd4A\xa1 \x04\xf7\x1e0L\xa5R\xe6\xeb(\x00\xf5\xffdgd\x1f9\xb8\x07!\xd4\xb2e\xcb\xb2e\xcb\xd2\xb66\xf9~\xe5\xde\x821\xa6\xf5MeY\xa6O\xfd\x00\x9e\x0b$I\xc2\x183I`0&lt;\xb0\xc6\x1d&gt;\x87$I\x82 \xbc\xff\xfe\xfbs\xe6\xccQk\xfcVm\xf9\xabF\x9d\xbav\xbb\xfd\xf1\x97\xd5\x18c\xa5Jy\xfb\xc6\xf5\xbe\x9d[\xe4dg\x8a\xa2\xd2\xe5r\x96*S\xaeY\xab\xf6\xe1\x95\xab\xaaTj\x8b\xd9t\xe9\\\xd2\xc1\xbd;\xec6\xabB\xa1p\xbb\xdd\xed\xba\xbc8\x7f\xf9\xaf\x0eG\xfe\x96\xff\xb2$\xe9\x82t\xab\x96|?y\xec[\x00\xb0e\xcb\x96n\xdd\xba\xc9\xb2\\\xc0\xb2B\x8f\xf5\xd4\xb2L\xbb\x1d&lt;0a\xbb\xdd\xeep8\xee\x95\xd3 \x84\xe38\xadV\xfb\xf0c\x01\x80\xe38\xe6\xaab\x94p\x98\x00\xf8\x1c\xb4\xa3\xfa\xd9\xb3g\x1b4\x88v\xbb]\xaf\x0f\x7fg\xda\xdc\xaf3\xef\x1a\x04E&gt;*\xf7\xc9\xb2\xec\x1f\x10\x90|\xea\xf8\xb8\xb7\xdeH\xbd|\xe1\xdf/~\xb1W\xff\xa9s\xbe\xe3x^\x96\xe4\xfc\x06\x00\xfc\xfc\xfd{uh\x9c|*\xb1J\x95*g\xce\x9cQ\xa9T\xf0$c\x00\x84\x10\xfa\xfex\x9e\xe2\xc6\x8d\x1b\xc7\x8f\x1fOJJ:s\xe6\x8c\xd1h\xbcr\xe5\x8a\xd9lA\x08\x08\x00\x10\xe0\x05\xbeV\xcd\x9a*\x95\xaaa\xc3\x86\x95+Wi\xdc\xb8Q\xb5j\xd5&lt;\tQ\xb2,#\x84X\x03KF\x89\x85\t\x80/Bm\\\xbbv\xed\xf6\xee\xdd\x1b\x14\x12\xf6\xeb\x8e\xbfCK\x95v\xbb\xdd\xf9[\x9e\xcb\xb2\x9f\x7f\x80\xc9\x90\xbb\xee\xa7\xc5\x7fn\xfe%\xf5\xf2E\xa7\xe3\x7fZ\xb5\x04\xea\xf4\r\x1a6\xed\xfd\xfa\xb0\xf6]_r8\xec\xd4\x1a\xe6k\xfc@m\xe0\xae?~\x1f5\xb0\x87,\xcbS\xa7N\x9d4i\x12\xdd\xbe&lt;\xfe \x8f\x0f5\xfd\x9e\xbd\xc5\xe1\xc3\x877m\xdat\xf0\xe0\xc1s\xe7\xce\x99L\xa6\xc7\x1cD\xa9TV\xab\x16\x19\x13\xd3\xf0\xa5\x97^\xea\xdc\xb9\xb3R\xa9\x04&amp;\x03\x8c\x12\x0c\x13\x00_\x84zQ\xf6\xed\xdb\xd7\xa6M\x1b\x00x\xb1W\xff\xaf\x97\xae\xcc\xca4\xe4\xd7\xb6b,\x0b\x82\xc2?@c1\xdbn\\K\xbd\x99v57;\xcb\xe5r\xaaT\x9a\x90R\xa5+U\xaeZ.&lt;\x82\xe3\x90\xd9d\xa2\xee\xf2\xfc\xce\x93\xe3\xb8\xee\xad\x1b\\M\xb9\x14\x12\x12\x92\x9c\x9c\x1c\x1a\x1a\xea\xdd8\xff\x89\xc7\xad\x94\x9e\x9e\xfe\xfb\xef\xbf\xaf\xf8\xe9\xa7C\x07\x0f\xe6\xbd@\xa7\x0f\n+]6\xb4T\xe9\x90\xb02\xe1\x95"\xdcn\t\x00xA0\xe4f_\xbd|\xd1b6\xddL\xbb\x9a\x93\x95\x99\xf7!\xb5j\xd7\xee\xdd\xabW\x9f&gt;}j\xd4\xa8\x01\x00\x92$=\xecPb0\x9em\x98\x00\xf8(\xd4\xe4\xf5\xee\xdd\xfb\xd7_\x7f\x15\x95\xca\x15\x9b\xf6D7jl6\xe7\xbb:\x10!\x04c\x99\xe7\x05Q\xa9T(\x14\x1c\x07\x80\x00\x08\xc82\xb8\\N\x97\xd3I=\xe9\xf9\x9d\x9e\xe4v\x07\x87\xe9\x7f\x98;g\xe6\xa4\xf7\x11B\xb3g\xcf~\xef\xbd\xf7h\x88\xb5p\x03\x004\x93\x87\xe38\xa3\xd18w\xee\xdcE\x8b\x16\xdd\xb9s\x87\xde%*\x95u\xea?\xd7$\xb6m\xfd\x86M#k\xd6\t\xd4\xea\xfc\x03\x03\x11\x02A\x01\x84\xdc;\xf5\x801\xc8\x128\x1c\x0e\xa3!\xe7\xc6\xb5\xd43\'\x8e&amp;\x1c\xde\x7f\xfc\xc8\x01\xa3!\x97\x0e\xa2\xd1h\xfa\xf6\xed;~\xfc\xf8\xc8\xc8H\xb8\xbf\xf7*\xc4\xf93\x18\xbe\x0c\x13\x00\x1f\x85&amp;\xb4\\\xbdz\xb5A\x83\x06&amp;\x93\xa9f\x9d\xfa\xbf\xee&lt;\xecv\xcb^\x1f\xb2%\x18\xdfO\x8a\xbc\x97W\x84\xbc\x8d\x82bYV\xfb\xf9]K\xb9\xdc\xabc#\xbb\xcd\x861\xaeQ\xa3\xc6\x07\x1f|\xf0\xfa\xeb\xaf\x0b\x82@\xf3\x88\n\xc5\x8cz\x16\xfek\xd7\xae\x9d:u\xea\x85\x0b\xf7\x82\x19\xd5kE\xbd\xd8\xbb\x7f\xf3\xd6\x9d\xaa\xd5\xac\xa5\xd6\x88\x92\x1b\x9c\x0e\'Mo%\xff\xdb\x8d\x12!@\x08q\x88\xe3\x15\nQ\x14E\x91\x93\xdc\x90v-\xe5\xe8\xc1\xbf\xfe\xdc\xfc\xcb\xa1\xbd;\xe9e\xfa\xa0\xa0\xf7\xc6\x8c\x197n\x9c(\x8aE\x13\xc4f0|\x01&amp;\x00\xbe\x0b\xb5D3f\xcc\xf8\xe8\xa3\x8f\x00\xa0\xdf\xe0\x91\x9f}\xbd0+#WP(\x9e\xe2\xac\x08!\x08@P\x08\xaf&gt;\xdf2\xf9\xe4q\x1a\x8f\xa5y5M\x9b6\x9d:uj\x87\x0e\x1d\xa00&lt;*4\x9cp\xfb\xf6\xed\xa1C\x87n\xdb\xb6\x8d\xde\xd8\xb4e\xdb\xfeC\xdfn\x12\xdb68Dk\xb7I4t\xc1!\x84h\xf3\x84\x7f~\xba{\x87\x020F\x08)U*\xb5\x9f\xd2i\x97N&amp;\x1cZ\xbfj\xd9\xe6\xb5+\xe8\x8f\xa0N\x9d:\xdf\x7f\xff}\xf3\xe6\xcd=\xe9\xa4^O\x9e\xc1(\x160\x01\xf0ih|\xb2s\xe7\xce;w\xee\x04\x80\xd9\xdf\xaf\xec5\xa0\x7f\xfa\x9d\x1c\x85(&gt;\xad)I\x92\xbbTi\xfd\x87o\xc7\xad^\xfa-\x00|\xfa\xe9\xa7]\xbbv\xfd\xf0\xc3\x0f\xe9\x0c\x01\xa0_\xbf~\x13&amp;L\xa8S\xa7\x0e\xdc7\xe2\xf9}\n\x8f\xdb\'&gt;&gt;~\xf0\x90!\xb7o\xdd\x02\x80\x88\xaa\x91C\xde~\xff\xe5W\xdfP*E\xb3\xc9*In\x8e\xe3\xbc\xdbg\x10B\xb0,#\x8e\xf3\xf7\x0f\x10\x14h\xdf\xce\xf8\xc5_\xcf\xfc\xfb\xc0^\x00\x10\x95\xca\x99_|1z\xf4h`\xee F\t\x80\t\x80OCmPzzz\xdd\xba\xf522\xd2\xb5:\xfd\x0fk\xb64l\xd6&lt;7\xeb\xe9\xec\x03$I\n\r\xd3-Y\xb8`\xfa\x87\xa3\x08\x81\xf6\xed\xdb\xef\xd8\xb1\x83\xae\x94\xd7\xae];c\xc6\x8c3g\xce\x00\x80F\xa3\x19;v\xec\xd8\xb1c\xb5Zm~\x03\x03\x1e\xeb?o\xde\xbc1c\xc6\xd0\x1b\xfb\r\x1e9\xfa\xa3\xa9!a!\xb99&amp;Bh.P!,\xcf1\x96\t&amp;\x81:\x9d,K?/Z\xf0\xcd\x17\x93-f\x13\x00\x0c\x1e&lt;x\xde\xbcy\x01\x01\x01L\x03\x18\xcf6L\x00|\x1d\xea\x08:r\xe4H\x8b\x16-0\xc6\x81Z\xdd\xa2\xb5[\x1b6k\x9e\x93\x95\xab(J\r D\x92\xa4\xd0R\xfa\xa5\x0b\x17N\x1b\xff6\x00DDD$$$\x04\x05\x05Q\x87\t\xc7q.\x97k\xd6\xacY\xdf~\xfb-\x8d\xd3\xd6\xacY\xf3\x83\x0f&gt;\x184h\x10&lt;v\xaa\xa5\'\xd7s\xf8\xf0\xe1\x8b\x17/\x06\x00\xad&gt;h\xd2\xcco^y\xb5\xbf\xc9hs\xb9\\O"\xc7\x94\xce-8$0\xf1h\xc2\xc7\xef\x0e\xbb\x90|\x1a\x00\x1a5j\xb4}\xfbv\xbd^\xcf4\x80\xf1\x0c\xc3\x04\xa0\x18@5`\xf1\xe2\xc5\xc3\x87\x0f\x07\x00\xaa\x01\x8dc\x9bg\xa6\x17\x91\x06`\x8c\x81\x90\xd0R\xda\x1f\xe7\xdf\xb3\xfeAAA\xf1\xf1\xf1\r\x1b6\xf4\xd8GO\xec\xf4\xf6\xed\xdb\x9f|\xf2\xc9\xf2\xe5\xcbi4\xb8C\x87\x0e\xe3\xc7\x8fo\xd7\xae\x1d\xfcW`\xc0\xb3\xf6\xf7X\xffZu\xa3\xbfZ\xb4\xb2Z\xcd\x9a9\xd9\x86\'\x9d\xa3)\xb9\xdd\x01Z\xad\xd5b\x9a6\xee\x9d\xdf\xd6\xfd\x0c\x00111\xf1\xf1\xf1L\x03\x18\xcf0L\x00\x8a\x07\xd4\x99\xee\xd1\x00\xadN?\xeb\xbb\x9f:v\xeb\x96\x9bc&amp;\x04s\xdc\x13\xccZ\x91$I\xa5R)U\xca\xc5_\x7f\xf9\xe5\xd4\xf1\x00\x10\x14\x14\xb4}\xfb\xf6\x98\x98\x98\x07\x12f\x08!\xb2,\xd3E\xfa\xee\xdd\xbbg\xce\x9cI\x03\x03\x1c\xc7\r\x1c8\xd0\x93j\xf9Oi6\xf4\xf6\xbc\xd6\x7f\xe9\xfam\xfa\xe0\x10\x93\xc1X4\xfe.Y\x96DQ\xa9\xd6\xa8\xc7\x8d\x1c\xb4i\xcdr\xb8\xaf\x01:\x9d\x0eX\x89S\xc6\xb3\x08\x13\x80b\xc3\x03\x1a\x00\x00o\xbd\xf7\xf1;\x1fN%@\xacf3/\x08\x85n\xa10\xc6\x18\xcb\xfa }\xc6\xdd\xbbS\xde\x8f\xdb\xb1u#\x00\x04\x07\x07o\xdb\xb6-&amp;&amp;\xe6\x9f\x02\xbcy\x8f\xec.[\xb6\xec\xcb/\xbf&lt;\x7f\xfe&lt;}\xe0\xa8Q\xa3F\x8f\x1eM\x03\x03\xf0\xbf\xa9\xa2t4\x8f\xdf\x9fZ\xff\x00\xad\xcef\xb5=\xa1\xa3\xc5\x8f\x04c\xccq\xc8\xcf\xdf\x7f|\xdc`\xaa\x01={\xf6\xfc\xf5\xd7_\x9f\xdc\tg\x06\xe3)\xc2\x04\xa08A\xcdP||\xfck\xaf\xbd\x96\x95\x95\x05\x00\xcdZ\xb5\xff\xf8\xf3y\xb5\xeb\xd56\x1al.\x97\xab\xb0\xfc$\x04c\x19c\x8d\xc6O\xadQ\xec\xfas\xebg\x1f\x8d\xb9\x9e\x9a\x02\x00\x8d\x1a5Z\xb9re\xb5j\xd5\xfe3Y\xde\xe3\xf47\x1a\x8d\xf3\xe6\xcd\x9b?\x7f~vv6\x00\xd4\xacYs\xd2\xa4I}\xfb\xf6\x85\xfb\xcd\x0fh\x16)\xcf\xf3;w\xee\xec\xd8\xb1#\x00\xd4\x8aj\xb0t\xc3\xf6\x00\xad\xcen\xb3\x17}J&gt;\xc1\x18q\xc8\xdf?`\xdc\xc8\x81\x9b\xd6\xae\x00\x80)S\xa6L\x9e&lt;\x99i\x00\xe3\xd9\x83\t@1\x83\xda\xca\xcb\x97/\x0f\x1a4\xe8\xd0\xa1C\x00\xa0\xd5\xe9_\x1b\xf6\xf6kCG\x95.\x1bj69\x9cNG\x81\xf2#1\x06\x00\xb5F\xe3\xe7\xa78{:\xe9\xc7\xf9s~[\xf73\xbdq\xe8\xd0\xa1s\xe6\xcc\t\x0c\x0c|\xfc\xa3R\x9e+/]\xba4k\xd6\xace\xcb\x96\xd1\xa1:v\xec8m\xda\xb4\xc6\x8d\x1b\x03\x80\xdb\xed\xe6y&gt;##\xa3~\xfd\x06\xe9\xe9w\x03u\xfau\xdb\x0fGT\x8d4\x99LO\xcb\xe0\xd2\x1d\x8cB\xa1\xe8\xdb\xa5y\xd2\xc9\xe3\x08\xa1\xf8\xf8\xf8\x0e\x1d:\xb03b\x8cg\x0c&amp;\x00\xc5\x0fj\x86\xdcn\xf7\xb8q\xe3\xbe\xfb\xee;\xa7\xd3\t\x00\x11U\xab\x0f\x1a9\xbaU\x87\xae\x15*\x85\xbb\x9c\xc4n\xb3\xca\x92\x04\xf7\x13o\xfee[p\xbfo\n\x06\x00\x85B\xa9\xf1S#\x04\xe7\x93\x93\xe3\x7f\xfb\xf5\xe7\xc5\xf3i\xc9\x84R\xa5JM\x9f&gt;}\xe8\xd0\xa1\x90\xff\xec\xf8\x07\x02\x03\x9f|\xf2\xc9\x91#G\x00@\xa5R\xf5\xeb\xd7o\xda\xb4i\xe5\xca\x95\x03\x80\xce\x9d;\xc7\xc7\xc7#\x84\xbe\xfc\xee\xe7\x97\xfb\xf5\xcf\xce,\xda\x1c\xa7\x87\x90eY\xa3\xd1\\OM\xe9\xdb\xa5\xb9\xd1\x90[\xaaT\xe9\xf3\xe7\xcfi\xb5Zv@\x8c\xf1,\xc1\x04\xa0X\xe2\xb1\xc2G\x8f\x1e\x9d8q\xe2\xae]\xbb\xe8\xeda\xa5\xcbt\xeb\xd1\xafM\xa7nu\xea7\xd4\xea\xfce\x19\x9cN\x17m\x86\x02\x84\xe4\xed/\x8f\x00\x10\x87\x10 A\xa1\x10\x14\nQ) \x80\xf4\xbb\x19\'\xfe&gt;\xb0\xf3\x8f\xcd;\xb6l\xb4\xdbm\x00\x80\x10\x1a4h\xd0\xa7\x9f~\xea\xe9\xf4\xe2e\xf5\x08\x8c1\xc6\x82 H\x92\xf4\xf3\xcf?O\x9e&lt;\xf9\xc6\x8d\x1b\x00P\xbat\xe9\xf1\xe3\xc7\x87\x86\x86\xbe\xf6\xdak\x00\xd0\xfb\xf5a3\xbf]\x94\x95\x91\xef\xb2wO\x02\xc9-\x05\x87\xea~\xfd\xf9\xa7\xf1qo\x00\xc0\xdbo\xbf=\x7f\xfe|\xb6\t`&lt;K0\x01(\xae\xe4\x8d\xb5.]\xbat\xde\xbcyIII\x9e{#k\xd6i\xda\xb2m\xfdF\xcdjGEk\xf5A\xba\xa0`\x84 \xef\x92\x9a\x10p\xbbA\x96\xa5\xdc\xec\xcc\xac\x8c\xbb\xc9\xa7\x8e\x9f8z\xe4\xef\x03{n\xdd\xb8\xee\xb9\xa6c\xc7\x8e\xe3\xc6\x8d\xa3\x19\x9c\x85b\xf8&lt;\x83ddd,X\xb0`\xce\x9c96\xdb=\x99A\x08\x95\x0b\xaf\xb4aw\x82R\xa9\xcaoa\xea\'\x87,\xcb:\xbdv\xe4k=vl\xdd\xa8P(\x8e\x1c9\xf2\xdcs\xcf\xb1\xacP\xc63\x03\x13\x80\xe2\x8dgU\xeer\xb9\xb6o\xdf\xbet\xd9\xb2\x9d;vP\xabJ\xf1\x0f\x08\xd4\x07\x05W\xa8TY\xe3\xe7_\xbdv]Y\x96\x81\x00 \x90\xdc\xd2\x85\xe4SN\xa7\xe3\xfa\x95K\x06C\xae\xcb\xe9\xf4&lt;\xa4L\xd9\xb2\xdd\xbau\x1b\xf8\xc6\x1b\xcd\x9a5\x83&lt;\xa1\xdaB\x99p^\x8fPrr\xf2\xcc\x9937m\xda\xe4t\xb9$\xb7\xfb\xd3\xaf\x16\xf5\x1f:,;\xab0\x96\xff\xf7\xca\x81\x16t\xce\x18c\x8dF}\xf9\xc2\xb9\x9e\xed\x1b\xbb\\\xceV\xadZ\xef\xdb\xb7\x97\t\x00\xe3\x99\x81\t\xc0\xb3@\xde\xe5\xf9\xc5\x8b\x17\xb7l\xdd\xba#&gt;\xfe\xf4\xe9\xd3\x19\x19\x19\x8f?HDDDttt\xb7n\xdd\xbav\xed\x1a\x16\x16\x06\x0f\xf5`)D\x08!\x92$)\x14\n\x8b\xc5R\xa5J\x95\xcc\xac\xac\x98&amp;\xb1\xcb7\xed\xb0\xdb\x1d\x05\n_\x13\x828\x8e\xca\x15\xbd\x85\x10\x8c\x00q\x05x\t\x92$\x05\x05\xeb\xbe\x988~\xf1\xfcY\x08\xa1={\xf6\xb4n\xdd\x9a9\x82\x18\xcf\x06L\x00\x9e\x11\xa8\xbd\xcb[n!\'\'\xe7\xe4\xc9\x93\x7f\x1f=z%\xe5\xca\x8d\x1b7\xd2\xd3\xef\xde\xb9s\x17!0\x9b-\x92$\t\x02_\xbf~}\xff\x80\x80\xa8:u*V\xac\xd8\xacY\xb3\xda\xb5kk4\x1a\xfa\xd8"h\x92%I\x12\xc7q?\xfe\xf8\xe3\x88\x11#\x00`\xfe\xf2\xf5]\xba\xf70\xe4\x18\xf8|.\xffi\xc3\x03\x85BTk4\xbc\x00\x92\x1b\x9c\x0e\xbb\xdb\xed\xe68N\xa5R\x8bJ^\x92\xc0j1\x01\x01\xe4\xad\xb4\x88\xa2\x98q\xf7\xce\x0b\xb1QV\x8b\xa5_\xbf~\xabV\xadb\x02\xc0x6`\x02\xf0\xacA\xc3\xad\x0fg\x82b\x8c\r\x06\x03\xc7q/\xbf\xfc\xf2\xbe}\xfbZ\xb7n\xbdw\xef\xde\x07\x1e\xfbO\x9d\xd6\x9f\xd0&lt;\x01\xa0Y\xb3f\xc7\x8e\x1d\xab\x12Y\xf3\x97\xed\x878\xda\xc9%?\x10BD\xa5R\xad\x163\xd33O\x1c;\x9cpx\xff\xe5\x0bgs\xb22\x1cv;\xcf\xf3Z}P\x8d\xdau\xdbtz\xa1i\xab\xf6\xb2,\xb9\x9cN\xef$M\x96e\xad.\xf0\xfd\x11o\xfc\xb6\xee\xe7\xc0\xc0\xc0\x0b\x17.\x94)S\xc6\xeb\xc6\x0c\x0c\x86\xef\xf0\xf4s-\x18\x85\x8b\xc7\xf4\xdf\xf7\x81\x10\x1a$\xe08.((\x08\x00hz\xa5B\xa1\xa0\xeex\xfa(zA\x91\xadj\xe9\n\xfa\xe8\xd1\xa3\xc7\x8f\x1f\'\x84\xbc\xd8\xeb\xb5\xa0P]~\x93\x7f\x08!\x82B\xb8y\xfd\xea\xfa\x95K\xff\xdc\xfc\xcb\xed&lt;\xe1k\x0f\xc7\x8f\x1cX\xf9\xe3\xc2\xd6\x1d\xbbM\x99\xfdmhX)\x87\xc3\x1b\x17\x13\x02\xc0\x98\xf4zm\xc8\x96\xf5\xabM&amp;\xd3\xea\xd5\xab\xc7\x8e\x1d\xeb\x89d0\x18\xc5\x17\x16\xcbzfA\x08\xf1&lt;/\x08\x02\xcf\xf3\x1c\xc7QsOs\xfe\x81\xf6uA\x88\xe38A\x10\xe85E\xb9\x9e\xa5sX\xbf~\xbd,\xcb\xa2R\x19\xdb\xae\xb3\xdd&amp;\xf1\xf94\xcd\x18c\xb5F}\xfa\xf8\xd1\x1f\xe7\xcfz\xa4\xf5\xa7\x08\x82\xb0o\xc7\xd6a}\xba\x9aMFA\xa1\xf0b\xcb\xcb\xf1\xbc\xcdj\xafU/\xbaR\x95\xaa\x00\xb0a\xc3\x06\x1a\x18\xcf\xef8\x0c\x86\xaf\xc1\xbe\xc4%\x05t\x9f\xa7=\x11\x00\x00\x9e\xe7eY\xfe\xeb\xaf\xbf\x00\xa0v\xbd\xe8\xc8Zu\x1cv{~}\xf4&lt;\xcf[L\x96\xce/\xf5\xac\\\xad\x06\x00\x94*S\xee\xe5W\xdf\xf8\xec\xeb\x1f\x97m\xd8\xb1\xfa\x8f\xfdK\xd6\xc7\xbf?\xf9\x8br\x15*I\x92$*\x95\x97\xcf\'/\x9c=\xdd\xdf_M]O\xf9E\x92\xdc:}@\xab\x0e\xcf\x03@RR\xf2\xdd\xbbw\xa9\xa6z1\x14\x83\xe1;\xb0=,\xa3\xa8\xa1!\x8a\xbbw\xef^\xbcx\x11\x00\x9a\xc6\xb6\xd3h\x146\xab\xd5\x0b\x8f\n\x96e?\x7fM\xdc\x07\x9fd\xa4\xdfy\xb9\xcf\x80\x90Ra\xb4\xdf=M\xfei\xd7\xb9c\xf7&gt;\x03\x06\xbd\xd21\xe5\xe29\x8e\xe3\xb6\xff\xb6n\xe4\xd8\x89\x1a?\x7fY\x96\xf2+\x84\x1cB\x92D\x9a\xb5j\xbf\xfc\xbb\xb9\x16\x8b9!\xe1x\xb9r\xe5\x9eP\x8a\x14\x83Qd\xb0\x1d\x00\xa3\xa8\xa1\x0b\xe7\xbf\xff\xfe\xdbd2q\x1cW?\xa6\xa9\xdbM8\xaf\xb6&amp;\x1c\xcf[\xcc\xd6./\xf5\x1e6j\xac\xc6/\xc0\x90c0\xe4\x1a-f\xa3\xd5b\xb1XLwog\x95\x0f/;(n,!\x04\x00ee\xa4\xdf\xb8\x9e**E/V\xee\x88\xe3\x9c\x0egd\xcd:\xc1!\xa1\x00\xb0g\xcf\x1e/f\xcb`\xf8\x1al\x07\xc0(j\xa8\xfdMN&gt;\x0b\x00\xfe\x01\x01U\xab\xd7r9]\xde\xe5h\x02\x00B\xc8n\xb7\xd9l\x84\xe38\x9e\xff\x9f\xef\xb3B\x04\xbb\x1d\x97\x0f\xaft\xffi\x89\xddf\xe58\x0e \xff\x02\x80\x90\xcb\xe5\n+].&lt;\xa2jVf\xc6\xf9\xf3\xe7\x80u\x08`\x14\x7f\xd8\x0e\x80Q\xd4\xd0\xf0iR\xd2\x19\x00(]\xb6\x82N\x1f$I\xf9\xf6\xc9&lt;0\xe0#\x83\xd8\x84\x00\xcf#\xb3\xd1\x08\x00\x04\x00!N\xe3\xe7\x8f1\xf6\xee\x840!D!r\x15\xabT\x03\x80+W\xae\x98\xcdfz\xdc\xcc\xebi3\x18O\x1d&amp;\x00\x8c\xa7\x83\xc1`\x00\x00}p\x88_@\xa0\'\x1b\xb5p!\x18\x8bJ\x14\xbfu\x03\xfd3\xb4T\xa9\n\x15+\xbb\x9cN\xef\xc4\x86\x10"\x08P\xbaLy\x000\x1aM\xbeS\xb0\x88\xc1\xf0\x1a&amp;\x00\x8c"\x85\xa6\x9f\x9a\xcd\xe6\xd4\xd4T\x00(]\xb6\x02\xc7\x91B_G\x13B$\xc9\x1dVZ\xff\xcb\x8a\x9f\xb6\xfc\xbaJ!\x8a\x04\xe3n=\xfa\x85\x96\nq\xbb\xdd\xde\x19n\x84\x90$A\xa9\xb2\xe5\x01\xc0b1\xa7\xa4\xa4\xc0}w\x16\x83QLa\x02\xc0(j\x10Bn\xb7\xdb`0\x01@x\xa5\xca\nE!;R\x08!@HH\xa8~\xe5\x8fK&gt;zg\x88 \x08n\x97\xabj\xf5Zo\x8e\x99`1\xdb\xbc\xce\xdfG\x00\x18Cx\xa5\xca\x00\xe0r\xb9\xe8\x0e\x86\t\x00\xa3X\xc3\x04\x80\xf1\x14@\x08\t\x02\x0f\x00n\xb7\xbbpM(!\x84\xe38?\x7f\xffYS&amp;~\xfc\xeeP*6\x11U\xab\x7f\xbf\xfa7\xff\x80\xc0\x02\x06\x1b\x00\xc0\xedv\xd3\x7f\xb0c\xc0\x8cg\x00\xf6%f&lt;\x1d\x9e\xc4\xda\x99Z\x7f\x9e\xe7\xdf\x1b\xfe\xda\x1f\x1b\xd7(D\xd1\xedr5j\xd1z\xce\x0f\xabBB\xc3\xacVk!\xa6\xed\xb3\xb5?\xe3\x19\x80\xed\x00\x18O\x07j@\x0bw\x1dM\x08Qk\xd4\x93\xde{\xf3\x8f\x8dkD\xa5\xca\xedr\xf5yc\xf8\x92_\xb7\xe9\x83\x82\x0b\xcb\xfa{&amp;\xcc\x04\x80\xf1\x0c\xc0\x04\x80\xf1\x14@\x08QKj\xc8\xcd\xc6\xb8p\xcajbY\x0e\x08\x0c\xd8\xf5\xe7\xef\x9b\xd6\xaeP(D\x97\xd31\xec\x9d\xf1\x9f\xcf\xffArKN\xa7\xb3P\xac?B`\xc8\xc9\x06\x00\x848\xe6\x02b&lt;\x030\x01`\x14)\x08!\x8c\xb1V\xab\xadY\xb3\x06\x00\xa4\\&lt;\'I\x85S\xa1\x88\x00 \x0e\xfd\xf6\xcbO\x08!\xb7\xdb\xd5\xbek\xf7\t\xd3\xbf0\xe4\x18\xa9_\xa8\xe0\xe3cB\x14\nH\xb9x\x0e\x00\xf4z}\xadZ\xb5\xe0\xfe\x99\x06\x06\xa3\x98\xc2V1\x8c\xa7\x00BH\xadV\x03\x80\xcdjuzU\xa2\xf9ax\x9e\xb7\x9a\xac\xd7SS\xe8h\x03\x86\x8fr\xbb1!\xc0q\x85\x93\xad\x8f\x10\x92eb6\x19\x01@\x14EE\xde\x0e\xcb\x0cF\xf1\x84\xad_\x18E\r\xad\xc7Y\xaf^}\x00\xb8q\xed\x8a!\'K\x10\x84\x02\xba\xd4\xe92\xdf\xe9\xb4g\xa4\xdf\x91eY\x96\xe5\xb0\xd2e\xdd.\xa9\x10W\xe8\x08!\xb7\x1b]\xbe\x90\x0c\x00\xd5\xaaU\r\x0c\x0c\xa4-\xd8\nk|\x06\xa3\xe8a;\x00\xc6\xd3\xa1Z\xb5\xaa\x00`1\x9bo\xa6]\x0b+]\xd6\xe5r\x15\xd4\x98\x12\xc2q\\\xe3\xd86\xd9\x19\xe9j\xb5F\xad\xf1#\xc4\x9b\xca\xcf\xff06\x11\x04\xc1\x98\x9bE\x1b\x0fT\xae\\\x99\xfa\xb2\nk|\x06\xe3\xa9\xc0\x04\x80Q\xd4\xd0Uy\x8b\x16-\x94J\x95\xd3\xe98\x95p\xa4Il\x0b\xb3\x19\x17d\xb5\x8e\x10\xc2\x84\x08\nq\xee\xa25\xf4\x16\xa7\xd3Q\xf0\xac\x7f\x0f\x84\x10\xa5Ju\xf6t\xe2\xed\x9bi\x00\xd0\xa6M\x1b`\x89@\x8c\xe2\x0fs\x011\x8a\x1a\xdaJ\xa5R\xa5J\x95+W\x06\x80c\x87\xff\x92\xa4BJ\x04\xc2\xd8n\xb7\xc9Xv\xb9\x9c\xb2$\x15|\xc0\xbc#\x8b"w\xfc\xc8AY\x96\x95JU\x93&amp;M\x80E\x80\x19\xc5\x1f\xf6\rf&lt;\x050\xc6\xa2(6i\xd2\x18\x00\x12\xff&gt;\x98\x96\x9a\xaaR\xa9\n\x1e\x06P\xa9\xd5\x84\x90\xcb\xe7\x93\xb3\xb32\xfc\x03\x02I\xfe\xcb&gt;\xff\x13&lt;\xcf\xdbm\xae\xdd\xdb\x7fC\x08U\xa9R9""\xa2\xb0\x92\x8b\x18\x8c\xa7\x08\xfb\x06?\xcb\xd0&gt;\xc0\x92$I\x92$\xcb2\xc6\x98\xb6\x89\x87{\xe5\xd2\xee\xddN{\x05\x17\xfd\xf4z\xf4\xe8\x01\x00f\x93\xf1\xc8\x81=\x1a?%.@MP\x82\xb1R)^M\xb9\xd8\xbf[\xcb\xde\x9d\x9a\xbe\xd2\xb6\xe1O\x8b\xe7k4\x1a\x8c\x0b\xa1\xce(\xc1X\xadV\xa7\\&lt;\x7f!\xe9\x14!\xa4k\xd7\xae\xa2(&gt;\xa1\n\xa6\x0cFQ\xc2\x04\xe0Y\xc3c\xf4i\x8e\n\xed\x0bO\xdb\xbe\x0b\x82@\xbb\xc0\x03\x00\xbdQ\x14E\x9e\xe7i1}\xcf\xa3\x8a`\x92\xd4\x0b\xd4\xb6m\xdbj\xd5\xaa!\x84\xb6nX\xed\xb0{\xdf\x13\x06\x000\xc6*\x8dr\xd5\x8f\xdf^H&gt;M06\xe4d\x7f\xfd\xf9\'\xd9\x19\x19\n\x857\xfd\xbf\x1e\x1e\\T\n\x7fn\xfe\xc5\xe9t\x8a\xa28p\xe0@`\xfe\x1f\xc63\x01\x0b\x02?;P\xd3Om=\xbd%;;\xfb\xec\xd9\xb3W\xae\\\xb9q\xe3FZZ\xda\xb5\xeb\xd79\x84N\x9e&lt;\xc9\xf3|bb\xe2{\xef\xbd\xa7\xd5\xea\xea\xd6\x8d*_\xbe|\xed\xda\xb55\x1a\x8dg\x1c\xda\xb6\xf7\xc9\xe58"\x84$IR\xab\xd5}\xfb\xf6\xfd\xf4\xd3O\x8f\x1d\xfa\xeb\xc4\xd1\xbfc\x9a\xb7\xb0\x98\xcc\x9cwGv\x11\xc22\xe4dg*\x14\n\x848^\x00\xb7\xdbe4\x1atA!\x92\xe4\xf6\xae\x03\x0c\x85\x10\xa2\x10\xc5\xac\x8c\xec\x8d\xab\x97!\x84Z\xb4hQ\xbbvm\xfa\xfex=&amp;\x83\xe1#0\x01x\x16\xa0\x8e\x1d\xba\xc6\xc7\x18\x1f=zt\xc7\x8e\x1d\x87\x0e\x1d:u\xfatfF\xc6#\x1f\x92\x95\x955w\xee\\\xcf\x9f\x11\x11\x11\xd1\xcf=\x17\xdb\xa2E\xc7\x8e\x1dk\xd6\xacI%D\x96\xe5\'\'\x03ta&gt;j\xd4\xa8o\xbe\xf9\xc6h4\xfe\xbarq\xb3\xd6-1!^\x9aUB8\x0ejE\xd5\x8f\xff}=\xbd\xa1|xD\xe9\xb2\xe5\xddn\'B\x05\xb2\xd4\xb2,\xeb\xf4\x01\xbf\xfd\xf2sV\xfa]\x020t\xe8P\xb8\xdf\xd7\xbe \xc32\x18\xbe\x00\xebiW\xbc\xa1\xabuj\xafo\xde\xbc\xb9v\xed\xdaU\xabV\x9d:u*\xef5\x08APp\xa8J\xad\xa9X\xb9*\r\x03\x00\x80,\xcb\xd7S/Kn\xb7!7\'\xef\xc5J\xa5\xb2u\xeb\xd6\xfd\xfb\xf7\x7f\xe9\xa5\x97\x02\x03\x03\xe9\x95\x85XD\x13\xee\x1f\x04\xe38\xce\xe5r-Z\xb4h\xca\x94)f\x8bE\x92\xa4\xc5k\xff\x8cm\xd7\xded4{\xf1t\x84\x10\x8e\xe7\xdd.\xe7\xbc\xcf&amp;\x1e;\xbc?4\xac\xf4;\x13\xa6\xd6\x8d\x8e\xb1\xdb\xec\x05\xb1\xd44\xfd\xdfd\xc8\xed\xde\xe6\xb9\xec\xcc\xf4j\xd5\xaa\x9d&gt;}Z\x14E\x84\n\xa7|\x05\x83\xf1ta\x02P\x8c\xf1\x98\xe6\xe4\xe4\xe4\xb9s\xe7n\xda\xb4)77\x97\xde\xa5T*kF\xd5\xaf\x1b\xdd8\xbaQ\xb3Re\xcb\x95\xafXY\x10\x14A!\xa1\xf4\xe3F\x08\xb0\x8c\xb3\xb32\\.gZ\xea\xe5\x9bi\xd7N\x1e;\x9c|*\xf1\xd2\xb9$\xcf\xb7!&lt;\xbc\xe2\xa0A\x03G\x8e\x1c\x19\x16\x16F\x08)\x94\xa4\x97\xbcr\xb5m\xdb\xb6\x0f?\xfc\xf0\xcc\x993\xf4.\x04\xd0\xa0q\xf3\xd5\x7f\xfce\xb5X\xbd{"\xba\x07\xd2\xf8i,f\x8bR\xa5B\x80\xecv[\x01\xcd\xb4\xe4v\x87\x96\xd2\x7f\xfa\xe1\xb8%\x0b\xbe\x04\x80u\xeb\xd6\xf5\xea\xd5\xab\xd0\x15\x91\xc1xZ0\x01(\x96x,\xa9\xd1h\x9c={\xf6\x9c9s\xecv;\xbd+\xbaq\xf3\xb6\x9d\xba\xc5\xb6\xeb\\\xb5z-\x95F\xc42\xc82v\xb9\\\x04\x13Ir\xe5\xf5\x86+\x14"BHT*y\x01\x10\x80\xc9hI&gt;u|o\xfc\x96\xfd\xbb\xb6\xa5\\&lt;O\xaf)_\xbe\xfc\xb4i\xd3\x06\r\x1a\x04\x05\xdb\nx\xe2\x13\x00\x90\x9c\x9c&lt;~\xfc\xf8?\xff\xfc\x93\xde\xd5\xbbw\xefr\xe5\xcaQ\x7f\xd4\x87\x9f\xcey\xf3\xbd\xf72\xef\xe6\n^U\xda\xf1\xbc-\x04cR\xe08\xad,I\x81\xda\xc0\x13\xc7\xfe~\xbd{[\xb7\xcb\xd5\xa1C\x87\xf8\xf8xf\xfd\x19\xcf\x12L\x00\x8a\x1f\x1e\x07\xf4\xbau\xeb&amp;M\x9at\xf1\xe2E\x00P*U\x9d_\xea\xd9\xad\xc7\xab\xcd\xdbtT*\x05\xa7Sr\xd8\xedX\x96\x01!\x8f\xbf\xe2\x81\xe5\xf0\xfd|P\x9a\x18\x8ax\x9eWk\xfcD\x11\xe5\xe6\x18vl\xdd\xbcu\xfd\xeaC\xfbv\xd2+\xdb\xb5k7k\xd6\xac\xe8\xe8h\xef\xa2\x02\x1e\xa3\x99\x91\x91\xf1\xd9g\x9f-^\xbc\x98\xcaU\xdd\xbau\xbf\xf8\xe2\x8b.]\xba\x10Bj\xd4\xa8q\xf9\xf2e\x8d\x9f\xffO\x9b\xf7\xd4\xae\xdf\xc0b2\xf3\xde\xd7[&amp;\x05\x89\xfa\xde\x1b\x82`\x9e\xe7%\xc9\xfdj\x97\xd8\xcb\x17\xcer\x1c\x7f\xf6lrdd$K\xffg&lt;K0\x01(fPc*I\xd2\x07\x1f|0o\xde&lt;zc\xb3V\xed\xdf\x1e7\xb9i\xcb\x16.\x17\xb1\x9a\xcd\x18c\xc4q^\xd8)\x1a!P(\x14\xfe\x01~\x18\x93\xdf\xd6\xad\\4o\xe6\xe5\x0bg\x01@\xab\xd5\xce\x9e={\xe8\xd0\xa1\xf9r\x07y\xdc\xfdn\xb7{\xe5\xca\x95S\xa6LIKK\x03\x802e\xcaL\x980a\xc4\x88\x11\xa2(J\x92\xc4\xf3\xfc\xd1\xa3Gccc%I\xaaV\xa3\xf6/\xf1\x87xA!\xb9\x0b\xb3\x94[~\x91%)(D7z\xc8\x80\xdf\x7f]\t\x00s\xe7\xce\x1d=z4[\xfe3\x9e1\x98\x00\x14\'\xa8\x01\xbas\xe7N\xaf^\xbd\x0e\x1d:\x04\x00a\xa5\xcb~0y\xe6K}\xfa\xcb2\xb1\x98M\x1cB^\xa6Q\xfe\x0fD\x96e\x84\xb8@m\xa0\xd5b\xfda\xde\x8c%\xf3g\xbb\\N\x00\x181b\xc4\x82\x05\x0bh\xae\xd1\xbf[\xe7\xbc&gt;\x9f\x9d;wN\x9e&lt;\xf9\xc8\x91#\x00\xa0R\xa9\x86\x0f\x1f\xfe\xf1\xc7\x1f\x87\x85\x85y^\x11\xfd\xff\xbcy\xf3\xc6\x8c\x19\x03\x00\xddz\xf4\x9b\xfb\xe3*\x8b\xc9L\x08)\xc8\xe1\x00\xaf\x91$)\xac\x94n\xd1\xd7_\x7f\xf6\xd1h\x00\xe8\xd9\xb3\xe7\xaf\xbf\xfe\xca\xac?\xe3\xd9\x83\t@\xb1A\x92$A\x10\x12\x12\x12\xbaw\xef~\xfb\xf6m\x00h\xd6\xaa\xfdg\xdf\xfc\x18^\xa9\xa2!\xc7\x08\x088\xae\x90\xcd\x93,K&lt;/\xe8\x83\xfc\x0f\xee\xd9\xf7\xd1\xbb\xc3\xd2\xae\xa6\x00@\xf3\xe6\xcd\xb7l\xd9\xa2\xd7\xeb\xffE\x03\xe8T\x01 99y\xc6\x8c\x19\xabW\xaf\xa6\xb7w\xec\xd8q\xda\xb4i\x8d\x1b7\x86\x87rL\xe9C\x06\x0e\x1c\xb8b\xc5\n\x00x\xf9\xd5\x813\x17.\xb5Z\xacE\x9fp)IRh\x98n\xe9\xc2\x85\xd3\xc6\xbf\r\x00QQQ\x7f\xfd\xf5\x97V\xabe\x99?\x8cg\x0f&amp;\x00\xc5\x03\xba\xfcLHH\xe8\xdc\xb9sNN\x0e\x00\xbc\xf9\xde\xc7\xef~8U\xc6\xb2\xddf{r\xed\t\t!\xb2$i\xf5\xfa\xec\xcc\xbb\x93\xc6\xc6\xed\xdc\xba\x11\x00bbb\xe2\xe3\xe3\x1f\xa9\x01\x1e\xb3\x9e\x91\x91\xb1`\xc1\x829s\xe6\xd8l6\x00\xa8[\xb7\xee\x84\t\x13\xfa\xf6\xed\x0b\xffp\xbc\x80z\x96\x1c\x0eG\xeb\xd6\xad\x13\x12\x12\xe0\xbe\x06\xd8\xac6\xea#zB/\xf0\x819`\x8cC\xc2\xb4K\x17\xdc\xb3\xfeAAA\xfb\xf6\xed\x8b\x8a\x8ab\xcb\x7f\xc63\t\x13\x80b\x00\xb5\xb3y\xad\xff\xa4\x99\x0b\x86\xbd\x13\x97\x91n\x82"\xa9I K\x92\xa8Ri4\xaa\x0f\xde\x1a\xb4i\xcdr\x00\x88\x89\x89\xd9\xb6m\x9b^\xaf\xf7\xac\x8b=\x87\xd1\x00`\xd9\xb2e\x93\'O\xbeq\xe3\x06\x00\x94)Sf\xe4\xc8\x91\xe3\xc6\x8d\x13E\xd1\x13\x12\xf8\x97\x97\x99\x9b\x9b\xdb\xa9S\'\x8f\x06L\x9f\xfb=B\x9c\xd5j}\xd2=xeYV(\x14\xfe\x81\x9ae\x0b\xe7O\x9f\xf0\x0e\x00\x04\x05\x05m\xdf\xbe=&amp;&amp;\x86Y\x7f\xc6\xb3\n\x13\x00_\x87\x96\xf4\xc9\xcc\xcc\x8c\x8a\x8a\xca\xc8\xc8\x00\x80I3\x17\x0c\x8e\x8b\xcbL\xcf\xe5\x05\xa1\xc8\x9c\x12\x18c\x0e!\xbf\x00\xff\xf1q\x83\xa9\x06\xb</t>
        </is>
      </c>
    </row>
    <row r="112">
      <c r="A112" s="1" t="n">
        <v>110</v>
      </c>
      <c r="B112" t="inlineStr">
        <is>
          <t>size_grid</t>
        </is>
      </c>
      <c r="C112" t="inlineStr">
        <is>
          <t>What is the size of the missing part denoted with a question mark?</t>
        </is>
      </c>
      <c r="D112" t="inlineStr">
        <is>
          <t>['large', 'small', 'medium']</t>
        </is>
      </c>
      <c r="E112" t="inlineStr">
        <is>
          <t>small</t>
        </is>
      </c>
      <c r="F112" t="inlineStr">
        <is>
          <t>There are circles arranged in a grid formation with varying sizes in the image. The sizes in the first row are ['large', 'small', 'large'], the sizes in the second row are ['small', 'medium', 'small'], and the sizes in the third row are ['large', '?', 'large'].</t>
        </is>
      </c>
      <c r="G112" t="inlineStr">
        <is>
          <t>We observe that the circles at the corners are large size, while the circles directly adjacent to the center are small size. Only the center circle is medium size. Hence, the pattern is that the circles alternate in size depending on if they are at the corner or adjacent to the center.</t>
        </is>
      </c>
      <c r="H112" t="inlineStr">
        <is>
          <t>Based on the pattern that the circles alternate in size depending on if they are at the corner or adjacent to the center, the size of the missing part that is adjacent to the center should be small.</t>
        </is>
      </c>
      <c r="I112" t="inlineStr">
        <is>
          <t>b'\x89PNG\r\n\x1a\n\x00\x00\x00\rIHDR\x00\x00\x02\x00\x00\x00\x02\x00\x08\x02\x00\x00\x00{\x1aC\xad\x00\x00]\xf8IDATx\x9c\xed\xddy|T\xd5\xfd?\xfe\xf7\xb9\xf7N&amp;\x93}B\xc2\xea\x02\x08\t\x08!\x04\t\xbb\x08\x82,*\xc5\x16\x04-\x08\x06!\xfa\xc5\xa5P\xad\x95V\xab\xa8\xbfV\x81\x16\xdb*b\xa2\x80\x82B\xb5\xb6(\xfa\x81\xb0\x88E\x10\x11\r\x98\x00\x81\xb0\xc9\x9e\xb0d!d\x9b\xb9\xe7\x9c\xdf\x1fG\xa6)k\x08Y\x989\xaf\xe7\xc3\x87\x0f\r\x93\xe1\xce\xdc\xf7=\xafs\xcf=\xf7\\&amp;\xa5$\x00\x00\xd0\x8f\xd1\xd0\x1b\x00\x00\x00\r\x03\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xcaj\xe8\r\xd0\x91\x94\xf2\x82?g\x8c\xd5\xf3\x96\x00\xd4?\xd4\xff\xb5\x03\x01P\xb7d\x15Dd\x18\x86\xef\xdf\xe7\x13B\xf8\xfe\xcd\xaa\xa8\xc7\xed\x05\xa8M\xa8\xffk\x1c\xbbX\x1aC\x8d\xa9r\x17B0\xc6L\xd3&lt;\xff\x05B\x88\xe2\xe2b\xc6~\xfa\xf2\xd5\x7f\x04\x07\x07\xbb\\\xae\x0b\xbeX\xbd\x95a\x188\x18\xe0\xda\x87\xfa\xf7#\x08\x80Z\xa3\x8a^JiY\xff=\xaf\xe2\x9c\x1f=zt\xcf\x9e=\xd9\xd9Y\'O\x9e\xdc\xbc\xf9;\xdb\xb6\xf3\xf3\xf2\xf2\xf2\xf3\x181I\xea\xcbgD2,4\xacM\xdb6RRBBBLLL\xd7\xae]\xaf\xbf\xfe\xfa\x1bo\xbc1$$\xa4\xea\xbb\x11\x11\x8e\x04\xb8\x06\xa1\xfe\xfd\x11\x02\xa0\x16H)9\xe7\xbe\xba\xe7\x9c\xe7\xe6\xe6fdd\xac_\xbf&gt;77\xf7\xc0\x81\x1fO\x9f.\xa9\xc1\xdb:\x9dA\xcd\x9b7\x8f\x8f\x8f\xef\xd1\xa3\xe7\xa0A\x83\x12\x13\x13}\x07\x83m\xdb\x86a\\\xecT\x1a\xa0&gt;\xa1\xfe\xfd\x17\x02\xe0\xaa\xa8.\x89:\xcf\xe5\x9co\xda\xb4i\xe9\xd2\xa5\xcb\x97/\xdf\xbd;\xb7\xb2\xd2S\xf5\x95\xe1\xe1\xa1\xa1\xa1!7\xc7\xb54,32&lt;\xb4S\xa78\xc9\x85\xea\xc6H)\x99\xe58\xf0\xe3\xe1\x83\x87\xf3\x98i\xee\xd9s\xf0\xf4\xe93\xa7\n\x8a\xce\xf9\xbbZ\xb5j\xd9\xbf\xff\xed\xc3\x87\x0f\xef\xd7\xaf_DD\x04\x9d\xeds\xa1C\x04\r\x05\xf5\xef\xef\x10\x005\xc49\xf7U\xde\xe1\xc3\x87\x97,Y\xf2\xfe\xfb\xefo\xdd\xba\xf5\xbf\xaf`\xac\xe5\x8d-nIj\xdf%1\xbek\xe7v\xed\xe3[GD\x86E\xc6\xba\xc90\xc9`D\x0e\xa2\xaa\xdf&lt;#\xb2Ipb\xac\xfcdaii\xf9\xf6\xdc\x1f\xb7d\xe5fo\xdb\xbd\xf9\xfb\xed\xbb\xf7\x1c\xa8\xa8\xa8\xf4\xbd\xf4\xc6\x1bo\x1c5j\xd4\xd8\xb1c;u\xea\xe4\xdb\x98\x0b\x0e\xb6\x02\xd4\x11\xd4\x7f`@\x00\\15\xd0\xa9\n\xee\xeb\xaf\xbf~\xe7\x9dw\xfe\xfd\xef\x7f\x15\x16\x16\xa9?u\xbb#\xbav\xe90x@\x8f\xbe\xb7v\xed\xd0\xaeeHL4\x91EdS\xa5\x87\xb8\x10^/\x11IIR\n\xa2\xaa\xdd\x16\xf9\xd3\x84\x07I\x86\xc3"\xd3 g\x101\x8bH\xf2\xd3%\xb9{\x0fm\xda\x9c\xf5Y\xc6\xfa\xef\xbf\xdf\xf1\xe3\x81#\xea\x17\x82\x82\x82\xfa\xf5\xeb7y\xf2\xe4\xa1C\x87\x06\x05\x05\xa9\xde\x10\x0e\x03\xa8k\xa8\xff@\x82\x00\xb8\x02U\xc7:\xd7\xacY3c\xc6\x8c\x95+W\xfa\xfe\xb4O\xaf\xa4\xe1\xc3\xfa\xdf7r\xf0u\xad\xaf#\xc3A\xc2K\xe5\x95\xdckK)}\xf3\xd9\xaas\xae\xaa\xf6\x88\x10RJ\xc9\x18\x99\x96IN\'9\x82\x88DI~\xc1\xd2\xcf\xd7\xfek\xe9\x17\xab\xbe\xd8XZZ\xae^\xdf)!a\xca\xd4\xa9)))\xf4\xbf\xfd2\x80\xda\x85\xfa\x0f&lt;\x08\x80\xeaR\xa3\x8dD\x94\x9b\x9b\xfb\xea\xab\xaf.\x98?_HID.W\xf0/G\r\x9d\xf0\xe0\xcf{\xf5L$\xa7\x8b*\xcbEE\xa5\x10\x92\x19\xcc\xa8\x8dY\xcc\xaa\xbb$\xa4dDf\x90\x83BBI\x8a\x9d\xdbr\xff\xf1QF\xda\xdb\x1f\x1d=vB\xbdl\xe0\xc0\x81\xcf&lt;\xf3\xcc\x80\x01\x03\x08g\xc4P\x07P\xff\x01\t\x01P-\xb6m[\x96\xe5\xf1xf\xcc\x981{\xf6_\n\n\n\x89(\xda\x1d9!\xe5\xe7\xe3\xef\xbf\xabc\xd7D\x12^y\xa6\x8csa\x9au\xd8\x01\xf9iz5\x91\x11\xea"\x87+\xff\xc0\xc1\x85K\x96\xcf\x9b\xffq\xce\xae\xfdD\xc4\x18KIIy\xe9\xa5\x97\x9a7o\x8e\xae\x10\xd4"\xd4\x7f\xa0B\x00\\\x86\xba/\xd10\x8c\r\x1b6&lt;\xf2\xc8#\xdb\xb6m#"\x97\xd3y\xff}C\x9f\xfe\xf5\x84\xf8N\x1d\xc8[\xcaK\xcb\x191\xc3\xac\xbfIiB\x08!\xa4\x15\x1cD\xae\x88\xe2\xe3y\xaf\xbd\xbe\xe8\xad\xf4\x8f\x8e\xe5\x9d$\xa2\xa6M\x9b\xbc\xf4\xd2\xcb\x13\'N$t\x85\xe0\xaa\xa1\xfe\x03\x1b\x02\xe0R|\x05\xf4\xc2\x0b/\xbc\xf2\xca\x9f\xd4\xcc\xb6\x81\xfd\xbb\xbf\xfc\xe2\xe3\xdd\xfbt\'O\xb9}\xa6\xcc0\x1bl&gt;\xb2\x94\x92\xdb\xdcr\x06Qh\xc4\xd1}\xfb\x9f\x9b\xfe\xc6\x82\x85\x9f\xa8\x13\xf3\xfb\xee\xbb\xef\xf5\xd7_o\xd4\xa8\x91\xea\xbb5\xc8\xe6\x81\xbfC\xfd\x07&lt;\x04\xc0E\xa9\xea?v\xecXJJJFF\x06\x11\xb9\xa3\xc2\xa7\xff\xe1\xd1\xc7\x1f\x1bK\x06\xe3\xa7K\xd8\xb5q+\xcaO\x97\xe6\\\xc1\x14\x1c\x9a\xb1l\xf5\xaf\x9e|e\xd7\xee\x03D\x14\x17\x177o\xde\xbc\xde\xbd{\xa3\x1f\x045\x80\xfa\xd7\x01\x02\xe0\xc2T\xc7a\xc3\x86\r\xa3F\x8d:z\xf4(\x11\xf5\xe9\xd9\xf9\x9d\xf4\x97\xe2:\xb4\x13\xc5E$e}\x9e\xf0V\x87\x94\x92sa\xb9#\x8bO\x15=\xf5\xd4\xabo/\xf87\x119\x9dA\x7f\xfd\xeb\xdf\x1e~\xf8a\x0c\x89\xc2\x15A\xfdk\xe2\xda\xda\x8b\xd7\x08U\xfd\xe9\xe9\xe9\xfd\xfb\xf7W\xd5?\xe5\xb11kW\xcd\x8f\x8bki\x17\x9e2\x8cz\x1d\xee\xac&amp;\xc6\x98e\x99\xbc\xb08\xd2\x15\x94&gt;\xff\x95\xf47_\x88\x8a\x08\xab\xac\xf4&lt;\xf2\xc8#\x8f&lt;\xf2\x88i\x9aj\xfavCo&amp;\xf8\x01\xd4\xbf&gt;p\x06p._\xf5\xa7\xa6\xa6\x12Qdx\xe8_f==!u\xac,)\x94\\\\\x83\xa5\x7f\x0e)\xa5\xe0\xc2t7\xfav\xfd\xa6\x07\x1e|&amp;w\xef!"\x9a4iRZZ\x1a\xfaApY\xa8\x7f\xad \x00\xfe\xc79\xd5\xdf\xc8\x1d\xb1\xfc\xd37\x93\xfbt\xb7\x0bN\x9a\x96\xe9G\xa5c{m+*\xa2\xe0x\xc1\xd0\xbbR\xbf\xcd\xdcA8\x06\xa0\x1aP\xff\xba\xb9\xd6\xf3\xbc&gt;\x9dS\xfd\xdd\xba\xdc\xbcq\xc3\xe2\xe4^Iv\xc1I\xcba\xf9W\xd1X\x0e\x8b\x17\x97D\xbb\xc3W\xaf^0a\xec\xcf\x88H}.\x9c\x0b\xc3\xc5\xa0\xfe5\x843\x80\x9f\x9c_\xfd+\xfe/\xdd\x1d\x1b\xc5\x8bKL\xbf\x9dF&amp;\xb80\x82\x1c\xe4\nNM\x99\x96\xfe\xeeR:\xdb\x0fRO\xd8\xf0\xafC\x1a\xea\x14\xea_O\x08\x00\xa2\xb33\xde|\xd5\x9f\x9c\xd4&gt;c\xf9\xdbnw8/-7-\xff\x9e@&amp;\x84\x90\x86a\x86\x85\x9es\x0c`n\x1c\xf8\xa0\xfe\xb5\x85\x00\xf8\xa9\xfa7n\xdc\xd8\xa7O\x1f!DtT\xc4w_/n\x15\xdf\x92\x17\x9f\xf1\xf7\xeaW\xa4\x10\xd24\x99\xc3\xd1\xfb\xd6_n\xdc\xbc\x8d\x88f\xcf\x9e=e\xca\x14\xdc#\x03\x84\xfa\xd7\x9b\xee\x01\xa0N\x06\x8f\x1f?\x9e\x98\xd8)?\xffxh\x88kmFzr\xaf.\xbc\xb8$0\xaa_\x11B\x90\xc3QTR\xd6\xff\xf6qY;\xf6\x12\xd1\xca\x95+\xef\xb8\xe3\x0e\xf4\x834\x87\xfa\xd7\xbc\xfeu\xbf\x08\xac\x96:y\xe0\x81\x07\xf2\xf3\x8f\x13\xd1\x1b\x7f\xf9mr\x9f\x1ev\xd1\xe9@\xaa~"2\x0cCVz\xa2c\xdd\x8b\x16\xbc\x12\xed\x8e \xa2q\xe3\x1e\xc8\xcf\xcf7\x0cC}\x03\xa0\'\xd4\xbf\xe6\xf5\xafu\x00\xa8s\xc0\x17_|q\xd5\xaaUD4\xe5\xff\xdd7\xfe\xe1\x07\xbc\x05\'-G\x00\x9e\x18\x9a\x96i\x17\x9dNHNJ\xfb\xdb\xb3D\x94\x97\x97\xff\xc0\x03\x0f0\xa6\xfb)\xa0\xceP\xff\xa8\x7f}?\xbfZ\xdf\xfc\x9bo\xbe\xe9\xdb\xb7\xaf\xd7\xeb\xed\xd1\xb5\xe3\xfau\x8b\xa4\xd76I\x06\xf0\xf4\x00\xdb\xb6-w\xa3\xa9\x93\x9f{\xed\xcd%tv0\x14\'\xc2\x1aB\xfd\x13\xea_\xdb\x00P\x0b\x8bs\xce\x13\x12\x12rss\xc3\xc3C\xb7n\\\xd2:\xae\xa5(-\xbf\xf6\xefu\xbc\x1aRJ\xc1\x18YV\xb7\x9e\xa33\x7f\xc8\xb5,c\xdb\xb6\xedqqqR\xcakaa/\xa8\x1f\xa8\x7f\xd4\xbf\xa2\xe3g&amp;"\xf5\xf8\xd0Y\xb3f\xe5\xe6\xe6\x12\xd1+\xcf?\xda\xbaC;\xbb\xa44\xb0\xab\x9f\x88\x18c\xc4\x85\xe9p\xbc\xfd\xc6\x1f\x9cN\x07\xe7\xe2\x89\'\x9e\xc0\x89\xb0nP\xff\xa8\x7f%\xc0\xf7\xf7\x05\xa9\x93\xdf\xbd{\xf7\xce\x981\x83\x88\xfa\xf6N\x9a\xfc\xab\xf1\xbc\xb80 \x87&gt;\xcfg\x9a\x86]R\x92\xd4\xbb\xfbS\x8f\x8d\x91R\xae\\\xb9\xf2\xa3\x8f&gt;2M\x93s\xde\xd0\x9b\x06\xf5\x01\xf5\x8f\xfa\xf7\xd11\xfa\xd4\x90\xdf\xf8\xf1\xe3\xdf{\xef\xbd\xe0`\xe7\x86U\xeft\xe9\xd1Y\x9c)\x0b\xf8\xee\x8f\x8f\x94R\x98fiYE\xd7\x9e\xf7\xed\xdd\x7f\xa8M\x9b\xb6\xd9\xd9\xd9\x96e\xe1\xf6H\x1d\xa0\xfeQ\xff&gt;\xba\xecr\x1fU\xfd\xeb\xd6\xad{\xff\xfd\xf7\x89h\xf4\xcf\x07v\xe9\xd3\x83\x97\x9c\xd1\xa7\xfa\x89\x881&amp;=\xde\x88\xd8\xd8g\x7f3A\x08\x99\x9b\x9b;k\xd6,L\x89\xd3\x01\xea\x9fP\xffUhw\x06\xa0\xf6\xf1\xc0\x81\x03\xd7\xae]\xdb(:\xf2\x9b\xff,l\xdd\xb6%UT\x1a\x86^\xc9/\x89$\x91\x97X\xdf\xfe\xe36g\xee\x88\x8e\x8e\xde\xb1cGll,\xa9qR\x08P\xa8\x7f\x05\xf5\xafh\x14\xfbD\xa4\x16\x83\xcd\xcc\xcc\xfc\xf2\xcb/\x89(e\xcc\xb06\x1d;\x8a\xd22\xdd\xaa\x9f\x88\x18\x91\xb4\xb93&lt;l\xfa\xb4T)\xe5\xa9S\xa7\x16-Z\xc4\x18\xd3s$T\x13\xa8\x7f\x1f\xd4\xbf\xa2W\x00(s\xe6\xcc\x91R\x06\x07\x07M\x187\\z\xce\x18\xbaN\x016,S\x9c)\xe9;\xa0g\xbb\xf8\x96\x8c\xb1y\xf3\xe6\x95\x97\x97\x9b\xa6\xa9\xdbI\xa1nP\xff\n\xea\x9f\xb4\n\x00)\xa5z\xc8\xf5?\xff\xf9\x11\x11\xdd?rH\xfb\xae\x89\xa2\xac\\\xc3\xee\x8f\xc2\x88\xa4\x97\x87DEM\x9b\xfa\xa0\x94r\xfb\xf6\xedk\xd6\xaca\x8ci2\x12*\xabh\xe8m\xa9\x0f\xa8\xffsh^\xff\x8aF\x01\xa0N\xee\x16/^\\Rr\xc64\xcd\xc9\x13GJ\xe1%\xd2\xb4\xfa\x15\xc34d\xd9\x99\x11\xbf\x18t]\x8b&amp;\x8c\xb1\xf4\xf44\n\xe81P!\x84m\xdb\x9cs\xdf\x8a\xf0\x8a\x94\x92sn\xdbv\x00\x1f\xfc\xa8\xff\xf3\xe9V\xff\xe7\xd3(\x00L\xd3\xf4x&lt;\xef.X\xc0\x18\xebvK\x87.=\x12\xe5\x992S\xa7\xc9\x0f\xe7c\x8c\xf1Johl\xcc\xfd#\x06I)\xd7\xacY\xb3{\xf7\xee\x80\x9c\x0e\xc19W#\xe0\x96e\x99\xa6i\x18FqqqaaaQQQQQ\x11c\xcc4M\xcb\xb2\x0c\xc3Pa\xd0\xd0\xdb[\xfbP\xff\xe7\xd3\xa7\xfe/F\x97\xdd\xcf9g\x8cm\xd9\x92\x99\xbdm\x9b\x94r\xc4\xcf\xfa\x1b\xce\x10\xc1u\xd9\xcd\x97\xc0\x18#\xe1\x1d1|\x80a\x18\xa5\xa5eK\x97.\xa5\xb3sE\x02\x83j\xd0M\xd34M\xf3\xf0\xe1\xc3\x0b\x16,\x988\xf1\xa1\x01\x03\x06\xb4o\xdf.&gt;&gt;.&gt;....\xaeW\xaf\x9e\xf7\xde{\xefk\xaf\xbd\x96\x93\x93\xa3\xc2@-\x96\xd0\xd0\xdb^kP\xff\x17\x13\xf0\xf5\x7fi\xbaL\x03U\x0b\x1f\xfe\xf6\xb7O\xcf\x9813\xda\x1d\xb9\xed\xdb\x0f\x9b]\xdfDVz\xb5:\xdd\xbb\x18!%9\x9d\xb7\xf5\x1f\xb7\xe1\x9b\x1fz\xf5\xec\xb9\xee\xab\xaf\x88(0\x96F\xf1\xad\xf3\xb5f\xcd\x9a\xf7\xde{o\xd9\xb2e\x85\x85\x85\x97x\xbd\xd3\xe9\xbc\xed\xb6\xdb\xc6\x8c\x193n\xdc\xb8\xaa\xbf\xee\xefP\xff\x97\x10\xc0\xf5\x7fYZ\xdc\xfcMD\xa6iz\xbd\x9e\xcf&gt;\xfb\x9c\x88:w\x8ak\xd6\xfazQrF\x93}|Y\x82\x0b\xcb\xe9\x1a\xd8\xbf\xdb\xfa\x8d[\xbf\xcf\xcc\xdc\xb3gO\\\\\x9cZ0\xa0\xa17\xed\xaa\xa8\xe6\xfb\xe8\xd1\xa3\xcf=\xf7\xdc\xfc\xf9\xf3}}\x9d\x1boh\xde\xb6\xed\x8d\x1d\xdb\xb5rGG\x11\xe7^\xaf\xfd]V\xee\xe1\xc3y\xdb\xb6\xef\xa9\xac\xac\\\xb9r\xe5\xca\x95+\x17.\\\xf8\xf2\xcb/w\xef\xde=0\x9e\x1f\x8b\xfa\xbf\x84@\xad\xff\xea\xd0"\x00\xce.~\xb2o\xdf\xbe\xbdD4d`/2,!\xa4\x06\xfb\xb7Z\x18c$&lt;\x83\xfa\xf7x\xf9\xd5w***6l\xd8\x10\x00\x07\x80\xea\xf3fdd&lt;\xf4\xd0\x84#G\x8e\x12\x91+\xd8\xf9\xcb\xd1w\xde\x7f\xdf\x9d\xc9\x89\xf1\x11\xcdb\x89\x0c"\x93H\x12\x11I\xdb.9\x93\xb9m\xf7\x8a\x8c\xf5s\xd3&gt;:\x96wb\xf5\xea\xd5\xeb\xd6\xad{\xf5\xd5W\xa7L\x99\xa2\x06\x04\xfc7\x03P\xff\x97\x16\x90\xf5_M\x81\xff\t\xe9\xec\x88\xde\x8a\x15\xcb+**-\xd3\x1cp[2\t\x9c\xfc\xfe\x97a0*\xafHLj\xdf\xa2Ec"Z\xb6\xecS\xf2\xe7\xf6\x8e\x888\xe7\x96e\xa5\xa7\xa7\x0f\x192D\xb5\xfe\x13\xc6\xdd\xb3y\xc3\x07o/xe\xc0\x90&gt;\x11\x91a\xa2\xa8\xc4.,\xb2\x0bO\xda\x85\x05va\x81(.\xb1\x18\xeb\xd6=\xf1\x0f\xd3\xa7n\xf9\xf6\xc3\x17\x9e\x9b\xec\x8e\x0c\xf7x&lt;S\xa7NMMMUW\x86\xfdw\xb0\x14\xf5\x7fi\x81W\xff\xd5\xa7E\x00\xa8}\xb9~\xc3\x06"j\xd1\xbcq|\xbbVT^\xa1\xed\xf4\xe7\xf31\xc6\xb8\x97\x87DG\xdd\xd2\xb9\x1d\x11m\xc9\xdcRVV\xe6\xbfw\xc4\xa8\x91\x9f\xf4\xf4\xf4\xd4\xd4T"j\xe4\x8e\xfc\xc7\xa2\x99\xef\xbc;\xabCB\x1c/*\xe2E%\xd2\xe6\x86iX\x96iY\x96e\x99\x96e\x1a\xa6!\x89\xc4\x99R\xbb\xb0\xa0I\xa3\xa8\xe7_|j\xf5\xaay]:\xc5\x13\x91z\x1f\xbf\x9e\x19\x82\xfa\xbf\xb4\x00\xab\xff+\xa2E\x00\x18\x86\xe1\xf1xv\xe6\xe4\x10Q\xf2-\x1dBc\xa2\xb9\x97k\x92\xf0\xd5$\xa5$f\xf6\xebs\x0b\x11\xe5\x1f\xcf?t\xe8\xd0O?\xf47\xaa\xf5_\xbdz\xb5j\xfd\xa3\xa3\xc2\x97\x7f:g\xd4\x98_x\x0bN\x8a\xb2r\xd34M\xd3\xb8\xe0\xaegD\x86aX\x96)m\xdb{*\xbfK\xd7\x0e\xabW\xcdKNjOD\xe9\xe9\xe9\xd3\xa7O7M\xd3\xb6\xed\xfa\xfe&lt;\xb5\x01\xf5\x7fY\x01S\xffW*\xf0\x03@]\xc4;v\xec\xd8\xc1\x83\x07\x89\xe8\x96\xce\xed\x88Y:\xec\xda+\xc2\x18#i\'%\xb63\x0c\xa3\xbc\xbc"++\x8b\xfc\xf0\x00P\xfb://\xef\x81\x07\xc6\x12Q\xb4;b\xc5\xb2\xb9\xc9}\xbazO\x1dw8\xacj\x0e\xe92\xc6\x1cA\x0e^t\xda\x1d\x15\x9e\xb1\xe2\xed\xaeI\xed\x89h\xfa\xf4\xe9\xabW\xaf\xb6,\xcb\xefn\x11@\xfdWG`\xd4\x7f\r\x04~\x00\xa8\xbd\xb8\x7f\xff\xfe\x92\x923D\xd4\xb9S&lt;\x11\xba?\xe72\x0cF\x95\x9e\xf867FE\x86\x13\xd1\xce\x9d9\xe4\x87\x07\x80z\xb0\xdf\xb4g\x9e\xc9\xcb\xcb\xb7,3\xedo\xbfO\xee\xd3\xc3{\xaa\xc0\x11\xe4\xb8\xd2\xb72-\x8b\x97\x96\xbbc\xa2&gt;\\4+\xa6Q\x14\x91|\xec\xb1\xc7&lt;\x1e\x8f\xdf==\n\xf5_\x1d\x81Q\xff5\xa0K\x00dgg\x11QdDx\x87\xf6\xad\xa9\xb2\x12\x07\xc09\xd4\n\xe9\xee\xe6\xb1m\xdb\xdc@D\xd9\xd9\xdb\xc8\xdf\xae\x83\xf9V\xba_\xb8h\x11\x11\x8d\x195t\xc4\xd8\x91\xde\x82\x135h\xfd\x15\xd32\xbd\x85%\xadn\x8e\x9f\xf5\xf2\xaf\xa4\xa4]\xbbv\xf9\xe3\xaa\xf1\xa8\xff\xea\x08\x80\xfa\xaf\x99\xc0\x0f\x00%//\x8f\x88BB\x82##\xc3\x89s\r\xf6\xec\x15\x93RZ\xce\xa0F\xd1\x91D\x94\x9f\x9f/\xa5\xf4\xc7\x03`\xee\xdc\xb9\x9cs\xa73h\xdaS)\xc2Sz\x95K\x1dXA\x16/)\xba\xef\x97\xc3\xda\xc5\xfdw\xc1H5)\xa8\xb66\xb8~\xa0\xfe/+0\xea\xffJ\x05~\x00\xa8\x91\xdf\xcc\xcc-D\xd4.\xbeeX\xac[xm\x1dv\xed\x95\x12B\x12\xb3nIlGD\xb9\xb9\xbb\x8a\x8a\x8a\xfc\xa8\xa5\xf3-u\xf9\x7f\x9f\x7f\xce\x18\x1b;zh|RGYV~\x95S\xb9\x19\x11\xd9\xdc\x19\x11\xfe\xbb\'S\x88h\xef\xde\xbd_|\xf1\x85\x7f-\x18\x89\xfa\xaf&amp;\xbf\xae\xff\x1a\x0b\xfc\x00P\xd4\x8ed\xda\xdc\xe1]SL\xcd\x0e\x14B\xf8\xd7\x12\x08\xea\xda\xec\xaaU\xab\x8aO\x9f\x96R\x8e\xbb\xff.)E\xad,ui\x98\x86,/\x1b~w\xbfhw$1\xf6\xaf\x7f}|\xf5\xefY\xffP\xff\xd5\xe3\xaf\xf5_c\x81_\r\x8c\xb1\x8a\x8a\x8a\xa3G\x8e\x10\x91;*\x82\x88\x05x\xa6_\x15\xe9\x8e\x8a \xa2\xd2\xd2\xd2#G\x8e\x90\xff\\\x07S]\xda/\xbeXCD-ol\xde)\xb1\x1d\x95\xd7\xceJ\xf7jt8\xacqL\xdf\xdeI$\xe5\xc6\xaf7VTT\xf8Q3\x8a\xfa\xbf\x12\xfeZ\xff5\xe67u\\3j \xaf\xac\xac\xec\xf0\x91\xc3D\x94\xd4)\x8e\x0c\x87\x14\x01\xbeSk\x861F\xc4\x93\x12\xe3\x89\xa8\xb4\xb4\xec\xf0\xe1\xc3\xe4?\x07\x80\x9a\x9c\xb3o\xdf~"\xba\xa9\xf5\xf5Q\xcdbd\xed\rt\x08!\r\xcb\x99\x94\x10GDy\xf9y%%%\xfe2\x17\x08\xf5_}~]\xff5\x16\xe0\x01\xa00\xc6\x1c\x0e\x07\x11\xd9\xb6\xdf\x0c\xdd6\x14\xdfW\xa4\xbe1\xbf\xa0f\x7f\x16\x17\x17\xef\xd9\xb3\x9b\x88\x12n\xbe\x89dm\xde\xc6\xc9\x18#\xb2;\xdc\xdc\x86\x88\x8a\x8bO\xe7\xe4\xe4\x90_\xad\x18\x8c\xfa\xaf&gt;\x7f\xac\xff\xab\xa1E\x00\x90o\x0c\x14\x97\xbe.\xc7\xf7\x15\xf9]\xdfGJ\xe9\xf5z\x89(&amp;:\x92\x98Q\xdb\x9b/c\x1aE\xd2\xd9g\x8a\xd5\xee[\xd7\x03\xd4\x7f5\xf9o\xfd\xd7\x8c.\x01\x00:PC\xf3\xbcn\x9es\xe2{[?\xba\x00\x00pi\xba\x94\xb2\x1a\x0e\xd6$\xd5\xaf\x86\xef+\xf2\xbb\x99\x82\xbeG9z\xbd6\xd5\xc1\x8e\xf6z\x7f\xea\xf8\xfb\xddj\x10\x84\xfa\xaf6\xff\xad\xff\x9a\xd1"\x00\xa4\x946\xb7\x89(H\x8fq\xbd\xab\xe1\xfb\x8a\xfch\xa0C]\x92\x8d\x88\x88h\xdd\xfa&amp;"\xda\x92\xbd\x8b\x18\xaf\xc5\xd5.\xa5\x94D\xd6\xd6\xac]D\x14\x11\x11\xde\xb6m[\xf2\xab\x06\x02\xf5_}\xfeX\xffW#\xf0\x03@J\xe9p8"#"\x89h\xcf\xfeC$\xb1\x10\xca%\x18{\xf6\x1f""\x87\xc3\x11\x19\x19I\xfe\xd3\xcc\t!,\xcb\xba\xe1\x86\x1b\x88\xe8\xc0\xc1\xbc\x8a\xe23\xac\xf6\x1ew\xce\x18\x91\xe4\xb9{\x0f\x12Q\xb4;:&amp;&amp;\x86\xfc\xe7\x9bA\xfd_\t\x7f\xad\xff\x1a\x0b\xf0\x00P}\xc3\xf0\xf0\xf0\xb8\xb8x"\xda\xbb\xff\x08I;\xd0\xf7i\rI)\x89\x8c\xbd\xfb\x0e\x13\x91\xdb\x1d\x15\x17\x17G\xfes\x00\xa83\xf7&gt;}\xfa\x10\xd1\x8e\x9d\xfbr\xb2s\xc9\xe5\xe2\xb51QGJi8\xac\x8a\xc2\xa2\x95_lb\x8c%uI\n\t\tQ\xcfX\xbf\xfa7\xafk\xa8\xff\xea\xf3\xeb\xfa\xaf\xb1\x00\x0f\x00\x1f\x8f\xc7CD\xc1\xc1A\xc4t\xf9\xc85\xe3\nv\x12\x11\xe7\xdc\xbfF\xba\xd5\x85\xd9!C\x86\x04\x05\x05\t!\x96-_\xc7\xcc \xaa\x8d\t\xefBH\xe6\n\xf9f\xe3\xd6cy\'\xa4\x94\xc3\x86\xfd\x8c\xfcp0\x1d\xf5_M~Z\xff5\x16\xf8\xd5\xa0\xe6k\'&amp;&amp;\x12Q\xee\x9eCgN\x162\x0b\xeb\xa1_\x80Z\x12}Kv.\x11\xb5i\xd36""\xc2\x8f\xd6\xc3R\x8bt\xc6\xc7\xc7\xf7\xe9\xd3\x871\xf6z\xda\x87\'\x0f\x1dfNGm\xechIB\xbc4\xf3\x1d\xdb\xe6\x8dcc\xef\xbe\xfbn"\xf2\xa3u\x02P\xff\xd5\xe4\xd7\xf5_c\x81\x1f\x00J\xb3fM\x89\xa8\xa8\xa8\xa4\xac\xa4\xac\x16G\x87\x03\t3Hp;\xffD\x01\x11\xc5\xc6\xc6Z\xfe\xd6L\xa8\'\x9fL\x9c8QJy\xe2d\xe1\x1bo.6B\xa2l\xefU]\xca\xe367\xa3"\xd7\xad\xda\xb0v\xddwD4\xfc\x9e{bcc\xfde\xfc\xa7*\xd4\xffe\xf9{\xfd\xd7L\xe0\x97\x82:V\x13\x12:\x11Q\xf1\xe9\x92\xdc=\x07\xc8\x19$p7\xfc\xff\x92R\x1a\x96Ur\xbc`\xef\xde\xc3D\xd4\xb1c\x07\xf2\xab\x9b]\x89\xc8\xb2,!\xc4\xbd\xf7\xde\xdb\xb7o_F\xf4\xda\x9b\x8b\xb37\x7f\xe7pG\xf2\x9aN\xe7\x10B0\xa7\xa3\xac\xf0\xf4\xaf\x9e\x99\xc5\x18\x8b\x8evO\x9f&gt;]\xddu\\\xbb[^\xa7P\xff\xd5\x11\x00\xf5_3\xfeT\xca5\xa3\x0e\x80\x96-[\x06\x07\x07\x0b!\xb6f\xe5\xe2\x91x\xe7\x93RR\xb0s\xdf\xbeC\'N\x16\x10\x91\xbaf\xe8\x8f,\xcb\x9a={\xb6i\x99EE%cS~Wx\xa2\xd0\x0c\r\xe1\xf6\x15\x8f\xe7\n!$3\x8c\x90\x90\xc9\x8fN\xdf\x9a\x95+\x84x\xf1\xc5\x97\x9a5k\xa6\xce3\xeab\xcb\xeb\x08\xea\xbf:\x02\xa6\xfe\xaf\x94F\x01\xd0\xbcY3"\xda\x92\xb5\x8bH\xfa\xd5!\\\x1f\x84\x90dX\xd9\xdb\xf7xm\xdb\xe1pt\xee\xdc\x99\xfc\xf0\x96W\xc308\xe7]\xbat\x999s\x16\x11em\xdf3x\xe8\xc4\xc2\xc2\x1232\xdc\xeb\xf5V\xbf\xcd\xe3\xb6m8\x1cfxh\xea\x83\xcf\xbc\xbb\xf8s"\x1a9r\xe4\xa3\x8f&gt;j\xdb\xb6\x1f\x8d\xfe+\xa8\xff\xea\x08\x8c\xfa\xaf\x81\xc0\xff\x84\xea\xf1\x1d.\x97+.&gt;\x9e\x88\xbe\xd9\x9c\xed))1\xfc\xed0\xaek\xaaE\xf8r\xfd\xf7D\xd4\xa8Qt\xeb\xd6\xad\xc9?\xe7\xc0\x99\xa6\xc99\x9f2e\xca\xa4I\x93\x88h\xf3\x96\x9c\xc1wN\xda\xbds\xbf#:\x96\x11q\x9b_\xa2\xf3+%q\xce\x05\x17\xa6\xdb]R\xe9}h\xdco\xd3\xdf]JD\xc9\xc9\xc9iii~\xbaF&lt;\xea\xbf:\x02\xa6\xfe\xafT\xe0\x07\x00\x9d\x1d\xcbKNN&amp;\xa2}\xfb\x8f\xfc\xb8\xfb\x00s91\x0cZ\x95a\x9a\xde\x92\x92M\xdfm\'\xa2\xf6\xedo\x0e\x0f\x0f\xf7\xbb\xb1\x0e\x1f5#(--\xed\xa7\x0c\xc8\xdc\xd1\xbb\xef\x98\xf9i\x1fx\x04\x99n7\xb3,\xb5\xa0\x1b\xe7\x9cs\xa1\xfeQ\xff\xc7\x0cfFE\x18\xe1!\xabV\xac\xeb\x7f\xfb\xf8y\x8b&gt;%\xa2\xe4\xe4\xe4\x8c\x8c\x0c\xb7\xdbM~\xdb"\xa0\xfe/+\x90\xea\xff\x8ah\x11\x00jG\x0e\x1d:\xd4\xb2\xac\x8a\xca\xca\r\x9b~ +H\x87+&lt;\xd5$\x84d.\xe7\xde]?\xee\xfb\xf1\x08\x11\xddy\xe7P\xbf{\xf4yU\x8c1\xd5\xedMKK{\xfe\xf9\x17\x88\xe8\xc4\xa9\xa2\t\x0f\xff\xa1k\xef\xfb\xe7\xa7-&gt;Ux\xda\x08\x0f\xb5\xdc1fT\xa4\x19\x15\xae\xfe\xb1\xdc\xd1fTd\x99\xc7\xbbj\xf9\xba!CS\x07\r\x9d\xf4\xfd\xd6\x1c"\x1a5j\x94j\xfd\x85\x10\xfe; \x80\xfa\xbf\xb4\x00\xab\xff+b5\xf4\x06\xd4\x07u\xe8&amp;&amp;&amp;6o\xd6\xec\xe0\xa1C\xcb\x96\x7f\x95\xf2\xc8\xfd\x1a\xa4{u\t!\x98\xe5\xccX\xb3\xb1\xa2\xa2\xd24\x8d\xdbo\x1f@~\xdb\xdbU\xd4\xc6\x0b!^x\xe1\xf9\x9e={&lt;\xf5\xd4S\xdb\xb6m\xcb\xde\xbe{\xc2\xc3\xcf7\x8e\x8d\xee\xd5#\xb1s\xe7\xf6\t\xf1\xad\xdc\x8d"\x89\x0b\xaf\xd7\xde\x9c\xb5k\xdf\xbeCk\xd7}\xb7\x7f\xffa\xf5\x0eM\x9b6\xf9\xdd\xef~\xff\xf8\xe3\x8f\xab\xf7\xf1\xdf\xd6\x9fP\xff\x97\x13x\xf5_}Z\x04\x00c\x8cs\x1e\x12\x12r\xfb\x80\x01\x0b\x16,\xf8nK\xce\x99\x93\x05a\xa1.i\xfb\xdf\x84\xee\xba`0b\x92\xaf\xfd\xea{\xc6X|||\x87\x0e\x1d\xd43\xd6\x1bz\xbb\xae\x8a:\x0f\xb0m{\xf0\xe0\xc1\xfd\xfb\xf7\x9f1c\xc6\xe2\xc5\x1f\xec\xd8\x91s\xfcD\xc1\xd2ek\x97.[{\xb1_l\xd6\xac\xd9\xddw\xdf\xfd\xfc\xf3\xcf\xb7h\xd1B\x8d\x03\xf8u\xebO\xa8\xff\xcb\t\xc8\xfa\xaf&amp;\xff\xae\xec+u\xef\xbd#\x89\xe8\xd0\xe1\xbcO&gt;\xf9\x82\\\xa1\x1c\xc3\xa0\xeay\x87\xa1\xae\xdd?\xec\\\xbdv\x93\x94\xf2\xae\xbb\xeev:\x9d\x01s\x1f\xbceY\x9c\xf3\xa0\xa0\xa0g\x9f}63s\xcb\xd2\xa5K\'L\x98\x90\x90\xd01&amp;\xa6Q\xd5\x97EDD\xb4n\xddj\xc4\x88\x11\xf3\xe7\xcf\xdf\xbaukZZZ\x8b\x16-8\xe7\x86a\x04R\x13\x89\xfa?_`\xd7\xffeiq\x06@g\xcf\x82o\xbd\xb5\xefu\xd7\xb58r\xe4\xc8\x92\x8fW\x8eyh\xa4A8\x00H\x08a8\\\x9f|\xfeeiY\xb9i\x9a#F\x8c\xa0\xc0:\xff5MSJ)\x84p:\x9d\xc3\x87\x0f\x1f&gt;|8\xe7\xbc\xb0\xb0p\xc7\x8e\x1d\x9cs\xc6HJj\xd3\xa6MLL\x8c\xcb\xe5R\xbf\xa2\x9a\xfe@\xea\x03\xa2\xfe/&amp;\xe0\xeb\xff\xd2\xfc\xe3\xd9\xd6\xb5\xc2\xb6m\xcb\xb2~\xf3\xd4S\xb3\xfe\xfc\xe7\xd0PW\xd6\xc6%\xad\xda\xb5\x92e\x95\xb5\xb8p\xbc?\x92$\xb9a\xde\xd2ct\xf6\xf6=\xdd\xbbw\xdb\xb0\xe1k\n\xd0\x19\xd0*\x06\xe8\xe2+\xf9p\xce\xd5\xb9\x7f@\x1e\xff\xa8\xff\x0b\xd2\xa7\xfe/H\x97\xcfIgw\xea\x83))A\x0eGii\xf9{\x8b?g\x8e\x10\xa9\xc7\xb5\xfe\x8b\xe1\\\xb0\xb0\xb0\xaf\xd6n\xca\xde\xbeGJ9a\xc2C\x01&lt;\xff\x811f\x9a\xa6:!P\x8f\x0f\xf3\x11B\xa8\xa6\xdf\xb2\xac\x80l\xfd\t\xf5\x7f!Z\xd5\xff\x05\xe9\x15\x00B\x88\x0e\x1d:\xf4\xbd\xed6\xc6\xd8\x9c\xb7?:~\xe0\x80\x11\x1c\xa4\xcf9\xd0\xf9\x18#\xee\xb1_\x9e5OJ\xd9\xb4I\x93\x9f\xff\xfc\xe7:\\\xfeR\xd7\x87\xcd*\x02l\xac\xff\x82P\xff\xe7\xd3\xb3\xfe\xab\xd2(\x00\xe8\xec2\xeeS\xa7N\x95R\x9e8Q\xb8\xe8\xfde\xcc\x15Q\x83\x85b\x02\x03\xe7\xc2\x88\x08\xfba\xd3V\xb5\xd4\xe5\x98\xb1ccbb\xfcq\xa9K\xa8&amp;\xd4\x7fU\xa8\x7f\xd2-\x00\x0c\xc3\x90R\xf6\xef\xdf\xbf]\xbbv\x86a\xa4-XZ|&lt;\xcfp\xea\xda\tbD\x82f\xfcm!\x11\x05;\x9d\x0f=\xf4\x90\xdf-u\tW\x04\xf5\xff?P\xff\xba\x05\x80o]\x94i\xd3\xa6\t!v\xed\xfe\xf1\xb5\xd9\x0b\x8c\xd0\x08}f}\xf9p.\xcc\x88\xf0/W\xac\xfb\xc7\xc7+\xa5\x94\xf7\xdd\x7f\x7f\xfb\xf6\xed\xfd\xfd\x8e\'\xb84\xd4\xbf\x0f\xea_\xd1h\x16\x90\x8f*\xf7\x01\x03\x06\xac[\xb7.\xa6QT\xd6\xb7\x1f6n\x1aK^\xaf\xa1\xd3\xa9\x1f\x17\x82\xb9\\\x03\x06&gt;\xf8\x9f\xf5\x99\x8d\xa2\xa3\xb3\xb7mk\xd2\xa4\x89\x86= \r\xa1\xfe\t\xf5\x7f\x96^\x9f\xd6\xc74\xcd\x17_|\xd10\x8c\x13\'\x0b\xa7=\xfbW\xc3\x15*t\xea\x04\xd9\xb6mF\xba\x17\xce\xfb\xe7\x97_}/\xa5\x9c\xfa\xeb_7m\xdaT\xc3\xee\x8f\xb6P\xff\xa8\x7fE\xc73\x00"\xe2\x9c\x9b\xa6\x99\x92\x92\xb2`\xc1\x02\xd343\x96\xfe}\xc0\xdd\xfdy\xe1i\xd3\n\xfc\t\x00BH\nr\x9c&lt;^\xd0\xb9\xc7\xa8\xfc\xe3\x05qqm\x7f\xf8!KM\x7f\xd4\xea\xf2\x97\xceP\xff\xa8\x7fE\xd3\x00PS}\x8f\x1f?\xde\xbe}\xfb\xa2\xa2\xa26\xad\xaf\xdb\xfa\xdd\xc7\xc1A\x0eC\x839\x00\xb6\xcd-\xb7{\xf4/&amp;\x7f\xf8\xef\xd5D\x94\x91\x911h\xd0 \xd5"4\xf4\xa6A=A\xfd\xa3\xfe\x15\xedNy\x145\x1d\xa2i\xd3\xa6\x7f\xfe\xf3\x9f\x89h\xcf\xbe\xc3O&lt;\xf1\xb2\x19\x1a\xc6y\x80\xdf\x03b{m\xcb\x1d=\x7f\xceBU\xfd\x13&amp;\xa4\xe8\\\xfd\xdaB\xfd\xa3\xfe\x15M\xcf\x00\x14us\xfc\xe8\xd1\xa3?\xfc\xf0C"\x9a\xf7\xc6\x1fR&amp;\x8f\xb3\x0bNZ\x8e\xc0\\"\x89\xdb\xdc\x8c\x0c\xcf\xfe~{\xcf\xfe\xe3\xca\xca\xca[\xb5j\x9d\x95\x95\xe5r\xb9\xf4&lt;\xf9\x05\xd4?\xea_\xeb\x00P\x8b\xc3\x14\x17\x17\'\'\'\xef\xdf\xbf?$$\xf8\xcb\x8c\xb7\xbb\xf6L\xe2\xc5%\x817\x18*\x84 \x87\xa3\xf8LY\xbf\xdb\xc7gm\xdfkY\xe6\xfa\xf5\xeb\xbbw\xef\xae\xe7\xb5/ \xd4?\xea_\xdb! E%\x7ftt\xf4\x07\x1f|\xc0\x18+--\x1f=\xe67\x85\'\nLW\xb0\x08\xacsa)\xa5 f\x84\xb8R\'=\x9b\xb5}\x0f\x91\x9c9sf\xf7\xee\xddm\xdb\xd6\xb9\xfa5\x87\xfaG\xfdk\xfd\xe1\x89\xc80\x0c\xdb\xb6\xbbw\xef\xfe\xe6\x9bo\x12\xd1\xbe\x03G\x07\xdf\x99ZVQIA\x8e@Z\x13\x8a\x0baEF&gt;2a\xda??]KD\xe3\xc7\x8f\x9f2e\x8a\x1a\x01h\xe8M\x83\x86\x84\xfao\xe8Mk`\xba\x07\x00\x11Y\x96e\xdbvjj\xea\xc3\x0f?LD\x9b3w&lt;:y\xba\x11\xe2\x92\xcc\x90\x01\xf1\xc4\x0c\xafm[Q1o\xfdu\xfe[\xf3\xffMD\xc9\xc9\xc9s\xe6\xcc\x11Bh{\xe1\x0b\xaaB\xfd\xeb\x0c\x01@Dd\x9a\xa6m\xdbs\xe7\xce\x9d4i\x12\x11-X\xfcy\xea\x83\xcf\x98\xe1\xa1d\xfa\xf9\xda\xb0Rr\xce\x1d\xee\xd8\xf4\xd7\xe7?2\xe5OD\x94\x9c\x9c\x9c\x91\x91\x11\x12\x12B:=\xf5\x02.\r\xf5\xaf-\x04\x00\xd1\xd9\x95\xe29\xe7iii\xea\x18H\x7fwij\xca4nY\x86\xc3\xe1\xa7\xcb%\n!\xb8$3*\xea\xad\xbf\xcdK}\xfce"\xea\xd6-9##\xc3\xedvk~\xe1\x0b\xce\x81\xfa\xd7\x96\xd6\xb3\x80\xce\xa1&amp;E\x98\xa6\x99\x9a\x9a\x9a\x9e\x9eND\xbd\xbbwZ\xf6\xc9\x1cw\xe3h\xbb\xf0\xb4\x7f\xcd\x8d\xe367\x83\x83\xc8\xe5zd\xe2\xef\xdfz\xe7c"\xea\xd6\xad\xdb\x8a\x15+P\xfdp1\xa8\x7f\r\xe1\x8b\xf8/\xc6\x98a\x18U\xfbA\x1b6e\r\x18\xf4\xd0\x96\xef\xb6[\xd11\xb6\xd7\xf6\x97\xb0\xb4\xbd\xb6\x19\x15Qx\xbal\xf4/\x1eC\xf5C5\xa1\xfe5\x843\x80s\x9d\xdf\x0fj\xe4\x8e\x98\xf3\xf7\xe7F\x8d\xb9G\x96\x14\x8bk\xfb\xa6A)\xa4\x90\xc2\x8c\x8a\xde\xb2y\xeb\xc4\x89\xcfff\xed"T?\\\t\xd4\xbfV\xf0u\x9cK\xf5\x83\x84\x10iii\xb3g\xcf&amp;\xa2S\x85\xa7G\x8f\xfd\xcd\xd4\xc7_\xe0\xa6i\x86\x87\xd9\xf65\xda\x15\xb2\xbd6s:\xcc(\xf7\xdbs\xdf\xbf}`\x8a\xaa\xfe\t\x13&amp;\xac^\xbd\x1a\xd5\x0f\xd5\x84\xfa\xd7\n\xce\x00.L=7\xdc0\x8c\x8c\x8c\x8c\x87\x1e\x9ap\xe4\xc8Q"\xea\x91\x9c\xf0\xda_\x9e\xe9\xde\xa7;\x95\x9e\xb6=\x9ekg\x12\xb1z\x8e\x9d\x11\xe9&gt;\xfa\xe3\xc1\'\x9f\x9e\xb9\xe4\xa3\x15D\xe4t:_y\xe5\x95)S\xa6\x10\x11\xaa\x1f\xae\x08\xea_\x13\x08\x80KQ\xb7\x8a\x1c;v,%%%##\x83\x88\x82\x9dA\xbf\x99\xfa\xe0\x93\xbf\x1e\x1f\x19\xdb\x98J\x8a\xb9\xcd\r\xcbl\xc0\xd9d\x9c\x0bFdD\x85S\xa5w\xfe\xbb\xff\xfe\xc3\xf47\x0e\x1f=ND\xf1\xf1\xf1\xef\xbc\xf3N\xef\xde\xbd\x85\x10:/u\x02W\x03\xf5\x1f\xf0\x10\x00\x97\xe1[)\xf0\xb5\xd7^\x9b6mZEE\x05\x11\xb5\x8fo\xf5\x9b\'S\xc6\x8e\xbe\xcb\x11\x11F%%\xdc\xe6\x86i\xd4g\x91I"\xa1z=\x11a$iU\xc6W3g\xce_\xb5\xf6\x1b\xf5\xa7\x13\'N\x9c5kVdd$\xeeu\x84\xab\x84\xfa\x0fl\x08\x80\xcb\xf3u"\xb6m\xdb\xf6\xf4\xd3O/_\xbe\\\xfd\xbcg\xb7N\xcf\xfcv\xd2\xe0\xdb\xbb9\xa3\xdcTz\xc6\xf6x\x19c\xa6Y\xb7g\x9aB\x08!\xa4e\x99\x14\x1eJ\x1e\xef\xc6o\xb2\xfe\xfe\xc6\xfb\x8b?\xfci\x93\x12\x12\x12^}\xf5\xd5\xa1C\x87R\x95C\x17\xe0j\xa0\xfe\x03\x18\x02\xa0\xba|\xf5\xb4d\xc9\x92?\xfe\xf1\x8f\xd9\xd9\xd9\xea\xe7\x9d:\xb6\x9d\xf2\xf8\xd8\x11\xf7\xdc\x11\xd18\x86\x84W\x9e)\xe3\x9c3\xc30j\xef\xc4S\x12I!\x84\x90\x06cFh09\\\xbc\xb4\xe4\x8bu\x9b\xff\xfc\x97w3V\x7f\xad^\xd3\xaci\xd3\xc9\x8f&gt;\xfa\xf4\xd3O\x07\x05\x05\xe1\xb4\x17j\x1d\xea? !\x00\xae\x80\xba-\xde0\x0c\x8f\xc73c\xc6\x8c9s\xde8v,O\xfd\xd1\x8d74\x1f5\xe2\x8e{~v{\xaf^I\x14\xe4"\xe1\xa1\xf2J\xee\xb5\xa5\x94\x8c1u4\\\xd1\xdf%\xa5\x14RJ!\x19#\xd32\xc9\xe9$\x87\x93\x88\xef\xfca\xe7g\xcb\xbf\xfa\xe0\x1f\xcb\xb7l\xcdQ\xaft\xb9\\\xf7\xdf\x7f\xff\x8b/\xbe\xd8\xa2E\x0bB\xc7\x07\xea\x0c\xea?\xf0 \x00\xae\x98\xaf\xc2\xf2\xf3\xf3\x17.\\\xb8p\xe1\xc2\xac\xac,\xdf\x9f\xf6\xe9\xdde`\xff\xee\x83\xfawKLl\x17\xd2(\x8a\xc8$iS\xa5Gz\xbcRH!%\x91T\x0b\xf1\x9e\xf3\xb6gw\x84d\xcc`\x8c\x0c\x87\x83\x9cAdZD\xc4KJrw\x1fX\xb9v\xd3\x7f\xd6}\x9f\xb1\xfa\xeb\xb2\xb2r\xf5+\xcd\x9b5\xfb\xe5\x981\xe3\xc7\x8f\xef\xd8\xb1#\xa9G]\x9b&amp;:&gt;P\xa7P\xff\x81\x04\x01P\x13\xbe\x9be\x88\xc8\xe3\xf1\xacX\xb1b\xfe\xfc\xf9+W\xae,++\xf3\xbd\xa6U\xab\xeb\xbatnwk\xaf\xa4\xa4\xc4\xf8\x9b\xdb\xb6\x8ci\x1aC\xc1N"uIJ\x12\x9d\xbf\xbe\x8aq\xf6\xb6\x0c\x9bl\xbb\xe8xA\xee\xde\xc3\xdbs\xf6\xae\xffz\xcb\xe6\xef\xb7\xe7\xee&gt;PYY\xe9{i\x9f&gt;\xbd\xc7\x8f\x7fp\xd8\xb0aM\x9a4!"\xce\xb9:\xe7\xae\xd3O\r\xa0\xa0\xfe\x03\x06\x02\xa0\xe6\xa4\x94\x9cs\xdf4\x83\x9d;w~\xf6\xd9g\x9f|\xf2\xc9\xe6\xcd\x9b\xab\x16+\x115\x8a\x8ej\xdb\xe6\x86(wDr\xe7v\x96eE\x86\x87vJ\x8c\x97\x9c3b\xea}\x98e\x1d\xf8\xf1\xf0\x81Cy\xcc2\xb3\xb3rO\x15\x14\xef\xdc\xfd\xe3\xb1c\'\xce\xf9\x1b\x13\x12:\x0e\x192\xe4\x9e{~\xde\xabW/\xf5\x13\xf5D\x0b\xccq\x86\xfa\x87\xfa\x0f\x00\x08\x80\xab\xa5zC\xea\xfeI\xf5\x93\x9c\x9c\x9cM\x9b6}\xf6\xd9g\x99\x99\x99G\x8f\x1e\xa9\xac\xf4\\\xcd\xfb7m\xda$!!a\xf0\xe0!}\xfb\xf6\xed\xd2\xa5\x8b\xeav\xa9\xbf\x14\xbd\x1ehp\xa8\x7f\xbf\x86\x00\xa85B\x08u^\xec+\xca\xb2\xb2\xb2\x03\x07\x0e\xec\xdc\xb93;;;;;\xfb\xd4\xa9S99;8\xe7\xa7\x8bOWz.pT\xc4\xc6\xc6\x10\xd1M7\xb5q\xbb\xdd]\xbb\xde\xd2\xba\xf5M\x1d:th\xdb\xb6mTT\x94\xef5\xb6m\xab\xc5{\xeb\xe53\x01T\x17\xea\xdf\x1f!\x00j\x9f:\x12.X\xa6\xc5\xc5\xc5B\x88\xbc\xbc\xbc\xbc\xbc&lt;\xc6\xa8\xeaw\x1f\x16\x16\xd6\xb6m[)\xa5\xdb\xed\xbe\xd8\x1b\xa2\xcb\x03\xd7&gt;\xd4\xbf\x1fA\x00\xd4!Y\x85\x9a\x98\\\x9d\xc1Juz\xab\xf6\x0b\x8a\x1e\xfc\x17\xea\xff\xda\x87\x00\xa8W\xea\xdbV\x87\xc4\xf9\x7f\xaa\x0e\x0f\x94;\x04*\xd4\xff\xb5\x06\x01\x00\x00\xa0)L\x9f\x02\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94\xd5\xd0\x1b\x00P\x7fd\x15\xe7\xfc\x11\xab\xa2A\xb6\r\xa0\xfe\xb1\xf3\x8f\x04\x80\x00#\xa5\x14B\x10\x91i\x9a\x97}1\xe7\\Ji\x18\x86a\xe0\xfc\x18\x02\x1c\x02\x00\x02\x99\x10BJ\xe9k\xf79\xe7G\x8e\x1c\xd9\xbbw\xef\x81\x03\x07\x0e\x1e&lt;\xc0\x18\x93\x92\x88dT\x94;!!\xa1i\xd3\xa6-[\xb6t\xb9\\U\x7f\xd70\x0c\x9c\x13@\xa0B\x00@`\x12B\xf8\xc6s\xf2\xf3\xf37l\xd8\xf0\xf9\xe7\x9fo\xde\xfc\xed\x81\x03\x07O\x9f&gt;}\xc1_q:\x83Z\xb4h\xd1\xa5K\x97\xbb\xee\xba\xbbG\x8f\x1e\xed\xda\xb5S?\xe7\x9cW\xe7\xd4\x01\xc0\xef \x00 \xd0\xa8\x01\x1f\xd5dgee\xbd\xf1\xc6\xeb\x9f}\xf6\xf9\xd1\xa3G\xcfyYll#\x92B\x121f\x14\x17\x97x&lt;\x9e\xaa\x7f\x1a\x1a\x1ar\xc7\x1dwL\x9e\xfc\xe8\xed\xb7\xdfn\x9a\xa6\x1aA\xc2\xa0\x10\x04\x18\x04\x00\x04\x14!\x84j\xa6\xb7m\xdb\xf6\xdb\xdf\xfev\xf5\xea\xd5\xbe\x96\xfd\xc6\x1b\x9aw\xed\xda\xa1Kb|\xd7\xc4vnwD\x9b\x9bn !\x88\x88L+\xefh\xfe\xb1\x13\x05\xd9;\xf6ee\xe7n\xfe~{\xf6\xb6\\\xdf\x1b&amp;&amp;&amp;\xfe\xe9O\x7f\x1a:t(\xe1T\x00\x02\x0e\x02\x00\x02\x87m\xdb\x96e\x95\x94\x94\xfc\xfe\xf7\xbf\x7f\xfb\xed\xf4\xf2\xf2\n"\nq\x05\xdf;b\xd0/\xee\x19\xd8\xafO\x97\x88&amp;1D&amp;\x91MBP\xa5\x87H\r\xeeKrXdYD&amp;\x91\xe4%%\x9b\xbe\xdf\xbet\xd9\xda\xf7\x17\x7f~\xf4\xd8\t\xf5\xceC\x87\x0e}\xed\xb5\xd7\xe2\xe2\xe2\xd4_\xd1p\x1f\x11\xa06!\x00 @\xa8\xa6933s\xd2\xa4I\x99\x99\x99D\xe4\nv\xde?z\xe8\xd4\xc7\x1f\xe8xKG"Iee\xdc\xe3\x95\x92\x18c\xc4\xc8\xa8riW\xcd\x0b\x95R2F\xa6iR\xa8\x8b\x0cg\xfe\xa1Cs\xd3?|+\xfd\xa3cy\'\x89(&amp;&amp;\xe6\x8d7\xde\x185jT\xd5\xab\x0b\x00~\r\x01\xd0\x00|\xdf\xb9\x94R\xb5#hM\xae\x92j\xfd\xe7\xcd\x9b7u\xeaTu\x8dw\xc8\xc0^\xb3f&lt;\xd5!\xa9\x03y=\xfcL\x191\xaa\xe6|\x1eI$\x85\x10BX\xc1\xc1\xe4\n9~\xf8\xd8\xcb\x7f\x9c\xfb\xc6\xdc%BJ"\x9a2e\xca\xec\xd9\xb3\x91\x01W\xafj\xcb\x83o\xb2\xa1 \x00\xea\x89\xba\xf9H5\x1c\xe7\x8f#K)9\xe7\x8c1L:\xac\x01\xd5\xfa\xa7\xa7\xa7\xa7\xa6\xa6\x12\x913\xc8\xf1\xcaK\xbf\x9a\xf2\xeb\x14"\xc9KJ\x99\xc1jv\xf1V\xed\x14\x15\x03\x19\xcbV?\x94\xfa\x87#y\'\x89h\xd2\xa4Iiii\x9cs\xec\xac+%\x84\xf0eg\xd5\x9d\xa2\x0e\r\xdc~Q\xff\x10\x00u\xee\xa7v\xe4\x7f\x07\x8eKJJ\xca\xca\xca&lt;\x1e\x8f\xc3\xe1\x08\r\r\r\x0f\x0f\xf7\xfd\x11\xae4^\x91sZ\xff\xe8\xa8\xf0O\xff\xf5z\xef\xfe\xbdDq\x11Ii\x98W\xdb\x9aH)9\x17\x96;\xf2\xd8\xc1\xa3\xc3\xefyl\xf3\x96\x1dt6\x03l\xdb6M\x13\x19P\x1d\x9cs\xfa\xdf\x1b\xf1\x8a\x8b\x8bU\x18\x10QTT\x94\xef\xe7U\'qA]C\x00\xd4-\xdf \x0f\x11eff\xae]\xbbv\xe3\xc6\x8d{\xf6\xec\xc9\xcb\xcb+++S\xbd\xc8\xd0\xd0\xd0\xeb\xaf\xbf\xbeK\x97.\xc3\x86\r\x1b:t\xa8i\x9a\xc8\x80jR_\xd4\xbb\xef\xbe\xfb\xe0\x83\x0f\x12\xd1\xcd\xf1\xad\x16-\x9c\x99\x94\x9c`\x17\x14Z\x8e\xda\xbcTk{m+&lt;\xac\xb0\xb0x\xc2\x84\xdf-\xfd\xfc?D\xf4\xf0\xc3\x0f\xcf\x9d;\x17\xd7\x84/\xabj\x83~\xf8\xf0\xe1\xd5\xabW\xaf_\xff\xd5\xfe\xfd?\xe6\xe4\xec\xb0m\x9b\x11\x93Dm\xda\xdc\xd4\xa2\xc5u\xbd{\xf7\x1e&lt;xp\xfb\xf6\xed\xe9\xec\x193\xce\x06\xea\x1a\x02\xa0\x0e\xa9\xd6\xff\xe8\xd1\xa3\x0b\x17.\\\xb2d\xc9\xd6\xad[/\xfb+\xb7\xdcr\xcb\x1f\xff\xf8\xc7A\x83\x06!\x03.K\xcd\xf8\xcc\xce\xce\xee\xd9\xb3GiiY#w\xc4\xda\x95\xf3\x12\xbav\xb2\x0bNY\x0eG\xad\xffu\xdc\xe6f\xa8\xab\xa2\xc2\xd3\xb7\xdf\x03\x9b\xb7\xe4\x10\xd1\xbcy\xf3RRR\xb0\xa7.\xc1\xf7\xe5\xacY\xb3\xe6\xbd\xf7\xde[\xb6lYaa\xe1%^\xeft:o\xbb\xed\xb61c\xc6\x8c\x1b7\x8ep6\\\xf7\x10\x00uE\xd5\xee\xfb\xef\xbf\xff\xc4\x13O\x14\x14\x14\xa8\x1f:\x1c\x0e\xc30|#\x9e*!T7G\xfd\xaf:S\x9e={\xf6\x94)SP\xfd\x97\xa0\xbe\xc3\xb2\xb2\xb2&gt;}zgee[\x96\xf9U\xc6;=n\xefi\x17\x14XA\x0e\xaa\x9b\xa2\x16\x9c\x1b\xc1\xce\xc2\xe23]{\x8c\xde\x7f\xe0hHH\xc8\xd7_\x7f\xdd\xa9S\'\xdf\xcd\x07P\x95*\xe0\xa3G\x8f&gt;\xf7\xdcs\xf3\xe7\xcf\xf7557\xde\xd0\xbcm\xdb\x1b;\xb6k\xe5\x8e\x8e"\xce\xbd^\xfb\xbb\xac\xdc\xc3\x87\xf3\xb6m\xdfCg\xf7\xdc\xc0\x81\x03_~\xf9\xe5\xee\xdd\xbb\xe3z{\x9dB\x00\xd4\x15U\xfd\xff\xf9\xcf\x7f\xfa\xf5\xeb\x17\x14\x14\xa4\x1a,\xd5\xbe_\x90*q\xd5\x8ep\xce\xff\xf1\x8f\x7f\x8c\x1a5\n\x19p1\xea\x9by\xec\xb1\xc7\xdex\xe3\r"\x9a\xfd\xa7_Oyf\xb2\xb7\xe0\xa4\xa3VG~.\xf0\xf7\xda\xdc\x8c\x8a\xd8\xf4\xe5\xa6\xbe\x83\'z\xbcvRR\xd27\xdf|cY\x16\x1a\xa9s\xa8\xc1\xb1\x8c\x8c\x8c\x87\x1e\x9ap\xe4\xc8Q"r\x05;\x7f9\xfa\xce\xfb\xef\xbb391&gt;\xa2Y,\x91\xa1n\xbc "\x92\xb6]r&amp;s\xdb\xee\x15\x19\xeb\xe7\xa6}t,\xef\x04\x11\x05\x05\x05\xbd\xfa\xea\xabS\xa6LA\x06\xd4\x1d\x04@\x1dR\x1d\xc3\xa1C\x87\xaeX\xb1B\xfd\xa4I\x93&amp;}\xfb\xf6\xed\xd1\xa3G\\\\\\TT\x94eYg\xce\x9c\xd9\xbe}\xfb\xa7\x9f~\xfa\xc5\x17_\xa8\xd7\xa8S\x84\x98\x98\x98\x9c\x9c\x9c\xe8\xe8h\xc2$\xb9\xf3\xa8/v\xd7\xae]\t\t\t\xb6m\x0f\xe8\x97\xbcj\xd5\x02\xfb\xcc\x19\xab^\xba\xe1\xb6\xd7\xb6\xa2c\xa7O{\xe5\x85W\xd2\x89h\xc1\x82\x05\xe3\xc7\x8fGTW\xa5\xbe\r\xdf\x95y"\x9a0\xee\x9e_\xff\xea\x81\x0e]:\x12\t*+\x17\x1e[HI$\xd5\xbdx\x06c\x86iP\x88\x8b\xcc\xa0\xfcC\x87\xe7\xa6\x7f\xf4\xd7\xbf-,,.\xa1\xb3\xd7\xdb\x91\x01u\x04\x01P\x87\xd45\xdeU\xabV\r\x1e&lt;x\xc0\x80\x01\x0f&gt;\xf8\xe0\xd0\xa1C\x1b5jt\xc1\x17/Y\xb2d\xc2\x84\t\x95\x95\x95j\xf5J\xdb\xb6\xff\xfa\xd7\xbf&gt;\xf1\xc4\x13\xb8\xccx&gt;\xd5\x1c\x0c\x1d:4###88\xe8\x87\xaf\x97\xc4%\xc4\x893eW?\xe7\xa7:\xa4\x94\x821\xc1\x8cN\xb7\xfc"w\xcf\xc1&amp;M\x9adee\xa9\xdd\x8a\x16\x8a\xcek\xfd\x1b\xb9#\xe7\xfc\xfd\xd9Qc~N\xder^ZF\xc4\x0c\xe3\x02M\xf9\xd9\xdb/\xa4\xe5\x0c\xa2\x90\xc8\xcc\xcd\xdfO\x9a\xf8lf\xd6.\xaa2\xef\x16\x11[\xeb0pY\x87\xd4\x1c\xc1~\xfd\xfa}\xff\xfd\xf7\xabW\xaf\x1e;vl\xa3F\x8d8\xe7\xb6m\xf3*l\xdb\xb6m\xfb\xbe\xfb\xee\x9b9s\xa6\xea\xdb\xaak\x03\x9f\x7f\xfe9a\x01\xb2\xf3\xa8\xd6?\'\'g\xcd\x9a5D4\xfa\x17\x83\xe2\x92:\xf2\x92\xd2\xfai\xfd\x89\x881&amp;m\xee\x08\x0b\x9b6\xf5A!\xc4\xb1c\xc7\x96.]\xca\x18\xbb\xc4\xf8\x9e&gt;T3\xbdz\xf5j\xdf\xac\xdc\xe5\x9f\xce\x195\xe6\x17\xde\x82\x93\xa2\xac\xdc4M\xd3\xbc\xf0\xcd\x13\x8c\xc80\x0c\xcb2\xa5m{O\xe5w\xe9\xdaa\xf5\xaay\xc9I\xed\x89(==}\xfa\xf4\xe9\xaaWT\xdf</t>
        </is>
      </c>
    </row>
    <row r="113">
      <c r="A113" s="1" t="n">
        <v>111</v>
      </c>
      <c r="B113" t="inlineStr">
        <is>
          <t>grid_number</t>
        </is>
      </c>
      <c r="C113" t="inlineStr">
        <is>
          <t>What is the missing number of the part denoted with a question mark?</t>
        </is>
      </c>
      <c r="D113" t="inlineStr">
        <is>
          <t>['6', '9', '8', '5']</t>
        </is>
      </c>
      <c r="E113" t="inlineStr">
        <is>
          <t>5</t>
        </is>
      </c>
      <c r="F113" t="inlineStr">
        <is>
          <t>There is a 3x3 grid of numbers. The first row is [7, 5, 5]. The second row is [9, 2, 6]. The third and last row is [7, '?', 5].</t>
        </is>
      </c>
      <c r="G113" t="inlineStr">
        <is>
          <t>We observe that [7, 5, 5] sums to 17, and [9, 2, 6] also sums to 17. Thus, the pattern is that the numbers in each row add up to the same value.</t>
        </is>
      </c>
      <c r="H113" t="inlineStr">
        <is>
          <t>Based on the pattern that the numbers in each row add up to the same value, the missing number of the row [7, '?', 5] should be 5.</t>
        </is>
      </c>
      <c r="I113" t="inlineStr">
        <is>
          <t>b'\x89PNG\r\n\x1a\n\x00\x00\x00\rIHDR\x00\x00\x02\x00\x00\x00\x02\x00\x08\x02\x00\x00\x00{\x1aC\xad\x00\x00r0IDATx\x9c\xed\xddw\x9cT\xd5\xd9\x07\xf0\xe7\x9cs\xa7\xef\xec\xce\x16X@z\x15EA\xaa\x14\x05\x0b\xa8(\xc6\x82\x14\x01\x0b\x08\xb1\x07\x135\xb1$jLb\x8f&amp;\xd6\x80\x06\xa3\x11K\xd4\xd7\xae\x88\x85\xa0( *M@\xba\xf4]\xb6\xcc\xec\xf4\xb9\xf7\x9c\xe7\xfd\xe3\xec\x8eHT\x16\x98\xb2\xb3\xf3|?~\x0c\x99-^~s\xe7&lt;\xf7\x9e{\nCD \x84\x10\x92\x7fx\xb6\x0f\x80\x10BHvP\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T\x00\x08!$OQ\x01 \x84\x90&lt;E\x05\x80\x10B\xf2\x14\x15\x00B\x08\xc9SF\xb6\x0f\xa0I@\xc4l\x1fB\x160\xc6\xb2}\x08\xf5(\xff\xec\xa2\xfc\xf3V\x9e\x16\x00DTJ!"c\x8c1\xc6y&gt;\xde\te1\x04\xca\x1f(\xffl\xa3\x10\x00\x80\xe5U\xf1\xd7o9\x00\x08!\xf6}=\x10\x08(\xa5\x18\xcb\x974\xf4\xb5\x8f\xcf\xe7\xdb\xf7E\xfda\xe0\x9c\xa7\xef\xca\x88\xf2\xd7(\xff\xec\xcaV\xfeMP\xbe\xbc\xe5\x88(\xa54\x8c\xfa;\x9e`0\xb8t\xe9\xd2\xc5K\x96|\xfd\xd5W555k\xd7\xae\xb5,\t\x0c /\xc2\x00`\x00\x00]\xbbt\xf1\xf9|\xfd\xfb\xf7\xef\xdb\xb7\xef\xc0\x81\x03\x8f8\xe2\x08\xfdE\xcb\xb28\xe7\xa9\xbd \xa2\xfc\x7f\x80\xf2\xcf\xae\x8c\xe7\xdfta\x1e\xb0,K\xff!\x1e\x8f\xbf\xfe\xfa\xeb\xe7\x9f\x7f~\x87\x0e\x1d\xb2\x1d|\xd3R\\\\&lt;r\xe4\xc8\xd9\xb3gWTT\xe8\xacL\xd3\xd4\xd7D\x94\x7f\x06P\xfe\xd9\x95\xd6\xfc\x9b\xb2f~\x07\xa0\xffv\x8c\xb1@ 0{\xf6\xecg\x9f}v\xe5\xca\x95\xc9\xaf\x16x\xbdm\xdavhQ^\xde\xb1\xcb\x91\xbe\x92RiY\xf9p\xf7\x87\x80\x9cq\xd3L\xac[\xbd"\xe0\xaf\xdd\xbeuSmMu\xf2\xab\xad[\xb7\x994\xe9\xc2\xcb.\xbb\xacG\x8f\x1e\x00\xa0\x94:\x9cK!\xca\xff\x7fQ\xfe\xd9\x95\xc9\xfc\x9b\xbe\xe6\\\x00\xa4\x94\xba\xafs\xce\x9c9\xf7\xde{\xef\xbau\xeb\xf4\xebm\xda\xb6?\xfe\xc4\x93\x87\x9fz\xc6\x91\xbd\xfa\xb4,o\xed)\xf0\n\x03\x9a\xf5\xbb\xfc#\x10\xc1\xb2 \x1e\x8bW\xef\xdd\xb3\xe1\xdb5\x9f-\x98\xbf\xe8\xe3\xf9\xeb\xd7\xae\xd6_-))\xb9\xe6\x9ak\xae\xbb\xee\xba\xa2\xa2"\xcb\xb2\x92]\x07\x07\x85\xf2\xff\x19\x94\x7fve \xff\x9c\xd0l\x0b\x80&gt;\xfbw\xed\xda5u\xea\xd4y\xf3\xe6\xe9\x17\xbb\xf7\xecu\xd1/\xaf\x19y\xe6\xb9\xa5-Z B&lt;\x9e0\x13\xa6R\x12Q5\xd3\x18~\x12\x03\xd0C\x1fl6\xbb\xc3\xe90\x0c\x08\xd6E\x96~\xf6\xdf\xa7\x1f{p\xd1\x82\xf9\xfa{z\xf4\xe8\xf1\xd4SO\r\x1d:T?!&lt;\xa8\xcbC\xca\xff\xe7Q\xfe\xd9\x95\xee\xfcsE\xf3,\x00\xbah\xcf\x9b7o\xea\xb4i\xbbv\xee\x04\x80N]\xbbO\xbb\xfa\xfa3\xcf\x1d_\xe8+\x0c\x05#\xa6\x99\x00`\x9cs\xc6\xa0\xfe\x91P\xbeBDT\n\x11\x85ax\n\n\xa4T\x8b&gt;~\xff\xc9\x87\xef]\xfc\xc9\xc7\x00`w8\xee\xb9\xfb\xee\x993g\x1e\xd4g\x80\xf2o&lt;\xca?\xbb\xd2\x91\x7f\x0ei\x86\x05@\x9f\xfd\xb3g\xcf\x9e1c\x86~\xe5\xc2\xa9W\xce\xbc\xf9\x8e\xb2\x96e\x01\x7fHZ\x16\x17\xa2\xf9\xbd\x91)!\xa5d\x8cy\x0b\x0b\xa5\xb4\x9e\x9d\xf5\xc8\xdf\xef\xbe-\x14\xac\x03\x80\xe9\xd3\xa7\xcf\x9a5KJ\xd9\x98Ar\x94\xff!\xa3\xfc\xb3+%\xf9\xe7\x96\xe6V\x00\xf4\x9do\xf2\xec/\xf2\x95\xfc\xe1\xde\x87\xcf\x9bxa] \x92H$\x9aq_^\n\xe9\x8fAiY\xe1\x97K\xbe\xb8\xe5\xda\xe9\xeb\xbeY\x01\r\x9f\x81\x03^\x07Q\xfe\x87\x8f\xf2\xcf\xae\xc3\xc9?\xe74\xab\x02\xb0\xdf\xd9_\xd6\xb2\xd5\xc3O\xbf&lt;d\xf8\xd0\xca=\xb5\xc20\x9a\xd3\xdb\x96\x01\xa6i\xfa\x8a\x8b\xab\xf7V\\~\xe1/V|\xb9\x04\xf6\xb9\x0e\xdao\x1aQ\x12\xe5\x9fB\x94\x7fv\x1dB\xfe\xb9\xa8\xf9\x14\x00\xfd\xc6|\xf0\xc1\x07#G\x8e\x04\x80\xe2\xd2\xb2\x97\xe6}\xde\xa1s\xd7@m\xada\xb3e\xfb\xe8r\x92\xb4,\xbb\xd3!\xb8\xb8\xf4\xfc\xd3\x96.Z\x00\x00\xb7\xdf~\xfbm\xb7\xdd\xf6\xa3\xe3"(\xff\x94\xa3\xfc\xb3\xeb\xa0\xf2\xcfQ\xcd\xa4\x00\xe8\xe1\xba\x15\x15\x15\xbd{\xf7\xa9\xac\xac(,\xf2=1\xf7\x8d~\xc7\x0f\r\xf8\xfd\x86Ag\xff\xa1\x93R:\x9c\x8eP 0m\xdc\x19kV~\xcd\x18\x9b7o\xde\xc8\x91#\xf7\xbb\x0e\xa2\xfc\xd3\x84\xf2\xcf\xaeF\xe6\x9f\xbb\x9a\xc9\xe8_D\x94RN\x992\xa5\xa2b\x0f\x00\xfc\xfe\xee\x87\x87\x0c\x1f\xe6\xaf\xa5\xb3\xffp\t!\xe2\xd1XI\x8b\x96\x7f\x9d5\xb7\xc8W\x8c\x08S\xa6\\\xb4g\xcf\x1e\xc6\x98^UF\xa3\xfc\xd3\x84\xf2\xcf\xaeF\xe6\x9f\xbb\x9aC\x01\xd0\xd5x\xee\xdc\xb9\xf3\xe7\xcf\x07\x80\x0b\xa6\\v\xfe\xe4I\x15{jmt\xe7\x9b\n\xc20\x02~\x7f\xf7\xa3\x8e\xbc\xf9\xcf\x0f\x01`E\xc5\x9e\x9bn\xba\x89s\x9e\xbcw\xa4\xfc\xd3\x8a\xf2\xcf\xae\x03\xe6\x9f\xd3r\xbe\x0bH\xafh\xe1\xf7\xfb\x07\r\x1a\xb4y\xf3\xe6\xb6\x1d:\xbd\xfc\xc1R\x87\xc3\xa9\x1f\xe5g\xfb\xe8\x9a\x0f)\xa5\xaf\xb8\xe8\xca\xc9\xe7\xbf\xff\xd6\xab\x0e\x87\xe3\x93O&gt;\xe9\xdf\xbf?"\xea%$)\xfft\xa3\xfc\xb3\xeb\xa7\xf2\xcf\xf5\x85"r\xfb\xe8\x01@\x0f\xce\x9d3g\xce\xc6\x8d\x1b\x95R\x97]scY\xcb\x92D"Ag\x7fj1\xc6\xcc\x84u\xd5\r\x7fp8\x9d\xf1x\xfc\xb6\xdbn\xd3M\x0f\xe5\x9f\x19\x94\x7fv\xfdT\xfe\xd9&gt;\xae\xc3\x95\xdb\x05\x00\x11\x85\x10\xd1ht\xce\x9c9\x8c\xb1N]{\x8c\x19;1P\x1bj6\xcf\xe8\x9b\x0e\xcey(\x14\xea\xd5\xa7\xf7ic\xce\x07\x80\x85\x0b\x17\xae]\xbbV\x08\xc19\xa7\xfc3\x80\xf2\xcf\xae\x9f\xca?\xd7\x9f\x04\xe4v\x01\xd0\xf32&gt;\xf8\xe0\x83o\xbe\xf9\x06\x11/\xbd\xf2\xd7\x85E^iY\xd9&gt;\xae\xe6\x89s\x9e\x88\x9bS\xaf\xba\xde\xe5\xf6\x84\xc3\xe1\'\x9f|R\xbfH\xf9g\x06\xe5\x9f]?\x9a?\x15\x80\xec{\xfa\xe9\xa7\x19c-[\xb7\x19u\xd6y\xa1`\x847\x8b\xe1YM\x10\xe7&lt;\x1c\x8e\xf4\xea\xd3g\xe0\xd0\x13\x19c/\xbf\xfcr(\x14\x02\x00}\xf9I\xf9\xa7\x1b\xe5\x9f]\xff\x9b\x7f$\x121\x0c#\xa7;\x82r\xb8\x00\xe8\xfe\x9f@ \xb0t\xe9\x17\x888\xe4\xc4S\xcbZ\x96\x99\xa6I\xbd\x9fi\x84\xc8\x18\x9cr\xc69\x88\xb8s\xe7\xae5k\xd6X\x96\xb5d\xc9\x12\xca?C(\xff\xec\xfaa\xfe+V\xac\x80\x1c\xbf\t\xc8\xe1\x02\xa0s_\xb6l\xd9\x8e\x1d\xdb\x01`\xf8\xc8\xd1\xd9&gt;\xa2\xe6\x8f\x0b\x11\x8d&amp;\x8e\x1fvR\x81\xb7PJk\xe1\xc2\x85\xabV\xad\xda\xb5k\x17P\xfe\x19A\xf9g\xd7~\xf9\xbf\xfb\xee{\xd0\xb0\xebN\x8e\xca\xe1\x02\xa0s_\xba\xf4\x0b\x00p{&lt;={\xf5\x8e\xc7\x12\xb9&gt;*\xab\x89c\x8c%\xe2\xf1\xd6m\xdbw\xe8\xdc\x15\x00V\xacX\xb1h\xd1"\x00\xf0x\n(\xff\x0c\xa0\xfc\xb3k\xbf\xfc\x97-\xfb\x02\x00r:\xf3\x1c&gt;t}\xab\xfb\xe5\x97\xcb\x00\xa0m\xfbN\xe5\xad\x8f\xa0\xfb\xdf\x0cPJ\xb9\xdc\x8e\x1eG\x1f\x0b\x00+V\xae|\xe7\xddw\x01\xa0M\xfb\x0e\x94\x7ffP\xfe\xd9\xb5o\xfek\xd7\xae\r\x85B9=),\x87\x87\x8b\xe9q\xb8{\xf7\xee\x05\x80\x92\xb2\x16\xee\x02o(X\x97\xd3\xd58\' \xa2\x10P\xde\xfa\x08\x00\xa8\xad\xa9\xd1\x1dq%\xa5\x94\x7f\x86P\xfe\xd9\xa5\xf3o\xd5\xba-\x00\xf8\xfd\x81h4ZPP\x90\xed\x83:t\xb9Z\x00\xf4\x1c&lt;\xbf\xdf\xbf~\xfdz\x00\xe8\xd2\xfd(\xc3\xc0\xdc\xad\xc39\x843fY\xd0\xa5\xfbQ\x00PQQQUU\x05\x94\x7f\x06Q\xfe\xd9\xa5\xf3\xef\xdc\xbd\'\x00\xd4\xd5\x05\xd6\xae]\xdb\xa2E\x0b\xa5T\x8e\xae\r\x97\xab\x05@CD\xd3\xb4\x00\xa0\xb8\xa4\x94\xf3\xe601/\' BqI)\x00X\x96\xa5\xaf@)\xffL\xa2\xfc\xb3+\x99\xbfR\xca\xca\xf1Y\x179\x7f\xc3\xa8;=s\xfdm\xc89:\xf0\xe4\xeeH\x94\x7f\x86Q\xfe\xd9\x95\x0c&lt;\xd7\x1f\xba\xe4|\x01\xd0r\xfdm\xc89\xfb\x05N\xf9g\x18\xe5\x9f]\xcd&amp;\xf0fR\x00\x08!\x84\x1c,*\x00\x84\x10\x92\xa7\xa8\x00\x10BH\x9e\xa2\x02@\x08!y\x8a\n\x00!\x84\xe4)*\x00\x84\x10\x92\xa7\xa8\x00\x10BH\x9e\xa2\x02@\x08!y\x8a\n\x00!\x84\xe4)*\x00\x84\x10\x92\xa7\xa8\x00\x10BH\x9e\xa2\x02@\x08!y\x8a\n\x00!\x84\xe4)*\x00\x84\x10\x92\xa7r{C\x98&amp;\x081\x8d\x1b3%\xd7\x7f\'\x8d\x91\x92\xf7\x821`\x8c\xae\x93\x0e\x05\xe5\xdf\xf4Q\x01H%Dt8\x9c\xc2HW\xaaf"N\x1b\x7f7R\xaa\xde\x0b)\xadD,\x06\x94\xf9A\xa2\xfcs\x02\x15\x80\x94QJy\n&lt;\x8f?p\xd7g\xff\x9d\xcf\xb9PJ\xa6\xf0\x97\xeb_8i\xdaUg\x9cs~(\x18\xe2&lt;\'7 \xcd\x18\xa5T\x81\xd7\xf3\xe4\xdf\xef_0\xff\x9dC~/\xf4\x0f\xf6\x190\xe4\xd7\xb7\xfe)\x1a\x0e3\xdao\xbd\xd1(\xff\\A\x05 e\x10\xd1\xb0\x89u\xabW|\xf1\xd9\xc24\xfd\'F\x8c\x1ac\xb3\t\xda\xfa\xf5\x80\x10\x91s\xb1\xec\xf3O\x0f\xff\xbd0\xecv\xc3\x10\x88H\x97\xa0\x8dG\xf9\xe7\n*\x00\xa9\x84\x08.\xb7\x9b\x0b!\x84!e*\xb7i\x15BH)\xedv;5\xfe\x8d\xc1\x18\x93\x12\xa3\xd1\x08\x17BGw\x08\xbfD\xff\xa0\xdb\xed\xa1\xcc\x0f\x16\xe5\x9f+\xa8\x00\xa4\x18"B\xf2\x9f\xc3\xfb=\xfb^\xe93\x00\xa5\x14]\xfb7\x12g,\x11\x8f\xd5\xf9k\x95\x94\x80\xa8\x94\xaa\x7f\xfd\xa0\xba\x11\x10!\x8dO\xf4\x9b3\xca?WP\x01H)\x06\x89x\\)\xa5T"\xf5\xbf\x1c\x91\xbaA\x1b\x03\x11\xb9\xe0\xb1X,\x18\x0c\xec\xf7\xa5dK\xd4\x18\xfa\x9b\xe3\xf1h*\x0f.\x0fP\xfe9\x84\n@\xca0\xc6\x94\xa5\xdau\xec\xdc\xadg/C\x18\xf2\x90\x1f\x02#\n!\xea\xea\x02;\xb7me\x8c!"0\xa6\x94r\xba\xdc\xc7\x0f;)\x1639\x8d\x8a;\x10\xceD&lt;\x16\r\xd6\x05@\xdf\x93\x01\x00\x80\xdd\xee\xe8\xd8\xa5[\xe3\xc7\x93\x08\xce-);v\xee\xae\x94\xa2Q(\x07\x85\xf2\xcf\x15T\x00R\x86s\x1e\tG\xae\xb8\xfe\xd6+~s\xcb\xe1\x8c\xd4\x94R\xfa\x8a\x0bo\xbcr\xda+\xcf\xfd\x93s.\xa5\x14\\Hi\x9d:\xfa\x17G\x1d\xdb\xab\xb6&amp; \x04\r\x01\xfay\xc8\x05\x0f\x87\x82\xb1hD\xff\x7f\xce\xb9R\xaaK\x8f\xa3^\x9a\xf7\x99eY\x8d\x7fw\x10\x911\x16\x8dD\x0e\xae\xef"\xdfQ\xfe9\x83\n@\xaa!\xc2&gt;W=\x07\xfd\xd3\n\x9dN\xe7\xfa\xb5\xeb\xde~\xf5y\xc6\x98\xbe\x0bVJ2\xce\'\\r\xb9iJ\x9a\x04p@\x88 \x84\x08\xd6\x05\xe2\xb1\x18\x00 \x00g\x0c\x00\x8a|\xc5v\x87#\x91H\x1cTkB\x9d\xd0\x07\x8b\xf2\xcf!TW\x9b\x16\xa9,\xa7\xdb\xfe\xd23\xb3c\xd1(\xe7\x02\x11\xb9\x10\x888`\xf0\t\xfd\x8f\x1f\x12\x0e\x85\xe9R\xa8\x11\x90s\x11\xaa\x0b\xe8\xeb\xc7\xe4\xd3\xf8\xe2\x92\xd2\xfa.5\x92^\x94\x7f\xce\xa0\xd6\xa4\tAD\x87\xc3\xb5s\xdb\xce\xd7^x\x861V?}\x06\x11\x00.\x9cz\xa50\x0c\xfa\xf04\x06"p\x0e\x81@-\x00\xd4?6g\x0c\x00\x8aK[\x08\x01\x00\x94azQ\xfe9\x84\n@\x13\xa2\xa4,\xf0:_\x7f\xe9\xd9\xda\x9a*\xce\xb9\x9eM\xa3\x14v\xeev\xe4\xf0Q\xa3C\xc1\x10\xf5\xfe7\x0e2\x0e\xfe\x9aj\x00\xd8\xb7\xbf\xccWZ\xca8\xb5?\x19@\xf9\xe7\x0c*\x00M\x07\x1a6{u\x95\xff\xc5\xa7g%\xef\x94\x19\x03\x00\x1c\x7f\xf1\x8c\xc2\xc2\x02i\xa5rfYs\x86\xc0Y}\x03T?z\x04\x11\x00JJ\xcaP\xfd\xb0M"\xe9@\xf9\xe7\x0e*\x00M\x85\x94\xb2\xc0\xeb\x9e\xf7\xe6\xcb;\xb6ma\x8c+\xa5\xf4\xbfK\xcaZ\x9ey\xde\x84p(\xca\xe9\xf2\xff`\xf8k\xab\x93\x7f\xd6\x17\x9d\xc5%eJ\x01\xb5@\x99A\xf9\xe7\x04*\x00M\x05\xe7F4\x12}\xee\xc9G\x01\x98\xfe\x8c\xe8^\xa0_\x8c\x9b\xdc\xa6m\xebD&lt;N\xe3\x7f\x1a\x8b1\xa9\x1a\xae@\x11\x00\x00\x15\x02\x80\xaf\xa4\x14\x91\x9a\x9f\xf4\xa3\xfcs\x07\x15\x80&amp;AJ\xe9-\xf4,\xfcp\xde\xdaU\xcb9gJJ`L)\xe9p\xba\xc6N\x9a\x1a\x8d\x1e\xdc\xc8\xb9&lt;\xc7\x00PA\xadn\x80\x00\x01\x18\xa2b\x8cy\x0b}R\xd2\x94\xa2\xb4\xa3\xfcs\x08\xcd\x03h\x12\x18cR\xaagg=\xac\xff\x0c\x00\x82s)\xe5)g\x9c\xdd\xe3\xe8\xa3\xfd\xb54\xf9\xeb 0\xce-\xd3\n\xf8k\x01\x00\x11\xf4@D\xbb\xc3\xe1\xf5\x15\xe9\x15\xfa\xea\x17$H\x0e\xa9\xd2\x89\xd3f;)B\xf9\xe7\x10*\x00\xd9\xa77\x12X\xf6\xf9\xa2%\x9f.`\x9c\xeb\xa5\x13\x95R\x8c\xb1\t\x97\\.-\x9a\xfcu0\x109\xe3\xb1X4T\xbf\x10M}+\xe3r\xb9].\x8f\x92\xd20l\x86\xcd&amp;\x84\xe0\xbc&gt;U\xa5PJ\xcb2-\xcb2Q)\xc69\xddo\x1d:\xca?\xa7P\x01\xc8&gt;D\x14\x86x\xee\xa9G\x10\x95\xe0B\x02p!\x94\x94\xfd\x8e?a\xc0\xe0\xa1!\x9a\xfcu0\x10\x80\x0b\x16\x0f\xc7\x82\x01\xbd\x10\r\xe8!U\xc5\xa5-Z\xb59\xc22\xad\xda\x9a\xaa\xda\x9a\xaa:\xbf?\x1e\x8bJ)9\xe7N\x97\xcbWRZZ\xd6\xd2WRjw\x88D\\F\xc2a@\xa4\xa7\xee\x87\x80\xf2\xcf-T\x00\xb2L)\xe5v\xbb\xd7\xae\\\xf9\xe1\xbbo\xe8\x8e \x80\xfa\xbb\xe3I\xd3\xae0l6\xc4H\x96\x0f1\xd7p&amp;b\x91H8\x14\x04\x80\xe4R\x02\xc1\xba\xc0\x8dW\\\xb4i\xfd\xda\xdd;\xb7\x07\x03~\xd34\xf7\xfd\x11\xbb\xddQ\\Z\xd6\xb9[\x8f\xfe\x83O&lt;\xe1\x94\xd3\x8f9\xae\xbf\x10"\x18\x080\xce\xe9\xf6\xeb`Q\xfe9\x84\n@\x96\xa1RN\x97\xed\xc5\x7f\xfd#\x11\x8f\xebmd8\xe7Ja\xc7\xae\xddG\x8c:+\x14\x0cS\xef\xffAAD!D0\x18\x88\xc5\xa2\xc9W\x00\xa0\xaar\xcf\x1b\xffy\xee\xfb\xefc\x8c7\xb4,\x88\x98H\xc4+v\xef\xac\xd8\xbd\xf3\xf3\x85\x1f=r\xef\x1d\x83\x87\x9fz\xc9\x15\xd7\x8d\x18yF,\x1a5M\x93\xee\xc0\x1a\x8f\xf2\xcf-\x94l6!\xa2\xc3\xe9\xda\xbai\xeb\x1b/\xcfM\xae\xfd\xc0\x18\x03\xc0\xf1\x17\xcd(*\xf6J\xcb&lt;\xe0/!\xfb\xe1\x9c\x87\x83A%\xd5\xbe+\xcf0\xc6\x840\xb8\x10\x9cs\xc69k\xd8rGo\xb3\xc3\x18c\x8c\xe9\xad\xdc\x10\xf1\xb3\x05\xf3g\x8c\x1f}\xe3\x95\x17G\xa3\x11\xa7\xcbuh\x1bZ\xe5-\xca?\x87P\x01\xc8&amp;%\xa5\xa7\xc0\xf1\xea\xf3O\x07\x03~\xbd\xf4\x1bcLJY\\Rv\xe6y\x13\xc2\xc1\x18u\x83\x1e,D\x14\x06\xaf\xde[\xa1\x94\xd4\xcd\r\xe7\\7=\x88\xa8\xa4TJ\xa1R\xd8\x801&amp;\x84\xe0\\\x00\x80\x92R\x0fS\xe1Bp.^{\xe1\x99\x8b\xcf=\xb5r\xf7N\x97\xdb}h\xdb\x9a\xe7!\xca?\xb7P\x01\xc8\x1aD\xb4\xd9\xed\x95{\xaa\xfe\xf3\xec\x93\x8c1D\x05\x00\xfa\x93p\xf6\xb8IG\xb4?"\x11\x8fQ\x07\xe8\xc1\xe2\x9cG\xa3\xd1\x9e\xc7\x1c7b\xd4Y\xd2\xb2\x94RJ))-iY\xba\x11q8\x9c\x05\xdeBo\xa1\xcfS\xe0\xb5\xd9\xed\x88(\xa5\x94\xd2\xd2}\x17:p%\xa5R\xd2\xb0\xd9\xd6\xadZ\xfe\xcb\x89cB\xc1\x80\xcdf\xa7\x95\xf8\x1a\x83\xf2\xcf-\xf4\x0c k\x94\x94E&gt;\xef+\xcf\xcd\xa9\xd8\xbdS\x0f\xfb\x01`JI\xbb\xc31v\xd2\xb4X\xd4\xa4\r \x0f\x01c\xcc2\xad\xf2\xd6m\xfe1\xf7\x8d7_\x99\xfb\x8f\x07\xef\xb2\xd9\xecG\xf6\xea\xdd\xb1K\xf7\xf6\x9d\xbb\x94\xb7:\xa2\xd0W\xecv{\xb8\x10\xd2\xb2\xc2\xe1PMU\xe5\xd6M\xeb\xbfZ\xb2h\xd1\x82\xf9U\x95\x15\x00\xc0\x18\xd7\xc5\xd82M\xc3f[\xbfv\xf5\xed\xbf\xb9\xeaos^\x08\xd6\x05\xa9\x1e\x1f\x10\xe5\x9f[\xa8\x00d\x8d0\x8c`]\xe8\xb9\x7f&gt;\x06\x8c\xe9\xd1\xd2Bp)\xe5\xc9\xa7\x8d9\xb2\xd71\x01?M\xfe:D\x8c\xb1D"\x11\x8f\xc7\x7f1n\xd2I\xa7\x9de\x18\xb6\x02\xaf\x9b1\x90\x12\xa4T\xd2\x92J)\x00\x04\xc6\xca9\xef\xde\xf3\xe8\xa1\'\x9d&lt;i\xda\xe5{v\xed~e\xee?\x1f\x7f\xe0/\xb1h$\xd9ym\x99\xa60\x8cw_\x7f\xe9\xac\xb7/\x1cy\xe6\xd9u\x81:zS\x0e\x88\xf2\xcf!t\x8d\x99\x1dR\xca\x02o\xc1G\xef\xbd\xbd\xe9\xdb5\xbc\xe1\xf1\xafR\n\x80M\xb8\xf4r\xa5\x14]\xeb\x1c\x0e\xc6\x18\xe7&lt;\xe0\x0f\x08a(\xa5jk\xfc5U\xfe\x80?\x10\x0e\x85\xe2\xb1\xa8i&amp;L\xd34\x13\x89x4\x1a\n\xd6\xf9k\xfc\xfeZ\xbf\xb7\xc8\xf7\xab\x9bny\xe6\xb5\x0f[\x94\xb7BD\x96\xdcx\x19\x9116\xe7\xb1\x07\xa4%9\xbd+\x8dC\xf9\xe7\n*\x00\xd9\xc197M\xf3\xdfO&gt;\x0cP\xbfd\xae~J\xd6w\xe0\xe0\x81CO\x0c\x07\xc3\xfaa\x009\x1cB\x08\xbd\xea\x80\x10\x860\x0c\x91\x1c\x82\x92\xa4\x9fP\nC\x08CZV\xe5\xee\x9a\xfeC\x8e\xff\xeb\xec\xe7\xed\x0e\x07c\xf5+\x14\xe8!(_/\xfdl\xcd\xaa\x15.\xb7\xbb~\x19\x03\xd2\x08\x94\x7f\xd3G\x05 \x0b\x94\x92\x9e\x02\xcf\xe2O\x16|\xb5d\x11c\\\xc9\xefw\xfe\x9a8\xf5\n\x9b\xdd\xa6\x90\xc6&lt;\xa4F\xe3{\x8d\x19c6\xbb\xbd\xaa\xa2\xe6\x84\x93G\\0\xe52\xa5T\xb2\x06s.\xa4\x94\xcb&gt;_hw\x1aH\r\xd0\xc1\xa0\xfc\x9b8*\x00Y\x80\x08\x9c\xb1\x7f\xcf~\x04\x00\xf4\x8a(\x9cs\xa5T\x87\xce]O&gt;\xfd\xecp0,\x04=\x9b\xc9\x0ea\x18\x91\xb0y\xc1\xe4i\x86\xcd\xa6\x94\xdcw\xf1\xfa\xb5\xab\xbeF\xd5\xb0\xc3\tI\x0f\xca?\xc3\xa8\x00d\x9aR\xca\xe3\xf1\xac\xfc\xea\xcb\x85\x1f\xbe\xabG\xfdC\xc3\x85\xd2\x05S\xa6\xfbJ\n-\x93&amp;\x7fe\r\xe7&lt;\x1e\x8fw\xea\xda\xa3s\xd7\x1e\x88\xa8\xcb3\x02\x02\xc0\xce\xed\xdbLS\xd1@\x94\xb4\xa2\xfc3\x8c\n@\xa6\xa1Rv\x87\xf1\xfc\x9c\xc7-\xd3\xd47\xb9\xba\x0c\xf8JJ\xc7\x8c\xbd0\x1c\xa2\xc9_Y&amp;\xa5t{\xdc\xed;w\x85d\x0f\x06"\x00\x84\x82u\x89D\x9c\x96%H7\xca?\x93(\xcd\x8cB\xa5\x9cn\xf7\xc6o7\xbc\xf3\xdaK\xc9\xb5\x1ft\x19\x18s\xfe\x85\xed:\xb4M\xc4h\xf2W\xf61\x06E\xbeb\xfd\xc7\xe4\x8bJZ\xd4\x01\x9d\x19\x94\x7f\xc6P\x01\xc8(\xa5\x94\xdbm\x7f\xf9\xdfOE\xc2!\xbd\xf6\x03\x00(%\xedv\xc7\xd8\xc94\xf9\xab\t\xf9\xe1\xbcS\x06\x00\x86\xcd\xaeW\xaa\xc9\xd6!\xe5\x15\xca?3\xa8\xb9\xc9\x1cD\xb4;\x1c\xbbv\xec~\xf5\xf99\x8c\xb1\x86\x11r\x02\x11\x87\x8f\x1a}\xd4\xb1\xbd#\x91\x08\xdd\xe1f\x1d\x03P\n\xfc55\x00\xa0\xf73\xd1\xb7d\x85E&gt;\xbdtA6\x0f.\x0fP\xfe\x99D\xcdM\xe6()=\x05\xae7_~\xaezo%\xe7\xf5\xf3\xddu\x19\x98x\xe9\x154\xf9\xab\x89\xe0BD"\xe1m[6B\xf2:\x941\x008\xa2}G\x9b\xad~\xc9&amp;\x92&gt;\x94\x7f&amp;Q\x01\xc8\x1c\xc3f\xf3\xd7\xd6=?\xe7\x1f\xd00\xd3]O\xfe\xea\xd3\xff\xf8\xe3\x87\r\x0f\x87h\xf2W\xf6)\xa5\x1c\x0e\xc7\xd6\x8d\x1b\xb6n\xde\xc0\x18S\n\x01\xea\xb75&lt;\xf2\xe8c\x81%\xb78$iA\xf9g\x18\x15\x80\x0c\x91\xd2*\xf0z\xe6\xbf\xfd\x7f\xdb\xb6l\xe4\r\xfd?\xc9\xc9_v\x87\x9d\x16\xbcM\x15Du\xc8\xf3E\xa5\x94n\x8f\xed\xb5\x17\x9fi\x18\xa3U\xff\x90F\x08q\xdc\xc0!\x89\x98\xa4\x874\x07D\xf9\xe7\x10J3C8\x17\xb1X\\O\xfe\xaa_\xfb\x81s\xa5T\xbb\x8e\x9dO9\xe3\x17!\x9a\xfc\x95"\x88\xe8p\xb8\xdc\x9e\x02)\xa5\x94\xf2\xa0\xba\x8cM3Q\\R\xbcl\xf1\x17/\xfe\xeb\x1f\x8c\xf1\xfa1ZB\x00\xc0Q\xc7\xf6\xedq\xf41\xd1(=\xa49\x00\xca?\xb7P\x9a\x99\xa0\xa4,\xf0\x16|\xfa\xd1\xfc\xd5\xcb\x97q^\xbf\xf6C\xfd\xe4\xaf\xc9\x97\x95\x94\x16\xd1\xe4\xaf\x94@TN\xa7c\xe5WK\xbf\\\xfcIIiQaQ\x11\xe7\\JK\xea}H~\xa21BD\xfd=\xa5-J\xbe\xdb\xbc\xe973&amp;E#\x11\xc6\xea;\xa0\x190D\x1cw\xd1t\xa7\xcbA\x0b\xd1\xfc&lt;\xca?\xe7P\x01\xc8\x10D\xfc\xf7\xec\x87\xa1\xa1\xdd\xd7\xfb\xbf\x17\xf9\x8a\xcf\xbe`\x12M\xfeJ\x15\xa5\x94\xc3m_\xb5\xfc\x8b\xc9cF\\s\xc9\x84\x8f\xe7\xbde&amp;\x12\xbe\x12\x9f\xaf\xb8\xc8\xe5v\xebA\x84J~OWb\xbb\xdd\xe1+\xf6y\x0b\x0b\xe7\xbd\xfe\xda\xe41\'}\xb7y\x83\xbe9\x03\x00.\x84\x94V\xf7\xa3\x8e9\xfb\x82\x0b\x83\x81\x10\xadE\xfc\xf3(\xff\x9cC\xdd\x0ei\xa7\x94\xf2\x14\x14|\xb5\xe4\xf3\xcf\x16~\xc88\xd7k?p.\xa4\xb4\xce&lt;\x7fb\xfbN\xedk\xaa\xfc\xc2\xa07"5P\x81\xcb\xe5\x06\x80\xb7_}\xf1\xedW_l\xd7\xb1\xf3\x80!\'\x0e\x18|\xe2\x91\xbdz\xb7j\xd3\xae\xb0\xa8\xc8f\xb7\xeb^\x04\x04@\x05\xd1Ht\xd7\x8e\xef\xbeZ\xfa\xd9\x9b\xffyn\xd1\x82\xf9\xd0\xd05\x07\x00\xba\xbb\x99\x0b\xf1\xfb{\x1ev\xba\\\xc1\xba 5@\x07D\xf9\xe7\x16jw\xd2\x0e\x11\r\x9b\x98\xfb\xd4cJJ!\x0c\tz\xf4\xa7\xb4\xd9\xed\x17L\xb9,\x16\xa3\xc9_)\xa6\x94\x02\xc6\xec6\x9biZ\xdb\xb7n\xde\xbeu\xf3\xabs\x9f\xe6\x9c\xb7(o\xdd\xaaM\xdb\xd2\x16-\x0b\x8b\x8a\r\x9b\xcd4\x13\x81\xda\x9a=\xbbv|\xb7yc4\x12\x86\x86\x9b\xb3\xfakO\xce\x01@Iy\xeb]\x7f\x1f|\xe2p\x7f5\x15\xe9\xc6\xa2\xfcs\x08e\x9a^\xa8\x94\xcb\xed\xfa\xf6\x9bo\xde\x7f\xfbU\xc6\x98T\x12\x00\x84\x10R\xca\x13O9\xa3W\xef&gt;\x01?mr\x94b\x8c1\xc1\xb9R\nQq\xce\x19\xe3\x00(\xa5\xac\xd8\xbd\xb3b\xf7\xce\x1f\xfd\x11!\x04\x02$\x9f\xcd\xe8\r\x0b\x01\xe0\xb7\x7f\xbc\xff\x92+\xae\xf1\xd7\x04\xa8\xf5i&lt;\xca?\x87P\xac\xe9\xa5\x94r\xb9\xed/=\xfbd&lt;\x163\x0c\x9b\x94\x160\xa6\x1f\x86M\x9cz\x05*Z\xdd6\xc5\x18\x033\x91\x90R2\xc6\xea\x9b\x15%\x11\x911\x06\xa0w!\x81}V\x98AM\x7f?\xe7\x821\x90RJ\xcbj\xd3\xb6\xfd-w\xfd\xed\xf4\xb3\xcf\xf1\xd7\xd2\xde\x9c\x07\x81\xf2\xcf-\xd4\xf9\x90F\x88\xe8p\xb9\xb6n\xda\xfa\xcas\xff\x04\x00\xcb2\xf5\xe9\xae\x94&lt;\xe6\xb8\xfe\x83O8)\x14\n\xd1\xe4\xaf\x14\xe2\\DB\xb1\x13N9m\xcc\xd8\x0b\x9dN\x97~\xccX?\x98\x84s.8\xe3\xba\xe9\xc1\x86\x7f\xea7\xa5\xe2\x9c\xeb\xf7EJ\xe9+.\x99z\xd5o^\x9a\xf7\xf9\xa8\xb3\xce\xa9\xad\xf1\xd3\x1b\xd4x\x94\x7f\xce\xa1;\x804RJ\xb9\\\x8eyo\xbc\x02\x00\xbe\xe2\xd2\xfa\xfe\x1f.\xa4\x92Sf\\kw\xda\xa3\xd1(]\xdd\xa4\x10c\xcc4\xcd6m;\xfeu\xf6s\xeb\xd7\xacY0\xff\xadE\x0b\xe6\xaf[\xbd\xb2\xa6\xaa\xb2~\xdb\xb5\x9fV\xe0-&lt;\xea\xd8\xbe\'\x9f&gt;f\xe4\x99\xe7v\xec\xd2)\x1c\x8a\xe9-m3s\xe4\xcd\x03\xe5\x9fs(\xdf4\x12B\x84\x82\xe1\xb3\xce\x9fx\xe6y\x13\x00\xea\xe7\xfd"\x00\x03(\xf4\x15\x87\xeahX[\xea1\xc6\x12\x89x,\x16\xed\xd8\xb5\xdb\xe5\xbdn\x9cz\xd5\xf5{+v\xef\xf8n\xcb\xf6\xad\x9bvn\xdbZ]\xb57\x10\xa8\x8dG\xa3RZB\x18.\x8f\xa7\xa4\xb4E\xeb#\xdau\xea\xda\xbds\xb7\x9em\xda\xb5w8\x8cH$\xae/&lt;\xe9\xdd9\x04\x94\x7fn\xa1\x02\x90^\x88X\xe4+a\xac\xbe\xddO\xb2,+k\xc7\xd4\xdc\xe9\xde\xe7x4\x1a\x8d\x84\x19\xe3\xbe\xe2\xd2\x96\xadZ\x0f\x1c:\x8cs@\x04\xa5 9!\x89q\x10\x1c\x10AJH\xc4\xe3\xb1H$\x12Vz\x9b\xf2\xac\xfe\rr\x1b\xe5\x9fC(\xe8\xb4\xb3\xac\x1f\x99\xe5K\xbb\xbe\xa4\x1b\xe3\\\x00\x07\x00\xcb2M3\x81\x88\x80\x08z\x12^\xc3\xf7 \x80~\x91\x01c\x9c\'\x7f\x84\x1c&gt;\xca?\'P\x01H;j\xeb\xb3+9\xf4\x84d\x05\xe5\xdf\x94Q\xbd%\x84\x90&lt;E\x05\x80\x10B\xf2\x14\x15\x00B\x08\xc9ST\x00\x08!$OQ\x01 \x84\x90&lt;E\x05\x80\x10B\xf2\x14\x15\x00B\x08\xc9ST\x00\x08!$OQ\x01 \x84\x90&lt;E\x05\x80\x10B\xf2T3)\x004\xd7&lt;\xc3\xf6\x0b\x9c\xf2\xcf0\xca?\xbb\x9aM\xe0\xb9]\x00\x10Q\xef j\x9a\x89\xe4\x12\x83$\x03L3\x01\x94\x7f\xf6P\xfe\xd9\xa5\xf3\x87\x86\x1d\x8csW\xae\x16\x00\xc6\x18"\x16\x16\x16v\xeb\xd6\x15\x00\xd6\xad^aZ\xf5\x1bI\x93\xb4R\x886\x1b\xac[\xbd\x02\x00\xca\xcb\xcb\xbbt\xa5\xfc3\x8a\xf2\xcf.\x9d\xff\xb7\xabW\x02@aaQ\xb7n\xdd \x97o\x08r\xf8\x8cAD\xc30\xca\xca\xca\x00\xc0\xef\xafI\xc4\xe2\xb9\xfb6\xe4\x16\x85P]U\t\x00^\xaf\xb7\xbc\xbc\x1c(\xff\xcc\xa2\xfc\xb3+\x99\xbf\xc7\xe3...\x06*\x00Y\xa1o\xbe\x8e=\xb67\x00l\xdb\xbc\xb1\xaab\xb7\xddnG\xba\x13N3\xcey&lt;&amp;\xf5\x15h\xaf^\xbdN\x1b5\n\x00\xb6o\xd9D\xf9g\x06\xe5\x9f]:\xff\xb5\xab\x97\x03@\xb7n\xdd&lt;\x1e\x8fR\x8a\n@\x16\xe8\xd0\xfb\xf7\xef\x07\x00\xc1\xba\xc0\xa6\r\xeb\xec\x0e;\xe6x\x97\\\x13\x87\x88v\xbb\xbd\xbar\xcf\xd6M\xeb\x01\xa0\xd71\xc7\x0c\x1b6\x0c(\xffL\xa1\xfc\xb3k\xbf\xfc\xfb\xf4\xe9\xc39\xcf\xe9\xc7\x009\\\x00t\x8f\xe7\xe0\xc1\x83KJJ\x94R\x8b\x16\xcc7\x0c\xa6\xe8\n(\x9dP)\xa7\xcb\xb1|\xd9\xe2\x9a\xaa\xbd\x9c\xf3\x13\x86\r\x1b8p\xa0\xcf\xe7\xa3\xfc3\x83\xf2\xcf\xae\xfd\xf2\x1f5j\x14\xe4r\xff\x0f\xe4t\x01`\x8c)\xa5Z\xb7n\xdd\xbbwo\xc6\xd8\x7f\xe7\xbf]\x17\x88\x18\x06\xedq\x96F\nQ\x08\xf6\xc1;\xaf#\xa2\xcf\xe7\xeb\xd7\xaf\x9f\xdb\xed\xee\xd3\xa7\x0f\xe5\x9f\x19\x94\x7fv\xed\x97\xff\xd0\xa1C\x01r\xfb\xd9{\x0e\x1f:4&lt;\x06\x18?~\x02"n\xdd\xb4a\xe9\xa2\x8f=\x05\x1e)e\xb6\x8f\xabyBD\xa7\xd3\xb9\xfd\xbb\x1d\x9f~&lt;\x0f\x00N;\xedt\xfd\x04l\xc2\x04\xca?\x13(\xff\xec\xfa\xdf\xfc\x8b\x8a\x8a\xa4\x94t\x07\x905B\x08\x00\x18;\xf6\xfc\xf2\xf2rD|\xf2\xe1\xfbr\xfa\x81L\x13\'\xa5\xf4x\x9d\xcf\xff\xf3\xb1\xea\xbd\x95B\x88\x193\xa6\xeb\xc1\xb8c\xc7\x8e\xa5\xfc3\x80\xf2\xcf\xae\x1f\xcd?\xdb\x07u\xb8r\xbb\x000\xc6,\xcb*--\x9d&lt;y2"~\xf1\xd9\xc2\x85\x1f\xbc_X\xe8\xa5\x8b\xa0\x94CD\x87\xd3\xb9\xf3\xbb\x9d/&gt;3\x9b1v\xdcq\xc7\x8d\x181B)%\xa5\xa4\xfc3\x80\xf2\xcf\xae\x9f\xca__\x83\xe6\xae\xdc.\x00\x00\xc09G\xc4\x193f\xf8|&gt;\x00\x98\xf5\xd0]\x92.\x82\xd2@ZVa\xa1\xf3_O\xfc\xad\xb6\xba\n\x00n\xb8\xe1\x06\x00@D\xca?3(\xff\xec\xfa\xa9\xfc\xb3}\\\x87\xab9\x14\x00\xa5T\xf7\xee\xddg\xce\x9c\x89\x88\xcb\x16\x7f\xf2\xf4\xe3\x7f+-+4M3\xdb\x87\xd6|H\xcb*\xf2\x15-\xfe\xe4\xb3gf\xff\x1d\x00N&lt;q\xf8\xb8q\xe3\xf4\xe5\x0f\xe5\x9f\x01\x94\x7fv\xfdL\xfe\xd9&gt;\xb4\xc3\xc5\x9aA\x11\xd3+\xa2\x84B\xa1\xbe}\xfbn\xde\xb2\xc5\xe3\xf1&lt;\xf3\xda\xc7\xc7\xf4\xedW\xe7\x0f\x08\x1a\x14q\xd8P)\xc3f\xb3\xcc\xc4\x843\x86mX\xf7\r\xe7b\xc9\x92\xc5}\xfb\xf6\xd5\x97\x9f@\xf9\xa7\x19\xe5\x9f]\x07\xcc?\xa7\xe5\xfc_\x00\x00\x18c\x8c\xb1\xa2\xa2\xa2\xb9s\xe7\x1aBDB\xa1\xdf]}IM\xd5^\xbb\xd3A\x9d\xa1\x87\t\x11\x11\xd1\xe9t\xfc\xe17W\xae_\xbb\x1a\x11\xef\xbf\xff\xbe~\xfd\xfa)\xa5\x92g?\xe5\x9f&gt;\x94\x7fv5&amp;\xff\x9c\xd6\x1c\xfe\x0e\x00\xc09\xb7,k\xd0\xa0A\xf7\xddw\x1f\x02lX\xf7\xcd\xf4\xf1g\t\xce\x1dN\xa7\xb4\xacl\x1f]\xaeRJ!\xaa\x96\xad\x8bn\xbf\xf1\x9a\xb7^\x99\x0b\x00c\xc7\x8e\x9d9s\xa6eY\xfb\xdd\xfcR\xfe\xe9@\xf9gW\xe3\xf3\xcf]\xcd\xa4\x00\x00\x80a\x18\x96e\xcd\x9c9s\xfa\xf4\xe9\x00\xb0\xea\xeb/\xa6]0:\x18\xf0{\x8b\x8a\xa8?\xf4\x10H\xcb\xb2\xd9l\x05\x05\xde\xdf]}\xf5\x0bs\x1e\x07\x80\x01\x03\x06\xcc\x9a5\xeb\xa7\xba&gt;)\xff\xd4\xa2\xfc\xb3\xeb`\xf3\xcfQ\xcd\xa7\x00\x00\x80\x10B)5k\xd6,\xfd\x19X\xfc\xc9G\xd3\xc7\x8f\xde\xb2a]Y\x8bb)eN/\xd9\x91I\x88h\x99\xa6\xb7\xa8\xc84\xe37^y\xc9sO&gt;\xaa\x14\x0e\x180`\xde\xbcy?\xbf\xf6!\xe5\x9f\x12\x94\x7fv\x1dr\xfe\xb9\xa89&lt;\x04\xde\x97~ &amp;\x84\x981c\xc6\xec\xd9\xb3\x01\xc0W\\z\xcb]\x0f\x9d3~\xb2i\xcaH(\xc88o\x1e\x9dw\xe9\x80\x88RJ\x87\xd3\xe9\xf5:\x97.\xfa\xec\xb6\xeb\xaf\xd4\xabN\x0e\x1c8\xf0\xbd\xf7\xde+..&gt;`\xd7\'\xe5\x7f8(\xff\xec:\xfc\xfcsNs+\x00\xd0\xf0\xdc\x86s~\xc7\x1d\xb7\xdf~\xfb\x1d\xfa\xc5\xd1\xe7\x8c\xbb\xfc\xd77\x1dul\x9fD\xc2\x8a\x84\xc3\x00\xc8\xb9hN\x95\xfcp\xd4o,\x85\xe8p:=\x05\xce\x1d\xdbv&gt;\xf7\xd4\xa3s\x1e} \x91H\x00\xc0\xb8q\xe3\x9ex\xe2\x89\xc6\x9f\xfd\x94\xff\xc1\xa2\xfc\xb3+\xb5\xf9\xe7\x96fX\x00`\x9f\xcf\xc0\xbcy\xf3\xa6N\x9d\xb6k\xd7N\x00p:\x9d\xa3\xcf\x1d\x7f\xd1/\xaf=\xbaw_\xc6 \x16M$\x12q\xa5\x14"\xb2\xfc\xfb( \x00"2\x06\x8cq\x9b\xdd\xeer9\x85\x80\xed\xdf\xedx\xe9\x99Y/=3{o\xc5\x1e\x00\xb0\xdb\xed\xf7\xdcs\xcf\xcc\x993\x01\xe0\xa0\xce~\xca\xff\x80(\xff\xecJk\xfe9\xa4y\x16\x00\xcd\xb2,\xc30v\xed\xdau\xeb\xad\xb7\xce\x9d\xfb|&lt;\x1e\x03\x00\x97\xcb=d\xc4\xa9\'\x9d6f\xd0\xb0\xe1\xad\x8fh\xeft9\x84\x00\xcb\x82\xe6\x1b\xc3O\xb2\xd9@)H$\xe4\xde\x8a=+\x96}\xbe\xe0\xfdw&gt;\xf9\xe8\xbd\xca=\xbb\xf5WG\x8e\x1cy\xe7\x9dw\x0e\x1a4H//s\x08M\x04\xe5\xff\xf3(\xff\xecJw\xfe9\xa19\x17\x00\x00\x90R\xeaG\xf6K\x96,\xb9\xeb\xae\xbb\xe6\xcf\x9f\x1f\x89D\xf4\x97\xbc\x85\x85\x9d\xbb\xf5\xec\xd2\xbdg\x9bv\xed:v9\xb2\xb8\xa4\xd4\xb2\xac\xe6\xfa6\xff\x102\xc6M3\xb1n\xf5\x8a\x9a\xea\xbd\xeb\xd7\xac\xda\xb4~m\xf5\xde\xca\xe4\x97\x87\x0c\x1dz\xf5UWM\x9c8\x11\xf6\t\xf0\xd0P\xfe?\x86\xf2\xcf\xae\xcc\xe5\x9f\x03\xb0\xb9SJY\x96\xa5\xff\xbcj\xd5\xaa\xeb\xaf\xbf\xbec\xa7N\xd9N\xbd)j\xd9\xb2\xe5E\x17_\xfc\xfe\xfb\xef\xeb\xac\xa4\x94RJ\xca?c(\xff\xecJS\xfeM\\3\xbf\x03H\xd2}\x9d\xba\x98\x07\x83\xc1\xb5k\xd7.Z\xb4\xe8\xcb/\xbf\\\xb5j\x95\xdf\x1f\xd8\xbd{W\xfe\xcd\x99d-\xcb[z&lt;\x9e&gt;}\xfa\x1c\xd3\xab\xd7\xa0A\x83\xfa\xf5\xeb\xd7\xa2E\x0b\xd8g$I\n\xffc\x94\xff\xff\xa0\xfc\xb3+\xa3\xf97Y\xf9\xb2T\x88\xde&gt;\x0c\x11\x19c^\xafw\xc0\x80\x016\x9b\x8ds^[[\xcb\x85\xa8\xac\xac\xc8\x93B\xd8\x80\x01@Qaaiii\xbf\xbe}\x07\x0f\x1e\xdc\xaf_?\xaf\xd7\xab\xbf&amp;\xa5L\xf9\xf3.\xca\xff\x87(\xff\xec\xcat\xfeMWV\xee;2,y\x0b\x1c\x8f\xc7_\x7f\xfd\xf5\xf3\xce;\xafm\xdbv\xd9\x0e\xbei),,&lt;\xe5\xd4Sg\xcd\x9aUQQ\xa1\xb32MS7\x19\x94\x7f\x06P\xfe\xd9\x95\xd6\xfc\x9b\xb2f\xde\x05\xa4\xffv\x8c\xb1@ 0{\xf6\xecg\x9f}v\xe5\xca\x95\xc9\xaf\x16x\xbd\xad\x8fh\xdf\xa2\xbc\xbcc\x97#}%%\xd2\xca\xed\xdd\xdd\x1a\t\x01\x19c\x96i\xae[\xbd"\xe0\xaf\xdd\xbeu\x93\xbf\xb6&amp;\xf9\xd5\xd6\xad\xdbL\x9at\xe1e\x97]\xd6\xa3G\x0f8\xec\xd1o\x94\xff\xff\xa2\xfc\xb3+\x93\xf97}\xcd\xb9\x00$\x9f\xe0\xcf\x993\xe7\xde{\xef]\xb7n\x9d~\xbdM\xdb\xf6\xc7\x9fx\xf2\xf0S\xcf8\xb2W\x9f\x96\xe5\xad=\x05^a@\xb3~\x97\x7f\x04"X\x16\xc4c\xf1\xea\xbd{6|\xbb\xe6\xb3\x05\xf3\x17}&lt;\x7f\xfd\xda\xd5\xfa\xab%%%\xd7\\s\xcdu\xd7]WTT\xa4G\x13\x1e\xc2\x7f\x82\xf2\xff\x19\x94\x7fve \xff\x9c\xd0l\x0b\x80&gt;\xfbw\xed\xda5u\xea\xd4y\xf3\xe6\xe9\x17\xbb\xf7\xecu\xd1/\xaf\x19y\xe6\xb9\xa5-Z B&lt;\x9e0\x13\xa6R\x12Q5\xd3\x18~\x12\xd3\xcb\x08sn\xb3\xd9\x1dN\x87a@\xb0.\xb2\xf4\xb3\xff&gt;\xfd\xd8\x83\x8b\x16\xcc\xd7\xdf\xd3\xa3G\x8f\xa7\x9ezj\xe8\xd0\xa1\x870\x14\x9a\xf2\xffy\x94\x7fv\xa5;\xff\\\xd1&lt;\x0b\x80.\xda\xf3\xe6\xcd\x9b:m\xda\xae\x9d;\x01\xa0S\xd7\xee\xd3\xae\xbe\xfe\xccs\xc7\x17\xfa\nC\xc1\x88i&amp;\x00\x18\xe7\x9c1\xd0O\x84\xf2\x16"\xa2\x1e"b\x18\x9e\x82\x02)\xd5\xa2\x8f\xdf\x7f\xf2\xe1{\x17\x7f\xf21\x00\xd8\x1d\x8e{\xee\xbe{\xe6\xcc\x99\x07\xf5\x19\xa0\xfc\x1b\x8f\xf2\xcf\xaet\xe4\x9fC\x9aa\x01\xd0g\xff\xec\xd9\xb3g\xcc\x98\xa1_\xb9p\xea\x953o\xbe\xa3\xaceY\xc0\x1f\x92\x96\xc5\x05\xad\x82\xf2\xe3\xa4\x94\x8c1oa\xa1\x94\xd6\xb3\xb3\x1e\xf9\xfb\xdd\xb7\x85\x82u\x000}\xfa\xf4Y\xb3f\xe9\xd1\x11\x07\x8c\x8e\xf2?d\x94\x7fv\xa5$\xff\xdc\xd2\xdc\n\x80\xbe\xf3M\x9e\xfdE\xbe\x92?\xdc\xfb\xf0y\x13/\xac\x0bD\x12\x89D3\xee\xcbK!\xfd1(-+\xfcr\xc9\x17\xb7\\;}\xdd7+\xa0\xe13p\xc0\xeb \xca\xff\xf0Q\xfe\xd9u8\xf9\xe7\x9cfU\x00\xf6;\xfb\xcbZ\xb6z\xf8\xe9\x97\x87\x0c\x1fZ\xb9\xa7V\x18Fsz\xdb2\xc04M_qq\xf5\xde\x8a\xcb/\xfc\xc5\x8a/\x97\xc0&gt;\xd7A?5G\x86\xf2O!\xca?\xbb\x0e!\xff\\\xd4|\n\x80~c&gt;\xf8\xe0\x83\x91#G\x02@qi\xd9K\xf3&gt;\xef\xd0\xb9k\xa0\xb6\xd6\xb0\xd9\xb2}t9IZ\x96\xdd\xe9\x10\\\\z\xfeiK\x17-\x00\x80\xdbo\xbf\xfd\xb6\xdbn\xfb\xd1q\x11\x94\x7f\xcaQ\xfe\xd9uP\xf9\xe7\xa8fR\x00\xf4p\xdd\x8a\x8a\x8a\xde\xbd\xfbTVV\x14\x16\xf9\x9e\x98\xfbF\xbf\xe3\x87\x06\xfc~\xc3\xa0\xb3\xff\xd0I)\x1dNG(\x10\x986\xee\x8c5+\xbff\x8c\xcd\x9b7o\xe4\xc8\x91\xfb]\x07Q\xfeiB\xf9gW#\xf3\xcf]\xcdd\xf4/"J)\xa7L\x99RQ\xb1\x07\x00~\x7f\xf7\xc3C\x86\x0f\xf3\xd7\xd2\xd9\x7f\xb8\x84\x10\xf1h\xac\xa4E\xcb\xbf\xce\x9a[\xe4+F\x84)S.\xda\xb3g\x8f^Z \xf9m\x94\x7f\x9aP\xfe\xd9\xd5\xc8\xfcsWs(\x00\xba\x1a\xcf\x9d;w\xfe\xfc\xf9\x00p\xc1\x94\xcb\xce\x9f&lt;\xa9bO\xad\x8d\xee|SA\x18F\xc0\xef\xef~\xd4\x917\xff\xf9!\x00\xac\xa8\xd8s\xd3M7q\xce\x93\xf7\x8e\x94\x7fZQ\xfe\xd9u\xc0\xfcsZ\xcew\x01\xe9\x15-\xfc~\xff\xa0A\x836o\xde\xdc\xb6C\xa7\x97?X\xeap8\xf5\xa3\xfcl\x1f]\xf3!\xa5\xf4\x15\x17]9\xf9\xfc\xf7\xdfz\xd5\xe1p|\xf2\xc9\'\xfd\xfb\xf7GD\xc6\x18\xe5\x9f\x01\x94\x7fv\xfdT\xfe\xb9\xbePDn\x1f=4,\xdd7g\xce\x9c\x8d\x1b7*\xa5.\xbb\xe6\xc6\xb2\x96%\x89D\x82\xce\xfe\xd4b\x8c\x99\t\xeb\xaa\x1b\xfe\xe0p:\xe3\xf1\xf8m\xb7\xdd\xa6\x9b\x1e\xca?3(\xff\xec\xfa\xa9\xfc\xb3}\\\x87+\xb7\x0b\x00"\n!\xa2\xd1\xe8\x9c9s\x18c\x9d\xba\xf6\x183vb\xa06\xd4l\x9e\xd17\x1d\x9c\xf3P(\xd4\xabO\xef\xd3\xc6\x9c\x0f\x00\x0b\x17.\\\xbbv\xad\x10\x82sN\xf9g\x00\xe5\x9f]?\x95\x7f\xae?\t\xc8\xed\x02\xa0\xe7e|\xf0\xc1\x07\xdf|\xf3\r"^z\xe5\xaf\x0b\x8b\xbc\xd2\xb2\xb2}\\\xcd\x13\xe7&lt;\x117\xa7^u\xbd\xcb\xed\t\x87\xc3O&gt;\xf9\xa4~\x91\xf2\xcf\x0c\xca?\xbb~4\x7f*\x00\xd9\xf7\xf4\xd3O3\xc6Z\xb6n3\xea\xac\xf3B\xc1\x08o\x16\xc3\xb3\x9a \xcey8\x1c\xe9\xd5\xa7\xcf\xc0\xa1\'2\xc6^~\xf9\xe5P(\x04\x00\xfa\xf2\x93\xf2O7\xca?\xbb\xfe7\xffH$b\x18FNw\x04\xe5p\x01\xd0\xfd?\x81@`\xe9\xd2/\x10q\xc8\x89\xa7\x96\xb5,3M\x93z?\xd3\x08\x9118\xe5\x8cs\x10q\xe7\xce]k\xd6\xac\xb1,k\xc9\x92%\x94\x7f\x86P\xfe\xd9\xf5\xc3\xfcW\xacX\x019~\x13\x90\xc3\x05@\xe7\xbel\xd9\xb2\x1d;\xb6\x03\xc0\xf0\x91\xa3\xb3}D\xcd\x1f\x17"\x1aM\x1c?\xec\xa4\x02o\xa1\x94\xd6\xc2\x85\x0bW\xadZ\xb5k\xd7.\xa0\xfc3\x82\xf2\xcf\xae\xfd\xf2\x7f\xf7\xdd\xf7\xa0a\xd7\x9d\x1c\x95\xc3\x05@\xe7\xbet\xe9\x17\x00\xe0\xf6xz\xf6\xea\x1d\x8f%r}TV\x13\xc7\x18K\xc4\xe3\xad\xdb\xb6\xef\xd0\xb9+\x00\xacX\xb1b\xd1\xa2E\x00\xe0\xf1\x14P\xfe\x19@\xf9g\xd7~\xf9/[\xf6\x05\x00\xe4t\xe69|\xe8\xfaV\xf7\xcb/\x97\x01@\xdb\xf6\x9d\xca[\x1fA\xf7\xbf\x19\xa0\x94r\xb9\x1d=\x8e&gt;\x16\x00V\xac\\\xf9\xce\xbb\xef\x02@\x9b\xf6\x1d(\xff\xcc\xa0\xfc\xb3k\xdf\xfc\xd7\xae]\x1b\n\x85rzRX\x0e\x0f\x17\xd3\xe3p\xf7\xee\xdd\x0b\x00%e-\xdc\x05\xdeP\xb0.\xa7\xabqN@D!\xa0\xbc\xf5\x11\x00P[S\xa3;\xe2JJ)\xff\x0c\xa1\xfc\xb3K\xe7\xdf\xaau[\x00\xf0\xfb\x03\xd1h\xb4\xa0\xa0 \xdb\x07u\xe8r\xb5\x00\xe89x~\xbf\x7f\xfd\xfa\xf5\x00\xd0\xa5\xfbQ\x86\x81\xb9[\x87s\x08g\xcc\xb2\xa0K\xf7\xa3\x00\xa0\xa2\xa2\xa2\xaa\xaa\n(\xff\x0c\xa2\xfc\xb3K\xe7\xdf\xb9{O\x00\xa8\xab\x0b\xac]\xbb\xb6E\x8b\x16J\xa9\x1c]\x1b.W\x0b\x80\x86\x88\xa6i\x01@qI)\xe7\xcdab^N@\x84\xe2\x92R\x00\xb0,K_\x81R\xfe\x99D\xf9gW2\x7f\xa5\x94\x95\xe3\xb3.r\xfe\x86Qwz\xe6\xfa\xdb\x90st\xe0\xc9\xdd\x91(\xff\x0c\xa3\xfc\xb3+\x19x\xae?t\xc9\xf9\x02\xa0\xe5\xfa\xdb\x90s\xf6\x0b\x9c\xf2\xcf0\xca?\xbb\x9aM\xe0\xcd\xa4\x00\x10B\x089XT\x00\x08!$OQ\x01 \x84\x90&lt;E\x05\x80\x10B\xf2\x14\x15\x00B\x08\xc9ST\x00\x08!$OQ\x01 \x84\x90&lt;E\x05\x80\x10B\xf2\x14\x15\x00B\x08\xc9ST\x00\x08!$OQ\x01 \x84\x90&lt;E\x05\x80\x10B\xf2\x14\x15\x00B\x08\xc9S\xb9\xbd\x1f@.BDD\x85\x08\x00\x08\x08\xc0\xa0aY_\xd6l\x96\x18l\xca\x10U}\xfc\xfb\xe6\x0f\xc08c\x8c\xae\x872\x0f\x1b@\xfd;\x02\xfaM\x01\xbd\xe6&amp;c\x9c&gt;\x17\xe9C\x05 C\x10Q)\xc99\xb7\xd9\x1dv\xbbC\x08\xdd\xea\x00 (\x05\x96\xa5\x12\xf1\x98i\x9a\x0c\x80\xe7\xe6\xd6BM\x9cR\x12\x11\x850\x1c\x0e\x97\xcdn\xe3\xfc\xfb\xfc\x11A)0\x13f"\x11\x97\xd2b\x8c\xd3\xc6\x8a\xe9\x86\x88z+\x1b!\x0c\xbb\xc3f\xb3\xd99\x07\xce\x1b\x9a~\x04\xd4\xef\x8b\xc4\x84\x99\xb0L3\xbbG\xdb\x8cQ\x01H;\xdd\xf4;\x1cN\xb7\xc7\x1b\x8fY\xbbwm\xdf\xbee\xd3\x9e\xdd;\x0355\xa6\x95\xb0;\x9ce-\xca\xdb\xb6\xef\xd8\xbeS\x97\xd2\x96-PA(\x18D\xa5\xa8\x0c\xa4\x06\xa2TR\x08\xa3\xc0[d\x18\x10\x0c\x86\xb7m\xdd\xb4s\xfb\xd6\xbd\x15{\xea\xfc\xb5\xa6i\x1a\x86\xf0\x16\xfaZ\x94\xb7n\xdb\xa1S\x9b\xb6\xed\x8bK|\x89\x84\x8c\x84C\x00\x8c\xca@:\xe8\x8f\x83\xdd\xeep{\\\x00P\x17\x08\xee\xf8n\xcb\x9e];\xaa\xf7V\x06jkb\xb1\xa8R\xd2\xb0\xd9\xdcnO\x91\xaf\xa4\xa4\xacE\x9bv\x1dJJ[d\xfb\xa8\x9b-*\x00\xe9\xa57\x0b-\xf2y\xb7\x7f\xb7\xed\xb9\xa7\xfe\xf3\xd1\xbbo\xae]\xbd&lt;X\x17\xf8\xdf\xefl\xd3\xb6}\xbf\xe3\x87\x9dy\xde\xc4a\'\x8d\xb4\xd9\xed\xc1\xba\x80\x10\xf4\xee\x1c\x16)\xa5\x10\x86\xaf\xd8\x1b\x0eE?\xfb\xef\x07\x1f\xbe\xfb\xfa\xd2E\xff\xdd\xb6yc,\x16\xfd\xdfov8\x9c\x1d\xbbt\x1b2b\xe4\xe8s\xc6\xf5\xee?\xc84\xcdh$LoAjI\xcbr\xba\\.\xb7c\xcf\xae=\xef\xbf\xf9\xea\xa7\x1f\xcf[\xb5\xfc\xcb\x9d\xdb\xb6\xc6\xa2\x91\x9f\xfa\x91"_\xf1\xbf\xdf\xfao\xe7nG\xc6\xa2Q*\xc9)G\xe7w\x1aI)\xdd\x1eO"\x1e\xff\xfb\xddw\xfe{\xf6#\xd5U\x95\xfau\xc6\x18\xe3\x9c\x01\xe8&gt;\x08DPJ\xee\xda\xb1m\xd7\xcbs\xdf|yn\xbfA\xc3\xae\xf9\xedm\xc3N9\xb5\xce\x1f\x84f\xb4\xf7P&amp;\xe9\x1e\x86\xc2\xa2\xa2p(\xf4\xfc\x9cY/&lt;=\xeb\x9b\x15_&amp;\xbf\xca8\xe7\xf5\xa9\xb2\x86o\xc7x&lt;\xf6\xed\x9aU\xdf\xaeY\xf5\xaf\'\xfev\xda\xd9\xe7_\xf3\xdb\xdb\xba\xf5&lt;*P\x1b\xc8\xd1\xcd\xbe\x9b\x1a\xa5\x14c\xac\xb8\xd4\xb7u\xd3\x96\x17\x9e~\xe2\x8d\xff&lt;W\xb1{g\xf2\xab?\xfcDh\x88\xc0P\xc9\x80\xbf6\x11\x8f\xd3\xe3\x994\xa1\x02\x90.RZ\xde\xc2\xa2\xcd\x1b\xd6\xfd\xf6\xcaKV~\xb5\x14\x00\x840\x1a\x9e\x00#(\x05\x8c\x01 \x00 "\xd3\x8f!9C\xc4/\x97|z\xc9y#/\xff\xf5\xcd\xbf\xba\xe9\x8f\xf1XL\x7fr\xb2\xfd\xb7\xc9%RJ\x9b\xcdVX\xe4\xfd\xe0\x9d7\xff~\xd7\x1f\xd6\xacZ\x0e\x00\x8c1\xce\x85\x0e\x1f\x95R\xdf\x17\x80\xef\xdf\x02\xc6\x18c\\J\xeb\xdd\xd7^\xfa\xf4\xa3y\xb7\xdd\xfb\xc89\x13\'\xfbk\xa8\x06\x1c.)\xa5\xd3\xe9\x02\x06\xb3\xfev\xff?\x1e\xba\xdb_S\r\x00\\\x08\xd6\xf0\x08\x18@7\xf8\xf5oG\x03\x04\x00!\x04\x9d\xff\xe9C\x05 -\xa4\x94\x05^\xef\xdaU\xcb\xa7\x8f?so\xc5n\xc30\xa4\x94RZ\x00 \x84\xd0MP\xfdy\x0f\x00\x00\x9c\x0b\xfdS\xa0\x1f\x02#&gt;\xf1\xd7\xbf\xec\xdc\xb6\xf5\xeeG\xe7$\xe2\x89\x86\nA\x0eL_\xf8\xfbkk\xfet\xf3\xaf\xfe\xf3\xcc\x93\xb0O\xe0RZ\x9c\x0b\xce\xb9~ \x0c\x00\xc9\xe6&amp;\xf9=\x00\xf5O&amp;\x83u\x81\xeb/\x9f\x12\n\x05\'_v\x85\xbf&amp; \x0c\xaa\x01\x87HJ\xe9)(\xd8[\xb1\xeb\xa6k.[\xf4\xf1\xfb\x00 \x84\xa1\x94TRr\xce\x19\xe3\x88\xf2\xfb2\xf0c\xe8\xe4O\x1f*\x00\xa9\x87J9\x9d\x8e\x8a\xdd\xbb\xae\x98|\x8en\xfd-\xcb\x82\x86\xf3X\xb7\xf2\x85E\xbe\x16\xe5\xad\x9d.W,\x1a\xad\xd8\xbd3\x14\xac\x03\x00\xce\xb9RJI\xc9\x183l\xb67_\x9e\xebp8\xff\xf2\xc8S\xc1@\x1d}\x06\x1a\x03\x11\xed\x0e\xfb\xb2\xc5\x9f\xdc~\xfdU\xeb\xd7\xac\xd2]\xc6</t>
        </is>
      </c>
    </row>
    <row r="114">
      <c r="A114" s="1" t="n">
        <v>112</v>
      </c>
      <c r="B114" t="inlineStr">
        <is>
          <t>venn</t>
        </is>
      </c>
      <c r="C114" t="inlineStr">
        <is>
          <t>What is the missing number of the part denoted with a question mark?</t>
        </is>
      </c>
      <c r="D114" t="inlineStr">
        <is>
          <t>['1', '3', '9', '0']</t>
        </is>
      </c>
      <c r="E114" t="inlineStr">
        <is>
          <t>1</t>
        </is>
      </c>
      <c r="F114" t="inlineStr">
        <is>
          <t>There are 3 overlapping circles containing the numbers ['?', 2, 3]. The overlapping part between the first and second circle contains the number 3. The overlapping part between the second and third circle contains the number 5.</t>
        </is>
      </c>
      <c r="G114" t="inlineStr">
        <is>
          <t>We observe that the circles with 2 and 3 overlap to form the part 5, where 2 + 3 = 5. Hence, the pattern is most likely that the numbers in the overlapping parts are the sum of the numbers in the corresponding circles.</t>
        </is>
      </c>
      <c r="H114" t="inlineStr">
        <is>
          <t>Based on the pattern that the numbers in the overlapping parts are the sum of the numbers in the corresponding circles, the missing number of the circle where the overlapping part is 3 should be 1.</t>
        </is>
      </c>
      <c r="I114" t="inlineStr">
        <is>
          <t>b'\x89PNG\r\n\x1a\n\x00\x00\x00\rIHDR\x00\x00\x02\x00\x00\x00\x02\x00\x08\x06\x00\x00\x00\xf4x\xd4\xfa\x00\x00\x9e\x08IDATx\x9c\xec\xddw|\x14E\x1b\xc0\xf1\xdf\xee^/\xe9\t\x9d\xd0\xa4\x83\x14Ei\x82\x15\xbbX\xc1\x82"\x08\x08v,\xd8PQ\xec\x8a\r\x15Q\xc1\xae\x88XP\x14PA\x05A@\x01A\xa9\xd2{I\xbd\\\xdf\xf2\xfe\xb1w\xa1X^\x94$\xe4\xee\xe6\xfb\xf9\xf8\xea\x9b\xba\xb9\xe7v\xe7\x99\x99gf$\xc30\x0c\x04A\x10\x04AH)\xf2\x91\xbe\x00A\x10\x04A\x10\xaa\x9e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Y\x8e\xf4\x05\x08G\x86a\x18\x07\xfc\xf7\xfe\xff\xff\xe0\xcf\xc7I\x92\xf4\xa7\xff&gt;\xf8\xdfB\xf5\x10\x8f\xdf\xc1\xb1\xfd\xab\xb8\xee\xef\xe0\x18\x8b\xf8VO\xfb\xc7w\xff\x7f\x1f\xfc\xdf\xfb\x13\xf7\xafp0\xc9\xf8\x7fO\x04!a\xc5C\xab\xebz\xf9\x7f\xc7\x1f\xea\xb2\\\xf1\x83?\x9a\xa6\xfd\xe9\xf7\xec\xdf\x88\x08\x15+\xde\xb8\xef\xdf\xc8\xc7c[\x19\xafy\xfc}d\x18F\xf9\xcf\xaf\xac\xdf%\xfc}|+\xe3\xfe5\x0c\xe3/\x9f\x13\xe2\xfeMn"\x01H"\x07?\xa0\x15E\xf9\xc7\xaf\xf7\xfb\xfd\xf8|&gt;JJJ(++\xa3\xac\xac\x8c`0H \x10@UU"\x91(\xba\xaec\xb1(X\xadV\xac6\x1b.\xa7\x13\x97\xcb\x8d\xc7\xe3\xc6\xe3\xf1\x92\x91\x91\x8e\xdb\xed\xc6\xe9t\xfe\xed\xef\xd9\xff\xe1R\x99\rT2\x8b\xc7U\xd7u\xc0lx\xff\xa9\x11\xf0\xfb\xfdD\xa3Q\xf6\xec\xd9Caa!\xe1H\x84H8BQQ!&gt;\x9f\x0fUU\tG"\x18\x86\x81\xcdj\xc5j\xb5\xe2r\xb9\xc8\xcc\xcc\xc4\xe5ra\xb1XHOO\xa7f\xcd\x9a\xd8l6\xbc^\xef?^\x9b\x88\xef\xe19\xb8\xb1\xff\x7f\xf1\xd54\x8d@ @II\t\xa5\xa5\xa5\xf8\xca\xca\x08\xf8\xfd\x04\x02A\x82\xc1 \x9a\xa6\x12\x89D0\x0c\xb0\xda\xacX,\x16\x1cv;N\x97\x0b\xb7\xcb\x85\xc7\xe3\xc1\xeb\xf5\x92\x9e\x9e\x81\xdb\xed\xc2f\xb3\xfd\xe3\xb5i\x9a\x06\xecK\xf8D|\x93\x83H\x00\x12\xd8\xfe\r\xbe\xc5\xf2\xe7\xd9\x1c\xc30\xd8\xb5k7\x9b6md\xfd\xfa\r\xac[\xb7\x8e\xf5\x1b\xd6\xb3e\xcb\x16v\xee\xd8\xc1\xee\xdd\xbb())!\x1c\x8e\xfc\xe7kp\xb9\x9cdddR\xabV-j\xd6\xacI\x83\x06\ri\xd8\xb0\x01M\x9a4\xa1A\x83\x06\xd4\xaf_\x9f\xcc\xcc\xcc\xbf\xbcv]\xd7E\x83\xf17\xf6o\xf0\xff.\x99+++c\xeb\xd6\xadl\xda\xb4\x89\x95+W\xb2u\xebVV\xaf^MAA!\x9b7o\xc2\xe7\xf3QZZzX\xd7\xe1v\xbbq\xbb\xdd\xd4\xad[\x97\xdc\xdc\\\x1a6jD~~&gt;\xcd\x9a6%??\x9f\x86\r\x1b\x8a\xf8\xfe\x07\x87\x12\xdfp8\xcc\xce\x9d\xbb\xd8\xb81v\xef\xae_\xcf\xfa\xf5\xeb\xd9\xb6m\x1b;w\xec`\xef\xde\xbd\x94\x96\x96\xa2\xc6\x1a\xe7\x7fK\x02&lt;^/\xd9\xd9\xd9\xe5\xf7o\xa3F\x8di\xd0 \xdf\xbc\x7f\x1b6\xa4n\x9d:x&lt;\x9e?}\xaf\x88or\x10\t@\x02\xd9\xff\xa1\xa1(\xca\x9fn\xba\xad[\xb7\xb2b\xc5\n\x16/^\xcc\x92%K\xf8\xfd\xf7\xdfY\xb7n\x1d\xa1P\xe8/\x7f\x9eb\xb1\xe2MK\'=#\x13\x8f7\r\x8f\xd7\x8b\xd3\xe9\xc2\xe14{\x80V\xab\rY\x91QU\rU\x8d\x10\x8dD\x08\x05\x83\x04\x02~\xfc&gt;\x1f&gt;_\t\xc5E\x85\x94\xf9|`\xe8\x7f\xf9;\xd2\xd3\xd3i\xda\xb4)m\xda\xb4\xa1C\x87\x8et\xe8\xd0\x9ef\xcd\x9a\x91\x95\x95u\xc0\xd7\xc5\x1f(\xff\xaf\xe7\x93\xcc\xf6\xef\xe1\x1f\xdc \x84B!\xd6\xacY\xcb\xaf\xcb~e\xc9\xe2\xc5,]\xba\x94U\xabV\xb1c\xc7\x8e\xbf\xfdy\x16\xab\r\xb7\xc7\x83\xdb\xe3!##\x0boz&amp;\x8a\xa2`\xb1ZQd\x19\x8b\xd5\x86$I\xa8j\x14MUQU\x15]\xd7\xf0\x97\xf9(.,\xc4\xe7+!\x18\x08\x10\n\x06\xfe\xf6wddd\xd0\xacY3Z\xb6lI\x87\x0e\x1d\xe8\xd0\xa1\x03-Z\xb4\xf8SR \xe2{\xe0H\xc9\xc1\t\xbb\xaa\xaal\xd8\xb0\x81e\xcb\x96\xb3x\xf1/,]\xba\x94\x15+V\xb0e\xf3f4\xfd\xaf\xef-\x9b\xddAZzF\xf9\xfd\xebr{p:]\xd8\x9dN\x14E\x89\xf5\xea\xcd\xf8\xaa\xaaJ$\x1c2\xef_\x7f\x19e\xbeRJKJ().$\x18\xf0\xff\xed5\xe7\xe5\xe5\xd1\xbcys\xda\xb6=\x9a\x0e\x1d:\xd0\xae\xdd\xd14m\xda\x14\xb7\xdb}\xc0\xd7\xc5\xa7\xffR9\xbe\x89H$\x00\xd5\xdc?=46o\xde\xcc\x82\x05\x0b\x983g\x0e\xf3\xe6\xcdc\xd9\xb2eD\xa3\xd1\x03\xbe\xc6\x9b\x9eA\xfd\x06\x8d\xc9o\xd4\x84z\r\x1aQ\xb7^\x03j\xd4\xaeCVN\x1e\xe9\x99Y\xb8\xdd^\xec\x0e\x076\x9b\r\xab\xcd\x86$\xc9H\x12\xc4s\x0bI\x82\xf8;\xc40\xcc\x7ftM#\x12\x8d\x10\t\x87\t\x87\x82\x94\xf9J).,\xa0`\xcfnvl\xdb\xcc\xb6-\x1b\xd9\xb4\xfe\x0f6oX\xc7\x96M\x1b\x08\x87\x82\x07\\SfF\x06\xed:t\xa0[\xd7\xaet?\xe1\x04:\xb4oOvv\xf6\x01_\xa3\xaajJ&lt;L\xfe\xae\xd1WU\x95\xdf\x7f_\xc1\x8f?\xce\xe5\x879sX\xb4p!\xeb\xd7\xaf\xff\xd3\xf7\xa7gdR\xbfac\xea\xd4\xcb\'\xbfqSj\xd4\xacM\xdd\xfcFx\xbc^r\xf2j\xe1\xf6xP,\x16\xb3ap8\x91\xa0&lt;\xb8\xe5\xf9\xa3\x01F\xfc?\x80H8B0\xe8\'\x1a\x89\x10\x89\x84\xd9\xb3k\x07e&gt;\x1f;\xb7ma\xe7\xb6-l\xd9\xb4\x81-\x1b\xd7\xb3y\xd3:v\xef\xd8\xfe\xa7k\xca\xce\xce\xa6]\xbbvt\xed\xda\x95\x13N8\x81\x0e\x1d:\x1c\x90\x10\xc4\x87\x94S9\xbe\x86a\xb0z\xf5j\xe6\xcd\x9b\xcf\x9c9?\xf0\xd3O?\xb1j\xd5\xaa?}\x7fN^M\xf2\x1b6&amp;\xbf\xf1Q\xd4\xcboH\xedz\r\xc8\xabQ\x8b\xcc\xec\\\xd232q\xba\xdd\xd8lvlv;V\x8b\x15I\x96\xf6\xc5U2{\xf9\x07\xdf\xbf\x9a\xaa\x12\x89\x84\x89\x84\xc3\x84\x82\x01JK\x8a).,`\xef\x9e\x9dl\xdf\xb2\x89m[6\xb1q\xdd\x1a6o\\\xcf\xb6\xcd\x9b\xd0\xf5\x03G\x18j\xd7\xae\xcd1\xc7\x1cC\xb7\xee\xdd\xe9\xd6\xad\x1bm\xdb\xb4\xc5\xedv\x1d\xf0\xb7\xa5J|\x13\x9dH\x00\xaa\xa9x\x8fi\xffF_\xd34\x96,Y\xc2\xcc\x99_3c\xc6t\x16\xfc\xf4\x13\xe1\xc8\xbe\xe1\xfb\xb4\xf4\x0c\x9a\xb6lC\xebv\x1di\xd9\xa6\x1d\r\x9a4\xa7V\x9dzddf\xe1p:P\x94\xd8\x03@\x03M\xd3\xd1b=\xbe\xf8\xef2\xdf\n\xc6~\r\xc2\x81\xa4\xfd\xfe\xc7\x1c\xf63opEQP,\x16\x14EB\x8e=\xe3\xd4(\x04\xfce\x14\x15\xeca\xeb\xe6\x8d\xac_\xb3\x8a\x15\xcb\x97\xf0\xfb\xaf\xbf\xb0z\xc5o\xa8\xd1}\xd7\x9d\x9d\x9dM\xf7\xee\xdd\xe9\xd5\xab\x17\'\x9ex"\xcd\x9a5+\xff\\\xfca\xf2W#\x1e\x89\xea\xef\x1a\x85\x82\x82\x02\xe6\xcc\x99\xc3\x8c\x193\xf8\xee\xbb\xef\xfe\xd4 df\xe5\xd0\xb4EkZ\xb5\xeb@\xf3VG\xd3\xa0ISj\xd5\xa9Gzf6\xce\x83\xe2\xab\xeb\x06\xaa\x1aE\xd7t\x0cC/\x8fq\xec\n\x0e\xf8\x17\xe5/\xeb\xbe\x8apYQ\x90%\tI\x96\xb1X\xac(\x8a\x8c,\x83\xac\x80\xaeA$\xacRZR\xc4\x9e];\xd8\xb4\xfe\x0f\xd6\xacX\xce\xca\xe5KY\xbdr9\x9b7\xac;\xe0\xba\xf3\xf2\xf2\xe8\xd6\xad\x1b\xa7\x9d\xd6\x8b\x9e\'\xf6\xa4Y\xd3\xa6\x07\xbc\x16\xc9\x16_\xa0|\xce|\xff\xf8\xfa|&gt;\xe6\xcf\x9f\xcf\xf4\xe93\xf8\xe6\x9b\xafY\xbe|\xf9\x01\xdfS\xa3v]Z\xb4jK\xab\xa3;\xd0\xacU[\x1a4nFn\xcdZ\xa4\xa5g`\xb7[\x91e\xd0u\xf3\x1fU\xd5\xd04\xf5\x80\xf8\x1e\xda\xfd\xbb\xaf\xb0/\xde@\xcb\x8a\x05\x8b\xc5\x82,S\xfe\x1e\x8aFu\xca|&gt;\nv\xefd\xf3\xc6\xf5\xfc\xb1\xfawV,[\xc2\xca\xe5K\xf9c\xf5\x8a\x03~n\xbdz\xf5\xe8\xd1\xa3\x07\xa7\x9ez*=z\xf4 ??\xbf\xfcs\xf1\xeb\x12\xd3\x04\xd5\x93H\x00\xaa\x91\xfd\xe7\x04\xe3\x99\xb3\xae\xeb\xfc\xb4`\x01\x9f}\xfa)\xd3\xa6M\xe3\xf7\xdf\x7f/\xffz\x8f7\x9dv\xc7\x1c\xc7\xb1]N\xa0m\xc7N4n\xda\x92\x9c\xdc\x1a\xd8\x9d\x16\x0c\xdd\xbc\x89\xa3\xd1\x08Z4j\x0e#\x1aFy\x03~p!\xcf\x7f\xb99\xf7\xbdu\x8cX\xef\xc2(\xefnH\xb2\x84,\x9b\xc3\xcd6\x9b\x1d\x8b\xc5|(\x05\xfc!vn\xdb\xca\xda\x95\xcbY\xb2p\x1e\x8b\xe6\xcfa\xf9\x92\x9f\x0f\xe8et\xe9\xd2\x85\xf3\xce;\x8f\xb3\xcf&gt;\x9b\x96-[\x96\x7f\xfc\xaf\x1e\xaa\x89$\xde\xd8\xed\x9f\xd4\x15\x16\x16\xf2\xcd7\xdf2\xf5\xf3\xa9|\xf3\xf5\xd7\xec\xda\xb5\xab\xfcs\x99\xd99\xb4\xebx\x1c\x1d\x8f\xefF\x9b\x0e\x9dhtTs\xb2sk\xe0p(\xe8\x95\x1c\xdf?-+3\x0c\xb3Q1\x0c\x90$dYBQ\xac\xb1\xe2P\x0b\x8a\x02\xaa\n%\xc5El\xd9\xb8\x9e\x95\xcb\x97\xb2x\xc1\\\x96,\x9a\xcf\xfa\xb5\xab\xcb\x7f\x96"\xcbt\x8e\xc5\xf7\xac\xb3\xce\xa2E\x8b\x16\xe5\x9fK\xc6\xf8\xfa|&gt;\xbe\xfb\xee;&gt;\xfb\xec3f\xcc\x98\xc1\xd6\xad[\xcb?W\xa3v]:v\xea\xc21\x9d\xbb\xd3\xaa\xdd14ht\x14\x19YYX\xad\x12\x9a\x06\xd1\xa8J4\x125\x1b\xfa\xf2\xf8J\x074\xe4\xc0\x01\xa3:\xff\xf6z\xf7\xfd\xdb\xbc\x87\xe3\xef!I2\x13{\xab\xd5\x86\xd5fE\xb1\x98\x89_\x99\xaf\x8c\xed[6\xb1\xf2\xb7_\xf9\xe5\xa79\xfc\xb2\xe0G\xd6\xac\xd8\x97\xc8\xd8\xedvz\xf4\xe8I\xef\xf3{sz\xaf^4l\xd8\xb0\xfcs\x9a\xa6U\xda\n$\xe1\xbf\x11\t@5\xf0W\x0f\x8e\xd5\xabW\xf3\xd1G\x1f1y\xf2d~\xfd\xf5\xd7\xf2\x8f\xe77lB\xe7\x1e\'\xd3\xf5\xc4Si\xd3\xeeXj\xd4\xae\x8b\xcd.\xa3F!\x1c\x0e\xa1F#\xe8\x9a~@\xa6\x7f\xe42\xefxb\x10\xef\x9dH(\x8a\x8c\xd5f\xc7n\xb7!+\x10\xf4G\xd8\xb2q\x1dK\x7f\xfe\x89\x1f\xbf\xfb\x9a\xf9?\xcc\xa2`\xcf\xbeF\xb0g\xcf\x9e\xf4\xed\xdb\x97\xb3\xcf&gt;\x9b:u\xea\x94\x7f&lt;&gt;\xc4\x98\x08\xbd\x8ax/(\xde\xb0\xe9\xba\xce\xf7\xdf\x7f\xcf\xfb\xef\x7f\xc0\x17\xd3\xbe`\xc7\xf6}\xc3\xe8G5o\xc5\xf1\'\x9cD\x97\x1e\xa7\xd0\xea\xe8\x8e\xe4\xd5\xac\x8d\xcd&amp;\x11\x8dB8\x14\x8b\xaf^=\xe2{\xc0\x12\xb5\xf8\xca\x13\x8b\x15\xbb\xdd\x8e\xcd\xae`\x18PRT\xc2\x1fkV\xf2\xf3\xfc\x1f\xf8q\xf6\xd7\xfc\xfc\xd3\x1c"\xe10\x00\xb2,\xd1\xb3\xe7I\xf4\xed\xdb\x87\xb3\xce:\x8b\xda\xb5k\x97\xff\xecD\x8e/\xc0\xbcy\xf3\xf8\xe0\x83\x0f\x98:u*\x9b6m*\xffx\xebv\x1d\xe9vR/:w?\x89f\xad\xda\x92\x95\x93\x8b\xa2@$\xa2\x13\t\x87PU\x15\xa3\x1a\xc5\x17\x0c\x0c=\x16\xe3X\xb1\xa2\xcd\xee\xc0n\xb7 I\xe0+\r\xb0q\xdd\x1a\x16/\x98\xcb\xdc\xd93Y0\xf7;\xfce&gt;\x00l6\x1b\xa7\xf5\xeaE\xdf&gt;}9\xfd\x8c\xd3\xc9\x8e\xd5\xfd\xc4;:\x89\x12\xdfd&amp;\x12\x80#\xe8\xe0\x07G0\x18\xe2\xab\xaf\xbe\xe4\x8d7\xde`\xda\xb4i\xe5C\xb6\xf5\x1b6\xe6\xe4\xd3\xcf\xa5\xe7ig\xd1\xea\xe8\x8edfg\xa0\xeb\x10\n\x86\x89D\xc2\x18\xb1Q\x03)An\xa8\xf2!p\xc3@V\x14\xecv\x07v\xa7\x15C\x87];v\xb0d\xd1|f}\xf5\x19?|;\x9d\x82=\xbb\x01\xb3\x98\xf0\xfc\xf3/\xe0\xca+\xaf\xe4\xc4\x13{\x96\xff,UU\xab\xed\xf0\xf1\xc1=\x9e\xad[\xb72y\xf2d\xde~\xfb\x1d\x96,Y\\\xfeuG5o\xc5I\xa7\x9f\xc3\t\xa7\x9cI\x8b\xb6\xedH\xcf\xf0\xa2\xa9f\xe1_4\x121\xe3+K\xb1\xfa\x8c\xea\xf7w\xeeo_R\xa0\x03\x12\x16\x8b\x05\xbb\xc3\x89\xcd.\x13\t\xa9l\\\xff\x07\x0b\x7f\xfc\x9e\xd9\xd3?c\xfe\x0f\xb3\t\x87\xcd\x02\xd5\xac\xac,z\xf7\xeeM\xbf~W\xd2\xb3g\x8f\xf2\x9f\x97H\xf1\xdd\xb5k\x17\x1fM\x99\xc2[o\xbd\xc5\xc2\x05\x0b\xca\xbf\xaeM\x87c9\xf5\xac\xf3\xe9\xd6\xf3T\x9a4o\x8d\xdb\xeb@\x8dB(\x18@\x8dF10\xcac[\x1d\xff\xce\x83\x19\xba\x8e\x1eK\x0e\x14\xc5\x8c\xaf\xdd\xae\xa0F\r\xb6m\xd9\xc8\xa2\xf9?0\xeb\xab\xcf\x99;{fy2P\xabV-.\xba\xf8b\xae\xb8\xfcr:u\xeaT\xfe\xb3\xaas|S\x81H\x00\x8e\x80\x83\x1b\xfe\xed\xdb\xb7\xf3\xce;\xef0a\xc2\x04V\xaf6\x87K\xbd\xe9\xe9\x9c\xd4\xeb\x1c\xce&lt;\xbf\x0f\x1d\x8e\xebJVv&amp;\xaa\n\xc1\x80\x1fU\x8d\xb2o\x1e&gt;\xf1o\x9c\xf8\x1c&amp;H\xd8l6\x9c.\'\x92\x04;\xb6mg\xfe\xf7\xdf\xf0\xd5g\x93\xf9\xee\xeb/\xcd\x9e\x11\xe6\x14\xc1\xc0\x81\x03\xb9\xf8\xe2\x8b\xcb\xd7\xa7W\xa7\x1e\xe3\xc1\xd7\xf2\xf3\xcf?3a\xc2\x04&gt;\x984\x89\xa2\xc2B\x00r\xf3jr\xd2\x19\xe7p\xfay\x17st\xc7\xe3I\xcf\xf4\x12\x8d\x18\x04\x03\x0145\x1a\x1bf\xaf\x1e\x7f\xcfa1\x0ct\xc3\x88%12\x0e\x87\x13\x87\xd3J4\xaa\xb3a\xedj\xbe\xffz\x1a\xd3\xa7Na\xe9\xcf?\x95\x7fK\xd7n\xdd\x188`\x00\x17]tQy|\xabSCqp\xc3\xbfl\xd92&amp;N\x9c\xc8\xbb\xef\xbe\xcb\x9e={\x00\xa8[\xbf\x01\xbd\xce\xbd\x88\xd3\xce\xbe\x80\x16m\xdb\xe3\xf68\x88\x844B\xa1\x00\x9a\xaa%LBw(\xcc\xe7\x99\x8e$\xc9\xd8\xecv\x9cN;\xba\x0e[6\xaeg\xce\xb73\x98\xfe\xd9d~\x9a;\xbb\xfc\xebO=\xf5T\x06\r\x1a\xc4\xb9\xe7\x9e\x8b\xddn\x07\xaaW|S\x89H\x00\xaa\xd0\xc1\r\xff\x9a5k\x18\xff\xea\xab\xbc1q"\x05\x05\x05\x00\xb4:\xba\x03\xe7]r\x05\xa7\x9cy&gt;\xf5\x1a6\xc0\xd0!\xe07\x1b}\xb3\x87\x90\x1c\x0f\x8d\xbf\xb3\x7f\x81\x9c\xcdf\xc7\xe5v\xa0\xaa:kV,g\xc6\xd4)|\xf6\xe1\xdbl\xdd\xbc\x11\x80\x86\r\x1b2x\xf0`\x06\x0c\x18@^^\x1epd\x1f$\x077\x0c\xb3f\xcdb\xec\xd8\xb1|\xf2\xc9\'\xe5_\xd3\xf1\xf8n\x9c{\xf1\xe5\x9ct\xfa9\xd4\xaa[\x07-\x9e\xd4E\xa3H)P5\x1dO\xf6$i_2\x10\xf0\x87X\xbah&gt;_Ly\x9f\x19\x9fO\xa1\xb8\xc8L\x92\x1a7n\xcc5\xd7\\Sm\xe2\xbb\xff&amp;L\x00?\xcc\x99\xc3\x8bc\xc72y\xf2\xe4\xf2\xf9\xf4\x1e\xa7\x9c\xc1\xb9\x97\xf4\xa3\xdb\x89\xa7\x92\x93\x97C4\xa2\x13\x0c\xf8\xcd\xf7FJ\xc47V\xc7\x04\xd8\x1d\x0e\x9c.;\xe1\x90\xcaoK\x7f\xe6\xcbO\'1m\xca\x07\xec\xd9\xbd\x13\x80V\xadZ3d\xc8`\xfa\xf5\xebGFF\x06P\xbd\x12\xf9T \x12\x80*p\xf0\x1c\xff\xaaU\xabx\xe1\x85\x17\x98\xf8\xc6D\x82\x01s\x89\xdc\xc9g\x9c\xcb\xc5W\\C\xe7\x1e\'\xe3\xf1\xba\x08\x04\xc2\x84c\xeb\xf7S\xf5\x86\xd8\xbf(\xd2\xe9rawX\xd8\xbbk/\xb3g|\xc1\x87o\xbf\xc6\xe2\x05?\x02P\xb3fM\x86\x0c\xb9\x96\xa1C\xaf\xa5F\x8d\x1a@\xd5&gt;H\x0eN\xec\xbe\xfe\xfak\xc6\x8c\x19\xc3\xf4\xe9\xd3\x01\xb0Z\xad\x9cv\xce\x05\\t\xc55\x1c\xdb\xe5\x04\x9cN\x1b\xfe\xb2\x10\x91H\x08\t\tY\x91\xd9\xaf\x14?e\x18\xf1\xbd\x01\x14\x05\xb7\xdb\x83b\x95\xd8\xb4~#\xd3?\xfb\x90)\xefNd\xfdZs\x15D\xadZ\xb5\x19&lt;x\x10C\x87\x0e\xad\x16\xf1\x9d={6c\xc6&lt;\xc3\x17_|\x0e\x80\xdb\x93\xc69\x17]\xca\x05\x97^E\xdb\x0e\xc7a\xb1\xca\xf8\xcb\x02D#\x91\x94h\xf4\xff\x8ey\xff\x9aqr\xba&lt;\xd8l2\xdb\xb7n\xe7\xeb/&gt;f\xf2;\xaf\xb3r\xf9R\x00\xf2\xf3\xf3\x196l\x18\x83\x06\r*_.\x1a_\x19"T.\x91\x00T\xb2\xfd\xdf\xc8\x1b7n\xe4\x99g\x9f\xe5\xd5\xf1\xe3\t\x06\x83(\x8a\x85s/\xbe\x8c&gt;\xfd\x87\xd0\xfe\xd8\xceH\x92\x84\xbf\xac\x0cMU\x91\xc5p\xd8\x01t]\xc7\xd0u\xac6\x1bn\x8f\x8b`0\xcc\xfc\xef\xbf\xe1\xdd\xd7^\xe4\xfbo\xbe\x02\xccD\xe0\xfa\xebo\xe0\xba\xeb\x86\x1d\xd0\xa3\xa8\xac\x07\xc9\xc1\x89\xdd\xdc\xb9sy\xec\xb1\xc7\x986m\x1a\x00n\x8f\x97\xde}\xae\xe0\xe2~\xd7\xd0\xea\xe8\x0e\xe8:\xf8\xcb|\xb1\x87\xa2\x88\xef\xfet\xdd\xdcH\xc6\xeep\xe2r\xdb)\xdc[\xc4\xb7_}\xc6\xfb\x13^\xe6\xd7_\x16\x02f|\xaf\xbb\xee:\xae\xbb\xee\xba*i(\x0e\x8e\xef\xfc\xf9\xf3y\xfc\xf1\xc7\xf9\xec\xb3\xcf\x00\xc8\xce\xcd\xe3\xe2~\xd7pA\xdf\xabh\xdc\xac)\xd1\x88\x8e\xdf_&amp;\x96\xbd\xfd\x85\xf8\xfdk\xb3;p{\x1c\x94\x96\x94\xf1\xc37_\xf1\xde\xeb/\xb2\xe0\xc7\xef\x01\xa8_?\x9f\x9bo\xbe\x89A\x83\x06\xe1\xf1x\x0e\xd8\xf4L\xa8\x1c"\x01\xa8$\xf1\x9e\xab$I\x14\x17\x17\xf3\xfc\xf3\xcf\xf3\xec\xb3\xcfRTT\x84,+\\p\xe9\x95\\&gt;\xf0:Zw\xe8\x88\xa6\xea\xf8\xcb\xca\xfeTI,\xfc\xd9\xbe^\x85\x82\xc7\xebE\xd3t\x16\xcc\x9d\xc5\x1b/=\xc3w_\x7f\t@\xa3F\x8d\x181b\x04\x03\x06\x0c\xc0b\xb1TJoq\xff\x86g\xd5\xaaU&lt;\xf2\xc8#\xbc\xfd\xf6\xdb\x00\xb8\xdc\x1e.\xba\xfcj.\x1dp-M[\xb4$\x1cV\t\xf8\xfdH\x80,\xe2\xfb\x8f\x0c\xc3@\xd74,V+\x9e47\x81\xb2\x00\xb3\xa6O\xe5\xcdq\xcf\xb3d\xd1|\xc0\x9c\xfa\xb9\xfd\xf6\xdb\xb9\xe6\x9ak\xb0Z\xad\x95\xb2\xbcl\xff\xf8\xae]\xbb\x96G\x1e}\x947&amp;N\x04 +\'\x97\xcb\x06\x0c\xe5\xa2\xcb\x07R\xbfa}\x02\x81\x08\xa1`\xa0|_\x0c\xe1\xef\xc5\xe3\xabX,x\xbc\x1e"\xe1\x08sf\xcd\xe0\xcdq\xcf2\xff\x87Y\x00\xb4h\xd9\x92;\xef\xbc\x93+\xfb\xf5\x03\xc4\xb4@e\x12\t@\x05;\xb8\xd7\xf0\xd6\xdbo\xf3\xd0\x83\x0f\xf2\xc7\x1f\x7f\x00pf\xefK\x18p\xdd\xad\xb4;\xb6\x13\xd1\x88\x86\xdf_&amp;\xd6\xc6\xfeG\xf1\x07\xbf\xc7\x9b\x86\xa1\xeb\xcc\x9d=\x83W\x9f\x7f\x82\x05s\xbf\x03\xa0s\xe7\xce\x8c\x1a5\x8aSO=\xb5\xfc\xeb\x0f7\xc1\xda\x7f\x1e\xb8\xb4\xb4\x94\xa7\x9ez\x8ag\x9f}\x16\x9f\xcf\x87\xa2(\\pi\x7f\xfa\x0f\xbd\x99\xe6mZ\x13\nD\t\x06\xfc)=\x0c\xfc_\xc5\x13=EQ\xf0\xa4y\t\x06\x82\xcc\xfc|\n\xaf\x8f}\x8a\x95\xcb\xcde\xb1\xc7\x1dw\x1c\x0f&lt;\xf0\x00\xa7\x9f~:`\xd6\x07\xfc\xd5\x99\x18\xff\xc6\xfe\xf1\xf5\xf9|\x8c\x193\x86\xa7\xc7\x8c\xc1WZ\x8a\xcb\xed\xe1\xb2\x01C\xb9l\xe00\xf2\x1b5 Pf\xee\x84)+\xe6\xa6X\xc2\xbf\x13o\xd8=^/\xd1h\x94\xeff|\xcek/&lt;\xc9\x92EfAh\xcf\x9e=\x195j\x14\'\x9cpB\xf9\xd7\x8b\x0eR\xc5\x12\t@\x05\xda\xff\r\xbax\xf1b\xee\xba\xeb.f\xce\x9c\t@\xa7\xae=\xb8v\xf8\xddt;\xf144M\xc3_&amp;\x1a\xfe\x8a\xa2k\x1aH\x12\xde\xb44"\x91\x08\xd3?\x9b\xcc\xb81\x8f\x94\xefX\xd6\xbf\xff\xd5\x8c\x1a\xf5\x00\xf5\xeb\xd7\xffS!\xd7\xbf\xb1\x7f\x033e\xca\x14\xee\x1d9\x92U+W\x02\xd0\xf3\xd43\xb9\xf6\xd6{8\xe6\xf8.\x84\xc3Q\x82~\xbf\xd9k\x11\xf1=l\xf1\x86"-\xddKiI)\x1f\xbf\xf7\x06\xaf=\xff\x04;wl\x03\xe0\x8a+\xfa\xf1\xe0\x83\xa3h\xd8\xb0\xe1\x01\xa7\xe9\xfd\x97\xdf\x13\xbf\x7f?\xfe\xf8\x13\xee\xbd\xf7^V\xae4\xdfC\xbd\xfb\xf4c\xd0\x8dw\xd0\xbcMk\x02\xfe0\xa1`PT\xadW\x90x|\xbdi^\x82\x81\x00\x9f\x7f\xf4&gt;\xaf&lt;\xfbh\xf9\x8e\x92C\xae\xbd\x96\xfb\xef\xbb\x8fZ\xb5j\x1d\xd6\xfd+\xfc\x99H\x00*\xc0\xfe\xbd\xfe`0\xc8\xa3\x8f&gt;\xca\x13O&lt;A8\x1c\xa6v\xdd|\x86\xdd~/\xbd\xfb\xf4\xc3f\xb5SZZ"\x1a\xfeJ\xb2\x7fCQTX\xc4;\xaf\x8e\xe5\xf5\x17\x9e\xa4\xac\xccGn^\x1e\x0f\x8f\x1e\xcd\xa0A\x83\x80\x7f\xd7[\xdc\x7f.r\xd3\xa6M\xdcy\xe7\x9d|\xf0\xc1\x07\x004i\xd6\x92\xebn\x1f\xc9\x19\xbd/\x01\xa0\xccW*\x86\x82+\x89\xa6\xa9X,V\xd2\xd2\xddl\xdd\xbc\x95\xd7\xc7&gt;\xc5{\xaf\xbfD4\x1a%\'\'\x87Q\xa3F1l\xd80\xe0\xf0\xe2{\xd7]w\xf3\xfe\xfb\xef\x01\xd0\xbeS\x17n\x18q?\xddO:\x8dh$\x8a\xdf\xef\x17\r\x7f%\x89\'`i\xe9\x1ev\xef\xda\xcd\x9b\xe3\x9e\xe3\x8d\x97\x9e!\x14\nR\xa7N\x1d\x1e~\xf8a\xae\xba\xea*\xa0bF{\x04\x91\x00\x1c\xb6\xf8\x8eV`\x16\x81\xdd|\xf3\xcd\xfc\xf2\xcb/\x00\\~\xcdu\x0c\x1d~7\xb5\xea\xd4\xa6\xa4\xd8\'\nZ\xaa\x88\xa6\xaaXl6\xd2\xd2\\\xac\\\xfe\x1b\xcf=z\x1f3\xbf0\x97\xe2\x9du\xd6Y&lt;\xf3\xcc3\x1cu\xd4Q\x874\xb7\xb8\x7f\xaf\xf0\x8d7\xde\xe0\xce\xbb\xeeb\xd7\xce\x9d\xd8\xedv\xfa_{\x0b\xd7\xdcx;\x99\xd9Y\x94\x14\x97\x02\x06\xb2,\xe2[\x99\xe2\xc9\xb6\xc3\xe1\xc0\xe5q\xb0h\xde&lt;\x9e\x19}O\xf9\xb4\xcfi\xa7\x9d\xc63\xcf&lt;C\xcb\x96-\x0f\xa8\xc3\xf9;\xfb\xc7w\xe2\xc4\x89\xdcu\xd7]\xec\xda\xb5\x8b\xf4\x8cL\x86\xdd6\x92K\x07\\\x8b\xc3\xe1\xa4\xb4D$\xeeUESU\xacv;^\xaf\x93e\x8b\x97\xf0\xec##\xf9n\xa6YX{\xfe\xf9\xe7\xf3\xf4\xd3O\xd3\xb0aCQ\x1bP\x01D\x02p\x18\xe2Yh4\x1ae\xf4\xe8\xd1\x8c\x1e=\x1a]\xd7i\xd9\xa6=w\x8cz\x82\xee\'\x9fb.\xf7\n\x87PD\xb6Z\xa5\xe2\r\x85\xdb\xe3FQ,|6\xe9m\xc6\x8c\xbe\x87\x9d\xdb\xb7\x92\x95\x95\xc5\x13O&lt;\xc1\xc0\x81\x03\x81\xbf\x9f[\x8c\xc7w\xd7\xae]\xdcr\xcb-\xbc\xff\xfe\xfb\x00t&lt;\xbe+w&gt;\xf8\x14\x1d\x8f?\x1e_\xa9\xb9\xdcK\xc4\xb7j\xc5\xe3\xebMKG\xd3\xa2\xbc\xf7\xfa\xcb\x8c}b\x14%\xc5E\xa4\xa7\xa7\xf3\xc8#\x8f\x94\x8f\x06\xfcU|\xf7\x1f\xb5\xdb\xb1c\x07\xc3\x87\x0f/\x1f\xd59\xf5\xec\xf3\xb9u\xe4\xa34m\xd1\x8c\x92\xe221\xf7|\x04\xc4\xe3\xe3\xf1x\x91$\xf8\xe8\xbd\x89&lt;\xfb\xf0\xbd\xec\xdd\xbd\x8b\xdc\xdc\\\x9e|\xf2\xc9\xf2\xd1\x00\x11\x9f\xffN$\x00\xff\xc1\xfeC\x86+W\xaed\xc8\xb5\xd72\xe7\x87\x1f\x00\xb8\xe6\x86\xdb\x19z\xeb\xbdx\xd3\xd2(-.\x16\xcb\xf9\x8e\xb0\xf8\x96\xc3\x19Y\xe9l\xd9\xb4\x99\xa7F\x8d\xe0\x8b)\xe6\x83\xfe\x8a+\xae\xe0\xd9g\x9f%;;\xfb\x80!\xc5\xfd{\x8e_}\xf5\x15\xc3\xae\xbb\x8e\x8d\x1b6`\xb7;\x18v\xdb=\x0c\xb8\xee6\xac6\x1b\xbe\xd2R1\x1c|\x84\xe9\xb1\rv22\xbd\xac\xfe}%\x8f\x8e\xbc\x95\x1fb\xcbB/\xbe\xf8b\x9e\x7f\xfeyj\xd6\xac\xf9\xb7\xf1\x9d6m\x1a\xd7]w\x1d\x9b6m"3+\x9b\xdb\xee\x7f\x8c\x8b\xae\x18\x80\xaaj\x04\xfc~1\xcc|\x84\xc5\xe7\xfc32\xd3\xd8\xb8~=O\xde\x7f\x07\xd3\xa7N\x01\xa0\x7f\xff\xfe\x8c\x193\x86\xcc\xccL1%\xf0\x1f\x89\x04\xe0_\xda\xff\xe1\xf1\xee\xbb\xefr\xc3\r7PTTD\xc3&amp;M\x19\xf9\xd8\xf3\xf48\xad\x17\xbe\x12\x7f\xf9\x8eeB\xf5\xa0\xaa*\x0e\xa7\x13\xbb\xdd\xceG\xef\xbc\xce\xe3\xf7\xddNIq\x11\xcd\x9a5\xe3\xb5\xd7^\xa3[\xb7nh\x9a\xb9\x16=\xfe \xb9\xef\xbe\xfbx\xe8\xa1\x87\x00h\xd9\xb6=\xf7=1\x96N]\xbbPR$z\x85\xd5\x8d\xaa\xaa\xb8\xddn$Y\xe6\xcdq\xcf\xf2\xdc#\xf7\x11\x0c\x06h\xd8\xb0\x11\xaf\xbe:\x9e\x93O&gt;\xf9\x80#\xb6u]g\xe4\xc8\x91&lt;\xf2\xc8#\x00t?\xa9\x17\xf7&lt;\xfa\x1cG\xb5hFqa) \n\xcd\xaa\x13UUq\xba\\X\xadV&amp;\xbd9\x9e\'\xee\xbf\x832_)-Z\xb6\xe4\xf5\xd7^\xa3s\xe7\xcebJ\xe0?\x10\t\xc0\xbf\x10\x7f\xe8\xab\xaa\xca\xed\xb7\xdf\xce\xb3\xcf&gt;\x0b\xc09\x17]\xc6]\x0f\x8f!7\xaf\x06\xc5E\xc5\xa2WXM\x19\xb1\x1d\xdd2\xb3\xd3Y\xb9\xfc7\xee\xbfm\x18?\xcf\x9f\x83\xcdf\xe3\xa9\xa7\x9e\xe2\x86\x1bn\x00`\xc7\x8e\x1d\x0c\x1a4\xa8|C\x9f\xbe\xfd\x87p\xfb\xa8\xc7\xf1x\xd2(-)\xc1bQH\xc5\x9d\xfb\xaa;39\x87\x8c\xac4~\x99\xff\x13\xf7\xdd:\x94\x95\xcb\x97\xa2(\n\x8f&lt;\xf2\x08w\xdcq\x07`\x1e\xcat\xcd5\x83\x981c:\x92,s\xe3\x88\x07\x18r\xf3\x9d\xb1\xe3\xaaE\xaf\xbf\xba2G\x03\x0c2\xb3\xd2\xf9m\xe9\xaf\xdc\x7f\xdb0\x96,\x9c\x87\xddng\xcc\x981\x0c\x1b6\xec\xb0V\x81\xa4"\x91\x00\x1c\xa2\xf8\x10\xd3\xb6m\xdb\xe8\xdf\xbf?\xdf|\xf3\r6\x9b\x8d\xdbG=A\xffko"\x18\x0c\x12\t\x85\xc5\\p\x02PU\x15\x8f\xc7C4\x1a\xe1\xe9\x87\xee\xe6\xcdq\xcf\x010t\xd80.\xbe\xe8"\x06\x0e\x1c\xc8\x86\r\x1b\xf0\xa6\xa5q\xcf#\xcfqq\xbf\xfe\xf8J\xc5\xa8N\xa2PU\x95\xb4\xb4t|\xbe\x12\x1e\xb9\xfb\x16&gt;~\xff\r\xc0\x1c2\xee\xd3\xa7\x0f\x83\x07\x0ff\xcb\x96-\xd4\xa9\x97\xcfC\xcf\xbcB\xcf^\xbd(.\xf4\x89\x86#A\xa8\xaa\x8a\xc7\xeb%\x12\n\xf1\xe4\x83w\xf2\xce\xabc\x01\x182d\x08\xcf?\xff&lt;6\x9bM\x8c\xd0\x1d"\x91\x00\x1c\x82x\xe3\xbfp\xe1B.\xbd\xf4R\xd6\xaf_O\xbd\xfcF&lt;:v\x02]z\xf4\xa0\xa8\xa0\xa4\xfc8^!1\xe8\x9a\x86lQHK\xf3\xf0\xe1[\x13x\xe6\xe1\x91\xec\xde\xb9\xbd\xfc\xf3m\xda\x1f\xc3\xfdO\xbeH\x87N\x9d(\xdc+j9\x12\x8d\xa6iX\xadV\\n\x17o\x8c{\x8eqO?B\xc1\xde\xdd\xe5\x9f?\xb1\xd7\xd9\xdc\xfb\xe8s\xd4o\xd8\x88\xe2\xa2b\xd1\xebO0\xf1\x02No\x9a\x9bIoN\xe0\xa1;o$\x18\xf0s\xe2\x89\'\xf2\xee\xbb\xefR\xabV-Q\x17p\x08D\x8b\xf5\x7f\xc4\xdfDS\xa6L\xe1\x94SNa\xfd\xfa\xf5t\xee~\x12o\x7f&gt;\x9bN]{P\x10o\x1cD\xe3\x9fPdEA\xd7t\n\x0b\x8a\x18x\xfd\x00N9\xabwy\xef\xcf\xe1tr\xe3]\x0f\xd2\xed\xc4N\xec\xda\xb1\x07\xc5b\x11\x8d\x7f\x82Q,\x16\xa2\xd1\x08\xbeR\x1f\xc3n\xbd\x89N]{\x94\xc7\xd0\xe3\xf52\xe8\xc6\x114k\xd5\x88\x82={E#\x91\x80\x14EA\xd7u\x8a\n\x8b\xe9\xdb\x7f\x00o|&lt;\x93\xfa\r\x1b3{\xf6lz\xf4\xe8\xc1\xaf\xbf\xfe\x8a\xc5bAU\xd5#}\xa9\xd5\x9ah\xb5\xfe\xc6\xfe\xcb\x84\xc6\x8e\x1d\xcbE\x17]\x84\xcf\xe7\xe3\xc2\xcb\xae\xe6\x95\x0f\xbe \'\xaf&amp;\xa5\xc5\xa2\xe7\x90\xa8\xccU\x1c2i\xe9\x19\xdc&gt;\xf4\x16\xde{\xfd%\x00\x1a4nJ(\x18d\xc4\xb0\xab\xf8\xe4\x83\xa9\xd4\xa8\x9d+\x1e"\tHWUl6;V\x9b\x95\xa1W\xf4\xe3\xab\xcf&amp;c\xb3\xd99\xaay+\xca|&gt;\x86\xf5\xeb\xcd\x17S&gt;\'\xafV\x8e\x88o\x82\x92$\tE\xb1P\xb0\xb7\x98\xf6\x9d\xba\xf0\xf6g\xb38\xb6\xcb\t\xac]\xbb\x96\x93O&gt;\x85\xaf\xbf\xfeZ$\x01\xff\x87H\x00\xfe\xc2\xfe\xcb\xfc\xee\xbf\xff\xfe\xf2\xe2\xb0\xeb\xef\xb8\x8f\xc7^\x9c\x80\xae\xeb\x84CA1\xdf\x9f\xa0\xe2\x95\xe0V\x9b\x8d;\xaf\xbf\x9a7\xc7=\x8b,\xcb\x8c\x1a3\x8e\xcf\xe7\xfcL\xafs/\xa2p\xef\x1en\xbc\xfab\xa6\xbc\xfb\x0e\xd9\xb9\x19h\xe2!\x9204M\xc3\xeep\x10\x8dF\xb8\xfe\xca\x0b\x99\xfa\xe1;\xb8\xdcn\xc6\xbc\xfa\x1e\x9f|\xb7\x90^\xe7\\Hqa\x017\xf4\x17\xf1M\x06\x16\x8b\x85\xd2\xe2br\xf2j\xf2\xea\xa4i\x9cy\xfe%\x14\x14\xec\xe5\x9cs\xcea\xf2\xe4\xc9"\t\xf8\x07"\x018H\xbc\x8aTQ\x14n\xb9\xe5\x16\x1e|\xf0AdY\xe6\x81\xa7^b\xf8\xbd\xa3(-)\x89\xed\xfe\'\nL\x12\x91\xae\x9bs\xc3\x92\x047\x0f\xbc\x94O\xde\x7f\x13\xb7\xc7\xcb\xd87\xa7p\xd9\x80Ah\x9a\xccs\x13&amp;\xd1o\xd0\rD#\x11n\x1fz%o\x8d{\x99\xac\xdc\x0c4M&lt;D\xaa;M\xd3p\xba\\\x94\xf9J\xb9\xf6\xd2s\xf9\xfe\xeb/\xc9\xadQ\x8b\xd7&gt;\xfc\x8a^\xe7\x9e\x8f\x1a\xd5yn\xe2\x87\xb1\xf8\x86\x0f\x8c\xafh$\x12\x96b\xb1\x10\n\x06\x91$\x991\xaf\xbeO\xbfA7\x10\x0e\x87\xe9\xd3\xa7\x0f\xaf\xbf\xfe\xbaH\x02\xfe\x86(\x02\xdc\xcf\xfe=\xff\xa1C\x872n\xdc8\xec\x0e\x07\x8f\xbe0\x81\xf3\xfb^J\xc1\x1eQ\x0c\x96\xc8\xcc\xc6\xdf\x86\xaek\xdc4\xa0/\xdf\x7f=\x8d\xac\xec\\\x9e\x9b0\x89.\'\x9eh\x16\xfb\xc5\xd6\x11\xa7ex\x19\xf3\xd0}\xbc\xf4\x94\xb9\x0f\xc0\xdd\x0f?\xc357\xdcLaA\x89\xa8.\xae\xa6\xcc\xc6\xdfIIa!\xd7^~\x1e\xcb\x16/\xa4^\x83F\xbc\xf4\xf6\'4o\xdd\x96\xe2\xa2"\x14Y\x01I"-\xdd\xcb\x98\x87F\xf2\xd2\xd3\xa3\x01\x11\xdfd\x11\xdf\xa7%-\xdd\xcb\x98\xd1#y\xe9)3\xbe/\xbd\xf4\x12C\x87\x0e\x15\x85\x81\x07\x11\t@\xcc\xfe\x8d\xff\xe0\xc1\x83y\xf5\xd5Wq\xb9=\x8cy\xf5=N;\xe7\x1c\n\xf6\x88\xf9\xfeD\xa6\xeb:\x16\xab\x15\x0c\x9d\xeb\xaf\xba\x889\xdfN\'\xb7FM^z\xe73\xda\x1f\xdb\x89\xa2\xc2",\x16+\x10\x1f\x05\xd2\xc9\xccJ\xe7\xc5\'\x1f\xe3\xe9\x87\xee\x02\xe0\xae\xd1c\x18|\xd3-\x14\xec-FQ\xc4{\xa1:)o\xfc\x8b\n\x19\xd4\xe7l~\xff\xf5\x17\x1a\x1d\xd5\x9cq\xefO%\xbfa\x93\xd8\xfe\rf\xcc\x0e\x8c\xef\xa3&lt;\xfd\xd0\xdd\x80\x88o\xb2\xf8\xbb\xf8\x8e\x1d;\x96\xeb\xae\xbbN$\x01\xfb\x11\t\x00\x076\xfe\xc3\x86\r\xe3\xe5\x97_\xc6\xe3M\xe3\xd9\xd7\'q\xd2\xe9\xa7S\xb0w_\xe3 $\x1e]\xd7Q,\n\x8a,s\xe3\xd5\x970{\xc6\x17\xe4\xd5\xac\xcd+\xefO\xa5u\xbb\x8e\x14\x17\xfd9\xbe\xf1\xf7DVN:\xe3\xc6&lt;\xc5\x13\xf7\xdf\x0e\xc0\xc8\xc7_\xe0\xeaa\xd7S\xb8\xa7X\xd4\x80T\x13zl\xce\xbf\xac\xac\x94\xc1}\xcef\xd9\xe2\x854i\xde\x8a\xf1\x1f|N\xed\xba\xf5\xf1\x95\xfa\xfe\xf4\xc0\xff\xbb\xf8\xde\xf7\xf8X\xfa\x0f\xbbN\xc47\xc1\xfd]|\xc7\x8f\x1f\xcf\xa0A\x83D\x12\x10\x93\xf2\t\xc0\xfe\xd5\xfe\xb7\xddv\x1bO?\xfd4.\xb7\x87\xe7&amp;|\xc8\xc9g\x9cA\xc1\x9e"\xb3\xe7($$\xc30\x90$si\xdf\xf0k.\xe3\xab\xcf&amp;\x93\x93[\x83\xf1\x1f|A\x9b\x0e\xc7\xfce\xe3\xbf?MS\xc9\xce\xc9\xe0\xc5\'\x1f\xe7\xa9\x07\xef\x04\xe0\xd1\xb1\x13\xe9sU\x7f\xf3\xbd!\x12\xc3#J\xd7u\xacV+\xaa\x1aeP\x9f\xb3\xf8\xe5\xa7\xb94:\xaa9\xafM\xfe\x92Zu\xea\xe3\xf7\xf9\xfe\xb1!\xff\xab\xf8&gt;6v"\x97\x88\xf8&amp;\x85?\xc7W\xe2\xbd\xf7\xde\xe5\xd2K/\x15I\x00\xa2\x08\xb0\xbc\xf1\x1f=z4O?\xfd4v\xbb\x83\xa7^yG4\xfeI ^\xd0\xe9\xf1z\xb9\x7f\xf8P\xbe\xfal2\xe9\x99Y\xbc\xf8\xf6\xc7f\xe3_\xf8\xff\x1f\xf0\xe62\xa3\x12\x86\xdd6\x82\x1bF&lt;\x00\xc0}\xb7\x0c\xe1\xabO?%+;S\x14\x16\x1dA\x86a.\xe5\x94e\x89[\x06\xf6\xe5\x97\x9f\xe6R\xafA#^y\x7f*\xb5\xeb\xd6\xa7\xec\xff4\xfep`|\xaf\xbf\xe3\x01\x00F\x0e\x1f\xc2\xf4O?\x13\xf1M\x02\x7f\xbe\x7f\r\xfa\xf7\xef\xcf\xf4\xe9\xd3Ea )&gt;\x02\x10\xcf\x00_}\xf5U\x06\x0f\x1e\x8c"\xcb&lt;\xf6\xe2\x1b\\xE?\x91\xfd\'\x01MS\xc9\xca\xce\xe0\xc9\x07\xee\xe5\xe51\x0f\xe3r\xbb\x19\xfb\xd6\xc7\x9cp\xf2i\x14\x15\x1czr\x17\x9fS\xcc\xc8L\xe7\xa1;\x87\xf3\xc6\xcb\xcf\xe0\xf1\xa6\xf1\xda\x87_\xd2\xe1\xb8\xae\x94\x16\x8b\xe1\xe2\xaa\x16O\xee\xbci^n\x1fz\x15\x9fMz\x9b\xdc\x1a\xb5x\xfd\xa3\xe94k\xd9\xe6\x809\xffC\xfbYf|\x1f\x1cq\x0bo\x8e{\x16OZ\xba\x19\xdfN]D|\x13\xdc_\xc57==\x83o\xbf\xfd\x86\x8e\x1d;\xa6\xf4\xb6\xc1)\x9b\x00\xc4\x1b\xff/\xbf\xfc\x92s\xcf=\x0fMS\xb9\xe7\x91g\xb9\xe6\xc6\x9b\xd8\xbb[4\xfe\x89NUU\xb2s3x\xfb\x95q\xdc\x7f\xdbPdE\xe1\xa9q\xef\xd0\xbbo_\nv\xff\xfb\x91\x1d\xf361\xf0x\xd3\xb8mH?\xa6N~\x87\x9a\xb5\xeb\xf2\xf6\xd4\xd9\xd4\xa9\x9fO\xc0\x1fH\xd9\x87\xc8\x91\x10O\xee\x1e\x1by\x17\xe3\x9f{\x0c\x8f7\x8d\xf1\x1f|\xc1\xb1]\xbbS\\\xf8\xef\x0bv\xf7\xc5\xd7\xcb\xad\x83\xfb\xf1\xf9G\xefR\xb3N]\xde\x99\xfa\x1d\xb5\xeb\xd5\x17\xf1Mp\xfb\xc7\xd7\xbc\x7f\xdf\xa5~\xfd|\xe6\xce\x9dC\xbdz\xf5bK\xbbSo@&lt;%\x13\x80x\xc6\xb7|\xf9rz\xf4\xe8AQQ\x11\x83n\xbc\x83\xbbF?Na\x81\xa8\x00Nt\xaa\xaa\x92\x91\x99\xc1\x0f\xdf\xcc`\xe8\x15\xe7\x11\t\x87\xcb+\xbc\xf7\xfe\x87\xc6?\xce\xd0udEA\xb1(\x0c\xe9{\x0e\xf3\xbe\xff\x86VGw\xe0\xadO\xbf\xc5b\xb3\xa1\xa9*\x92\x94z\x0f\x91\xaa\xa6\xaa\xe6\xbc\xee;\xaf\x8f\xe7\xbe[\x86`\xb1Xx\xe6\xb5\x0f8\xf3\x82\x0b)&lt;\x8c\x82\xddx!\xb0b\x91\x19\xdc\xe7\x1c\xe6\xff\xf0-\xad\xdb\x1d\xc3\x9b\x9f}\x83E\xb1\xa2i\x9aX\x02\x9c\xc0\xfe*\xbe\xc7\x1dw\x1c\xb3f\xcd\xc2\xe1p\x94\x1f\xf3\x9eJR\xeei\x15?\xf1\xab\xb0\xb0\x90\x8b/\xbe\x84\xa2\xa2"\xce&lt;\xbf\x0f\xb7?\xf0\x18\xc5E\xa5b\x83\x9f\x04\xa7i\x1an\x8f\x9b\xf5kW3\xe2\xba\xab\x88\x84\xc3\xf4\x1bt\x03\xd7\xdch.\xef:\x9c\x9a\x0eI\x96\xd14\r\x90xz\xfc;4n\xda\x92\xdf\x7f]\xcc]7^\x83\xc3\xe1$\xf5R\xe9\xaa\xa7\xc5\x92\xbb\xb9\xb3g\xf3\xc8]7\x03p\xdb\xfd\x8fs\xf6\x85\x17Rx\x98\xd3vr,\xbe\x122O\x8f\x7f\x87FG5\xe7\xb7\xa5?s\xef\x8d\x83p\xba\x9c\xa4`_)\xa9\x1c\x1c\xdf\xc6M\x9b\xb3`\xc1\x02\x06\r\x1a\\\xfe\xb9T\x93R\t@|i\x88$I\\y\xe5\x95\xac^\xbd\x8a\xa3;\x1e\xc7\xc3\xcf\xbfF0\x10\xc40H\xb9\x0c0\x99\x18\x86\x81\xc5b!\x1c\nq\xdb\x90~\xec\xdd\xbd\x8b\x1e\xa7\x9e\xc9\xdd\x8f\x8c\xa1\xb4\xc8W!\xc9\x9d,\xcb\x84C!2\xb3sy\xe6\xb5\xf7\xc8\xc8\xccb\xe6\xe7Sx\xe1\xf1Qdf\xa7\xa5|QQe\xd25\x1d\xa7\xcb\xc9\xd6\xcd\x1b\x191\xec*B\xa1 \x97\x0e\x18\xca\xa0\x9b\x86\x1fvr\x17\'\xcb2\xa1P\x88\xac\x9c&lt;\xc6\xbc\xfa\x1e\xe9\x19\x99|\xf5\xd9d^|\xf2a2\xb3D|\x13\xdd\xfe\xf1}z\xfc{\xa4gf\xf2\xde{\xef\xf2\xc4\x93O\xa6dQ`J%\x00\xf1\xa1\xff\xfb\xee\xbb\x8fi\xd3\xa6Q\xa3fm\x9ez\xe5\x1d\xecv;\xd1h4%\xe7\x80\x92\x89\xae\xebx\xbcn\x1e\xba\xf3&amp;\x96/YD\xc3&amp;\xcdxl\xec\x04\xd4\xa8\x8an\x18\x15\x96\xdc)\x8a\x82\xaf\xb4\x94VG\x1f\xcd\xa8\xa7_A\x96e^zz43\xa6N%3+#\xe5\x1e"U\xc20\x90\x153~w^7\x80\x1d\xdb\xb6p|\xf7\x13\xb9\xe7\x91g(-.\xab\xd0\x91;3\xbe%\xb4i\xdf\x9e\x07\x9ez\tI\x96\x19\xfb\xe4(\xbe\xf9\xf2K22\xc5\x96\xc1\x89\xee\x80\xf8&gt;\xf92\xb2,s\xf7\xddw3k\xd6,,\x16KJ\x8d\x04\xa4L\x8b\x17_\xee7m\xda4F\x8f\x1e\x8d\xd5j\xe5\xa1g_\xa5a\x93&amp;\xf8\xcb\xfc\xa2\xc0\'\xc1\xa9\xaaJVv:\xef\xbe\xfe\n\x1f\xbf7\x11\x97\xdb\xc3\xe3/\xbdAVN\x1e\xe1P\xa8\xc2\x93;\x8b\xc5BaA1\xe7^|\x11Cn\xb9\x0b]\xd3\xb8o\xf8\xb5lZ\xbf\x1e\x97\xcb\x89\xae\xeb\x15\xfa\xfbR\x9d\xa6i\xa4gxy\xfa\xa1{X0w6\xb5\xea\xd4\xe3\xb1\x17\xdf\x00\xcc\x8d\x80*z\xe4\xceb\xb1RXPL\xef&gt;}\xb9\xe6\xfa\xdb\xd1T\x95\xfb\x86\x0fa\xdb\xe6M8\x9c"\xbe\x89n_|\xfb0\xf0\x063\xbe\xfd\xfb\xf7g\xd7\xae]\xc8\xb2\x9c2\xf1M\x89"\xc0\xf8\xb0\xff\xf6\xed\xdb9\xe6\x98c\xd9\xb9s\x077\xde9\x8a\x9b\xef\xb9O,\xf7K\x02\xba\xae\xe1r\xbbY\xbdb9W\x9c\xdd\x932_)\x0f&lt;\xf9\x12W^;\xf4?U\xfc\x1f:\x03\xc3\x00\xa7\xcb\xc9\xa0&gt;g3w\xd6\x0c\xba\xf48\x85\xd7\'\x7fI0\x18\x12\xd3I\x15DSU\xd2\xb32\x989\xf5\x13\xae\xbf\xeaB,V+\xe3\xde\x9d\xca\t\xa7\xf4\xa2\xb8\xa82\xb7\xe86\xe3\xebp\xda\x19x\xd1\x99\xcc\xff\xe1[N8\xe5\x0c\xc6\x7f\xf09\xfe2\xbf\x181Lx\xb1\xf8:\xec\x0c\xbc\xd8\x8c\xef9\xe7\x9c\xc3\xd4\xa9SSf\x93\xa0\x94x\x07\x1b\xb1\xe1\xdfk\xae\xb9\x86\x9d;wp\xc2\xc9\xa73\xec\xb6{(.(\x15\x8d\x7f\x823\x8b:\x15"\xe10#o\x1eB\x99\xaf\x94s.\xba\x9c+\x06\r\xa5poI%o\xe4$\x95\xef$\xf9\xd03\xafP\xa3V\x1d\xe6}\xff\r\xe3\x9ey\x8c\x8cL\xaf\x98\n\xa8\x00\x86\xaecw:\xd9\xb6y3\x0f\x8e\xb8\x01\xc30\x18r\xcb]\x9ctz\xaf\xd8.\x8e\x95\xf9\x906\xe3k\xe80\xfa\xd9W\xc8\xc9\xab\xc1\x0f\xdf|\xc5\xebc\x9f\x16\xf5\x00I!\x16_\xc3\x8con^M&gt;\xff\xfcs\x9e\x7f\xfe\xf9\x94\xa9\x07H\xfa\x04 &gt;\xef\xff\xfc\xf3\xcf3}\xfatj\xd4\xac\xcd\xa8\xa7_FUU\x92~\xe8#\x05\xe8\x9aFz\x86\x87\x17\x1e\x7f\x90\xe5K\x16\xd1\xa0qS\xee}\xf4Y\x02\xfe@\x95\xf4\xd0dY&amp;\x18\x08R/?\x9f{\x1f{\x1eY\x96\x19\xf7\xcc\xa3,\x9c7\x1foZ\x1az\n\xcd\'V\x06\x03\xb0\xd9l\x8c\xbe\xf3&amp;v\xed\xd8F\xe7\x13N\xe6\xba[\xef\xa1\xa8\xd0W%\xc9\xbb,\xcb\x04\x02\x01\x1a4n\xcc\xdd\x0f?\x8b$I\xbc\xf8\xe4\x83,\xfd\xf9\x17&lt;^/\xba.\xe2\x9b\xc8\xf6\x8f\xef]\x0f?\x83$I\xdc}\xf7=\xacX\xb1\x02\x8b\xc5\x92\xf4S\x01I\x9d\x00\xc4\xd7}\xae\\\xb9\x92\xbb\xef\xbe\x07I\x92\xb8s\xf4\x18\xea7l@(\x10\x14Cx\tN\xd34\xbc\x19i\xcc\x9d=\x9b7\xc7=\x83\xc5j\xe5\xbe\xc7_ +;\x87H8ReC\xf0\x16\x8b\x85\xe2\xc2b\xce:\xff\x02\xfa\\5\x98p(\xc8\x83w\\G(\x18@V\x14\xc4\xfa\xc0\xffFUU2\xb2\xd2\x98\xf4\xe6\xab|\xf3\xe5\xa7dfe\xf3\xc0S/\xa1\xc7v\x01\xac*\x16\x8b\x85\xa2\xc2\x12\xce\xbb\xa4/\xe7\xf7\xedO\xc0\xef\xe7\xc1;\xaeG-/\x1c\x16\xf1Md\xfb\xc7\xf7\x82K\xfb\xe3\xf7\x971x\xf0`4M+\xdfq2Y%m\x0b\x18\x0f\x9c\xae\xeb\x0c\x1d:\x14\xbf\xbf\x8c\xf3\xfb^\xc59\x17\xf7\xa1\xa8Pl\xed\x99\xe8\xe2K\xfe\x02e~\x1e\xbe\xfbf\xa2\xd1(\xfd\x06\xdd@\xcf^\xa7Q|\x04\xb6n\x95\x15\x85\xd2\xd2\x00\xc3G&gt;B\xa3\xa3\x9a\xb3b\xd9\x12^y\xf61\xd23&lt;)UU\\Qt\xdd\\\xf2\xb7a\xed:\x9ey\xf8^\x00\x86\x8f|\x94\xa3\x9a7\xad\xb2\xd1\x9d\xfd\xc9\xb2\x8c\xbf,\xc8\x1d\xa3\x1e\xa3^\x83F,\xfd\xf9\'&amp;\xbe\xf4\x0c\xe9\x19^TU\xc47\xd1\xc5\xe3{\xfb\x03\x8fQ\xbfA#~\xfc\xf1G\x9e{\xee9\x14EI\xea\xfb7i\x13\x80x\xef\xff\xe5\x97_\xe6\xfb\xef\xbf\xa7N\xbd|n\xbd\xffQ\x02~\xd1\xf3O\x</t>
        </is>
      </c>
    </row>
    <row r="115">
      <c r="A115" s="1" t="n">
        <v>113</v>
      </c>
      <c r="B115" t="inlineStr">
        <is>
          <t>shape_size_hexagon</t>
        </is>
      </c>
      <c r="C115" t="inlineStr">
        <is>
          <t>What is the size of the missing shape denoted with a question mark if it is a pentagon?</t>
        </is>
      </c>
      <c r="D115" t="inlineStr">
        <is>
          <t>['small', 'medium', 'large']</t>
        </is>
      </c>
      <c r="E115" t="inlineStr">
        <is>
          <t>medium</t>
        </is>
      </c>
      <c r="F115" t="inlineStr">
        <is>
          <t>There are 7 shapes with different sizes in the image, of which there is a missing pentagon in the center. The other shapes are arranged around the center, which are ['triangle', 'square', 'pentagon', 'triangle', 'square', 'pentagon'] in anti-clockwise order. Their corresponding sizes are ['small', 'large', 'medium', 'small', 'large', 'medium'].</t>
        </is>
      </c>
      <c r="G115" t="inlineStr">
        <is>
          <t>We observe that the triangles are small size, the squares are large size, and the pentagons are medium size. Hence, the pattern is that each shape appears with a distinct size.</t>
        </is>
      </c>
      <c r="H115" t="inlineStr">
        <is>
          <t>Based on the pattern that each shape appears with a distinct size, the size of the missing pentagon should be medium.</t>
        </is>
      </c>
      <c r="I115" t="inlineStr">
        <is>
          <t>b'\x89PNG\r\n\x1a\n\x00\x00\x00\rIHDR\x00\x00\x02\x00\x00\x00\x02\x00\x08\x02\x00\x00\x00{\x1aC\xad\x00\x00&lt;\xd0IDATx\x9c\xed\xdd}|\x15\xd5\xb9/\xf05k\xcd\xec\x84@\xc2;\x06\xea\x1b\x12\xc4k\xa1\x9aP&lt;\x05"D,\x10\xed\xe1Ey\x93k\xcfU\xaa\xa8\x1f\x8f\xc7\nE\xab\xf7\xb4JP{\xce\xd5\xab\x06i\xadZ\xbc\xa2\xb5\x8a(X@\xa4A!\t\x98(\n\xa1\njy\x11-\x95\x06\x81\x10\x92\x1d^v\xf6\xac\xb5\xee\x1fO2n\x02(o\xd93{\xd6\xef\xfb\x87\x1fI\x10\x87\xcc\x9e\xf5\x9by\xd6Z\xcfXZk\x06\x00\x00\xe6\xe1~\x1f\x00\x00\x00\xf8\x03\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db\xef\x03\x083\xad\xb5\xdf\x87\x10\x06\x96e\xf9}\x08\x00\xe1da\x90\x02\x000\x13\x9e\x00ZQCCC&lt;\x1e\xb7,\xa4\xec)\xa2\x1f]ff\xa6m\xe3\x83\np\xe6alj\x15J)\xce\xf9\xe8\xd1\xa3\xdf}\xf7]\xce\xb9R\xca\xef#JI\x14\x00\x8b\x17/\xbe\xfc\xf2\xcb\xa5\x94B\x08\xbf\x8f\x08 Tpc\xd5\x8a\xea\xea\xeajkk\xfd&gt;\x8a\x94\x17\x8f\xc7\xfd&gt;\x84p\x92RZ\xcd\xfc&gt;\x16\xf0\x07\x02\xa0\x15\xd9\xb6mY\x96\x10BJ\xc90\x99y\xc2\xbc\xa7Rzx\xc2\xcf\xed\x8c\xa3\x9f\xaa\xf7D\x85\xa7+c!\x00Z\x91N\xc0\xb0(\xe8\xe4y?:8\x83\\\xd7\xa59\x95\xfb\xee\xbb\xef\xf3\xcf?\x7f\xe6\x99g:v\xec\xe8}\x11\x8c\x82S\x9e&lt;\xed\xdaf8\x8e\x8d\x11\xed\xdbY\xcc\x8a\x1e8\xe0\xba\xd2\xef\x03\t!\xad\xb5\x94\xd2\xb6\xed\xad[\xb7\xfe\xc7\x7f\xfcGII\tc\xec\xa3\x8f&gt;z\xf2\xc9\'G\x8e\x1cI3U\x9cco\x90A\x10\x00\xc9@\xa5\x8c?\xfe\xf6\xa1\xa1\xc3\xf2\xe3\xf5\rB\xe0\x1a;6\xa5\x94\xdd.c\xcc\xa4\xdb\xd7\xac\xad\x12B ,\xcf *\xfb\xd8\xb6\xbd`\xc1\x82\xdbo\xbf\xbd\xa6\xa6\x86n\xf9\xb7l\xd9RXX8s\xe6\xcc\x07\x1ex\x80%&lt;\x1f\x80\tp\xa6\x93\xa7}Vf\xc7.\x9d\x94cs\x04\xc0qh\xa5\xacv\xed\x1c\x07\x1f\xcb3\x8c\xaa\xfc\xae\xeb\xde}\xf7\xdd\xc5\xc5\xc5\x8c1\xfa%k\xbe\xe5\x9f9s\xe6{\xef\xbd7g\xce\x9c\xde\xbd{\xbb\xae+\x84\xc0\xd4\x8b\tp\xa5%\x8f\xeb\xba:\x1e\x8f\xc7]\xa1\x10\x00\xc7\xa6\x94r\xe2q\xdc\xf8\x9fAZk\xa5\x94\x10\xa2\xaa\xaa\xea\xf6\xdbo_\xbbv-\xe7\\k\xad\x94\xe4\x9c{\xf3T\xb6m\x97\x94\x94\x0c\x1c8\xf0\xa9\xa7\x9e\x9a8q"k^\xca\xec\xf7\xe1C\xebB\x00$\x8f\x95\xc0\xefc\t(\xfcp\xce,\xba\xf1\x17B\xcc\x9d;w\xfa\xf4\xe9\xd1h\xd4\xb6m\xd7u9\xe7Ji\xad\x9b\xb6\xa7\xd0\xd3\x80\x10\xa2\xa6\xa6f\xd2\xa4I\xef\xbe\xfb\xee\xc3\x0f?\x9c\x99\x99\x89rP\xe8!\xe1\x01\xc2\xc9\x1b\xd3\'O\x9e&lt;u\xea\xd4h4\xea\r\xf4J)[\xf0\xdf\xfe\xf7\xff^\xf1\xfa\xb3\xd9];K)m!h[\x80\x10b\xce\x9c9\x05\x05\x05UUU\xb6mK)\xf1@\x16b\x08\x00\x80\xb0QJ)\xa5l\xdb\xae\xa8\xa8\x184h\xd0\xfc\xf9\xf3\xa9\xa6\xaf\x94\x12\x82K){_pn\xe9\x92y\xff~\xc7\x94\xe1#\x86\xae+{m\xc2\xe8\xe1n\xf3\xa60Z&amp;TUUUPP0g\xce\x1c\xfa\x0fi#\x0b\x84\x0f\x02\x00 T\xa4\x94\x9cs\xceyqqqAA\xc1\x96-[\xe8F\x9e[\x96\xd6ZJu\xd3\xf5\xd7~P\xfaZ\xfe\xe0\x01\xb1\x9a\xdaX\xed\xfe\xefu\xed\xb2\xe0\xc5\'\x1f\x9bu\xb7\xe0\x94\x10\x82jD\xd1h\xf4\xce;\xef\x9c4iRMM\x8d7c\x0c!\x83\x00\x00\x08\t\xad5Ux\xaa\xab\xab\x0b\x0b\x0b\xa7M\x9bFC\xb9\xeb\xba\xb6\x10R\xa9\xacvm\x9f}b\xe6\xdc\xa7\xff\xbb}$\xd2X\x1f\xb5ma\xdbv&lt;\x16\x8bG\x1b\xa6O\xbfe\xcd_\xfe\x94\xdb\xf7"\x9a6\xd0Z{kF\x07\r\x1aTRRb\xdb6=X\xf8\xfd\xb7\x843\t\x01\x00\x10\x06\xde2\xff\x92\x92\x92\xfe\xfd\xfb\xd3\x90\xcd\x18\xd3Z\x0b\xc1])\x07\r\xb8\xe4\x83\x95\xafN\x9d\xfa?\x1bk\xf7\'\xf6~\xa0\xc7\x85X\xcd\xbe\x1f\r\xb8\xb4\xec\xad\x17o\xba\xfeZ\xaa\xfbs\xcb\xa2I`\xda(PTTD\xbf\x13\x8f\x02a\x82\x00\x00Hy\xde\x9d\xfe\xcc\x993\x0b\x0b\x0b\xab\xab\xab\xbd\xf9^*\xfb\xfc\xfc\xd6\x9f\x96-}\xa1O\xce\xf9\xb1\x9a\xdac\xae\xf1\xb7m\xbb\xb1&gt;\x9a\x19q\xe6&gt;\xf5\x9b\x97\x9f}\xa4S\x87,\xa9\x94\xb7d\x88sN\x7f\xf2\xd6\xad[\xe9\x8b\x98\x19\x0e\x07\x04\x00@\nK\xec\xeePPP\xe0\xdd\xa7K)m[H)\xbbw\xeb2\xff\x0f\x8f\x16?1\x93K\x19?p\xe8[\x96u\n!\xa4+\x1b\xeb\xea\'_\x7f\xcd{+^\x194\xe0\x12\x1a\xfd\x99\xd64\xa5L\x1b\x05\x16,X@]\x0eQ\x0e\n\x01\x04\x00@\xaa\xf2\x16n\xce\x9f?\x7f\xe0\xc0\x81\x15\x15\x15T\xa9g\x8cq\xce]W\x8e(\x18\xb8n\xe5\xab\x93&amp;\x8f\x89\xed\xd9\xa7\xb5\xfe\xce-\xe8\xf4\xa7\xc5\xf6\xee\xbb\xb0\xd7yeK\xe6\xdd?\xe36\xa5\x94\xd2\xda&gt;r\xa3\xc0\x9dw\xde\x19\x8dFQ\x0e\n\x01\x04\x00@J\xa2\x119\x1a\x8dN\x9d:u\xf2\xe4\xc9\xdeZ\x1d[\x08\x9a\xad\xbd\x7f\xc6m%\x0b\xff\xd0#\xbbk\xac\xa6\xd6\xb6O\xa2\xb5\x83m\xdb\xf1\x03\x87\xb8RE\xb3f,\x7f\xf5\xf7\xdd\xbbuq\xb1Q \xa4\x10\x00\x00)\xc6+\xfbl\xd8\xb0\xa1\xa0\xa0`\xee\xdc\xb9\xde2\x7f\xdb\xb6])sz\x9e\xb3|\xc1\xd3E\xb3f\xb8\x87\x0e\xc7\x0f\xc7Na7/\x17\\k\x1d\xdbSSx\xd5\xb0u\xa5\xafM\x18\x85\x8d\x02\xe1\x84\x00\x00H%\x89\xb7\xe1C\x87\x0e\xf5n\xc3\xe9\xf5\x99\xae\xebN\x18=\xe2\xbd\x15\xaf\x14^5,\xb6\xa7\xc6\xb2\xacS\xee\xe7Ck\x8ab\xb5u=\xbav^\xf0Gl\x14\x08\'\x04\x00@\xca8^!\xde\xb6\x85R*\xb3m\xc6\xec\xff\xbao\xc1\x0b\xc5]\xb22c\xfbj\xcfH\x1b\x1f\xdb\x16\'\xb2Q\xc0\x9b~\xc0\xccpjA\x00\x00\xa4\x80\x16\xdd\x1d\xbc\xa58Zk!\x84\xeb\xca\xdc\xbe\x17\x95\xbd\xf9\xc2\x9dw\xdd\xdc\x18=\xe06\xc6\xcf`\x13\xb7\x13\xd9(\x90\xb8\x00\t\x8f\x02)\x04\x01\x00\x10t^w\x87\xa2\xa2"\xaf\xbb\x83\xeb\xba\xcd\xdd\x1d\xe4M\xd7_[\xf6\xd6\x8by\x97~?\xf6\xf5^!\xb8\xc5\xcf|G\xd5o\xdf(\x90\xb8\x05\x01\x1b\x05R\x08\x02\x00 \xb8Ztw\x989s\xe67\xdd\x1dl!\x95\xea\xd4!\xeb\xe5g\x1f\x99\xfb\xd4o2#Nc\xb4\xc1n\xcdw\xe9|\xcbF\x01\xc6\xbe\xd9\x84LO\'\x8c1\x94\x83\x82\x0f\x01\x00\x10P\xc7\xe9\xee`i\xadi\x99\xff\xa0\x01\x97\xbc\xb7\xe2\x95\xc9\xd7_\xd3XW/\xddo\xba;\xb4\x9e\xe3m\x14\x10\x82{A5i\xd2\xa4i\xd3\xa6\xd1S\x0bV\x07\x05\x1c\x02\x00 \x88h\x00u]w\xda\xb4iGvw\xa0\xf7y\xa9\x9f\xdf\xf2\xd3\xb2\xa5/\\\xd8\xeb\xbc\xd8\xde}I~\x83\xe3\xd1\x1b\x05\xbc7\nx\x8dH\xf3\xf3\xf3\xab\xaa\xaa\x84\x10\xd8(\x10d\x08\x00\x80`\xa1\xb2\xbe\x10\x82&amp;W\x8b\x8b\x8b\x8f\xee\xee\xb0\xfc\xd5\xdf\x17?\xfe\xc0wvwh=\xdfl\x14\xb8z\xd8\xba\x95\xaf\x8e(\x18\xe86\xdf\xec\xd3d\xf5\xda\xb5k\x13\xf7(\xe0Q \x98\x10\x00\x00\x01\xe2-\xf3\x9f;w\xeee\x97]\x96\xd8\xdd\x811\xe6uw(\xbczX\xac\xa6\xf6D\xba;\xb4\x9e\xa6\x8d\x02\xfb\xeaz\x9c\xd5\xb5\xe4\x8d\xe7\x1e\x9bu7mB\xf6\xfa\xd0\x1d\xbdK\xd9\xafC\x85\xe3A\x00\x00\x04E\xe2\xb89u\xea\xd4\xba\xba\xba\xa6\xee\x0e6\xbd\xc4Q\xdc\x7fwsw\x87}u\'\xd5\xdd\xa1\xf54m\x14h80}\xc6\xad\xa5K\x9e\xef}\xc1\xb9RJ!8M`P\x9f"l\x14\x08,\x04\x00\x80\xffts\xc7\xcd\x16\x95\x13z\x89\xa3\xeb\xca\xde=\xcf)]\xf2|\xd1\xac\xbb\xe3\x07\xa9\xbbC\xab\xcf\xf7\x9e\xb8\xa6\x8d\x02{j\xf2\x07\x0f\xf8\xa0\xf4\xb5\x9b\xae\xbfVJE\x1b\x05\xa8o\x046\n\x04\x16\x02\x00\xc0gT\xf69z\xee\xd4{\x89\xe3\xa4\xb1\x85\x95%\xaf\xe4\xe7_\x16\xfbz/\xe7\xa7\xde\xdd\xa1U\xd1F\x81\xf6\x91\xc8\xdc\xa7\xff\xfb\xd9\'ff\xb5k+\x95\xb2\x9b\xfbF`\xa3@0\x05\xf1\x93\x04`\x8e\xc4\xee\x0e\x89\xab\'i\x99\x7ff\xdb\x8cg\x8b\x8b\xe6\xbf\xf4d\xe7\xacv\x8du\xf5\xad\xba\xcc\xff\xf4Qn5\xd6\xee\x9f:\xf5\x7f~\xb0\xf2\xd5A\x03.q\xa5\xe4\x9ckl\x14\x08*\x04\x00\x80?\xbc\xee\x0e\x89/Z\xd1Z7\xbd\xc4\xd1\x95\xb9}/*}\xf3\x85\xa9\xb7\\\xdf\xb8o\xbft\xdd$,\xf3?}M\x1b\x05jj\xfb\xe4\x9c_\xb6\xf4\x85\x9f\xdf\xf2S\xa5\x94\xc6F\x81\xa0B\x00\x00\xf8\xc0{\xd5bQQQ\xe2\xab\x16i\x99\xbf\x94\xea\x8e\x9b\'\x97\xbd\xf9B\xff\xdc\xef\xc7v\xd7$y\x99\xff\xe9k\xda( e\xf1\xe3\x0f`\xa3@\x90!\x00\x00\x92\x8a\xba;\xd0K\x1c\xa9\xbb\x8375j\xdb\xb6\x94\xaaS\x87\xac\xf9s\x1f\x9d\xf3\xe4\x83\x99iNc}\xebvwh=M\x1b\x05jj\xb1Q \xc8\x10\x00\x00\xc9CUo\xea\xa2&lt;p\xe0@\xea\xee\xa0\x94bM\xdd\x1d\\\xea\xee0i\xf2\xd8\xd8\x9e\x1a)UJ\x94}\x8e\xc7\xb2,\xdb\x16\xd8(\x10d\x08\x00\x80$QJQ\xd5{\xda\xb4i\x89\xefQ\xb1\x85PZ\xd3K\x1c\xcb\x96\xcc\xa3\xee\x0e\xd4\xed\xd9\xefC&gt;\x03Nv\xa3\x80\xdf\xc7k\x16\x04\x00@2\xd0\xe8\xbfa\xc3\x86\xfc\xfc|\xea\xee\xd0\xf4zE!\xdc\xe6\xee\x0eE\xb3fp\xa5\xfc\xea\xee\xd0zNj\xa3\x00c\x0cS\x02I\x83\x00\x00hu\xb4\xd2\x7f\xe9\xd2\xa5C\x87\x0e]\xbbv-\xdd\xea\xd20\xe7J9a\xd4\xf0u\xa5\xaf\xd1K\x1c\xfd\xed\xee\xd0\xaaZl\x14h\x9f\xd9V*\xc5\x9a\xe7\xc3i\xa3\xc0\xa8Q\xa3b\xb1\x98\xdfGj\x90p~\xd4\x00\x82\xc6\xb2\xac\xb6m\xdbF\xa3QZ\xed\xc3\x18\xe3\x9c\xb7k\x9b\xf1X\xd1/\x16\xbc4\xa7G\xd7\xce\xb1\xda\xba\xd0\x94}\x8e\'q\xa3\xc0\xdaw^\x1d|\xd9\xa5B\x08\xce9M\x0b\xd3\xac\x80\xe38x\x02H\x1a\x04\x00@\xab\xa3\x97\xe8\x0e\x1d:\xb4O\x9f&gt;t\xc3+\x84PJ\xdd\xff\x8b[\xa7\xdf?-\xb6\xbf.\x1e\x0bVw\x87\xd6\xf3\xcdF\x81&gt;\x17\x94\xbc\xfat\xf7\xb3\xba\xd0d\x00\xf5@\xbd\xf9\xe6\x9b)\x0f\xfc&gt;LS \x00\x00\x92\x81:&lt;\x8f\x1d;\x961\xc69\xa7\x1b\xfd\xbfm\xfbBE\x1b\xe8+\xbe\x1e]\xb2q.T\xdc\xfd\xc7W\xff\xdcSSK\x0f=R\xca\xf6\xed\xdb\xff\xf8\xc7?f\x8c\xa5\xf4\xda\xa7\xd4b\xd6\xc7\x0e\xc0/4\xcc\x15\x16\x162\xc6\x94RR*\xc6\xd8\xb2\xb7\xd7D\xbf\xde\x1bI\x8b\x98V\xf4PJ\xf2\x8c\x8c\xc5%\xe5\xb1X#U\x81\x18c\xb9\xb9\xb9\xd9\xd9\xd9\xf4@\xe0\xf7\x01\x9a\x02\x01\x00\x90\x0c-\xc68\xc6\x18\xe7\xe2\xeb=5\xab+\xd7Y\x19\x19\xa6\x15=\x84\xe0\xea\xd0\xa17\xdeZ\xc5\x18\xd3\xbai\xc4\xbf\xea\xaa\xab\x18\x1a\x04%\x17\x02\x00 \x19h\xd1g\xfb\xf6\xed\xe9!@\x08AU\x9f\x85\xcbV2n\xd6\r\xafR\xdan\xd3f\xf3\xa7[\xaa6~fY\x96RZJ\x19\x89D\xbc\xfa\x98\xdf\x07h\x10\xfc\xac\x01\x92j\xc2\x84\t,\xa1\nTRVYW\xbd\xdb\x89\x18\xb4\xf4E)\xc9\xd2\xd3\x97\xbe\xbd:\x1ew\xa9\xfe\xa3\xb5\xce\xcb\xcb\xcb\xc9\xc9\xa1\xdd\x12~\x1f\xa0A\xf0\xb3\x06H\x12\x1a\xda\xf2\xf3\xf3\x13\xab@\xbbv\x1bW\x05\xa2\xfa\xcf\xa2eG\xd4\x7f\xc6\x8d\x1b\x87\xf5?\xc9\x87\x00\x00H\x12\xaa\x02eee\x1d\xab\nd\xca\x95\xd8\\\xff\xd9\xda\xa2\xfe3z\xf4h\x86\xfaO\xd2\xe1\xc7\r\x90lGW\x81jw\xee2\xa4\n\xa4\x94b\xe9i\x8bK\xca\xe2qW\x08\x8e\xfa\x8f\xbf\xf0\xe3\x06H\x1e\xaf\n\xd4\xbd{\xf7\xe6*\x10\xdf\xb5\xbb\xa6\xea\xa3O\xac6m\x94\n\x7f\x00pn\xb1\xc6xIi%cLk\x8d\xfa\x8f\xbf\x10\x00\x00\xc9\xe3U\x81F\x8c\x18\xc1\x9a\xaa@\x16c\xac\xa4\xfc}f\x0b\xadC&gt;\x02j\xad\x9d\xb4\xc8\xce\xbf\x7f\xb5a\xd3\xdf\x18c^\xfdg\xd4\xa8Q\x0c\xf5\x1f?\xe0\'\x0e\x90TT\xe7\x196l\x18\xfd;\xdd\xf6.^^\x1a\xab\xadwR\xf3\xdd/\'NJ\xc522JJ+\xeb\xea\x1b\xe8=0Z\xeb\x9e={\xf6\xec\xd9Sk\x8d\x00H&gt;\xfc\xc4\x01\x92\x8a\xfa\x1c\x0c\x1f&gt;&lt;33SJ\xa95\xe3\x9co\xfdb\xc7\xfa\xaa\x8fyF\x06\xcd\n\x84\x15\xb7\x18\x93r\xe1\xb2\x95M\xbf\xe4\x9c16z\xf4\xe8H$\x827\x82\xf9\x02\x01\x00\x90T\x96e)\xa5\xbaw\xef&gt;d\xc8\x10\xd6\xdc+_k\xfd\xc6\xf2R\xe68!\xae\x02i\xad\x9d\xf4\xb4\x9d\xdbw\xacy\x7f=cL)E\xb3\xbe\xe3\xc6\x8dc\xcd\xad2 \xc9\x10\x00\x00\xc9Fe\x1fZ\x0b\xc4hc\x14cKV\x94\xc7j\xebB\\\x05j\xaa\xff\x94UF\x1b\x0eR\xfdG)\x95\x93\x93\x93\x9b\x9b\xab\xb5F\x038_ \x00\x00\x92\x8d\x06\xbb\x91#G\x1eQ\x05\xda\xbec}\xd5\xc6\x10W\x81\x8eY\xff\x193f\x0c\xea?&gt;B\x00\x00$\x1b\xdd\xfcfgg\'T\x81,\xad\xf5\xc2\xb7V1\xc7\x0ee\x15Hk\xed\xa4\xa7\x7f\xf5\xf9\xdf\x13\xeb?\x96e\xa1\xfe\xe3/\x04\x00\x80\x0fZT\x81hiPY\xe5\x87\xea\xe0\xa1P\x16C\x94R\xacM\xfa\x07\x1b6%\xd6\x7f\xfa\xf4\xe9\x83\xfa\x8f\xbf\x10\x00\x00&gt;\xf0\xd6\x02eddH)\x95\xd2\x96e}\xf2\xb7m\x9b?\xdbf\xb7I\x0f\xe7\x8e0\x8b-]Q\xce\x18\xb3\xac\xa6\xfaOaa!\xea?\xfeB\x00\x00\xf8\x80n\x81\xcf:\xeb\xac~\xfd\xfa1\xc6\xe8%\x91\xb1\xc6\xf8\xd2\xb7\xcbYz:M\x0b\x87\x86\xd6\xda\x898u\xd5\xbb\xffRZ\xc1\x18\x93R\xd1\x03\xd0\x95W^\xc9P\xff\xf1\x15\x02\x00\xc0\x1fJ)!\xc4\xf8\xf1\xe3\x19c\x96eQ\xe9\x7f\xd1\xb2U\xea\xd0!!Bua*\xa5\xac\x8c\x8c\xd5\x95\xebv\xed\xae\xe1\\\xd0W\xb2\xb3\xb3\x87\x0e\x1d\xca\xb0\x01\xd8W\xf8\xd1\x03\xf8\xa3\xc56(\xaa\x02Um\xfcl\xf3\xa7[\xec\xf0\xf5\x05\xe2\x16\xad\xff\xe1\xbc\xa9\xfcUXXH\x8b\xa0\xf0\x04\xe0#\x04\x00\x80?\xa8\xfdYNNN^^\x1e5B\x10B\xc4\xe3\xee\xd2\xb7W\x87\xa9\n\xe4\xd5\x7fJ\xca*YB\xfd\xc7\x9b\x00\x07\x1f!\x00\x00|\xd3b+l(\xab@\xc7\xab\xff\xe4\xe7\xe73\xd4\x7f\xfc\x86\x9f&gt;\x80o\x8eW\x05\xfa\xdb\xa6\xcd\xa1\xaa\x02Y\xd6\xebG\xd5\x7f\xb2\xb2\xb2P\xff\xf1\x1d\x02\x00\xc07^\x15\x88\x96\xc3{U\xa0\x92\xf2\xf7\xc3Q\x05\xd2Z;\x8e\xdd\xb0\xa7\xe6\xed\xf2\xf7\x19\xea?\xc1\x83\x00\x00\xf0\x13U\x81h@\xa4\xf6\xc8\x8c\xb1U\xef~\xc0\xdc8\xbd* \xa5)\xa5\xad\xf4\xf4\x8f?\xd9\xbc{O\r\xe7\x9c\x16\xbf\xf6\xe8\xd1\x03\xf5\x9f\x80\xc0\t\x00\xf0\x13\xd5@\n\n\n8\xe7RJ\xbaA.\x7fo\xdd\xce\xed\xffp\xd2\xd2R\xfd%\x91Z+\x16\x89,zk\x95T\x8a\x02\x8016`\xc0\x00\xd4\x7f\x02\x02\x01\x00\xe0\'!\x84\xd6\xbao\xdf\xbe999\xf4\x8aD!D\xb4\xe1`IY%K\xfd\xc6p\x8ec\xc7j\xebh\x03\xb0W\xd1\x1a;v,k\xee~\x01\xfeB\x00\x00\xf8LJ\x99\x96\x966f\xcc\x18\x96P\x15Y\xb8l%\x932\xa5\x8b@R*\x9e\x91\xb1\xbe\xea\xe3\xad\xdbwp\xce\xb5fR\xca\xcc\xcc\xcc\xc2\xc2B\xd6\xdc\x0c\x03\xfc\x85\x00\x00\xf0Y\x8b\x17\xa3S\x15h\xcd\xfb\xebwn\xdf\xe1\xa4\xa7p\x15Hk\xc5\x1c\xe7\x8d\xe5\xa54\xbfM\xd96d\xc8\x90\xec\xeclj\x05\xea\xf7\x01\x02\x02\x00\xc0oT\x05\xca\xcd\xcd\xcd\xc9\xc9\xa1\x911\x1cU \xaa\xff,9\xb2\xfeC\xd3\xdd\x14r\xe0;\x04\x00\x80\xff\xa4\x94\x91H$LU\xa0\xe6\xfa\xcf\xc6\x16\xf5\x9f\x91#G2\xd4\x7f\x02\x03\x01\x00\xe0?\xaf\nD\x0b%\xbd*\xd0W\x9f\xff\xddIOO\xc5*\x90\xd6\x8a9\xf6\xc2\xb7Vi\xad9\xb7P\xff\t&amp;\x04\x00\x80\xff\xbc*P\x9f&gt;}\x12\xab@\x1fl\xd8\xc4\xda\xa4\xa7b\xc1D\x08\xa1\x0e\x1e*\xab\xfc\x90%,\xf8A\xfd\'h\x10\x00\x00\x81@U Z!\xc39\xa7[\xe4\xa5+\xcaY\n\xde++\xa5\xed6\xe9\x9b?\xdb\xf6\xc9\xdf\xb6Y\x96\xa5\x94\x96Rfdd\x0c\x1f&gt;\x9c\xa1\xfe\x13$\x08\x00\x80@\xa0\xaa\x08\xbd#E)Es\xbf\x7f)\xad\xa8\xab\xde\xedD\x9c\xd4\xaa\x02)%Yz\xfa\xd2\xb7\xcbc\x8dq!\x04\xd5\x7f\xfa\xf5\xebw\xd6Yg\xa1\xfe\x13(\x08\x00\x80@\xa0Qr\xe8\xd0\xa1T%g\x8cq.v\xed\xaeY]\xb9\xce\xca\xc8H\xad\xb2\x89\x10\\\x1d:\xb4h\xd9*\xc6\x98\xd6M#\xfe\xf8\xf1\xe3\x85\x10\xa9\xf5\x17\t=\x04\x00@ X\x96\xd5b\x9f\x14\xad\x06Z\xb8l%K\xa9\x95@Ji\xbbM\x9b\xcd\x9fn\xa9\xda\xf8\x99W\xff\x89D"\xa3G\x8ff\xe8\xff\x1308\x19\x00\xc1\xe2\xcd\x94R\x15\xa8\xa4\xac2\xb5\xaa@\xcd\xf5\x9f\xd5\xf1\xb8K\xf5\x1f\xadu^^\x1e\xedr@\x00\x04\nN\x06@P\xd0\xe0\x98\x9f\x9f\xdf\xa2\nT\x9eRU !\xc4\xd1\xf5\x1fo\x9f\xb3\xdfG\x07G@\x00\x00\x04\x05U\x81\xb2\xb2\xb2\xbc\xddRt\xbb\xfc\xc6[\xabR\xa5\n\xd4\xb4\xfe\xe7\xd3\xad\xa8\xff\xa4\x04\x9c\x0f\x80\xc0\x998qb\xf3\x8e0\xcd\x18\xab\xf8\xf0\xaf\xb1\xfdQ\xdbN\x81\xd5\x93J)\x96\x96V\xb9\xfe\xa3x\xdc\xa5\xfe?Z\xeb\x1f\xfe\xf0\x87\xa8\xff\x04\x13\xce\x07@\x80\xd0\x109p\xe0\xc0\x0e\x1d:(\xa5\xa8\x8d\xda\xb6/\xff\xb1\xbej#\xcfh\x13\xfc\xbe@\xdcbL\xca7\x96\xad\xa2_R\xfdg\xc4\x88\x11\xa8\xff\x04\x13\x02\x00 @\xe8\xc6\xbfC\x87\x0e\x03\x07\x0ed\x8c5\xddD+\xfd\xc6\xf2U\xcc\x89\xd0[\xe3\x03Kk\xed\xa4\xa7\xed\xdc\xbec\xf5\xfb\xeb\x19c\xd4\xd3\x82s&gt;b\xc4\x08\xd6\x1c\x06\x10(\x08\x00\x80`\xa1\xadR\x13\'Nl\xfe\xa5d\x8c-YQ\x1e\xab\xads\x1c\xdb\xd7C\xfb\x0eR*\x96\x91QRV\x19m8(\x84\xa00\xcb\xc9\xc9\xe9\xdf\xbf\xbf\xd6\x1a\x1b\x80\x03\x08\x01\x00\x10,4P\x8e\x1c9233SJ\xa95\xe3\x9co\xdd\xbec}\xd5\xc7&lt;\xd8\xdd\xa1\xa9\xfe\xb3p\xd9\xca\xa6_r\xce\x18\x1b3fL$\x12\x912\xe5_p\x1fJ\x08\x00\x80`\xa1\x1b\xe7\xec\xec\xec!C\x860\xaf\n\xa4\xf5\x1b\xcbK\x99\xe3\x04\xb6\n\xe4\xd5\x7f\xd6\x1cY\xff\x197n\x1cC\xfd\'\xa8\x10\x00\x00\x81C\xf3\xa5\xb4#\x8c%V\x81\xf6\xd7\t[\xe8@r]\xa93\xda\x1c]\xff\xc9\xcd\xcd\xd5\xa8\xff\x04U\xa0K\x8a\x00fJ\xac\x02E\xa3Q\xcb\xb2\xa8\n\xb4n\xfd\xc7\x83\x87\r\xd6\xf5\r\x96\x08\xdc\xad\x9b\x10\xdc\xd2l\xe1\x9b\xef\xd0/i\xd9\x0f\xd5\x7f\\\xd7\xb5m\x0c5A\x84\xb3\x02\x108\x89U\xa0e\xcb\x96q\xce-\xcbr]w\xe9\xdbk.\xfe\xe1%\x8d{\xf7\x05m&lt;\xd5Z\x0bG\xec\xdfQ]\xb9\xee#\xd6&lt;\x8f\x8d\xfaO\xf0\x05\xebc\x04\x00\x84\n\xe8\xe3\xc7\x8f_\xb6l\x19c\xccu]\xc6\xd8\xecg_z\xf6\x8f\xaf\xeb@6\x05\xb2\x98\xa5\xb4\xaa\x8f\x1e`\xcd\x01v\xe1\x85\x17\xa2\xfe\x13p\x08\x00\x80 \xa2%4\x83\x06\r\x8aD"\xf1x\x9c\xbex8\xd6x8\xd6\xe8\xebq\x9d\x10\xaa\xff\x0c\x1e&lt;\x98\xd6\xff \x00\x02\x0b\x01\x00\x10D4\x86\xe6\xe4\xe4\xe4\xe5\xe5\xad]\xbb\xd6\xb6m)e\xf0k)\x89O\'T\xff\x81 C\x00\x00\x04\x94R\xca\xb6\xedk\xaf\xbd\xf6\xfd\xf7\xdf\xa7\x12P0\x8b?Gs]\xb7k\xd7\xae\xde2V\xbf\x0f\x07\x8e\x0b\x01\x00\x10P4t\x8e\x1d;\xf6\xf1\xc7\x1f\x8f\xc5b~\x1f\xce\x89\x12B\xb8\xae;q\xe2D\xda\xc8\x86\xfaO\x90!\x00\x00\x02\x8a\x02\xa0w\xef\xde\x9b7o\xa6\xfaOJ&lt;\x01P\x9d\xaa]\xbbv\x0c\xef\x7f\x0f&lt;\x04\x00@\xa0i\xad\xb3\xb2\xb2\xfc&gt;\n\x08\'\x04\x00@\xa0\xa5\xca\x8d\xff\xd1\x82?e\r\x08\x00\x80\xa0\xc3H\n\xad\x04\x13\xf4\x00\x00\x86\xc2\x13@\xf2(\xa5\xa4\x94An\xe7\xeb;\xa5\x14\x972E+\x1e\x00)\x07\x01\x90&lt;\xed\xdaf\x88\x0e\xed\xdb0\x8b\x05\xaf\x93WP(\xc52\xdb9\x01kt\x03\x10V\xb8\xd2\x92\x81ni+?\xfc(\xc6\xac\xf8\x81\x83\x9c\xa3\xa4{lZk\xbbM\xfa\x9e}\xb5,u6=\x01\xa4.\x04@2\xd0Xv\xf7\xac\'\xfc&gt;\x90TB\xdd\xd0\xfc&gt;\n\x800C\x00$\x0f\xe7\x16c\xb8\xf7\xffnZ+\xdc\xfd\x03$\x01\x02\xa0\x15q\xce\x85\x10\xd8\x0cy\xb2,\xab\xe9\'F}\xf0\xb1\x08\x12\xa0\x95 \x00ZQCC\x83\x94\x12\xaf\xc3&gt;e\xf4\xa3\xf3\x9a!\x03\xc0\x99\x85\x00h\x15t\xd3:x\xf0\xe0\x8c\x8c\x0c!\x042\xe0\xd4PK\xe4\xae]\xbb2l\x86\x02h\x05\xa9\xba\xcb\x1c\x00\x00N\x13\x9e\x00Z\x91R\xd8\xf3u\x06`\x1a\x00\xa0\x95\xe0\t\x00\x00\xc0PXg\r\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xb2\xfd&gt;\x00\x80d\xd0Z\xd3?I\x8b\xefZ\t\xfc8:\x00\x7fXG_\x0c\x00\xa1\xa1\x94RJY\x96%\x848\xf1\xdf\xcf9\xe7\x1c\x0f\xc7\x10~\x08\x00\x08!\x1a\xc7m\xfb\x88\x07\xdc\xdd\xbbw\xef\xdc\xb9s\xcf\x9e={\xf7\xee\xad\xaf\xafoll\xd4ZG"\x91\xf6\xed\xdbw\xeb\xd6\xed\xec\xb3\xcf&gt;\xf7\xdcs322\xbc?\x811\x86\x18\x80p3=\x00\xa4\x94\x9cs&lt;\xf8\x87\x83\xd6\x9a\xee\xf7\xbd\x81\xfb\xd3O?]\xb3f\xcd\xbb\xef\xbe\xbbq\xe3\xc6/\xbf\xfc\xb2\xae\xae\xeex\xff\xadm\xdb\xdd\xbbw\xbf\xf4\xd2K\x87\x0f\x1f~\xf5\xd5W\xf7\xea\xd5\x8b\xe1\xe3\x11v8\xbfF\x07\x80\xd6\xda\xe4s\x1f2RJ\xaf\xce\xf3\xd9g\x9f-\\\xb8p\xf1\xe2\xc5\x1b6l\x90R&amp;\xfe6\xfa=\x89\xe7\x9df\x05\xe8\x96\x9fddd\x8c\x1e=z\xc6\x8c\x19\xfd\xfb\xf7g\x8cQQ(\x19\x7f\x07H"\\\xfe\xcc\xe4\x00\xa0\xd3\xff\xd4SO]\x7f\xfd\xf5YYY\xec\xc8A\x01R\x0b\x9dM\xa5\xd4\x92%K\x9e}\xf6\xd9\xb7\xdf~\xdbu]\xfa\x16\x15\x82\x94R\xc7\x9c\xfe\xf5$\xce\x03\xd3\x7fk\xdb\xf6]w\xdd\xf5\xd0C\x0f\xa5\xa5\xa5!\x03B\x06\x97?14\x00\xa8P\xb0}\xfb\xf6\x9c\x9c\x9c\xe7\x9e{\xeeg?\xfbY\xe2\xfd#\xa4\x16\xfa\x0c\xbf\xf2\xca+\x8f=\xf6XUU\x15}\xd1\xb6\xed\xef\x1c\xf4\x8f\x87\x8aH\xf4\x9f_~\xf9\xe5\x0b\x16,\xc8\xce\xceF\x06\x84\x06.\x7f\x8f\xa1\x01@\xe7\xbb\xb0\xb0p\xc5\x8a\x15=z\xf4\xf8\xf8\xe3\x8f;t\xe8\x80U\x80)\x8a\x86\xe6\xe1\xc3\x87\xbf\xf3\xce;\x91HDJIc\xf7\xd1\xbf\xf3\x98k=\xbfem\xa8m\xdb\xf1x\xbc_\xbf~\xabV\xad\xea\xdc\xb933\xf5&gt;1dp\xf9{L\xbc\xa3\xa1\xd3\xff\xdak\xaf\x95\x94\x948\x8e\xb3s\xe7\xce\xc7\x1f\x7f\x9c\xee\xf8\xfc&gt;48\x154v?\xf8\xe0\x83B\x08\xd7u\xa5\x94\x89\xa39\xad\x01\xb5m\xdb\xb2,\xaa\xf5\xcb#QZ\x08!Z\xdc\xe0k\xad\xe3\xf1\xb8\xe38\x1b7n\x9c&lt;y2\xfd\xb7f\xde0\x85\t.\xffD\xc6=\x01\xd0\xbd\x9e\xeb\xba}\xfb\xf6\xdd\xb6m\x1b\xe7\\km\xdb\xf6\xa6M\x9bz\xf7\xee\x8d\xc7\xfc\x14E\'n\xc8\x90!k\xd6\xac\x11B\xd0\xc4/=\xd4\'N\x02w\xea\xd4\xa9G\x8f\x1e\x9d;w\xce\xcc\xcc\x8cD"\xf1x\xbc\xae\xae\xee\xab\xaf\xbe\xda\xb1c\x07\xd5\xfd\x85\x10G\x8f\xf2\x8e\xe3\xc4\xe3\xf1\xc7\x1e{l\xfa\xf4\xe9\xc6\xd6\n\xc2\x01\x97\x7fK\xda0\xae\xebj\xad\x1f~\xf8a\xd6&lt;@\xd0?\'L\x98\xe0}\x17RN&lt;\x1e\xd7Z\xff\xf9\xcf\x7f\xa6\x13\x9a\xb8\x03\xa0}\xfb\xf6\xa3G\x8f\xfe\xdd\xef~\xf7\xe1\x87\x1f\xd6\xd4\xd4x\x13\x03\x9e\xc3\x87\x0f\x7f\xf6\xd9g\xbf\xfd\xedoi\xcd\x0f;\xaa\xceC\xfb\xc2:v\xec\xf8\xf5\xd7_\xd3\x0e\x03?\xfe\x8ap\x06\xe0\xf2o\xc1\xac\x00\xa0G\xfe\xea\xea\xeaN\x9d:%\xae\xff\xa5\x0fAYY\x996\xf2C\x10\x0eJ\xa9x&lt;\xde\xb7o_o\xe0\xbe\xfc\xf2\xcb\x9f~\xfa\xe9\x7f\xfc\xe3\x1f-~\xa7\x94\xd2mF\xf5"\xe2\xba\xee\xec\xd9\xb3#\x91\xc8\xd1\xe5`J\x94G\x1eyD7\x87\r\xa4\x1c\\\xfeG3+\x00\xe8\xec\xdex\xe3\x8d\xdeY\xf7n\xf1,\xcb\xea\xdf\xbf\xff\xe1\xc3\x87\xbd\xa20\xa4\x16\x1a\x97\x9f}\xf6\xd9\xf4\xf4\xf4)S\xa6TTTx\xdf\x92R\xc6\xe3q:\xb3G\x9f\\\x9a\x15\x88\xc7\xe3\xf4\xad\xa5K\x97:\x8e\xd3b\x7f\x90\x10\xc2\xb2\xac\x1f\xfe\xf0\x87x\x02H]\xb8\xfc\x8ffP\x00\xd0\xbd\xde\xfa\xf5\xeb#\x91\x88wy{\xf7z\xf4\x81\x987o\x9e6\xef. L\x1a\x1a\x1a6o\xdeL\xffN\xcf\x04\'~=+\xa5b\xb1\x98\xd6\xfa\xd7\xbf\xfeu\x8b1\x82&gt;$iii_~\xf9\xa5n\xfe,A\n\xc1\xe5\x7fL\x06M\x02\xd3d\xe0\x15W\\\xe1\xcd\x13\xd2\xb2\x10\xfa.}\x14\xbau\xeb\xf6\xc9\'\x9f\x18\xbb&amp;,4\xe8\xe4\x9e\xc2\x84\x1e-\x05\xa9\xaf\xaf\xcf\xc9\xc9\xa9\xa9\xa9I\xfc\x84\xd0B\x91e\xcb\x96]}\xf5\xd5\x98\nN9\xb8\xfc\x8f\xc9\x94)o\xbab_~\xf9\xe55k\xd6\xd8\xb6M=@\xb4\xd6\xbf\xb9\xf7\x8es\xbe\x97\xed\xdd\x0e\xec\xda\xb5\xcb\xe45a!\xa0\xb5VJ\x1d\xbd\xa6\xf3\x04\xd1\xa7\xa2C\x87\x0eC\x86\x0caG\x15\n\x18c_~\xf9%k^x\n\xa9\x02\x97\xff\xf1\x18\x11\x00Zk\xcb\xb2\xea\xea\xea\x8a\x8a\x8a\xa8a\x80\x10\\)5\xf0\x87?\xb8\xef\xe1{g\xdc\xf6\xbf\xb4\xd6t\xd69\xe7\x8f&gt;\xfa\xe8\xd6\xad[i9\xa0\xdf\x07\x0e\'\xed\xd4n\xfc\x13\xd1\xa3q\xe2dr\xa2}\xfb\xf6\x9d\xce\x1f\x0e\xc9\x87\xcb\xff[\x18\x11\x00\x14\xf8\xc5\xc5\xc5\x9f\x7f\xfey\xf3Bo\x16\x898\xb3\x1f\xfc\xa5\xaa\x8f\xde2e\xd2\x85\xbd\xce\xa3\xdd\xe1\x96e566\xfe\xe7\x7f\xfe\'\xc3]\x9e\xc1,\xcbj\xdf\xbe\xfd1\xbf\x15\x8f\xc7\x93|0p\x9ap\xf9\x7f\x8b\xf0\x07\x00\x15\x04\xb6o\xdf\xfe\xc4\x13OP\xed\xcf\xb6\x85R\xea\xba1\x85\x03\n~\x14\xab\xdd\x9f\x9e\xd9v\xf6\x83wk\xad-\xeb\x9b]\x82\xe5\xe5\xe5\xde~"0\xd0\xf1\x06\xfaH$\x92\xe4#\x81\xd3\x81\xcb\xff\xdb\x85?\x00\xe8\x01\xf0\x97\xbf\xfc\xa5\xd7\x0b^)\xd5\xa9c\xfb\xff\xfa\xf5\xcfe}\x83\x1dq\xe2\xf5\xd1\xc2\xab\xaf\x1c&gt;\xf4GR*!8\xfd\xfe_\xfc\xe2\x17\xb1X,q\x9a\x08\xcc\xa1\xb5\xae\xae\xae&gt;\xe6\xb7\xa8#\x10\xa4\n\\\xfe\xdf.\xe4\x01@\x91^^^\xfe\xfa\xeb\xafS\xa4\x0b\xce\x95\xd2\xd3\xa6^\xdf#\xe7|y\xf80\xb7,\xc6\x98\x96r\xf6\x83\xf7\xd8\xb6\xd0\xba\xa9\xa9\xc0\xfa\xf5\xeb\xe7\xcf\x9fo\xd4t\x10\x10Z#\xf8\xd1G\x1f\xb1#\xeb\x00\xf4I8\xff\xfc\xf3\x19Z\xc2\xa5\x08\\\xfe\xdf)\xcc\x11G\xb3y\xf1x|\xf0\xe0\xc1UUUt\xd1j\xad{_p\xee\xc7k\xde\x10Z3\xcd\xe8B\x96\xae\x8ct\xea\xf0\xef\xff\xf1\xab\xa7\xe6-\xa0*\xa1\x99k\xc2\x80N\xfdW_}u\xd1E\x17\x1d:t\x885g\x00\xdd\x0c\xa6\xa7\xa7o\xde\xbc\xf9\xdcs\xcf5\xb1iL\xaa\xc1\xe5\x7f"\xc2\xfc!\xa6\xabt\xfe\xfc\xf9\xeb\xd7\xaf\xa70\xb7,\xa6\xb5\x9e\xfd\xe0\xddi\xed2\x94\x94\xdei\xe5\x82\xab\x83\x07g\xdd{G\xc7\x0eY\x94\xf9f\xae\t\x03\xba\xf8\x8b\x8b\x8b\x0f\x1e&lt;(\x84H\xdc\x04`Y\xd6\x0f~\xf0\x83s\xce9\x87\x16\x8d\xf8{\x9c\xf0\x9dp\xf9\x9f\x88\xd0~\x8e\xa9\x96\xb7o\xdf\xbe{\xef\xbd\x97\xce\xa2\x10\\J5|\xe8\x8f\n\xaf\xbe2^\x17m\xb1\xcf\xd3=\xdc\xd8\xf9\xec\xec\xa2\x19\xb7\x99\xbc&amp;\xccp\xae\xeb\xda\xb6\xbdn\xdd\xba\xdf\xfd\xeew\x9c\xf3\x16s\x80Z\xeb\xc9\x93\'[\x96e\xc2\xdc`\xaa\xc3\xe5\x7f\x82B\x1b\x00t\n\x1f\x7f\xfc\xf1]\xbbv\xd1\xf3\xbb\xd6\xcc\xb6\xc5\xec\x07\xef\xd1\xc7\xba\x80\xb9\x10n]\xf4\xd6\x9b&amp;\x9b\xbc&amp;\xccdRJ\xdb\xb6\xbf\xfe\xfa\xeb\xeb\xae\xbb.\x16\x8b\xb1\x84\x93N\x9b\x86\xbau\xebv\xc3\r7h\xad\xb1\x078\xf8p\xf9\x9f\xa0p\x06\x00\x9d\xfe\xcd\x9b7?\xfa\xe8\xa3t+G1~\xcbO\xc7\xfd\x8f\xbc\xbe\xf1\x86\x83G?\xc2[\x16SRF2\xda\x98\xbc&amp;\xccXt\xaew\xef\xde}\xf5\xd5W{\xab\xc5\xbd\xef\xd2-\xe1\xacY\xb3:v\xecH\xa3\x83\x8f\x87\n\xdf\t\x97\xff\x89\x0b\xe7$0\x9d\xbc\x91#G\xaeX\xb1\xc2\x9b\xd5\xe9\xda\xa5\xe3\'k\xfe\xdc\xb1C\xa6\x8a\xbb\xc7\xbb\x86\x95RNf\xbb\x11c\xa6\xbc]\xfe\xbe\x10\x9c\x9a\xe5\xe5\xe5\xe5UTT8\x8e\x13\xee\xe9 cQ\xe5\xe7\xcb/\xbf\x1c5j\xd4\xa6M\x9bZ\\\xed\xb6m\xbb\xae;r\xe4\xc8\xe5\xcb\x97\xd3\xa2r\x1f\x0f\x15N\x04.\xff\x13\x17\xc2\'\x00:\xfd+V\xac\xa0\xd3O\xfb\x00\x95R\xbf\xb9\xf7\x8e\xcegg\xc7\x0f\xc7\xbe\xfd,\x9a\xbc&amp;\xcc@4\xfa\x7f\xf8\xe1\x87C\x87\x0e\xdd\xb4i\x135\x8a\xf1\xbeK\xa3\x7f\xaf^\xbd\xfe\xf8\xc7?2\xac\xfeL\x05\xb8\xfcOJ\xd8\x9e\x00h\xed\x97R\xaao\xdf\xbe[\xb6l\xf1\xd6~\xe5\xf6\xbb\xa8\xa2\xe4O\xb6R\x8c}\xc7El\xf2\x9a0\xa3xm\xe3\x16.\\x\xe3\x8d7644\x1c\xf3\xde\xff{\xdf\xfb\xde\xca\x95+\xfb\xf4\xe9\x83\xa5\x9f\xc1\x87\xcb\xffd\x85\xed\x03MW\xe93\xcf&lt;\xb3y\xf3\xe6\xe6\xb5_\x96\xd6\xfa\xff\xde?-\xbdm[%\xd5w\x9e=\x93\xd7\x84\x99\x83&gt;\x18B\x88\x87\x1f~x\xfc\xf8\xf1\r\r\r-\x96\xfdx\xf7\xfe\xabV\xad\xea\xd3\xa7\x0f\xddH\xfax\xc0p"p\xf9\x9f\xacP=\x01\xd0\xe9\xd9\xbd{\xf7\xc5\x17_\\WWG+\xba\xa4\x94\xe3\xff\xf5\xc7\x0b^\x9a\xe3\xd6G\xf9\x89\x15p\xa5+#\x9d;\xcc)\x9e{\xe7\xaf\x1e\xf1\xee\x02\x8c~st\xb8\xd0\x19&lt;|\xf8\xf0M7\xdd\xf4\xf2\xcb/\xd3"\x9f\xc4\x0b\x81F\xff\x01\x03\x06,Z\xb4\xe8\xec\xb3\xcfF\xf7\xff\x94\x80\xcb\xff\x14\x84\xe7o\xc2\x18\xa3S~\xdf}\xf7\xd5\xd6\xd6\xd2U\xcd\xb4\x8eD\x9c\x87\xee\xbd\xc3R\xea\xbb\x1e\xfe\xbea\xec\x9a0\x13\xd0\x05\\[[{\xd5UW\xbd\xfc\xf2\xcb\xb6m\'\x8e\xfe\xf4X\xe0\xba\xee5\xd7\\\xb3r\xe5J\x8c\xfe)\x04\x97\xff)\x08O\x00x36\xaf\xbc\xf2\n\xe7\xdcu]!\x84Tj\xfa\xad?\xed\x93\xfb\xfd\xc6h\xc3\x89\xe7\xb6\xb1k\xc2B\x8f\xf6\x07\xed\xdf\xbf\xbf\xb0\xb0\xb0\xac\xac\xccq\x1cz\xff\x1f}\x97F\r)\xe5}\xf7\xdd\xb7h\xd1\xa2\xcc\xccL,\xfbI\x15\xb8\xfcOMxJ@t\x92\n\n\n\xe8$i\xad\xb4f\x17\x9cw\xf6\xbaU\x0b\xda\xb5IgR\x9e\xec\xec\x8d\x81k\xc2\xc2\x8d\xa6\x07\xb5\xd6\x85\x85\x85+W\xaet\x1c\'\xb1\xe73]\xd8\x19\x19\x19\xcf=\xf7\xdcu\xd7]\xe7\xdd\xfa\xf9x\xc0p\xe2p\xf9\x9f\x9a\x90&lt;\x01\xd0\xe9\x7f\xfd\xf5\xd7\xbd\x88\xb6,\xae\xb5\xfe\xd5]7w\xc8\xee*\x1b\x1bO\xedl\x99\xb6&amp;,\xdc\xe8v\xfe\x9e{\xee9\xde\xe8\xff\xbd\xef}o\xd5\xaaU\xd7]w\x9d\xeb\xba\xde{\xc3!\xf8p\xf9\x9f\xb20&lt;\x01\xd0\x9d]CCC^^\xde\x17_|A\xd9,\xa5\xba\xfcGy\xa5o\xbe\xa8\x0e\x1d:\xe5I\x1b\xd3\xd6\x84\x85\x18\x8d\x11\x15\x15\x15\xf9\xf9\xf9\xb4\xd8\xdf\xfb\xe4\xd3\x90q\xe1\x85\x17\xbe\xf5\xd6[\xbdz\xf5\x8a\xc7\xe3\x8e\xe3\xf8{\xb4p\xe2p\xf9\x9f\x8e0&lt;\x01\xd0\xb5]\\\\\xbc}\xfb\xf6\xe6M\xfc\x96eYE3n\xe36\xbd\x01\xee\x141n\xc9\x03\x07\x8b~\xf9\xef\x1d\xb22MX\x13\x16bt\xad\xfe\xfa\xd7\xbff\xcd\xab\xc5\xe9\xeb\xb4P\xe4\xc2\x0b/\\\xb9re\xaf^\xbd\\\xd7\xc5\xe8\x9fZp\xf9\x9f\x8e\x94\x7f\x02\xa0X\xde\xbe}{\xff\xfe\xfd\xa3\xd1\xa8n^\xfb\xf5\xb3\xc9c\x9f\x9b\xf7\x84\xda\xbb\x8f\xdb6c\xa7\xfcw\xb4\x94\xeb\xf2N\x1d~?\xfb\xb9\xdb\xef\xfd\x8d\x10\\)\x1d\xe25aaE\xa7i\xc3\x86\r\xfd\xfb\xf7\xb7,\xcb\xbbti\xd6\xb7s\xe7\xce\x95\x95\x95\xbd{\xf7\xa6]\xc1\xfe\x1e*\x9c\x14\\\xfe\xa7)\xe5\x03\x80\xf2\xff\x86\x1bnx\xf1\xc5\x17\xbd\x1e^\x9d;u(\xff\xf3\xff\xcb\xce\xee*\x1b\x1b\xb9uZgH3mY\x96dl\xd0U\xff\xf6\xf9\x97\xff\xe0\xdc\xb2,.\xa5\x9c0a\xc2\x82\x05\x0b\xb0F0%\xd0\xc8&gt;s\xe6\xcc\xa2\xa2"Z\xe3O_\xa7\xfb\xb8E\x8b\x16]s\xcd5\xa8\xfc\xa4"\\\xfe\xa7)\xb5\x03\x80N\xc0\xea\xd5\xab\x87\r\x1bF\xbf\xa4\xaf\xa7\xa5E2\xdb\xb5u\xe3q\xcb\xb2\xce\xc0_O3\x8b\xf3C\x87\x0e\x1f\x8e\xc5\xe8\x0bT5.++\x1b:th\x08&gt;\x04\xa1Gwj\xc3\x87\x0f\x7f\xe7\x9dw\xbce|\xf4/#F\x8c())\xc1\xbd\x7f*\xc2\xe5\x7f\xfaR&gt;\x00,\xcb\xba\xe2\x8a+V\xaf^\x9d\xcc\xf5\xb9T:\x08\xdf\x9a\xb0P\xd2Z\xd3F\x9e\x8b.\xba\xe8\x8b/\xbe\xf0\xaa\xb7\xf4\x81Y\xb8p\xe15\xd7\\C/\x03\xf0\xfbH\xe1\xe4\xe0\xf2?})\\\xc0\xa2\xec}\xe9\xa5\x97V\xaf^m\xdb\xb6\xb7p\x9b\xf03-\xf1\x0f\xd7Z\x0b!\xd6\xaf_\xff\xea\xab\xaf\x86f:(\xdc\xf6\xef\xdf\xbfw\xef^\x96\xf0\x8e_)e\x9b6m\xfe\xe5_\xfe\x85v\xff\xfa}\x80prp\xf9\x9f\x11\xa9\xfa\x04@\x87\xbdg\xcf\x9e\x8b/\xbe\xb8\xa6\xa6\xc6\xaf\xc3\xe8\xdc\xb9\xf3\xa7\x9f~\xda\xb5kW\x86^\xc1AE\xf5\x9fm\xdb\xb6]|\xf1\xc5q*\x0b4\xbf\xf6\xafw\xef\xde\x9f~\xfa)u\x83\xc0\xe9K!\xb8\xfc\xcf\x94T}\xec\xa5M=\xf3\xe6\xcdkll\xec\xd2\xa5\x8b\xeb\x1e\xf7%\x0f\xadDkm\xdbv,\x16\x9b7o\xde=\xf7\xdc\x93\xea\xa5\xc0\xd0kllL,\x11\xd0\xa7\xa5S\xa7N\x18\xfdS\x11.\xff3%U\x9f\x00\xc8\xbe}\xfb\x84\x10\xf4WH\xf2_\x84&gt;pTI\xe8\xd4\xa9S2\xff\xd7pR\xe8\t\xe0\x93O&gt;\xb9\xe4\x92Kh\xac\xa7Gx)e~~~yyy\x08\x16\xf3\x99\t\x97\xff\xe9K\xd5\'\x00\x92\xd2?zH&amp;\xa5T\xe2\x13\x00\xd5m\x0f\x1e&lt;\xe8\xdf\x11\xc1\xe9\xc2\xe5\x7f\xfaR;\x00\x02\xf2\xf8\x82\x02B\x90\xd1\xd9\xb9\xe0\x82\x0bV\xadZ\xd5\xe2[\xed\xdb\xb7g8})\x0b\x97\xff\xe9K\xed\x12\x10\x00\x00\x9c\xb2\xd4~\x02\x008AZ\xeb\xa3\x97\xeb\xd1zA_\x8e\x07 \x08\xf0\x04\x00\x00`(\xdc\xfe\x00\x00\x18\n% 0\x85n~#\x18\xad\x04e\x8c\t!Rz\x06\x0f\xe04\xa1\x04\x04F8\xdeb\xff\xd4\xdd\xc2\x03p\xfa\xf0\x04\x00\xe1G\xa3\x7f&lt;\x1e\x7f\xeb\xad\xb7***v\xef\xde\x9d\x99\x99y\xe9\xa5\x97\x8e\x1a5\xaa[\xb7n\xd8\x08\x06\xc6B\x00@\xc8\xd1\xf8\xfe\xd1G\x1fM\x992e\xc3\x86\r\x89\xdf\xea\xd6\xad\xdb#\x8f&lt;r\xc3\r7 \x03\xc0L(\x01A\x98y]\xc3.\xbd\xf4\xd2\xea\xea\xea\x16=\x9f\xe9\xcd0K\x97.\xfd\xd7\x7f\xfdW\xd4\x82\xc0@\xb8\xeb\x810\xa3\x96\xf1\xcf?\xff|uuu$\x12q\x8fd\xdb\xb6eY\x0f=\xf4\x10\xfa\xc1\x81\x99\x10\x00\x10f4\xac\x97\x97\x97S\xdf\xae\x16\xdf\x95Rj\xad7n\xdcX]]\xcd9\xc7\xd30\x98\x06\x01\x00aFU\x9d\xdd\xbbwk\xad\x8f\x1e\xdf\xe9+\x07\x0f\x1e\xdc\xb5k\x17\x0bLo\x19\x80\xa4A\x00@\xf8}\xcb;\x9b\xe8\x11\x81~\x03\x02\x00L\x83\x00\x800\xa3\x91\xbd}\xfb\xf6\xc7|q+\xed\x08s\x1c\xa7c\xc7\x8e,\xc5\xdb:\x02\x9c\x02\x04\x00\x84\x19\x05@^^\x1e\xbd\x06\xb2\xc5w\xa9\x19\xdcy\xe7\x9dw\xee\xb9\xe7\x1e\xf37\x00\x84\x1b&gt;\xf1\x10f4\xa6\xdfx\xe3\x8d\x96ey\xcb~\x88\x10\x82^&amp;~\xeb\xad\xb7:\x8es\xf4\x141@\xe8!\x00 \xcc\xe8\xe5\xef\xfd\xfa\xf5{\xf2\xc9\'\xb5\xd6\xae\xeb\xeafR\xca\xc6\xc6\xc6\xc9\x93\'\xdfu\xd7]\xf4\x8eY\xbf\x0f\x16 \xd9\xb0\x11\x0c\xc2\x8f6\xfa\x96\x95\x95\xcd\x9e=\xfb\x83\x0f&gt;\xa8\xab\xab\x8bD"\x17_|\xf1M7\xdd4e\xca\x14\xc6\x18\xf6\x01\x80\x99\x10\x00`\x04\xaf\xd9C4\x1a\xad\xaf\xafOKK\xeb\xd2\xa5\x0b\xc3\xd0\x0ffC\x00\x80)hW\xb07\xd3K\xdd\xa1Q\xf9\x01\x93!\x00\xc0,4\x01p\xccU\xa1\x00\xa6A\x00\x00\x00\x18\n\xab\x8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e\xfb}\x00\x00\xe1\xa4\xb5\xd6Z\xfb}\x14a\xc09\xeeS[\x8b\x85\xcf(\x00\x80\x99\xf0\x04\x00p\x86)\xa58\xe7\x7f\xfd\xeb_\xa7O\x9f\xce9WJ\xf9}D)I\x08!\xa5\xcc\xcd\xcd}\xec\xb1\xc7\xb4\xd6\x96e\xf9}D!\x84\x000\x9a\x94\x921&amp;\x84\xf0\xfb@B\x85\x9e\xaa\xf7\xec\xd9SZZ\xea\xf7\xb1\xa4\xbc\x83\x07\x0f2\xc6\x10\x00\xad\x04\x01`(\x1a\xa4h\xe8\x97Rr\xceq\x81\x9dY\x8e\xe3\x08!\xf0\x04p\xca\xe8\t\xa0]\xbbv~\x1fH\x98!\x00L$\xa5\xa4\xa1\x7f\xf6\xec\xd9\xe7\x9f\x7f\xfe\x981cXs\xe1\xc2\xefC\x0b\x0f\xad\xb5\x94RkM\x01`Y\xcc\xb2\xf0\xe3=\x11Z\xa9\xa6\x89I)%\xe2\xb3U!\x00\xccB\xa3\x92m\xdb\xff\xfc\xe7?\xa7O\x9f\xfe\xea\xab\xaf2\xc6\x1ex\xe0\x81_\xfd\xeaW\xb6m\xbb\xaek\xdb\xf8H\xb4\n\xad\x99\xd6\x18\xcb Xp\xb5\x1b\x84\xee\xf1m\xdb.))\x992eJuu\xb5m\xdbJ\xa9\xa2\xa2\xa2w\xdey\xe7\xf9\xe7\x9f\xef\xdd\xbb\xb7\xeb\xbaB\x08\x94\x83\xce \xaa\x02]\xda\xb7\xcf\xe3\xbf\xb9\xd7=t\x18?\xdb\xe3QJ;m3\xd6\x7f\xf8\xd7\xbbg=\x81\x9fRr \x00LAw\xf7\xae\xeb&gt;\xf4\xd0CEEE\x8c1\xfa%\xfdKEE\xc5\xc0\x81\x03\x9fz\xea\xa9\x89\x13\'2\x94\x83\xce(\x1a\xcb\xbav\xeax\xc5\xd5W\xb2h\x03\xc3\x0f\xf6x\xa4b\x1d\xb2\xd2\x98f\xcd?4hm\x08\x80\xf0\xa32\xb4m\xdb[\xb7n\x9d2eJEE\x05\r\xee\xae\xeb\xdaBh\xa6\xe9\xae\xbf\xa6\xa6f\xd2\xa4I\xef\xbe\xfb\xee\xc3\x0f?\x9c\x99\x99\x89r\xd0\x99\x15w]\xb9\xbf.\xdep\x10\xc9z&lt;R\xaa\x08\xd3\r\x07\x0e\xfa} \x06\xc1\x15\x1er4\xdf+\x84\x98?\x7f\xfe\x1dw\xdcQSSC7\xfe\xb4\xec\xc7\xa5e\xa0\x9cK)-\xcb\xe2\x9c\xcf\x993\xa7\xa2\xa2\xe2\x0f\x7f\xf8C^^\x1eV\x07\x9dA\x96e\t!\x94\xe0\x08\x80oA\xeb\xa6\xfc&gt;\n\x83\xe0g\x1dftk\x1f\x8dF\xa7N\x9d:y\xf2\xe4\x9a\x9a\x1a!\x04\xdd\xf8+\xa5\xb4\xd6\x0f\xdc}\xdbO\xc7\xffD*eY\x96eY4?\\UUUPP0g\xce\x1c\x9a\x0c\xa0\xbd\x02\x00\x10&gt;x\x02\x08\'Z&lt;g\xdb\xf6\xda\xb5ko\xbf\xfd\xf6\xaa\xaa*!\x84R\x8ajA\xae\xeb\xf6\xeey\xce\xec\xff\xf3\x9fW\x8d\x1a\xc1b\xb1\xbcK.\xbeg\xe6c\xaeT\x14\x0f\x9c\xf3h4z\xe7\x9dw\xbe\xfb\xee\xbbO=\xf5T\xe7\xce\x9dQ\x0e\x02\x08%&lt;\x01\x84\x10\x95n8\xe7\xc5\xc5\xc5\xf9\xf9\xf94\xfaS\x91Gk\xed\xba\xee\x84\xd1#*W\xbcr\xd5U\xc3\x0e\x7f\xbd;\x1em\x986\xed\x965\x7f\xf9Sn\xdf\x8b\xa8^D\xbb.m\xdb^\xb0`\xc1\xa0A\x83***h\xb1\x10Vd\x03\x84\x0c\x02 Th|\x17BTWWO\x9a4i\xda\xb4i\x14\x06RJ\xdb\x16J\xa9\xcc\xb6\x19\xb3\xff\xeb\xbe\x05/\x14w\xc9\xca\x8c\xed\xabu\x1c\x87s\x1e\xab\xd9\xf7\xa3\x01\x97\x96\xbd\xf5\xe2M\xd7_K{\x97\xb8e\xd1]\xff\x96-[\n\n\n\x8a\x8a\x8a(QP\x0e\x02\x08\x13\x04@x(\xa5\xe8\xce\xbd\xa4\xa4\xa4\x7f\xff\xfe\x0b\x16,\xb0m\x9b\x9a\x12\x0b\xc1]W\xe6\xf6\xbb\xa8\xf4\xcd\x17\xee\xbc\xeb\xe6\xc6\xe8\x01\xb71\xeeUul\xdbn\xac\x8ffF\x9c</t>
        </is>
      </c>
    </row>
    <row r="116">
      <c r="A116" s="1" t="n">
        <v>114</v>
      </c>
      <c r="B116" t="inlineStr">
        <is>
          <t>polygon_sides_number</t>
        </is>
      </c>
      <c r="C116" t="inlineStr">
        <is>
          <t>What is the missing number of the part denoted with a question mark?</t>
        </is>
      </c>
      <c r="D116" t="inlineStr">
        <is>
          <t>[8, 9, 7, 4]</t>
        </is>
      </c>
      <c r="E116" t="inlineStr">
        <is>
          <t>8</t>
        </is>
      </c>
      <c r="F116" t="inlineStr">
        <is>
          <t>There are 6 numbered polygons arranged in a triangle with number [9] in the top row, [4, 5] in the middle row, and [3, 6, '?'] in the bottom row.</t>
        </is>
      </c>
      <c r="G116" t="inlineStr">
        <is>
          <t>We observe that the polygon with 9 sides has the number 9, the polygon with 4 sides has the number 4, the polygon with 3 sides has the number 3, the polygon with 6 sides has the number 6, and the polygon with 5 sides has the number 5. Thus, the pattern is that the number inside the polygon represents the number of sides the polygon has.</t>
        </is>
      </c>
      <c r="H116" t="inlineStr">
        <is>
          <t>Based on the pattern that the number inside the polygon represents the number of sides of the polygon, the missing number of the polygon with 8 sides should be 8.</t>
        </is>
      </c>
      <c r="I116" t="inlineStr">
        <is>
          <t>b'\x89PNG\r\n\x1a\n\x00\x00\x00\rIHDR\x00\x00\x02\x00\x00\x00\x02\x00\x08\x02\x00\x00\x00{\x1aC\xad\x00\x00\x96|IDATx\x9c\xec\x9dw|TE\xd7\xc7gn\xd9\xbe\xd9M\xa5\xf7\x0e\x01\xa5(Mi!\xf4.M!R\x04\xe2\x83\x824\xe9\x08HQQA\x11\x91\xde\x8bt\x90\xde\x9b \x1d!4\xa5wH\xd9\xddd7\xdb\xee\x9d\x99\xf7\x8f\x815/M\xc0d\xeb|\x9f\xe7\xe3\x87\xdc\xbd\xd9\xcc\xee\xbd\xf7\xfcf\xce9s\x0e$\x84\x00\x06\x83\xc1`\x84\x1e\x9c\xaf\x07\xc0`0\x18\x0c\xdf\xc0\x04\x80\xc1`0B\x14&amp;\x00\x0c\x06\x83\x11\xa20\x01`0\x18\x8c\x10\x85\t\x00\x83\xc1`\x84(L\x00\x18\x0c\x06#Da\x02\xc0`0\x18!\n\x13\x00\x06\x83\xc1\x08Q\x98\x000\x18\x0cF\x88\xc2\x04\x80\xc1`0B\x14&amp;\x00\x0c\x06\x83\x11\xa20\x01`0\x18\x8c\x10\x85\t\x00\x83\xc1`\x84(L\x00\x18\x0c\x06#Da\x02\xc0`0\x18!\n\x13\x00\x06\x83\xc1\x08Q\x98\x000\x18\x0cF\x88\xc2\x04\x80\xc1`0B\x14&amp;\x00\x0c\xc6\xb3!\x84`\x8c}=\n\x06#\x07\x81\xac\'0\x83\x01\x00 Y\x80\x10r\x1c\x07!\x04\x00 \x84&lt;\xfff0\x82\x0c&amp;\x00\x8c\x10\x85N\xf0\xe9\xfd\xcfq\x1c\xc7=\xb9\x1a6\x99LN\xa73o\xde\xbc\x00\x00Y\x96y\x9eg2\xc0\x082\x98\x000B\x82\xe7M\xf0=\xd8\xed\xf6\xb4\xb4\xb4\x8b\x17/\x1e;v\xec\xda\xb5k\xe7\xcf\x9f\xbfz\xf5\xaa$I}\xfb\xf6\xed\xd3\xa7OLL\x0c\x00\x00!\xc4\xf3\xbc\x8f&gt;\x01\x83\x91\xfd0\x01`\x04!\xf4\xae~\xf1\x04?%%\xe5\xc2\x85\x0b\xd7\xaf_?s\xe6LRR\xd2\x95+W\xd2\xd2\xd2l6\xdb\xd3\xef\x967o\xde\xf1\xe3\xc7w\xee\xdcY\x14E\x1a\x15x\xfa\xdd\x18\x8c@\x84\t\x00#\x18\xf0\x04l\t!\xcf4\xf7\xe9\xe9\xe9\xf7\xee\xdd\xbb}\xfb\xf6\xf1\xe3\xc7O\x9e&lt;y\xf7\xee\xdd\xcb\x97/\x9b\xcd\xe6\xe7\xbd\xa1V\xab\x15\x041=\xdd\xe29R\xb5j\xd5q\xe3\xc6\xc5\xc7\xc7\x03\xe6\x11b\x04\x0bL\x00\x18\x81\xc7\x13\xfe\x1c\xea\xd2\xc9z\x02\xc6\xd8d2]\xb8p\xe1\xd4\xa9S7o\xde&lt;}\xfa\xf4\xc5\x8b\x17\xcdf\xb3$I\xcf|C\x85\xa80\x18\x8dE\n\x15/\x90\xbfP\xb9\xb2\x15J\x14+\x95?\x7f!\xa3\xc1\xb8c\xd7\xe6\xef\x7f\x9c\x90\x9c\xf2\x90\xe7y\x84\x10\x00\xa0c\xc7\x8ec\xc7\x8e-Y\xb2$`\x1e!F\xe0\xc3\x04\x80\x11\x00\xfck\xc06==\xfd\xef\xbf\xff\xbes\xe7\xce\xc9\x93\'\x8f\x1f?~\xe7\xce\x9d\xfb\xf7\xef\xbf`\x82o4\x84GE\xc5\x94(^\xaad\xf1\xd2\xc5\x8b\x97.Y\xbctLt\xae\xf0\xf0H\x85B\xc1q\xbc,K\x92\xe4F\x08\xe9\xb4\xfa;\xf7n/X4c\xe6\x9c\xa9\x92,\t\x82 \xcb\xb2\xc1`\xe8\xdf\xbf\x7f\xbf~\xfd\x0c\x06\x03\xf3\x081\x02\x1a&amp;\x00\x0c\x7f\x87N\xf3\xb3\x1eq8\x1c\xa9\xa9\xa9\x97/_NJJ:s\xe6\xcc\xb5k\xd7.^\xbc\x98\x9c\x9c\xfc\xbcw\x10E1WL\x9e\x82\x05\n\x97(^\xba`\x81\xc2eJ\xc7\x16-\\\xdch4\x86\x85\x19y\x8eG\x08\xb9%\xb7,K\x92,\x11L\x08 \x10B\x0er\x00\x00\x84\x90J\xa5\xd2h\xb4I\xe7\xfe\x9c:\xfd\xdbM[\xd6\x02\x00 \x84\x84\x90R\xa5J\r\x192\xa4[\xb7n\x80\xa5\x8a2\x02\x16&amp;\x00\x0c\xff\x85:y8\x8e3\x9b\xcdW\xae\\\xa1\x999\xc7\x8e\x1d\xbft\xe9\xa2\xc9dzf\xc0\x96\x12\x11\x1e\x99?\x7f\xc1\xbc\xb9\xf3\x97+[\xbe\\\xd97\xf2\xe4\xceW \x7f!\x83\xc1(\x08\x02\x84\x9c,I.\xb7\x0b!Y\x96e\x8f\x13\x89\xf2\xcc1 \x84t:\xbd\xc0\xf3\xdbwm\xfe\xfa\xdb\xd1\x7f_\xb9\x04!\xa0\xcfM\\\\\xdc\x84\t\x13\xaaV\xad\nX`\x80\x11\x800\x01`\xf8/\xd4\xc9\xde\xbbw\xef\xe5\xcb\x97[,\x96\xe7\x9d\xa6\xd5\xea\x8c\x86\xf0bEK\x94+\xfbF\xa1\x82\x85K\x97,\x97?_A\xa31B\xa3\xd6\xf0&lt;/\xcb\xb2,Kn\xc9M\xcd=\x01\x84\x83\x10B\x0eB\x00\xc0\xcb\x1ak\x8c1\x00D\xaf78\xec\xf6%\xbf\xce\x9b\xf6\xcbwi\xa6TA\xe0e\x19\x89\xa2\x98\x90\x90\xf0\xe5\x97_\xe6\xcb\x97\x0f\xb0\xc0\x00#\xa0`\x02\xc0\xf0SdY\x16\x04a\xe6\xcc\x99\x1f\x7f\xfc\xf1\x13/EEE\x17-\\\xbc@\xfe\xc2E\x8a\x14+S*\xb6x\xb1R\x11\xe1\x91\xe1\xc6pQT`\x82%Ir\xbb\xdd\x08I\x08a\x02\x08\x04/\x9a\xe0\xbf\x12\x08!\x9e\x17\xc2\xf4a\xf7\xee\xdf\x99:\xfd\xdb%\xcb\xe7R\xe7\x0f\xc68&amp;&amp;\xa6O\x9f&gt;\x83\x07\x0fV(\x14,0\xc0\x08\x14\x98\x000\xfc\x11j\xfdw\xed\xda\x15\x1f\x1f/\x8a\nIr\xbfQ\xa1R\xad\x9a\xf5J\x95,\x97/o\xfeB\x05\x8bDFF\x89\xa2\x82\xe7yY\x92\xddn\x97\x8cdY\x961\xc1\xd9h\xee\x9f\x03\x91\x11R)TZ\x9d\xee\xf0\x91\x83\x93\x7f\x9c\xf0\xfb\xe1}\x9e\xd7bccG\x8c\x18\xd1\xb1cG\xc0\x02\x03\x8c@\x80\t\x00\xc3\xef\xa0^\x94\xa4\xa4\xa4\xbau\xeb\xa6\xa7\xa7\xcb\xb2\xdc\xb6\xcd\x07?L\x9a)\x8a\n\x19\xc9\x08!\xb7\xdb%IR\xd6m\xbd\x00\x00o\x9aZB\x08\xc6H\xa7\xd5s&lt;\xbfv\xfd\xf2\x9f~\xf9\xfe\xf2\x95K\x00\x02@\x00\x00\xa0q\xe3\xc6\x93&amp;M\x8a\x8d\x8d\x05L\x06\x18\xfe\r\x13\x00\x86\x7fA\xfd\'f\xb3\xb9n\xdd\xbaIII\x00\x807\xcaWZ\xbfj7\x8d\xdcRc\x9a\x93\x13\xfcW\x80\x0e\xd5\x10f\xb4\xda2f\xce\x9d\xba`\xf1L\x93)\x8d\xa6\x8a*\x14\x8a\xc4\xc4\xc4\x91#G\xb2\x1a\x12\x0c\x7f\x86\t\x00\xc3\x8f\xf0\xa4\xfd\xc4\xc7\xc7\xef\xda\xb5\x0b\x00\x90?_\x81Mk\xf7\xeb\xf5an\xb7\xdb?\xbd\xea\xd4\xb8\x1b\r\xe1\xd7n\\\x99\xfc\xe3\x84Uk\x97\x01\x008\x8e\xc7\x18\xc5\xc4\xc4\x8c\x1c9211\x91\x05\x06\x18\xfe\t\x13\x00\x86\x1fA]\xff\xbdz\xf5\x9a={\xb6(\x8aj\xb5f\xf1\xdc\xb5\x95*\xbem\xb5\xa6\xf3\xbc\xe0\xeb\xd1\xbd\x00"\xcbH\xa5Rk5\xda\xdd{\xb7\xfd&lt;s\xf2\xe1#\x07&lt;\xaf\xc5\xc6\xc6N\x9a4\xa9q\xe3\xc6\x80\xa5\x8a2\xfc\x0c&amp;\x00\x0c\x7fA\x92$Q\x14\x7f\xf8\xe1\x87\xfe\xfd\xfb+\x95J\x97\xcb\xf5\xd3\xe4\xb9\x1d\xdb\x7f\xf8\xf0\xe1\x03Q\x14}=\xba\x7f\x87\x10\x8202\x86\x19\xdd\x92\xb4z\xed\xd2\xe9\xb3\xa6\\\xbfq\x95\xe3 \xc6\x04\x00\xd0\xb1c\xc7\x11#F\xd0\xc0\x00\xd59_\x8f\x97\xc1`\x02\xc0\xf0\x0f\xa8M\\\xb3fM\xdb\xb6m\x15\n\x85\xdb\xed\x1e;jRb\x8f\xbeii)\x82\x10\x00\xd6\xdf\x03B\x08B\x18\x11\x1e\xf9\xe0\xe1\xfd\xf9\x8bg\xcc\x9d\xff\xb3\xd5f\xf5\x04\x06\x06\x0f\x1eL\x8bK\xd3\xe2\x16,0\xc0\xf0-L\x00\x18\xbe\x87\xba\xd1O\x9c8\xd1\xa0A\x03\xab\xd5&amp;\xcbR\x87\xb6\t?~7\xdbdN\x0bP\x13I\xcd\xbd\xc1`&lt;\x7f\xfe\xec\xe4\xa9\x137nY\x0b\x1e\x07\x06hqiO\r\x89\xa7+\xd91\x18^\x83\t\x00\xc3\xc7\xd0\xe8\xa8\xc5b\xa9R\xa5\xca\xf5\xeb\xd7\x01\x00\xd5\xab\xbe\xbbz\xd9V\xab\xcd\n\xbc\x9b\xdc\x99\xbd\x10B\x10\x92\xb5Z=\xcf\xf1\xfb\x7f\xdf\xf5\xdd\x94\xf1\x7f\x9e=\x99\xb5\x86\xc4\xb0a\xc3\xe2\xe2\xe2\x00\x0b\x0c0|\x07\x13\x00\x86/\xf1\xdc~5j\xd48r\xe4\x08\x00\xa0d\xf1\xd2+\x97m\xd5iu\x92$\x05\xc1\xd4\x98\x1615\x18\x8c\x99\x99\xb6\xf5\xbf\xad\xfc\xee\xc7\t\xc9\xc9\x0f&lt;\xc5\xa5\xbbw\xef&gt;d\xc8\x10Z\\\xfa\xe9\x9aw\x0cFN\xc3\x04\x80\xe1K\xb2\xa6\xfd\x08\x82\xa8\xd3\xea\x96-\xfc\xadB\xf9\x8a\xe9\xe9\x96`\n\x93R\x1f\x97!\xccx\xf7\xfe\xed\xa9?OZ\xb6b\x81$IT\x06hq\xe9\xcf&gt;\xfb\xcch42\r`x\x19&amp;\x00\x0c\x9fA\xd3~\xc6\x8e\x1d;f\xcc\x18\x1a\xf8]0{U\xe3\x06-RR\x93\x03"\xed\xe7U\x91eY\xa5R\xa9\xd5\x9a\xa4\xa4\xd3_}7z\xdf\x81]\x9e\x97\xca\x96-\xbb\x7f\xff\xfe\xc8\xc8H\x10\xc8^/F\xc0\x11\xf0KlF\x80"\xcb\xb2(\x8a\x0b\x17.\x1c3f\x8cB\xa1t\xbb\xdd\xe3G\x7f\xd7\xb0~\xd3\xd4\xb4\x94\xa0\xb4\xfe\x00\x00A\x10$I\xb2X\xcc\xa5K\xc7.\x9e\xbbn\xde\xcc\x15%\x8a\x97\x02\x00\xa8T\xaa\x0b\x17.\xac[\xb7\x0eBH]C\x0c\x86w`+\x00\x86\x0f\xa0.\x91\xe3\xc7\x8f\xd7\xa9S\xc7\xedv\xcb\xb2\xdc\xa5s\xcf\xc9\xdf\xccx\x98|\xdf\xbf7|e\x0f4\xee\xad\xd7\xe9\xdd\x92\xf4\xe3\xcf\xdfL\xfdy\x12\x84\xb0J\x95*G\x8f\x1e\xc5\x18\x07A\xe4\x83\x11(0\x01`x\x1bj\xe3RRR\xca\x95+\x97\x9a\x9aJ\x08iP\xbf\xe9\xfc\x99+2\xac\x19~R\xe4\xc7;\xc8\xb2\xacV\xab].\xd7\xbbqo\xa4\xa6\xa5(\x14\xcaS\xa7N\x96+W\x8ei\x00\xc3k\xb0\xfb\x8c\xe1U\xe8\x84\xc3n\xb77m\xda4%%\x85\x10R\xael\x85\xef\xbe\xfa\xd9\xe9t\x82\x10s\x7f\x0b\x82\xe0p8\x0ca\x86zu\x1a\x02\x00\xdcn\xd7\x82\x05\x0b\xc0\xe3\xf5\x01\x83\xe1\x05\x98\x000\xbc\x07!D\x96e\x8e\xe3&gt;\xf9\xe4\x93\xe3\xc7\x8f\x0b\x82h\x083\xfe\xfc\xc3\x82\xf0\xf0H\x97\xdb\x19\x82\xd3^\x08!\xc6\xb8m\x9bN\xf4\xb3o\xdc\xb8\x91\xee\t\xf0\xf5\xb8\x18\xa1B\xc8=r\x0c\x1f\x82\x10\x12E\xb1\x7f\xff\xfe\x0b\x16,\x10\x04Q\x96\xa5\xd9\xbf,+Q\xacTF\x86\x9f\xd7z\xcb)x\x9e\xb7;2\xdf\x88}\xb3@\x81B\x00\x80\xcb\x97/\x1f8p\x00\x00\xc0B\xc1\x0c\xef\xc0\x04\x80\xe1%h\xca\xff\xec\xd9\xb3\x7f\xf8\xe1\x07\xa5R)\xcb\xd2\xf81\xdf\xd7\xaaY\xcf\x92n\x0e\xa6\x94\xffWE\x92d\x83!\xbcE\x93\xf7\x00\x00\x18\xe3\x85\x0b\x17\x86\x94\x1f\x8c\xe1[\x98\x000\xbc\x01BH\x10\x84#G\x8e$&amp;&amp;\x8a\xa2\xe8r\xb9&gt;\xfdx`\xef^\xfd\xd3L\xa9\xa1l\xfd\x01\x00\x1c\xc7\xb9\xdc\xaefM\xda\xf0\x82\x00\x00\xd8\xbau[JJ\n\xcf\xf3,;\x83\xe1\x05\x98\x000r\x1cZ\xf6\xf2\xfa\xf5\xebM\x9b6\xe5y^\x92\xa4V\xcd\xdb\x0f\x198\xfaa\xf2\x03\xe6\xef\xe68\xcen\xcf,]\xb2\xec[\x95\xab\x01\x00RR\x927o\xde\x0c\x98\x17\x88\xe1\x15\x98\x000r\x16O\x8b\xc7\xf6\xed\xdb\x9bL&amp;Y\x96\xcb\x97{\xf3\xabq?\xb8\xdcn\x10bi?\xcf\x03c\xacT\xa9Z\xb7\xe8\x00\x00\x80\x10\xae^\xbd\x1a\xb0\xdea\x0c\xaf\xc0n2F\x0eB\xab\xdes\x1c\xd7\xabW\xaf\x13\'Np\x1c\x17\x1e\x1e1o\xe6\n\xb5Z\xedv\xbb\x98\x8d\xa3\xf0&lt;o\xb7g\xd6\xac^[\xa3\xd1\x12B\xf6\xec\xd9{\xf9\xf2e\x8e\xe3X&gt;(#\xa7aO #\x07\xc1\x18\x0b\x82\xf0\xf1\xc7\x1f\xaf^\xbdZ\x14E\x85B9o\xc6\x8a\xdc\xb9\xf2dff2\xe7\x8f\x07\x08\xa1\xd3\xe9,Z\xa4x\xfd\xba\x8d\x00\x00\x0e\x87}\xfd\xfa\xf5\x80m\x08`\xe4&lt;L\x00\x189\x05Mi\x9f9s\xe6\xcc\x993\x15\n\xa5$IcG~S\xb3F\xed\x0ckF\x88\x07~\x9fG\xb3&amp;m\x00\x00\x10\xc25k\xd6\xb0\xfd\xc0\x0c/\xc0\xee0F\x8e@\x93&gt;w\xed\xda\xf5\xf1\xc7\x1f+\x15J\xb7\xdb5\xec\xf3\xb1\x1fu\xed\x9d\x9c\xfc\x90Y\xff\xa7\xa1\xa1\xe0\xb7\xabT\x8f\x8e\xceE\x089~\xfc\xf8\xf1\xe3\xc79\x8ec\xa1`F\x8e\xc2\x04\x80\x91\xfd\xd0\xa4\xcf\xa4\xa4\xa4\x8e\x1d;\n\x82\xe0r\xbb\xda\xb5\xf9\xe0\x93\xc4\x01\xc1Z\xe7\xf9\xbf\x03!t\xb9\\yr\xe7k\xd1\xa4\r\x00\x00cLC\xc1,\x19\x94\x91\xa30\x01`d3\x84\x10\x8e\xe3\xd2\xd2\xd2:u\xea\x94\x96\x96&amp;\xcb\xf2\x1b\xe5+M\x9a\xf8\xb3\xdd\xe1`9?/\x00B\xe8\x96\xdc\r\xe3\x9bS\xcf\xcf\xd2\xa5K322\x04A`\x1a\xc0\xc89\x98\x000\xb2\x19B\x08B\xa8c\xc7\x8eIII\x00\x80\xfc\xf9\n,\x9c\xb3\x1ac\x84\x90\xcc\x04\xe0\x05\xf0&lt;\x9f\x99i{\xabJ\xb5\xf2\xb1o\x02\x00\xee\xdf\xbf\x7f\xe8\xd0!\xc0B\xc1\x8c\x9c\x84\t\x00#;\xa1\xb5\xde~\xf9\xe5\x97]\xbbv\x89\xa2\x18\x1d\x153m\xca\xfc\xa8\xc8h\x97+\x14k\xbd\xbd*\x08!\x8dF\xdb0\xae)\xfdq\xe9\xd2\xa5\xbe\x1d\x0f#\xe8a\xcf$#\xfbINN\x86\x10J\x92\xd4\xb1]B\x9dZqf\x8b94k\xbd\xbd*\x1c\xc79\x1c\x8e\xfaqMT*5\x00`\xc3\x86\r\x0f\x1f&gt;de!\x189\x07\x13\x00F\xf6#\x8a\xe2c\x9b\x05\x1dN\xff\x9a\xfbSg\x14B\x88\x10L\x08!\x04#\x84\x10\x92\xfd\xc1\xd3Bs\x81b\xcbV\xa8\xf6VM\x00\x80\xcdf\xdb\xb8q#`e!\x189\x86\x1f=\x99\x8c\xa0!\xeb\x8c\xd5\x7f\xac?5\xa3:]XDD\x94\xc1`T\xa94\xa2(\xaaT\x1a\x83\xc1\x18\x11\x1e\xa5\xd5\xeah\xf4\xc2\xd7\xc3\x04\x10rM\x9b\xb4\xa6\xff\x9e={6\xdb\x10\xc0\xc89\xd8\xc2\x9c\x11\xfc\x10\x82\x01\x80Fc\xb8\xd5\x9aq\xf0\xd0\xde\xa3\xc7\x0f\xfd\xfd\xf7\xc5\x94\xd4d\xb7\xdb\xa5P(b\xa2s\x97)\x1d[\xbd\xda\xbb\x15\xdf\xa8\xa2R\xa932\xd2}\xd8\x99\x92\xe3\xb8L\xbb\xadA\\\x93I\xd1\xb9RR\x1e\xfe\xf9\xe7\x99k\xd7\xae\x15/^\x9c\xc9\x00#\'`\x02\xc0\x08r0F\n\x85\x92\xe7\x85e\xbf.\x98\xb7\xf0\x97\x0b\x97\x92\x9e&gt;g\xcb\xf6\r\xe0GP\xb9\xe2\xdb\xbd&gt;\xea\xdb\xb4q+\xbb\xdd\x8e\x90\xec\x13\x83\x0b!t\xbb\xdd11\xb9kV\xab\xb5~\xe3*\xb7\xdb\xb5t\xe9\xd2\xd1\xa3G3\x01`\xe4\x04\xec\x96b\x043\x18#\x95Rm\xb5f\xf4\xfc\xdf\xfb\x83\x86\xf5\xbep)\tB(\n\xa2B\xa1\x14E\x85 \x88\xb4B\x91(\x8a\x10\xc2\x93\xa7\x8f%~\xda\xb9\xff\xe7\x89\x84`\x85B\xe1\xc3\xa8\x00B\xa8U\x8b\x0e\xd4\xe2/Y\xb2\x94\xf5\x89d\xe4\x10L\x00\x18A\x0b!D!*3\xac\x19\x9d\xbb\xb7\xde\xb9g+\xcf\x0b\x1c\xc7q\x1c\'\xc9\x92\xdb\xed\x92$\xb7,K\x92D\xff-q\x1c\xc7s&lt;\xcf\xf3\xab\xd6.\xed\x9e\xd8\x91\x96\xb2\xf0I\xfa\r\xdd\x10P\xb3\xda\xbb\xb4O\xe4\xb5kW\x0f\x1c8\x00!\xf4\x87\xf8\x04#\xc8`\x02\xc0\x08Z\x08!\xa2B\x1c08\xf1\xdc\xf93\x82 "$\x03\x00\x10B\xd1\xd1\xb9:\xbf\xff\xd17\x13~\x9a1m\xf1\x94I3z}\xd4\xa7@\xfeB\x08!L0BX\x14\xc4C\x7f\xec\x1b4\xb4\xb7Z\xa5\xf1U\xfe\xa5,\xcbz\xbd!k\x9fH\x9f\x0c\x83\x11\xf4\xb0\x18\x00#8AH\x0e7F,_\xb9h\xf7\xbe\xed\x82 \xc8\xb2D+\xecwl\xf7\xe1\xd0Acr\xe7\xceK0\xc1\x04C\x08y\x8e\xef\xf7\xe9\xd0\x1f~\xfaz\xd6\xbc\x9f8\x8e\x97\x91,\x08\xc2\xc6-kk\xd7\xaa\xffA\x87n\x16K\x9a\xf771&lt;\xee\x13\xf9\xde\xcc\xb9S\xddn\xf7\xce\x9d;m6\x9bN\xa7#\x84\xb0\xdd\xd4\x8cl\x84\xad\x00\x18\xc1\t\xcf\x0bV\x9bu\xc6\xec\x1f \x844\x82\x8a1\xfe\xb0S\x8f\xa9\x93\xe7\xe8t\xfa\xb4\xb4T\xb3\xc5\x94\x9en\xb1X\xcc\xa9i)\x82 L\x1c7\xe5\xf3\xfe_`\x8c \xe40\xc6\x10\xc2\xc9?NLKK\x11E\x85\xf7\xd7\x01\x1c\xc79\x1c\xf6\x92%J\x95.U\x0e\x00p\xff\xfe\xfd\xdf~\xfb\r\xb0\r\x01\x8c\xec\x86\t\x00#\x08A\x08i\xb5\xbac\xc7\x0f\xff}\xe5\x12\x9d2c\x8c\x8b\x14.6b\xc8x\x8b\xc5,InA\x10\xf8\xc7\x08\x82\x801NN~8\xe0\xb3a\xf5\xeb6\xc2\x18A\x009\xc8\xdd\xbb\x7fg\xe3\xe65:\x9d\x1ec\x1f\x98]\x84\x90Z\xa5i\xd7\xa63\xfd\x91\x96\x85`\x89@\x8c\xec\x85\xddO\x8c\xa0\x84\x08\x82\xf0\xfb\xe1}\x00\x00\x0er\x10r\x00\x80\x0em\x13\x8c\x86pIrs\xdc\x93\x1954\xef\xdf\xedv\x0f\xe87B\x14\x15\x98`\x00\x01\x84p\xddo+].\x17\xf4\x85\xd9\xe5y\xde\xee\xb0\xc7\xd5i\xa8\xd5\xea\x00\x00\xbf\xff\xfe\xfb\xfd\xfb\xf79\x8ece!\x18\xd9\x08\x13\x00F\x10\x02!\'I\xd2\xb9\x8bg\x00\x00\x04\x10\x8c\x11\x84\xb0\xea\xdb5].\xe7\xd3\xd6\x9f\xc2q|\xa6\xddV\xa1\xdc\x9b\xd5\xde\xaeI\x08\x01\x00\x12B\xce&amp;\x9d\xbav\xfd\xb2J\xa9\xc2\xc4\xdb)\xa1\x10B\xa7\xd3Q\xb0`\xe1\xb7\xabT\x07\x00ddd,[\xb6\x0c0/\x10#[a\x02\xc0\x08Bh&amp;\xe5\xc3\x87\xf7\xe9\x8f\x84\x10\xbd&gt;,o\x9e\x02\x92,\xbd \x88J\x08\x11\x04\xb1\xf6\xbbq\x00\x00\x08\x00\xc7\xf1.\xb7\xeb\xec\xb9\xd3*\xa5\x9a`\xdf\xcc\xbb9\xc8uh\xfb!\xfd\xf7\xaaU\xab\xd8v0F\xf6\xc2n&amp;F\xb0ASe\\.\xa7\xcdf\xf5\x1c\xd4\xeb\xc2\xd4j\xf5\x8b\xf7vq\x10\xca\xb2T\xbad9\x00\x00\xc2\x88\xe3 \x00\xe0\xe2\xa5s\x90\x83\x00\xf8@\x008\x8e\xb3;2\xab\xbd\xfdNtt.\x00\x00\xeb\x13\xc9\xc8v\x98\x000\x82\x10\x08 !\x04\xa1\x7f\xcc=\xcf\xf3\xdc\xbf\'PB\x84PDD\xd4#W;\x01\x00\x80\x9b\xb7\xae#\x84\x00\xf0A\xf2\xe5\xe3&gt;\x91y&lt;}"\xd7\xacY\x03X\x9fHF\xf6\xc1\x04\x80\x11\x84`Bx^P(\x94\x9e#\x99\xf6L\xb7\xe4\xfe\xd7$z\x02\x80\xe7\x14\xaa\x00)\xa9\xc9t\x9fp\x8e\r\xf6E\xd0\xb6\n\r\xea7\xa3\x02\xb4~\xfdz\xbb\xdd\xce:\x040\xb2\x0b&amp;\x00\x8c`\x83&amp;\xfek4\x9apc\xb8\xe7\xa0\xc5bJN~(\x08\xe2\x0bL\'!D\x14\xc5\x1b\xb7\xaeSW;=\xd3n\xcft\xbb]\xbe\xda~\xc5\xf3|\xa6=\xb3\xe2\x1b\x95K\x14+\x05\x00\xb8|\xf9\xf2\xbe}\xfb\xe8\x07\xf4\xc9x\x18A\x06\x13\x00F\x10\x821R\xab5E\n\x17\xa3\x86\x9b\xe7y\x84\xd0\x89\x93\x7f\xa8\x94\xaa\x17\x98NB\x08\x07\xb9Uk\x96\x00\x00&lt;\x16_\x92\xdc\x08!\x08!\xf1E\x18\x00\x00 \xcb\xb2\xd1\x18\xd1\xbaE\x07:*\x9a\x0b\xc4`d\x0bL\x00\x18A\t\x81\x10V}\x8b&amp;t&gt;r\x9a/\xf9u\xbe\xdd\x9e)\x08\xc2\xd3AT\x8c\xb1$I\xb9s\xe5Y\xbej\xe1\x9e};\xb2\x06Z}\xeek\xe18.\xd3\x9e\xd9\xb0~3\xbdNO\x08\xd9\xb0a\xc3\x8d\x1b7x\x9eg\x8b\x00\xc6\x7f\x87\t\x00#\x08\xe18\xden\xb7\xd7\xad\xd3@\xa7\xd3c\x8c\t!\x1c\xc7]\xfa\xeb\xfcW\xdf\x8d\x8e\x08\x8f\xa4\xe9@\xe81\x84\x10\xb5Z\x13\x13\x93\xeb\xd7U\x8b\x87\x7f\xd1\x8f\x16\x8d\xf0\xbc\x95(\x08\xd4\x1d\x04}\x11\x07\x06\xd4\xa3\x85\x90^\x1f\xa6T\xaa\x00\x00N\xa7\xd3f\xb3\xf9d$\x8c\xe0\x83\t\x00#\x08\xa1i\xa0E\x0b\x17\x7f\xbf\xdd\x87\x84\x10:_\xe68n\xf6\xbci\xbd?\xebr\xf3\xd6u\xb5Zc4\x86\x87\x1b#\x8c\x06\xa3B\xa1\xf8\xfb\xf2\xc5\xcf\x06\xf5\xfa\xa4_W\x97\xcb\x851\x16\x84\x7f\xaa\xbf)\x95\xaa,-\x8e}\x00BH\xa7\xd3\xef\xd9\xb7=5-\x05BX\xabV\xed\xd8\xd8X\xb6!\x80\x91-\xb0j\xa0\x8c\xe0\x84\xe38\xab-\xe3\xb3O\x87\xec\xde\xb7\xfd\xda\xf5+\x82 \xc8\xb2\xccq\xdc\xaa\xb5\xcb6lZ]!\xb6R\xc1\x82\x85\xd5*\xb5\xcdf\xbd~\xe3\xea\xb9\x0bg1F\x82 \xca\xb2\xf4y\xffQ+V/\xbeu\xfb\x06]\n\xe8tzQT\xb8\\&gt;\x8b\x03s\x1c\xe7t:6lZ\x05\x00 \x84t\xe9\xf2!\x00\x80\t\x00#[`\x02\xc0\x08N \x84\xb4\xaa\xfe\xac\x9f\x97&amp;tos\xff\xc1]\xdaTK\x10\x04\xb7\xdb}\xe2\xd4\x91\x13\xa7\x8exN\xe69\x9e\xe38Y\x96&gt;I\x1c\x90\xf0A\x8fi3\xbe\xf7\xbc\x14\x15\x19\xcd\xfb\xae\x02\x0f\xc6X\xa3\xd1^\xfa\xeb\xfc\xb1\x93G\x00\x00\xd1\xd11\x8d\x1b7\xa6k\x1a\x9f\x8c\x87\x11d\xb0I\x04#h\xe18.3\xd3V\xb2D\x99U\xcb\xb6\xd6\xa9\x15O=\xfe\xb2,\x03\x00\x04A\xa0-!\xe9\xbc\x1ea\xa4\xd1hG\x0e\x1d?\xf6\x8boo\xde\xba\xeet:&lt;o\x92;w^\x8e\xe7}\xb2\x13\x18\x00\x801V*\x94\x9b\xb6\xacE\xb2\x0c\x00h\xdc\xb8Qtt4\xadV\xed\x93\xf10\x82\x0c\xb6\x02`\x043&lt;\xcf\xdbl\xd6|y\xf3/\x98\xbdj\xd7\x9e-k\xd6\xaf8\xfd\xe7\xb1\xe4\x94\x87T\x06\x00\x00*\xa5\xaa`\xc1\xc2\xf5\xea4\xea\xd8.\xa1x\xb1R\x0e\x87\xfd\xfe\x83\xbb4hLg\xfd\x05\x0b\x14\xf6\x91\xf1\x07\x00\x00Q\x14\xd2\xd3\xcd\xbfmY\x03\x00\xe08\xaeK\x97.l\x0b\x18#\x1ba\x02\xc0\x08rx\x9ew:\x9d\x10\xc2\xc6\rZ6j\xd0"%\xe5\xe1\xbd\xfbw-\x16\x13BH\xa9REG\xe5\xca\x977\x9f!,\xdc\xe1\xb4\x9b\xcdi\xd1\xd1\xb9\xfe\xber\x11\x00\xe0\xc9\x04-V\xb4\xa4$K\xb4\xa0\xb4\x97A\x08\x85\xe9\xc3\x0e\x1f\xfd\xfd\xf6\xed\x9b\x00\x80\x12%J\xd4\xaaU\x8b~"\xef\x0f\x86\x11\x940\x01`\x04?4^\x9a\x9ea\x81\x10\xe8\xf5a\xb1\x11\x91&lt;/@\x000!\xb2,\xb9\xddn\x939\x8d\xe3\xa0 \x88\xb2,\xffy\xe6$\xfd-B\x88\xd1\x10^\xb4Hq\xdf\xee\x04^\xbdv)MKm\xde\xbc9\regMRb0\xfe\x0b\xecNb\x84\nt\xe2,\xcb\xb2$Its\x18\xed\x03\x03!G\xab\xeb\x88\xa2\xf00\xf9\xc1\xa9?\x8f{~\xa5\\\xd9\n\xb9s\xe5\xcd\xcc\xb4y?\xe5\x86\x10\xa2P(\x92S\x92\xf7\xec\xdf\x0e\x00P(\x94]\xbbv\x05\xac)\x18#[a7\x13#\xb4\x80\x10r\x1c\xc7q&lt;\xcf\xf3\x1c\xc7y|;\x18c\x8dZ{\xe4\xe8A\x93)\xd5\x13\x00\xa8\xfdn}\x85\xa8 ^\xef\x06C\xc7\xa3\xd5\xe8v\xec\xde\x9c\x9a\x9a\x02\x00x\xf3\xcd7\xca\x95+\xc7\xb2?\x19\xd9\x0b\xbb\x99\x18\x0c\x00\x00\x00\x10`\x8c\x96,\x9f\x07\x00\xa0}\xe1\x95\ne\\\xdd\x86\x0e\xa7\xc3W6\x97\x10\xbcy\xcb:\xfa\xef\x9e={\x02\x00X\xf9\x07F\xf6\xc2\x04\x80\xc1\x00\x92\xe4\x8e\x0c\x8fZ\xbfq\xf5\x1fG\x0fr\x1c\x07\x00!\x84\xd4\xaeU\xbft\xa9r\x0e\xa7\xdd\xfb\x11`\x9a\xfe\x7f\xee\xc2\xd9#\xc7\x0f\x01\x00t:]\xf3\xe6\xcd\x01\x0b\xff2\xb2\x1b&amp;\x00\x8cPG\x92\xa4pc\xc4\xa5\xbf\xcf\x8f\x19?\xf8Q\xb0\x97\x00\x08a\xcf\xee\x9fb\x84|R\x02\x08c\xacV\xabw\xed\xdeBw$\xb4l\xd92W\xae\\\xb4(\xa9\xf7\x07\xc3\x08b\x98\x000\x82\x1cZ\xf7\x8d\x96\x84\xcb\x02\xc6\xf8\xd1\xa6\xb0\xe8\xe8\\\x7f]\xbe\xd8\xb5G;Zl\x07B\x0ea\xf4^\xab\x8e5\xab\xd7\xb6\xda\xac&gt;\xf1\xff\xf0&lt;o\xb7gn\xdf\xbd\x99\xfe\xd8\xa9S\'\xef\x8f\x81\x11\n\xb0, F0C\x08Q\xab\xd5\n\x85\xd2\xedv#Y\xc6\x04\x03\x00 \x84&lt;\xcf\x8b\xa2B\x10\x84\x8c\x8c\xf4\x85Kf}5\xe9\x0b\xb3\xc5\xc4q\x1c\x84\x10!\xb9P\xc1"\xa3\x86M\xb4\xdb3}b\xfd\x11Bz}\xd8\x1fG\x0e&amp;\x9d\xfb\x13\x00\x90\'O\x9e\x9a5k\x02\x96\xff\xc3\xc8\x01\x98\x000\x82\x16B\xb0Z\xad\xf9\xe3\xc8\xc1{\x0f\xee\xc6\x96{#\xdc\x18\xa1T(\x01\x80\xb2,\xa5gXn\xdd\xbeq\xe2\xe4\xd1\xed;7\xfe}\xe5\x12\x00\x80f\x04!$\x1b\xc2\x8c3\xa6.\n\x0f\x8f\xb4\xd9\xac&gt;\xf1\xb9\x13B\x14\xa2b\xfb\xce\x8d4\xe4\xdb\xa9S\xa7\xb0\xb00\x96\xfe\xcf\xc8\t\xd8-\xc5\x08Z0\xc6*\x95\xfa\xd8\x89\xc3\x93\xa7~\xa5P(5j\x8dF\xa3\x81\x90s:\x1d\xb6L\x9b\xcb\xe5\xa4\xa7\xf1\x1c\x0f $\x04#$\xe7\xc9\x9do\xc6O\x8b*\x94\xaf\x98\x9ea\xe1y\x1f&lt;\x1d\x84\x10\xa5Ry\xff\xc1\xdd\xdf\xb6\xac\x05\x00p\x1c\xd7\xb6m[\x90\xa5C\x19\x83\x91\x8d0\x01`\x043\x84`\x8dF+\x8a"B\xd8\x92n\xb6\xa4\x9b=/\t\x82\xc0q&lt;!X\x92$z\xa4q\xc3\x16\xa3\x87\x7f\x9d/_\x01K\x86E\xf0\x85\xf5\x07\x8f\xf3\x7f\xf6\xec\xdb\x91\x92\xf2\x10\x00\xf0\xd6[o\xbd\xf5\xd6[\x18c\x96\xff\xc3\xc8\t\x98\x000\xb2\x9f\xac\xd3U\xdf\xa6\xaeC\xc89\x1cv\x8f\x89\xcf\x8a,\xcb\x00\xc8\x00\x00\x8e\xe3kV\xaf\xdd\xed\xc3\xc4\xf8z\x8d%Y\xb2Z3|e\xfd\x1fA\xc8\xa6-k\xe9?\xdb\xb5k\xc7q\x1c\xedd\xe0\xcb!1\x82\x14&amp;\x00\x8c\xecG\x92$\x08!!\x04\x00\xa2V\xbd\xa8\x0f{\x8e\x02!\xe7v\xbb\xca\x96\xa9P\xb9R\xd5\x94\xd4\xe4\xf4t\xb3\xdb\xed\xa6\xc5\xf4\xd5jMLT\xae\xc2\x85\x8bVz\xe3\xad\xea\xd5k\xc5\x96}\x83\x06\x84\x01\xf4e\xae=!D\xa5R\xdf\xb8ym\xd7\xdem\x00\x80\xb0\xb0\xb0\x0f&gt;\xf8\x00\xb0\xf4\x7fF\x8e\xc1\x04\x80\x91\xfd\xc4\xc4\xc4\x10BDQ\xfcu\xd5\xe2\xb8\xba\x8d\xabT\xaa\x9a\x9e\x91\xee\xfd\x18&amp;\xc7q\x99\x99\x99\xf5\xea4\x8c\xab\xdb\xd0j\xb3:\x1d\x0e\xa7\xcb\x891\x12E\x85J\xa5\xd6i\xf5Z\xad\x96\xe7x\x97\xdbi\xb7g\xfaC\x97\x15\x84\x90Z\xad\xde\xbdo\x87\xdd\x9e\t\x00x\xe7\x9dw\xf2\xe4\xc9\xc3\xca?0r\x0e\xc8\xca\x8b3\xb2\x17\x8c1\xc6\xb8q\xe3\xc6\xbbv\xed\x02\x00\xe4\xcfW`\xf3\xba\x03z\xbd\xc1\xe9t\xf8*\xa9\x06\x00\xe0\xa9\xfc\x03\x01 \x84`\xf2\xa8)&lt;\x00\x84\x16\x07\xf2\xfe\xc0\x9e\x86\x10\xa2V\xa9\x9b\xb7\xad{6\xe94\x00`\xe9\xd2\xa5\x1f|\xf0\x01\xcb\xffa\xe4\x1cL\x00\x18\xd9\x0c\xbd\xa3L&amp;S\xdd\xbau\x93\x92\x92\x00\x00\xb1\xe5\xdeX\xb5t\xab(\x8a\x92$\xf9\xae\xae\xce\x93\xf7\xb9\xbf\xe5\xd5\xd0\xf0o\xd2\xb9\xd3m:6p\xbb\xdd\xb9r\xe5\xbar\xe5\x8aN\xa7#\x84\xf8\xdbP\x19A\x83_L|\x18\xc1\x04\x84\x10c\x1c\x19\x19\xb9t\xe9\xd2\x88\x88\x08Q\x14\xcf\x9d?3l\xd4g*\xa5\x1a&lt;\xcb\x10{mTO\xe0\x93a\xbc\x00\x8c\xb1J\xa9\\\xb7a\x85\xdb\xed\x06\x00\xb4h\xd1B\xa7\xd3\xb1\xf2\x0f\x8c\x1c\x85\t\x00#\xfb\xe1y\x1e!T\xbe|\xf9\xcd\x9b7S\x0f\xc6\xfa\x8d\xabF\x8c\xe9\x1f\x1d\x9d\x8b\xb6\xd9b&lt;\x8d \x08\xe9\x19\xe9{\xf6\xef\x04\x00p\x1c\xd7\xa3G\x0f_\x8f\x88\x11\xfc0\x01`\xe4\x08&lt;\xcf\xcb\xb2\\\xadZ\xb5\x993g\xca\xb2\xacT*\x17.\x99=c\xf6\x0f\x91\x11Q\x9e~\xbc\x0c\x0f\x08!\xadVw\xf8\xc8\x81\x1b\xb7\xae\x01\x00\x8a\x16-\xf6\xe6\x9bo\xfaC\\\x9a\x11\xdc0\x01`\xe4\x14\x82 H\x92\xd4\xb3g\xcf1c\xc6\xb8\\.Q\x14G\x8e\x19x\xe0\xd0\x9e\x88\xf0HY~Fb~(C\x08\x11\x05q\xc3\xc6U\x04c\x00@\xe7\xce\x9d\x14\n\x05[-1r\x1a\x16\x04f\xe4 \x84\x10Y\x96EQ\xec\xda\xb5\xeb\xc2\x85\x0bEQ\xd4\xa8\xb5\xcb\x17m\xacP\xbebz\xba\x85%\xb7Ph\xcaljjJ\xe3V\xef\x9aL\xa9\x82 \\\xbcx\xb1x\xf1\xe2,\x01\x94\x91\xd3\xb0\xdb\x8b\x91\x83@\x08\x05A \x84L\x9f&gt;\xfd\xad\xb7\xde\x92$)=\xc3\xd2oP\xcf\xb4\xb4\x14\xa5R\xc9\xfa[Q\x10BZ\xad~\xef\x81\x9d&amp;S*\x84\xb0V\xadZE\x8b\x16e\xd6\x9f\xe1\x05\xd8\x1d\xc6\xc8Y\xe8\x96`\x8dF\xb3}\xfb\xf6"E\x8a\x00\x00\xfe\xber\xe9\xe3&gt;\tj\x95\xc6\xd3z7\xc4\xe18\xce\xe5tl\xd8\xb8\x92~W]\xbat\xe18\x8e\xa9#\xc3\x0b0\x01`\xe48\x1c\xc7!\x84\xc2\xc3\xc3W\xae\\\x19\x1e\x1e.\x8a\xe2\x1fG\x7f\xef\xf7y/\x8dF\xcb\x04\x00c\xacQk.\\:w\xec\xe4\x11BHttt\xe3\xc6\x8dY\xf8\x97\xe1\x1d\x98\x000\xbc\x01M\n\xaaR\xa5\xca\xec\xd9\xb3%IR*\x95\xab\xd6.\x9d&gt;srdD\xd43+\xb5\x85\x0e\x18c\x95Z\xbd\xef\xc0N$\xcb\x10\xc2\xa6M\x9bFGGc\x8cY\xfa?\xc3\x0b0\x01`x\tA\x10dY~\xef\xbd\xf7f\xcc\x98\xe1r\xb9\x14\n\xc5W\xdf\x8e^\xb1zq\xee\\yBY\x03\x04A\xb0X\xcck7\xfc\n\x00 \x84\xb4m\xdb\x96\xad\x8a\x18^\x83\t\x00\xc3{P\rHLLLLLt\xbb\xdd\xa2(\x8e\x183\xe0\xe0\xa1\xbd\x860Chn\x0e@\x08i5\xba3gO]\xbe\xfa\x17\x00\xa0D\x89\x12\xf5\xea\xd5\x03\xac\xfb#\xc3[\xb0\xfb\x8c\xe1U\xa8/h\xc6\x8c\x19\xf5\xeb\xd7\x97$)##\xbd\xfb\xc7\x1d\x1e&lt;\xbc\xaf\xd3\xe9C0\xed\x9d\x10\xc2qp\xf5\xbae\x80\x00\x00@\xcb\x96-\xd5j5+\xff\xc0\xf0\x1aL\x00\x18^\x05BHS\\~\xfd\xf5\xd7*U\xaa\x00\x00,\x16s\xf7\xc4\x0e\x16\x8bY\xa9\x08\xad\xc4PY\x96\xd5juzF\xfa\x9e}\xdb\x01\x00\n\x85\xb2k\xd7\xae\x80M\xff\x19^\x84\xddj\x0coC\r\\dd$M\n\xe28.\xe9\xfc\x9f\x9f\x0f\xffD\xa5R\x01\xdfU\x8b\xf3&amp;\xb4b\xb6!\xcc\x00\x00\x9c1\xe7\xc74S*\xc7qo\xbe\xf9F\xb9r\xe5X\xfa?\xc3\x9b\xb0[\x8d\xe1\x03hbh\x91"E\xb6o\xdf\xaeT*\x05A\xd8\xb1k\xf3\xf0\xd1\xfdc\xa2sa\x1c\xcc\x8e B\x08BH\xa3\xd1\xea\xb4\xfa\x1d\xbb\xb74l^\xfd\xc7i\xdf\xd0=q\xb4\xfa[H\xad\x81\x18&gt;\x87\t\x00\xc37\xd0`\xc0[o\xbd5}\xfatY\x96\x15\n\xe5\xc2%\xb3\x7f\x995%\xdc\x18\x11\xac\x01aZ\x15\xc3h\x0c\xbft\xe9\\\xc2G\xad\xbb\'v\xb8|\xe5/\x00\x80\xd3\xe9,[\xb6l\xeb\xd6\xadY\xfa?\xc3\xcb0\x01`\xf8\x0cZ-\xaeK\x97.c\xc6\x8cq\xbb]\n\x85b\xe4\xd8A\xdbwm\x8e\x8a\x8c\x0e\xb2\xc4P\x1a\xdf\x8e\x8c\x88\xb2\xa4\x9b\x87\x8d\xfa\xac\xd9{u\xf6\x1d\xd8Em\xbd\xc1`\x183f\xcc\xa1C\x87\xa2\xa2\xa2\x80\xff\xb5\xa9a\x047\xac\x18\x1c\xc3\xc7\xd0\x86\x01\xbdz\xf5\x9a={\xb6 \x88:\xadn\xd9\xc2\xdf\x82\xa6Z\x1c\xc6\x98\x10b0\x1833m\xeb\x7f[\xf9\xdd\x8f\x13\x92\x93\x1f\xd0~\t\x00\x80\xee\xdd\xbb\x0f\x192\xa4d\xc9\x92\x00\x00\xd6\xf9\x8b\xe1}\x98\x000|\x8c\xe7\x0e\xacQ\xa3\xc6\x91#G\x00\x00%\x8b\x97^\xb5l\x9bV\xab\x93$w\xe0FD\t!\x08\xc9Z\xad\x9e\xe7\xf8\xfd\xbf\xef\xfan\xca\xf8?\xcf\x9e\x84\x10\xd0\x8f\x1b\x17\x177l\xd8\xb0\xb8\xb88\x00\x80,\xcb&lt;\xcf3\xeb\xcf\xf0&gt;L\x00\x18\xbe\x87F&gt;-\x16K\x95*U\xae_\xbf\x0e\x00x\xa3|\xa5\xf5\xabvK\x92\x84q@&amp;\xc5\xcb\xb2\xacP(\x0c\x06\xe3\xf9\xf3g\'O\x9d\xb8q\xcbZ\x00\x00\xc7\xf1\x18\xa3\xbcy\xf3\x8e\x1f?\xbe[\xb7n\x00\x00\x9a\xf2\x1f\xb8"\xc7\x08t\x98\x000\xfc\x02\x84\x10\xcf\xf3\'N\x9ch\xd4\xa8QFF\x86$I\xed\xda|0e\xd2L\xab\xcd\x1aX\xf6\x91\xda\xf4\x88\xf0\xc8\x07\x0f\xef\xcf_&lt;c\xee\xfc\x9f\xad6+\xdd\x02\xadP(\x06\x0f\x1e\xdc\xa7O\x9f\x98\x98\x18B\x08\xc6\x98\x85|\x19\xbe\x85\t\x00\xc3_\xa0\xc1\x80]\xbbv\xc5\xc7\xc7+\x15J\x97\xdb5\xec\xf3\xb1\x03?\x1b\xf1\xe0\xe1}Q\x14}=\xba\x7f\x87\x10\x8202\x86\x19\xdd\x92\xb4z\xed\xd2\xe9\xb3\xa6\\\xbfq\x95\xe3 \xc6\x04\x00\xd0\xb1c\xc7\x11#F\xc4\xc6\xc6\x82\xc7\x9f\xd4\xd7\xe3e0\x98\x000\xfc\tj\x19g\xce\x9c\xf9\xf1\xc7\x1f+\x14J\xb7\xdb\xf5\xcd\xf8\xa9\xdd\xba|\x9c\x9c\xfc\xd0\xbf5\x80\xc82R\xa9\xd4Z\x8dv\xf7\xdem?\xcf\x9c|\xf8\xc8\x01\xcfk\xb1\xb1\xb1\x93&amp;Mj\xdc\xb81`\xee~\x86\x9f\xc1\x04\x80\xe1_P_\xd0\xc7\x1f\x7f&lt;s\xe6LQ\x14y^X\xbe\xf0\xb7\xb7*WK\xcfH\xf7\xcfY3\x1d\xb0\xd1\x10~\xed\xc6\x95\xc9?NX\xb5v\x19x\xec\xee\x8f\x89\x89\x199rdbb\xa2B\xa1\xa0q\x8e\xc0rg1\x82\x1e&amp;\x00\x0c\xff\x82\xee\x95\x15\x04\xa1]\xbbv\xabW\xaf\xe6y^\xab\xd5m\\\xbd\xb7X\xd1\x12f\x8b\x89\xe7\x05\x08\x01\x84\x9c?L\xa2\xa9M7\x84\x19\xad\xb6\x8c\x99s\xa7.X&lt;\xd3dJ\xf3\xb8\xfb\x13\x13\x13G\x8e\x1c\x19\x13\x13\x03\x1e\x8b\x84\xaf\xc7\xcb`&lt;\t\x13\x00\x86\xdfA\rkzzz\xc3\x86\r\x8f\x1f?\x0e\x00(W\xb6\xc2\xd2\xf9\xeb\xf3\xe5- \xc9\x12F\xc8\xe5vK\x92\x1bcL\x00\x81\x00z\xf0\xda\x08\t!\x18#\x9dV\xcf\xf1\xfc\xda\xf5\xcb\x7f\xfa\xe5\xfb\xcbW.\x01\x08hQ\xcf\xc6\x8d\x1bO\x9a4\x89\xba\xfb\x11B\x1c\xe7\x17r\xc5`&lt;\r\x13\x00\x86?Bk\xa2\xa5\xa4\xa4\x94+W.55\x95\x10R \x7f\xc1\x86\xf1\xcdK\x14+U\xb0`\x91\xc2\x85\x8a\xc6D\xe7V\xabT&lt;/\xc8\xb2,\xcb\x92[r\xcb\xb2L\x08!\x80p\x10B\xc8A\x08\x00\xc8\t\xb3Kd\x84T\n\x95V\xa7;|\xe4\xe0\xe4\x1f\'\xfc~x\x9f\xe7\xb5\xd8\xd8\xd8\x11#Ft\xec\xd8\x110\xd3\xcf\x08\x04\x98\x000\xfc\x14\xea69~\xfcx\x9d:u\xecv{\xd6\x97\x0c\x06c\xe1\x82E\xf3\xe4\xce[\xael\x85re\xdf\xc8\x93;_\x81\xfc\x85\x0c\x06\xa3 \x08\x10r\xb2$\xb9\xdc.\x84d*\t\x10f\xdb\x12\x01!\xc4\xf3B\x98&gt;\xec\xde\xfd;S\xa7\x7f\xbbd\xf9\\j\xe51\xc6111}\xfa\xf4\x19&lt;x0s\xf73\x02\x08&amp;\x00\x0c\xff\x85&amp;\x05-X\xb0`\xd0\xa0AV\xab\xcd\xedv=\xf34Q\x14s\xc5\xe4)X\xa0p\x89\xe2\xa5\x0b\x16(\\\xa6tl\xd1\xc2\xc5\x8dFcX\x98\x91\xe7x\x84\x90[r\xcb\xb2$\xc9\x12\xc1\x18\x00\xea3z\xb5%\x02\xc6\x18\x00\xa2\xd7\x1b\x1cv\xfb\x92_\xe7M\xfb\xe5\xbb4S\xaa \xf0\xb2\x8cDQLHH\xf8\xf2\xcb/\xf3\xe5\xcb\x07\x98\xbb\x9f\x11P0\x01`\xf85\xd4\x17\x94\x9e\x9e~\xef\xde\xbd\x8b\x17/&amp;%%\x9d={\xf6\xd2\xa5K\xf7\xef?0\x9bM\xcf\xfb-\xa3!&lt;**\xa6D\xf1R%\x8b\x97.^\xbct\xc9\xe2\xa5c\xa2s\x85\x87G\xd2\x96\x03\xb2$?Z" \x19\x10\x02^\x18E\xa0Ai\x9dN/\xf0\xfc\xf6]\x9b\xbf\xfev\xf4\xdfW.e\xad\xe80a\xc2\x84\xaaU\xab\x02\x96\xe2\xc9\x08@\x98\x000\xfc\x9d\xa7{\xa4`\x8cM&amp;\xd3\x85\x0b\x17N\x9d:u\xf3\xe6\xcd\xd3\xa7O_\xbcx\xd1l6?\xaf\x86\xa8BT\x18\x0c\xc6"\x85\x8b\x97-S\xbe@\xfe\x82eJ\x97\xa7K\x04\xbd\xce\xc0\x0b&lt;\xc6X\x96e\xb7\xdb%I\x12\x8d"@\x089\xc8\x01\x00\x10B*\x95J\xa3\xd1&amp;\x9d\xfbs\xea\xf4o7mY\x0b\x00\x80\x10\x12BJ\x95*5d\xc8\x10OE\x07\xe6\xeeg\x04"L\x00\x18\x01\x00\xc9\x02\x84\xf0i\x1f\x0b]"\xdc\xbe}\xfb\xf8\xf1\xe3\'O\x9e\xbc{\xf7\xee\xe5\xcb\x97\xcdf\xf3\xf3\xde\xd0`0\xc6D\xe5\xca\x9b7\x7f\xd9\xd2\xe5c\xcb\xbd\x917O\xfeB\x05\x8bDFD\x89\n\x05\xc7\xf1\xb2,I\x92\x1b!\xa4\xd3\xea\xef\xdc\xbb\xbd`\xd1\x8c\x99s\xa6J\xb2DS&lt;\r\x06C\xff\xfe\xfd\xfb\xf5\xebg0\x18\x98\xbb\x9f\x11\xd00\x01`\x04\x1e\xf4\xa6\xa5\x95\x96\x01\x00\x1c\xc7=m\x82SRR.\\\xb8p\xfd\xfa\xf53g\xce\x9c={\xf6\xea\xd5\xab\xf7\xee\xdd{A\x9b\x81\xa8\xa8\xe8\xa2EJ\x14\xc8W\xa8\\\xd9\n%\x8a\x95\xca\x9f\xbf\x90\xd1`\xdc\xb1k\xf3\xf7?NHNy\xe8)\xe0\xdc\xb1c\xc7\xb1c\xc7\xd2\x02\xce\xcc\xdd\xcf\x08t\x98\x000\x82\x81\'\x96\x08O;d\xecv\xfb\xcd\x9b7\xb3.\x11\xae^\xbd\x9a\x96\x96\xf6\xbc7\xd4j\xb5\x82 \xa6\xa7[&lt;G\xaaV\xad:n\xdc\xb8\xf8\xf8x\xc0\xdc\xfd\x8c`\x81\t\x00#8\xa1\xe56_\xb0D0\x9b\xcdW\xae\\9\x7f\xfe\xfc\xd5\xabW\x8f\x1d;~\xe9\xd2E\x93\xc9d\xb3\xd9\x9e~+Z\xc0\xb9s\xe7\xce\xa2(2\x9f\x0f#\x98`\x02\xc0\x08\t^f\x89\x90\x96\x96v\xf1\xe2\xc5c\xc7\x8e]\xbbv\x8d\n\x83$I}\xfb\xf6\xa5\x05\x9c\x01\xf3\xf90\x82\x0e&amp;\x00\x8c\x10\xe5_\x97\x08&amp;\x93\xc9\xe9t\xe6\xcd\x9b\x170\x9f\x0f#Ha\x02\xc0`\x00\xf0\xfc%\x02K\xf1d\x041L\x00\x18\x8cgC\xc5\x80\xb9\xfb\x19A\x0c\x13\x00\x06\x83\xc1\x08Q\xd8\xec\x86\xc1`0B\x14&amp;\x00\x0c\x06\x83\x11\xa20\x01`0\x18\x8c\x10\x85\t\x00\x83\xc1`\x84(L\x00\x18\x0c\x06#Da\x02\xc0`0\x18!\n\x13\x00\xc6\xb3\xa1\x8dP|=\n\x06\x83\x91\x83\xb0}\x00\x8cg@w\xc3f\xfd\x07\x83\xc1\x08&gt;\xd8\n\x80\xf1$\x18c\x08\xe1\xc3\x87\x0f\'N\x9cH\xbb_\xb1Y\x02\x83\x11\x94\x08\xbe\x1e\x00\xc3\xbf\xa0\xfd\x17\xcdfs\xcb\x96-\x8f\x1e=z\xeb\xd6\xad\x193f\xb0z8\xa1\x03\xad\x91\x07\x00`W&lt;\x14`\x02\xc0\xf8\x07\x8f\xf5o\xd8\xb0\xe1\xf1\xe3\xc75\x1a\xcd\xcc\x9931\xc6\xb3f\xcdb\x1a\x10\xdc`\x8c\xe9\xca\x8f\xe7yV\xf2:t`1\x00\xc6#\x9e\xb0\xfe\xb4\xff\xadB\xa1t\xbb]={\xf6d\x1a\x10\x94P\xbb\x9f\xb5\x1avFF\xc6\xfe\xfd\xfbW\xae\\\xe9r\xb9V\xacX\xc1\xca\xe1\x057l\x05\xc0\x00\xe0Y\xd6\x1f!\xf4\xf6[5\x8e\x1d?\xacT*g\xcf\x9e\r\x00`\x1a\x104d\xb5\xfb\xd4\xbe\xdf\xb9sg\xe7\xce\x9d\x07\x0f\xfe\xbe{\xf7\xae[\xb7n\xd1\xd3\xca\x95+7z\xf4hY\x96\x05\x81\x19\x8a \x850B\x1e\x84\x10!\xc4d2\xbd\xf5\xd6[\x00\x00\xa5R\t\x00\x18?fr\xea]\xf7{\xad\xde\x07\x00\xa8\xd5j\x00@\xcf\x9e=\t!\xb2,\xd3&gt;*\x8c\x80\x03!$I\x12\xbd\xdc\x94\xdb\xb7o\xcf\x9b7\xafe\xcb\x96F\xa3\xf1\t\xcb \x8a"\x00`\xd7\xae]\x84\x10Y\x96}7jF\x0e\xc2\\@\xa1\xce\x13s\x7f\xa5R\xe9r\xb9\xc6\x8f\xf9\xbeW\xf7&gt;i\xa6\xd40}X\xff\xc1\x89+\xd7,U\xab\xd5\x0e\x87\x83\xf9\x82\x02\x11:\xdf\xcf\xda\xd1\x8c\xce\xf77l\xd8\xb0\x7f\xff~\x8b\xc5\xe29S\xa9T\x16,P\xa4i\xa3\x16W\xae^\xde\xb4u\x1d\xc7qE\x8a\x149v\xec\x98\xc1``W&lt;(a\x02\x10\xd2&lt;\xcf\xfa\'~\xd479\xe5!\xc7s\x1c\xe4tZ\x1d\xd3\x80\x80\x83\xce\xef\x9e\xb0\xfb\x17/^\xdc\xbcy\xf3\xf6\xed\xdbO\x9c8\x91\xd5\xee+\x14\xca\n\xb1o\xc6\xc75\xa9S+\xbeP\xc1"Q\x91\xd1)\xa9\xc9\r\x9aU\xbb{\xef\x0e\xc6\xb8}\xfb\xf6+V\xac`\x8e\xa0\xa0\x84\t@\xe8\xf2b\xebO\x9fvL0\xd3\x80\x00\x82&lt;nt\x9c\xd5XS\xbb\xbf~\xfd\xfa\xe3\xc7\x8f\xbb\xddn\xcfq\x85BQ!\xb6"\xb5\xfb%K\x94Q\xab\xd5N\xa7\xd3\xe5r\xba\xdc\xaepc\xc4\x91\xa3\x07\xdf\xef\xd2\x02\x10 #y\xde\xbcy\xdd\xbauC\x08\xb1\x04\xa1 \x83\t@\x88\xf22\xd6\xff\xd1\x99L\x03\xfc\x9e\xa7\xed&gt;B\xe8\xef\xbf\xff~\xa6\xdd7\x18\x8c\xb1e\xdfx\xa7F\x9dzu\x1az\xec\xbe\xd3\xe9\xc0\x18A\xf8(&amp;,\xcbRLt\xee\xb1\x13\x87M\xfb\xe5;A\x10\x95J\xc5\xe1\xc3\x87+T\xa8@o\x1b\xdf|HF\x0e\xc0\x04 \x14yy\xeb\xff\xe8|\xa6\x01~\xc93\xed\xfe\xd1\xa3G\xd7\xad[\xb7u\xeb\xd6+\x97\xaf\xb8\xdc.\xcf\xc9\x860\xe3\xdbU\xaa\xc7\xc75\xa9Y\xa3N\xc1\xfc\x85EQt\xba\x9e\xb4\xfbY\xc1\x18k5\xda\x8e\x1f6;|\xe4 \x00\xa0b\xc5\x8a\xc7\x8f\x1f\x07l\x83Xp\xc1\x04 \xe4xU\xeb\xff\xe8\xb7\x98\x06\xf8\r\xe4\xf1f]\x8fC&amp;\xab\xdd?\x7f\xfe|\xd6\x93\xb3\xda\xfdB\x05\x8b\xf0&lt;\xefp\xd8].\x17!\xf8\x99v\xdf\x03\xc6X\xa9T\xa5\xa4&lt;l\xdc\xf2\x1dK\xba\x19c\xdc\xaf_\xbf)S\xa6\xb0`@0\xc1\x04 \xb4x=\xeb\xff\xe8w\x99\x06\xf8\x94\xa7\xed\xbe\xd5j=v\xec\xd8\xb6m\xdb\x9e\xb6\xfb\xf9\xf2\xe6\xafY\xbd\xf6[\x95\xab\xd7\xa8V\xabP\xa1\xa2\x8f\xed\xbe\x93\x90W\x98\xc2\xcb\xb2\x1c\x11\x11\xb9j\xcd\xd2\xbe\x03{(\x14\n\xb7\xdb\xbdj\xd5\xaa\xb6m\xdb\xb2`@\xd0\xc0\x04 \x84\xf8/\xd6\xff\xd1;0\r\xf0:Y\x8b4\xd0#\x19\x19\x19\xfb\xf6\xed[\xbf~\xfd\xee\xdd\xbb=\x9b\xb6(y\xf3\xe6\xafY\xadv|\\\x93\xb7\xab\xd4\xc8\x95+7\x00\xe05\xec~VdY\x8e\x8e\x8a\x194\xac\xf7\xa2\xa5s8\x8e\x8b\x8c\x8cLJJ\x8a\x89\x89!l\x87pP\xc0\x04 T\xf8\xef\xd6\xff\xd1\xfb0\r\xf0\n\xcf,\xd2\xf0\\\xbb\x9f\'\x7f\xcd\xea\xff\xd8}\x8c\xb1\xddn\x97$7\xf8\xcf.{B\x08\x84P\x14\xc4\xa6\xadk]\xfc\xeb&lt;\x00 &gt;&gt;~\xfb\xf6\xed\x08!\xe6\x08\n\x02\x98\x00\x84\x04\xd9e\xfd\x1f\xbd\x1b\xd3\x80\x1c\xe3i\xbbO7mm\xda\xb4\xe9\xc4\x89\x13O\xd8\xfd\x92%J\xd7\xa9\x15\xffn\xcd\xba\xb1e\xdf\xc8\x93;/\xca&gt;\xbb\x9f\x15\x84\x90N\xabK:\xffg\xdb\x0f\x1a\xcb\xb2$I\xd2\x981cX\x89\x88\xe0\x80\t@\xf0\x93\xbd\xd6\xff\xd1{2\r\xc8V^~\xb3.\x00\xa0d\x892uj\xd5\x8f\xaf\xd7\xa4B\xf9\x8a\x06C\xb8,KN\xa7\x83&amp;z\xe6\xd07/\xcbrtT\xf4\xec\xf9\xd3G\x8c\xee\xcf\xf3\x02\x84\xe0\xf7\xdf\x7f\xafZ\xb5*\xcb\n\rt\x98\x00\x0499a\xfd\x1f\xbd3\xd3\x80\xff\xcc\xd3v\xff\xd6\xad[{\xf6\xecY\xbf~\xfd\x93E\x1a\x14\xca\xb2e\xcaW\xa9\\\xadA\\\xd3\n\xe5+\x1a\x0cFI\x92\xec\xf6L\x19\xc9\x10B\x0e\xe6\xf8\xb7\x8d\x90\x1c\x11\x11\xd5\xb5G\xbbm;7B\xc8\x15)R\xf8\xec\xd9\xb3*\x95\x8a]\xe8\x80\x86\t@0\x93s\xd6\xff\xd1\xfb3\rxu^P\xa4a\xfd\xba\xf5g\x93\xceZ\xadV\xcf\xc9Y\x8b4\x94,QZ\xad\xd2H\xf2#\xbb\xcf\xbd0\x893\'\x86-\x08\x82\xcdfm\xd1\xb6\xee\x9d\xbb\xb71\xc6\xdd\xbau\x9b7o\x1es\x04\x054L\x00\x82\x96\x9c\xb6\xfe\x8f\xfe\n\xd3\x80\x97\xe3\x95\x8a4(\x15\xca\xf2\xff\xd8\xfdgo\xd6\xf5&gt;\xb2,G\x84Gn\xdf\xb5\xb9k\xcf\xb6\xa2(J\x92\xc4JD\x04:L\x00\x82\x13\xefX\xffG\x7f\x8bi\xc0\xf3y\xe6f\xddS\xa7N\xed\xdf\xbf\x7f\xdd\xbau\'N\x9c\xc8j\xf7\xc3\xc2\x0cU\xdf\xaaY\xed\xedwjV\xafU\xaad9?\xb1\xfbY\x91e9**z\xdc\xc4\xe1\xd3f|/\x8a\xa2B\xa18{\xf6l\xd1\xa2EY0 @a\x02\x10\x84x\xd3\xfa?\xfa\x8bL\x03\xfe?/.\xd2\xf0\xe2\xcd\xba\x82 \xf8\x9b\xdd\xcf\n!D\xa3\xd1v\xe8\xdc\xe4\x8f\xa3\xbf\x03\x00\xaaU\xab\xf6\xfb\xef\xbf\x03V""0a\x02\x10lx\xdf\xfa?\xfa\xbbL\x03\x00\x00\x00 \x84\xc0\xcb\x16i0\xbc\xfdV\x8d\xf8zO\x14ip\x12B\xfc\xd0\xee{@\x18i\xd4\xda\xeb7\xae\xb4l\x17\x97\x99\x99\x89\x90\xccJD\x04.L\x00\x82\n_Y\xffG\x7f\x9di\xc0c\xacV\xeb\x9e={\xf6\xed\xdb\xb7s\xe7\xce\'\xec&gt;\xdd\xb4U\xafn\xc3\xf2e\xdf(\\\xb8\xd8\xeb\x15i\xf0-\xb2,GFF\xad\\\xbd\xc4S"b\xc7\x8e\x1d\xf1\xf1\xf1,\x18\x10p0\x01\x08\x1e|k\xfd\x1f\x8d!\x845\x80\x10"\xcb\xf2\xb6m\xdb\xd6\xae]\xbbk\xd7\xae;w\xeed}\xf5\x89"\r\x84\x10\xa7\xd3\x11Xv?+\xb2,GG\xc7\xf4\x1b\xd4k\xd9\x8a\x05\x1c\xc7GGG\x9d9s\x86\x95\x88\x088\x98\x00\x04\t\xfe`\xfd\x1f\x8d$$5\x80\x96L0\x99L\xb9r\xe5\x92e\xd9s\xbc@\xfe\x82\xd5\xde~\'&gt;\xaei\xb6\x17i\xf0-\x84\x10\x8e\xe3eYj\xd5&gt;\xee\xef\xcb\x7f\x01@\xe2\xe3\xe3w\xec\xd8\xc1\x16\x01\x81\x05\x13\x80`\xc0\x7f\xac\xff\xa3\xf1\x84\x9e\x06P\x010\x9b\xcd%K\x96\xb4X,\x1c\xc7\xbd\xdf\xbek\x8b\xa6\xef\x95,Q:22\x1a\x10\x92\x19\x14v?+\x08!\xbd&gt;\xecl\xd2\xe9\xf6\x9d\x1a\xbb%\xb7$IS\xa6L\xe9\xd7\xaf\x1f\x0b\x06\x04\x10L\x00\x02\x1e\x7f\xb3\xfe\x8fF\x15b\x1a\xe0\x11\x80b\xc5\x8a\x9b\xcd&amp;\xa31\xfc\xe8\xfe\x8ba\x06\x83\xd5\x9aA\x17\x04\xc1\xf7\x91\x01\x00\x92$\xe5\x8a\xc9\xfd\xd3\xf4o\xbf\xfcj\xb8 \x88\x84\xe0\x13\'N\xbc\xf9\xe6\x9bl\x1d\x10(0o]`\xe3\x9f\xd6\x1f\x00\xc0A\x0e\x13l\xcb\xb4M\x994\xb3\xfd{\x9d\x1c\x0e\x87Z\xad\x9e={v\xaf^\xbdx\x9e\xa7)\x92\xbe\x1a\x9b\x17 \x84\x98-&amp;\x9b-\x83\x9a\xc2\xac\x9b~\x83\tQ\x14SR\x93{}\xd4\xa7a\xfd\xa6\xb2,\x11B\xbat\xe</t>
        </is>
      </c>
    </row>
    <row r="117">
      <c r="A117" s="1" t="n">
        <v>115</v>
      </c>
      <c r="B117" t="inlineStr">
        <is>
          <t>size_grid</t>
        </is>
      </c>
      <c r="C117" t="inlineStr">
        <is>
          <t>What is the size of the missing part denoted with a question mark?</t>
        </is>
      </c>
      <c r="D117" t="inlineStr">
        <is>
          <t>['medium', 'small', 'large']</t>
        </is>
      </c>
      <c r="E117" t="inlineStr">
        <is>
          <t>small</t>
        </is>
      </c>
      <c r="F117" t="inlineStr">
        <is>
          <t>There are circles arranged in a grid formation with varying sizes in the image. The sizes in the first row are ['?', 'large', 'small'], the sizes in the second row are ['large', 'medium', 'large'], and the sizes in the third row are ['small', 'large', 'small'].</t>
        </is>
      </c>
      <c r="G117" t="inlineStr">
        <is>
          <t>We observe that the circles at the corners are small size, while the circles directly adjacent to the center are large size. Only the center circle is medium size. Hence, the pattern is that the circles alternate in size depending on if they are at the corner or adjacent to the center.</t>
        </is>
      </c>
      <c r="H117" t="inlineStr">
        <is>
          <t>Based on the pattern that the circles alternate in size depending on if they are at the corner or adjacent to the center, the size of the missing part that is at the corner should be small.</t>
        </is>
      </c>
      <c r="I117" t="inlineStr">
        <is>
          <t>b'\x89PNG\r\n\x1a\n\x00\x00\x00\rIHDR\x00\x00\x02\x00\x00\x00\x02\x00\x08\x02\x00\x00\x00{\x1aC\xad\x00\x00j\xe9IDATx\x9c\xed\xddy|\x14E\xda\x07\xf0\xa7\xba{f2\xb9\'\x07\xa7\xca!$A\x08!\x81\x10.\x91\x08\x82QYuQ\x0e9\x13\x01y\xf1\n^\x0b\xbb\xee*\xe8\xee*\xa0\xa0+\xa8\x89\x12\x14\x10\xd6\x13\xaf\x85@\x00E\x101\x120\x07\x81\x10\x8e@\x08I\x80\\\x93L\x92\x99\xae\xaa\xf7\x8f\x82\xd9,x\xa0L2\xd3\xd3\xcf\xf7\xb3\x1f?\xef\x9bL\x86\xce\xe4\xe9\xfaUUWW\x13\xce9 \x84\x10\xd2\x1f\xc9\xdd\x07\x80\x10B\xc8=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x14w\x1f\x00Bm\x8ds\xfe\x93_\'\x84\xb4\xf1\x91 \xe4^\x18\x00\xc8\x9b\xf1\x16\x00@\x92$\xe7\x7f/\xc7\x18s\xfe\x97\xb4\xd0\x86\xc7\x8bP\x9b"?\xd7\x1bBH\xa3Ds\xcf\x18#\x84\xc8\xb2|\xf9\x0b\x18c\xb5\xb5\xb5\x84\\(~\xf1\x7f\xf8\xf8\xf8\x98\xcd\xe6\x9f|\xb1x+I\x920\x0c\x90\x97\xc1\x00@^B4\xfa\x9csE\xf9\xef\xb8\x96RZVVV\\\\\x9c\x97\x97{\xee\xdc\xb9\xec\xec\x1fTU\xad(//\xaf(\'@8\x88\xe2\'\x00\xdc\xdf\xcf\xbfG\xcf\x1e\x9cCtttXX\xd8\x80\x01\x03\xae\xbd\xf6\xda.]\xba\xf8\xfa\xfa\xb6|7\x00\xc0$@^\x03\x03\x00i\x1e\xe7\x9cR\xeal\xf7)\xa5EEE\x99\x99\x99\xbbv\xed****)9QWg\xfd\x1dok2\x19;u\xea\x14\x19\x199h\xd0\xe0\xd1\xa3G\xc7\xc4\xc48\xc3@UUI\x92~n*\t!\xad\xc0\x00@\x1a&amp;\xba\xe4b\x9e\x87R\xbaw\xef\xde\x8d\x1b7n\xda\xb4\xe9\xc8\x91\xa2\xe6f{\xcbW\x06\x04\xf8\xf9\xf9\xf9\xde\x10\xd1UR\xe4\xa0\x00\xbf\xbe}#8e\xa2\x1b\xcf9\'\x8a\xa1\xe4D\xe9\xc9\xd2r"\xcb\xc5\xc5\'\xeb\xea\xea\xcfW\xd5\\\xf2ou\xeb\xd651\xf1\xe6;\xef\xbcs\xc4\x88\x11\x81\x81\x81pq\xcc\x81\x03\x02\xa4]\x18\x00H\x93(\xa5\xce\x96\xb7\xb4\xb4t\xc3\x86\r\xeb\xd6\xad;p\xe0\xc0\x7f_AH\xd7.\x9d\xfb\xc7\xf6\x8a\x8b\x89\x1c\xd0/\xaaWd\xf7\xc0 \xff\xa0p\x0bH2H\x04\xc0\x00\xd0\xb2\xf2\t\x80\n\x8c\x02!\x8d\xe7\xaa\x1b\x1a\x1a\x0b\x8aN\xec\xcf-\xca\xcb?\x92\xbd\xaf\xe0HqISS\xb3\xf3\xa5]\xbat\x19?~\xfc\x94)S\xfa\xf6\xed\xeb&lt;\x98\x9f\xbc\xd8\x80\x90\x87\xc3\x00@\x1a#&amp;\xfaE\x83\xfb\xed\xb7\xdf\xbe\xfd\xf6\xdb\x9f|\xf2quu\x8d\xf8\xae\xc5\x128 \xae\xf7\x98\x91\x83\x86\xdf8\xa0wTW\xdf\xb0\x10\x00\x05@\x85f;P\xc6\x1c\x0e\x00\xe0\x1c8g\x00-\xbb\xed\xfc\xc2\x82\x1f\x0e\x92A\x01Y\x02\x93\x11\x88\x02\xc0i\x9d\xb5\xe8\xe8\xa9\xbd\xd9\xb9_d\xee\xda\xb7\xef\xe0\x89\x92\xd3\xe2\x07\x8cF\xe3\x88\x11#\xe6\xce\x9d\x9b\x94\x94d4\x1a\xc5h\x00c\x00i\x0b\x06\x00\xd2\x8c\x96s\xfd\xdb\xb6m[\xbcx\xf1\x96-[\x9c\xdf\x1d6$\xf6\xce\xb1\x89\x13\xef\x19sM\xf7k@2\x00s@c3u\xa8\x9cs\xe7z\xce+\x99\xab\x11g\x04c\x9csN\x08\xc8\x8a\x0c&amp;\x13\x18\x8c\x00\xccZQ\xb5\xf1\xcb\x1d\x1fo\xdc\xbeu\xfb\x9e\x86\x86F\xf1\xfa\xbe\xd1\xd1\xa9\xf3\xe6%\'\'\xc3\xff\x8eK\x10\xf2|\x18\x00H\x1b\xc4l;\x00\x14\x15\x15\xbd\xf8\xe2\x8b\xab32\x18\xe7\x00`6\xfb\xdc7&gt;)e\xc6\xddC\x06\xc7\x80\xc9\x0c\xcd\x8d\xac\xa9\x991N$"\xb9b\x15\xbf\x18.0\xce\t\x80l4\x80\xaf\x1fpv(\xbf\xe8\xdf\x1fd\xa6\xbd\xf5A\xd9\x99\xb3\xe2e\xa3F\x8d\x9a?\x7f\xfe\xc8\x91#\x01g\x84\x90v`\x00 \rPUUQ\x14\xbb\xdd\xbex\xf1\xe2e\xcb^\xae\xaa\xaa\x06\x80\x10KPJ\xf2\xdd\xd3\'\xdd\xdeg@\x0c0\x07\xaf\xb7Q\xcad\xb9\x15;\xe0\x17n/\x00\x90\xfc\xcc`0W\x94\x9c\\\xb3a\xd3\xaa\x8c\x8f\n\x0f\x1f\x07\x00BHrr\xf2s\xcf=\xd7\xa9S\'\x1c\n M\xc0\x00@\x1eM\xdc\x97+I\xd2\xee\xdd\xbb\xe7\xcc\x99\x93\x9f\x9f\x0f\x00f\x93i\xd2\xc4\xa4\xa7\x1eK\x89\xec\xdb\x1b\x1c\r\xb4\xa1\x91\x00\x91\xe4\xb6[\x94\xc9\x18c\x8c+&gt;F0\x07\xd6V\x96/\x7fm\xed\x9b\xe9\x1f\x9c)?\x07\x00\x1d:\xb4\x7f\xee\xb9\xe7g\xce\x9c\t8\x14@\x1e\x0f\x03\x00y.g\x03\xfa\xec\xb3\xcf\xbe\xf0\xc2?\xc5\xca\xceQ\x89\t\xcf/z8aX\x02\xd8\x1b\xd5z\x9b$\xbbm=&gt;\xe7\x9c\xaaT1\x19\xc1/\xb0\xec\xd8\xf1\xbf.\\\xb1z\xcd\xa7bbj\xe2\xc4\x89\xaf\xbd\xf6Zhh\xa8\x18\xbb\xb8\xe5\xf0\x10\xfaU\x18\x00\xc8C\x89\xd6\xff\xcc\x993\xc9\xc9\xc9\x99\x99\x99\x00`\t\x0eX\xf8\xb7\x07\x1f~h\nH\x84\xd6Y\x89g\xdc\x8au\xe1\xd2\xb4\xd9\x07|\xfc2?\xcfz\xf4\xf1\x17\x0e\x1f)\x01\x80\x88\x88\x88U\xabV\r\x1d:\x14\xc7\x01\xc8ca\x00 O$:\xce\xbbw\xef\x1e?~|YY\x19\x00\x0c\x1b\xdc\xef\xed\xf4\xe7"zG\xb1\xda\x1a\xe0\xbc-\'|\xae\x04\xe7\x9cR\xa6X\x82j\xcf\xd7&lt;\xf1\xc4\x8bo\xad\xfe\x04\x00L&amp;\xe3+\xaf\xbc\xfa\xc0\x03\x0f\xe0%\x01\xe4\x99&lt;\xeb,B\x08.\xb6\xfe\xe9\xe9\xe9\x89\x89\x89\xa2\xf5O}h\xf2\x8e\xad\x19\x11\x11]\xd5\xea\xf3\x92\xd4\xa6\xd3\xfdW\x88\x10\xa2(2\xad\xae\r2\x1b\xd33^H\x7f\xfd\xd9\xe0@\xff\xe6f\xfb\x9c9s\xe6\xcc\x99#\xcb\xb2\xb8}\xc1\xdd\x87\x89\xd0\xff\xc0\x11\x00\xf2,\xce\xd6\x7f\xf6\xec\xd9\x00\x10\x14\xe0\xf7\xf2\xd2\xa7RfO\xe1\xd6jN\x99\x076\xfd\x97\xe0\x9c3\xcadK\xe8\xf7\xbb\xf6N\x9d1\xbf\xe8\xe8)\x00\x985kVZZ\x1a\x8e\x03\x90\xa7\xc1\x00@\x1e\xe4\x92\xd6?\xd4\x12\xb8\xe9\xb3\xd7\xe3\x87%\xa8U\xe7dE\xd6P\xd3\xa9:T%8\xb0\xaa\xb2*\xe9\xf6\xd9\xdf\xe7\x1c\x04\xcc\x00\xe4\x91&lt;\xbd?\x85\xf4\xe3\x92\xd6\x7f`\xdc\r{v\xaf\x8f\x1f\x12\xabV\x9dS\x0c\x8a\xb6\x1aM\xc5\xa0\xd0Zk\x88% +ku\xca\x94?\x00\x80\xf8\xbdp.\x08y\x14\x1c\x01 \x8fpy\xeb\xbf\xf9?\xe9\x96\xf0`Zk\x955\xbb\x8c\x92Q&amp;\x19\r`\xf6\x99\x9d\xbc \xfd\x9d\x8dpq\x1c \x9e0\xa3\xadHC^\t\x03\x00\xb9\x9fX(\xe9l\xfd\xe3c{enz\xcbb\t\xa0\r\x8d\xb2\xa2\xed\x05\x94\x8c1.I\xb2\xbf\xdf%\x19\x80kC\x91\'\xc0\x00@n&amp;\x9a\xc2={\xf6\x0c\x1b6\x8c1\x16\x12\x1c\xf8\xc3\xb7\xeb\xbbEv\xa5\xb5\xf5Zo\xfd\x05\xce\x18\x97eb0\x0c\xbd\xf1\xbe=\xd9\xf9\x00\xb0l\xd9\xb2\xd4\xd4T\xbcG\x0c\xb9\x1d\x06\x00r\'1\x19RYY\x19\x13\xd3\xb7\xa2\xa2\xd2\xcf\xd7\xbc#3=~H\x1c\xad\xb5zG\xeb/0\xc6\xc0`\xa8\xb1\xda\x12o\x9e\x96{\xf0(\x00l\xd9\xb2\xe5\x96[n\xc1q\x00r/\xbc\x08\x8c\xdcIl\xf53u\xea\xd4\x8a\x8aJ\x00X\xf1\xf2\x9f\xe2\x87\rRk\xea\xbc\xa9\xf5\x07\x00I\x92x\xb3=$\xdc\xb2v\xf5\x0b!\x96@\x00\x986mjEE\x85$I\xe2\x13@\xc8-0\x00\x90\xdb\x889\x90E\x8b\x16m\xdd\xba\x15\x00R\xffo\xe2\xf4\x07\xa6:\xaa\xce)\x06/\x9c\x18\x91\x15Y\xad\xa9\x8b\x8e\x8fM{\xf5i\x00(/\xaf\x98:u*!8\x04G\xee\x84\xf5\x87\xdcC\xec\xef\xff\xddw\xdf\r\x1f&gt;\xdc\xe1p\x0c\x1a\xd0g\xd7\xce\xb5\xdc\xa1\xca\xc0\xbdxy\x8c\xaa\xaa\x8a%t\xde\xdc\xbf.\x7f}\x03\\\xbc\x18\x80\x13A\xc8]0\x00\x90\x1b\x88\x8d\xf5)\xa5\xd1\xd1\xd1EEE\x01\x01~\x07\xf6l\xe8\x1e\xd1\x9554z\xfe\xbd\xbeW\x83s\xce\x08\x01E\x198xB\xce\x8fE\x8a"\xe5\xe7\x17DDDp\xce=ac;\xa47Xs\xc8\r\xc4\xe3s\x97.]ZTT\x04\x00/&lt;\xf3`\xf7\xdeQ\xaa\xb5\xc1\xbb[\x7f\x00 \x84\x00e\xb2\xc1\xf0\xd6\x8a\xbf\x99L\x06J\xd9#\x8f&lt;\x82\x13A\xc8]\xbc\xfc|C\x1eHL\xfe\x1c=zt\xf1\xe2\xc5\x000|h\xec\xdcG\xa7\xd3\xdaj\xaf\x9c\xfa\xbf\x9c,K\xaa\xd5\x1a;4\xe1\x89\x87&amp;s\xce\xb7l\xd9\xf2\xc1\x07\x1f\xc8\xb2L)u\xf7\xa1!\xdd\xc1\xae\x07jkb\xca{\xfa\xf4\xe9\xef\xbe\xfb\xae\x8f\x8fi\xf7\xd6\xb7\xe3\x06\xf5c\xf56\xaf\xef\xfe;q\xce\x99,7\xd8\x9a\x06\x0c\x9ex\xf4\xf8\xa9\x1e=z\xe6\xe5\xe5)\x8a\x82\xb7\x07\xa36\xa6\x97S\x0ey\x08\xd1\xfa\xef\xdc\xb9s\xdd\xbau\x000\xe1\xeeQq\xc3\x06Qk\xbd~Z\x7f\x00 \x84p\xbb#0&lt;\xfc\xe9\'S\x18\xe3EEEK\x97.\xc5%\xa1\xa8\xed\xe1\x08\x00\xb5)\xd1\xc6\x8d\x1a5j\xc7\x8e\x1d\xa1!A\xdf}\xbd\xa6{\xcf\xae\xd0\xd4,I\xfa\xea\xf9r\x00\x0e\xe0\x002&lt;qZv\xce\xc1\x90\x90\x90\x83\x07\x0f\x86\x87\x87\x83\xb8N\x80P\x9b\xd0Q\xb7\x0b\xb9\x9d\xd8\x0c9\'\'\xe7\xab\xaf\xbe\x02\x80\xe4\xc9c{\xf4\xe9\xc3\x1alzk\xfd\x01\x80\x00p\x95\x9a\x02\xfc\x17.\x98\xcd9?\x7f\xfe\xfc\xda\xb5k\t!x%\x00\xb5%\x0c\x00\xd4\xd6V\xae\\\xc99\xf7\xf11\xa6L\xbb\x93\xdb\xeb%\xbd.\x81\x97\x14\x99\xd5[\x87\x8f\x1c\x1c\x15\xd9\x95\x10\xb2j\xd5\xaa\xc6\xc6FY\x96qP\x8e\xda\x0c\x06\x80\xdb\xf0\x16\xdc},m\x81s.\x1e\xf2\xfe\xe1\x87\x1f\x00\xc0\xa4{n\xed5 \x86\xd9\x1au\xd8\xfd\x17\x08\x00wP\xdf\xe0\xe0\x05\xf3fp\xce\x0b\n\n\xb6m\xdbF\x08\xd1\xc9\x95\x00\xbd\xd5\xbfg\xc2\x00hS\x8c1UU)\xa5\xce\x1d\xe1\x05\xce9\xa5TUU/&gt;\xf9\xc5\xe4\xc6\xfa\xf5\xeb\xad\xd6zY\x96\xe7\xce\xbc\x873\x07\x80N[\x7fA\x92%n\xab\x1f\xf7\xc7\xd1\xd7tnO\x08IOO\x03\xaf\xbe\x06\xa0\xe7\xfa\xf7L\x18\x00m\x84R*f\xc0\x15E\x91eY\x92\xa4\xda\xda\xda\xea\xea\xea\x9a\x9a\x9a\x9a\x9a\x1aB\x88,\xcb\x8a\xa2H\x92$N\x06w\x1f\xaf\xeb\xc9\xb2l\xb7\xdb\xdfY\xbd\x9a\x102\xb0\x7f\xef\xb8A1\xbc\xde&amp;\xebi\xf1\xcf\xe5\x08!\xb4\xd9\xe1\x17\x1e6i\xdch\xce\xf9\xb6m\xdb\x8e\x1c9\xe2\x95\xcb\x81\xb0\xfe=\x93.n\xbdq/\xb1\xed\x81\xd8\xec\xa5\xb4\xb44++k\xd7\xaeo\x8e\x1f?QXxPUU\x02\x84\x03\xf4\xe8q}\xe7\xce\xd7\x0c\x1d:t\xcc\x981\xbdz\xf5\x12\x13\xc1\xde\xb4=\x80X\xfd\xb9\x7f\x7fN^~&gt;\xe7|\xdc\x1f\x12%\x93\xafjk\x92\xbck\xd7\xcf\xdf\x81\x10\x02\xcc1\xee\xce\x91/\xbd\xb6\xae\xa1\xc1\xb6q\xe3\xc6\'\x9f|R\xdc+\xe7\xeeCs\r\xac\x7fO\x86\xcb@[\x97s\x9f\xafm\xdb\xb6\xbd\xfb\xee\xbb\x9f\x7f\xfeyuu\xf5/\xbc\xded2\xddt\xd3M\x93\'O\x9e6mZ\xcb\x1f\xd7:\xb1\xf1\xe7\x9f\xfe\xf4\xd4\xe2\xc5KB,A\xf9\xdf\xbf\xdf\xf1\xda\xf6\xbc\xd9\xe1\xc5\xd3\x1dW\x8eq\x0e&amp;\xd3M\x89\xd3v\x7f\xf7\xe3\x90\xc1\x83w~\xf3\r\x00xG\xdb\x87\xf5\xef\xe10\x00Z\x91(\xdf\xb2\xb2\xb2\xbf\xfe\xf5\xaf\x19\x19\x19\xce\x8f\xba\xcbu\x9dz\xf6\xec\xd2\'\xaa\x9b%$\x18(u8\xd4\x1fr\x8bJK\xcb\xf3\x0b\x8a\x01.\xbcf\xd4\xa8Q\xcf?\xff|BB\x82w&lt;?\x96s\xae\xaa\x8e~\xfdb\x0f\x1e&lt;x\xf3M\xf1\xdb\xb6\xbf\xc3\xac\xf5\xde\xd1\xc6]=U\xa5\x8a%d\xe1_\x96&lt;\xfb\x8f4\x1f\x1f\x9f\x1f\x7f\xfc1""\xc2\x0b\x06\x01X\xff\x9e\x0f\xa7\x80Z\x8b\xe8\xf3fff\xde\x7f\x7f\xca\xe9\xd3e\x00`\xf61\xdd7\xe1\xb6I\x13o\x8b\x8f\x89\x0c\xec\x18\x0e \x01\xc8\x17*\x9e\xab\xaa\xb5&gt;\'\xff\xc8\xe6\xcc]o\xa4}p\xa6\xfclVV\xd6\xce\x9d;_|\xf1\xc5\xd4\xd4T1#\xac\xdds\xe0\xe2\xe6?\xc7\x8e\x1d;\n\x00\xb7\x8e\x1a\x02\x92\xc2\x18\xd7x\xfb\xe62\x84\x10`\xf6\xd1\x89\x83\x9e\x7f\xf1\xed\xa6\xa6\xa6\xdd\xbbw{A\x00`\xfdk\x02\x8e\x00Z\xc5%O9\x07\x80\x94iw=\xf6\xe8\xd4\xdeq}\x00\x18\xd8\x1a\x99]e\\\xdc\rJ\x00@"D\x92%\xf05\x83l\xac8U\xfaF\xfa\x07\xaf\xbc\xba\xa6\xba\xd6\n\x17\x9f!\xae\xe9~\x90h\x0b\x96/_6o\xdec\x8a,\xef\xdd\xf1N\xdc\xd0XZ\xd7\xa0\xf3+\xc0N\x9cs"K\xb6&amp;\xfb\rq\x7f,9y\xe6\xee\xbb\xef\xfa\xf8\xe3O4=\xfb\x81\xf5\xaf\x15x\x06\xba\xde%\xd5\x1fj\t\xfa\xf7\xda%o\xbf\xb3\xb4wt\x04\xad\xa9\xa15V\xaeRI\x96\x14EV\x14EQdE\x91%Y\xe2\x00\xac\xbeA\xad\xaej\x1f\x1a\xfc\xcc\xa2\'\xb2\xb6\xae\x8a\xeb\x1b\t\x00\xe2}4\xbd2D\x9c\xb7\xbbv\xef\x06\x80\xce\x9d\xdaEFu\x83\xc6&amp;\xdd.\xff\xbf\x1c!\x84:\xa8oHp\xff~Q\x00\xb0?g\xbf\xcdf\xd3\xee\x1daX\xff\x1a\x82\x01\xe0b\xa2\xfa\xb3\xb2\xb2D\xf5\x87\x04\x07l\xfal\xe5\xf8\xc9\x7ftT\x9dc\xb6FY\x96eY\xfa\xc9\x8e\x0c\x01\x90$IQd\xae\xaa\x8e\xf3\x15q\x03zgm]\x15\x1f\xdb\x0b\x00\xd2\xd3\xd3\x17.\\(\xcb\xb2\xaa\xaam\xfd\xfb\xb8\x82$Iv\xbb\xfdPa!\x00\xc4\xf7\xef\xed\x17\x16B\x1d\x14{s-q\xce\x81\xc8#\x86\xf5\x07\x80\x8a\xca\x8aS\xa7N]\xf8\xa2\xd6`\xfdk\x0b\x06\x80+\x89\x81jyy\xf9\xd4\xa9S\x00 \xc4\x12\xb8\xf9\xf37\xe2\x87\rp\x9c\xaf4\x18\x94+\x9c\xd2%\x84\x18\x8c\x06ZSg\t\x0e\xc8\xdc\xfc\xd6\x80\xd8^\x00\xb0p\xe1\xc2\xac\xac,EQ4\xb7DZ|&amp;g\xce\x9c9y\xf2$\x00\xf4\xef\x17\x05D\xd1b\xd3\xd6\xaa\x08!\xc0\xd5\xd8\x98(I\x92\x1a\x1b\x9brssA\x83\x01\x80\xf5\xaf9\x18\x00\xae$V./\x98?\xbf\xbc\xbcBQ\xe4\xb4W\xff\x12?l\x90\xe3|\x95\xc1h\xf8\xado%+\nmh\xb4\x84\x05\xbf\xbfviXh0\x00\x7f\xe8\xa1\x87\xecv\xbb\xe6\x9e\x1e%\x8e\xf6\xf8\xf1\xe3Vk=\x00\xf4\xeb\x1b\t\x80\xdd\xffKI\x12\x81f{d\x8f.\xc1A\x01\x00p\xe8P!h0\x00\xb0\xfe5\x07\x03\xc0e\x9c;\xdd\xafY\xbb\x16\x00&amp;\x8fO\x1a7\xe5\x1eG\xd5\xd9\xdfQ\xfd\x82\xac\xc8\x8ejk\xb7\x1b"\x97&gt;\xff(\xe7p\xf8\xf0a-\xee\x1a/N\xd7\xbc\xbc\\\x00\x08\n\x0c\xe8\xdd\xab;47c\x00\\B&lt;!\xc0\xd2)\xbcg\x8f\xeb\x00 //\x1f\xb4\xb6\xee\x05\xeb_\x8b0\x00\\\xec\x8d7\xde\xa0\x94\x9aL\xc6\x05O$3\xfb\xd5.tQ\x8c\n\xb5\xd6L\xbcolT\xc4\x7f7\x8c\x14\xb7\xcb\xbb\xea\x80\xdbFyy9\x00\xf8\xfa\xfa\x04\x05\x05\x00\xa5\x9aj\xd9\xda\x08\xe7\\1\x19CC\x82\x00\xa0\xa2\xa2\x82s\xae\xad\x00\x10\xb0\xfe\xb5\x05\x03\xc05\x9c[]\xfe\xe7\xcb/\t!S&amp;$E\xc6\xf6\xe1\xb6\xc6\xab\\\xcaM\x00@\xa5\xa6\xc0\x80??\x9e\x0c\x00G\x8f\x1e\xdd\xbe}\xbb\xb66\x8c\x14\x9f@N\xce~\x00\x88\x8a\xec\xea\x1fna\x0eU\x8bM[kc\x8c\x03Q\xfa\xc7D\x01@Q\xd1\xe1\x9a\x9a\x1a\r\xb5tX\xff\x1a\x85\x01\xe0\x1a\xe2\xda\xd4\xd6\xad[k\xeb\xea8\xe7\xd3&amp;\xdd\xce9s\xc9V\x97\x92,\xf1F\xdb\x9dw\x8c\x08\xb1\x04\x01!\x1f\x7f\xfc\xd1\xd5\xbfg\xdb\x13\r\x19\xf1\x96\x1d\x0eZ\r\x11\xabc\x9d\x9b\xe7h\x05\xd6\xbfF\xe1\xd9\xe8\x1a\xa2K\xbb}\xfb6\x00\xe8\xda\xa5S\xdf\x98(ht\xcdN\xf7bv\xd8\xbf]\xd8\xf0\xa1\xb1\xc0\xf9\x9eo\xf7455i\xa8\x19%\x84455\x95\x9d&gt;\r\x00\x96\xe0@\x00\xa2\x8d&gt;\xad{pKp \x00444\x9c&gt;}\x1a\xb4s\x1d\x18\xeb_\xa3\xf0st\r\xb18\xe1\xd8\xb1\xe3\x00p}\xf7k\x83;\x86q\xd7Mt0\xc6%\xc5\x14\x1b\x1d\x01\x00\xe5\x15\xe5V\xabU+k!\xc4D\xb6\xcdf+=]\n\x00\xb1}#@2p\xa6\x81#o{\x84\x10\x00\x1a\x1b\x13\t\x00\r\r\xb6\xd2\xd2R\xd0T\x00`\xfdk\x11\x06\x80\x0b\x88\xd5o\xb5\xb5\xb5\xc5\xc5G\x00 \xfa\x86\xeb\x81\xbb\xf26NB\x08\x80\xda\xfb\x86\x1e\x00P[[WXX\x08\x17\x9f\xae\xae\t\x84\x10\x83\xc1\x00\x00\xaa\xaa\x99cv\x17\xe7G$&gt;1M\xc0\xfa\xd7.\x0c\x00\x97\xe1\x9c;\x1c\x0e\x00\x08\x0b\t\x02"\xb9\xba\x83\xc2\xc3B\x83\xe0\xe23\x95\\\xfb\xd6m\xe0\xc25\x00\xbc\xf4\xfbk\x9c\x1f\x91\xe6z\xb8X\xffZ\x84\x01\xe0Jbj\x92\xd2V\xe9\x9b8\xdf\x16\'@\x91g\xc2\xfa\xd7\x1c\xfc(]\xc6\xf9(;\x87C\x85V\xe8\xbe9\x1c\x17:&gt;Z\xbc\x1b^L\x07k\xaeW\xdb\xf6\x9c\x1f\x91\xe6V\xcab\xfdk\x11\x06\x80\x0b\x88KR\x81\x81\x81\xdd\xbb_\x0f\x00\xfb\xf3\x0e\x03\xa1.\xdc\xed\x92s\x0e\xa0\x1c\xc8=\x0c\x00\x81\x81\x01={\xf6\x04M5\x10\x9cs\x95\xaa\x00`\xd4\xce\xbc\xb6\xbb8?"\rMt`\xfdk\x17\x06\x80k0\xc6\x14E\xb9\xee\xba\xeb\x00\xa0\xe4dySm=q\xddf\xf7\x84\x00pZt\xf4$\x00\x84XB\xc2\xc2\xc2@;\'\x00\xe7\xdc`0\x04\x05\x06\x01@\xf1\xf1S\xc0q#\xa0_ \x15\x1f?\x05\x00\x06\x83!((\x08\xb4\xf3W\xc6\xfa\xd7(\x0c\x00\xd7\x10#\xf7a\xc3\x86\x01\xc0\xc1C\xc7\n\xf3\x8a\xc0l\xa6\xaeX\xa8\xc09\x97\x0cJSu\xcd\x96\xed{\t!\xb1q\xb1\xbe\xbe\xbe\x94j\xa3\x19\x15}\xc3\x80\x80\x80\x88\x88H\x008z\xfc4pU\x0b\x07\xee\x06\x9cs\x00\xe9\xe8\xb1R\x00\xb0X\x82#""@;\xcd\x1c\xd6\xbfFa\x00\xb8\x86\xb80u\xeb\xad\xb7\x1a\x8dF\xc6\xd8\xe7\x9bv\x12\xd9\x08\xaeX\xf0\xce\x18\'f\xdf\xef\xf6\x1c8S~\x96s&gt;v\xec\x1f@\x83\x93\xe9v\xbb\x1d\x00||\x8c@\xb0\xe4~\x89\xd9\xc7\x04\x00\x94Rm\xcdtc\xfdk\x14\x9e\x8d\xae!6)\x8c\x8c\x8c\x1c6l\x18!\xe4\xb5\xb4\xf7\xcf\x9d*%&amp;\x83+*\x95\x03c\xcf-y[Ui\xbb\xf0\xf0;\xee\xb8\x03\x004\xb4O\x80X\xaf\x1d\x13\x13\x03\x00E\xc5\xa7\xea\xcfU\x13\x05\x9f\x07\xf0\x13\xc4#\x01\xf6\xe7\x15\x01@\x8f\x1e=\x03\x03\x035\xb4\x1f\x1c\xd6\xbfFa\x00\xb8\x8cx\x1a\xc6\xcc\x9939\xe7g\xcfU\xafx}\xbd\xe4\x1b\xac:\xae\xeaR\x1eU\xa9\x1c\x1c\xb4s\xeb\xee\x1d;\x7f\x00\x80;\xef\xba+&lt;&lt;\\\x8b\xe3\xdf\x8e\x1d;\x00@M\x8d\xd5f\xb5\xb9pv\xd8\x9b\x10\t\x18U+\xceV\x01@xx\xb8\xa2\xb5\x98\xc4\xfa\xd7"&lt;\x15]FQ\x14\xc6\xd8\xbd\xf7\xde;|\xf8p\x02\xb0\xfc\xf5\xf5y\xd9?\x18,A\xf4\xf7.\xe7`\x8c\x11\x93\xc1V]\xf7\xe8\xfc\xa5\x84\x90\x90\x10\xcb\xc2\x85\x0b\xc5]\x97\xae=\xf2V%\xce\xd5\xe8\xe8\xbe\x00P[g-*.\x01\x93\x91\xe1n\x10\xff\x8bs.)\x8a\xb5\xb2\xea\xe8\xd1R\x00\xe8\xd3\xa77h\xedfW\xac\x7f-\xc2\x8f\xd2\xc5\x14EY\xb6l\x99\xac\xc855\xd6)\xc9\x7f\xae&gt;[-\xfb\xf9R\xf57\xcf\xe72\xc68\x91$_\xdf\xb9\x0f.&lt;\x90[\xc4\x18[\xb4\xe8\xb9\x8e\x1d;\x8a~Vk\x1cy+\x11G\xdb\xb5kW\x1f\x1f\x1f\xc6\xd8\x81\xdc"|$\xe4\xe58\xe7\xe0c:v\xec\xd4\xd9sU\x00 \xae\x99k\x11\xd6\xbf\xb6`\x00\xb8\x92$I\x94\xd2\xb8\xb8\xb8%K\x96\x02@nA\xf1\x98\xa4\x99\xd5\xd5V9(\xc0\xe1p\\y\x9bGUU2\x18\xe4\x00\xbf\xd93\xe6\xbf\xb3\xfeK\x00\xb8\xe7\x9e{\x1e|\xf0AUU57\xfb\xe9\x0c\x80N\x1d;\x02\xc0\xfe\xdc\xc3\x00\x1cO\xe1K0\xc6AR\xf2\n\x8a\x1d\xaaj0\x18\xfa\xf5\xeb\x07\x1a\xbc\xe5\x15\xeb_s4Va\x9eO\x96eJijj\xea\xacY\xb3\x00 {\x7f\xe1\x98\xdbf\x1d9t\xdc\x10\x12N\x00\xa8J\x7f\xa1\xf3\xcb9PJ\x19e\xb2\xc5bmv\xdc?\xedO\xe9\xefl\x04\x80\xf8\xf8\xf8\xb4\xb44\xcd\xed\x11/\x88\xc7w\x98\xcd\xe6\x88\xc8H\x00\xf8.;\xcfn\xb5J\x1a\xfcEZ\x95H\xc4\xafv\xed\x03\x80\xd0\xd0\x90\xee\xdd\xbb\x83v\xd6\x80\xb6\x84\xf5\xaf-\x18\x00\xae\'VD\xa4\xa5\xa5]8\x07r\x0e\x0e\x1d&gt;9#\xed=;\x03\xd9b!\x8a"6\xb4\xa2\x94R\xca\xc4\xff\xc4\xffG$"\x07\x07J\x01\xbe[7\xefL\xbcy\xfa\xaa\xb5\x9f\x01@|||ff\xa6\xc5b\x01m\xb6\x08pq.;&gt;&gt;\x1e\x00\x8e\x1d?}\xe2H\t1\x9b\xf02@K\x92,;\xac\xd6\xbd?\x14\x00@\xaf^7\x04\x04\x04hw\xae\x03\xeb_C0\x00\\\x8f\x10"\xba\xbdiii\xcf&lt;\xf3,\x00\x9c=_\x93\xf2\xc0\xdf\x06\x0c\x9d\x94\x91\xb6\xfe|u\x9d\x14\xe0\xa7X\xc2\xe4\xe0 98@\xfcO\xb1\x84\xc8\xc1A6\xbbc\xeb\xa6\x9d\xb7&amp;\xcd\x1e\x9d4k\xdf\x81B\x00\x18?~\xbc\xa8~\xc6\x98\xe6&amp;\x04\x9c\xc4y\x9b\x94\x94\xa4(JSs\xf3\xee\xbd?\x82b\xd4\xd6\x15\xceV\xc5\x18\'f\xd3\xd1\xc3\'\x8e\x9d8\r\x00\xb7\xdd\x96\xa4\xe9G\x9fc\xfdk\x08&gt;W\xa1\xb5p\xce\xc5\x8a\x85\xcc\xcc\xcc\'\x9ex"??_|\xbd]x\xc8\x90A1\xfd\xfa\xf5\x8a\x8e\xecf\t\r\x02\xca\x1c\x0e5;\xf7\xf0\xb1c\xa7v\xec\xfc\xe1\xf8\xf1R\xf1\xb2\x0e\x1d\xda\xff\xf9\xcf\x7fy\xf8\xe1\x87\x01@\xeb\xd5\xef|,L\xaf\xa8\xa8\x93\xa7N\xdd=6\xf1\xe3OW\xd2\xda:\x1c\xd1\x0b\xaaJe\x8b\xe5\xd5\x17\xdfL\x9d\xff\x92,K\xdf\x7f\x9f\x1d\x17\x17G)\xd5\xf4\xe7\x83\xf5\xaf\t\x18\x00\xadKUUEQ\xecv\xfb\xe2\xc5\x8b\xd7\xaf\x7f\xef\xe0\xc1\xc2_\xfd\x91\x8e\x1d;\xdeq\xc7\x1d\xcf&lt;\xf3L\xe7\xce\x9d\xc5&lt;\x80\x17\x8c|Es\x96\x9c\x9c\xbcz\xf5\xeak\xaf\xe9p0\xe7#\x7f?3WqA7\x00\x00\xa3T\n\n\xbck\xec\xff}\xf6\x9f\xaf{\xf5\x8a\xca\xc9\xd9o4\x1a\xbd\xe3\x93\xc1\xfa\xf7p\x18\x00\xad\xce\xd9\x95knn\xde\xbcy\xf3g\x9f}\x96\x9d\xfd\xfd\x993g\xce\x9d;\xef|M```XXhll\xdc\x1dw\xdcq\xdbm\xb7\xb5k\xd7\xae\xe5\x0fz\x01\xf1\xbb\xfc\xe7?_\xde~\xfb\x1d\x00\xb06\xfd\xb9\xc9\xf7\x8fWkk\x15\xdd\xdf\x14\xc6\x18\x97|MG\n\x8e\xc6\x0e\xbd\xaf\xc1\xd6\xf8\xe4\x93O.^\xbcX\xb4\x9b\xee&gt;4\xd7\xc0\xfa\xf7d\x18\x00m\x81s\xder\r\x03\xa5\xb4\xba\xba\xfa\xe0\xc1\x83\x94RB\x80s\xe8\xd1\xa3GXX\x98\xd9lv\xbe@\x92$o\xea\xf8\x88Y \xab\xd5z\xc3\r\xbdN\x9f&gt;}\xfb\x98\x1b?\xffO\x1a\xab\xad\xc3\xe5@\xaaJ\x15K\xc8\xd2\xbf\xbf\xf6\xe4\xd3\xaf\xc8\xb2\xbc{\xf7\xee\x84\x84\x04/k\xfb\xb0\xfe=\x16\x06@\xdb\x11\xa7\x01\xfc\xfcN&amp;\x94R\xce\xb9,\xcb^Y\xfa\xa2W\xfb\xe4\x13O,}\xe9%??s\xee\x9e\r\xdd\xa2\xbaq[\xb3\x0b7\x8e\xd7"\x0e\x9cJr\xffA\x13\xf2\n\x8a\x13\x12\x06\xee\xde\xfd-h\xf0\x0e\x80+\xa1\xf3\xfa\xf7L^Xg\x1e\x8b\x10"\xcb\xb2,\xcb\xe2\xfa\x18m\x811&amp;J_Q\x14o\xad~\xd1\xa8\xcdHN6\x1a\x0c\r\r\x8d\xef\xae\xff\x92\x18|\xb9f\xd7\xba\xb8\x04\xa5\x8c\xf8\xfb\x7f\xb3co^A1\xe7&lt;%\xe5~M\xaf\xff\xf9e:\xaf\x7f\xcf\x84#\x00\xd4v\xc4r\x8e[n\xb9e\xdb\xb6maa\xc1\xf9\xd9\x1f\x86\xb7\x0b\x01\x87\xaa\xdbs\x9e1\xc6}\xcc\xa3\xc7\xa4l\xff:\xbbC\xfb\xf6y\xf9\xf9\xa1\xa1\xa1\x80\x0b\xdeQ[\xc1\x11\x00j;\xa2\xb71o\xde&lt;\xce\xf9\xd9\xb3\xd5k\xd7}N\xcc\x81\xbfc\xa3\x18\xef@)\x93\x02\xfd\x7f\xdc{@lu9y\xca\x94\xb0\xb00\xdc\xea\x12\xb5%\x0c\x00\xd4v$I\xe2\x9c\'&amp;&amp;FEEI\x92\x94\xb6zcme\xb9d2\xeat\x18J\x00\x18,~u\r\x00\xf8\x98L\xf7\xdf\x7f?nu\x89\xda\x18V\x1bj;\xce}\x81\x16,X\xc0\x18;|\xe4\xc4\xf2e\xab%\xbf@m=\xfd\xca%(er`\xc0W\x9bw\xfe\xfb\xa3-\x9c\xf3\x89\x93&amp;\xf5\xea\xd5\x0b\xefxBm\x0c\xaf\x01\xa0\xb6&amp;\x9a\xfb\x91#G\xee\xdc\xb93,48\xf7\xfb\xf7\xdbu\x08\x07\x87C\xd2\xd3\xd4\x07e\x8c\x98\xcd#G\xcd\xf8zWNhHH^~~\xfb\xf6\xedq\x04\x80\xda\x18V\x1br\x03Y\x96\x17-Z$I\xd2\xd9s\xd5\x0b\x9e~E2\xfb1=\r\x02TU\x95\x83,kV}\xf8\xd57\xfb8\xe7\xf3\x1e{\xacC\x87\x0e\xd8\xfdGm\x0fG\x00\xc8\rZ\xee\x0c!\xcbr\xe6\xc6\x7f\x8d\xbc#\x91V\xd7\xc9\x8a\xf7\xdc\xfd\xf4s\x18\xe3`4\x9c\xab\xac\xea7h|EeUDD\xcf\x1f\x7f\xcc\x15\xcb\x1f\xf1\xf2/jc\x18\x00\xc8\r\xc4R\xf7\xca\xca\xca^\xbdz\xd5\xd4\xd4\xf4\xe8~\xcd\x81\x1f&gt;\xf21\x1a$\x1d\xac\x81QU\xaaX,\x13\xfe8\xf7\xfdO\xb2\x00 33s\xf4\xe8\xd1^v\xeb/\xd2\n\x1cr"7\x10\xcb\x81:t\xe8\xf0\xd2K/\x01@\xf1\xb1\xd2G\x1ey^\xf6\xf3\xa7\xd4;\xef\x81rR\x1d\xaab\t\xc9X\xb9F\xb4\xfe))\xc9\xd8\xfa#7\xc2\x11\x00r\x1b\xb19\xc4\x84\t\x13\xde\x7f\xff}\x00X\xb5\xe2o\xc9s\xa7\xa9U\xe7\x14\x83\x97\xec\x83v\t\xaaR9( o_\xc1\xe0\xc4i6[c\xb7n\xddsss\xcdf3N\xfe w\xc1\x00@n#6\x87\xa9\xad\xad\x8d\x8f\x8f?~\xfc\xb8\xaf\xaf\xcfW\x99o\r\x18\x1cKk\xad\xdew1\x801\x06\x06Cm\xbdm\xc4\xcd\xd3s\x0b\x8e*\x8a\xbck\xd7\xae\x84\x84\x04\xbc\xf6\x8b\xdc\x08+\x0f\xb9\x8d\xe8\xf9\x86\x84\x84\xbc\xf7\xde{\x84\x90\x86\x86\xc6\t\x93\x9f\xac&gt;[%\x9b}\x98w\xcd\x05q\xce\x19\x10\xc9\xd7&lt;{\xd6\xd3\xb9\x05\xc5\x00|\xc9\x92%\t\t\t\xaa\xaab\xeb\x8f\xdc\x08\x8b\x0f\xb9\x93$I\xaa\xaa&amp;$$\xbc\xfe\xfa\xeb\x00p\xac\xa4l\xccm\xb3mM\xcd`4x\xd3\x9eh\x941%(hN\xca\x82\x0f?\xdb\x01\x00\xd3\xa7OOMM\xf5\xa6M\xff\x91Fa\x00 7S\x14EU\xd5\xd9\xb3g?\xf0\xc0\x03\x00\x90\x9ds\xf0\xc1\xb9\x0b%_3\'\x12\xf7\x8a\x07\xc7;TU\t\x0e{\xf3\x95\x8c73&gt;\x01\x80\xf8\xf8\xf8\x95+W\xb6\xdc\x1f\x1f!w\xc1\x00@\xee\'\xcb\xb2\xaa\xaao\xbc\xf1\xc6\xacY\xb3\x00`\xf5\xfa/g\xcf\x98/\x07\xf8\x81\xac\xf1\xbd\x919\xa7\x94\x1a,\xe1\xe9\xafe\xccI\xfd\'\x00\xc4\xc7\xc7gff\xfa\xfa\xfa\x02n\xf9\x89&lt;\x00\x06\x00r?\xb1S&lt;\xa54--Md@\xfa;\x1bg\'/\xa0\x8a"\x19\x0c\x1a\xdd.\x941F9\xc8\xc1\xc1o\xbe\xbaj\xf6\xc3\xcf\x03\xc0\xc0\x81\xf1\x99\x99\x99\x16\x8b\x05/\xfc"\x0f\x81\xab\x80\x90\xa7p&gt;8p\xf6\xec\xd9\xe9\xe9\xe9\x0004\xa1\xef\xe7\x9f\xae\xb4\xb4\x0bQ\xab\xeb\xb4\xb56\x94\xaaT\xf61\x82\xd9&lt;g\xe6_\xde|\xfb#\x00\x188p\xe0\xe6\xcd\x9b\xb1\xf5G\x1e\x05\x0b\x11y\nB\x88$I-\xc7\x01\xbb\xf7\xe6\x8e\x1c}\xff\xfe\x1f\n\x94\x900\xd5\xa1j\xa5\xb3\xa2:T98\xb0\xba\xce6\xe1\x8f\x0fa\xeb\x8f&lt;\x19\x8e\x00\x90g\xb9|\x1c\x10j\t\\\xf9\xaf\xbf\x8e\x9f|\x17\xb7\xd62\xcf\xbei\x963\xce8\x93\x83C\xf6g\x1f\x989\xf3\xe9\x9c\xdc\xc3\x80\xad?\xf2`X\x8e\xc8\xb3\x88q\x00c,--m\xd9\xb2e\x00p\xbe\xban\xc2\x94\'\xe7=\xfc,\x95e9\xc0_U=t(\xa0:Tb2\xc8\xc1\x96\xb7\xdeXw\xf3\xa8d\xd1\xfa\xa7\xa4\xa4deea\xeb\x8f&lt;\x13\x8e\x00\x90\'\x12\xcf\r\x97$)33\xf3\xfe\xfbSN\x9f.\x03\x80A\xf1\xd1\xcb_\x9e\x9f0,\x01\x1a\xeaT\xbb\xdds\x16\xd1\x8b\xe78JA\x96\xb2\x13\'\x1f\x7fj\xc9\x86\x0f6\x03\x80\xc9dz\xe1\x85\x17RSS\xe1\xe2\xc3\x90\xdd|\x94\x08]\x06\x03\x00y.q\xab\xd4\x993g\x92\x93\x93333\x01\xc0\xc7d|r\xde\x8c\xc7\x1f\x9b\x1e\x14\xde\x0e\xac\xb5T\xa5\x92"\xbbq5%\xa5\x8c\x00H\xc1\x01\xd0\xec\xc8x\xe7\x93\xbf-\\QZV\t\x00\x91\x91\x91o\xbf\xfd\xf6\xd0\xa1C\x19c\xb8\xd5\x0f\xf2X\x18\x00\xc8\xa39w\xca\\\xbe|\xf9\x82\x05\x0b\x9a\x9a\x9a\x00\xa0Wd\xb7\'\x1fO\x9e2\xe1vC\xa0?X\xadT\xa5\x92,\xb5e#\xcb\x01\x98\xe8\xf5\x07\xfa\x03\x87\xad\x99\xdf,Y\x92\xb1u\xc7w\xe2\xbb3g\xce\\\xbatiPP\x10\xde\xeb\x8b&lt;\x1c\x06\x00\xf2t\xceNt~~\xfeSO=\xb5i\xd3&amp;\xf1\xf5\xc1\x03\xfb\xce\xff\xd3\xac17\x0f4\x05[\xa0\xa1^\xb5;\x08!\xb2\xdc\xba3-\x8c1\xc6\xb8\xa2\xc8\x10\xe0\x07v\xc7\x9e\xefr\xff\xb5b\xdd\xfa\xf7/\x1cRtt\xf4\x8b/\xbe\x98\x94\x94\x04-\xa2\x0b!\x8f\x85\x01\x80\xb4\xc1\xd9\x9en\xd8\xb0\xe1\x1f\xff\xf8G^^\x9e\xf8z\xdf&gt;=S\x1f\x9e2\xee\xae[\x02\xdb\x85\x01s\xf0z\x1b\xa5\x94H\x92\xe4\xba\x89\x17\x0e\xc0\x19c\x8cK\x84H~&gt;`0\xd3\x06\xeb\xf6\x9d\xd9/\xbd\xfcNf\xd6\xb7\xe25\x1d;t\x98\xfb\xe0\x83O=\xf5\x94\xd1h\xc4i\x1f\xa4\x15\x18\x00H3\xc4\xb6\x10\x92$\xd9\xed\xf6\xc5\x8b\x17\xaf\\\xb9\xe2\xcc\x99r\xf1\xad.\xd7u\x1a?\xee\x96\xbb\xfep\xf3\x90!\xb1`4\x03\xb3Cc3u\xa8\x9csB\x88H\x83\xdf\xf4oq\xce\x19\xe7\x9cqB@Vd0\x99\xc0`\x02\xa0\x87~&lt;\xf4\xc5\xa6o\xde\xfb\xf7\xa6\xfd\x07\n\xc5+\xcdf\xf3\xa4I\x93\x16-Z\xd4\xb9sg\xc0\x8e?\xd2\x14\x0c\x00\xa41\xce\x16\xb6\xa2\xa2b\xcd\x9a5k\xd6\xac\xc9\xcd\xcdu~w\xd8\xd0\xb8Q\x89\t\xa3\x13\x07\xc6\xc4D\xf9\x86\x06\x03\xc8\xc0Uh\xb6s\xbb\x833\xce8\x07\xe0b#\xeaK\xde\xf6\xe2\x89\xc0\t\x91\x08\x01\xc9`\x00\x93\x11d\x05\x00\xa8\xd5Zt\xa4d\xcb\x8e\xbd_\xef\xdc\x97\x99\xf5\xad\xcd\xd6(~\xa4S\xc7\x8e\xf7M\x9e&lt;}\xfa\xf4&gt;}\xfa\x80x\xd4\xbb,c\xc7\x1fi\x08\x06\x00\xd2\x1e\xe7\xcdb\x00`\xb7\xdb7o\xde\x9c\x91\x91\xb1e\xcb\x16\x9b\xcd\xe6|M\xb7n\xd7\xc4\xf5\x8b\xbaqHllL\xe4\r=\xbb\x86u\x08\x03\x1f\x13\x80\xb8$\xcb\x01.\xdf_H\xbax[\x8c\n\xaaZSYUt\xb4\xb4\xa0\xf0\xe8\xaeo\xf7g\xef+(:R\xd2\xdc\xdc\xec|\xe9\xb0aC\xa7O\x9f1v\xec\xd8\xf6\xed\xdb\x03\x00\xa5T\xcc9\xb5\xeao\x8d\x90\xcba\x00 \xad\xe2\x9cSJ\x9d\xcbl\x0e\x1d:\xf4\xc5\x17_|\xfa\xe9\xa7\xd9\xd9\xd9-\x1bk\x00\x08\r\t\xee\xd9\xe3\xba`K`|\xbf(EQ\x82\x02\xfc\xfa\xc6DrJ\t\x10\xf1&gt;DQJN\x94\x96\x9c*\'\x8a\x9c\x97[t\xbe\xaa\xf6\xd0\x91\x13g\xce\x9c\xbd\xe4_\x8c\x8e\xees\xeb\xad\xb7\xdeu\xd7\xddC\x86\x0c\x11_\x11Ot\xc15\xfeH\xa30\x00\x90\xb6\x89\xd1\x80\xb8\x7fX|\xa5\xb0\xb0p\xef\xde\xbd_|\xf1ENNNY\xd9\xe9\xe6f\xfb\xd5\xbc\x7f\x87\x0e\xed\xa3\xa3\xa3\xc7\x8c\xb9u\xf8\xf0\xe1qqqb\xd8!\xfeQ\xec\xf5#\xad\xc3\x00@^\x821&amp;\xe6\x85\x9c\x8d\xb2\xcdf+))9t\xe8P^^^^^\xde\xf9\xf3\xe7\x0b\x0b\x0fRJ\xebj\xeb\x9a\xed?\x91\n\xe1\xe1a\x00p\xfd\xf5=,\x16\xcb\x80\x01\xfd\xbbw\xbf\xbew\xef\xde={\xf6\x0c\x0e\x0ev\xbeFUU\xb1yu\x9b\xfcN\x08\xb5.\x0c\x00\xe4mD\x12\xfcd3][[\xcb\x18+/////\'\x04Z\xd6\xbe\xbf\xbf\x7f\xcf\x9e=9\xe7\x16\x8b\xe5\xe7\xde\x10\xbb\xfc\xc8\xcb`\x00 \xaf\xc5[\x10\x0b\xf3\xafd\xb2^L\xef\x88\xf3\x02\x1b}\xe4\xdd0\x00\x90\x8e\x88j\x17\x91p\xf9wE&lt;`s\x8f\xf4\x03\x03\x00!\x84t\n\x97\xaf!\x84\x90Na\x00 \x84\x90Na\x00 \x84\x90Na\x00 \x84\x90Na\x00 \x84\x90Na\x00 \x84\x90Na\x00 \x84\x90Na\x00 \x84\x90Na\x00 \x84\x90Na\x00 \x84\x90Na\x00 \x84\x90Na\x00 \x84\x90Na\x00 \x84\x90Na\x00 \x84\x90Na\x00 \x84\x90Na\x00 \x84\x90Na\x00 \x84\x90Na\x00 \x84\x90Na\x00 \x84\x90N)\xee&gt;\x00=\xfa\xb9\xe70\xe3\xe3\xc8\x91\x1e`\xfd{\x0e\x0c\x80\xd6\xc5[\x00\x00I\x92\x9c\xff\xbd\x1cc\xcc\xf9_\xd2B\x1b\x1e/B\xae\x84\xf5\xef\xe1\xc8\xcf\xa51\xfa\xddD\xb93\xc6\x08!\xb2,_\xfe\x02\xc6Xmm-!\x17&gt;|\xf1\x7f\xf8\xf8\xf8\x98\xcd\xe6\x9f|\xb1x+I\x92\xf0d@\x9e\x0f\xeb_C0\x00\\F\x14=\xe7\\Q\xfe;\xae\xa2\x94\x96\x95\x95\x15\x17\x17\xe7\xe5\xe5\x9e;w.;\xfb\x07UU+\xca\xcb\xcb+\xca\t\x10\x0e\xe2\xc3\'\x00\xdc\xdf\xcf\xbfG\xcf\x1e\x9cCtttXX\xd8\x80\x01\x03\xae\xbd\xf6\xda.]\xba\xf8\xfa\xfa\xb6|7\x00\xc03\x01y \xac\x7f-\xc2\x00p\x01\xce9\xa5\xd4Y\xf7\x94\xd2\xa2\xa2\xa2\xcc\xcc\xcc]\xbbv\x15\x15\x15\x95\x94\x9c\xa8\xab\xb3\xfe\x8e\xb75\x99\x8c\x9d:u\x8a\x8c\x8c\x1c4h\xf0\xe8\xd1\xa3cbb\x9c\'\x83\xaa\xaa\x92$\xfd\xdcP\x1a\xa1\xb6\x84\xf5\xaf]\x18\x00WEtI\xc48\x97R\xbaw\xef\xde\x8d\x1b7n\xda\xb4\xe9\xc8\x91\xa2\xe6f{\xcbW\x06\x04\xf8\xf9\xf9\xf9\xde\x10\xd1UR\xe4\xa0\x00\xbf\xbe}#8e\xa2\x1b\xc39\'\x8a\xa1\xe4D\xe9\xc9\xd2r"\xcb\xc5\xc5\'\xeb\xea\xea\xcfW\xd5\\\xf2ou\xeb\xd651\xf1\xe6;\xef\xbcs\xc4\x88\x11\x81\x81\x81p\xb1\xcf\x85\x1d"\xe4.X\xffZ\x87\x01\xf0;QJ\x9d\x95WZZ\xbaa\xc3\x86u\xeb\xd6\x1d8p\xe0\xbf\xaf \xa4k\x97\xce\xfdc{\xc5\xc5D\x0e\xe8\x17\xd5+\xb2{`\x90\x7fP\xb8\x05$\x19$\x02`\x00h\xf9\xc9\x13\x00\x15\x18\x05B\x1a\xcfU744\x16\x14\x9d\xd8\x9f[\x94\x97\x7f${_\xc1\x91\xe2\x92\xa6\xa6f\xe7K\xbbt\xe92~\xfc\xf8)S\xa6\xf4\xed\xdb\xd7y0?9\xd9\x8aP+\xc1\xfa\xf7\x0e\x18\x00\xbf\x99\x98\xe8\x14\x05\xf7\xed\xb7\xdf\xbe\xfd\xf6\xdb\x9f|\xf2quu\x8d\xf8\xae\xc5\x128 \xae\xf7\x98\x91\x83\x86\xdf8\xa0wTW\xdf\xb0\x10\x00\x05@\x85f;P\xc6\x1c\x0e\x00\xe0\x1c8g\x00-\xbb-\xfc\xc2\x82\x07\x0e\x92A\x01Y\x02\x93\x11\x88\x02\xc0i\x9d\xb5\xe8\xe8\xa9\xbd\xd9\xb9_d\xee\xda\xb7\xef\xe0\x89\x92\xd3\xe2\x07\x8cF\xe3\x88\x11#\xe6\xce\x9d\x9b\x94\x94d4\x1aEo\x08O\x03\xd4\xda\xb0\xfe\xbd\t\x06\xc0o\xd0r\xaes\xdb\xb6m\x8b\x17/\xde\xb2e\x8b\xf3\xbb\xc3\x86\xc4\xde96q\xe2=c\xae\xe9~\rH\x06`\x0ehl\xa6\x0e\x95s\xee\\\xcfv%cU\xf1\x17a\x8cs\xce\t\x01Y\x91\xc1d\x02\x83\x11\x80Y+\xaa6~\xb9\xe3\xe3\x8d\xdb\xb7n\xdf\xd3\xd0\xd0(^\xdf7::u\xde\xbc\xe4\xe4d\xf8\xdf~\x19B\xae\x85\xf5\xef}0\x00\xae\x94\x98m\x04\x80\xa2\xa2\xa2\x17_|quF\x06\xe3\x1c\x00\xccf\x9f\xfb\xc6\'\xa5\xcc\xb8{\xc8\xe0\x180\x99\xa1\xb9\x91553\xc6\x89D$W\xacb\x16\xdd%\xc69\x01\x90\x8d\x06\xf0\xf5\x03\xce\x0e\xe5\x17\xfd\xfb\x83\xcc\xb4\xb7&gt;(;sV\xbcl\xd4\xa8Q\xf3\xe7\xcf\x1f9r$\xe0\x88\x18\xb5\x02\xac\x7f\xaf\x84\x01pETUU\x14\xc5n\xb7/^\xbcx\xd9\xb2\x97\xab\xaa\xaa\x01 \xc4\x12\x94\x92|\xf7\xf4I\xb7\xf7\x19\x10\x03\xcc\xc1\xebm\x942Yn\xc5\x0e\xc8\x85\xe5\xd5\x00\x92\x9f\x19\x0c\xe6\x8a\x92\x93k6lZ\x95\xf1Q\xe1\xe1\xe3\x00@\x08INN~\xee\xb9\xe7:u\xea\x84]!\xe4BX\xff\xde\n\x03\xe0W\x88\xfb\x12%I\xda\xbd{\xf7\x9c9s\xf2\xf3\xf3\x01\xc0l2M\x9a\x98\xf4\xd4c)\x91}{\x83\xa3\x8164\x12 \x92\xdcv\x8b\xd2\x18c\x8cq\xc5\xc7\x08\xe6\xc0\xda\xca\xf2\xe5\xaf\xad}3\xfd\x833\xe5\xe7\x00\xa0C\x87\xf6\xcf=\xf7\xfc\xcc\x993\x01\xbbB\xe8\xaaa\xfd{7\x0c\x80_\xe2,\xa0g\x9f}\xf6\x85\x17\xfe)V\xb6\x8dJLx~\xd1\xc3\t\xc3\x12\xc0\xde\xa8\xd6\xdb$\xd9m\xeb\x919\xe7T\xa5\x8a\xc9\x08~\x81e\xc7\x8e\xffu\xe1\x8a\xd5k&gt;\x15\x03\xf3\x89\x13\'\xbe\xf6\xdak\xa1\xa1\xa1\xa2\xef\xe6\x96\xc3CZ\x87\xf5\xef\xf50\x00~\x96\xa8\xfe3g\xce$\'\'gff\x02\x80%8`\xe1\xdf\x1e|\xf8\xa1) \x11Zg%\x9eq+\xca\x85Ksf\x1f\xf0\xf1\xcb\xfc&lt;\xeb\xd1\xc7_8|\xa4\x04\x00"""V\xadZ5t\xe8P\xec\x07\xa1\xdf\x01\xeb_\x0f0\x00~\x9a\xe88\xec\xde\xbd{\xfc\xf8\xf1eee\x000lp\xbf\xb7\xd3\x9f\x8b\xe8\x1d\xc5jk\x80\xf3\xb6\x1c\xf0^\t\xce9\xa5L\xb1\x04\xd5\x9e\xafy\xe2\x89\x17\xdfZ\xfd\t\x00\x98L\xc6W^y\xf5\x81\x07\x1e\xc0)Q\xf4\x9b`\xfd\xeb\x84g\xfd\x15=\x84\xa8\xfe\xf4\xf4\xf4\xc4\xc4DQ\xfd\xa9\x0fM\xde\xb15#"\xa2\xabZ}^\x92\xdat\xba\xf3\n\x11B\x14E\xa6\xd5\xb5Afcz\xc6\x0b\xe9\xaf?\x1b\x1c\xe8\xdf\xdcl\x9f3g\xce\x9c9sdY\x16\xcb\xb7\xdd}\x98H\x03\xb0\xfe\xf5\x03G\x00\x97rV\xff\xec\xd9\xb3\x01 (\xc0\xef\xe5\xa5O\xa5\xcc\x9e\xc2\xad\xd5\x9c2\x0f,\xfdKp\xce\x19e\xb2%\xf4\xfb]{\xa7\xce\x98_t\xf4\x14\x00\xcc\x9a5+--\r\xfbA\xe8Wa\xfd\xeb\n\x06\xc0\xff\xb8\xa4\xfaC-\x81\x9b&gt;{=~X\x82ZuNVd\r\x95\x8e\xeaP\x95\xe0\xc0\xaa\xca\xaa\xa4\xdbg\x7f\x9fs\x10\xf0\x1c@W\x00\xeb_o&lt;=\xcf\xdb\xd2%\xd5?0\xee\x86=\xbb\xd7\xc7\x0f\x89U\xab\xce)\x06E[E\xa3\x18\x14Zk\r\xb1\x04de\xadN\x99\xf2\x07\x00\x10\xbf\x17\x8e\x85\xd1\xcf\xc1\xfa\xd7!\x1c\x01\\py\xf5o\xfeO\xba%&lt;\x98\xd6Ze\xcd.#c\x94IF\x03\x98}f\'/H\x7fg#\\\xec\x07\x89\'lh\xeb\x94F\xad\n\xeb_\x9f0\x00\x00.\xaexsV\x7f|l\xaf\xccMoY,\x01\xb4\xa1QV\xb4\xbd\x80\x8c1\xc6%I\xf6\xf7\xbb\xe4\x1c\xc0\xb5q\xc8\t\xeb_\xb70\x00.T\xff\x9e={\x86\r\x1b\xc6\x18\x0b\t\x0e\xfc\xe1\xdb\xf5\xdd"\xbb\xd2\xdaz\xadW\xbf\xc0\x19\xe3\xb2L\x0c\x86\xa17\xde\xb7\';\x1f\x00\x96-[\x96\x9a\x9a\x8a\xf7\xc8 \xc0\xfa\xd77\xbd\x07\x80\x18\x0cVVV\xc6\xc4\xf4\xad\xa8\xa8\xf4\xf35\xef\xc8L\x8f\x1f\x12Gk\xad\xdeQ\xfd\x02c\x0c\x0c\x86\x1a\xab-\xf1\xe6i\xb9\x07\x8f\x02\xc0\x96-[n\xb9\xe5\x16\xec\x07\xe9\x1c\xd6\xbf\xce\xeb_\xef\x17\x81\xc5V\'S\xa7N\xad\xa8\xa8\x04\x80\x15/\xff)~\xd8 \xb5\xa6\xce\x9b\xaa\x1f\x00$I\xe2\xcd\xf6\x90p\xcb\xda\xd5/\x84X\x02\x01`\xda\xb4\xa9\x15\x15\x15\x92$\x89O\x00\xe9\x13\xd6\xbf\xce\xeb_\xd7\x01 \xc6\x80\x8b\x16-\xda\xbau+\x00\xa4\xfe\xdf\xc4\xe9\x0fLuT\x9dS\x0c^80\x94\x15Y\xad\xa9\x8b\x8e\x8fM{\xf5i\x00(/\xaf\x98:u*!z\x1f\x02\xea\x19\xd6?\xd6\xbf~\x7f\x7f\xb1\xbf\xf9w\xdf}7|\xf8p\x87\xc31h@\x9f];\xd7r\x87*\x03\xf7\xe2\xe5\x01\xaa\xaa*\x96\xd0ys\xff\xba\xfc\xf5\rpq2\x14\x07\xc2:\x84\xf5\x0fX\xff\xba\r\x00\xb1\xb18\xa54::\xba\xa8\xa8( \xc0\xef\xc0\x9e\r\xdd#\xba\xb2\x86F\xcf\xbf\xd7\xf1jp\xce\x19!\xa0(\x03\x07O\xc8\xf9\xb1HQ\xa4\xfc\xfc\x82\x88\x88\x08\xce\xb9\'l\xec\xd5\xdax\x0b\x97|\x8b\xb4\xe0\x96ckKX\xff\xfa\xac\xff\xcb\xe9\xf1w\x06\x00\xf1\xf8\xd0\xa5K\x97\x16\x15\x15\x01\xc0\x0b\xcf&lt;\xd8\xbdw\x94jm\xf0\xee\xea\x07\x00B\x08P&amp;\x1b\x0co\xad\xf8\x9b\xc9d\xa0\x94=\xf2\xc8#^?\x10\x16\x1bFRJ\t!\x92$\xc9\xb2\xac\\F\x96eq\x8f(\xa5TUU\xef\x9e\x1a\xc6\xfa\xd7U\xfd\xff\x02=\xfe\xe6b\xe5\xc3\xb1c\xc7\xfa\xf7\xef_[[;|h\xec\xd7_\xad\xa5\r\r\xb2n\xba\x00\xaa\xaa*\x96\xb0\xa7\x9f\xf8\xfb\xdf_\xca\x00\x80\xf7\xdf\x7f\xff\xde{\xef\xf5\xca\x81p\xcb\'\x98\x03\x00\xa5\xf4\xf4\xe9\xd3G\x8f\x1e-))9y\xb2\x84\x10\xc29\x00\xf0\xe0`Kttt\x87\x0e\x1d\xbav\xedj6\x9b[\xfe\xac\xf7\xed\x1c\x80\xf5\xaf\x9f\xfa\xffUz\x0c\x00\xf1\x97\x9e&gt;}\xfa\xbb\xef\xbe\xeb\xe3c\xda\xbd\xf5\xed\xb8A\xfdX\xbd\xcd\xeb\xbb?N\x9cs&amp;\xcb\r\xb6\xa6\x01\x83\'\x1e=~\xaaG\x8f\x9eyyy\x8a\xa2x\xd3\x04H\xcb\xbb=+**v\xef\xde\xfd\xe5\x97_fg\x7f_Rr\xb2\xae\xae\xee\'\x7f\xc4d2v\xee\xdc9..\xee\xf6\xdb\xef\x184hPTT\x94\xf8\xba\x975\rX\xffz\xa8\xff+\xa4\x97?\xb9\x93\xa8\xfe\x9d;w\xae[\xb7\x0e\x00&amp;\xdc=*n\xd8 j\xad\xd7O\xf5\x03\x00!\x84\xdb\x1d\x81\xe1\xe1O?\x99\xc2\x18/**Z\xbat\xa9\xd7,\x89\x13\x13&gt;\xa2\xe7\x9e\x9b\x9b\xfb\xc0\x03\xb3\xe3\xe2\xe2\xc6\x8d\x1b\xb7j\xd5\xaa\xbc\xbc|g\xeb\x1f\x1e\x1e\x1a\x1ef\t\x0b\xb3\x84\x87\x87\x1a\x8dF\x00hn\xb6\x1f;v\xfc\xc3\x0f?JNN\x1e0\xa0\xff\xddw\xdf\xb5u\xebVQ0\x8c1\xef\xf8p\xb0\xfe\xc1\xdb\xeb\xff7\xd1\xdd\x08@\xfc\x8dG\x8d\x1a\xb5c\xc7\x8e\xd0\x90\xa0\xef\xbe^\xd3\xbdgWhj\x96$}%?\x07\xe0\x00\x0e \xc3\x13\xa7e\xe7\x1c\x0c\t\t9x\xf0`xx8\x88yR\xcd\x12\x8b[\x00 ??\xffO\x7f\xfaSVV\x96\xddn\x17\xdf\xear]\xa7\x01\x03z\xc7\xc5D\x0e\x88\x89\xb2X\x02{\\\x7f\x1d\x88\x13^V\xca\xcb*\xce\x9c\xad\xca;x,7\xaf({_A^~\x91\xf3\rcbb\xfe\xf9\xcf\x7f&amp;%%\x81W\x0c\x05\xb0\xfe\x05o\xad\xff\xdfJ_\x01 N\xe0\x1f~\xf8a\xe0\xc0\x81\x9c\xf3\'\x1e\x9e\xb2\xe4\xd5EjU\xa5W.|\xfeUT\xa5\xb2%x\xf3G\x9b\x93\xeey\x14\x00^z\xe9\xa5\xc7\x1e{L\xd3\xf7\xc7\x8b\x83\xb7Z\xad\x7f\xf9\xcb_\xdez+\xbd\xb1\xb1\t\x00|\xcd&gt;\xf7\x8e\x1b\xfd\xc7\xbbF\x8d\x18\x16\x17\xd8&gt;\x0c@\x06P\x811h\xb6\x03\x88S\x9d\x83A\x01E\x01\x90\x018\xb5Z\xf7\xee+\xd8\xf8\xf9\x8eu\xeb\xbf,;sV\xbcsRR\xd2\xf2\xe5\xcb#""4\xfd\xf9`\xfd\xb7\xe4}\xf5\xff;\xe81\x00RRR222||\x8c9\xdf\xac\x8b\xea\x1b\xc9\x1bu\xd7\xfd\x118\x00\'\xd0\xa4\xb2\xfe\x83\xc6\x1f.*\xb9\xe1\x86\x1b\xb2\xb3\xb3}||@\x9b\x9d q\xea\xe6\xe4\xe4\xcc\x9a5+\'\'\x07\x00\xcc&gt;\xa6I\x13\x92\xe6=&lt;\xb5O\xff&gt;\x00\x1cl6jwp\x0e</t>
        </is>
      </c>
    </row>
    <row r="118">
      <c r="A118" s="1" t="n">
        <v>116</v>
      </c>
      <c r="B118" t="inlineStr">
        <is>
          <t>venn</t>
        </is>
      </c>
      <c r="C118" t="inlineStr">
        <is>
          <t>What is the missing number of the part denoted with a question mark?</t>
        </is>
      </c>
      <c r="D118" t="inlineStr">
        <is>
          <t>['1', '4', '9', '8']</t>
        </is>
      </c>
      <c r="E118" t="inlineStr">
        <is>
          <t>4</t>
        </is>
      </c>
      <c r="F118" t="inlineStr">
        <is>
          <t>There are 3 overlapping circles containing the numbers [7, 8, '?']. The overlapping part between the first and second circle contains the number 15. The overlapping part between the second and third circle contains the number 12.</t>
        </is>
      </c>
      <c r="G118" t="inlineStr">
        <is>
          <t>We observe that the circles with 7 and 8 overlap to form the part 15, where 7 + 8 = 15. Hence, the pattern is most likely that the numbers in the overlapping parts are the sum of the numbers in the corresponding circles.</t>
        </is>
      </c>
      <c r="H118" t="inlineStr">
        <is>
          <t>Based on the pattern that the numbers in the overlapping parts are the sum of the numbers in the corresponding circles, the missing number of the circle where the overlapping part is 12 should be 4.</t>
        </is>
      </c>
      <c r="I118" t="inlineStr">
        <is>
          <t>b'\x89PNG\r\n\x1a\n\x00\x00\x00\rIHDR\x00\x00\x02\x00\x00\x00\x02\x00\x08\x06\x00\x00\x00\xf4x\xd4\xfa\x00\x00\x9e\x7fIDATx\x9c\xec\xddg\x98\x14\xc5\x16\x80\xe1\xaf\xbb\'\x87\xcd,9\'\x01A\x82\xa2\xa0\x04#\x06T\xcc\x18PD\x01\xc1\x8c\x01\x13*\x8a\x19Q\x14%\xa8\x80YDTP\x14P\x01\x05AD\x01A$I\xcea\xe3\xec\xe4\x0e\xf7G\xcf,A\xf4\x02\xbb\xc0\xceL\xbd\xcf\xc3\x95\x0b\xcbn\xcf\x9c\xe9\xaeSU\xa7\xaa$\xc30\x0c\x04A\x10\x04AH)\xf2\xf1\xbe\x00A\x10\x04A\x10\x8e=\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b2\x1c\xef\x0b\x10\x8e\x0f\xc30\xf6\xfb\xfd\xbe\xff\xff\xc0\xbf\x8f\x93$\xe9\x1f\xbf?\xf0\xbfB\xc5\x10\x8f\xdf\x81\xb1=X\\\xf7u`\x8cE|+\xa6}\xe3\xbb\xef\x7f\x0f\xfc\xfd\xbe\xc4\xfd+\x1cH2\xfe\xdf\x13AHX\xf1\xd0\xea\xba^\xfa\xfb\xf8C]\x96\xcb\x7f\xf0G\xd3\xb4\x7f\xfc\x9c}\x1b\x11\xa1|\xc5\x1b\xf7}\x1b\xf9xl\x8f\xc6{\x1e\xff\x1c\x19\x86Q\xfa\xfd\x8f\xd6\xcf\x12\xfe=\xbeG\xe3\xfe5\x0c\xe3\xa0\xcf\tq\xff&amp;7\x91\x00$\x91\x03\x1f\xd0\x8a\xa2\xfc\xe7\xd7\xfb\xfd~|&gt;\x1fEEE\x94\x94\x94PRRB0\x18$\x10\x08\xa0\xaa*\x91H\x14]\xd7\xb1X\x14\xacV+V\x9b\r\x97\xd3\x89\xcb\xe5\xc6\xe3q\xe3\xf1x\xc9\xc8H\xc7\xedv\xe3t:\xff\xf5\xe7\xec\xfbp9\x9a\rT2\x8b\xc7U\xd7u\xc0lx\xff\xab\x11\xf0\xfb\xfdD\xa3Qv\xef\xdeM~~&gt;\xe1H\x84H8BAA&gt;&gt;\x9f\x0fUU\tG"\x18\x86\x81\xcdj\xc5j\xb5\xe2r\xb9\xc8\xcc\xcc\xc4\xe5ra\xb1XHOO\xa7J\x95*\xd8l6\xbc^\xef\x7f^\x9b\x88o\xd9\x1c\xd8\xd8\xff\xbf\xf8j\x9aF \x10\xa0\xa8\xa8\x88\xe2\xe2b|%%\x04\xfc~\x02\x81 \xc1`\x10MS\x89D"\x18\x06XmV,\x16\x0b\x0e\xbb\x1d\xa7\xcb\x85\xdb\xe5\xc2\xe3\xf1\xe0\xf5zIO\xcf\xc0\xedva\xb3\xd9\xfe\xf3\xda4M\x03\xf6&amp;|"\xbe\xc9A$\x00\tl\xdf\x06\xdfb\xf9\xe7l\x8ea\x18\xec\xdc\xb9\x8b\x8d\x1b7\xb0n\xddz\xd6\xae]\xcb\xba\xf5\xeb\xd8\xbcy3;\xb6og\xd7\xae\x9d\x14\x15\x15\x11\x0eG\x8e\xf8\x1a\\.\'\x19\x19\x99T\xadZ\x95*U\xaaP\xa7N]\xea\xd6\xadC\x83\x06\r\xa8S\xa7\x0e\xb5j\xd5"33\xf3\xa0\xd7\xae\xeb\xbah0\xfe\xc5\xbe\r\xfe\xbf%s%%%l\xd9\xb2\x85\x8d\x1b7\xb2b\xc5\n\xb6l\xd9\xc2\xaaU\xab\xc8\xcb\xcbg\xd3\xa6\x8d\xf8|&gt;\x8a\x8b\x8b\xcbt\x1dn\xb7\x1b\xb7\xdbM\x8d\x1a5\xa8T\xa9\x12u\xeb\xd5\xa3v\xed\xda4n\xd4\x88\xda\xb5kS\xb7n]\x11\xdf#p(\xf1\r\x87\xc3\xec\xd8\xb1\x93\r\x1bb\xf7\xee\xbau\xac[\xb7\x8e\xad[\xb7\xb2c\xfbv\xf6\xec\xd9Cqq1j\xacq&gt;\\\x12\xe0\xf1z\xc9\xce\xce.\xbd\x7f\xeb\xd5\xabO\x9d:\xb5\xcd\xfb\xb7n]jT\xaf\x8e\xc7\xe3\xf9\xc7\xbf\x15\xf1M\x0e"\x01H \xfb&gt;4\x14E\xf9\xc7M\xb7e\xcb\x16\xfe\xfa\xeb/\x16-Z\xc4\xe2\xc5\x8bY\xbe|9k\xd7\xae%\x14\n\x1d\xf4\xfb)\x16+\xde\xb4t\xd232\xf1x\xd3\xf0x\xbd8\x9d.\x1cN\xb3\x07h\xb5\xda\x90\x15\x19U\xd5P\xd5\x08\xd1H\x84P0H \xe0\xc7\xef\xf3\xe1\xf3\x15QX\x90O\x89\xcf\x07\x86~\xd0\x9f\x91\x9e\x9eN\xa3F\x8dh\xde\xbc9\xad[\xb7\xa1u\xebV4n\xdc\x98\xac\xac\xac\xfd\xbe.\xfe@\xf9\x7f=\x9fd\xb6o\x0f\xff\xc0\x06!\x14\n\xb1z\xf5\x1a\xfeX\xfa\x07\x8b\x17-b\xc9\x92%\xac\\\xb9\x92\xed\xdb\xb7\xff\xeb\xf7\xb3Xm\xb8=\x1e\xdc\x1e\x0f\x19\x19Yx\xd33Q\x14\x05\x8b\xd5\x8a"\xcbX\xac6$IBU\xa3h\xaa\x8a\xaa\xaa\xe8\xba\x86\xbf\xc4Ga~&gt;&gt;_\x11\xc1@\x80P0\xf0\xaf?###\x83\xc6\x8d\x1b\xd3\xb4iSZ\xb7nM\xeb\xd6\xadi\xd2\xa4\xc9?\x92\x02\x11\xdf\xfdGJ\x0eL\xd8UUe\xfd\xfa\xf5,]\xba\x8cE\x8b~g\xc9\x92%\xfc\xf5\xd7_l\xde\xb4\tM?\xf8\xbde\xb3;HK\xcf(\xbd\x7f]n\x0fN\xa7\x0b\xbb\xd3\x89\xa2(\xb1^\xbd\x19_UU\x89\x84C\xe6\xfd\xeb/\xa1\xc4WLqQ\x11E\x85\xf9\x04\x03\xfe\x7f\xbd\xe6\xdc\xdc\\N8\xe1\x04Z\xb48\x89\xd6\xad[\xd3\xb2\xe5I4j\xd4\x08\xb7\xdb\xbd\xdf\xd7\xc5\xa7\xffR9\xbe\x89H$\x00\x15\xdc\x7f=46m\xda\xc4\x82\x05\x0b\x983g\x0e\xf3\xe6\xcdc\xe9\xd2\xa5D\xa3\xd1\xfd\xbe\xc6\x9b\x9eA\xad:\xf5\xa9]\xaf\x015\xeb\xd4\xa3F\xcd:T\xaeV\x9d\xac\x9c\\\xd23\xb3p\xbb\xbd\xd8\x1d\x0el6\x1bV\x9b\rI\x92\x91$\x88\xe7\x16\x92\x04\xf1O\x88a\x98\xbftM#\x12\x8d\x10\t\x87\t\x87\x82\x94\xf8\x8a)\xcc\xcf#o\xf7.\xb6o\xdd\xc4\xd6\xcd\x1b\xd8\xb8\xeeo6\xad_\xcb\xe6\x8d\xeb\t\x87\x82\xfb]SfF\x06-[\xb7\xe6\x8c\xd3O\xa7C\xc7\x8e\xb4n\xd5\x8a\xec\xec\xec\xfd\xbeFU\xd5\x94x\x98\xfc[\xa3\xaf\xaa*\xcb\x97\xff\xc5\xcf?\xcf\xe5\xa79sX\xf8\xeb\xaf\xac[\xb7\xee\x1f\xff&gt;=#\x93Zu\xebS\xbdfmj\xd7oD\xe5*\xd5\xa8Q\xbb\x1e\x1e\xaf\x97\x9c\xdc\xaa\xb8=\x1e\x14\x8b\xc5l\x18\x1cN$(\rni\xfeh\x80\x11\xff\r\x10\tG\x08\x06\xfdD#\x11"\x910\xbbwn\xa7\xc4\xe7c\xc7\xd6\xcd\xec\xd8\xba\x99\xcd\x1b\xd7\xb3y\xc3:6m\\\xcb\xae\xed\xdb\xfeqM\xd9\xd9\xd9\xb4l\xd9\x92\xd3O?\x9d\x8e\x1d;\xd2\xbau\xeb\xfd\x12\x82\xf8\x90r*\xc7\xd70\x0cV\xadZ\xc5\xbcy\xf3\x993\xe7\'~\xf9\xe5\x17V\xae\\\xf9\x8f\x7f\x9f\x93[\x85\xdau\xebS\xbb~Cj\xd6\xaeK\xb5\x9au\xc8\xad\\\x95\xcc\xecJ\xa4gd\xe2t\xbb\xb1\xd9\xec\xd8\xecv\xac\x16+\x92,\xed\x8d\xabd\xf6\xf2\x0f\xbc\x7f5U%\x12\t\x13\t\x87\t\x05\x03\x14\x17\x15R\x98\x9f\xc7\x9e\xdd;\xd8\xb6y#[7od\xc3\xda\xd5l\xda\xb0\x8e\xad\x9b6\xa2\xeb\xfb\x8f0T\xabV\x8d\x93O&gt;\x993:t\xe0\x8c3\xce\xa0E\xf3\x16\xb8\xdd\xae\xfd^[\xaa\xc47\xd1\x89\x04\xa0\x82\x8a\xf7\x98\xf6m\xf45Mc\xf1\xe2\xc5\xcc\x98\xf1\x1d\xd3\xa7Oc\xc1/\xbf\x10\x8e\xec\x1d\xbeOK\xcf\xa0Q\xd3\xe6\x9c\xd8\xb2\rM\x9b\xb7\xa4N\x83\x13\xa8Z\xbd&amp;\x19\x99Y8\x9c\x0e\x14%\xf6\x00\xd0@\xd3t\xb4X\x8f/\xfe\xb3\xcc\x8f\x82\xb1O\x83\xb0?i\x9f\xff1\x87\xfd\xcc\x1b\\Q\x14\x14\x8b\x05E\x91\x90c\xcf85\n\x01\x7f\t\x05y\xbb\xd9\xb2i\x03\xebV\xaf\xe4\xafe\x8bY\xfe\xc7\xef\xac\xfa\xebO\xd4\xe8\xde\xeb\xce\xce\xce\xa6C\x87\x0et\xe9\xd2\x853\xcf&lt;\x93\xc6\x8d\x1b\x97\xfe]\xfcar\xb0\x11\x8fD\xf5o\x8dB^^\x1es\xe6\xcca\xfa\xf4\xe9\xcc\x9e=\xfb\x1f\rBfV\x0e\x8d\x9a\x9cH\xb3\x96\xad9\xa1\xd9I\xd4i\xd0\x88\xaa\xd5k\x92\x9e\x99\x8d\xf3\x80\xf8\xea\xba\x81\xaaF\xd15\x1d\xc3\xd0Kc\x1c\xbb\x82\xfd\xfeC\xe9\xdb\xba\xb7"\\V\x14dIB\x92e,\x16+\x8a"#\xcb +\xa0k\x10\t\xab\x14\x17\x15\xb0{\xe7v6\xae\xfb\x9b\xd5\x7f-c\xc5\xb2%\xacZ\xb1\x8cM\xeb\xd7\xeew\xdd\xb9\xb9\xb9\x9cq\xc6\x19\x9cw^\x17:\x9f\xd9\x99\xc6\x8d\x1a\xed\xf7^$[|\x81\xd29\xf3}\xe3\xeb\xf3\xf9\x98?\x7f&gt;\xd3\xa6M\xe7\xfb\xef\xbfc\xd9\xb2e\xfb\xfd\x9b\xca\xd5j\xd0\xa4Y\x0b\x9a\x9d\xd4\x9a\xc6\xcdZP\xa7~c*U\xa9JZz\x06v\xbb\x15Y\x06]7\x7f\xa9\xaa\x86\xa6\xa9\xfb\xc5\xf7\xd0\xee\xdf\xbd\x85}\xf1\x06ZV,X,\x16d\x99\xd2\xcfP4\xaaS\xe2\xf3\x91\xb7k\x07\x9b6\xac\xe3\xefU\xcb\xf9k\xe9bV,[\xc2\xdf\xab\xfe\xda\xef\xfb\xd6\xacY\x93N\x9d:q\xee\xb9\xe7\xd2\xa9S\'j\xd7\xae]\xfaw\xf1\xeb\x12\xd3\x04\x15\x93H\x00*\x90}\xe7\x04\xe3\x99\xb3\xae\xeb\xfc\xb2`\x01\x93\xbf\xfc\x92\xa9S\xa7\xb2|\xf9\xf2\xd2\xaf\xf7x\xd3iy\xf2\xa9\x9c\xd2\xbe#-\xda\xb4\xa5~\xa3\xa6\xe4T\xaa\x8c\xddi\xc1\xd0\xcd\x9b8\x1a\x8d\xa0E\xa3\xe60\xa2a\x946\xe0\x07\x16\xf2\x1c\xc9\xcd\xb9\xf7\xa3c\xc4z\x17FiwC\x92%d\xd9\x1cn\xb6\xd9\xecX,\xe6C)\xe0\x0f\xb1c\xeb\x16\xd6\xacX\xc6\xe2_\xe7\xb1p\xfe\x1c\x96-\xfem\xbf^F\xfb\xf6\xed\xb9\xf4\xd2K\xe9\xda\xb5+M\x9b6-\xfd\xf3\x83=T\x13I\xbc\xb1\xdb7\xa9\xcb\xcf\xcf\xe7\xfb\xef\x7f`\xcaWS\xf8\xfe\xbb\xef\xd8\xb9sg\xe9\xdfef\xe7\xd0\xb2\xcd\xa9\xb49\xed\x0c\x9a\xb7nK\xbd\x86\'\x90]\xa92\x0e\x87\x82~\x94\xe3\xfb\x8fee\x86a6*\x86\x01\x92\x84,K(\x8a5V\x1cjAQ@U\xa1\xa8\xb0\x80\xcd\x1b\xd6\xb1b\xd9\x12\x16-\x98\xcb\xe2\x85\xf3Y\xb7fU\xe9\xf7Rd\x99v\xb1\xf8^t\xd1E4i\xd2\xa4\xf4\xef\x921\xbe&gt;\x9f\x8f\xd9\xb3g3y\xf2d\xa6O\x9f\xce\x96-[J\xff\xaer\xb5\x1a\xb4i\xdb\x9e\x93\xdbu\xa0Y\xcb\x93\xa9S\xaf!\x19YYX\xad\x12\x9a\x06\xd1\xa8J4\x125\x1b\xfa\xd2\xf8J\xfb5\xe4\xc0~\xa3:\x87{\xbd{\xffk\xde\xc3\xf1\xcf\x90$\x99\x89\xbd\xd5j\xc3j\xb3\xa2X\xcc\xc4\xaf\xc4W\xc2\xb6\xcd\x1bY\xf1\xe7\x1f\xfc\xfe\xcb\x1c~_\xf03\xab\xff\xda\x9b\xc8\xd8\xedv:u\xeaL\xb7\xcb\xbaq~\x97.\xd4\xad[\xb7\xf4\xef4M;j+\x90\x84##\x12\x80\n\xe0`\x0f\x8eU\xabV\xf1\xd9g\x9f1q\xe2D\xfe\xf8\xe3\x8f\xd2?\xaf]\xb7\x01\xed:\x9d\xcd\xe9g\x9eK\xf3\x96\xa7P\xb9Z\rlv\x195\n\xe1p\x085\x1aA\xd7\xf4\xfd2\xfd\xe3\x97y\xc7\x13\x83x\xefDBQd\xac6;v\xbb\rY\x81\xa0?\xc2\xe6\rkY\xf2\xdb/\xfc&lt;\xfb;\xe6\xff4\x93\xbc\xdd{\x1b\xc1\xce\x9d;\xd3\xbd{w\xbav\xedJ\xf5\xea\xd5K\xff&lt;&gt;\xc4\x98\x08\xbd\x8ax/(\xde\xb0\xe9\xba\xce\x8f?\xfe\xc8\xc7\x1f\x7f\xc2\xd7S\xbff\xfb\xb6\xbd\xc3\xe8\rOh\xc6i\x1d\xcf\xa2}\xa7shvR\x1br\xabT\xc3f\x93\x88F!\x1c\x8a\xc5W\xaf\x18\xf1\xddo\x89Z|\xe5\x89\xc5\x8a\xddn\xc7fW0\x0c(*(\xe2\xef\xd5+\xf8m\xfeO\xfc&lt;\xeb;~\xfbe\x0e\x91p\x18\x00Y\x96\xe8\xdc\xf9,\xbaw\xbf\x86\x8b.\xba\x88j\xd5\xaa\x95~\xefD\x8e/\xc0\xbcy\xf3\xf8\xe4\x93O\x982e\n\x1b7n,\xfd\xf3\x13[\xb6\xe1\x8c\xb3\xba\xd0\xae\xc3Y4n\xd6\x82\xac\x9cJ(\nD":\x91p\x08UU1*P|\xc1\xc0\xd0c1\x8e\x15+\xda\xec\x0e\xecv\x0b\x92\x04\xbe\xe2\x00\x1b\xd6\xaef\xd1\x82\xb9\xcc\x9d5\x83\x05sg\xe3/\xf1\x01`\xb3\xd98\xafK\x17\xba_\xd3\x9d\xf3/8\x9f\xecX\xddO\xbc\xa3\x93(\xf1Mf"\x018\x8e\x0e|p\x04\x83!\xbe\xfd\xf6\x1b\xc6\x8f\x1f\xcf\xd4\xa9SK\x87lk\xd5\xad\xcf\xd9\xe7_B\xe7\xf3.\xa2\xd9Im\xc8\xcc\xce@\xd7!\x14\x0c\x13\x89\x841b\xa3\x06R\x82\xdcP\xa5C\xe0\x86\x81\xac(\xd8\xed\x0e\xecN+\x86\x0e;\xb7og\xf1\xc2\xf9\xcc\xfcv2?\xfd0\x8d\xbc\xdd\xbb\x00\xb3\x98\xf0\xb2\xcb.\xe7\xc6\x1bo\xe4\xcc3;\x97~/UU+\xec\xf0\xf1\x81=\x9e-[\xb60q\xe2D\xde\x7f\xff\x03\x16/^T\xfau\rOh\xc6Y\xe7_L\xc7s.\xa4I\x8b\x96\xa4gx\xd1T\xb3\xf0/\x1a\x89\x98\xf1\x95\xa5X}F\xc5{\x9d\xfb\xda\x9b\x14\xe8\x80\x84\xc5b\xc1\xeepb\xb3\xcbDB*\x1b\xd6\xfd\xcd\xaf?\xff\xc8\xaci\x93\x99\xff\xd3,\xc2a\xb3@5++\x8bn\xdd\xba\xd1\xa3\xc7\x8dt\xee\xdc\xa9\xf4\xfb%R|w\xee\xdc\xc9g\x93&amp;\xf1\xde{\xef\xf1\xeb\x82\x05\xa5_\xd7\xbc\xf5)\x9c{\xd1e\x9c\xd1\xf9\\\x1a\x9cp"n\xaf\x035\n\xa1`\x005\x1a\xc5\xc0(\x8dmE|\x9d\x072t\x1d=\x96\x1c(\x8a\x19_\xbb]A\x8d\x1al\xdd\xbc\x81\x85\xf3\x7fb\xe6\xb7_1w\xd6\x8c\xd2d\xa0j\xd5\xaa\\y\xd5U\xdcp\xfd\xf5\xb4m\xdb\xb6\xf4{U\xe4\xf8\xa6\x02\x91\x00\x1c\x07\x076\xfc\xdb\xb6m\xe3\x83\x0f&gt;`\xec\xd8\xb1\xacZe\x0e\x97z\xd3\xd39\xab\xcb\xc5\\x\xd95\xb4&gt;\xf5t\xb2\xb23QU\x08\x06\xfc\xa8j\x94\xbd\xf3\xf0\x89\x7f\xe3\xc4\xe70A\xc2f\xb3\xe1t9\x91$\xd8\xbeu\x1b\xf3\x7f\xfc\x9eo\'Od\xf6w\xdf\x98=#\xcc)\x82[n\xb9\x85\xab\xae\xba\xaat}zE\xea1\x1ex-\xbf\xfd\xf6\x1bc\xc7\x8e\xe5\x93\t\x13(\xc8\xcf\x07\xa0Rn\x15\xce\xba\xe0b\xce\xbf\xf4*Njs\x1a\xe9\x99^\xa2\x11\x83` \x80\xa6Fc\xc3\xec\x15\xe3\xf5\x94\x89a\xa0\x1bF,\x89\x91q8\x9c8\x9cV\xa2Q\x9d\xf5kV\xf1\xe3wS\x996e\x12K~\xfb\xa5\xf4\x9f\x9c~\xc6\x19\xdc\xd2\xab\x17W^yei|+RCq`\xc3\xbft\xe9R\xc6\x8d\x1b\xc7\x87\x1f~\xc8\xee\xdd\xbb\x01\xa8Q\xab\x0e].\xb9\x92\xf3\xba^N\x93\x16\xadp{\x1cDB\x1a\xa1P\x00M\xd5\x12&amp;\xa1;\x14\xe6\xf3LG\x92dlv;N\xa7\x1d]\x87\xcd\x1b\xd61\xe7\x87\xe9L\x9b&lt;\x91_\xe6\xce*\xfd\xfas\xcf=\x97\xde\xbd{s\xc9%\x97`\xb7\xdb\x81\x8a\x15\xdfT"\x12\x80c\xe8\xc0\x86\x7f\xf5\xea\xd5\x8cy\xeb-\xc6\x8f\x1bG^^\x1e\x00\xcdNj\xcd\xa5W\xdf\xc09\x17^F\xcd\xbau0t\x08\xf8\xcdF\xdf\xec!$\xc7C\xe3\xdf\xec[ g\xb3\xd9q\xb9\x1d\xa8\xaa\xce\xea\xbf\x961}\xca$&amp;\x7f\xfa&gt;[6m\x00\xa0n\xdd\xba\xf4\xe9\xd3\x87^\xbdz\x91\x9b\x9b\x0b\x1c\xdf\x07\xc9\x81\r\xc3\xcc\x993\x191b\x04_|\xf1E\xe9\xd7\xb49\xed\x0c.\xb9\xeaz\xce:\xffb\xaa\xd6\xa8\x8e\x16O\xea\xa2Q\xa4\x14\xa8\x9a\x8e\'{\x92\xb47\x19\x08\xf8C,Y8\x9f\xaf\'}\xcc\xf4\xaf&amp;QX`&amp;I\xf5\xeb\xd7\xe7\xd6[o\xad0\xf1\xddw\x13&amp;\x80\x9f\xe6\xcc\xe1\x8d\x11#\x988qb\xe9|z\xa7s.\xe0\x92\xab{p\xc6\x99\xe7\x92\x93\x9bC4\xa2\x13\x0c\xf8\xcd\xcfFJ\xc47V\xc7\x04\xd8\x1d\x0e\x9c.;\xe1\x90\xca\x9fK~\xe3\x9b/\'0u\xd2\'\xec\xde\xb5\x03\x80f\xcdN\xa4o\xdf&gt;\xf4\xe8\xd1\x83\x8c\x8c\x0c\xa0b%\xf2\xa9@$\x00\xc7\xc0\x81s\xfc+W\xae\xe4\xf5\xd7_g\xdc\xf8q\x04\x03\xe6\x12\xb9\xb3/\xb8\x84\xabn\xb8\x95v\x9d\xce\xc6\xe3u\x11\x08\x84\t\xc7\xd6\xef\xa7\xea\r\xb1oQ\xa4\xd3\xe5\xc2\xee\xb0\xb0g\xe7\x1efM\xff\x9aO\xdf\x7f\x9bE\x0b~\x06\xa0J\x95*\xf4\xed{\x1b\xfd\xfa\xddF\xe5\xca\x95\x81c\xfb 90\xb1\xfb\xee\xbb\xef\x186l\x18\xd3\xa6M\x03\xc0j\xb5r\xde\xc5\x97s\xe5\r\xb7rJ\xfb\x8e8\x9d6\xfc%!"\x91\x10\x12\x12\xb2"\xb3O)~\xca0\xe2{\x03(\nn\xb7\x07\xc5*\xb1q\xdd\x06\xa6M\xfe\x94I\x1f\x8ec\xdd\x1as\x15D\xd5\xaa\xd5\xe8\xd3\xa77\xfd\xfa\xf5\xab\x10\xf1\x9d5k\x16\xc3\x86\xbd\xc2\xd7_\x7f\x05\x80\xdb\x93\xc6\xc5W^\xcb\xe5\xd7\xdeD\x8b\xd6\xa7b\xb1\xca\xf8K\x02D#\x91\x94h\xf4\xff\x8dy\xff\x9aqr\xba&lt;\xd8l2\xdb\xb6l\xe3\xbb\xaf?g\xe2\x07\xef\xb0b\xd9\x12\x00j\xd7\xaeM\xff\xfe\xfd\xe9\xdd\xbbw\xe9r\xd1\xf8\xca\x10\xe1\xe8\x12\t\xc0Q\xb6\xef\x07y\xc3\x86\r\xbc\xf2\xea\xab\xbc5f\x0c\xc1`\x10E\xb1p\xc9U\xd7qM\xcf\xbe\xb4:\xa5\x1d\x92$\xe1/)ASUd1\x1c\xb6\x1f]\xd71t\x1d\xab\xcd\x86\xdb\xe3"\x18\x0c3\xff\xc7\xef\xf9\xf0\xed7\xf8\xf1\xfbo\x013\x11\xb8\xe3\x8e;\xb9\xfd\xf6\xfe\xfb\xf5(\x8e\xd6\x83\xe4\xc0\xc4n\xee\xdc\xb9&lt;\xff\xfc\xf3L\x9d:\x15\x00\xb7\xc7K\xb7kn\xe0\xaa\x1e\xb7\xd2\xec\xa4\xd6\xe8:\xf8K|\xb1\x87\xa2\x88\xef\xbet\xdd\xdcH\xc6\xeep\xe2r\xdb\xc9\xdfS\xc0\x0f\xdfN\xe6\xe3\xb1#\xf9\xe3\xf7_\x013\xbe\xb7\xdf~;\xb7\xdf~\xfb1i(\x0e\x8c\xef\xfc\xf9\xf3y\xe1\x85\x17\x98&lt;y2\x00\xd9\x95r\xb9\xaa\xc7\xad\\\xde\xfd&amp;\xea7nD4\xa2\xe3\xf7\x97\x88eo\x07\x11\xbf\x7fmv\x07n\x8f\x83\xe2\xa2\x12~\xfa\xfe[&gt;z\xe7\r\x16\xfc\xfc#\x00\xb5j\xd5\xe6\x9e{\xee\xa6w\xef\xdex&lt;\x9e\xfd6=\x13\x8e\x0e\x91\x00\x1c%\xf1\x9e\xab$I\x14\x16\x16\xf2\xdak\xaf\xf1\xea\xab\xafRPP\x80,+\\~\xed\x8d\\\x7f\xcb\xed\x9c\xd8\xba\r\x9a\xaa\xe3/)\xf9G%\xb1\xf0O{{\x15\n\x1e\xaf\x17M\xd3Y0w&amp;\xe3\xdf|\x85\xd9\xdf}\x03@\xbdz\xf5\x188p \xbdz\xf5\xc2b\xb1\x1c\x95\xde\xe2\xbe\r\xcf\xca\x95+y\xf6\xd9gy\xff\xfd\xf7\x01p\xb9=\\y\xfd\xcd\\\xdb\xeb6\x1a5iJ8\xac\x12\xf0\xfb\x91\x00Y\xc4\xf7?\x19\x86\x81\xaeiX\xacV&lt;in\x02%\x01fN\x9b\xc2\xbb\xa3^c\xf1\xc2\xf9\x809\xf5\xf3\xc0\x03\x0fp\xeb\xad\xb7b\xb5Z\x8f\xca\xf2\xb2}\xe3\xbbf\xcd\x1a\x9e}\xee9\xc6\x8f\x1b\x07@VN%\xae\xeb\xd5\x8f+\xaf\xbf\x85Zuk\x11\x08D\x08\x05\x03\xa5\xfbb\x08\xff.\x1e_\xc5b\xc1\xe3\xf5\x10\tG\x983s:\xef\x8ez\x95\xf9?\xcd\x04\xa0I\xd3\xa6&lt;\xf4\xd0C\xdc\xd8\xa3\x07 \xa6\x05\x8e&amp;\x91\x00\x94\xb3\x03{\r\xef\xbd\xff&gt;O?\xf5\x14\x7f\xff\xfd7\x00\x17v\xbb\x9a^\xb7\xdfG\xcbS\xda\x12\x8dh\xf8\xfd%bm\xec\x11\x8a?\xf8=\xde4\x0c]g\xee\xac\xe9\xbc\xf5\xda\x8b,\x98;\x1b\x80v\xed\xda1x\xf0`\xce=\xf7\xdc\xd2\xaf/k\x82\xb5\xef&lt;pqq1C\x87\x0e\xe5\xd5W_\xc5\xe7\xf3\xa1(\n\x97_\xdb\x93\x9e\xfd\xee\xe1\x84\xe6\'\x12\nD\t\x06\xfc)=\x0c|\xa4\xe2\x89\x9e\xa2(x\xd2\xbc\x04\x03Af|5\x89wF\x0ce\xc52sY\xec\xa9\xa7\x9e\xca\x93O&gt;\xc9\xf9\xe7\x9f\x0f\x98\xf5\x01\x07;\x13\xe3p\xec\x1b_\x9f\xcf\xc7\xb0a\xc3xy\xd80|\xc5\xc5\xb8\xdc\x1e\xae\xeb\xd5\x8f\xebn\xe9O\xedzu\x08\x94\x98;a\xca\x8a\xb9)\x96px\xe2\r\xbb\xc7\xeb%\x1a\x8d2{\xfaW\xbc\xfd\xfaK,^h\x16\x84v\xee\xdc\x99\xc1\x83\x07\xd3\xb1c\xc7\xd2\xaf\x17\x1d\xa4\xf2%\x12\x80r\xb4\xef\x07t\xd1\xa2E&lt;\xfc\xf0\xc3\xcc\x981\x03\x80\xb6\xa7w\xe2\xb6\x01\x8fp\xc6\x99\xe7\xa1i\x1a\xfe\x12\xd1\xf0\x97\x17]\xd3@\x92\xf0\xa6\xa5\x11\x89D\x986y"\xa3\x86=[\xbacY\xcf\x9e73x\xf0\x93\xd4\xaaU\xeb\x1f\x85\\\x87c\xdf\x06f\xd2\xa4I&lt;6h\x10+W\xac\x00\xa0\xf3\xb9\x17r\xdb}\x8fr\xf2i\xed\t\x87\xa3\x04\xfd~\xb3\xd7"\xe2[f\xf1\x86"-\xddKqQ1\x9f\x7f4\x9e\xb7_{\x91\x1d\xdb\xb7\x02p\xc3\r=x\xea\xa9\xc1\xd4\xad[w\xbf\xd3\xf4\x8e\xe4\xe7\xc4\xef\xdf\xcf?\xff\x82\xc7\x1e{\x8c\x15+\xcc\xcfP\xb7kz\xd0\xfb\xae\x079\xa1\xf9\x89\x04\xfcaB\xc1\xa0\xa8Z/\'\xf1\xf8z\xd3\xbc\x04\x03\x01\xbe\xfa\xeccF\xbf\xfa\\\xe9\x8e\x92}o\xbb\x8d\'\x1e\x7f\x9c\xaaU\xab\x96\xe9\xfe\x15\xfeI$\x00\xe5`\xdf^\x7f0\x18\xe4\xb9\xe7\x9e\xe3\xc5\x17_$\x1c\x0eS\xadFm\xfa?\xf0\x18\xdd\xae\xe9\x81\xcdj\xa7\xb8\xb8H4\xfcG\xc9\xbe\rEA~\x01\x1f\xbc5\x82w^\x7f\x89\x92\x12\x1f\x95rsyf\xc8\x10z\xf7\xee\r\x1c^oq\xdf\xb9\xc8\x8d\x1b7\xf2\xd0C\x0f\xf1\xc9\'\x9f\x00\xd0\xa0qSn\x7f`\x10\x17t\xbb\x1a\x80\x12_\xb1\x18\n&gt;J4M\xc5b\xb1\x92\x96\xeef\xcb\xa6-\xbc3b(\x1f\xbd\xf3&amp;\xd1h\x94\x9c\x9c\x1c\x06\x0f\x1eL\xff\xfe\xfd\x81\xb2\xc5\xf7\xe1\x87\x1f\xe1\xe3\x8f?\x02\xa0U\xdb\xf6\xdc9\xf0\t:\x9cu\x1e\xd1H\x14\xbf\xdf/\x1a\xfe\xa3$\x9e\x80\xa5\xa5{\xd8\xb5s\x17\xef\x8e\x1a\xce\xf87_!\x14\nR\xbdzu\x9ey\xe6\x19n\xba\xe9&amp;\xa0|F{\x04\x91\x00\x94Y|G+0\x8b\xc0\xee\xb9\xe7\x1e~\xff\xfdw\x00\xae\xbf\xf5v\xfa\rx\x84\xaa\xd5\xabQT\xe8\x13\x05-\xc7\x88\xa6\xaaXl6\xd2\xd2\\\xacX\xf6\'\xc3\x9f{\x9c\x19_\x9bK\xf1.\xba\xe8"^y\xe5\x15\x1a6lxHs\x8b\xfb\xf6\n\xc7\x8f\x1f\xcfC\x0f?\xcc\xce\x1d;\xb0\xdb\xed\xf4\xbc\xed^n\xbd\xeb\x012\xb3\xb3(*,\x06\x0cdY\xc4\xf7h\x8a\'\xdb\x0e\x87\x03\x97\xc7\xc1\xc2y\xf3xe\xc8\xa3\xa5\xd3&gt;\xe7\x9dw\x1e\xaf\xbc\xf2\nM\x9b6\xdd\xaf\x0e\xe7\xdf\xec\x1b\xdfq\xe3\xc6\xf1\xf0\xc3\x0f\xb3s\xe7N\xd232\xe9\x7f\xff \xae\xedu\x1b\x0e\x87\x93\xe2"\x91\xb8\x1f+\x9a\xaab\xb5\xdb\xf1z\x9d,]\xb4\x98W\x9f\x1d\xc4\xec\x19fa\xede\x97]\xc6\xcb/\xbfL\xdd\xbauEm@9\x10\t@\x19\xc4\xb3\xd0h4\xca\x90!C\x182d\x08\xba\xae\xd3\xb4y+\x1e\x1c\xfc"\x1d\xce&gt;\xc7\\\xee\x15\x0e\xa1\x88l\xf5\x98\x8a7\x14n\x8f\x1bE\xb10y\xc2\xfb\x0c\x1b\xf2(;\xb6m!++\x8b\x17_|\x91[n\xb9\x05\xf8\xf7\xb9\xc5x|w\xee\xdc\xc9\xbd\xf7\xde\xcb\xc7\x1f\x7f\x0c@\x9b\xd3N\xe7\xa1\xa7\x86\xd2\xe6\xb4\xd3\xf0\x15\x9b\xcb\xbdD|\x8f\xadx|\xbdi\xe9hZ\x94\x8f\xde\x19\xc9\x88\x17\x07STX@zz:\xcf&gt;\xfbl\xe9h\xc0\xc1\xe2\xbb\xef\xa8\xdd\xf6\xed\xdb\x190`@\xe9\xa8\xce\xb9]/\xe3\xbeA\xcf\xd1\xa8Ic\x8a\nK\xc4\xdc\xf3q\x10\x8f\x8f\xc7\xe3E\x92\xe0\xb3\x8f\xc6\xf1\xea3\x8f\xb1g\xd7N*U\xaa\xc4K/\xbdT:\x1a \xe2s\xe4D\x02p\x04\xf6\x1d2\\\xb1b\x05}o\xbb\x8d9?\xfd\x04\xc0\xadw&gt;@\xbf\xfb\x1e\xc3\x9b\x96Fqa\xa1X\xcew\x9c\xc5\xb7\x1c\xce\xc8Jg\xf3\xc6M\x0c\x1d&lt;\x90\xaf\'\x99\x0f\xfa\x1bn\xb8\x81W_}\x95\xec\xec\xec\xfd\x86\x14\xf7\xed9~\xfb\xed\xb7\xf4\xbf\xfdv6\xac_\x8f\xdd\xee\xa0\xff\xfd\x8f\xd2\xeb\xf6\xfb\xb1\xdal\xf8\x8a\x8b\xc5p\xf0q\xa6\xc76\xd8\xc9\xc8\xf4\xb2j\xf9\n\x9e\x1bt\x1f?\xc5\x96\x85^u\xd5U\xbc\xf6\xdakT\xa9R\xe5_\xe3;u\xeaTn\xbf\xfdv6n\xdcHfV6\xf7?\xf1&lt;W\xde\xd0\x0bU\xd5\x08\xf8\xfdb\x98\xf98\x8b\xcf\xf9gd\xa6\xb1a\xdd:^z\xe2A\xa6M\x99\x04@\xcf\x9e=\x196l\x18\x99\x99\x99bJ\xe0\x08\x89\x04\xe00\xed\xfb\xf0\xf8\xf0\xc3\x0f\xb9\xf3\xce;)((\xa0n\x83F\x0cz\xfe5:\x9d\xd7\x05_\x91\xbft\xc72\xa1bPU\x15\x87\xd3\x89\xddn\xe7\xb3\x0f\xde\xe1\x85\xc7\x1f\xa0\xa8\xb0\x80\xc6\x8d\x1b\xf3\xf6\xdbos\xc6\x19g\xa0i\xe6Z\xf4\xf8\x83\xe4\xf1\xc7\x1f\xe7\xe9\xa7\x9f\x06\xa0i\x8bV&lt;\xfe\xe2\x08\xda\x9e\xde\x9e\xa2\x02\xd1+\xachTU\xc5\xedv#\xc92\xef\x8ez\x95\xe1\xcf&gt;N0\x18\xa0n\xddz\xbc\xf5\xd6\x18\xce&gt;\xfb\xec\xfd\x8e\xd8\xd6u\x9dA\x83\x06\xf1\xec\xb3\xcf\x02\xd0\xe1\xac.&lt;\xfa\xdcp\x1a6iLa~1 \n\xcd*\x12UUq\xba\\X\xadV&amp;\xbc;\x86\x17\x9fx\x90\x12_1M\x9a6\xe5\x9d\xb7\xdf\xa6]\xbbvbJ\xe0\x08\x88\x04\xe00\xc4\x1f\xfa\xaa\xaa\xf2\xc0\x03\x0f\xf0\xea\xab\xaf\x02p\xf1\x95\xd7\xf1\xf03\xc3\xa8\x94[\x99\xc2\x82B\xd1+\xac\xa0\x8c\xd8\x8en\x99\xd9\xe9\xacX\xf6\'O\xdc\xdf\x9f\xdf\xe6\xcf\xc1f\xb31t\xe8P\xee\xbc\xf3N\x00\xb6o\xdfN\xef\xde\xbdK7\xf4\xe9\xde\xb3/\x0f\x0c~\x01\x8f\'\x8d\xe2\xa2",\x16\x85T\xdc\xb9\xaf\xa23\x93s\xc8\xc8J\xe3\xf7\xf9\xbf\xf0\xf8}\xfdX\xb1l\t\x8a\xa2\xf0\xec\xb3\xcf\xf2\xe0\x83\x0f\x02\xe6\xa1L\xb7\xde\xda\x9b\xe9\xd3\xa7!\xc92w\r|\x92\xbe\xf7&lt;\x14;\xaeZ\xf4\xfa+*s4\xc0 3+\x9d?\x97\xfc\xc1\x13\xf7\xf7g\xf1\xaf\xf3\xb0\xdb\xed\x0c\x1b6\x8c\xfe\xfd\xfb\x97i\x15H*\x12\t\xc0!\x8a\x0f1m\xdd\xba\x95\x9e={\xf2\xfd\xf7\xdfc\xb3\xd9x`\xf0\x8b\xf4\xbc\xedn\x82\xc1 \x91PX\xcc\x05\'\x00UU\xf1x&lt;D\xa3\x11^~\xfa\x11\xde\x1d5\x1c\x80~\xfd\xfbs\xd5\x95Wr\xcb-\xb7\xb0~\xfdz\xbcii&lt;\xfa\xecp\xae\xea\xd1\x13_\xb1\x18\xd5I\x14\xaa\xaa\x92\x96\x96\x8e\xcfW\xc4\xb3\x8f\xdc\xcb\xe7\x1f\x8f\x07\xcc!\xe3k\xae\xb9\x86&gt;}\xfa\xb0y\xf3f\xaa\xd7\xac\xcd\xd3\xaf\x8c\xa6s\x97.\x14\xe6\xfbD\xc3\x91 TU\xc5\xe3\xf5\x12\t\x85x\xe9\xa9\x87\xf8\xe0\xad\x11\x00\xf4\xed\xdb\x97\xd7^{\r\x9b\xcd&amp;F\xe8\x0e\x91H\x00\x0eA\xbc\xf1\xff\xf5\xd7_\xb9\xf6\xdakY\xb7n\x1d5k\xd7\xe3\xb9\x11ci\xdf\xa9\x13\x05yE\xa5\xc7\xf1\n\x89A\xd74d\x8bBZ\x9a\x87O\xdf\x1b\xcb+\xcf\x0cb\xd7\x8em\xa5\x7f\xdf\xbc\xd5\xc9&lt;\xf1\xd2\x1b\xb4n\xdb\x96\xfc=\xa2\x96#\xd1h\x9a\x86\xd5j\xc5\xe5v1~\xd4pF\xbd\xfc,y{v\x95\xfe\xfd\x99]\xba\xf2\xd8s\xc3\xa9U\xb7\x1e\x85\x05\x85\xa2\xd7\x9f`\xe2\x05\x9c\xde47\x13\xde\x1d\xcb\xd3\x0f\xddE0\xe0\xe7\xcc3\xcf\xe4\xc3\x0f?\xa4j\xd5\xaa\xa2.\xe0\x10\x88\x16\xeb\xff\x88\x7f\x88&amp;M\x9a\xc49\xe7\x9c\xc3\xbau\xebh\xd7\xe1,\xde\xffj\x16mO\xefD^\xbcq\x10\x8d\x7fB\x91\x15\x05]\xd3\xc9\xcf+\xe0\x96;zq\xceE\xddJ{\x7f\x0e\xa7\x93\xbb\x1e~\x8a3\xcel\xcb\xce\xed\xbbQ,\x16\xd1\xf8\'\x18\xc5b!\x1a\x8d\xe0+\xf6\xd1\xff\xbe\xbbi{z\xa7\xd2\x18z\xbc^z\xdf5\x90\xc6\xcd\xea\x91\xb7{\x8fh$\x12\x90\xa2(\xe8\xbaNA~!\xdd{\xf6b\xfc\xe73\xa8U\xb7&gt;\xb3f\xcd\xa2S\xa7N\xfc\xf1\xc7\x1fX,\x16TU=\xde\x97Z\xa1\x89V\xeb_\xec\xbbLh\xc4\x88\x11\\y\xe5\x95\xf8|&gt;\xae\xb8\xeefF\x7f\xf259\xb9U(.\x14=\x87De\xae\xe2\x90IK\xcf\xe0\x81~\xf7\xf2\xd1;o\x02P\xa7~#B\xc1 \x03\xfb\xdf\xc4\x17\x9fL\xa1r\xb5J\xe2!\x92\x80tU\xc5f\xb3c\xb5Y\xe9wC\x0f\xbe\x9d&lt;\x11\x9b\xcdN\xc3\x13\x9aQ\xe2\xf3\xd1\xbfG7\xbe\x9e\xf4\x15\xb9UsD|\x13\x94$I(\x8a\x85\xbc=\x85\xb4j\xdb\x9e\xf7\'\xcf\xe4\x94\xf6\x1dY\xb3f\rg\x9f}\x0e\xdf}\xf7\x9dH\x02\xfe\x0f\x91\x00\x1c\xc4\xbe\xcb\xfc\x9ex\xe2\x89\xd2\xe2\xb0;\x1e|\x9c\xe7\xdf\x18\x8b\xae\xeb\x84CA1\xdf\x9f\xa0\xe2\x95\xe0V\x9b\x8d\x87\xee\xb8\x99wG\xbd\x8a,\xcb\x0c\x1e6\x8a\xaf\xe6\xfcF\x97K\xae$\x7f\xcfn\xee\xba\xf9*&amp;}\xf8\x01\xd9\x952\xd0\xc4C$ah\x9a\x86\xdd\xe1 \x1a\x8dp\xc7\x8dW0\xe5\xd3\x0fp\xb9\xdd\x0c{\xeb#\xbe\x98\xfd+].\xbe\x82\xc2\xfc&lt;\xee\xec)\xe2\x9b\x0c,\x16\x0b\xc5\x85\x85\xe4\xe4V\xe1\xad\tS\xb9\xf0\xb2\xab\xc9\xcb\xdb\xc3\xc5\x17_\xcc\xc4\x89\x13E\x12\xf0\x1fD\x02p\x80x\x15\xa9\xa2(\xdc{\xef\xbd&lt;\xf5\xd4S\xc8\xb2\xcc\x93C\xdfd\xc0c\x83).*\x8a\xed\xfe\'\nL\x12\x91\xae\x9bs\xc3\x92\x04\xf7\xdcr-_|\xfc.n\x8f\x97\x11\xefN\xe2\xba^\xbd\xd14\x99\xe1c\'\xd0\xa3\xf7\x9dD#\x11\x1e\xe8w#\xef\x8d\x1aIV\xa5\x0c4M&lt;D*:M\xd3p\xba\\\x94\xf8\x8a\xb9\xed\xdaK\xf8\xf1\xbbo\xa8T\xb9*o\x7f\xfa-].\xb9\x0c5\xaa3|\xdc\xa7\xb1\xf8\x86\xf7\x8f\xafh$\x12\x96b\xb1\x10\n\x06\x91$\x99ao}L\x8f\xdew\x12\x0e\x87\xb9\xe6\x9akx\xe7\x9dwD\x12\xf0/D\x11\xe0&gt;\xf6\xed\xf9\xf7\xeb\xd7\x8fQ\xa3Faw8x\xee\xf5\xb1\\\xd6\xfdZ\xf2v\x8bb\xb0Df6\xfe6t]\xe3\xee^\xdd\xf9\xf1\xbb\xa9deWb\xf8\xd8\t\xb4?\xf3L\xb3\xd8/\xb6\x8e8-\xc3\xcb\xb0\xa7\x1f\xe7\xcd\xa1\xe6&gt;\x00\x8f&lt;\xf3\n\xb7\xdey\x0f\xf9yE\xa2\xba\xb8\x822\x1b\x7f\'E\xf9\xf9\xdcv\xfd\xa5,]\xf4+5\xeb\xd4\xe3\xcd\xf7\xbf\xe0\x84\x13[PXP\x80"+ I\xa4\xa5{\x19\xf6\xf4 \xde|y\x08 \xe2\x9b,\xe2\xfb\xb4\xa4\xa5{\x196d\x10o\x0e5\xe3\xfb\xe6\x9bo\xd2\xaf_?Q\x18x\x00\x91\x00\xc4\xec\xdb\xf8\xf7\xe9\xd3\x87\xb7\xdez\x0b\x97\xdb\xc3\xb0\xb7&gt;\xe2\xbc\x8b/&amp;o\xb7\x98\xefOd\xba\xaec\xb1Z\xc1\xd0\xb9\xe3\xa6+\x99\xf3\xc34*U\xae\xc2\x9b\x1fL\xa6\xd5)m)\xc8/\xc0b\xb1\x02\xf1Q \x9d\xcc\xact\xdex\xe9y^~\xfaa\x00\x1e\x1e2\x8c&gt;w\xdfK\xde\x9eB\x14E|\x16*\x92\xd2\xc6\xbf \x9f\xde\xd7te\xf9\x1f\xbfS\xaf\xe1\t\x8c\xfax\n\xb5\xeb6\x88\xed\xdf`\xc6l\xff\xf8&gt;\xc7\xcbO?\x02\x88\xf8&amp;\x8b\x7f\x8b\xef\x88\x11#\xb8\xfd\xf6\xdbE\x12\xb0\x0f\x91\x00\xb0\x7f\xe3\xdf\xbf\x7f\x7fF\x8e\x1c\x89\xc7\x9b\xc6\xab\xefL\xe0\xac\xf3\xcf\'o\xcf\xde\xc6AH&lt;\xba\xae\xa3X\x14\x14Y\xe6\xae\x9b\xaff\xd6\xf4\xaf\xc9\xadR\x8d\xd1\x1fO\xe1\xc4\x96m(,\xf8g|\xe3\x9f\x89\xac\x9ctF\r\x1b\xca\x8bO&lt;\x00\xc0\xa0\x17^\xe7\xe6\xfew\x90\xbf\xbbP\xd4\x80T\x10zl\xce\xbf\xa4\xa4\x98&gt;\xd7te\xe9\xa2_ipB3\xc6|\xf2\x15\xd5j\xd4\xc2W\xec\xfb\xc7\x03\xff\xdf\xe2\xfb\xf8\x0b#\xe8\xd9\xffv\x11\xdf\x04\xf7o\xf1\x1d3f\x0c\xbd{\xf7\x16I@L\xca\'\x00\xfbV\xfb\xdf\x7f\xff\xfd\xbc\xfc\xf2\xcb\xb8\xdc\x1e\x86\x8f\xfd\x94\xb3/\xb8\x80\xbc\xdd\x05f\xcfQHH\x86a I\xe6\xd2\xbe\x01\xb7^\xc7\xb7\x93\'\x92S\xa92c&gt;\xf9\x9a\xe6\xadO&gt;h\xe3\xbf/MS\xc9\xce\xc9\xe0\x8d\x97^`\xe8S\x0f\x01\xf0\xdc\x88q\\sSO\xf3\xb3!\x12\xc3\xe3J\xd7u\xacV+\xaa\x1a\xa5\xf75\x17\xf1\xfb/s\xa9\xd7\xf0\x04\xde\x9e\xf8\rU\xab\xd7\xc2\xef\xf3\xfdgC~\xb0\xf8&gt;?b\x1cW\x8b\xf8&amp;\x85\x7f\xc6W\xe2\xa3\x8f&gt;\xe4\xdak\xaf\x15I\x00\xa2\x08\xb0\xb4\xf1\x1f2d\x08/\xbf\xfc2v\xbb\x83\xa1\xa3?\x10\x8d\x7f\x12\x88\x17tz\xbc^\x9e\x18\xd0\x8fo\'O$=3\x8b7\xde\xff\xdcl\xfc\xf3\xff\xff\x03\xde\\fTD\xff\xfb\x07r\xe7\xc0\'\x01x\xfc\xde\xbe|\xfb\xe5\x97deg\x8a\xc2\xa2\xe3\xc80\xcc\xa5\x9c\xb2,q\xef-\xdd\xf9\xfd\x97\xb9\xd4\xacS\x8f\xd1\x1fO\xa1Z\x8dZ\x94\xfc\x9f\xc6\x1f\xf6\x8f\xef\x1d\x0f&gt;\t\xc0\xa0\x01}\x99\xf6\xe5d\x11\xdf$\xf0\xcf\xfb\xd7\xa0g\xcf\x9eL\x9b6M\x14\x06\x92\xe2#\x00\xf1\x0c\xf0\xad\xb7\xde\xa2O\x9f&gt;(\xb2\xcc\xf3o\x8c\xe7\x8a\x1bz\x88\xec?\th\x9aJVv\x06/=\xf9\x18#\x87=\x83\xcb\xedf\xc4{\x9f\xd3\xf1\xec\xf3(\xc8;\xf4\xe4.&gt;\xa7\x98\x91\x99\xce\xd3\x0f\r`\xfc\xc8W\xf0x\xd3x\xfb\xd3oh}\xea\xe9\x14\x17\x8a\xe1\xe2c-\x9e\xdcy\xd3\xbc&lt;\xd0\xef&amp;&amp;Ox\x9fJ\x95\xab\xf2\xceg\xd3h\xdc\xb4\xf9~s\xfe\x87\xf6\xbd\xcc\xf8&gt;5\xf0^\xde\x1d\xf5*\x9e\xb4t3\xbem\xdb\x8b\xf8&amp;\xb8\x83\xc57==\x83\x1f~\xf8\x9e6m\xda\xa4\xf4\xb6\xc1)\x9b\x00\xc4\x1b\xffo\xbe\xf9\x86K.\xb9\x14MSy\xf4\xd9W\xb9\xf5\xae\xbb\xd9\xb3K4\xfe\x89NUU\xb2+e\xf0\xfe\xe8Q&lt;q\x7f?dEa\xe8\xa8\x0f\xe8\xd6\xbd;y\xbb\x0e\x7fd\xc7\xbcM\x0c&lt;\xde4\xee\xef\xdb\x83)\x13?\xa0J\xb5\x1a\xbc?e\x16\xd5k\xd5&amp;\xe0\x0f\xa4\xecC\xe4x\x88\'w\xcf\x0fz\x981\xc3\x9f\xc7\xe3Mc\xcc\'_s\xca\xe9\x1d(\xcc?\xfc\x82\xdd\xbd\xf1\xf5r_\x9f\x1e|\xf5\xd9\x87T\xa9^\x83\x0f\xa6\xcc\xa6Z\xcdZ"\xbe\tn\xdf\xf8\x9a\xf7\xef\x87\xd4\xaaU\x9b\xb9s\xe7P\xb3f\xcd\xd8\xd2\xee\xd4\x1b\x10O\xc9\x04 \x9e\xf1-[\xb6\x8cN\x9d:QPP@\xef\xbb\x1e\xe4\xe1!/\x90\x9f\'*\x80\x13\x9d\xaa\xaaddf\xf0\xd3\xf7\xd3\xe9w\xc3\xa5D\xc2\xe1\xd2\n\xef=G\xd0\xf8\xc7\x19\xba\x8e\xac((\x16\x85\xbe\xdd/f\xde\x8f\xdf\xd3\xec\xa4\xd6\xbc\xf7\xe5\x0fXl64UE\x92R\xef!r\xac\xa9\xaa9\xaf\xfb\xc1;cx\xfc\xde\xbeX,\x16^y\xfb\x13.\xbc\xfc\n\xf2\xcbP\xb0\x1b/\x04V,2}\xae\xb9\x98\xf9?\xfd\xc0\x89-O\xe6\xdd\xc9\xdfcQ\xach\x9a&amp;\x96\x00\'\xb0\x83\xc5\xf7\xd4SOe\xe6\xcc\x998\x1c\x8e\xd2c\xdeSI\xca=\xad\xe2\'~\xe5\xe7\xe7s\xd5UWSPP\xc0\x85\x97]\xc3\x03O&gt;OaA\xb1\xd8\xe0\'\xc1i\x9a\x86\xdb\xe3f\xdd\x9aU\x0c\xbc\xfd&amp;"\xe10=z\xdf\xc9\xadw\x99\xcb\xbb\xcaR\xd3!\xc92\x9a\xa6\x01\x12/\x8f\xf9\x80\xfa\x8d\x9a\xb2\xfc\x8fE&lt;|\xd7\xad8\x1cNR/\x95&gt;\xf6\xb4Xr7w\xd6,\x9e}\xf8\x1e\x00\xee\x7f\xe2\x05\xba^q\x05\xf9e\x9c\xb6\x93c\xf1\x95\x90yy\xcc\x07\xd4kx\x02\x7f.\xf9\x8d\xc7\xee\xea\x8d\xd3\xe5$\x05\xfbJI\xe5\xc0\xf8\xd6ot\x02\x0b\x16,\xa0w\xef&gt;\xa5\x7f\x97jR*\x01\x88/\r\x91$\x89\x1bo\xbc\x91U\xabVrR\x9bSy\xe6\xb5\xb7\t\x06\x82\x18\x06)\x97\x01&amp;\x13\xc30\xb0X,\x84C!\xee\xef\xdb\x83=\xbbv\xd2\xe9\xdc\x0by\xe4\xd9a\x14\x17\xf8\xca%\xb9\x93e\x99p(Dfv%^y\xfb#22\xb3\x98\xf1\xd5$^\x7fa0\x99\xd9i)_Tt4\xe9\x9a\x8e\xd3\xe5d\xcb\xa6\r\x0c\xec\x7f\x13\xa1P\x90k{\xf5\xa3\xf7\xdd\x03\xca\x9c\xdc\xc5\xc9\xb2L(\x14"+\'\x97ao}DzF&amp;\xdfN\x9e\xc8\x1b/=Cf\x96\x88o\xa2\xdb7\xbe/\x8f\xf9\x88\xf4\xccL&gt;\xfa\xe8C^|\xe9\xa5\x94,\nL\xa9\x04 &gt;\xf4\xff\xf8\xe3\x8f3u\xeaT*W\xa9\xc6\xd0\xd1\x1f`\xb7\xdb\x89F\xa3)9\x07\x94Lt]\xc7\xe3u\xf3\xf4Cw\xb3l\xf1B\xea6h\xcc\xf3#\xc6\xa2FUt\xc3(\xb7\xe4NQ\x14|\xc5\xc54;\xe9$\x06\xbf&lt;\x1aY\x96y\xf3\xe5!L\x9f2\x85\xcc\xac\x8c\x94{\x88\x1c\x13\x86\x81\xac\x98\xf1{\xe8\xf6^l\xdf\xba\x99\xd3:\x9c\xc9\xa3\xcf\xbeBqaI\xb9\x8e\xdc\x99\xf1-\xa2y\xabV&lt;9\xf4M$Yf\xc4K\x83\xf9\xfe\x9bo\xc8\xc8\x14[\x06\'\xba\xfd\xe2\xfb\xd2HdY\xe6\x91G\x1ea\xe6\xcc\x99X,\x96\x94\x1a\tH\x99\x16/\xbe\xdco\xea\xd4\xa9\x0c\x192\x04\xab\xd5\xca\xd3\xaf\xbeE\xdd\x06\r\xf0\x97\xf8E\x81O\x82SU\x95\xac\xect&gt;|g4\x9f\x7f4\x0e\x97\xdb\xc3\x0bo\x8e\'+\'\x97p(T\xee\xc9\x9d\xc5b!?\xaf\x90K\xae\xba\x92\xbe\xf7&gt;\x8c\xaei&lt;&gt;\xe066\xae[\x87\xcb\xe5D\xd7\xf5r\xfdy\xa9N\xd34\xd23\xbc\xbc\xfc\xf4\xa3,\x98;\x8b\xaa\xd5k\xf2\xfc\x1b\xe3\x01s#\xa0\xf2\x1e\xb9\xb3X\xac\xe4\xe7\x15\xd2\xed\x9a\xee\xdcz\xc7\x03h\xaa\xca\xe3\x03\xfa\xb2u\xd3F\x1cN\x11\xdfD\xb77\xbe\xd7p\xcb\x9df|{\xf6\xec\xc9\xce\x9d;\x91e9e\xe2\x9b\x12E\x80\xf1a\xffm\xdb\xb6q\xf2\xc9\xa7\xb0c\xc7v\xeezh0\xf7&lt;\xfa\xb8X\xee\x97\x04t]\xc3\xe5v\xb3\xea\xafe\xdc\xd0\xb53%\xbeb\x9e|\xe9Mn\xbc\xad\xdf\x11U\xfc\x1f:\x03\xc3\x00\xa7\xcbI\xefk\xba2w\xe6t\xdaw:\x87w&amp;~C0\x18\x12\xd3I\xe5DSU\xd2\xb32\x981\xe5\x0b\xee\xb8\xe9\n,V+\xa3&gt;\x9cB\xc7s\xbaPXp4\xb7\xe86\xe3\xebp\xda\xb9\xe5\xca\x0b\x99\xff\xd3\x0ft&lt;\xe7\x02\xc6|\xf2\x15\xfe\x12\xbf\x181Lx\xb1\xf8:\xec\xdcr\x95\x19\xdf\x8b/\xbe\x98)S\xa6\xa4\xcc&amp;A)\xf1\t6b\xc3\xbf\xb7\xdez+;vl\xa7\xe3\xd9\xe7\xd3\xff\xfeG)\xcc+\x16\x8d\x7f\x823\x8b:\x15"\xe10\x83\xee\xe9K\x89\xaf\x98\x8b\xaf\xbc\x9e\x1bz\xf7#\x7fO\xd1Q\xde\xc8I*\xddI\xf2\xe9WFS\xb9ju\xe6\xfd\xf8=\xa3^y\x9e\x8cL\xaf\x98\n(\x07\x86\xaecw:\xd9\xbai\x13O\r\xbc\x13\xc30\xe8{\xef\xc3\x9cu~\x97\xd8.\x8eG\xf3!m\xc6\xd7\xd0a\xc8\xab\xa3\xc9\xc9\xad\xccO\xdf\x7f\xcb;#^\x16\xf5\x00I!\x16_\xc3\x8co\xa5\xdc*|\xf5\xd5W\xbc\xf6\xdak)S\x0f\x90\xf4\t@|\xde\xff\xb5\xd7^c\xda\xb4iT\xaeR\x8d\xc1/\x8fDUU\x92~\xe8#\x05\xe8\x9aFz\x86\x87\xd7_x\x8ae\x8b\x17R\xa7~#\x1e{\xeeU\x02\xfe\xc01\xe9\xa1\xc9\xb2L0\x10\xa4f\xed\xda&lt;\xf6\xfck\xc8\xb2\xcc\xa8W\x9e\xe3\xd7y\xf3\xf1\xa6\xa5\xa1\xa7\xd0|\xe2\xd1`\x006\x9b\x8d!\x0f\xdd\xcd\xce\xed[i\xd7\xf1ln\xbf\xefQ\n\xf2}\xc7$y\x97e\x99@ @\x9d\xfa\xf5y\xe4\x99W\x91$\x897^z\x8a%\xbf\xfd\x8e\xc7\xebE\xd7E|\x13\xd9\xbe\xf1}\xf8\x99W\x90$\x89G\x1ey\x94\xbf\xfe\xfa\x0b\x8b\xc5\x92\xf4S\x01I\x9d\x00\xc4\xd7}\xaeX\xb1\x82G\x1ey\x14I\x92xh\xc80j\xd5\xadC(\x10\x14Cx\tN\xd34\xbc\x19i\xcc\x9d5\x8bwG\xbd\x82\xc5j\xe5\xf1\x17^\'+;\x87H8r\xcc\x86\xe0-\x16\x0b\x85\xf9\x85\\t\xd9\xe5\\sS\x1f\xc2\xa1 O=x;\xa1`\x00YQ\x10\xeb\x03\x8f\x8c\xaa\xaadd\xa51\xe1\xdd\xb7\xf8\xfe\x9b/\xc9\xcc\xca\xe6\xc9\xa1o\xa2\xc7v\x01&lt;V,\x16\x0b\x05\xf9E\\zuw.\xeb\xde\x93\x80\xdf\xcfS\x0f\xde\x81ZZ8,\xe2\x9b\xc8\xf6\x8d\xef\xe5\xd7\xf6\xc4\xef/\xa1O\x9f&gt;h\x9aV\xba\xe3d\xb2J\xda\x160\x1e8]\xd7\xe9\xd7\xaf\x1f~\x7f\t\x97u\xbf\x89\x8b\xaf\xba\x86\x82|\xb1\xb5g\xa2\x8b/\xf9\x0b\x94\xf8y\xe6\x91{\x88F\xa3\xf4\xe8}\'\x9d\xbb\x9cG\xe1q\xd8\xbaUV\x14\x8a\x8b\x03\x0c\x18\xf4,\xf5\x1a\x9e\xc0_K\x173\xfa\xd5\xe7I\xcf\xf0\xa4TUqy\xd1us\xc9\xdf\xfa5ky\xe5\x99\xc7\x00\x180\xe89\x1a\x9e\xd0\xe8\x98\x8d\xee\xecK\x96e\xfc%A\x1e\x1c\xfc&lt;5\xeb\xd4c\xc9o\xbf0\xee\xcdWH\xcf\xf0\xa2\xaa"\xbe\x89.\x1e\xdf\x07\x9e|\x9eZu\xea\xf1\xf3\xcf?3|\xf8p\x14EI\xea\xfb7i\x13\x80x\xef\x7f\xe4\xc8\x91\xfc\xf8\xe3\x8fT\xafY\x9b\xfb\x9ex\x8e\x80_\xf4\xfc\x93\x81\xa6i\xa4\xa5\xbb\x19\xf3\xea\x0b\xacZ\xbe\x</t>
        </is>
      </c>
    </row>
    <row r="119">
      <c r="A119" s="1" t="n">
        <v>117</v>
      </c>
      <c r="B119" t="inlineStr">
        <is>
          <t>venn</t>
        </is>
      </c>
      <c r="C119" t="inlineStr">
        <is>
          <t>What is the missing number of the part denoted with a question mark?</t>
        </is>
      </c>
      <c r="D119" t="inlineStr">
        <is>
          <t>['3', '7', '4', '9']</t>
        </is>
      </c>
      <c r="E119" t="inlineStr">
        <is>
          <t>7</t>
        </is>
      </c>
      <c r="F119" t="inlineStr">
        <is>
          <t>There are 3 overlapping circles containing the numbers ['?', 9, 6]. The overlapping part between the first and second circle contains the number 16. The overlapping part between the second and third circle contains the number 15.</t>
        </is>
      </c>
      <c r="G119" t="inlineStr">
        <is>
          <t>We observe that the circles with 9 and 6 overlap to form the part 15, where 9 + 6 = 15. Hence, the pattern is most likely that the numbers in the overlapping parts are the sum of the numbers in the corresponding circles.</t>
        </is>
      </c>
      <c r="H119" t="inlineStr">
        <is>
          <t>Based on the pattern that the numbers in the overlapping parts are the sum of the numbers in the corresponding circles, the missing number of the circle where the overlapping part is 16 should be 7.</t>
        </is>
      </c>
      <c r="I119" t="inlineStr">
        <is>
          <t>b'\x89PNG\r\n\x1a\n\x00\x00\x00\rIHDR\x00\x00\x02\x00\x00\x00\x02\x00\x08\x06\x00\x00\x00\xf4x\xd4\xfa\x00\x00\xa0\xeeIDATx\x9c\xec\xddu\x9cTU\x1b\xc0\xf1\xdf\xbdw:\xb6\x97\x86\xa5S\x90P\x14\x14A\x11PA\xc5\x04\x03\x03\x04\x04\xbb\x13\xbb\x15,Tl0A\xc4\xc0\x02\x03P@\x04\xa5EJ\xbacsv\xfa\xc6\xfb\xc7\x9dY\x16\xc4Wbawf\xce\xf7\xf3\xf1\xd5w\xf3\xee&lt;s\xefy\xce9\xcf9G2\x0c\xc3@\x10\x04A\x10\x84\x94"W\xf6\x05\x08\x82 \x08\x82p\xf4\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H\x00\x04A\x10\x04!\x05\x89\x04@\x10\x04A\x10R\x90\xa5\xb2/@\xa8\x1c\x86a\xec\xf5\xdf\xe5\xff\xff\xbe\x9f\x8f\x93$\xe9\x1f\xff\xbd\xef\xbf\x85\xaa!\x1e\xbf}c\xbb\xbf\xb8\x96\xb7o\x8cE|\xab\xa6\xf2\xf1-\xff\xef}\xff\xbb&lt;q\xff\n\xfb\x92\x8c\xffz"\x08\t+\x1eZ]\xd7\xcb\xfe;\xfeP\x97\xe5\x8a\x1f\xfc\xd14\xed\x1f\xbf\xa7|#"T\xacx\xe3^\xbe\x91\x8f\xc7\xf6H\xbc\xe6\xf1\xf7\x91a\x18e?\xffH\xfd.\xe1\xdf\xe3{$\xee_\xc30\xf6\xfb\x9c\x10\xf7or\x13\t@\x12\xd9\xf7\x01\xad(\xca\xff\xfdz\xbf\xdf\x8f\xcf\xe7\xa3\xb8\xb8\x98\xd2\xd2RJKK\t\x06\x83\x04\x02\x01TU%\x12\x89\xa2\xeb:\x16\x8b\x82\xd5j\xc5j\xb3\xe1r:q\xb9\xdcx&lt;n&lt;\x1e/\x19\x19\xe9\xb8\xddn\x9cN\xe7\xbf\xfe\x9e\xf2\x0f\x97#\xd9@%\xb3x\\u]\x07\xcc\x86\xf7\xff5\x02~\xbf\x9fh4\xca\xae]\xbb((( \x1c\x89\x10\tG(,,\xc0\xe7\xf3\xa1\xaa*\xe1H\x04\xc30\xb0Y\xadX\xadV\\.\x17\x99\x99\x99\xb8\\.,\x16\x0b\xe9\xe9\xe9\xd4\xa8Q\x03\x9b\xcd\x86\xd7\xeb\xfd\xbf\xd7&amp;\xe2{x\xf6m\xec\xff+\xbe\x9a\xa6\x11\x08\x04(..\xa6\xa4\xa4\x04_i)\x01\xbf\x9f@ H0\x18D\xd3T"\x91\x08\x86\x01V\x9b\x15\x8b\xc5\x82\xc3n\xc7\xe9r\xe1v\xb9\xf0x&lt;x\xbd^\xd2\xd33p\xbb]\xd8l\xb6\xff{m\x9a\xa6\x01{\x12&gt;\x11\xdf\xe4 \x12\x80\x04V\xbe\xc1\xb7X\xfe9\x9bc\x18\x06;v\xecd\xc3\x86\xf5\xac]\xbb\x8e5k\xd6\xb0v\xddZ6m\xda\xc4\xf6m\xdb\xd8\xb9s\x07\xc5\xc5\xc5\x84\xc3\x91C\xbe\x06\x97\xcbIFF&amp;5k\xd6\xa4F\x8d\x1a\xd4\xaf\xdf\x80\x06\r\xea\xd3\xb8qc\xea\xd7\xafO\xbdz\xf5\xc8\xcc\xcc\xdc\xef\xb5\xeb\xba.\x1a\x8c\x7fQ\xbe\xc1\xff\xb7d\xae\xb4\xb4\x94\xcd\x9b7\xb3a\xc3\x06\x96/_\xce\xe6\xcd\x9bY\xb9r%\xf9\xf9\x05l\xdc\xb8\x01\x9f\xcfGII\xc9a]\x87\xdb\xed\xc6\xedvS\xa7N\x1drssi\xd0\xb0!yyy4k\xda\x94\xbc\xbc&lt;\x1a4h \xe2{\x08\x0e$\xbe\xe1p\x98\xed\xdbw\xb0~}\xec\xde]\xbb\x96\xb5k\xd7\xb2e\xcb\x16\xb6o\xdb\xc6\xee\xdd\xbb)))A\x8d5\xce\x07K\x02&lt;^/\xd9\xd9\xd9e\xf7o\xc3\x86\x8d\xa8_?\xcf\xbc\x7f\x1b4\xa0N\xed\xdax&lt;\x9e\x7f|\xaf\x88or\x10\t@\x02)\xff\xd0P\x14\xe5\x1f7\xdd\xe6\xcd\x9b\xf9\xeb\xaf\xbfX\xb0`\x01\x0b\x17.d\xd9\xb2e\xacY\xb3\x86P(\xb4\xdf\x9f\xa7X\xacx\xd3\xd2I\xcf\xc8\xc4\xe3M\xc3\xe3\xf5\xe2t\xbap8\xcd\x1e\xa0\xd5jCVdTUCU#D#\x11B\xc1 \x81\x80\x1f\xbf\xcf\x87\xcfWLQa\x01\xa5&gt;\x1f\x18\xfa~\x7fGzz:M\x9b6\xa5u\xeb\xd6\xb4o\xdf\x81\xf6\xed\xdb\xd1\xacY3\xb2\xb2\xb2\xf6\xfa\xba\xf8\x03\xe5\xbfz&gt;\xc9\xac|\x0f\x7f\xdf\x06!\x14\n\xb1j\xd5j\x16/Y\xcc\xc2\x05\x0bX\xb4h\x11+V\xac`\xdb\xb6m\xff\xfa\xf3,V\x1bn\x8f\x07\xb7\xc7CFF\x16\xde\xf4L\x14E\xc1b\xb5\xa2\xc82\x16\xab\rI\x92P\xd5(\x9a\xaa\xa2\xaa*\xba\xae\xe1/\xf5QTP\x80\xcfWL0\x10 \x14\x0c\xfc\xeb\xef\xc8\xc8\xc8\xa0Y\xb3f\xb4l\xd9\x92\xf6\xed\xdb\xd3\xbe}{Z\xb4h\xf1\x8f\xa4@\xc4w\xef\x91\x92}\x13vUUY\xb7n\x1dK\x96,e\xc1\x82\xf9,Z\xb4\x88\xbf\xfe\xfa\x8bM\x1b7\xa2\xe9\xfb\xbf\xb7lv\x07i\xe9\x19e\xf7\xaf\xcb\xed\xc1\xe9taw:Q\x14%\xd6\xab7\xe3\xab\xaa*\x91p\xc8\xbc\x7f\xfd\xa5\x94\xfaJ().\xa6\xb8\xa8\x80`\xc0\xff\xaf\xd7\\\xadZ5\x9a7oN\x9b6\xc7\xd2\xbe}{\xda\xb6=\x96\xa6M\x9b\xe2v\xbb\xf7\xfa\xba\xf8\xf4_*\xc77\x11\x89\x04\xa0\x8a\xfb\x7f\x0f\x8d\x8d\x1b72w\xee\\f\xce\x9c\xc9\xaf\xbf\xfe\xca\x92%K\x88F\xa3{}\x8d7=\x83z\xf5\x1b\x91\xd7\xb01u\xeb7\xa4N\xdd\xfaT\xafU\x9b\xac\x9cj\xa4gf\xe1v{\xb1;\x1c\xd8l6\xac6\x1b\x92$#I\x10\xcf-$\t\xe2\xef\x10\xc30\xff\xd15\x8dH4B$\x1c&amp;\x1c\nR\xea+\xa1\xa8 \x9f\xfc];\xd9\xb6e#[6\xadg\xc3\xda\xbf\xd9\xb8n\r\x9b6\xac#\x1c\n\xeeuM\x99\x19\x19\xb4m\xdf\x9e\x93O:\x89.\xa7\x9cB\xfbv\xed\xc8\xce\xce\xde\xebkTUM\x89\x87\xc9\xbf5\xfa\xaa\xaa\xb2l\xd9_\xcc\x9e=\x8b_f\xce\xe4\xf7y\xf3X\xbbv\xed?\xbe?=#\x93z\r\x1aQ\xbbn\x1ey\x8d\x9aR\xbdF-\xea\xe45\xc4\xe3\xf5\x92S\xad&amp;n\x8f\x07\xc5b1\x1b\x06\x87\x13\t\xca\x82[\x96?\x1a`\xc4\xff\x03\x88\x84#\x04\x83~\xa2\x91\x08\x91H\x98];\xb6Q\xea\xf3\xb1}\xcb&amp;\xb6o\xd9\xc4\xa6\r\xeb\xd8\xb4~-\x1b7\xaca\xe7\xb6\xad\xff\xb8\xa6\xec\xecl\xda\xb6m\xcbI\'\x9d\xc4)\xa7\x9cB\xfb\xf6\xed\xf7J\x08\xe2C\xca\xa9\x1c_\xc30X\xb9r%\xbf\xfe:\x87\x993\x7f\xe1\xb7\xdf~c\xc5\x8a\x15\xff\xf8\xfe\x9cj5\xc8k\xd0\x88\xbcFM\xa8\x9b\xd7\x80Zu\xebS\xadzM2\xb3sI\xcf\xc8\xc4\xe9vc\xb3\xd9\xb1\xd9\xedX-V$Y\xda\x13W\xc9\xec\xe5\xef{\xffj\xaaJ$\x12&amp;\x12\x0e\x13\n\x06().\xa2\xa8 \x9f\xdd\xbb\xb6\xb3u\xd3\x06\xb6l\xda\xc0\xfa5\xab\xd8\xb8~-[6n@\xd7\xf7\x1ea\xa8U\xab\x16\xc7\x1dw\x1c\'w\xe9\xc2\xc9\'\x9fL\x9b\xd6mp\xbb]{\xfdm\xa9\x12\xdfD\'\x12\x80**\xdec*\xdf\xe8k\x9a\xc6\xc2\x85\x0b\xf9\xfe\xfb\x1f\x98:u\ns\x7f\xfb\x8dpd\xcf\xf0}Zz\x06M[\xb6\xe6\x98\xb6\x1dh\xd9\xba-\xf5\x1b7\xa7f\xed\xbaddf\xe1p:P\x94\xd8\x03@\x03M\xd3\xd1b=\xbe\xf8\xef2\xdf\nF\xb9\x06aoR\xb9\xff1\x87\xfd\xcc\x1b\\Q\x14\x14\x8b\x05E\x91\x90c\xcf85\n\x01\x7f)\x85\xf9\xbb\xd8\xbcq=kW\xad\xe0\xaf\xa5\x0bY\xb6x&gt;+\xff\xfa\x135\xba\xe7\xba\xb3\xb3\xb3\xe9\xd2\xa5\x0b\xbdz\xf5\xe2\xd4SO\xa5Y\xb3fe\x9f\x8b?L\xf67\xe2\x91\xa8\xfe\xadQ\xc8\xcf\xcfg\xe6\xcc\x99L\x9d:\x95\x193f\xfc\xa3A\xc8\xcc\xca\xa1i\x8bch\xd5\xb6=\xcd[\x1dK\xfd\xc6M\xa9Y\xbb.\xe9\x99\xd98\xf7\x89\xaf\xae\x1b\xa8j\x14]\xd31\x0c\xbd,\xc6\xb1+\xd8\xeb_\x94\xbd\xac{*\xc2eEA\x96$$Y\xc6b\xb1\xa2(2\xb2\x0c\xb2\x02\xba\x06\x91\xb0JIq!\xbbvlc\xc3\xda\xbfY\xf5\xd7R\x96/]\xc4\xca\xe5K\xd9\xb8n\xcd^\xd7]\xadZ5N&gt;\xf9dz\xf6\xecE\xb7S\xbb\xd1\xaci\xd3\xbd^\x8bd\x8b/P6g^&gt;\xbe&gt;\x9f\x8f9s\xe60e\xcaT~\xfc\xf1\x07\x96.]\xba\xd7\xf7T\xafU\x87\x16\xad\xda\xd0\xea\xd8\xf64k\xd5\x86\xfa\x8d\x9a\x91[\xa3&amp;i\xe9\x19\xd8\xedVd\x19t\xdd\xfcGU54M\xdd+\xbe\x07v\xff\xee)\xec\x8b7\xd0\xb2b\xc1b\xb1 \xcb\x94\xbd\x87\xa2Q\x9dR\x9f\x8f\xfc\x9d\xdb\xd9\xb8~-\x7f\xaf\\\xc6_K\x16\xb2|\xe9"\xfe^\xf9\xd7^?\xb7n\xdd\xbat\xed\xda\x95\x1e=z\xd0\xb5kW\xf2\xf2\xf2\xca&gt;\x17\xbf.1MP5\x89\x04\xa0\n)?\'\x18\xcf\x9cu]\xe7\xb7\xb9s\xf9\xf2\x8b/\xf8\xe6\x9boX\xb6lY\xd9\xd7{\xbc\xe9\xb4=\xee\x04\x8e\xef|\nm:t\xa4Q\xd3\x96\xe4\xe4V\xc7\xee\xb4`\xe8\xe6M\x1c\x8dF\xd0\xa2Qs\x18\xd10\xca\x1a\xf0}\x0by\x0e\xe5\xe6\xdc\xf3\xd61b\xbd\x0b\xa3\xac\xbb!\xc9\x12\xb2l\x0e7\xdblv,\x16\xf3\xa1\x14\xf0\x87\xd8\xbee3\xab\x97/e\xe1\xbc_\xf9}\xceL\x96.\xfcc\xaf^F\xe7\xce\x9d9\xf7\xdcs\xe9\xd3\xa7\x0f-[\xb6,\xfb\xf8\xfe\x1e\xaa\x89$\xde\xd8\x95O\xea\n\n\n\xf8\xf1\xc7\x9f\x98\xfc\xd5d~\xfc\xe1\x07v\xec\xd8Q\xf6\xb9\xcc\xec\x1c\xdav8\x81\x0e\'\x9eL\xeb\xf6\x1di\xd8\xa49\xd9\xb9\xd5q8\x14\xf4#\x1c\xdf\x7f,+3\x0c\xb3Q1\x0c\x90$dYBQ\xac\xb1\xe2P\x0b\x8a\x02\xaa\n\xc5E\x85lZ\xbf\x96\xe5K\x17\xb1`\xee,\x16\xfe&gt;\x87\xb5\xabW\x96\xfd,E\x96\xe9\x14\x8bo\xef\xde\xbdi\xd1\xa2E\xd9\xe7\x921\xbe&gt;\x9f\x8f\x193f\xf0\xe5\x97_2u\xeaT6o\xde\\\xf6\xb9\xea\xb5\xea\xd0\xa1cg\x8e\xeb\xd4\x85Vm\x8f\xa3~\xc3&amp;ddea\xb5Jh\x1aD\xa3*\xd1H\xd4l\xe8\xcb\xe2+\xed\xd5\x90\x03{\x8d\xea\x1c\xec\xf5\xee\xf9\xb7y\x0f\xc7\xdfC\x92d&amp;\xf6V\xab\r\xab\xcd\x8ab1\x13\xbfR_)[7m`\xf9\x9f\x8b\x99\xff\xdbL\xe6\xcf\x9d\xcd\xaa\xbf\xf6$2v\xbb\x9d\xae]\xbb\xd1\xf7\xbc\xbe\x9c\xd1\xab\x17\r\x1a4(\xfb\x9c\xa6iGl\x05\x92phD\x02P\x05\xec\xef\xc1\xb1r\xe5J&gt;\xfd\xf4S&amp;N\x9c\xc8\xe2\xc5\x8b\xcb&gt;\x9e\xd7\xa01\x9d\xbav\xe7\xa4S{\xd0\xba\xed\xf1T\xafU\x07\x9b]F\x8dB8\x1cB\x8dF\xd05}\xafL\xbf\xf22\xefxb\x10\xef\x9dH(\x8a\x8c\xd5f\xc7n\xb7!+\x10\xf4G\xd8\xb4~\r\x8b\xfe\xf8\x8d\xd93~`\xce/\xd3\xc8\xdf\xb5\xa7\x11\xec\xd6\xad\x1b\xfd\xfb\xf7\xa7O\x9f&gt;\xd4\xae]\xbb\xec\xe3\xf1!\xc6D\xe8U\xc4{A\xf1\x86M\xd7u~\xfe\xf9g&gt;\xfex&lt;_\x7f\xf35\xdb\xb6\xee\x19Fo\xd2\xbc\x15\'\x9er\x1a\x9d\xbb\x9eN\xabc;P\xadF-l6\x89h\x14\xc2\xa1X|\xf5\xaa\x11\xdf\xbd\x96\xa8\xc5W\x9eX\xac\xd8\xedvlv\x05\xc3\x80\xe2\xc2b\xfe^\xb5\x9c?\xe6\xfc\xc2\xec\xe9?\xf0\xc7o3\x89\x84\xc3\x00\xc8\xb2D\xb7n\xa7\xd1\xbf\x7f?z\xf7\xeeM\xadZ\xb5\xca~v"\xc7\x17\xe0\xd7_\x7fe\xfc\xf8\xf1L\x9e&lt;\x99\r\x1b6\x94}\xfc\x98\xb6\x1d8\xf9\xb4^t\xear\x1a\xcdZ\xb5!+\'\x17E\x81HD\'\x12\x0e\xa1\xaa*F\x15\x8a/\x18\x18z,\xc6\xb1bE\x9b\xdd\x81\xddnA\x92\xc0W\x12`\xfd\x9aU,\x98;\x8bY\xd3\xbfg\xee\xac\x19\xf8K}\x00\xd8l6z\xf6\xeaE\xff~\xfd9\xe3\xcc3\xc8\x8e\xd5\xfd\xc4;:\x89\x12\xdfd&amp;\x12\x80J\xb4\xef\x83#\x18\x0c\xf1\xddw\xdf2v\xecX\xbe\xf9\xe6\x9b\xb2!\xdbz\r\x1a\xd1\xfd\x8cs\xe8\xd6\xb37\xad\x8e\xed@fv\x06\xba\x0e\xa1`\x98H$\x8c\x11\x1b5\x90\x12\xe4\x86*\x1b\x027\x0cdE\xc1nw`wZ1t\xd8\xb1m\x1b\x0b\x7f\x9f\xc3\xb4\xef\xbe\xe4\x97\x9f\xa6\x90\xbfk\'`\x16\x13\x9ew\xde\xf9\\q\xc5\x15\x9czj\xb7\xb2\x9f\xa5\xaaj\x95\x1d&gt;\xde\xb7\xc7\xb3y\xf3f&amp;N\x9c\xc8\xfb\xef\x7f\xc0\xc2\x85\x0b\xca\xbe\xaeI\xf3V\x9cv\xc6\xd9\x9cr\xfaY\xb4h\xd3\x96\xf4\x0c/\x9aj\x16\xfeE#\x113\xbe\xb2\x14\xab\xcf\xa8z\x7fgy{\x92\x02\x1d\x90\xb0X,\xd8\x1dNlv\x99HHe\xfd\xda\xbf\x997\xfbg\xa6O\xf9\x929\xbfL\'\x1c6\x0bT\xb3\xb2\xb2\xe8\xdb\xb7/\x03\x06\\A\xb7n]\xcb~^"\xc5w\xc7\x8e\x1d|:i\x12\xef\xbd\xf7\x1e\xf3\xe6\xce-\xfb\xba\xd6\xed\x8f\xa7G\xef\xf38\xb9[\x0f\x1a7?\x06\xb7\xd7\x81\x1a\x85P0\x80\x1a\x8db`\x94\xc5\xb6*\xfe\x9d\xfb2t\x1d=\x96\x1c(\x8a\x19_\xbb]A\x8d\x1al\xd9\xb4\x9e\xdf\xe7\xfc\xc2\xb4\xef\xbeb\xd6\xf4\xef\xcb\x92\x81\x9a5kr\xe1E\x17q\xf9e\x97\xd1\xb1c\xc7\xb2\x9fU\x95\xe3\x9b\nD\x02P\t\xf6m\xf8\xb7n\xdd\xca\x07\x1f|\xc0;\xef\xbc\xc3\xca\x95\xe6p\xa97=\x9d\xd3z\x9d\xcdY\xe7\xf5\xa3\xfd\t\'\x91\x95\x9d\x89\xaaB0\xe0GU\xa3\xec\x99\x87O\xfc\x1b\'&gt;\x87\t\x126\x9b\r\xa7\xcb\x89$\xc1\xb6-[\x99\xf3\xf3\x8f|\xf7\xe5Df\xfc\xf0\xad\xd93\xc2\x9c"\x184h\x10\x17]tQ\xd9\xfa\xf4\xaa\xd4c\xdc\xf7Z\xfe\xf8\xe3\x0f\xdey\xe7\x1d\xc6O\x98@aA\x01\x00\xb9\xd5jp\xda\x99gs\xc6\xb9\x17ql\x87\x13I\xcf\xf4\x12\x8d\x18\x04\x03\x0145\x1a\x1bf\xaf\x1a\x7f\xcfa1\x0ct\xc3\x88%12\x0e\x87\x13\x87\xd3J4\xaa\xb3n\xf5J~\xfe\xe1\x1b\xa6L\x9e\xc4\xa2?~+\xfb\x96\x93N&gt;\x99A\x03\x07r\xe1\x85\x17\x96\xc5\xb7*5\x14\xfb6\xfcK\x96,\xe1\xddw\xdf\xe5\xc3\x0f?d\xd7\xae]\x00\xd4\xa9W\x9f^\xe7\\H\xcf&gt;\xe7\xd3\xa2M;\xdc\x1e\x07\x91\x90F(\x14@S\xb5\x84I\xe8\x0e\x84\xf9&lt;\xd3\x91$\x19\x9b\xdd\x8e\xd3iG\xd7a\xd3\xfa\xb5\xcc\xfci*S\xbe\x9c\xc8o\xb3\xa6\x97}}\x8f\x1e=\x18&lt;x0\xe7\x9cs\x0ev\xbb\x1d\xa8Z\xf1M%"\x018\x8a\xf6m\xf8W\xadZ\xc5\x1bo\xbe\xc9\xd8w\xdf%??\x1f\x80V\xc7\xb6\xe7\xdc\x8b/\xe7\xf4\xb3\xce\xa3n\x83\xfa\x18:\x04\xfcf\xa3o\xf6\x10\x92\xe3\xa1\xf1o\xca\x17\xc8\xd9lv\\n\x07\xaa\xaa\xb3\xea\xaf\xa5L\x9d&lt;\x89/?y\x9f\xcd\x1b\xd7\x03\xd0\xa0A\x03\x86\x0c\x19\xc2\xc0\x81\x03\xa9V\xad\x1aP\xb9\x0f\x92}\x1b\x86i\xd3\xa61z\xf4h&gt;\xff\xfc\xf3\xb2\xaf\xe9p\xe2\xc9\x9cs\xd1e\x9cv\xc6\xd9\xd4\xacS\x1b-\x9e\xd4E\xa3H)P5\x1dO\xf6$iO2\x10\xf0\x87X\xf4\xfb\x1c\xbe\x9e\xf41S\xbf\x9aDQ\xa1\x99$5j\xd4\x88k\xae\xb9\xa6\xca\xc4\xb7\xfc&amp;L\x00\xbf\xcc\x9c\xc9+\xa3G3q\xe2\xc4\xb2\xf9\xf4\xae\xa7\x9f\xc99\x17\x0f\xe0\xe4S{\x90S-\x87hD\'\x18\xf0\x9b\xef\x8d\x94\x88o\xac\x8e\t\xb0;\x1c8]v\xc2!\x95?\x17\xfd\xc1\xb7_L\xe0\x9bI\xe3\xd9\xb5s;\x00\xadZ\x1d\xc3\xd0\xa1C\x180`\x00\x19\x19\x19@\xd5J\xe4S\x81H\x00\x8e\x82}\xe7\xf8W\xacX\xc1\xcb/\xbf\xcc\xbbc\xdf%\x180\x97\xc8u?\xf3\x1c.\xba\xfc\x1a:u\xed\x8e\xc7\xeb"\x10\x08\x13\x8e\xad\xdfO\xd5\x1b\xa2|Q\xa4\xd3\xe5\xc2\xee\xb0\xb0{\xc7n\xa6O\xfd\x9aO\xde\x7f\x8b\x05sg\x03P\xa3F\r\x86\x0e\xbd\x96a\xc3\xae\xa5z\xf5\xea\xc0\xd1}\x90\xec\x9b\xd8\xfd\xf0\xc3\x0f\x8c\x1a5\x8a)S\xa6\x00`\xb5Z\xe9y\xf6\xf9\\x\xf95\x1c\xdf\xf9\x14\x9cN\x1b\xfe\xd2\x10\x91H\x08\t\tY\x91)W\x8a\x9f2\x8c\xf8\xde\x00\x8a\x82\xdb\xedA\xb1JlX\xbb\x9e)_~\xc2\xa4\x0f\xdfe\xedjs\x15D\xcd\x9a\xb5\x182d0\xc3\x86\r\xab\x12\xf1\x9d&gt;}:\xa3F=\xcf\xd7_\x7f\x05\x80\xdb\x93\xc6\xd9\x17^\xc2\xf9\x97\\I\x9b\xf6\'`\xb1\xca\xf8K\x03D#\x91\x94h\xf4\xff\x8dy\xff\x9aqr\xba&lt;\xd8l2[7o\xe5\x87\xaf?c\xe2\x07o\xb3|\xe9"\x00\xf2\xf2\xf2\x18&gt;|8\x83\x07\x0f.[.\x1a_\x19"\x1cY"\x018\xc2\xca\xbf\x91\xd7\xaf_\xcf\xf3/\xbc\xc0\x9bo\xbcA0\x18DQ,\x9cs\xd1\xa5\xf4\xbbj(\xed\x8e\xef\x84$I\xf8KK\xd1T\x15Y\x0c\x87\xedE\xd7u\x0c]\xc7j\xb3\xe1\xf6\xb8\x08\x06\xc3\xcc\xf9\xf9G&gt;|\xeb\x15~\xfe\xf1;\xc0L\x04\xae\xbf\xfe\x06\xae\xbbn\xf8^=\x8a#\xf5 \xd97\xb1\x9b5k\x16O=\xf5\x14\xdf|\xf3\r\x00n\x8f\x97\xbe\xfd.\xe7\xa2\x01\xd7\xd0\xea\xd8\xf6\xe8:\xf8K}\xb1\x87\xa2\x88oy\xbann$cw8q\xb9\xed\x14\xec.\xe4\xa7\xef\xbe\xe4\xe3w^c\xf1\xfcy\x80\x19\xdf\xeb\xae\xbb\x8e\xeb\xae\xbb\xee\xa84\x14\xfb\xc6w\xce\x9c9&lt;\xfd\xf4\xd3|\xf9\xe5\x97\x00d\xe7V\xe3\xa2\x01\xd7p~\xff+i\xd4\xac)\xd1\x88\x8e\xdf_*\x96\xbd\xedG\xfc\xfe\xb5\xd9\x1d\xb8=\x0eJ\x8aK\xf9\xe5\xc7\xef\xf8\xe8\xedW\x98;\xfbg\x00\xea\xd5\xcb\xe3\xe6\x9bob\xf0\xe0\xc1x&lt;\x9e\xbd6=\x13\x8e\x0c\x91\x00\x1c!\xf1\x9e\xab$I\x14\x15\x15\xf1\xd2K/\xf1\xc2\x0b/PXX\x88,+\x9c\x7f\xc9\x15\\6\xe8:\x8ei\xdf\x01M\xd5\xf1\x97\x96\xfe\xa3\x92X\xf8\xa7=\xbd\n\x05\x8f\xd7\x8b\xa6\xe9\xcc\x9d5\x8d\xb1\xaf&gt;\xcf\x8c\x1f\xbe\x05\xa0a\xc3\x86\xdcu\xd7]\x0c\x1c8\x10\x8b\xc5rDz\x8b\xe5\x1b\x9e\x15+V\xf0\xc4\x13O\xf0\xfe\xfb\xef\x03\xe0r{\xb8\xf0\xb2\xab\xb9d\xe0\xb54m\xd1\x92pX%\xe0\xf7#\x01\xb2\x88\xef\xffe\x18\x06\xba\xa6a\xb1Z\xf1\xa4\xb9\t\x94\x06\x986e2\xe3\xc6\xbc\xc4\xc2\xdf\xe7\x00\xe6\xd4\xcf\x1dw\xdc\xc15\xd7\\\x83\xd5j="\xcb\xcb\xca\xc7w\xf5\xea\xd5&lt;\xf1\xe4\x93\x8c}\xf7]\x00\xb2rr\xb9t\xe00.\xbcl\x10\xf5\x1a\xd4#\x10\x88\x10\n\x06\xca\xf6\xc5\x10\xfe]&lt;\xbe\x8a\xc5\x82\xc7\xeb!\x12\x8e0s\xdaT\xc6\x8dy\x819\xbfL\x03\xa0E\xcb\x96\xdc}\xf7\xdd\\1`\x00 \xa6\x05\x8e$\x91\x00T\xb0}{\r\xef\xbd\xff&gt;\x8f&gt;\xf2\x08\x7f\xff\xfd7\x00g\xf5\xbd\x98\x81\xd7\xddF\xdb\xe3;\x12\x8dh\xf8\xfd\xa5bm\xec!\x8a?\xf8=\xde4\x0c]g\xd6\xf4\xa9\xbc\xf9\xd23\xcc\x9d5\x03\x80N\x9d:\xf1\xf0\xc3\x0f\xd3\xa3G\x8f\xb2\xaf?\xdc\x04\xab\xfc&lt;pII\t\xcf=\xf7\x1c/\xbc\xf0\x02&gt;\x9f\x0fEQ8\xff\x92\xab\xb8j\xd8\xcd4o}\x0c\xa1@\x94`\xc0\x9f\xd2\xc3\xc0\x87*\x9e\xe8)\x8a\x82\'\xcdK0\x10\xe4\xfb\xaf&amp;\xf1\xf6\xe8\xe7X\xbe\xd4\\\x16{\xc2\t\'\xf0\xd0C\x0fq\xc6\x19g\x00f}\xc0\xfe\xce\xc48\x18\xe5\xe3\xeb\xf3\xf9\x185j\x14#G\x8d\xc2WR\x82\xcb\xed\xe1\xd2\x81\xc3\xb8t\xd0p\xf2\x1a\xd6\'Pj\xee\x84)+\xe6\xa6X\xc2\xc1\x897\xec\x1e\xaf\x97h4\xca\x8c\xa9_\xf1\xd6\xcb\xcf\xb2\xf0w\xb3 \xb4[\xb7n&lt;\xfc\xf0\xc3\x9cr\xca)e_/:H\x15K$\x00\x15\xa8\xfc\x1bt\xc1\x82\x05\xdcs\xcf=|\xff\xfd\xf7\x00t&lt;\xa9+\xd7\xdez/\'\x9f\xda\x13M\xd3\xf0\x97\x8a\x86\xbf\xa2\xe8\x9a\x06\x92\x847-\x8dH$\xc2\x94/\'2f\xd4\x13e;\x96]u\xd5\xd5&lt;\xfc\xf0C\xd4\xabW\xef\x1f\x85\\\x07\xa3|\x033i\xd2$\xee\x1f1\x82\x15\xcb\x97\x03\xd0\xad\xc7Y\\{\xdb}\x1cwbg\xc2\xe1(A\xbf\xdf\xec\xb5\x88\xf8\x1e\xb6xC\x91\x96\xee\xa5\xa4\xb8\x84\xcf&gt;\x1a\xcb[/=\xc3\xf6m[\x00\xb8\xfc\xf2\x01&lt;\xf2\xc8\xc34h\xd0`\xaf\xd3\xf4\x0e\xe5\xf7\xc4\xef\xdf\xcf&gt;\xfb\x9c\xfb\xef\xbf\x9f\xe5\xcb\xcd\xf7P\xdf~\x03\x18|\xe3\x9d4o}\x0c\x01\x7f\x98P0(\xaa\xd6+H&lt;\xbe\xde4/\xc1@\x80\xaf&gt;\xfd\x98\xd7_x\xb2lG\xc9\xa1\xd7^\xcb\x83\x0f&lt;@\xcd\x9a5\x0f\xeb\xfe\x15\xfeI$\x00\x15\xa0|\xaf?\x18\x0c\xf2\xe4\x93O\xf2\xcc3\xcf\x10\x0e\x87\xa9U\'\x8f\xe1w\xdcO\xdf~\x03\xb0Y\xed\x94\x94\x14\x8b\x86\xff\x08)\xdfP\x14\x16\x14\xf2\xc1\x9b\xa3y\xfb\xe5g)-\xf5\x91[\xad\x1a\x8f?\xf6\x18\x83\x07\x0f\x06\x0e\xae\xb7X~.r\xc3\x86\r\xdc}\xf7\xdd\x8c\x1f?\x1e\x80\xc6\xcdZr\xdd\x1d#8\xb3\xef\xc5\x00\x94\xfaJ\xc4P\xf0\x11\xa2i*\x16\x8b\x95\xb4t7\x9b7n\xe6\xed\xd1\xcf\xf1\xd1\xdb\xaf\x12\x8dF\xc9\xc9\xc9\xe1\xe1\x87\x1ff\xf8\xf0\xe1\xc0\xe1\xc5\xf7\x9e{\xee\xe5\xe3\x8f?\x02\xa0]\xc7\xce\xdcp\xd7\x83t9\xad\'\xd1H\x14\xbf\xdf/\x1a\xfe#$\x9e\x80\xa5\xa5{\xd8\xb9c\'\xe3\xc6\xbc\xc8\xd8W\x9f\'\x14\nR\xbbvm\x1e\x7f\xfcq\xae\xbc\xf2J\xa0bF{\x04\x91\x00\x1c\xb6\xf8\x8eV`\x16\x81\xdd|\xf3\xcd\xcc\x9f?\x1f\x80\xcb\xae\xb9\x8ea\xb7\xdeK\xcd\xda\xb5(.\xf2\x89\x82\x96\xa3DSU,6\x1bii.\x96/\xfd\x93\x17\x9f|\x80\xef\xbf6\x97\xe2\xf5\xee\xdd\x9b\xe7\x9f\x7f\x9e&amp;M\x9a\x1c\xd0\xdcb\xf9^\xe1\xd8\xb1c\xb9\xfb\x9e{\xd8\xb1};v\xbb\x9d\xab\xae\xbd\x85kn\xbc\x83\xcc\xec,\x8a\x8bJ\x00\x03Y\x16\xf1=\x92\xe2\xc9\xb6\xc3\xe1\xc0\xe5q\xf0\xfb\xaf\xbf\xf2\xfcc\xf7\x95M\xfb\xf4\xec\xd9\x93\xe7\x9f\x7f\x9e\x96-[\xeeU\x87\xf3o\xca\xc7\xf7\xddw\xdf\xe5\x9e{\xeea\xc7\x8e\x1d\xa4gd2\xfc\xf6\x11\\2\xf0Z\x1c\x0e\'%\xc5"q?Z4U\xc5j\xb7\xe3\xf5:Y\xb2`!/&lt;1\x82\x19\xdf\x9b\x85\xb5\xe7\x9dw\x1e#G\x8e\xa4A\x83\x06\xa26\xa0\x02\x88\x04\xe00\xc4\xb3\xd0h4\xcac\x8f=\xc6c\x8f=\x86\xae\xeb\xb4l\xdd\x8e;\x1f~\x86.\xddO7\x97{\x85C("[=\xaa\xe2\r\x85\xdb\xe3FQ,|9\xe1}F=v\x1f\xdb\xb7n&amp;++\x8bg\x9ey\x86A\x83\x06\x01\xff&gt;\xb7\x18\x8f\xef\x8e\x1d;\xb8\xe5\x96[\xf8\xf8\xe3\x8f\x01\xe8p\xe2I\xdc\xfd\xc8st8\xf1D|%\xe6r/\x11\xdf\xa3+\x1e_oZ:\x9a\x16\xe5\xa3\xb7_c\xf43\x0fS\\THzz:O&lt;\xf1D\xd9h\xc0\xfe\xe2[~\xd4n\xdb\xb6m\xdcz\xeb\xade\xa3:=\xfa\x9c\xc7m#\x9e\xa4i\x8bf\x14\x17\x95\x8a\xb9\xe7J\x10\x8f\x8f\xc7\xe3E\x92\xe0\xd3\x8f\xde\xe5\x85\xc7\xefg\xf7\xce\x1d\xe4\xe6\xe6\xf2\xec\xb3\xcf\x96\x8d\x06\x88\xf8\x1c:\x91\x00\x1c\x82\xf2C\x86\xcb\x97/g\xe8\xb5\xd72\xf3\x97_\x00\xb8\xe6\x86;\x18v\xdb\xfdx\xd3\xd2()*\x12\xcb\xf9*Y|\xcb\xe1\x8c\xact6m\xd8\xc8s\x0f\xdf\xc5\xd7\x93\xcc\x07\xfd\xe5\x97_\xce\x0b/\xbc@vv\xf6^C\x8a\xe5{\x8e\xdf}\xf7\x1d\xc3\xaf\xbb\x8e\xf5\xeb\xd6a\xb7;\x18~\xfb}\x0c\xbc\xeev\xac6\x1b\xbe\x92\x121\x1c\\\xc9\xf4\xd8\x06;\x19\x99^V.[\xce\x93#n\xe3\x97\xd8\xb2\xd0\x8b.\xba\x88\x97^z\x89\x1a5j\xfck|\xbf\xf9\xe6\x1b\xae\xbb\xee:6l\xd8@fV6\xb7?\xf8\x14\x17^&gt;\x10U\xd5\x08\xf8\xfdb\x98\xb9\x92\xc5\xe7\xfc32\xd3X\xbfv-\xcf&gt;x\'S&amp;O\x02\xe0\xaa\xab\xaeb\xd4\xa8Qdff\x8a)\x81C$\x12\x80\x83T\xfe\xe1\xf1\xe1\x87\x1fr\xc3\r7PXXH\x83\xc6M\x19\xf1\xd4Kt\xed\xd9\x0b_\xb1\xbfl\xc72\xa1jPU\x15\x87\xd3\x89\xddn\xe7\xd3\x0f\xde\xe6\xe9\x07\xee\xa0\xb8\xa8\x90f\xcd\x9a\xf1\xd6[oq\xf2\xc9\'\xa3i\xe6Z\xf4\xf8\x83\xe4\x81\x07\x1e\xe0\xd1G\x1f\x05\xa0e\x9bv&lt;\xf0\xcch:\x9e\xd4\x99\xe2B\xd1+\xacjTU\xc5\xedv#\xc92\xe3\xc6\xbc\xc0\x8bO&lt;@0\x18\xa0A\x83\x86\xbc\xf9\xe6\x1bt\xef\xde}\xaf#\xb6u]g\xc4\x88\x11&lt;\xf1\xc4\x13\x00t9\xad\x17\xf7=\xf9"MZ4\xa3\xa8\xa0\x04\x10\x85fU\x89\xaa\xaa8].\xacV+\x13\xc6\xbd\xc13\x0f\xdeI\xa9\xaf\x84\x16-[\xf2\xf6[o\xd1\xa9S\'1%p\x08D\x02p\x10\xe2\x0f}UU\xb9\xe3\x8e;x\xe1\x85\x17\x008\xfb\xc2K\xb9\xe7\xf1Q\xe4V\xabNQa\x91\xe8\x15VQFlG\xb7\xcc\xect\x96/\xfd\x93\x07o\x1f\xce\x1fsfb\xb3\xd9x\xee\xb9\xe7\xb8\xe1\x86\x1b\x00\xd8\xb6m\x1b\x83\x07\x0f.\xdb\xd0\xa7\xffUC\xb9\xe3\xe1\xa7\xf1x\xd2().\xc6bQH\xc5\x9d\xfb\xaa:39\x87\x8c\xac4\xe6\xcf\xf9\x8d\x07n\x1b\xc6\xf2\xa5\x8bP\x14\x85\'\x9ex\x82;\xef\xbc\x130\x0fe\xba\xe6\x9a\xc1L\x9d:\x05I\x96\xb9\xf1\xae\x87\x18z\xf3\xdd\xb1\xe3\xaaE\xaf\xbf\xaa2G\x03\x0c2\xb3\xd2\xf9s\xd1b\x1e\xbc}8\x0b\xe7\xfd\x8a\xddng\xd4\xa8Q\x0c\x1f&gt;\xfc\xb0V\x81\xa4"\x91\x00\x1c\xa0\xf8\x10\xd3\x96-[\xb8\xea\xaa\xab\xf8\xf1\xc7\x1f\xb1\xd9l\xdc\xf1\xf03\\u\xedM\x04\x83A"\xa1\xb0\x98\x0bN\x00\xaa\xaa\xe2\xf1x\x88F#\x8c|\xf4^\xc6\x8dy\x11\x80a\xc3\x87s\xd1\x85\x172h\xd0 \xd6\xad[\x877-\x8d\xfb\x9ex\x91\x8b\x06\\\x85\xafD\x8c\xea$\nUUIKK\xc7\xe7+\xe6\x89{o\xe1\xb3\x8f\xc7\x02\xe6\x90q\xbf~\xfd\x182d\x08\x9b6m\xa2v\xdd&lt;\x1e}\xfeu\xba\xf5\xeaEQ\x81O4\x1c\tBUU&lt;^/\x91P\x88g\x1f\xb9\x9b\x0f\xde\x1c\r\xc0\xd0\xa1Cy\xe9\xa5\x97\xb0\xd9lb\x84\xee\x00\x89\x04\xe0\x00\xc4\x1b\xffy\xf3\xe6q\xc9%\x97\xb0v\xedZ\xea\xe65\xe4\xc9\xd1\xef\xd0\xb9kW\n\xf3\x8b\xcb\x8e\xe3\x15\x12\x83\xaei\xc8\x16\x85\xb44\x0f\x9f\xbc\xf7\x0e\xcf?&gt;\x82\x9d\xdb\xb7\x96}\xbeu\xbb\xe3x\xf0\xd9Wh\xdf\xb1#\x05\xbbE-G\xa2\xd14\r\xab\xd5\x8a\xcb\xedb\xec\x98\x17\x193\xf2\t\xf2w\xef,\xfb\xfc\xa9\xbd\xfap\xff\x93/R\xafAC\x8a\n\x8bD\xaf?\xc1\xc4\x0b8\xbdin&amp;\x8c{\x87G\xef\xbe\x91`\xc0\xcf\xa9\xa7\x9e\xca\x87\x1f~H\xcd\x9a5E]\xc0\x01\x10-\xd6\x7f\x88\xbf\x89&amp;M\x9a\xc4\xe9\xa7\x9f\xce\xda\xb5k\xe9\xd4\xe54\xde\xffj:\x1dO\xeaJ~\xbcq\x10\x8d\x7fB\x91\x15\x05]\xd3)\xc8/d\xd0\xf5\x039\xbdw\xdf\xb2\xde\x9f\xc3\xe9\xe4\xc6{\x1e\xe1\xe4S;\xb2c\xdb.\x14\x8bE4\xfe\tF\xb1X\x88F#\xf8J|\x0c\xbf\xed&amp;:\x9e\xd4\xb5,\x86\x1e\xaf\x97\xc17\xdeE\xb3V\r\xc9\xdf\xb5[4\x12\tHQ\x14t]\xa7\xb0\xa0\x88\xfeW\rd\xecg\xdfS\xafA#\xa6O\x9fN\xd7\xae]Y\xbcx1\x16\x8b\x05UU+\xfbR\xab4\xd1j\xfd\x8b\xf2\xcb\x84F\x8f\x1e\xcd\x85\x17^\x88\xcf\xe7\xe3\x82K\xaf\xe6\xf5\xf1_\x93S\xad\x06%E\xa2\xe7\x90\xa8\xccU\x1c2i\xe9\x19\xdc1\xec\x16&gt;z\xfbU\x00\xea7jJ(\x18\xe4\xae\xe1W\xf2\xf9\xf8\xc9T\xaf\x95+\x1e"\tHWUl6;V\x9b\x95a\x97\x0f\xe0\xbb/\'b\xb3\xd9i\xd2\xbc\x15\xa5&gt;\x1f\xc3\x07\xf4\xe5\xebI_Q\xadf\x8e\x88o\x82\x92$\tE\xb1\x90\xbf\xbb\x88v\x1d;\xf3\xfe\x97\xd38\xbe\xf3)\xac^\xbd\x9a\xee\xddO\xe7\x87\x1f~\x10I\xc0\x7f\x10\t\xc0~\x94_\xe6\xf7\xe0\x83\x0f\x96\x15\x87]\x7f\xe7\x03&lt;\xf5\xca;\xe8\xbaN8\x14\x14\xf3\xfd\t*^\tn\xb5\xd9\xb8\xfb\xfa\xab\x197\xe6\x05dY\xe6\xe1Qc\xf8j\xe6\x1f\xf4:\xe7B\nv\xef\xe2\xc6\xab/b\xd2\x87\x1f\x90\x9d\x9b\x81&amp;\x1e"\tC\xd34\xec\x0e\x07\xd1h\x84\xeb\xaf\xb8\x80\xc9\x9f|\x80\xcb\xedf\xd4\x9b\x1f\xf1\xf9\x8cy\xf4:\xfb\x02\x8a\n\xf2\xb9\xe1*\x11\xdfd`\xb1X()*"\xa7Z\r\xde\x9c\xf0\rg\x9dw1\xf9\xf9\xbb9\xfb\xec\xb3\x998q\xa2H\x02\xfe\x0f\x91\x00\xec#^E\xaa(\n\xb7\xdcr\x0b\x8f&lt;\xf2\x08\xb2,\xf3\xd0s\xafr\xeb\xfd\x0fSR\\\x1c\xdb\xfdO\x14\x98$"]7\xe7\x86%\tn\x1et\t\x9f\x7f&lt;\x0e\xb7\xc7\xcb\xe8q\x93\xb8t\xe0`4M\xe6\xc5w&amp;0`\xf0\rD#\x11\xee\x18v\x05\xef\x8dy\x8d\xac\xdc\x0c4M&lt;D\xaa:M\xd3p\xba\\\x94\xfaJ\xb8\xf6\x92s\xf8\xf9\x87o\xc9\xad^\x93\xb7&gt;\xf9\x8e^\xe7\x9c\x87\x1a\xd5y\xf1\xddOb\xf1\r\xef\x1d_\xd1H$,\xc5b!\x14\x0c"I2\xa3\xde\xfc\x98\x01\x83o \x1c\x0e\xd3\xaf_?\xde~\xfbm\x91\x04\xfc\x0bQ\x04XN\xf9\x9e\xff\xb0a\xc3\x183f\x0cv\x87\x83\'_~\x87\xf3\xfa_B\xfe.Q\x0c\x96\xc8\xcc\xc6\xdf\x86\xaek\xdc4\xb0??\xff\xf0\rY\xd9\xb9\xbc\xf8\xce\x04:\x9fz\xaaY\xec\x17[G\x9c\x96\xe1e\xd4\xa3\x0f\xf0\xeas\xe6&gt;\x00\xf7&gt;\xfe&lt;\xd7\xdcp3\x05\xf9\xc5\xa2\xba\xb8\x8a2\x1b\x7f\'\xc5\x05\x05\\{\xd9\xb9,Y0\x8f\xba\xf5\x1b\xf2\xea\xfb\x9f\xd3\xfc\x986\x14\x15\x16\xa2\xc8\nH\x12i\xe9^F=:\x82WG&gt;\x06\x88\xf8&amp;\x8b\xf8&gt;-i\xe9^F=6\x82W\x9f3\xe3\xfb\xea\xab\xaf2l\xd80Q\x18\xb8\x0f\x91\x00\xc4\x94o\xfc\x87\x0c\x19\xc2\x9bo\xbe\x89\xcb\xeda\xd4\x9b\x1f\xd1\xf3\xec\xb3\xc9\xdf%\xe6\xfb\x13\x99\xae\xebX\xacV0t\xae\xbf\xf2Bf\xfe4\x85\xdc\xea5x\xf5\x83/iw|G\n\x0b\n\xb1X\xac@|\x14H\'3+\x9dW\x9e}\x8a\x91\x8f\xde\x03\xc0=\x8f\x8db\xc8M\xb7\x90\xbf\xbb\x08E\x11\xef\x85\xaa\xa4\xac\xf1/,`p\xbf&gt;,[&lt;\x9f\x86M\x9a3\xe6\xe3\xc9\xe45h\x1c\xdb\xbf\xc1\x8c\xd9\xde\xf1}\x92\x91\x8f\xde\x0b\x88\xf8&amp;\x8b\x7f\x8b\xef\xe8\xd1\xa3\xb9\xee\xba\xebD\x12P\x8eH\x00\xd8\xbb\xf1\x1f&gt;|8\xaf\xbd\xf6\x1a\x1eo\x1a/\xbc=\x81\xd3\xce8\x83\xfc\xdd{\x1a\x07!\xf1\xe8\xba\x8ebQPd\x99\x1b\xaf\xbe\x98\xe9S\xbf\xa6Z\x8dZ\xbc\xfe\xf1d\x8ei\xdb\x81\xa2\xc2\x7f\xc67\xfe\x9e\xc8\xcaIg\xcc\xa8\xe7x\xe6\xc1;\x00\x18\xf1\xf4\xcb\\=\xfcz\nv\x15\x89\x1a\x90*B\x8f\xcd\xf9\x97\x96\x960\xa4_\x1f\x96,\x98G\xe3\xe6\xadxc\xfcW\xd4\xaaS\x0f_\x89\xef\x1f\x0f\xfc\x7f\x8b\xef\x03O\x8f\xe6\xaa\xe1\xd7\x89\xf8&amp;\xb8\x7f\x8b\xef\x1bo\xbc\xc1\xe0\xc1\x83E\x12\x10\x93\xf2\t@\xf9j\xff\xdbo\xbf\x9d\x91#G\xe2r{x\xf1\x9dO\xe8~\xe6\x99\xe4\xef*4{\x8eBB2\x0c\x03I2\x97\xf6\xddz\xcd\xa5|\xf7\xe5Drr\xab\xf3\xc6\xf8\xafi\xdd\xfe\xb8\xfd6\xfe\xe5i\x9aJvN\x06\xaf&lt;\xfb4\xcf=r7\x00O\x8e~\x97~W^e\xbe7DbX\xa9t]\xc7j\xb5\xa2\xaaQ\x06\xf7\xeb\xcd\xfc\xdff\xd1\xb0Is\xde\x9a\xf8-5k\xd7\xc3\xef\xf3\xfd\xdf\x86|\x7f\xf1}j\xf4\xbb\\,\xe2\x9b\x14\xfe\x19_\x89\x8f&gt;\xfa\x90K.\xb9D$\x01\x88"\xc0\xb2\xc6\xff\xb1\xc7\x1ec\xe4\xc8\x91\xd8\xed\x0e\x9e{\xfd\x03\xd1\xf8\'\x81xA\xa7\xc7\xeb\xe5\xc1[\x87\xf1\xdd\x97\x13I\xcf\xcc\xe2\x95\xf7?3\x1b\xff\x82\xff~\xc0\x9b\xcb\x8c\x8a\x19~\xfb]\xdcp\xd7C\x00&lt;p\xcbP\xbe\xfb\xe2\x0b\xb2\xb23EaQ%2\x0cs)\xa7,K\xdc2\xa8?\xf3\x7f\x9bE\xdd\xfa\ry\xfd\xe3\xc9\xd4\xaaS\x8f\xd2\xffh\xfca\xef\xf8^\x7f\xe7C\x00\x8c\xb8u(S\xbe\xf8R\xc47\t\xfc\xf3\xfe5\xb8\xea\xaa\xab\x982e\x8a(\x0c$\xc5G\x00\xe2\x19\xe0\x9bo\xbe\xc9\x90!CPd\x99\xa7^\x19\xcb\x05\x97\x0f\x10\xd9\x7f\x12\xd04\x95\xac\xec\x0c\x9e}\xe8~^\x1b\xf58.\xb7\x9b\xd1\xef}\xc6)\xdd{R\x98\x7f\xe0\xc9]|N1#3\x9dG\xef\xbe\x95\xb1\xaf=\x8f\xc7\x9b\xc6[\x9f|K\xfb\x13N\xa2\xa4H\x0c\x17\x1fm\xf1\xe4\xce\x9b\xe6\xe5\x8eaW\xf2\xe5\x84\xf7\xc9\xad^\x93\xb7?\x9dB\xb3\x96\xad\xf7\x9a\xf3?\xb0\x9fe\xc6\xf7\x91\xbbna\xdc\x98\x17\xf0\xa4\xa5\x9b\xf1\xed\xd8Y\xc47\xc1\xed/\xbe\xe9\xe9\x19\xfc\xf4\xd3\x8ft\xe8\xd0!\xa5\xb7\rN\xd9\x04 \xde\xf8\x7f\xfb\xed\xb7\x9cs\xce\xb9h\x9a\xca}O\xbc\xc057\xde\xc4\xee\x9d\xa2\xf1Ot\xaa\xaa\x92\x9d\x9b\xc1\xfb\xaf\x8f\xe1\xc1\xdb\x87!+\n\xcf\x8d\xf9\x80\xbe\xfd\xfb\x93\xbf\xf3\xe0Gv\xcc\xdb\xc4\xc0\xe3M\xe3\xf6\xa1\x03\x98&lt;\xf1\x03j\xd4\xaa\xc3\xfb\x93\xa7S\xbb^\x1e\x01\x7f e\x1f"\x95!\x9e\xdc=5\xe2\x1e\xdex\xf1)&lt;\xde4\xde\x18\xff5\xc7\x9f\xd4\x85\xa2\x82\x83/\xd8\xdd\x13_/\xb7\r\x19\xc0W\x9f~H\x8d\xdau\xf8`\xf2\x0cj\xd5\xad\'\xe2\x9b\xe0\xca\xc7\xd7\xbc\x7f?\xa4^\xbd&lt;f\xcd\x9aI\xdd\xbaucK\xbbSo@&lt;%\x13\x80x\xc6\xb7t\xe9R\xbav\xedJaa!\x83o\xbc\x93{\x1e{\x9a\x82|Q\x01\x9c\xe8TU%#3\x83_~\x9c\xca\xb0\xcb\xcf%\x12\x0e\x97Ux\xef&gt;\x84\xc6?\xce\xd0udEA\xb1(\x0c\xed\x7f6\xbf\xfe\xfc#\xad\x8em\xcf{_\xfc\x84\xc5fCSU$)\xf5\x1e"G\x9b\xaa\x9a\xf3\xba\x1f\xbc\xfd\x06\x0f\xdc2\x14\x8b\xc5\xc2\xf3o\x8d\xe7\xac\xf3/\xa0\xe00\nv\xe3\x85\xc0\x8aEfH\xbf\xb3\x99\xf3\xcbO\x1c\xd3\xf68\xc6}\xf9#\x16\xc5\x8a\xa6ib\tp\x02\xdb_|O8\xe1\x04\xa6M\x9b\x86\xc3\xe1(;\xe6=\x95\xa4\xdc\xd3*~\xe2WAA\x01\x17]t1\x85\x85\x85\x9cu^?\xeex\xe8)\x8a\nK\xc4\x06?\tN\xd34\xdc\x1e7kW\xaf\xe4\xae\xeb\xae$\x12\x0e3`\xf0\r\\s\xa3\xb9\xbc\xebpj:$YF\xd34@b\xe4\x1b\x1f\xd0\xa8iK\x96-^\xc0=7^\x83\xc3\xe1$\xf5R\xe9\xa3O\x8b%w\xb3\xa6O\xe7\x89{n\x06\xe0\xf6\x07\x9f\xa6\xcf\x05\x17Pp\x98\xd3vr,\xbe\x122#\xdf\xf8\x80\x86M\x9a\xf3\xe7\xa2?\xb8\xff\xc6\xc18]NR\xb0\xaf\x94T\xf6\x8do\xa3\xa6\xcd\x99;w.\x83\x07\x0f)\xfb\\\xaaI\xa9\x04 \xbe4D\x92$\xae\xb8\xe2\nV\xae\\\xc1\xb1\x1dN\xe0\xf1\x97\xde"\x18\x08b\x18\xa4\\\x06\x98L\x0c\xc3\xc0b\xb1\x10\x0e\x85\xb8}\xe8\x00v\xef\xdcA\xd7\x1egq\xef\x13\xa3()\xf4UHr\'\xcb2\xe1P\x88\xcc\xec\\\x9e\x7f\xeb#22\xb3\xf8\xfe\xabI\xbc\xfc\xf4\xc3df\xa7\xa5|Q\xd1\x91\xa4k:N\x97\x93\xcd\x1b\xd7s\xd7\xf0+\t\x85\x82\\2p\x18\x83o\xba\xf5\xb0\x93\xbb8Y\x96\t\x85Bd\xe5Tc\xd4\x9b\x1f\x91\x9e\x91\xc9w_N\xe4\x95g\x1f\'3K\xc47\xd1\x95\x8f\xef\xc87&gt;"=3\x93\x8f&gt;\xfa\x90g\x9e}6%\x8b\x02S*\x01\x88\x0f\xfd?\xf0\xc0\x03|\xf3\xcd7T\xafQ\x8b\xe7^\xff\x00\xbb\xddN4\x1aM\xc99\xa0d\xa2\xeb:\x1e\xaf\x9bG\xef\xbe\x89\xa5\x0b\x7f\xa7A\xe3f&lt;5\xfa\x1d\xd4\xa8\x8an\x18\x15\x96\xdc)\x8a\x82\xaf\xa4\x84V\xc7\x1e\xcb\xc3#_G\x96e^\x1d\xf9\x18S\'O&amp;3+#\xe5\x1e"G\x85a +f\xfc\xee\xben \xdb\xb6l\xe2\xc4.\xa7r\xdf\x13\xcfSRTZ\xa1#wf|\x8bi\xdd\xae\x1d\x0f=\xf7*\x92,3\xfa\xd9\x87\xf9\xf1\xdbo\xc9\xc8\x14[\x06\'\xba\xbd\xe2\xfb\xeck\xc8\xb2\xcc\xbd\xf7\xde\xcb\xb4i\xd3\xb0X,)5\x12\x902-^|\xb9\xdf7\xdf|\xc3c\x8f=\x86\xd5j\xe5\xd1\x17\xde\xa4A\xe3\xc6\xf8K\xfd\xa2\xc0\'\xc1\xa9\xaaJVv:\x1f\xbe\xfd:\x9f}\xf4..\xb7\x87\xa7_\x1dKVN5\xc2\xa1P\x85\'w\x16\x8b\x85\x82\xfc"\xce\xb9\xe8B\x86\xder\x0f\xba\xa6\xf1\xc0\xad\xd7\xb2a\xedZ\\.\'\xba\xaeW\xe8\xefKu\x9a\xa6\x91\x9e\xe1e\xe4\xa3\xf71w\xd6tj\xd6\xae\xcbS\xaf\x8c\x05\xcc\x8d\x80*z\xe4\xceb\xb1R\x90_D\xdf~\xfd\xb9\xe6\xfa;\xd0T\x95\x07n\x1d\xca\x96\x8d\x1bp8E|\x13\xdd\x9e\xf8\xf6c\xd0\rf|\xaf\xba\xea*v\xec\xd8\x81,\xcb)\x13\xdf\x94(\x02\x8c\x0f\xfbo\xdd\xba\x95\xe3\x8e;\x9e\xed\xdb\xb7q\xe3\xdd\x0fs\xf3}\x0f\x88\xe5~I@\xd75\\n7+\xffZ\xca\xe5}\xbaQ\xea+\xe1\xa1g_\xe5\x8ak\x87\x1dR\xc5\xff\x8130\x0cp\xba\x9c\x0c\xee\xd7\x87Y\xd3\xa6\xd2\xb9\xeb\xe9\xbc=\xf1[\x82\xc1\x90\x98N\xaa \x9a\xaa\x92\x9e\x95\xc1\xf7\x93?\xe7\xfa+/\xc0b\xb52\xe6\xc3\xc9\x9crz/\x8a\n\x8f\xe4\x16\xddf|\x1dN;\x83.&lt;\x8b9\xbf\xfc\xc4)\xa7\x9f\xc9\x1b\xe3\xbf\xc2_\xea\x17#\x86\t/\x16_\x87\x9dA\x17\x99\xf1=\xfb\xec\xb3\x99&lt;yr\xcal\x12\x94\x12\xef`#6\xfc{\xcd5\xd7\xb0}\xfb6N\xe9~\x06\xc3o\xbf\x8f\xa2\xfc\x12\xd1\xf8\'8\xb3\xa8S!\x12\x0e3\xe2\xe6\xa1\x94\xfaJ8\xfb\xc2\xcb\xb8|\xf00\nv\x17\x1f\xe1\x8d\x9c\xa4\xb2\x9d$\x1f}\xfeu\xaa\xd7\xac\xcd\xaf?\xff\xc8\x98\xe7\x9f"#\xd3+\xa6\x02*\x80\xa1\xeb\xd8\x9dN\xb6l\xdc\xc8#w\xdd\x80a\x18\x0c\xbd\xe5\x1eN;\xa3Wl\x17\xc7#\xf9\x906\xe3k\xe8\xf0\xd8\x0b\xaf\x93S\xad:\xbf\xfc\xf8\x1do\x8f\x1e)\xea\x01\x92B,\xbe\x86\x19\xdf\xdcj5\xf8\xea\xab\xafx\xe9\xa5\x97R\xa6\x1e \xe9\x13\x80\xf8\xbc\xffK/\xbd\xc4\x94)S\xa8^\xa3\x16\x0f\x8f|\rUUI\xfa\xa1\x8f\x14\xa0k\x1a\xe9\x19\x1e^~\xfa\x11\x96.\xfc\x9d\xfa\x8d\x9ar\xff\x93/\x10\xf0\x07\x8eJ\x0fM\x96e\x82\x81 u\xf3\xf2\xb8\xff\xa9\x97\x90e\x991\xcf?\xc9\xbc_\xe7\xe0MKCO\xa1\xf9\xc4#\xc1\x00l6\x1b\x8f\xdd}\x13;\xb6m\xa1\xd3)\xdd\xb9\xee\xb6\xfb(,\xf0\x1d\x95\xe4]\x96e\x02\x81\x00\xf5\x1b5\xe2\xde\xc7_@\x92$^y\xf6\x11\x16\xfd1\x1f\x8f\xd7\x8b\xae\x8b\xf8&amp;\xb2\xf2\xf1\xbd\xe7\xf1\xe7\x91$\x89{\xef\xbd\x8f\xbf\xfe\xfa\x0b\x8b\xc5\x92\xf4S\x01I\x9d\x00\xc4\xd7}._\xbe\x9c{\xef\xbd\x0fI\x92\xb8\xfb\xb1Q\xd4kP\x9fP (\x86\xf0\x12\x9c\xa6ix3\xd2\x985}:\xe3\xc6&lt;\x8f\xc5j\xe5\x81\xa7_&amp;+;\x87H8r\xd4\x86\xe0-\x16\x0bE\x05E\xf4&gt;\xef|\xfa]9\x84p(\xc8#w^G(\x18@V\x14\xc4\xfa\xc0C\xa3\xaa*\x19YiL\x18\xf7&amp;?~\xfb\x05\x99Y\xd9&lt;\xf4\xdc\xab\xe8\xb1]\x00\x8f\x16\x8b\xc5BaA1\xe7^\xdc\x9f\xf3\xfa_E\xc0\xef\xe7\x91;\xafG-+\x1c\x16\xf1Md\xe5\xe3{\xfe%W\xe1\xf7\x972d\xc8\x104M+\xdbq2Y%m\x0b\x18\x0f\x9c\xae\xeb\x0c\x1b6\x0c\xbf\xbf\x94\xf3\xfa_\xc9\xd9\x17\xf5\xa3\xb0@l\xed\x99\xe8\xe2K\xfe\x02\xa5~\x1e\xbf\xf7f\xa2\xd1(\x03\x06\xdf@\xb7^=)\xaa\x84\xad[eE\xa1\xa4$\xc0\xad#\x9e\xa0a\x93\xe6\xfc\xb5d!\xaf\xbf\xf0\x14\xe9\x19\x9e\x94\xaa*\xae(\xban.\xf9[\xb7z\r\xcf?~?\x00\xb7\x8ex\x92&amp;\xcd\x9b\x1e\xb5\xd1\x9d\xf2dY\xc6_\x1a\xe4\xce\x87\x9f\xa2n\xfd\x86,\xfa\xe37\xde}\xf5y\xd23\xbc\xa8\xaa\x88o\xa2\x8b\xc7\xf7\x8e\x87\x9e\xa2^\xfd\x86\xcc\x9e=\x9b\x17_|\x11EQ\x92\xfa\xfeM\xda\x04 \xde\xfb\x7f\xed\xb5\xd7\xf8\xf9\xe7\x9f\xa9]7\x8f\xdb\x1e|\x92\x80_\xf4\xfc\x93\x81\xa6i\xa4\xa5\xbby\xe3\x85\xa7Y\xb9l\t\x8d\x9b\xb7\xe2\xfa;\x1f\xa0\xa4\xa8rVtH\x92\x84\x1a\x8d\x92\x91\</t>
        </is>
      </c>
    </row>
    <row r="120">
      <c r="A120" s="1" t="n">
        <v>118</v>
      </c>
      <c r="B120" t="inlineStr">
        <is>
          <t>color_number_hexagon</t>
        </is>
      </c>
      <c r="C120" t="inlineStr">
        <is>
          <t>What is the missing number of the part denoted with a question mark?</t>
        </is>
      </c>
      <c r="D120" t="inlineStr">
        <is>
          <t>['9', '6', '7', '4']</t>
        </is>
      </c>
      <c r="E120" t="inlineStr">
        <is>
          <t>7</t>
        </is>
      </c>
      <c r="F120" t="inlineStr">
        <is>
          <t>There is a hexagon split into six parts with the colors ['purple', 'blue', 'blue', 'purple', 'orange', 'orange'] in an anti-clockwise order. The parts are denoted with the numbers [2, '?', 1, 6, 3, 5] respectively.</t>
        </is>
      </c>
      <c r="G120" t="inlineStr">
        <is>
          <t>We observe that the numbers in the blue parts add up to 8. Similarly, the numbers in the orange parts also add up to 8. Thus, the pattern is that the numbers in the parts of the same color add up to 8.</t>
        </is>
      </c>
      <c r="H120" t="inlineStr">
        <is>
          <t>Based on the pattern that the numbers in the parts of the same color add up to 8, the missing number of the blue part should be 7.</t>
        </is>
      </c>
      <c r="I120" t="inlineStr">
        <is>
          <t>b'\x89PNG\r\n\x1a\n\x00\x00\x00\rIHDR\x00\x00\x02\x00\x00\x00\x02\x00\x08\x02\x00\x00\x00{\x1aC\xad\x00\x00\xa2$IDATx\x9c\xec\x9dw|TE\xd7\xc7g\xce\xdc\xed-\t-\x08\x8aR\x15xP\xc0\x07l\x80\x82\x06E)\xd2\xab\xd8\x10}\x10\r \n"\xd2\x04\xa5\tVDQ\xe9D"&lt;\xb4\x075\n\x08X\x91\xa2\x08*]\x041\xb4l\xb6\xb7;g\xde?&amp;\x89\xbe*\x8a@\xb2\xbb\xd9\xf9~\xf6\x0f\x8d \x97\xbb\xf7\xce9s\xceo\xce\x8f\n!\x88B\xa1P(R\x0f\x88\xf7\x05(\x14\n\x85"&gt;\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xa8\x00\xa0P(\x14)\x8a\n\x00\n\x85B\x91\xa2h\xf1\xbe\x00E&lt;\x11B\x08!\xe2}\x15\x8a\xb8A)\xa5\x94\xc6\xfb*\x14q\x83\xaa\xf7?e\xd1u]\xd3T\x06\x90\xea\xe8\xba\xce\x18Sa 5Q\x01 EAD\x00\xf8\xe1\x87\x1f\xfe\xf3\x9f\xff\x00\x00"\xc6\xfb\x8a\x14e\x8a\xa6i\xba\xae\xdf\x7f\xff\xfd\xbd{\xf7\x8e\xf7\xb5(\xe2\x86J\x00S\x0e\x19\xf2C\xa1\xd0\xf4\xe9\xd3\xd3\xd2\xd26l\xd8\x10\xef+R\xc4\x8d\xfa\xf5\xeb\xff\xfc\xf3\xcf\xb7\xdezk\xc3\x86\r\x85\x10\x00\xaa)\x98Z\xa8\x1d@\xca\xc19g\x8c\xcd\x9b7\xef\xee\xbb\xef\xa6\x942\xc6J\x9e\x01\xf5\xfe\xa7\x02\x02\x85 E\xdf8c,\x1a\x8d\xf6\xeb\xd7o\xfe\xfc\xf9\xaa$\x98\x82\xa8\x00\x90Z\xc8\xae\xaf\xc7\xe3\xa9_\xbf\xfe\xa9S\xa7\x10Q\x15\x7fR\x1c\xa3\xd1\xc89\xdf\xb0aC\x8b\x16-dr\x10\xef+R\x94\x1d*\xe0\xa7\x16\x88\xc8\x18\x1b=zt~~&gt;cL\x88"\x1d\x08"\xderc\xe7v\xb7\xf4\xf4\x07\xbc\x0c\xd4\x12P&gt;AD\x8b\xc5\xfa\xfd\xde\xaf\xdf^&lt;\rQ\x10\x82\x94R]\xd7\x111;;\xfb\xb3\xcf&gt;3\x18\x0cB\x08\xd5\x10N\x1d\xd4\x0e \x85@DJ\xe9\xde\xbd{\x1b6l\x88\x88%\x1aPJA\x08\xac\x98Qe\xee+\x1f;\xec.]\x8fR\xaajA\xe5\x10Dn\xb7\xbb\x1e\x19\xd1y\xcb\xf6\x8f\x01\x18"\'\x84PJ\x00\x18\xe7|\xee\xdc\xb9\xfd\xfb\xf7W\x9b\x80\x94B\x05\x80\x14B\xbe\xdbm\xdb\xb6\xcd\xcb\xcb\xd3\x0c\x06=\x16\xbb\xec\x8a\xab&lt;\x05\'\x0bN\x1cc\xc08\xd7o\xbb\xb9\xc7\xf0\x87\xa7z\xbc\x05\x8ci\x84\xa8\x07\xa3&lt;A9\xd7\x9d\xce\xf4\xf7\xd7-\x9d\xfa\xd2p\x00\x10\x02\x8d\x9a\xd6\xb2I\xdd\x0f\xbf\xfcN\xf6~*W\xae\xbc{\xf7\xee\xb4\xb44u8 uP\x01 U\x90\xab\x7f^^^\xdb\xb6me\x8a\x87B\x8c\x9b\xbb\xee\x87\xed\x9f.\x9e\xf9\x14c\x9a\x10H)\xbc:uU\xcd\x1a\x97\x87\xc2A\xd5\x10._\x08y\xeak@\xf6\xad\xc7\xf2\x0f\x1b4-\xa6\xeb\xb7]\xdfh\xc1\xd4AW\xdc\xfe\xd8\xa9B\xbf\xa6i\xb1Xl\xd4\xa8Q\xcf&lt;\xf3\x8c\xda\x04\xa4\x0e\xea%O\tdaW\xd7\xf5G\x1ey\x84\x10*\xb7\xfc\xd7\xdc\xd2\xf9\xf2&amp;\xd7\xb7\xee|O\x95\x8b/\xe3\\\x07`\x9c\xeb\xaf\xcd}\x06T\x0f\xa0\xdc\xc19w:\xd2s\x96\xcf:\x96\x7f\x981\xc6\x91k\x8cMz\xa4k\x85\xea\x95\x9e\x19\xd4Y\x08!\x042\x80\xa9S\xa7\xee\xdb\xb7O\x9d\x0bI\x1dT\x00H\t\xe4\xb1\xaf\xd9\xb3g\xef\xd9\xb3G\xd3\x18\xe7\xba\xd5\xee\xbcs\xc0\xe3A\xbf\xd7\xe6pu~`$!\x04\x05\x02\xb0\x1d;?\xfbtK\x9e\xdd\xee\xe4\xc8\xe3}\xd5\x8a\x0b\x83\x10\xc2d\xb4\x1c9vp\xc5\xda\xf9\xb2\xb8\x83(\x06tny\xd5\x95\xb5\x83\xc7N\xf6\xbb\xb3e\x93\xcbk\xc8\xac?\x1a\x8d\x8e\x1a5\x8aRU\x18H\x15T\x00(\xff\xc8\xdeo~~\xfe\xe8\xd1\xa3)\xa5\x84PD\xbc\xb9\xfb\x80\x9a\xf5\x1b\xc7"\xa1\xa0\xdf\xdb\xb2}\x9fz\x8d\xafE\xcee\xd9\xe7\xf5y\x93B\xa1\x00\x03\xa6\xda\x00\xe5\x03Dn\xb1X\xdfZ8\xc5\xe7/d\x8c!b\xba\xd3:nP\x17=\x14\x11\x82X\xac\xe6\xc9\xd9\xdd\x85 \x1c\x911\x96\x9b\x9b\x9b\x97\x97\xc7\x18\xe3\\e\x00\xe5\x1f\x15\x00\xca?\xf2\x84\xe7\xc8\x91#\xddn\xb7\xa6\x19t\xaeW\xaaV\xe3\xf6\xbe\x83\xfd\x85n`\x9a \x02\xb9\xdes\xf08\xc64\x8e\x9c1\xed\xe8\xb1C9\xcbg9\x1d\xe9j\t(\x07 r\x87=\xed\xf3\xad\xeb6|\xb2\x1a\x80\t\x81(\xc4\x98\x81\x1d+ef\xc4"Q\x83\xc6\xc2\xde@\x9b\x16Wvn\xd3\x94s\x0e\x00\x94\xd2G\x1eyD\xd7u\xb5\x0fH\x05T\x00(\xe7\xc8\xe2\xcf\xb6m\xdb\x96,Y"\xb3?"D\xd7\x07G\xa5U\xca\x8c\xe9QJ)\x00\x0b\x05|\r\x9a\xb5j\xd5\xa9\x9f@$\x84PJW\xac\x9d\x7f\xe4\xd8A\xa3\xd1\xac\x96\x80\xe4\x87\xea&lt;\xb6p\xe9\x8b\x88\x08@\x11\xb1\xc9\xe55\x1e\xec\x95\x15\xf5\x05\xa1\xb8\xd3+8\x7f\xee\xd1\xee.\xbbU\x16\x82\xf6\xec\xd93{\xf6l\xd5\tH\x05T\x00(\xe7\xc8\xf6\xef\xb0a\xc3"\x91\x88l\xf3\xd6k|m\xcb\xf6}|\xee\xd3\x8c\x15\x1d\x03\xa4\xc0B~_\x97\x81\xa3lN\x17"gL\xf3\xf9\x0b\xdfZ8\xd5fu\xa0\xea\x04$3\x9c\xebi\xae\x8c\xf7&gt;Z\xba\xeb\xfb\xad\x8c1\x81(\x04\x99\x92\xdd\xddd6r\xce\xa5\xd2\x13\x00\xc2\x81p\x9d\xfa\x97\x0e\xee\xd5\x06\x11)%\x94\xd2\xd1\xa3G\xbb\xddn\x00P\x19@\xf9F\x05\x80\xf2\x8cL\xe8rss7n\xdc\xa8i\x1a\xe7\xbaf0\xf6\x1c&lt;\x0e\xb9N~#\xf4\xa6\x94F\xa3\xe1\n\x99\xd5:\xdd\xf7\xb8\x10\x02\x05\x02\xc0\xa6\xcf\xd6n\xdf\xf9\xa9\xd5\xeaPi`\x92"\x84\xd04\xe3\xa9\xd3\xc7s\xfe;KJ\xfb9b\x976W\xb7nqe\xd8\x17\xf8\xad\xd0\x931\x88\x16\xfa\x87\xf4oW\xabze]\xe7\x9a\xa6\xb9\xddn\xd91R\xdf~\xf9F\x05\x80r\x8b\xcc\xdd\xa4\xae\x83\x10B) b\xf3[:5hvc0\xe0\xfb\x9d\xcc\x9f1-\xe4\xf3\xde\xd2}@\xe6%\xb5\x90s\x00\x16\xd3\xa3s\x16LfL\xb5\x82\x93\x15\xceu\xa7#-w\xd5\x1b\xbf\xe4\xff$\xcf\xfd\x1a\r\xda\xf8A\x9d\xc9\x1f\xd6t)\x11\xce\xa8\x9c&gt;\xea\xfe;\xa4$\xb4D3\xa6\nA\xe5\x1b\x15\x00\xca-r\xec\xcf\xb4i\xd3\xf6\xed\xdbg0\x18t=fs\xa5w\x1f4&amp;\x14\xf0\xfd\xa9\xd2\x9fs\xddd\xb1\xf5\xce\x9eX\xf2{w}\xffU\xde\xfaw]\xce\x0c\xce\xf52\xbf|\xc5y\x81\x88V\xabc\xdf\xc1]\xab\xde[\x00\x00\x94\nD1\xa4oV\xfd\x06\x97\x85\x03\xa1?\x9e\xf2\xd3\x18\x0b\xbb}\xfd:\xb7j\xd1\xb8\xae\xaes\x8d1yjD\xb5\x82\xcb7*\x00\x94Od\xef\xf7\xc0\x81\x03\x93\'O\x06\x00!\x88\x10"\xab\xc7\x03Uk\xd4\x8eFB\x7fz\xd0\x1f\x18\x0b\xfa&lt;W\xdft{\x83f\xad\x109\xa5@)\x9d\xbb\xe4\xf9\xd3\xee\x13\x9afT\xab@\xb2!\x18co.\x9c\x12\x08\xfa\x00\x80s\xacR\xc19\xb4\xffmz |\xa63\xde\x82\x08Mcc\x1f\xea\x04@\xe5I\xb1\xbc\xbc\xbc\xdc\xdc\\%\t-\xc7\xa8\x00P&gt;\x91\xbd\xdf\xf1\xe3\xc7{\xbd^\xc64]\x8fe^R\xab\xc3\xddC\x03\x1e7\x9c\xf9\x94\xbf \x049\xf6\x192I3\x189r\x00\x96\x7f\xe2h\xee\xca7\x9c\x8e4\xb5\tH"8\xe7\x0e{\xda\x96m\x1b&gt;\xfd2\x0f\x80\xc9\xa9\x7f\x13\x1f\xeeR\xb9j\xc5h4z\xa69?\x0c \xe4\r\xb4n\xd5\xb8\xcfm\xd7r\x8eR\x12:j\xd4(\xf9[T\x06P.Q\x01\xa0\x1c"{\xbf\x9b6mZ\xb4h\x11c\x9aL\xdfzgO4[\xed\x9csJ\xce8\xe7\x0b\x00BA_\xed\x86W\xb7\xed\xf5\x90\x94\x84\x02\xc0\xaa\xf7\x16\xec=\xf0\xad\xc5b\x17B\xd5\x82\x93\x03\xc6X0\x14xs\xd1TJ)\x03\xca9o\xd1\xb8n\xff.7\x85=~\xed/\x87\xfcP\x00=\x18~6\xbb[\x86\xcb\x16\xd3uM\xd3\xf6\xed\xdb7m\xda4\xd5\t(\xaf\xa8\x00P&gt;\xe1\x9c\x8f\x1e=Z\x1e\xedA\xe4\r\x9a\xb5\xba\xfa\xa6\xdb\x83&gt;\xcf_\xa4\xff\x12y,\xa0]\xdf\x87]\x15*#"\x00\x0b\x04}\x8br_2\x9b-j\tH\n8\xd7\x1d\xf6\xb4\x0f?^\xb6\xff\xe0n\x00@\x81\x0c`\xecC\x9d4\xed\xef5\x9d@i4\x12\xadV\xa3\xea\xa3\xbdo\x11B\x10!\x80\xd2\xe9\xd3\xa7\xe7\xe7\xe7+EP\xb9D\x05\x80\xf2\x86\xae\xeb\x8c\xb1\xc5\x8b\x17o\xda\xb4I\xd3\x0c\x9c\xeb\x8ci}\x86LB\x8eg\xb3\x87\x97\x92\xd0JU/\xe92\xf0I!P\x0e\x08\xfa\xf8\xd35\x9fo\xf9\xc8aOS\xc7\x02\x12\x1c!\x84\xd1h&gt;~\xf2\xe8\xbc\x9c\x19\x94\x02P\xca9\xf6\xbc\xb5y\xeb\x1b\x1b\x87\xbc\x01v\x16\x13^\x19\x83\xa8\xc7?\xfc\xbe\xf6\xb5/\xae"7\x01\x05\x05\x05#G\x8eTg\x02\xca%*\x00\x94+\xe4\xd4\x07\xaf\xd7;n\xdc8i\xea\x82\x88\xad:\xf5\xab\xd9\xa0I8\xf8{\xe9\xe7\x99`L\xf3{\xdd-\xee\xe8]\xe3\xf2F\xb2\x99\x8c\x88\x0bs_\xd4\xb9\xae\xc6\xc4\'8\x88\xdcj\xb1\xbf\xbbj\x8e\xbb\xf0\x14\x03\xe0\x88.\xbbu\xf4\xc0\x8e&lt;\x14\xa5g\xf7\xedSB9\xe7\x16\x9be\xfc\x7f:\x11\xa9\x07\x03\xb6x\xf1\xe2\xed\xdb\xb7\x17\x9d$W\x94#T\x00(W\xc8\xf5z\xf2\xe4\xc9\x07\x0e\x1c`\x8cq\xae\xdb\x9c\xae.\x03\x9f\x8c\x84\x82\xf4\x9f\x0cy\xe6\x9c[l\xf6\x1e\x83\xc6\x12!PHI\xe8\xd6\xb5\x1f.q:\x94$4qAD\xab\xc5\xfe\xc3\xbe\xaf\x97\xafy\x1b\x00\x08\x15\x888\xb8W\x9bz\r.\x8b\x04\xc3p\xd6\xc1\x9b1\x16\xf6\xfa{ul\xd9\xa2I]\x9ds\xc6 \x1a\x8dfggs\xce\xd5&amp;\xa0\x9c\xa1\x02@\xf9A\x8a\xf7\x8b\xbbvE\xda\x8fN\xf7=^1\xb3\xfa\x99\xa4\x9fg\x821\xe6\xf7\xba\xaf\xba!\xeb\xea\x9b\xee@\xce\t\x05J\xe9\xbc\x9c\x19\xc7O\x1eU\x03\x82\x12\x19\x00\xf6\xda\xdcgt=\x06\x00\x9c\xf3\xcb\xaaU\x1a\xd2\xbf]\xb4\xd0\xcf\xd8?{\xd3\x05!\xc8\xf9\xd4!=4\xc6t\xce5M\xdb\xbcy\xf3\xe2\xc5\x8b\x95$\xb4\x9c\xa1\x02@\xf9A\xae\xcbR\xb7\xc7\x18C\xe45.o\x94\xd5c`\xc0\xe7)\x19\xfb\xf3O\xa0\xc8\xf5\x1e\x0f\x8f\xb5\xda\x9d\x029\x00s\x17\x9ezw\xd5\x1c\xab\xc5\xa6:\x01\t\x08"\xb7\xdb\x9c\x9fn\xc9\xdb\xb1\xf33\xe9\xf8(\x04\x99\xf4p\x97\x8cJi\\\xff\xc7\xb5;\x06\x10\t\x84\x9b7\xaf?\xa0sK9 \x08(\x1d7n\x9c\xc7\xe3Q\x92\xd0\xf2\x84\n\x00\xe5\x04)\xfd\xdc\xb8qc\xc9\xc9\x1d!D\x8fAc\x8df\xcb\xb9\x15m\x00 \x14\xf0]z\xc5\x957w\x1f\x80\xc5\x92\xd0\xe5k\xde\xde\xb3\x7f\xa7\x1a\x10\x94x\x08\x00-\x1c\t\xbe&gt;o\x12!\x84\x01p\x8e-\x9a\xd4\xed\xd9\xb1E\xd8\xed;7\x7fG\x00\xaa\xfb\xc3\xe3\x06uIwZu\x9d3M;p\xe0\xc0\xcc\x993\xe5\xde\xe2B_\xbf"&gt;\xa8\x00P\x1e\x90\xc7\xbe"\x91\xc8\xb0a\xc3(\xa5R\xfayu\xeb\xf6W\xddpK\xc0WxN\xe9?!\x84\x00\xd3\x02\x85\xeev}\x07W\xae~)"\x07`\xba\x1e\x9b\xff\xceL\x00P\x03\x82\x12\n\xce\xb9\xdd\xe6X\xf9\xde\x82\xa3\xc7\x0e1\xc68\xa2\xd1\xa0M\x1d\xd2\x039\x17\xe7\xda\xb6\xa7\x94\xc6\xa2\xd1J\x99\x19c\x06v*\xf1\x8c\x9c1c\x86l/\xa9\x0c\xa0|\xa0\x02@y@\xf6~srr\xb6m\xdb&amp;\xd3\x7f\xcd`\xec2\xf0I\x81H\xce|\xec\xebo\xa1\x94\xc6\xf4hF\xe5\xaa\xed\xef\x1eZ&lt;%\x94}\xf2\xc5\x07[\xb6mp\xd8\xd3T\x1a\x98 H\xe9\xe7\x89S\xc7\x16\xe5\xbeD)\x05J\x11\xb1G\xdbf\xcd\xafi\x10\t\x84\xceF\xfay&amp;\x80\xb1\xa8/\xf4`\xcf\x9b\xeb\xd6\xc8\xd4u\xce\x18\xf3x&lt;\xe3\xc7\x8fWg\x02\xca\r*\x00$=2\xfdw\xbb\xdd#F\x8c\x00\x00\xe9\xf8\xd8\xb6\xd7C5\xeb7\xfe\xe3\xd4\xcf\x7f\nc\x9a\xcf}\xfa\xc6Nw\xd5\xbb\xea\x1a,v\x8czs\xd1\xd4p$\xa4\x06\x85&amp;\x08\x88\xdcj\xb5\xcf\xcb\x99\xe9\x0fx\x19\x80\xcey\x86\xcb\xf6\xec\xa3\xddt\x7f\xe8,\xa5\x9fg\x82\x12\xc297Y\x8c3\x1e\xebE\x08\x91\x03\x82\x16-Z\xb4y\xf3fM\xd3T\x06P\x0eP\x01 \xe9\x91\xe9\xff\xe8\xd1\xa3\xf3\xf3\xf3\xa5\xe5\x8b\xabB\xa5v}\x1f\x0e\x07\xfc\x7f:\xf5\xf3\x9f"\x88\xd04C\xa7\x01#\xe4\x81\x00\x00\xd8\x7fp\xf7\x8a\xb5\xf3\xec6\xa7Z\x02\xe2\x8e\x9c\xfa\xb9c\xe7g\xef\xaf[*\x83\xbd\x10\xe2\xd1\xde\xb7T\xabQ5\x1a\x89\x9e\xbd\xf4\xf3L0\x06a_\xa8]\xeb\xa677\xaf\xcf9R\x00\xceyvvv$\x12Q\xdd\xe0r\x80\n\x00\xc9\x8d\\\x91\x8b=\xfc\x8a\xa4\x9f]\x1e|\xaaR\xd5\x8b\xa3\xd1\xf0\x059\xb7\x05\xc0\xfc^w\x93\x96\xb7^\xdb\xb6+b\x91$tQ\xeeK\'N\x1dS\x92\xd0D\x8016g\xc1d\xceu\x00\xe0\xc8\xeb\xd6\xc8\x1c~_\xfb\xa8\'\xf0O\xa5\x9fgF \xc7\x99\x8f\xf71\x1a4\xce\xb9\xa6i\xdb\xb7o\xcf\xc9\xc9Q\x03\x82\xca\x01*\x00$7\xb2\xfe#]\xbc\xe5\xc9\xafzW]\xd3\xfa\xce\xfe&gt;O\xc19\xf7~\xff\x08\x00\x8b\x04\x03\xdd\x1f\x1ecs\xa5#\xd7\x01\x98?\xe0\x9d\x973\xd3b\xb6&amp;\x9d$T\x08D\xe4\xbf\x031)\x8f8q\xae;\x1c\xae\x0f\xd6\xbf\xbb\xeb\xfb\xaf\x00\x8a\x1c\x1fg&lt;\xd6\xcbb5\xff\xf5\xd4\xbf\x7f\x04\x00D\x82\xa1\x06\xff\xaa9\xa4oV\x91$\x14`\xc4\x88\x11\x05\x05\x05j\x13\x90\xec\xa8\x00\x90\xc4H\xe9g^^^^^\x9e\x14\xfe\x03\xb0N\x03F0\xcdpa_KJi$\x12\xaaZ\xa3vV\x8f\x07\xe4\xff\x19\x00\xde_\xb7t\xcf\xfe\x9dV\x8b=)\xd2@!\x84,X\x99L\x16\x87=-\xcd\x95\x91\xe6\xcap9\xd3\xe5?\xd8\xed.\xa3\xc1\x88\x02\x93*\x9e\t\xc6\xb4`\xd0\xbf\xe0\x9d\x17\x08!\x0c(G\xbc\xb9y\xfdv\xad\x9b\x86}\xc1\x0b\x97\xfe\x13B\x08\x00\xe8\xfe\xf0\xd0\xfe\xb7U\xa9\xe0\xe2:g\x8c\xe5\xe7\xe7?\xff\xfc\xf3j\x13\x90\xec\xa8\x00\x9e\xac\xc8j\x0f"6l\xd8p\xcf\x9e\xbd\x06\x83!\x16\x8b^wk\xd7\xec\xa9\x8b&lt;\xee\x93\x170\xfd/\xfa\xe3\x88\x00B\t\xa5#z\\s\xfc\xc8!M3\xe8z\xacq\xa3\xeb\xa6\x8d[\x128\xeb)CqA\xea\x97LF\xb3\xd9l\r\x06\xfdG\x8f\x1d\xfc\xf1\xa7\xbd\xbf\x1c\xff\xc9\xe7\xf7\xc4\xf4\xa8\xd1`r9\xd2/\xaazY\xadK/\xbf\xa8\xea\xa5\x0cX \xe8%\x84&amp;\xfe\xd4#\xce\xf5\xf4\xb4Jo\xcc\x7fv\xc1\xd2\x17\x19cB P\xf8z\xe9\xf8+\xea\\\x1c\r\x9d\xd1\xf5\xe5\x9c\xd19\xb7\xa6;\xe7,\xca\x1b0\xfemMc\x02\x05\xd3\xb4]\xbbv\xd5\xae][N\xa0\xba\xb0\x7f\x9c\xa2l\xb8\xc0\xcb\x84\xa2\xcc\x90\x83\x1ff\xcd\x9a\xb5g\xcf\x1ei\xf8n\xb5;;\xde\xffx$\x1c,\x8d\xb7\x91\x12\xaas\xdd\xe1\xca\xe8\xfc\xc0\xc8Y\xa3\x1f\x90\x92\xd0\x1d;?\xfbtK\xde\r\xd7\xb4\xf5\xf9=\xecB4\x9c/8\x1c\xb9Q3Z,\xb6\xc3G\xf7o\xf8d\xd5\xa7_\xe4\x1d&lt;\xfc\xc3\x9f\x9e\x8c\xb3\x98\xad\r\xaf\xf8\xf7\xed\xb7\xf4\xba\xfe\x9a,\xcey4\x1aI\xe4EM\x08a2Z\x8e\x1c;\xb8b\xed|\x19\xac8\x8a\x81\xddZ6hpY\xe8\x9f\x0f~8\x1b\x18cQo\xa0O\xc7\x1bf-]\xbfc\xcfa\x83f\x90v\xd3K\x97.U\x9b\x80\xe4E\xed\x00\x92\x12\xf9\xca\x9d8q\xa2~\xfd\xfa\x85\x85\x85\xd2\xf3\xab\xc3\xbd\xc3\xeez\xec9\xf7\xc9|\xa6\x19J\xe9\xcf\x15\x88V\x87k\xec=7\xef\xd9\xf1\xb9\xdc\x04T\xbf\xe8\xb2\xd9\xcf\xaf\x15B\x10"\xce\xe7\xccAi\x80\xc8\x1dv\xd7i\xf7\x89w\xfe;{\xed\x879\x81\xa0O\xfe\x9c\x01\xa3\x00%9\xbe@D\x81%\xab\xd8\xb5\xff\xbe\xf9\x91\x07&amp;T\xc8\xa8\x12\x0e\x07.\x88\x8c\xaa4\xe0\\OsU\x18?\xf5?\xeb6\xad\xd44\r9w9,{VMIw\xda\xcea\xf0\xc3Y\xff\xa1hq\xd9&gt;\xda\xf8\xf5-\x0fN\x95\xa7\x8b9\xe7\x1f|\xf0AVV\x96\xacF\x96\xc6\x1f\xaa(U\x127\xc7Q\xfc\x05r\xd3=r\xe4H\xb7\xdb\xadi\x06\x9d\xeb\x95\xaa\xd5\xb8\xbd\xef`\x7f\xa1\x1b.t\xf1\xe7\xff\xfd\xb9\x84 \xd7{\x0e\x1e\xc7\x98\xc6\x913\xa6\x1d=v(g\xf9,\xa7#=\x01%\xa1.g\xc6\xa6\xcf\xdf\x7f\xf8\x89;sW\xbe\x11\x08\xfa\x18c\x8ci\x8c1\x8e\\\xd7c\xb1XT~t\xae\x13B\x81\x02\x00c\xc0&gt;\xff\xea\xa3\xc7\x9e\xeeu\xe2\xe4Q\x93\xc9\x92\x98&amp;h\x88\xdcaO\xfb|\xeb\xba\r\x9f\xac\x06`B \n1f`\xc7J\x99\x19\xb13;&gt;\x9e?\x8cA\xd8\x1bh\xd3\xe2\xca\xcem\x9a\xf2\xe2C!R\x80\xa0\xba\xc1I\x8a\n\x00\xc9\x87\x94~n\xdb\xb6m\xc9\x92%E\x87\xf2\x85\xe8\xfa\xe0\xa8\xb4J\x991\xbd\x14\xdf\x7fR&lt; \xa8A\xb3V\xad:\xf5\x93\x9e\x91\x94\xd2\x15k\xe7\x1f9v0\xa1$\xa1B\x08M3\xbc2g\xec\x98\xe7\x1e\xc8?~\x841\x06\x00\x88\x82s\x9dsn2Y.\xbd\xa4\xee\x95\r\xaeiz\xe5\r\x97\xd7\xb9\xcaaw!r\x14(\x04r\xe4\x9af\xf8\xf9\x97\x1f\'L\x1b\xa4\xeb1\xe9\xa9\x90xP\x9d\xc7\x16.}\x11\x11\x01("6\xb9\xbc\xc6\x83\xbd\xb2\xa2\xbe\xe0\xdf:\xbe\x9d?\x82\xf3\xe7\x1e\xed\xee\xb2[e\xd6_,AV\xdd\xe0\xa4D\xf5\x00\x92\x0f\x99\xfe\x0f\x1b6,\x12\x89\x18\x0c\xc6X,Z\xaf\xf1\xb5-\xdb\xf7\xf1\xb9O_\xf0\xde\xef\x1f\xa1\xc0B~_\x97\x81\xa3\xbe\xfcpy\xd0\xe7eL\xf3\xf9\x0b\xdfZ8u\xcc\xe3\xb3\xdc\x85\x17\xbe\xf9|\xae\x08\x8di\xc1p\x90\x10b\xd0\x0c\x1c\x8b*&lt;\r\xaf\xb8\xbam\xebnW6h\x9e\x91^\xd9l\xb2PJu=\xe6\xf6\x9c\xfa\xfc\xabu\xf3sf\xba=\xa7\xe4O\x18\xd3\xf6\xec\xffv\xc5\xday}\xba\x0e\xf6\xf8\n\x12\xaa\xbd\xc1\xb9\x9e\x9eV\xf1\xbf\xff\x9b\xb7\xeb\xfb\xad\x8c\x15I?\xa7dw7\x99\x8d!\xaf\xbf\xb4\xeb0\x00\x10\x0e\x84\xeb\xd4\xbftp\xaf6\xcf\xbc\xb1\x9a1\xa0\x94\x8e\x1e=\xbaw\xef\xdeiiiR\x94\\\xaa\x17\xa0\xb8\xb0$f\x82\xa38#2\xed\xca\xcd\xcd\xdd\xb8q\xa3\xec\xfdj\x06c\xcf\xc1\xe3\x90\xeb\xa4L\xde=\xe9\x19Y!\xb3Z\xa7\xfb\x1e/\x1e\x10\x04\x9b&gt;[\xbb}\xe7\xa7\x894%\x14"\x91\xf0\x90\x07\'5ozSL\x8f!\xf2\x8b2k&lt;5\xec\xa5\xe9\x13r\xda\xb7\xedS\xb9R5BH0\x1c\x08\x04\xfd\xd1X\xd4\xe5\xc8\xe8\xd2\xe1\xbe\x19\x93\x96fV\xaeN\x08\x01\nB \xa5t\xf5\x07\x8b\xbc\xbe\x02\x8di\x893\xf1B\x08\xa1i\xc6S\xa7\x8f\xe7\xfcw\x16\xa5\x94R\xca\x11\xbb\xb4\xb9\xbau\x8b+\xc3\xbe@\xd9T\xe1\x19\x83h\xa1\x7fH\xffv\xb5\xaaW\xd6u\xaei\x9a\xdb\xed\x1e=z\xb4\x1a\x10\x94\x8c\xa8\x00\x90L\xc8\x1a\x8bT_\x10B(\x05Dl~K\xa7\x06\xcdn&lt;\xff\xb1?g\x0fcZ\xc8\xe7\xbd\xa5\xfb\x80\xccKj!\xe7\x00,\xa6G\xe7,\x98\x9c8\xd3\x81(%(x,\x16y\xe2\x91\xe7/\xaeV\xf3\xa6\x16\x1d^\x9d\xba\xaaM\xabN\xd1h\xc4\xe3u\xc7bQB\x08P\x90Ul\x9d\xeb\xa7O\x1f\xafY\xe3\x8a\xff\xdc7F\xdea\xb9\x90\xe5\x1f?\xb2w\xff\xb7&amp;\x93\x05\xcf\xcaM\xb9,\xe0\\w:\xd2rW\xbd\xf1K\xfeO\x00\x0c\x91\x1b\r\xda\xf8A\x9dI\x19\xae\xbc\x94R]\xd73*\xa7\x8f\xba\xff\x0e)E\x06\x80\xd9\xb3g\xef\xd9\xb3G\x15\x82\x92\x0e\x15\x00\x92\t)\xfd\x9c6m\xda\xbe}\xfb\x0c\x06\x83\xae\xc7l\xae\xf4\xee\x83\xc6\x84\x02\xbe2\xd6\xabp\xae\x9b,\xb6\xde\xd9\x13K\xaej\xd7\xf7_\xe5\xad\x7f\xd7\xe5L\x14\xcfHJ!\xaaG\xadV\xfb\xf4\t9\x8f\x0f\x9ef6[\xbd^7\xa5\x941\xf6\xbb2\x05\xa5\xd4`0z\xbc\x05W_\xd5\xf2\x92\xea\xb5Q \x05\x00\n\x84\x90\x83?\xfd\xa0\xb1\x0b|\xaa\xee\x9c\x91c\x7f\xf6\x1d\xdc\xb5\xea\xbd\x05\x00@\xa9@\x14C\xfaf\xd5opY8\x10*K\xd1\xaa\xc6X\xd8\xed\xeb\xd7\xb9U\x8b\xc6uu\x9dk\x8c\xe9\xba\xfe\xc8#\x8f\xa8Vp\xd2\xa1\x02@\xd2 {\xbf\x07\x0e\x1c\x98&lt;y2\x00\x08A\x84\x10Y=\x1e\xa8Z\xa3\xf6?u|&lt;\x7f\x80\xb1\xa0\xcfs\xf5M\xb77h\xd6\n\x91S\n\x94\xd2\xb9K\x9e?\xed&gt;\xa1i\xc6\x04Y\x05\x80B,\x16\xb5\xdb\\R\xf3\xf3\xd7\xfd\t!\xd0l\xb2\xd4\xba\xf4\nB\x88&lt;\xf2F\x08q\xbbORJ\x13d[C\x88`\x8c\xbd\xb9p\x8a&lt;y\xc79V\xa9\xe0\x1c\xda\xff6=p\xe1\x8f}\xfd\xfd\xa5\x10\xa1il\xecC\x9d\x00\xa8\x9c\x12\x9a\x97\x97WbFT\xc6\x17\xa38gT\x00H\x1ad\x87m\xfc\xf8\xf1^\xafW\n\xff3/\xa9\xd5\xe1\xee\xa1\x01\x8f\xbb\x0c\xb4\x1f\x7fr=\x84 \xc7&gt;C&amp;i\x06#G\x0e\xc0\xf2O\x1c\xcd]\xf9\x86\xd3\x91\x96 \x9b\x00B\x08\xa5\x94s]\x96\xcb\xff\xfaW\nB\x00\xc0fu\x10\xf2\xeby\x06\x9e0\x93!8\xe7\x0e{\xda\x96m\x1b&gt;\xfd2\xafd\xea\xdf\xc4\x87\xbbT\xaeZ1Z\x9a\xd2\xcf3\xc1\x00B\xde@\xebV\x8d\xfb\xdcv-\xe7(\x8bi\xd2\x8eT\xed\x03\x92\x08\x15\x00\x92\x03\xd9\xfb\xdd\xb4i\xd3\xa2E\x8b\x18+\x1a\xc5\xde;{\xa2\xd9j\xbf\x80c\xbf\xfe\x11\x00\x10\n\xfaj7\xbc\xbam\xaf\x87D\xb1g\xe4\xaa\xf7\x16\xec=\xf0\xad\xc5bO\x1c\x05\xfdY.\x8e\x94\x10!D$\x1a&amp;\xe4\xd7\x8c\xdfj\xb1\x97\xdau\xfd3\x18c\xc1P\xe0\xcdES)\xa5\x0c(\xe7\xbcE\xe3\xba\xfd\xbb\xdc\x14\xf6\xf8\xb58\x9d\xc0\xa2\x00z0\xfclv\xb7\x0c\x97-\xa6\xeb\x9a\xa6\xed\xdb\xb7o\xda\xb4i\xaa\x13\x90D\xa8\x00\x904p\xceG\x8f\x1e-\x0f\xe0 \xf2\x06\xcdZ]}\xd3\xedA\x9f\'.\xe9\xbf\x04\x80\x85\x02\xbev}\x1fvU\xa8\x8c\x88\x00,\x10\xf4-\xca}\xc9l\xb6$\xdd\x12@)\xd5y\xec\xc4\xa9\x9f\t!\x82\x10\x19\xc0\xaaT\xaa\x86\xc8\xcbF^\xf5\x17p\xae;\xeci\x1f~\xbcl\xff\xc1\xdd\x00\x80\x02\x19\xc0\xd8\x87:i\x1a\xc41\xd7\x06J\xa3\x91h\xb5\x1aU\x1f\xed}\x8b\x10\x82\x08\x01\x94N\x9f&gt;=??_)\x82\x92\x05\x15\x00\x92\x009\xeay\xf1\xe2\xc5\x9b6m\xd24\x03\xe7:cZ\x9f!\x93\x90\xc7Y\x9e"%\xa1\x95\xaa^\xd2e\xe0\x93B\xa0\x1c\x10\xf4\xf1\xa7k&gt;\xdf\xf2\x91\xc3\x9e\x96D\x935\xe5\xc1\xb1\x02\xf7\xc9C\x87\xf7\x90\xa2\x91\xd1\xc8\x80]V\xe3\xf2\x98\x1e\x85\xb8\x8e\xb8\x90\x8e\x8f\xc7O\x1e\x9d\x973\x83R\x00J9\xc7\x9e\xb76o}c\xe3\x907p&gt;\x8e\x8f\xe7\x0fc\x10\xf5\xf8\x87\xdf\xd7\xbe\xf6\xc5U\xe4&amp;\xa0\xa0\xa0`\xe4\xc8\x91\x00\xf1\x8cL\x8a\xb3G\x05\x80DG\x1e\xfb\xf2z\xbd\xe3\xc6\x8d\x93\x07S\x11\xb1U\xa7~5\x1b4\t\'\xc0\x18N\xc64\xbf\xd7\xdd\xe2\x8e\xde5.o$\xdb\xd4\x88\xb80\xf7E\x9d\x97\xd6D\x9a\xd2\x00\x91[\xcc\xb6m_o\xf6\xfa\n\x01\x98\xec\x19\\v\xe9\xe55.\xae\x13\x89\x86\xcf\xd3X\xf1\xfc\xaf\xcdj\xb1\xbf\xbbj\x8e\xbb\xf0\x14\x03\xe0\x88.\xbbu\xf4\xc0\x8e&lt;\x14\x8d\xef\x85\x11B(\xa1\x9cs\x8b\xcd2\xfe?\x9d\x88\xd4\x83\x01[\xbcx\xf1\xf6\xed\xdb\x95q|R\xa0\x02@\xa2#W\xd5\xc9\x93\'\x1f8p@Z\xbe\xd8\x9c\xae.\x03\x9f\x8c\x84\x8241N\xa8r\xce-6{\x8fAc\x89\x10(\xa4$t\xeb\xda\x0f\x978\x1d\x89"\t\xfd[\x18c\xe1pp\xd9\x9a7\t!r\xaa\x9d\x10"\xeb\xc6\xce\x16\x8b-\xbe\xab\x18"Z-\xf6\x1f\xf6}\xbd|\xcd\xdb\x00@\xa8@\xc4\xc1\xbd\xda\xd4kpY$\x18&gt;\x7f\xc7\xc7\xf3\x871\x16\xf6\xfa{ul\xd9\xa2I]\x9ds\xc6 \x1a\x8dfggs\x9e\x94\x1e;\xa9\x86\n\x00\t\x8d\x94\xd8\x17\xf7\xd6\x8a\xb4\x1f\x9d\xee{\xbcbf\xf5\xb2\x97~\x9e\t\xc6\x98\xdf\xeb\xbe\xea\x86\xac\xabo\xba\x03y\x91g\xe4\xbc\x9c\x19\xc7O\x1eM\xa8\x01AgB\xd7u\xa7#}\xc5{\xf3\x0f\x1c\xfa\xbe\xd8V\x17\xabT\xaav\xcbM]\x02\x01_|k,\x84\x10\x00\xf6\xda\xdcgt=\x06\x00\x9c\xf3\xcb\xaaU\x1a\xd2\xbf]\xb4tf&gt;\x9f\x1b\x82\x10\xe4|\xea\x90\x1e\x1ac:\xe7\x9a\xa6m\xde\xbcy\xf1\xe2\xc5J\x12\x9a\xf8$\xca3\xa4\xf8S\xe4\xea)\xd5u\xd2\xf3\xab\xc6\xe5\x8d\xb2z\x0c\x0c\xf8&lt;\t3uGB\x91\xeb=\x1e\x1ek\xb5;\x05r\x00\xe6.&lt;\xf5\xee\xaa9V\x8b-\xc1;\x01\x1c\xb9\xdd\xe6\xf8~\xdf\xd7\xb2\xc2.\xb5\xb6B\x88\xfe\xbd\x86\xa69+\xe8z,\x8e3\xae\x11\xb9\xdd\xe6\xfctK\xde\x8e\x9d\x9f\x01\x80\x10(\x04\x99\xf4p\x97\x8cJi\xa57\xf3\xf9\x1c`\x00\x91@\xb8y\xf3\xfa\x03:\xb7,\xf2\x8c\xa4t\xdc\xb8q\x1e\x8fGIB\x13\x1c\x15\x00\x12\x17)\xfd\xdc\xb8qc\xc9\xf9\x1a!D\x8fAc\x8dfK\xa2\x95V\xe4\x94\xd0K\xaf\xb8\xf2\xe6\xee\x03\xb0X\x12\xba|\xcd\xdb{\xf6\xefL\xa4\x01A\xbf\x07\x11\x8d\x06\x93?\xe8{vFv(\x14 \x84\xc8,\xfb\xbaf\xb7\xb4\xbd\xa9\xab\xcf\xef\x89\xeb\x8c{\x01\xa0\x85#\xc1\xd7\xe7M"\x840\x00\xce\xb1E\x93\xba=;\xb6\x08\xbb}\x896|\x1f\x80\xea\xfe\xf0\xb8A]\xd2\x9dV]\xe7L\xd3\x0e\x1c80s\xe6Ly?\xe3}u\x8a3\xa2\x02@\x82"S\xd1H$2l\xd80J\xa9\x94~^\xdd\xba\xfdU7\xdc\x12\xf0\x15&amp;X\xfaO\x08!\xc0\xb4@\xa1\xbb]\xdf\xc1\x95\xab_*\xdd\x89u=6\xff\x9d\x99\x00\x900\'i\xff\x1fB\x089&amp;\xfa\x99i\x0f\xff\xf8\xd3^\x06\x8cR\xc29\xcf\xac\\}\xc8C\xcfFc\x91\xf8\xa6\xd8\x9cs\xbb\xcd\xb1\xf2\xbd\x05G\x8f\x1db\x8cqD\xa3A\x9b:\xa4\x07r.\x12%\xf5\xff\x15Ji,\x1a\xad\x94\x991f`\'9 \x88\x01\xcc\x981C6\xae\x126\x03P\xa8\x00\x90\xa0\xc8\xdeoNN\xce\xb6m\xdbd\xfa\xaf\x19\x8c]\x06&gt;)\x10\x13\xcdxKB)\x8d\xe9\xd1\x8c\xcaU\xdb\xdf=\xb4xJ(\xfb\xe4\x8b\x0f\xb6l\xdb\xe0\xb0\xa7%Z\x1a(\xeb\x12f\xb3u\xeaK\x8fm\xfdz\x13c\x0c\x05\n!,f\xdb\xe8\xc7^NO\xab\x18\x8bk\x00\x90\xd2\xcf\x13\xa7\x8e-\xca}\x89R\n\x94"b\x8f\xb6\xcd\x9a_\xd3 \x12\x08\xc5\xbd-\xf1\xa7\x00cQ_\xe8\xc1\x9e7\xd7\xad\x91\xa9\xeb\x9c1\xe6\xf1x\xc6\x8f\x1f\xaf\xce\x04$2\x89\xf8$)d\xfa\xefv\xbbG\x8c\x18\x01\x00\x84PDl\xdb\xeb\xa1\x9a\xf5\x1b\x97\xe5\xd4\xcf\x7f\nc\x9a\xcf}\xfa\xc6Nw\xd5\xbb\xea\x1a,v\x8czs\xd1\xd4p$\x948\x83B\t!B\x08A\x88\xdd\xe6zq\xf6S\x1fm\\Q\x9c\xa2RJ\xe9\xc8!3\x1b\\~\xb5?\xe0\x8d\xaf\x19$"\xb7Z\xed\xf3rf\xfa\x03^\x06\xa0s\x9e\xe1\xb2=\xfbh7\xdd\x1f\x8a\xbb\xf4\xf3LPB8\xe7&amp;\x8bq\xc6c\xbd\x08!r@\xd0\xa2E\x8b6o\xde\xaciZ\xa2e\x00\nI\x82&gt;L)\x8eL\xffG\x8f\x1e\x9d\x9f\x9f\x0f\xc08\xd7]\x15*\xb5\xeb\xfbp8\xe0OX\x97Z\x89 B\xd3\x0c\x9d\x06\x8c\x90\x07\x02\x00`\xff\xc1\xdd+\xd6\xce\xb3\xdb\x9c\t\xb3\x04\x08!\x84\xd3\xe1\x9a\xf5\xf6\x84\x95\xef-`\xc0\x10\x91R*\x04&gt;\xf6\xf0\x94V\xd7\xb5\xf3x\xa5\x07@\xdc\x90S?w\xec\xfc\xec\xfduK\x8bUI\xe2\xd1\xde\xb7T\xabQ5\x1a\x89&amp;\x82\xf4\xf3L0\x06a_\xa8]\xeb\xa677\xaf\xcf9R\x00\xceyvvv$\x12Q\xdd\xe0\xc4D\x05\x80\x84C\xae\x9b\xc5N{E\xd2\xcf.\x0f&gt;U\xa9\xea\xc5\xd1h8q\xb4\x1f\x7f\n\x00\xf3{\xddMZ\xdezm\xdb\xae\x88E\x92\xd0E\xb9/\x9d8u,1$\xa1\x02Q\xb8\x9c\xe9\xaf\xcf{v\xe9\x8a\xd9\x0c\x18\n\x945\x8aG\x06N\xb8=\xabw\xa1\xa7,\\\xd5\xfe\x16\xc6\xd8\x9c\x05\x939\xd7\x01\x80#\xaf[#s\xf8}\xed\xa3\x9e@\xe2H?\xcf\x8c@\x8e3\x1f\xefc4h\x9csM\xd3\xb6o\xdf\x9e\x93\x93\xa3\x06\x04%&amp;\x89\xff&lt;\xa5\x1c\xb2\xfe#\xbd\xb6\xe5\xc9\xafzW]\xd3\xfa\xce\xfe&gt;OA"\xacM\x7f\x0b\x00\x8b\x04\x03\xdd\x1f\x1ecs\xa5#\xd7\x01\x98?\xe0\x9d\x973\xd3b\xb6\xc6[\x12*\x10\xd1\xe5L\x7fs\xe1\xd4\xc5\xef\xbe"\xeb\xfer\xf5\x7f\xf8\xfeq]\xee\xb8\xaf\xb00\xfe\xab?\xe7\xba\xc3\xe1\xfa`\xfd\xbb\xbb\xbe\xff\n\xa0\xc8\xf1q\xc6c\xbd,Vs\xbc\xa6\xfe\xfd#\x00 \x12\x0c5\xf8W\xcd!}\xb3\x8a$\xa1\x00#F\x8c(((P\x9b\x80\x04D\x05\x80\xc4BJ?\xf3\xf2\xf2\xf2\xf2\xf2\xa4\xf0\x1f\x80u\x1a0\x82i\x89bK\xf2\xb7PJ#\x91P\xd5\x1a\xb5\xb3z&lt; \xaf\x19\x00\xde_\xb7t\xcf\xfe\x9dV\x8b=\x8ei "\xba\x9c\x15\xe6.y~\xfe;3\x19c\x88\xa2(\xf7\x7f`B\xb7\x8e\x03\n=\xa7\x13@[)\x18\xd3\x82A\xff\x82w^ \x840\xa0\x1c\xf1\xe6\xe6\xf5\xdb\xb5n\x1a\xf6\x05\x93!\xfd\'\x84\x10\x00\xd0\xfd\xe1\xa1\xfdo\xabR\xc1\xc5u\xce\x18\xcb\xcf\xcf\x7f\xfe\xf9\xe7\xd5&amp; \x01I\x8eG*E\x90\xb9\xbf4W"\x84\x020\xce\xf95Yw6my\x9b\xdf\xebN\xf0\xea\xffo\x01\xc6\x02\x1ew\x87\xbb\x87V\xb9\xf82\xceu\xd9\xc6xm\xee3q\xfc+p\xe4.g\x85\x05K_x{\xf1t\x06L`\x91\xf5\xe3\x90\x07\'u\xedp\x7fb\xac\xfe\x84s\xeet\xa4\xe7,\x9fu,\xff0cL\xf6Qg&gt;\xde\x079&amp;N\x0b\xfdo\xa1\x94F\xa3\xd1\xcaU+&gt;3\xa83\x16KB\xa7N\x9d\xbao\xdf&gt;\x15\x03\x12\r\x15\x00\x12\x08Y\xfd\x97\xf6\xaa\x9a\xc68\xd7\xadvg\xc7\xfb\x1f\x8f\x84\x83\t\xab\xfc\xf9S(\xa1:\xd7-6G\xe7\x07F\x12B\xa4$t\xc7\xce\xcf&gt;\xdd\x92g\xb7;\xcb\xdee\x85s\x9e\xe6\xac\xb0\xf8\xdd\x97\xe7,\x98\\\xd4V!D\x08\x1c\xfa\xd0\xb3w\xdeq\xb7\xbb\xf0d"\xac\xfeB\x08\x93\xd1r\xe4\xd8\xc1\x15k\xe7K\xff\x1aD1\xa0s\xcb\x06r\xecOR=\x00\x8c\xb1\xa87\xd0\xa7\xe3\rM.\xaf!7\xb5\xd2\xc8ZU\x81\x12\x8ddz\xaa\xca7R\x8b\x92\x9f\x9f?z\xf4hJ\xa9\x94~\xde\xdc}@\xad\xfa\x8d\xc3A\xbf\x9c\x03\x9aD0\xa6\x05\xbc\x85-\xdb\xf7\xa9\xd7\xf8Z)\t%\x84\xbc&gt;oR(\x14`P\xa6\x92P\xcey\xba\xab\xc2\xd2\x15\xaf\xcd\x9e7I\x9eJ\x13D\x08\x81\xc3\xfe3\xb9\xd3\xed\xfd\xdd\x85\xa7\xe2^\xf7\x97 r\x8b\xc5\xfa\xd6\xc2)&gt;\x7f\xa1T\xa6\xa6;\xad\xe3\x06u\xd1\x83\x11\x80D/\xfd\xff\x0eJ\x08\xe7h\xb1\x9a\'gw\x17\x82pD\xc6Xnn\xae,l&amp;\x8c\x1eL\xa1\x02@\xc2 \xc7&gt;\x8f\x1c9\xd2\xedvk\x9aA\xe7z\xa5j5n\xef;\xd8_\xe8\x86\xc4X\xa1\xfe)\x82\x10\xe4z\xcf\xc1\xe3\x18\xd38r\xc6\xb4\xa3\xc7\x0e\xe5,\x9f\xe5t\xa4\x97\xd9\x12\xc0\xb9\x9e\x96V!w\xf5\x9cW\xde\x1c_"\xa9\x14B\x0c\x1b4\xb9C\xbb~\t\xb5\xfa;\xeci\x9fo]\xb7\xe1\x93\xd5\x00L\x08D!\xc6\x0c\xecX)3#\x16\x0f\xc7\xc7\xf3\x871\x08{\x03mZ\\\xd9\xb9MS^|(DJ\x1b\xd4&gt; qP\x01 !\x90\xc5\x9fm\xdb\xb6-Y\xb2\xa4\xe8\\\x92\x10]\x1f\x1c\x95V)3\xa6\'\xe5\xfbO\x8a\x07\x045h\xd6\xaaU\xa7~\xd23\x92R\xbab\xed\xfc#\xc7\x0e\x96\x8d$\x94s==\xad\xe2\x8a5o\xbf\xf4\xfa\xd3\x00 \x04\x91\xc7}\x1f{xJ\x87[\xfb\xba\xdd\xa7JT\xb6\x7fMi_\'!\x84\x10\xaa\xf3\xd8\xc2\xa5/""\x00E\xc4&amp;\x97\xd7x\xb0WV\xd4\x17\x8c\xa3\xe3\xdb\xf9#8\x7f\xee\xd1\xee.\xbbU\x16\x82\x8a\xc5\xcd\xaa\x13\x90(\xa8\x00\x90\x10\xc8\xf6\xef\xb0a\xc3"\x91\x88l\x99\xd6k|m\xcb\xf6}|\xee\xf8\x0b\x13\xcf\x07\n,\xe4\xf7u\x198\xca\xe6t!r\xc64\x9f\xbf\xf0\xad\x85SmVGiKB9\xe7\xe9i\x15W\xbe\xb7`\xc6k\xa3\xe4\xeaO\x84`\xa0\x8dxtF\xa7v\xfd\xbd\xbeB\xa3\xd1\xc4\x98v\x16\x9fR_\x7f9\xd7\xd3\\\x19\xef}\xb4t\xd7\xf7[\x19+\x92~N\xc9\xeen2\x1b9\xe7I\x19\xfc\t!\x84\x00@8\x10\xaeS\xff\xd2\xc1\xbd\xdaHI(\xa5t\xf4\xe8\xd1n\xb7[Y\x86%\x08*\x00\xc4\x1f\x99\x1c\xe5\xe6\xe6n\xdc\xb8Q\xd34\xceu\xcd`\xec9x\x1cr=\xeen\xb4\xe7\x89\xf4\x8c\xac\x90Y\xad\xd3}\x8f\x17\x0f\x08\x82M\x9f\xad\xdd\xbe\xf3\xd3R\x9d\x12\x8a\x88\x0e\xbbk\xcd\x07K\xa6\xbf\xf2\x04P\xb9\xd6\x08\n\xf0\xd0=O\xb5n\xd1\xe1\xe8\xb1C\x91H(\x18\xf4\xfd\xed\'\x10\xf4\x86B\xc1R\xbaH\x89\x10B\xd3\x8c\xa7N\x1f\xcf\xf9\xef,\xe9D\xc6\x11\xbb\xb4\xb9\xbau\x8b+\xc3\xbe@"t\xa7\xcf\x07\xc6 Z\xe8\x1f\xd2\xbf]\xad\xea\x95u\x9dk\x9a\xe6v\xbbe\x97Km\x02\x12\x01U\x8c\x8b3B\x08D\xe4\x9c7l\xd8p\xdf\xbe}\x06\x831\x16\x8b^\xdf\xae\xfb\xa3S\x16z\nN$u\xfa_\x02%\x94\x02\x1d\xd1\xe3\xda\xfc\x9f\x0eh\x9aA\xd7c\r\xaf\xf8\xf7\x8b\xcf-\xf3\xfb=\xa5!\x0cED\xab\xc5\xb6\xe3\xdb\xcf\x1e\x1f\xdbW\xfe\xa4\xe48B\xa5\x8a\x17E"\xa1\xb3\xec\xa8\xcbE\xaaj\x95\x8b\x9f{z\x9e\xa6\x19\x84(\x951|\xba\x1e\xab\x90Q\xe5\xd5\xb7\xc6/Y\xf6*c\x9a\x10\\cl\xc7;\xe3\xaf\xa8S=\xe9\xc4?\x7f\x8a\xce\xb95\xc3\xf5\xf6\xe2\xbc{\xc7\xbe\xa5i\x0cQ\x00\xc0\xae]\xbb\xea\xd6\xad+\xfb^\xf1\xbe\xc0\x94F\xdd\xfd8#=\xbf\xa6M\x9b\xb6o\xdf&gt;\x83\xc1\xa0\xeb1\x9b+\xbd\xfb\xa01\xa1\x80/\x89\x84\xff\x7f\r\xe7\xba\xc9b\xeb\x9d=\x91\x14\xff}w}\xffU\xde\xfaw]\xceR\xf1\x8c\x14Dh\x06\xe3\xd1\x9f\x0f\n!d\x95_\xfe\x1c\x11\x8f\x9f8Z\xe89\xed.&lt;y6\x9f\x02\xf7\x89B\xcf\xa9\xd3\xee\x13\x17\xfc\nK\x90c\x7f\xf6\x1d\xdc\xb5\xea\xbd\x05\x00@\xa9@\x14C\xfaf\xd5opY8\x10*\x1f\x8b\xa3\xc6X\xd8\xed\xeb\xd7\xb9U\x8b\xc6uu\x9dk\x8c\xc9\x93.\xaa\x15\x9c\x08\x94\x87\',y\x91\xbd\xdf\x03\x07\x0eL\x9e&lt;Y\xd6\xa9\x85\x10Y=\x1e\xa8Z\xa3v\xe28&gt;\x9e?\xc0X\xd0\xe7\xb9\xfa\xa6\xdb\x1b4k\x85\xc8)\x05J\xe9\xdc%\xcf\x9fv\x9f\xd04ci\xac\x02B\x08\xa3\xd1\xa41\r\x80\xfd\xb6\xa0\xafi\x86\xb3\xff\x18\x0c&amp;M3\x98\x8d\xe6\x0b~y\xbf\xbdR\xc6\xd8\x9b\x0b\xa7\x04\x82&gt;\x00\xe0\x1c\xabTp\x0e\xed\x7f\x9b\x1e(\x0f\xb9\x7f\t\x82\x08Mcc\x1f\xea\x04@\xe5\xe9\xb6\xbc\xbc\xbc\x12\x9b\xa3x_]JS~\x1e\xb2dD\xf6~\xc7\x8f\x1f\xef\xf5z\x19\xd3t=\x96yI\xad\x0ew\x0f\rx\xdcI\xad\xfd\xf8#\x82\x10\xe4\xd8g\xc8$\xcd`\xe4\xc8\x01X\xfe\x89\xa3\xb9+\xdfp:\xd2Jc\x13@)\x8dD\xc2:\xd7c\xb1\x08\xe7z\xc9G\xd7cg\xff\x89\xc5"\xba\x1e+\xf4\x16\\\xf0\xcb\x93p\xce\x1d\xf6\xb4-\xdb6|\xfae^\x89\x1ei\xe2\xc3]*W\xad\x18MN\xe9\xe7\x99`\x00!o\xa0u\xab\xc6}n\xbb\x96s\x94\x92Pit\xaa\xf6\x01\xf1E\xdd\xfd\xb8!{\xbf\x9b6mj\xdd\xba\xb5\xfc"\x10\xf9\xd0\xe7s\xfe\xdd\xba}\xc0[X\xce\x02\x00!\x84s\xdd\x95^i\xde\xd4\xc7\xff7\xff\x05\xc64!\xd0b\xb6\xbd\xf8\xdc\xf2\xea\x17\xd5\x8cF\xcf\xb6.\x7f6\x08!L&amp;\xf3\xde\xfd;?\xfb\xea#JA\x88sl6RB\x05\x11\x0e{\xda\x1dY\xbd~[J\xba\x80P\n\x8f&gt;\xd9\xe5\xc0\xa1\xef4\xc6b\xba\xde\xa2q\xdd\xf5\xf3\x9e\xd2\xc3\x91D\x9e\xf9|n\xa0\x10\x9aA;~\xaa\xb0Q\xd7\xa7\xdc\xde\xa0\xa6i\xb1Xl\xe2\xc4\x89O&gt;\xf9\xa4|\x11\xe2}\x81)\x8a\n\x00qCn~[\xb7n\xbdi\xd3&amp;\xd9\xfbm\xd0\xac\xd5\xa8\xd9kB~_\xc2\x9a~\x9c\x0fB\x08M3\xf8\xbd\xee\'{]\xef-8\xc5\x18\xd3\xf5X\xeb\x16\x1d\xc6&lt;\xf1Z\xe1\x85&gt;\x90%K@\x16\xb3U\x88s\x17R\xc9\xdf\x8b\x88\xfe\x80\xf7\x02^\x9b\x84s=\xcdU\xf1\xbf\xff{{\xe6k\xa3\x8a\xdcr\x04\xc9{\xed\xb1\xd674\n\xf9\x82\x89\xe9\xf9u\x9e\xc8n\xf0\xf8\x199cf\xad0h\x1a\xe7&lt;-=}\xf7\xee\xdd\x95+W&amp;\x84\x94\xa7\x92W\x12\xa1\x02@|\xd0u]\xd3\xb4\x05\x0b\x16\xdcu\xd7]\x9af\x90\x95\xf1\t\x0b7^R\xa7a8\x14(\xaf/\x83\xdc\x04\xbc\xbfd\xd6[\x93\xb2\x811"\x08!b\xd2Ss\x9b5\xb9\xd1\x1f\xb8\xc0\x8a \xb9\xa3\xba\x00\xff#J\xd9\x85\xee\xc6\xcbX\xe8\xf3\x17\x0e\x1c\xda\xae\xd0S\xa01\x88\xe9z\x9fv\xd7.\x9c\xf9H\xa8\xc0[^\xd3aA\x04%\x94S\xda\xe8\xce\'\xf7\x1f9n4\x18\xa2\xb1\xd8\xddw\xdf\xfd\xf6\xdbo\xabM@\xbc(\x9f\x0bM\x82#\xd5o^\xafw\xdc\xb8q\xb2\xf4\x81\x88\xad:\xf5\xab\xd9\xa0I8\x98\xb8\x8e\x8f\xe7\x0fc\x9a\xdf\xebnqG\xef\x1a\x977\x92\rpD\\\x98\xfb\xa2\xce\xf5\x0b^\xf2\xa6\x94\x9e\xdd9\xaf\xbf\xfb\x94\x8aP\x95[-\xf6wW\xcdq\x17\x9eb\x00\x1c\xd1e\xb7\x8e\x1e\xd8\x91\x87\xa2\xe5r\xf3\'\xa1\x84r\xce-6\xcb\xf8\xfft"R\x0f\x06l\xf1\xe2\xc5\xdb\xb7oW\xc6\xf1\xf1\xa2\xdc&gt;m\x89\x8c\\\xfb&amp;O\x9e|\xe0\xc0\x01i\xf9bs\xba\xba\x0c|2\x12\n\xd2\xf2"\xfd&lt;\x13\x9cs\x8b\xcd\xdec\xd0X"\x04\n)\t\xdd\xba\xf6\xc3%NG\xa9HB\x13\x10D\xb4Z\xec?\xec\xfbz\xf9\x9a\xb7\x01\x80P\x81\x88\x83{\xb5\xa9\'\xa7~\x96\xbb\xea\xffoa\x8c\x85\xbd\xfe^\x1d[\xb6hRW\xe7\x9c1\x88F\xa3\xd9\xd9\xd9\x9csU\x8a\x88\x0b*\x00\x945R\x08\xbfo\xdf\xbei\xd3\xa6\x95h?:\xdd\xf7x\xc5\xcc\xea\xe5I\xfay&amp;\x18c~\xaf\xfb\xaa\x1b\xb2\xae\xbe\xe9\x0e\xe4E\x9e\x91\xf3rf\x1c?y41&lt;#\xcb\x02\x00\xf6\xda\xdcgt=\x06\x00\x9c\xf3\xcb\xaaU\x1a\xd2\xbf]\xb4\xd0\x9f,\x96/\xe7\x83 \x049\x9f:\xa4\x87\xc6\x98\xce\xb9\xa6i\x9b7o^\xbcx\xb1\x92\x84\xc6\x85\xf2\xff\xc0%\x1ar\x8d\x93\x1a8\xe9\xf9U\xe3\xf2FY=\x06\x06|\x9e\xf2q\xee\xf7,\xa0\xc8\xf5\x1e\x0f\x8f\xb5\xda\x9d\x029\x00s\x17\x9ezw\xd5\x1c\xab\xc5\x16o\xcf\xc8R\x07\x91\xdbm\xceO\xb7\xe4\xed\xd8\xf9\x19\x00\x08\x81B\x90I\x0fw\xc9\xa8\x94\xc6\xf5\x0b_\x07K@\x18@$\x10n\xde\xbc\xfe\x80\xce-\x8b&lt;#)\x1d7n\x9c\xc7\xe3Q\x92\xd0\xb2G\x05\x802E6\xbb6n\xdcXr\nF\x08\xd1c\xd0X\xa3\xd9\x92"\x05\x10R&lt;%\xf4\xd2+\xae\xbc\xb9\xfb\x00Y\xf9\x05\x80\xe5k\xde\xde\xb3\x7fg\xa9\x0e\x08J\x00\x04\x80\x16\x8e\x04_\x9f7\x89\x10\xc2\x008\xc7\x16M\xea\xf6\xec\xd8"\xec\xf6\xa5N\x17\x14\x80\xea\xfe\xf0\xb8A]\xd2\x9dV]\xe7L\xd3\x0e\x1c80s\xe6L\xb9\x1f\x8a\xf7\xd5\xa5\x16*\x00\x94\x1d\xf2\xd8W$\x12\x196l\x18\xa5\x14\x00\x10\xf9\xd5\xad\xdb_u\xc3-\x01_a\xca\xa4\xff\x84\x10\x02L\x0b\x14\xba\xdb\xf5\x1d\\\xb9\xfa\xa5\xd2\xf7X\xd7c\xf3\xdf\x99)\r[\xe2}u\xa5\x05\xe7\xdcns\xac|o\xc1\xd1c\x87\x18c\x1c\xd1h\xd0\xa6\x0e\xe9\x81\x9c\x8b\xf2\x9f\xfa\xff\n\xa54\x16\x8dV\xca\xcc\x183\xb0\x93(\xf6\x8c\x9c1c\x86l\x89\x95\xeb\x0c \xe1P\x01\xa0\xec\x90\xbd\xdf\x9c\x9c\x9cm\xdb\xb6\xc9\xf4_3\x18\xbb\x0c|R`\xa9L\x19Kd(\xa51=\x9aQ\xb9j\xfb\xbb\x87\x16O\te\x9f|\xf1\xc1\x96m\x1b\x1c\xf6\xb4r\x99\x06\n!\x8cF\xf3\x89S\xc7\x16\xe5\xbeD)\x05J\x11\xb1G\xdbf\xcd\xafi\x10\t\x84\xca\xa5\xf0\xff/\x00\xc6\xa2\xbe\xd0\x83=o\xae[#S\xd79c\xcc\xe3\xf1\x8c\x1f?^M\t-cR\xeb\xb1\x8b#2\xfdw\xbb\xdd#F\x8c\x00\x00\xe9\xf8\xd8\xb6\xd7C5\xeb7\x0e\x06\xcaT\xfa)\xe4\x00R\xe4\xc89r\x8e\xc8\x11\xb1\xeck\xaf\x8ci&gt;\xf7\xe9\x1b;\xddU\xef\xaak\xb0\xd81\xea\xcdES\xc3\x91P\xd1\xc1\xa8\xf2\x05"\xb7Z\xed\xf3rf\xfa\x03^\x06\xa0s\x9e\xe1\xb2=\xfbh7\xdd\x1f*\xc7\xd2\xcf3A\t\xe1\x9c\x9b,\xc6\x19\x8f\xf5"\x84\xc8\x01A\x8b\x16-\xda\xbcy\xb3\xa6i\xe52\x03HLR\xee\xc9\x8b\x172\xfd\x1f=zt~~\xbe\xb4|qU\xa8\xd4\xae\xef\xc3\xe1\x80\xbfl\xa6~""r]\x08\xc14\x83\xc9b\xb5\xda]6g\x9a\xcd\x95ns\xa4Ylv\xcd`\x14B\xc8_P\x06\x17#\x11Dh\x9a\xa1\xd3\x80\x11\xf2@\x00\x00\xec?\xb8{\xc5\xdayv\x9b\xb3\x9c-\x01r\xea\xe7\x8e\x9d\x9f\xbd\xbfni\x893\xe5\xa3\xbdo\xa9V\xa3j4\x12-U\xe9\xa7 \x04Q\x9c\xc3\xa7\xb4\x9f\x04\xc6 \xec\x0b\xb5k\xdd\xf4\xe6\xe6\xf59G\n\xc09\xcf\xce\xce\x8eD"\xaa\x1b\\f\xa8\x1b]\x16H\xc3\xf7\xbd{\xf76l\xd8\x10QPJ9\xd7\xef\x1d\xf5\xc2\xad=\x07z\xdc\xa5kK+\xf3}\x000Yl\x9a\xd1\x18\r\x87&lt;\x05\'\x0bO\xe6\xfb\nO\x85\x83\x01\xceu\x83\xc9lw\xa6W\xc8\xac\x9eQ\xf9"\x93\xd9\x1a\n\xfa\xf4h\xb4\x</t>
        </is>
      </c>
    </row>
    <row r="121">
      <c r="A121" s="1" t="n">
        <v>119</v>
      </c>
      <c r="B121" t="inlineStr">
        <is>
          <t>venn</t>
        </is>
      </c>
      <c r="C121" t="inlineStr">
        <is>
          <t>What is the missing number of the part denoted with a question mark?</t>
        </is>
      </c>
      <c r="D121" t="inlineStr">
        <is>
          <t>['0', '7', '6', '1']</t>
        </is>
      </c>
      <c r="E121" t="inlineStr">
        <is>
          <t>7</t>
        </is>
      </c>
      <c r="F121" t="inlineStr">
        <is>
          <t>There are 3 overlapping circles containing the numbers [8, 2, '?']. The overlapping part between the first and second circle contains the number 10. The overlapping part between the second and third circle contains the number 9.</t>
        </is>
      </c>
      <c r="G121" t="inlineStr">
        <is>
          <t>We observe that the circles with 8 and 2 overlap to form the part 10, where 8 + 2 = 10. Hence, the pattern is most likely that the numbers in the overlapping parts are the sum of the numbers in the corresponding circles.</t>
        </is>
      </c>
      <c r="H121" t="inlineStr">
        <is>
          <t>Based on the pattern that the numbers in the overlapping parts are the sum of the numbers in the corresponding circles, the missing number of the circle where the overlapping part is 9 should be 7.</t>
        </is>
      </c>
      <c r="I121" t="inlineStr">
        <is>
          <t>b'\x89PNG\r\n\x1a\n\x00\x00\x00\rIHDR\x00\x00\x02\x00\x00\x00\x02\x00\x08\x06\x00\x00\x00\xf4x\xd4\xfa\x00\x00\xa0\x8cIDATx\x9c\xec\xddwx\x14\xd5\x1a\xc0\xe1\xdf\xccl/\xe9\x84N\xe8\x08\x08R\x14\x05\xa5X\xb1r\xb1cA\x11\xa4\xda{\x03\x15\xc5\xae\x88\x8a\x8a\xbd+\x88\xa8\xa0(\xa0\x02J\x13\x90.\xd2\xa4\xf7\x92\xba\xd9&gt;\xe5\xfe1\xbb\xa1\x88\x8a\x90@v\xf7\xbc\xcf\xc3\x95\x9b\x84d\xb2\xdf\xce\x9c\xef|\xa7I\x86a\x18\x08\x82 \x08\x82\x90R\xe4c}\x01\x82 \x08\x82 \x1c}"\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d9\xd6\x17 \x1c\x1b\x86a\xec\xf7\xf7}\xff\xff\x81\x9f\x8f\x93$\xe9/\x7f?\xf0\xbfB\xe5\x10\x8f\xdf\x81\xb1=X\\\xf7u`\x8cE|+\xa7}\xe3\xbb\xef\x7f\x0f\xfc\xfb\xbe\xc4\xfd+\x1cH2\xfe\xed\x89 $\xacxhu]/\xfb{\xfc\xa1.\xcb\xe5_\xfc\xd14\xed/?g\xdfFD(_\xf1\xc6}\xdfF&gt;\x1e\xdb\x8ax\xcd\xe3\xef#\xc30\xca\xbe\x7fE\xfd,\xe1\xef\xe3[\x11\xf7\xafa\x18\x07}N\x88\xfb7\xb9\x89\x04 \x89\x1c\xf8\x80V\x14\xe5\x1f\xbf\xde\xef\xf7\xe3\xf3\xf9(..\xa6\xb4\xb4\x94\xd2\xd2R\x82\xc1 \x81@\x00UU\x89D\xa2\xe8\xba\x8e\xc5\xa2`\xb5Z\xb1\xdal\xb8\x9cN\\.7\x1e\x8f\x1b\x8f\xc7KFF:n\xb7\x1b\xa7\xd3\xf9\xb7?g\xdf\x87KE6P\xc9,\x1eW]\xd7\x01\xb3\xe1\xfd\xa7F\xc0\xef\xf7\x13\x8dF\xd9\xbd{7\x05\x05\x05\x84#\x11"\xe1\x08\x85\x85\x05\xf8|&gt;TU%\x1c\x89`\x18\x066\xab\x15\xab\xd5\x8a\xcb\xe5"33\x13\x97\xcb\x85\xc5b!==\x9dj\xd5\xaaa\xb3\xd9\xf0z\xbd\xffxm"\xbeG\xe6\xc0\xc6\xfe\xdf\xe2\xabi\x1a\x81@\x80\xe2\xe2bJJJ\xf0\x95\x96\x12\xf0\xfb\t\x04\x82\x04\x83A4M%\x12\x89`\x18`\xb5Y\xb1X,8\xecv\x9c.\x17n\x97\x0b\x8f\xc7\x83\xd7\xeb%==\x03\xb7\xdb\x85\xcdf\xfb\xc7k\xd34\r\xd8\x9b\xf0\x89\xf8&amp;\x07\x91\x00$\xb0}\x1b|\x8b\xe5\xaf\xa39\x86a\xb0s\xe7.6n\xdc\xc0\xbau\xebY\xbbv-\xeb\xd6\xafc\xf3\xe6\xcd\xec\xd8\xbe\x9d]\xbbvR\\\\L8\x1c9\xeckp\xb9\x9cdddR\xbdzu\xaaU\xabF\xdd\xba\xf5\xa8W\xaf.\r\x1b6\xa4n\xdd\xba\xd4\xa9S\x87\xcc\xcc\xcc\x83^\xbb\xae\xeb\xa2\xc1\xf8\x1b\xfb6\xf8\x7f\x97\xcc\x95\x96\x96\xb2e\xcb\x166n\xdc\xc8\x8a\x15+\xd8\xb2e\x0b\xabV\xad"?\xbf\x80M\x9b6\xe2\xf3\xf9())9\xa2\xebp\xbb\xdd\xb8\xddnj\xd5\xaaE\x95*U\xa8W\xbf&gt;yyy4i\xdc\x98\xbc\xbc&lt;\xea\xd5\xab\'\xe2{\x18\x0e%\xbe\xe1p\x98\x1d;v\xb2aC\xec\xde]\xb7\x8eu\xeb\xd6\xb1u\xebVvl\xdf\xce\x9e={())A\x8d5\xce\xff\x95\x04x\xbc^\xb2\xb3\xb3\xcb\xee\xdf\xfa\xf5\x1bP\xb7n\x9ey\xff\xd6\xabG\xad\x9a5\xf1x&lt;\x7f\xf9\xb7"\xbe\xc9A$\x00\td\xdf\x87\x86\xa2(\x7f\xb9\xe9\xb6l\xd9\xc2\x1f\x7f\xfc\xc1\xc2\x85\x0bY\xb4h\x11\xcb\x97/g\xed\xda\xb5\x84B\xa1\x83~?\xc5b\xc5\x9b\x96NzF&amp;\x1eo\x1a\x1e\xaf\x17\xa7\xd3\x85\xc3i\xf6\x00\xadV\x1b\xb2"\xa3\xaa\x1a\xaa\x1a!\x1a\x89\x10\n\x06\t\x04\xfc\xf8}&gt;|\xbeb\x8a\n\x0b(\xf5\xf9\xc0\xd0\x0f\xfa3\xd2\xd3\xd3i\xdc\xb81-Z\xb4\xa0M\x9b\xb6\xb4i\xd3\x9a&amp;M\x9a\x90\x95\x95\xb5\xdf\xd7\xc5\x1f(\xff\xd6\xf3If\xfb\xf6\xf0\x0fl\x10B\xa1\x10\xabW\xafa\xc9\xd2%,Z\xb8\x90\xc5\x8b\x17\xb3r\xe5J\xb6o\xdf\xfe\xb7\xdf\xcfb\xb5\xe1\xf6xp{&lt;ddd\xe1M\xcfDQ\x14,V+\x8a,c\xb1\xda\x90$\tU\x8d\xa2\xa9*\xaa\xaa\xa2\xeb\x1a\xfeR\x1fE\x05\x05\xf8|\xc5\x04\x03\x01B\xc1\xc0\xdf\xfe\x8c\x8c\x8c\x0c\x9a4iB\xb3f\xcdh\xd3\xa6\rm\xda\xb4\xa1i\xd3\xa6\x7fI\nD|\xf7\xaf\x94\x1c\x98\xb0\xab\xaa\xca\xfa\xf5\xebY\xbat\x19\x0b\x17.`\xf1\xe2\xc5\xfc\xf1\xc7\x1fl\xde\xb4\tM?\xf8\xbde\xb3;HK\xcf(\xbb\x7f]n\x0fN\xa7\x0b\xbb\xd3\x89\xa2(\xb1^\xbd\x19_UU\x89\x84C\xe6\xfd\xeb/\xa5\xd4WBIq1\xc5E\x05\x04\x03\xfe\xbf\xbd\xe6\xdc\xdc\\\x8e;\xee8Z\xb6&lt;\x816m\xda\xd0\xaa\xd5\t4n\xdc\x18\xb7\xdb\xbd\xdf\xd7\xc5\x87\xffR9\xbe\x89H$\x00\x95\xdc?=46m\xda\xc4\xdc\xb9s\x991c\x06\xb3g\xcff\xe9\xd2\xa5D\xa3\xd1\xfd\xbe\xc6\x9b\x9eA\x9d\xba\r\xc8\xab\xdf\x90\xdau\xebS\xabv]\xaa\xd6\xa8IVN.\xe9\x99Y\xb8\xdd^\xec\x0e\x076\x9b\r\xab\xcd\x86$\xc9H\x12\xc4s\x0bI\x82\xf8;\xc40\xcc?\xba\xa6\x11\x89F\x88\x84\xc3\x84CAJ}%\x14\x15\xe4\x93\xbf{\x17\xdb\xb7nb\xeb\xe6\rl\\\xf7\'\x9b\xd6\xafe\xf3\xc6\xf5\x84C\xc1\xfd\xae)3#\x83Vm\xdap\xda\xa9\xa7\xd2\xb1S\'\xda\xb4nMvv\xf6~_\xa3\xaajJ&lt;L\xfe\xae\xd1WU\x95\xe5\xcb\xff`\xd6\xac\x99\xfc2c\x06\xf3\xe7\xcdc\xdd\xbau\x7f\xf9\xf7\xe9\x19\x99\xd4\xa9\xd7\x80\x9a\xb5\xf3\xc8k\xd0\x98\xaa\xd5jP+\xaf&gt;\x1e\xaf\x97\x9c\xdc\xea\xb8=\x1e\x14\x8b\xc5l\x18\x1cN$(\x0bnY\xfeh\x80\x11\xff\x0b\x10\tG\x08\x06\xfdD#\x11"\x910\xbbwn\xa7\xd4\xe7c\xc7\xd6\xcd\xec\xd8\xba\x99\xcd\x1b\xd7\xb3y\xc3:6m\\\xcb\xae\xed\xdb\xferM\xd9\xd9\xd9\xb4j\xd5\x8aSO=\x95N\x9d:\xd1\xa6M\x9b\xfd\x12\x82xI9\x95\xe3k\x18\x06\xabV\xadb\xf6\xec9\xcc\x98\xf1\x0b\xbf\xfe\xfa++W\xae\xfc\xcb\xbf\xcf\xc9\xadF^\xbd\x06\xe45hD\xed\xbcz\xd4\xa8]\x97\xdc\xaa\xd5\xc9\xcc\xaeBzF&amp;N\xb7\x1b\x9b\xcd\x8e\xcdn\xc7j\xb1"\xc9\xd2\xde\xb8Jf/\xff\xc0\xfbWSU"\x910\x91p\x98P0@Iq\x11E\x05\xf9\xec\xd9\xbd\x83m\x9b7\xb2u\xf3F6\xac]\xcd\xa6\r\xeb\xd8\xbai#\xba\xbe\x7f\x85\xa1F\x8d\x1a\x9cx\xe2\x89\x9c\xd6\xb1#\xa7\x9dv\x1a-[\xb4\xc4\xedv\xed\xf7\xbb\xa5J|\x13\x9dH\x00*\xa9x\x8fi\xdfF_\xd34\x16-Z\xc4\x94)?0y\xf2$\xe6\xfe\xfa+\xe1\xc8\xde\xf2}Zz\x06\x8d\x9b\xb5\xe0\xf8Vmi\xd6\xa2\x15u\x1b\x1eG\xf5\x9a\xb5\xc9\xc8\xcc\xc2\xe1t\xa0(\xb1\x07\x80\x06\x9a\xa6\xa3\xc5z|\xf1\x9fe\xbe\x15\x8c}\x1a\x84\xfdI\xfb\xfc\x8fY\xf63opEQP,\x16\x14EB\x8e=\xe3\xd4(\x04\xfc\xa5\x14\xe6\xeff\xcb\xa6\r\xac[\xbd\x92?\x96-b\xf9\x92\x05\xac\xfa\xe3w\xd4\xe8\xde\xeb\xce\xce\xce\xa6c\xc7\x8et\xed\xda\x95\xd3O?\x9d&amp;M\x9a\x94}.\xfe09X\xc5#Q\xfd]\xa3\x90\x9f\x9f\xcf\x8c\x193\x98&lt;y2\xd3\xa7O\xffK\x83\x90\x99\x95C\xe3\xa6\xc7\xd3\xbcU\x1b\x8ek~\x02u\x1b6\xa6z\xcd\xda\xa4gf\xe3&lt; \xbe\xban\xa0\xaaQtM\xc70\xf4\xb2\x18\xc7\xae`\xbf\xffP\xf6\xb2\xee\x9d\x11.+\n\xb2$!\xc92\x16\x8b\x15E\x91\x91e\x90\x15\xd05\x88\x84UJ\x8a\x0b\xd9\xbds;\x1b\xd7\xfd\xc9\xea?\x96\xb1b\xd9bV\xadX\xc6\xa6\xf5k\xf7\xbb\xee\xdc\xdc\\N;\xed4\xce9\xa7+]N\xefB\x93\xc6\x8d\xf7{-\x92-\xbe@\xd9\x98\xf9\xbe\xf1\xf5\xf9|\xcc\x993\x87I\x93&amp;\xf3\xe3\x8f?\xb0l\xd9\xb2\xfd\xfeM\xd5\x1a\xb5h\xda\xbc%\xcdOhC\x93\xe6-\xa9\xdb\xa0\tU\xaaU\'-=\x03\xbb\xdd\x8a,\x83\xae\x9b\x7fTUC\xd3\xd4\xfd\xe2{h\xf7\xef\xde\x89}\xf1\x06ZV,X,\x16d\x99\xb2\xf7P4\xaaS\xea\xf3\x91\xbfk\x07\x9b6\xac\xe3\xcfU\xcb\xf9c\xe9"V,[\xcc\x9f\xab\xfe\xd8\xef\xfb\xd6\xae]\x9b\xce\x9d;s\xf6\xd9g\xd3\xb9sg\xf2\xf2\xf2\xca&gt;\x17\xbf.1LP9\x89\x04\xa0\x12\xd9wL0\x9e9\xeb\xba\xce\xafs\xe72\xfe\xeb\xaf\x998q"\xcb\x97//\xfbz\x8f7\x9dV\'\x9e\xccI\x1d:\xd1\xb2m;\x1a4nFN\x95\xaa\xd8\x9d\x16\x0c\xdd\xbc\x89\xa3\xd1\x08Z4j\x96\x11\r\xa3\xac\x01?p"\xcf\xe1\xdc\x9c{\xdf:F\xacwa\x94u7$YB\x96\xcdr\xb3\xcdf\xc7b1\x1fJ\x01\x7f\x88\x1d[\xb7\xb0f\xc52\x16\xcd\x9b\xcd\xfc93X\xb6\xe8\xb7\xfdz\x19\x1d:t\xe0\x7f\xff\xfb\x1f\x17^x!\xcd\x9a5+\xfb\xf8\xc1\x1e\xaa\x89$\xde\xd8\xed\x9b\xd4\x15\x14\x14\xf0\xe3\x8f?1\xe1\x9b\t\xfc\xf8\xc3\x0f\xec\xdc\xb9\xb3\xecs\x99\xd99\xb4j{2mO9\x8d\x16m\xdaQ\xbf\xd1qdW\xa9\x8a\xc3\xa1\xa0Wp|\xff\xb2\xac\xcc0\xccF\xc50@\x92\x90e\tE\xb1\xc6&amp;\x87ZP\x14PU(.*d\xf3\x86u\xacX\xb6\x98\x85sg\xb2h\xfe\x1c\xd6\xadYU\xf6\xbd\x14Y\xa6},\xbe\x17\\p\x01M\x9b6-\xfb\\2\xc6\xd7\xe7\xf31}\xfat\xc6\x8f\x1f\xcf\xe4\xc9\x93\xd9\xb2eK\xd9\xe7\xaa\xd6\xa8E\xdbv\x1d8\xb1}G\x9a\xb7:\x91\xba\xf5\x1b\x91\x91\x95\x85\xd5*\xa1i\x10\x8d\xaaD#Q\xb3\xa1/\x8b\xaf\xb4_C\x0e\xecW\xd5\xf9\xaf\xd7\xbb\xf7\xbf\xe6=\x1c\x7f\x0fI\x92\x99\xd8[\xad6\xac6+\x8a\xc5L\xfcJ}\xa5l\xdb\xbc\x91\x15\xbf/a\xc1\xaf3X0w\x16\xab\xff\xd8\x9b\xc8\xd8\xedv:w\xeeB\xf7\x8b\xbbsn\xd7\xae\xd4\xabW\xaf\xecs\x9a\xa6U\xd8\n$\xe1\xf0\x88\x04\xa0\x128\xd8\x83c\xd5\xaaU|\xf1\xc5\x17\x8c\x1d;\x96%K\x96\x94}&lt;\xaf^C\xdaw&gt;\x93SO?\x9b\x16\xadN\xa2j\x8dZ\xd8\xec2j\x14\xc2\xe1\x10j4\x82\xae\xe9\xfbe\xfa\xc7.\xf3\x8e\'\x06\xf1\xde\x89\x84\xa2\xc8Xmv\xecv\x1b\xb2\x02A\x7f\x84\xcd\x1b\xd6\xb2\xf8\xb7_\x995\xfd\x07\xe6\xfc2\x95\xfc\xdd{\x1b\xc1.]\xba\xd0\xa3G\x0f.\xbc\xf0Bj\xd6\xacY\xf6\xf1x\x891\x11z\x15\xf1^P\xbca\xd3u\x9d\x9f\x7f\xfe\x99\xcf&gt;\x1b\xcd\xb7\x13\xbfe\xfb\xb6\xbde\xf4F\xc75\xe7\x94Ng\xd0\xa1\xf3Y4?\xa1-\xb9\xd5j`\xb3ID\xa3\x10\x0e\xc5\xe2\xabW\x8e\xf8\xee\xb7D-\xbe\xf2\xc4b\xc5n\xb7c\xb3+\x18\x06\x14\x17\x16\xf3\xe7\xea\x15\xfc6\xe7\x17fM\xfb\x81\xdf~\x9dA$\x1c\x06@\x96%\xbat9\x83\x1e=\xae\xe4\x82\x0b.\xa0F\x8d\x1ae\xdf;\x91\xe3\x0b0{\xf6lF\x8f\x1e\xcd\x84\t\x13\xd8\xb8qc\xd9\xc7\x8fo\xd5\x96\xd3\xce\xe8J\xfb\x8eg\xd0\xa4yK\xb2r\xaa\xa0(\x10\x89\xe8D\xc2!TU\xc5\xa8D\xf1\x05\x03C\x8f\xc586Y\xd1fw`\xb7[\x90$\xf0\x95\x04\xd8\xb0v5\x0b\xe7\xced\xe6\xb4)\xcc\x9d9\x1d\x7f\xa9\x0f\x00\x9b\xcd\xc69]\xbb\xd2\xe3\xca\x1e\x9c{\xde\xb9d\xc7\xe6\xfd\xc4;:\x89\x12\xdfd&amp;\x12\x80c\xe8\xc0\x07G0\x18\xe2\xfb\xef\xbf\xe3\xfd\xf7\xdfg\xe2\xc4\x89e%\xdb:\xf5\x1ap\xe6\xb9\xdd\xe8r\xce\x054?\xa1-\x99\xd9\x19\xe8:\x84\x82a"\x910F\xacj %\xc8\rUV\x027\x0cdE\xc1nw`wZ1t\xd8\xb9};\x8b\xe6\xcfa\xea\xf7\xe3\xf9\xe5\xa7I\xe4\xef\xde\x05\x98\x93\t/\xbe\xf8\x12\xae\xbb\xee:N?\xbdK\xd9\xf7RU\xb5\xd2\x96\x8f\x0f\xec\xf1l\xd9\xb2\x85\xb1c\xc7\xf2\xd1G\x1f\xb3h\xd1\xc2\xb2\xafkt\\s\xce8\xf7":\x9du&gt;M[\xb6"=\xc3\x8b\xa6\x9a\x13\xff\xa2\x91\x88\x19_Y\x8a\xcd\xcf\xa8|\xbf\xe7\xbe\xf6&amp;\x05: a\xb1X\xb0;\x9c\xd8\xec2\x91\x90\xca\x86u\x7f2o\xd6\xcfL\x9b4\x9e9\xbfL#\x1c6\'\xa8fee\xd1\xbd{wz\xf6\xbc\x8e.]:\x97}\xbfD\x8a\xef\xce\x9d;\xf9b\xdc8&gt;\xfc\xf0C\xe6\xcd\x9d[\xf6u-\xda\x9c\xc4\xd9\x17\\\xcci]\xce\xa6\xe1q\xc7\xe3\xf6:P\xa3\x10\n\x06P\xa3Q\x0c\x8c\xb2\xd8V\xc6\xdf\xf3@\x86\xae\xa3\xc7\x92\x03E1\xe3k\xb7+\xa8Q\x83\xad\x9b70\x7f\xce/L\xfd\xfe\x1bfN\x9bR\x96\x0cT\xaf^\x9d\xcb.\xbf\x9ck\xaf\xb9\x86v\xed\xda\x95}\xaf\xca\x1c\xdfT \x12\x80c\xe0\xc0\x86\x7f\xdb\xb6m|\xfc\xf1\xc7\xbc\xfb\xee\xbb\xacZe\x96K\xbd\xe9\xe9\x9c\xd1\xf5"\xce\xbf\xf8J\xda\x9c|*Y\xd9\x99\xa8*\x04\x03~T5\xca\xdeq\xf8\xc4\xbfq\xe2c\x98 a\xb3\xd9p\xba\x9cH\x12l\xdf\xba\x8d9?\xff\xc8\xf7\xe3\xc72\xfd\x87\xef\xcc\x9e\x11\xe6\x10A\x9f&gt;}\xb8\xfc\xf2\xcb\xcb\xd6\xa7W\xa6\x1e\xe3\x81\xd7\xf2\xdbo\xbf\xf1\xee\xbb\xef2z\xcc\x18\n\x0b\n\x00\xa8\x92[\x8d3\xce\xbb\x88s\xffw9\'\xb4=\x85\xf4L/\xd1\x88A0\x10@S\xa3\xb12{\xe5\xf8}\x8e\x88a\xa0\x1bF,\x89\x91q8\x9c8\x9cV\xa2Q\x9d\xf5kV\xf1\xf3\x0f\x13\x994a\x1c\x8b\x7f\xfb\xb5\xec\x9f\x9cz\xdai\xf4\xe9\xdd\x9b\xcb.\xbb\xac,\xbe\x95\xa9\xa18\xb0\xe1_\xbat)\xef\xbd\xf7\x1e\x9f|\xf2\t\xbbw\xef\x06\xa0V\x9d\xbat\xedv\x19\xe7\\x\tM[\xb6\xc6\xedq\x10\ti\x84B\x014UK\x98\x84\xeeP\x98\xcf3\x1dI\x92\xb1\xd9\xed8\x9dvt\x1d6oX\xc7\x8c\x9f&amp;3i\xfcX~\x9d9\xad\xec\xeb\xcf&gt;\xfbl\xfa\xf6\xedK\xb7n\xdd\xb0\xdb\xed@\xe5\x8ao*\x11\t\xc0Qt`\xc3\xbfz\xf5j\xde|\xeb-\xde\x7f\xef=\xf2\xf3\xf3\x01h~B\x1b\xfew\xc5\xb5\x9cu\xfe\xc5\xd4\xaeW\x17C\x87\x80\xdfl\xf4\xcd\x1eBr&lt;4\xfe\xce\xbe\x13\xe4l6;.\xb7\x03U\xd5Y\xfd\xc72&amp;O\x18\xc7\xf8\xcf?b\xcb\xa6\r\x00\xd4\xabW\x8f~\xfd\xfa\xd1\xbbworss\x81c\xfb 9\xb0a\x98:u*#G\x8e\xe4\xab\xaf\xbe*\xfb\x9a\xb6\xa7\x9cF\xb7\xcb\xaf\xe1\x8cs/\xa2z\xad\x9ah\xf1\xa4.\x1aEJ\x81Y\xd3\xf1dO\x92\xf6&amp;\x03\x01\x7f\x88\xc5\xf3\xe7\xf0\xed\xb8\xcf\x98\xfc\xcd8\x8a\n\xcd$\xa9A\x83\x06\xdcx\xe3\x8d\x95&amp;\xbe\xfbn\xc2\x04\xf0\xcb\x8c\x19\xbc:r$c\xc7\x8e-\x1bO\xef|\xd6yt\xbb\xa2\'\xa7\x9d~69\xb99D#:\xc1\x80\xdf|o\xa4D|c\xf3\x98\x00\xbb\xc3\x81\xd3e\'\x1cR\xf9}\xf1o|\xf7\xf5\x18&amp;\x8e\x1b\xcd\xee];\x00h\xde\xfcx\xfa\xf7\xefG\xcf\x9e=\xc9\xc8\xc8\x00*W"\x9f\nD\x02p\x14\x1c8\xc6\xbfr\xe5J^y\xe5\x15\xde{\xff=\x82\x01s\x89\xdc\x99\xe7u\xe3\xf2ko\xa4}\xe73\xf1x]\x04\x02a\xc2\xb1\xf5\xfb\xa9zC\xec;)\xd2\xe9rawX\xd8\xb3s\x0f\xd3&amp;\x7f\xcb\xe7\x1f\xbd\xcd\xc2\xb9\xb3\x00\xa8V\xad\x1a\xfd\xfb\x0f`\xe0\xc0\x01T\xadZ\x158\xba\x0f\x92\x03\x13\xbb\x1f~\xf8\x81\xe1\xc3\x873i\xd2$\x00\xacV+\xe7\\t\t\x97]{#\'u\xe8\x84\xd3i\xc3_\x1a"\x12\t!!!+2\xfbL\xc5O\x19F|o\x00E\xc1\xed\xf6\xa0X%6\xae\xdb\xc0\xa4\xf1\x9f3\xee\x93\xf7X\xb7\xc6\\\x05Q\xbdz\r\xfa\xf5\xeb\xcb\xc0\x81\x03+E|\xa7M\x9b\xc6\xf0\xe1/\xf2\xed\xb7\xdf\x00\xe0\xf6\xa4q\xd1eWq\xc9U\xd7\xd3\xb2\xcd\xc9X\xac2\xfe\xd2\x00\xd1H$%\x1a\xfd\xbfc\xde\xbff\x9c\x9c.\x0f6\x9b\xcc\xb6-\xdb\xf8\xe1\xdb/\x19\xfb\xf1;\xacX\xb6\x18\x80\xbc\xbc&lt;\x06\r\x1aD\xdf\xbe}\xcb\x96\x8b\xc6W\x86\x08\x15K$\x00\x15l\xdf7\xf2\x86\r\x1bxq\xc4\x08\xdez\xf3M\x82\xc1 \x8ab\xa1\xdb\xe5Wse\xaf\xfe\xb4&gt;\xa9=\x92$\xe1/-ESUdQ\x0e\xdb\x8f\xae\xeb\x18\xba\x8e\xd5f\xc3\xedq\x11\x0c\x86\x99\xf3\xf3\x8f|\xf2\xf6\xab\xfc\xfc\xe3\xf7\x80\x99\x08\xdc|\xf3-\xdct\xd3\xa0\xfdz\x14\x15\xf5 90\xb1\x9b9s&amp;O?\xfd4\x13\'N\x04\xc0\xed\xf1\xd2\xfd\xcak\xb9\xbc\xe7\x8d4?\xa1\r\xba\x0e\xfeR_\xec\xa1(\xe2\xbb/]77\x92\xb1;\x9c\xb8\xdcv\n\xf6\x14\xf2\xd3\xf7\xe3\xf9\xec\xdd\xd7Y\xb2`\x1e`\xc6\xf7\xa6\x9bn\xe2\xa6\x9bn:*\r\xc5\x81\xf1\x9d3g\x0e\xcf&lt;\xf3\x0c\xe3\xc7\x8f\x07 \xbbJ.\x97\xf7\xbc\x91Kz\\O\x83&amp;\x8d\x89Ft\xfc\xfeR\xb1\xec\xed \xe2\xf7\xaf\xcd\xee\xc0\xedqPR\\\xca/?~\xcf\xa7\xef\xbc\xca\xdcY?\x03P\xa7N\x1e\xb7\xdf~\x1b}\xfb\xf6\xc5\xe3\xf1\xec\xb7\xe9\x99P1D\x02PA\xe2=WI\x92(**\xe2\xe5\x97_f\xc4\x88\x11\x14\x16\x16"\xcb\n\x97\\u\x1d\xd7\xf4\xb9\x89\xe3\xdb\xb4ESu\xfc\xa5\xa5\x7f\x99I,\xfc\xd5\xde^\x85\x82\xc7\xebE\xd3t\xe6\xce\x9c\xca\xfb\xaf\xbd\xc8\xf4\x1f\xbe\x03\xa0~\xfd\xfa\xdcw\xdf}\xf4\xee\xdd\x1b\x8b\xc5R!\xbd\xc5}\x1b\x9e\x95+W\xf2\xe4\x93O\xf2\xd1G\x1f\x01\xe0r{\xb8\xec\x9a\x1b\xb8\xaa\xf7\x00\x1a7mF8\xac\x12\xf0\xfb\x91\x00Y\xc4\xf7\x1f\x19\x86\x81\xaeiX\xacV&lt;in\x02\xa5\x01\xa6N\x9a\xc0\x07\xa3^f\xd1\xfc9\x809\xf4s\xcf=\xf7p\xe3\x8d7b\xb5Z+dy\xd9\xbe\xf1]\xb3f\rO&gt;\xf5\x14\xef\xbf\xf7\x1e\x00Y9U\xb8\xba\xf7@.\xbb\xa6\x0fu\xea\xd5!\x10\x88\x10\n\x06\xca\xf6\xc5\x10\xfe^&lt;\xbe\x8a\xc5\x82\xc7\xeb!\x12\x8e0c\xead&gt;\x185\x829\xbfL\x05\xa0i\xb3f\xdc\x7f\xff\xfd\\\xd7\xb3\' \x86\x05*\x92H\x00\xca\xd9\x81\xbd\x86\x0f?\xfa\x88\xc7\x1f{\x8c?\xff\xfc\x13\x80\xf3\xbb_A\xef\x9b\xee\xa2\xd5I\xed\x88F4\xfc\xfeR\xb16\xf60\xc5\x1f\xfc\x1eo\x1a\x86\xae3s\xdad\xdez\xf9Y\xe6\xce\x9c\x0e@\xfb\xf6\xed\x19:t(g\x9f}v\xd9\xd7\x1fi\x82\xb5\xef8pII\t\xcf?\xff&lt;#F\x8c\xc0\xe7\xf3\xa1(\n\x97\\\xd5\x8b^\x03o\xe7\xb8\x16\xc7\x13\nD\t\x06\xfc)]\x06&gt;\\\xf1DOQ\x14&lt;i^\x82\x81 S\xbe\x19\xc7;#\x9fg\xc52sY\xec\xc9\'\x9f\xcc\xa3\x8f&gt;\xca\xb9\xe7\x9e\x0b\x98\xf3\x03\x0ev&amp;\xc6\x7f\xb1o|}&gt;\x1f\xc3\x87\x0f\xe7\x85\xe1\xc3\xf1\x95\x94\xe0r{\xb8\xba\xf7@\xae\xee3\x88\xbc\xfau\t\x94\x9a;a\xca\x8a\xb9)\x96\xf0\xdf\xc4\x1bv\x8f\xd7K4\x1ae\xfa\xe4ox\xfb\x95\xe7X4\xdf\x9c\x10\xda\xa5K\x17\x86\x0e\x1dJ\xa7N\x9d\xca\xbe^t\x90\xca\x97H\x00\xca\xd1\xbeo\xd0\x85\x0b\x17\xf2\xc0\x03\x0f0e\xca\x14\x00\xda\x9d\xda\x99\x01w&gt;\xc8i\xa7\x9f\x83\xa6i\xf8KE\xc3_^tM\x03I\xc2\x9b\x96F$\x12a\xd2\xf8\xb1\x8c\x1a\xfed\xd9\x8ee\xbdz\xdd\xc0\xd0\xa1\x8fR\xa7N\x9d\xbfL\xe4\xfa/\xf6m`\xc6\x8d\x1b\xc7\xe0!CX\xb9b\x05\x00]\xce&gt;\x9f\x01w=\xc4\x89\xa7t \x1c\x8e\x12\xf4\xfb\xcd^\x8b\x88\xef\x11\x8b7\x14i\xe9^J\x8aK\xf8\xf2\xd3\xf7y\xfb\xe5g\xd9\xb1}+\x00\xd7^\xdb\x93\xc7\x1e\x1bJ\xbdz\xf5\xf6;M\xefp~N\xfc\xfe\xfd\xf2\xcb\xaf\x18&lt;x0+V\x98\xef\xa1\xeeW\xf6\xa4\xef\xad\xf7r\\\x8b\xe3\t\xf8\xc3\x84\x82A1k\xbd\x9c\xc4\xe3\xebM\xf3\x12\x0c\x04\xf8\xe6\x8b\xcfxc\xc4Se;J\xf6\x1f0\x80G\x1e~\x98\xea\xd5\xab\x1f\xd1\xfd+\xfc\x95H\x00\xca\xc1\xbe\xbd\xfe`0\xc8SO=\xc5\xb3\xcf&gt;K8\x1c\xa6F\xad&lt;\x06\xdd3\x98\xeeW\xf6\xc4f\xb5SRR,\x1a\xfe\n\xb2oCQXP\xc8\xc7o\x8d\xe4\x9dW\x9e\xa3\xb4\xd4G\x95\xdc\\\x9e\x186\x8c\xbe}\xfb\x02\xff\xad\xb7\xb8\xefX\xe4\xc6\x8d\x1b\xb9\xff\xfe\xfb\x19=z4\x00\r\x9b4\xe3\xa6{\x86p^\xf7+\x00(\xf5\x95\x88Rp\x05\xd14\x15\x8b\xc5JZ\xba\x9b-\x9b\xb6\xf0\xce\xc8\xe7\xf9\xf4\x9d\xd7\x88F\xa3\xe4\xe4\xe40t\xe8P\x06\r\x1a\x04\x1cY|\x1fx\xe0A&gt;\xfb\xecS\x00Z\xb7\xeb\xc0-\xf7=B\xc73\xce!\x1a\x89\xe2\xf7\xfbE\xc3_A\xe2\tXZ\xba\x87];w\xf1\xc1\xa8\x97x\xff\xb5\x17\t\x85\x82\xd4\xacY\x93\'\x9ex\x82\xeb\xaf\xbf\x1e(\x9fj\x8f \x12\x80#\x16\xdf\xd1\n\xccI`\xb7\xdf~;\x0b\x16,\x00\xe0\x9a\x1bob\xe0\x9d\x0fR\xbdf\r\x8a\x8b|bB\xcbQ\xa2\xa9*\x16\x9b\x8d\xb44\x17+\x96\xfd\xceKO=\xcc\x94o\xcd\xa5x\x17\\p\x01/\xbe\xf8"\x8d\x1a5:\xa4\xb1\xc5}{\x85\xef\xbf\xff&gt;\xf7?\xf0\x00;w\xec\xc0n\xb7\xd3k\xc0\x1d\xdcx\xeb=dfgQ\\T\x02\x18\xc8\xb2\x88oE\x8a\'\xdb\x0e\x87\x03\x97\xc7\xc1\xfc\xd9\xb3yq\xd8Ce\xc3&gt;\xe7\x9cs\x0e/\xbe\xf8"\xcd\x9a5\xdbo\x1e\xce\xdf\xd97\xbe\xef\xbd\xf7\x1e\x0f&lt;\xf0\x00;w\xee$=#\x93Aw\x0f\xe1\xaa\xde\x03p8\x9c\x94\x14\x8b\xc4\xfdh\xd1T\x15\xab\xdd\x8e\xd7\xebd\xe9\xc2E\x8cxr\x08\xd3\xa7\x98\x13k/\xbe\xf8b^x\xe1\x05\xea\xd5\xab\'\xe6\x06\x94\x03\x91\x00\x1c\x81x\x16\x1a\x8dF\x196l\x18\xc3\x86\rC\xd7u\x9a\xb5h\xcd\xbdC\x9f\xa5\xe3\x99g\x99\xcb\xbd\xc2!\x14\x91\xad\x1eU\xf1\x86\xc2\xedq\xa3(\x16\xc6\x8f\xf9\x88\xe1\xc3\x1eb\xc7\xb6-dee\xf1\xec\xb3\xcf\xd2\xa7O\x1f\xe0\xef\xc7\x16\xe3\xf1\xdd\xb9s\'w\xdcq\x07\x9f}\xf6\x19\x00mO9\x95\xfb\x1f{\x9e\xb6\xa7\x9c\x82\xaf\xc4\\\xee%\xe2{t\xc5\xe3\xebMKG\xd3\xa2|\xfa\xce\xeb\x8c|v(\xc5E\x85\xa4\xa7\xa7\xf3\xe4\x93O\x96U\x03\x0e\x16\xdf}\xabv\xdb\xb7o\xe7\xce;\xef,\xab\xea\x9c}\xe1\xc5\xdc5\xe4)\x1a7mBqQ\xa9\x18{&gt;\x06\xe2\xf1\xf1x\xbcH\x12|\xf1\xe9{\x8cxb0{v\xed\xa4J\x95*&lt;\xf7\xdcse\xd5\x00\x11\x9f\xc3\'\x12\x80\xc3\xb0o\xc9p\xc5\x8a\x15\xf4\x1f0\x80\x19\xbf\xfc\x02\xc0\x8d\xb7\xdc\xc3\xc0\xbb\x06\xe3MK\xa3\xa4\xa8H,\xe7;\xc6\xe2[\x0egd\xa5\xb3y\xe3&amp;\x9e\x1fz\x1f\xdf\x8e3\x1f\xf4\xd7^{-#F\x8c ;;{\xbf\x92\xe2\xbe=\xc7\xef\xbf\xff\x9eA7\xdd\xc4\x86\xf5\xeb\xb1\xdb\x1d\x0c\xba\xfb!z\xdft7V\x9b\r_I\x89(\x07\x1fczl\x83\x9d\x8cL/\xab\x96\xaf\xe0\xa9!w\xf1KlY\xe8\xe5\x97_\xce\xcb/\xbfL\xb5j\xd5\xfe6\xbe\x13\'N\xe4\xa6\x9bnb\xe3\xc6\x8ddfes\xf7#Os\xd9\xb5\xbdQU\x8d\x80\xdf/\xca\xcc\xc7X|\xcc?#3\x8d\r\xeb\xd6\xf1\xdc#\xf72i\xc28\x00z\xf5\xea\xc5\xf0\xe1\xc3\xc9\xcc\xcc\x14C\x02\x87I$\x00\xff\xd1\xbe\x0f\x8fO&gt;\xf9\x84[n\xb9\x85\xc2\xc2B\xea5l\xcc\x90\xa7_\xa6\xf39]\xf1\x15\xfb\xcbv,\x13*\x07UUq8\x9d\xd8\xedv\xbe\xf8\xf8\x1d\x9ey\xf8\x1e\x8a\x8b\ni\xd2\xa4\to\xbf\xfd6\xa7\x9dv\x1a\x9af\xaeE\x8f?H\x1e~\xf8a\x1e\x7f\xfcq\x00\x9a\xb5l\xcd\xc3\xcf\x8e\xa4\xdd\xa9\x1d(.\x14\xbd\xc2\xcaFUU\xdcn7\x92,\xf3\xc1\xa8\x11\xbc\xf4\xe4\xc3\x04\x83\x01\xea\xd5\xab\xcf[o\xbd\xc9\x99g\x9e\xb9\xdf\x11\xdb\xba\xae3d\xc8\x10\x9e|\xf2I\x00:\x9e\xd1\x95\x87\x9ez\x89FM\x9bPTP\x02\x88\x89f\x95\x89\xaa\xaa8].\xacV+c&gt;x\x93g\x1f\xb9\x97R_\tM\x9b5\xe3\x9d\xb7\xdf\xa6}\xfb\xf6bH\xe00\x88\x04\xe0?\x88?\xf4UU\xe5\x9e{\xeea\xc4\x88\x11\x00\\t\xd9\xd5&lt;\xf0\xc4p\xaa\xe4V\xa5\xa8\xb0H\xf4\n+)#\xb6\xa3[fv:+\x96\xfd\xce#w\x0f\xe2\xb793\xb0\xd9l&lt;\xff\xfc\xf3\xdcr\xcb-\x00l\xdf\xbe\x9d\xbe}\xfb\x96m\xe8\xd3\xa3W\x7f\xee\x19\xfa\x0c\x1eO\x1a%\xc5\xc5X,\n\xa9\xb8s_eg&amp;\xe7\x90\x91\x95\xc6\x829\xbf\xf2\xf0]\x03Y\xb1l1\x8a\xa2\xf0\xe4\x93Or\xef\xbd\xf7\x02\xe6\xa1L7\xde\xd8\x97\xc9\x93\'!\xc92\xb7\xde\xf7(\xfdo\xbf?v\\\xb5\xe8\xf5WVf5\xc0 3+\x9d\xdf\x17/\xe1\x91\xbb\x07\xb1h\xdel\xecv;\xc3\x87\x0fg\xd0\xa0AG\xb4\n$\x15\x89\x04\xe0\x10\xc5KL[\xb7n\xa5W\xaf^\xfc\xf8\xe3\x8f\xd8l6\xee\x19\xfa,\xbd\x06\xdcF0\x18$\x12\n\x8b\xb1\xe0\x04\xa0\xaa*\x1e\x8f\x87h4\xc2\x0b\x8f?\xc8\x07\xa3^\x02`\xe0\xa0A\\~\xd9e\xf4\xe9\xd3\x87\xf5\xeb\xd7\xe3MK\xe3\xa1\'_\xe2\xf2\x9e\xbd\xf0\x95\x88\xaaN\xa2PU\x95\xb4\xb4t|\xbeb\x9e|\xf0\x0e\xbe\xfc\xec}\xc0,\x19_y\xe5\x95\xf4\xeb\xd7\x8f\xcd\x9b7S\xb3v\x1e\x8f\xbf\xf8\x06]\xbav\xa5\xa8\xc0\'\x1a\x8e\x04\xa1\xaa*\x1e\xaf\x97H(\xc4s\x8f\xdd\xcf\xc7o\x8d\x04\xa0\x7f\xff\xfe\xbc\xfc\xf2\xcb\xd8l6Q\xa1;D"\x018\x04\xf1\xc6\x7f\xde\xbcy\\u\xd5U\xac[\xb7\x8e\xday\xf5yj\xe4\xbbt\xe8\xdc\x99\xc2\xfc\xe2\xb2\xe3x\x85\xc4\xa0k\x1a\xb2E!-\xcd\xc3\xe7\x1f\xbe\xcb\x8bO\x0ca\xd7\x8eme\x9fo\xd1\xfaD\x1ey\xeeU\xda\xb4kG\xc1\x1e1\x97#\xd1h\x9a\x86\xd5j\xc5\xe5v\xf1\xfe\xa8\x97\x18\xf5\xc2\x93\xe4\xef\xd9U\xf6\xf9\xd3\xbb^\xc8\xe0\xa7^\xa2N\xbd\xfa\x14\x15\x16\x89^\x7f\x82\x89O\xe0\xf4\xa6\xb9\x19\xf3\xc1\xbb&lt;~\xff\xad\x04\x03~N?\xfdt&gt;\xf9\xe4\x13\xaaW\xaf.\xe6\x05\x1c\x02\xd1b\xfd\x8b\xf8\x9bh\xdc\xb8q\x9cu\xd6Y\xac[\xb7\x8e\xf6\x1d\xcf\xe0\xa3o\xa6\xd1\xee\xd4\xce\xe4\xc7\x1b\x07\xd1\xf8\'\x14YQ\xd05\x9d\x82\xfcB\xfa\xdc\xdc\x9b\xb3.\xe8^\xd6\xfbs8\x9d\xdc\xfa\xc0c\x9cvz;vn\xdf\x8db\xb1\x88\xc6?\xc1(\x16\x0b\xd1h\x04_\x89\x8fAw\xddF\xbbS;\x97\xc5\xd0\xe3\xf5\xd2\xf7\xd6\xfbh\xd2\xbc&gt;\xf9\xbb\xf7\x88F"\x01)\x8a\x82\xae\xeb\x14\x16\x14\xd1\xa3Wo\xde\xffr\nu\xea5`\xda\xb4it\xee\xdc\x99%K\x96`\xb1XPU\xf5X_j\xa5&amp;Z\xad\xbf\xb1\xef2\xa1\x91#Gr\xd9e\x97\xe1\xf3\xf9\xb8\xf4\xea\x1bxc\xf4\xb7\xe4\xe4V\xa3\xa4H\xf4\x1c\x12\x95\xb9\x8aC&amp;-=\x83{\x06\xde\xc1\xa7\xef\xbc\x06@\xdd\x06\x8d\t\x05\x83\xdc7\xe8z\xbe\x1a=\x81\xaa5\xaa\x88\x87H\x02\xd2U\x15\x9b\xcd\x8e\xd5fe\xe0\xb5=\xf9~\xfcXl6;\x8d\x8ekN\xa9\xcf\xc7\xa0\x9e\xdd\xf9v\xdc7\xe4V\xcf\x11\xf1MP\x92$\xa1(\x16\xf2\xf7\x14\xd1\xba]\x07&gt;\x1a?\x95\x93:tb\xcd\x9a5\x9cy\xe6Y\xfc\xf0\xc3\x0f"\t\xf8\x17"\x018\x88}\x97\xf9=\xf2\xc8#e\x93\xc3n\xbe\xf7a\x9e~\xf5]t]\'\x1c\n\x8a\xf1\xfe\x04\x15\x9f\tn\xb5\xd9\xb8\xff\xe6\x1b\xf8`\xd4\x08dYf\xe8\xf0Q|3\xe37\xbav\xbb\x8c\x82=\xbb\xb9\xf5\x86\xcb\x19\xf7\xc9\xc7dW\xc9@\x13\x0f\x91\x84\xa1i\x1av\x87\x83h4\xc2\xcd\xd7]\xca\x84\xcf?\xc6\xe5v3\xfc\xadO\xf9j\xfa&lt;\xba^t)E\x05\xf9\xdc\xd2K\xc47\x19X,\x16J\x8a\x8a\xc8\xc9\xad\xc6[c&amp;r\xfe\xc5W\x90\x9f\xbf\x87\x8b.\xba\x88\xb1c\xc7\x8a$\xe0\x1f\x88\x04\xe0\x00\xf1Y\xa4\x8a\xa2p\xc7\x1dw\xf0\xd8c\x8f!\xcb2\x8f&gt;\xff\x1aw\x0e\x1eJIqql\xf7?1\xc1$\x11\xe9\xba96,Ip{\x9f\xab\xf8\xea\xb3\x0fp{\xbc\x8c\xfc`\x1cW\xf7\xee\x8b\xa6\xc9\xbc\xf4\xee\x18z\xf6\xbd\x85h$\xc2=\x03\xaf\xe3\xc3Q\xaf\x93U%\x03M\x13\x0f\x91\xcaN\xd34\x9c.\x17\xa5\xbe\x12\x06\\\xd5\x8d\x9f\x7f\xf8\x8e*U\xab\xf3\xf6\xe7\xdf\xd3\xb5\xdb\xc5\xa8Q\x9d\x97\xde\xfb&lt;\x16\xdf\xf0\xfe\xf1\x15\x8dD\xc2R,\x16B\xc1 \x92$3\xfc\xad\xcf\xe8\xd9\xf7\x16\xc2\xe10W^y%\xef\xbc\xf3\x8eH\x02\xfe\x86\x98\x04\xb8\x8f}{\xfe\x03\x07\x0ed\xd4\xa8Q\xd8\x1d\x0e\x9ez\xe5].\xeeq\x15\xf9\xbb\xc5d\xb0Df6\xfe6t]\xe3\xb6\xde=\xf8\xf9\x87\x89deW\xe1\xa5w\xc7\xd0\xe1\xf4\xd3\xcd\xc9~\xb1u\xc4i\x19^\x86?\xfe0\xaf=o\xee\x03\xf0\xe0\x13/r\xe3-\xb7S\x90_,f\x17WRf\xe3\xef\xa4\xb8\xa0\x80\x01\xd7\xfc\x8f\xa5\x0b\xe7Q\xbbn}^\xfb\xe8+\x8e;\xbe%E\x85\x85(\xb2\x02\x92DZ\xba\x97\xe1\x8f\x0f\xe1\xb5\x17\x86\x01"\xbe\xc9"\xbeOKZ\xba\x97\xe1\xc3\x86\xf0\xda\xf3f|_{\xed5\x06\x0e\x1c(&amp;\x06\x1e@$\x001\xfb6\xfe\xfd\xfa\xf5\xe3\xad\xb7\xde\xc2\xe5\xf60\xfc\xadO9\xe7\xa2\x8b\xc8\xdf-\xc6\xfb\x13\x99\xae\xebX\xacV0tn\xbe\xfe2f\xfc4\x89*U\xab\xf1\xda\xc7\xe3i}R;\n\x0b\n\xb1X\xac@\xbc\n\xa4\x93\x99\x95\xce\xab\xcf=\xcd\x0b\x8f?\x00\xc0\x03\xc3\x86\xd3\xef\xb6;\xc8\xdfS\x84\xa2\x88\xf7BeR\xd6\xf8\x17\x16\xd0\xf7\xca\x0bY\xbed\x01\xf5\x1b\x1d\xc7\xa8\xcf&amp;\x90W\xafal\xff\x063f\xfb\xc7\xf7)^x\xfcA@\xc47Y\xfc]|G\x8e\x1c\xc9M7\xdd$\x92\x80}\x88\x04\x80\xfd\x1b\xffA\x83\x06\xf1\xfa\xeb\xaf\xe3\xf1\xa61\xe2\x9d1\x9cq\xee\xb9\xe4\xef\xd9\xdb8\x08\x89G\xd7u\x14\x8b\x82"\xcb\xdcz\xc3\x15L\x9b\xfc-\xb9\xd5j\xf0\xc6g\x138\xbeU[\x8a\n\xff\x1a\xdf\xf8{"+\'\x9dQ\xc3\x9f\xe7\xd9G\xee\x01`\xc83\xafp\xc3\xa0\x9b)\xd8]$\xe6\x80T\x12zl\xcc\xbf\xb4\xb4\x84~W^\xc8\xd2\x85\xf3hx\\s\xde\x1c\xfd\r5j\xd5\xc1W\xe2\xfb\xcb\x03\xff\xef\xe2\xfb\xf03#\xe95\xe8&amp;\x11\xdf\x04\xf7w\xf1}\xf3\xcd7\xe9\xdb\xb7\xafH\x02bR&gt;\x01\xd8w\xb6\xff\xddw\xdf\xcd\x0b/\xbc\x80\xcb\xed\xe1\xa5w?\xe7\xcc\xf3\xce#\x7fw\xa1\xd9s\x14\x12\x92a\x18H\x92\xb9\xb4\xef\xce\x1b\xaf\xe6\xfb\xf1c\xc9\xa9R\x957G\x7fK\x8b6\'\x1e\xb4\xf1\xdf\x97\xa6\xa9d\xe7d\xf0\xeas\xcf\xf0\xfcc\xf7\x03\xf0\xd4\xc8\xf7\xb8\xf2\xfa^\xe6{C$\x86\xc7\x94\xae\xebX\xadVT5J\xdf+/`\xc1\xaf3\xa9\xdf\xe88\xde\x1e\xfb\x1d\xd5k\xd6\xc1\xef\xf3\xfdcC~\xb0\xf8&gt;=\xf2=\xae\x10\xf1M\n\x7f\x8d\xaf\xc4\xa7\x9f~\xc2UW]%\x92\x00\xc4$\xc0\xb2\xc6\x7f\xd8\xb0a\xbc\xf0\xc2\x0b\xd8\xed\x0e\x9e\x7f\xe3c\xd1\xf8\'\x81\xf8\x84N\x8f\xd7\xcb#w\x0e\xe4\xfb\xf1cI\xcf\xcc\xe2\xd5\x8f\xbe4\x1b\xff\x82\x7f\x7f\xc0\x9b\xcb\x8c\x8a\x19t\xf7}\xdcr\xdf\xa3\x00&lt;|G\x7f\xbe\xff\xfak\xb2\xb23\xc5\xc4\xa2c\xc80\xcc\xa5\x9c\xb2,qG\x9f\x1e,\xf8u&amp;\xb5\xeb\xd6\xe7\x8d\xcf&amp;P\xa3V\x1dJ\xff\xa5\xf1\x87\xfd\xe3{\xf3\xbd\x8f\x020\xe4\xce\xfeL\xfaz\xbc\x88o\x12\xf8\xeb\xfdk\xd0\xabW/&amp;M\x9a$&amp;\x06\x92\xe2\x15\x80x\x06\xf8\xd6[o\xd1\xaf_?\x14Y\xe6\xe9W\xdf\xe7\xd2k{\x8a\xec?\th\x9aJVv\x06\xcf=:\x98\xd7\x87?\x81\xcb\xedf\xe4\x87_\xd2\xe9\xccs(\xcc?\xf4\xe4.&gt;\xa6\x98\x91\x99\xce\xe3\xf7\xdf\xc9\xfb\xaf\xbf\x88\xc7\x9b\xc6\xdb\x9f\x7fG\x9b\x93O\xa5\xa4H\x94\x8b\x8f\xb6xr\xe7M\xf3r\xcf\xc0\xeb\x19?\xe6#\xaaT\xad\xce;_L\xa2I\xb3\x16\xfb\x8d\xf9\x1f\xda\xf72\xe3\xfb\xd8}w\xf0\xc1\xa8\x11x\xd2\xd2\xcd\xf8\xb6\xeb \xe2\x9b\xe0\x0e\x16\xdf\xf4\xf4\x0c~\xfa\xe9G\xda\xb6m\x9b\xd2\xdb\x06\xa7l\x02\x10o\xfc\xbf\xfb\xee;\xbau\xfb\x1f\x9a\xa6\xf2\xd0\x93#\xb8\xf1\xd6\xdb\xd8\xb3K4\xfe\x89NUU\xb2\xabd\xf0\xd1\x1b\xa3x\xe4\xee\x81\xc8\x8a\xc2\xf3\xa3&gt;\xa6{\x8f\x1e\xe4\xef\xfa\xef\x95\x1d\xf361\xf0x\xd3\xb8\xbb\x7fO&amp;\x8c\xfd\x98j5j\xf1\xd1\x84i\xd4\xac\x93G\xc0\x1fH\xd9\x87\xc8\xb1\x10O\xee\x9e\x1e\xf2\x00o\xbe\xf44\x1eo\x1ao\x8e\xfe\x96\x93N\xedHQ\xc1\x7f\x9f\xb0\xbb7\xbe^\xee\xea\xd7\x93o\xbe\xf8\x84j5k\xf1\xf1\x84\xe9\xd4\xa8]G\xc47\xc1\xed\x1b_\xf3\xfe\xfd\x84:u\xf2\x989s\x06\xb5k\xd7\x8e-\xedN\xbd\x82xJ&amp;\x00\xf1\x8co\xd9\xb2et\xee\xdc\x99\xc2\xc2B\xfa\xdez/\x0f\x0c{\x86\x82|1\x038\xd1\xa9\xaaJFf\x06\xbf\xfc8\x99\x81\xd7\xfe\x8fH8\\6\xc3{\xcfa4\xfeq\x86\xae#+\n\x8aE\xa1\x7f\x8f\x8b\x98\xfd\xf3\x8f4?\xa1\r\x1f~\xfd\x13\x16\x9b\rMU\x91\xa4\xd4{\x88\x1cm\xaaj\x8e\xeb~\xfc\xce\x9b&lt;|G\x7f,\x16\x0b/\xbe=\x9a\xf3/\xb9\x94\x82#\x98\xb0\x1b\x9f\x08\xacXd\xfa]y\x11s~\xf9\x89\xe3[\x9d\xc8\x07\xe3\x7f\xc4\xa2X\xd14M,\x01N`\x07\x8b\xef\xc9\'\x9f\xcc\xd4\xa9Sq8\x1ce\xc7\xbc\xa7\x92\x94{Z\xc5O\xfc*((\xe0\xf2\xcb\xaf\xa0\xb0\xb0\x90\xf3/\xbe\x92{\x1e}\x9a\xa2\xc2\x12\xb1\xc1O\x82\xd34\r\xb7\xc7\xcd\xba5\xab\xb8\xef\xa6\xeb\x89\x84\xc3\xf4\xec{\x0b7\xdej.\xef:\x929\x1d\x92,\xa3i\x1a \xf1\xc2\x9b\x1f\xd3\xa0q3\x96/Y\xc8\x03\xb7\xde\x88\xc3\xe1$\xf5R\xe9\xa3O\x8b%w3\xa7M\xe3\xc9\x07n\x07\xe0\xeeG\x9e\xe1\xc2K/\xa5\xe0\x08\x87\xed\xe4X|%d^x\xf3c\xea7:\x8e\xdf\x17\xff\xc6\xe0[\xfb\xe2t9I\xc1\xbeRR90\xbe\r\x1a\x1f\xc7\xdc\xb9s\xe9\xdb\xb7_\xd9\xe7RMJ%\x00\xf1\xa5!\x92$q\xddu\xd7\xb1j\xd5JNh{2O\xbc\xfc6\xc1@\x10\xc3 \xe52\xc0db\x18\x06\x16\x8b\x85p(\xc4\xdd\xfd{\xb2g\xd7N:\x9f}&gt;\x0f&gt;9\x9c\x92B_\xb9$w\xb2,\x13\x0e\x85\xc8\xcc\xae\xc2\x8bo\x7fJFf\x16S\xbe\x19\xc7+\xcf\x0c%3;-\xe5\'\x15U$]\xd3q\xba\x9cl\xd9\xb4\x81\xfb\x06]O(\x14\xe4\xaa\xde\x03\xe9{\xdb\x9dG\x9c\xdc\xc5\xc9\xb2L(\x14"+\'\x97\xe1o}JzF&amp;\xdf\x8f\x1f\xcb\xab\xcf=Af\x96\x88o\xa2\xdb7\xbe/\xbc\xf9)\xe9\x99\x99|\xfa\xe9\'&lt;\xfb\xdcs)9)0\xa5\x12\x80x\xe9\xff\xe1\x87\x1ff\xe2\xc4\x89T\xadV\x83\xe7\xdf\xf8\x18\xbb\xddN4\x1aM\xc91\xa0d\xa2\xeb:\x1e\xaf\x9b\xc7\xef\xbf\x8de\x8b\xe6S\xafa\x13\x9e\x1e\xf9.jTE7\x8crK\xee\x14E\xc1WRB\xf3\x13N`\xe8\x0bo \xcb2\xaf\xbd0\x8c\xc9\x13&amp;\x90\x99\x95\x91r\x0f\x91\xa3\xc20\x90\x153~\xf7\xdf\xd4\x9b\xed[7sJ\xc7\xd3y\xe8\xc9\x17))*-\xd7\xca\x9d\x19\xdfbZ\xb4n\xcd\xa3\xcf\xbf\x86$\xcb\x8c|n(?~\xf7\x1d\x19\x99b\xcb\xe0D\xb7_|\x9f{\x1dY\x96y\xf0\xc1\x07\x99:u*\x16\x8b%\xa5*\x01)\xd3\xe2\xc5\x97\xfbM\x9c8\x91a\xc3\x86a\xb5Zy|\xc4[\xd4k\xd8\x10\x7f\xa9_L\xf0Ip\xaa\xaa\x92\x95\x9d\xce\'\xef\xbc\xc1\x97\x9f\xbe\x87\xcb\xed\xe1\x99\xd7\xde\'+\'\x97p(T\xee\xc9\x9d\xc5b\xa1 \xbf\x88n\x97_F\xff;\x1e@\xd74\x1e\xbes\x00\x1b\xd7\xad\xc3\xe5r\xa2\xebz\xb9\xfe\xbcT\xa7i\x1a\xe9\x19^^x\xfc!\xe6\xce\x9cF\xf5\x9a\xb5y\xfa\xd5\xf7\x01s#\xa0\xf2\xae\xdcY,V\n\xf2\x8b\xe8~e\x0fn\xbc\xf9\x1e4U\xe5\xe1;\xfb\xb3u\xd3F\x1cN\x11\xdfD\xb77\xbeW\xd2\xe7\x163\xbe\xbdz\xf5b\xe7\xce\x9d\xc8\xb2\x9c2\xf1M\x89I\x80\xf1\xb2\xff\xb6m\xdb8\xf1\xc4\x93\xd8\xb1c;\xb7\xde?\x94\xdb\x1fzX,\xf7K\x02\xba\xae\xe1r\xbbY\xf5\xc72\xae\xbd\xb0\x0b\xa5\xbe\x12\x1e}\xee5\xae\x1b0\xf0\xb0f\xfc\x1f:\x03\xc3\x00\xa7\xcbI\xdf+/d\xe6\xd4\xc9t\xe8|\x16\xef\x8c\xfd\x8e`0$\x86\x93\xca\x89\xa6\xaa\xa4ge0e\xc2W\xdc|\xfd\xa5X\xacVF}2\x81Ngu\xa5\xa8\xb0"\xb7\xe86\xe3\xebp\xda\xe9s\xd9\xf9\xcc\xf9\xe5\':\x9du\x1eo\x8e\xfe\x06\x7f\xa9_T\x0c\x13^,\xbe\x0e;}.7\xe3{\xd1E\x171a\xc2\x84\x94\xd9$(%\xde\xc1F\xac\xfc{\xe3\x8d7\xb2c\xc7v:\x9dy.\x83\xee~\x88\xa2\xfc\x12\xd1\xf8\'8sR\xa7B$\x1cf\xc8\xed\xfd)\xf5\x95p\xd1e\xd7pm\xdf\x81\x14\xec)\xae\xe0\x8d\x9c\xa4\xb2\x9d$\x1f\x7f\xf1\r\xaaV\xaf\xc9\xec\x9f\x7fd\xd4\x8bO\x93\x91\xe9\x15C\x01\xe5\xc0\xd0u\xecN\'[7m\xe2\xb1\xfbn\xc10\x0c\xfa\xdf\xf1\x00g\x9c\xdb5\xb6\x8bcE&gt;\xa4\xcd\xf8\x1a:\x0c\x1b\xf1\x069\xb9U\xf9\xe5\xc7\xefyg\xe4\x0bb&gt;@R\x88\xc5\xd70\xe3[%\xb7\x1a\xdf|\xf3\r/\xbf\xfcr\xca\xcc\x07H\xfa\x04 &gt;\xee\xff\xf2\xcb/3i\xd2$\xaaV\xab\xc1\xd0\x17^GUU\x92\xbe\xf4\x91\x02tM#=\xc3\xc3+\xcf&lt;\xc6\xb2E\xf3\xa9\xdb\xa01\x83\x9f\x1aA\xc0\x1f8*=4Y\x96\t\x06\x82\xd4\xce\xcbc\xf0\xd3/#\xcb2\xa3^|\x8ay\xb3\xe7\xe0MKCO\xa1\xf1\xc4\x8a`\x006\x9b\x8da\xf7\xdf\xc6\xce\xed[i\xdf\xe9Ln\xba\xeb!\n\x0b|G%y\x97e\x99@ @\xdd\x06\rx\xf0\x89\x11H\x92\xc4\xab\xcf=\xc6\xe2\xdf\x16\xe0\xf1z\xd1u\x11\xdfD\xb6o|\x1fx\xe2E$I\xe2\xc1\x07\x1f\xe2\x8f?\xfe\xc0b\xb1$\xfdP@R\'\x00\xf1u\x9f+V\xac\xe0\xc1\x07\x1fB\x92$\xee\x1f6\x9c:\xf5\xea\x12\n\x04E\t/\xc1i\x9a\x867#\x8d\x99\xd3\xa6\xf1\xc1\xa8\x17\xb1X\xad&lt;\xfc\xcc+de\xe7\x10\tG\x8eZ\t\xdeb\xb1PTP\xc4\x05\x17_\xc2\x95\xd7\xf7#\x1c\n\xf2\xd8\xbd7\x11\n\x06\x90\x15\x05\xb1&gt;\xf0\xf0\xa8\xaaJFV\x1ac&gt;x\x8b\x1f\xbf\xfb\x9a\xcc\xacl\x1e}\xfe5\xf4\xd8.\x80G\x8b\xc5b\xa1\xb0\xa0\x98\xff]\xd1\x83\x8b{\xf4"\xe0\xf7\xf3\xd8\xbd7\xa3\x96M\x1c\x16\xf1Md\xfb\xc6\xf7\x92\xabz\xe1\xf7\x97\xd2\xaf_?4M+\xdbq2Y%m\x0b\x18\x0f\x9c\xae\xeb\x0c\x1c8\x10\xbf\xbf\x94\x8b{\\\xcfE\x97_Ia\x81\xd8\xda3\xd1\xc5\x97\xfc\x05J\xfd&lt;\xf1\xe0\xedD\xa3Qz\xf6\xbd\x85.]\xcf\xa1\xe8\x18l\xdd*+\n%%\x01\xee\x1c\xf2$\xf5\x1b\x1d\xc7\x1fK\x17\xf1\xc6\x88\xa7I\xcf\xf0\xa4\xd4\xac\xe2\xf2\xa2\xeb\xe6\x92\xbf\xf5k\xd6\xf2\xe2\x13\x83\x01\xb8s\xc8S4:\xae\xf1Q\xab\xee\xecK\x96e\xfc\xa5A\xee\x1d\xfa4\xb5\xeb\xd6g\xf1o\xbf\xf2\xdek/\x92\x9e\xe1EUE|\x13]&lt;\xbe\xf7&lt;\xfa4u\xea\xd6g\xd6\xacY\xbc\xf4\xd2K(\x8a\x92\xd4\xf7o\xd2&amp;\x00\xf1\xde\xff\xeb\xaf\xbf\xce\xcf?\xffL\xcd\xday\xdc\xf5\xc8S\x04\xfc\xa2\xe7\x9f\x0c4M#-\xdd\xcd\x9b#\x9ea\xd5\xf2\xa54&lt;\xae97\xdf\xfb0%E\xc7fE\x87$I\xa8\xd1(\x19\x99\x99&lt;\xf8\xc4\x8b(\x8a\xc2{\xaf\rg\xe1\xdcy\xb8\xbd^1\x14\xf0\x1f\x19\x86\x81\xddf\xe7\x99G\xee\xa10\x7f7\xa7w\xbd\x90+\xaf\xebCaA\xc91\x99\x9c%I\x12\x91p\x98\x9c\xdc\\\xee\x1b\xfa&lt;\x92$\xf1\xc6\x88\xa7X\xb</t>
        </is>
      </c>
    </row>
    <row r="122">
      <c r="A122" s="1" t="n">
        <v>120</v>
      </c>
      <c r="B122" t="inlineStr">
        <is>
          <t>size_grid</t>
        </is>
      </c>
      <c r="C122" t="inlineStr">
        <is>
          <t>What is the size of the missing part denoted with a question mark?</t>
        </is>
      </c>
      <c r="D122" t="inlineStr">
        <is>
          <t>['large', 'medium', 'small']</t>
        </is>
      </c>
      <c r="E122" t="inlineStr">
        <is>
          <t>small</t>
        </is>
      </c>
      <c r="F122" t="inlineStr">
        <is>
          <t>There are circles arranged in a grid formation with varying sizes in the image. The sizes in the first row are ['?', 'large', 'small'], the sizes in the second row are ['large', 'medium', 'large'], and the sizes in the third row are ['small', 'large', 'small'].</t>
        </is>
      </c>
      <c r="G122" t="inlineStr">
        <is>
          <t>We observe that the circles at the corners are small size, while the circles directly adjacent to the center are large size. Only the center circle is medium size. Hence, the pattern is that the circles alternate in size depending on if they are at the corner or adjacent to the center.</t>
        </is>
      </c>
      <c r="H122" t="inlineStr">
        <is>
          <t>Based on the pattern that the circles alternate in size depending on if they are at the corner or adjacent to the center, the size of the missing part that is at the corner should be small.</t>
        </is>
      </c>
      <c r="I122" t="inlineStr">
        <is>
          <t>b'\x89PNG\r\n\x1a\n\x00\x00\x00\rIHDR\x00\x00\x02\x00\x00\x00\x02\x00\x08\x02\x00\x00\x00{\x1aC\xad\x00\x00j\xe9IDATx\x9c\xed\xddy|\x14E\xda\x07\xf0\xa7\xba{f2\xb9\'\x07\xa7\xca!$A\x08!\x81\x10.\x91\x08\x82QYuQ\x0e9\x13\x01y\xf1\n^\x0b\xbb\xee*\xe8\xee*\xa0\xa0+\xa8\x89\x12\x14\x10\xd6\x13\xaf\x85@\x00E\x101\x120\x07\x81\x10\x8e@\x08I\x80\\\x93L\x92\x99\xae\xaa\xf7\x8f\x82\xd9,x\xa0L2\xd3\xd3\xcf\xf7\xb3\x1f?\xef\x9bL\x86\xce\xe4\xe9\xfaUUWW\x13\xce9 \x84\x10\xd2\x1f\xc9\xdd\x07\x80\x10B\xc8=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0\x00\x10BH\xa7\x14w\x1f\x00Bm\x8ds\xfe\x93_\'\x84\xb4\xf1\x91 \xe4^\x18\x00\xc8\x9b\xf1\x16\x00@\x92$\xe7\x7f/\xc7\x18s\xfe\x97\xb4\xd0\x86\xc7\x8bP\x9b"?\xd7\x1bBH\xa3Ds\xcf\x18#\x84\xc8\xb2|\xf9\x0b\x18c\xb5\xb5\xb5\x84\\(~\xf1\x7f\xf8\xf8\xf8\x98\xcd\xe6\x9f|\xb1x+I\x920\x0c\x90\x97\xc1\x00@^B4\xfa\x9csE\xf9\xef\xb8\x96RZVVV\\\\\x9c\x97\x97{\xee\xdc\xb9\xec\xec\x1fTU\xad(//\xaf(\'@8\x88\xe2\'\x00\xdc\xdf\xcf\xbfG\xcf\x1e\x9cCtttXX\xd8\x80\x01\x03\xae\xbd\xf6\xda.]\xba\xf8\xfa\xfa\xb6|7\x00\xc0$@^\x03\x03\x00i\x1e\xe7\x9cR\xeal\xf7)\xa5EEE\x99\x99\x99\xbbv\xed****)9QWg\xfd\x1dok2\x19;u\xea\x14\x19\x199h\xd0\xe0\xd1\xa3G\xc7\xc4\xc48\xc3@UUI\x92~n*\t!\xad\xc0\x00@\x1a&amp;\xba\xe4b\x9e\x87R\xbaw\xef\xde\x8d\x1b7n\xda\xb4\xe9\xc8\x91\xa2\xe6f{\xcbW\x06\x04\xf8\xf9\xf9\xf9\xde\x10\xd1UR\xe4\xa0\x00\xbf\xbe}#8e\xa2\x1b\xcf9\'\x8a\xa1\xe4D\xe9\xc9\xd2r"\xcb\xc5\xc5\'\xeb\xea\xea\xcfW\xd5\\\xf2ou\xeb\xd651\xf1\xe6;\xef\xbcs\xc4\x88\x11\x81\x81\x81pq\xcc\x81\x03\x02\xa4]\x18\x00H\x93(\xa5\xce\x96\xb7\xb4\xb4t\xc3\x86\r\xeb\xd6\xad;p\xe0\xc0\x7f_AH\xd7.\x9d\xfb\xc7\xf6\x8a\x8b\x89\x1c\xd0/\xaaWd\xf7\xc0 \xff\xa0p\x0bH2H\x04\xc0\x00\xd0\xb2\xf2\t\x80\n\x8c\x02!\x8d\xe7\xaa\x1b\x1a\x1a\x0b\x8aN\xec\xcf-\xca\xcb?\x92\xbd\xaf\xe0HqISS\xb3\xf3\xa5]\xbat\x19?~\xfc\x94)S\xfa\xf6\xed\xeb&lt;\x98\x9f\xbc\xd8\x80\x90\x87\xc3\x00@\x1a#&amp;\xfaE\x83\xfb\xed\xb7\xdf\xbe\xfd\xf6\xdb\x9f|\xf2quu\x8d\xf8\xae\xc5\x128 \xae\xf7\x98\x91\x83\x86\xdf8\xa0wTW\xdf\xb0\x10\x00\x05@\x85f;P\xc6\x1c\x0e\x00\xe0\x1c8g\x00-\xbb\xed\xfc\xc2\x82\x1f\x0e\x92A\x01Y\x02\x93\x11\x88\x02\xc0i\x9d\xb5\xe8\xe8\xa9\xbd\xd9\xb9_d\xee\xda\xb7\xef\xe0\x89\x92\xd3\xe2\x07\x8cF\xe3\x88\x11#\xe6\xce\x9d\x9b\x94\x94d4\x1a\xc5h\x00c\x00i\x0b\x06\x00\xd2\x8c\x96s\xfd\xdb\xb6m[\xbcx\xf1\x96-[\x9c\xdf\x1d6$\xf6\xce\xb1\x89\x13\xef\x19sM\xf7k@2\x00s@c3u\xa8\x9cs\xe7z\xce+\x99\xab\x11g\x04c\x9csN\x08\xc8\x8a\x0c&amp;\x13\x18\x8c\x00\xccZQ\xb5\xf1\xcb\x1d\x1fo\xdc\xbeu\xfb\x9e\x86\x86F\xf1\xfa\xbe\xd1\xd1\xa9\xf3\xe6%\'\'\xc3\xff\x8eK\x10\xf2|\x18\x00H\x1b\xc4l;\x00\x14\x15\x15\xbd\xf8\xe2\x8b\xab32\x18\xe7\x00`6\xfb\xdc7&gt;)e\xc6\xddC\x06\xc7\x80\xc9\x0c\xcd\x8d\xac\xa9\x991N$"\xb9b\x15\xbf\x18.0\xce\t\x80l4\x80\xaf\x1fpv(\xbf\xe8\xdf\x1fd\xa6\xbd\xf5A\xd9\x99\xb3\xe2e\xa3F\x8d\x9a?\x7f\xfe\xc8\x91#\x01g\x84\x90v`\x00 \rPUUQ\x14\xbb\xdd\xbex\xf1\xe2e\xcb^\xae\xaa\xaa\x06\x80\x10KPJ\xf2\xdd\xd3\'\xdd\xdeg@\x0c0\x07\xaf\xb7Q\xcad\xb9\x15;\xe0\x17n/\x00\x90\xfc\xcc`0W\x94\x9c\\\xb3a\xd3\xaa\x8c\x8f\n\x0f\x1f\x07\x00BHrr\xf2s\xcf=\xd7\xa9S\'\x1c\n M\xc0\x00@\x1eM\xdc\x97+I\xd2\xee\xdd\xbb\xe7\xcc\x99\x93\x9f\x9f\x0f\x00f\x93i\xd2\xc4\xa4\xa7\x1eK\x89\xec\xdb\x1b\x1c\r\xb4\xa1\x91\x00\x91\xe4\xb6[\x94\xc9\x18c\x8c+&gt;F0\x07\xd6V\x96/\x7fm\xed\x9b\xe9\x1f\x9c)?\x07\x00\x1d:\xb4\x7f\xee\xb9\xe7g\xce\x9c\t8\x14@\x1e\x0f\x03\x00y.g\x03\xfa\xec\xb3\xcf\xbe\xf0\xc2?\xc5\xca\xceQ\x89\t\xcf/z8aX\x02\xd8\x1b\xd5z\x9b$\xbbm=&gt;\xe7\x9c\xaaT1\x19\xc1/\xb0\xec\xd8\xf1\xbf.\\\xb1z\xcd\xa7bbj\xe2\xc4\x89\xaf\xbd\xf6Zhh\xa8\x18\xbb\xb8\xe5\xf0\x10\xfaU\x18\x00\xc8C\x89\xd6\xff\xcc\x993\xc9\xc9\xc9\x99\x99\x99\x00`\t\x0eX\xf8\xb7\x07\x1f~h\nH\x84\xd6Y\x89g\xdc\x8au\xe1\xd2\xb4\xd9\x07|\xfc2?\xcfz\xf4\xf1\x17\x0e\x1f)\x01\x80\x88\x88\x88U\xabV\r\x1d:\x14\xc7\x01\xc8ca\x00 O$:\xce\xbbw\xef\x1e?~|YY\x19\x00\x0c\x1b\xdc\xef\xed\xf4\xe7"zG\xb1\xda\x1a\xe0\xbc-\'|\xae\x04\xe7\x9cR\xa6X\x82j\xcf\xd7&lt;\xf1\xc4\x8bo\xad\xfe\x04\x00L&amp;\xe3+\xaf\xbc\xfa\xc0\x03\x0f\xe0%\x01\xe4\x99&lt;\xeb,B\x08.\xb6\xfe\xe9\xe9\xe9\x89\x89\x89\xa2\xf5O}h\xf2\x8e\xad\x19\x11\x11]\xd5\xea\xf3\x92\xd4\xa6\xd3\xfdW\x88\x10\xa2(2\xad\xae\r2\x1b\xd33^H\x7f\xfd\xd9\xe0@\xff\xe6f\xfb\x9c9s\xe6\xcc\x99#\xcb\xb2\xb8}\xc1\xdd\x87\x89\xd0\xff\xc0\x11\x00\xf2,\xce\xd6\x7f\xf6\xec\xd9\x00\x10\x14\xe0\xf7\xf2\xd2\xa7RfO\xe1\xd6jN\x99\x076\xfd\x97\xe0\x9c3\xcadK\xe8\xf7\xbb\xf6N\x9d1\xbf\xe8\xe8)\x00\x985kVZZ\x1a\x8e\x03\x90\xa7\xc1\x00@\x1e\xe4\x92\xd6?\xd4\x12\xb8\xe9\xb3\xd7\xe3\x87%\xa8U\xe7dE\xd6P\xd3\xa9:T%8\xb0\xaa\xb2*\xe9\xf6\xd9\xdf\xe7\x1c\x04\xcc\x00\xe4\x91&lt;\xbd?\x85\xf4\xe3\x92\xd6\x7f`\xdc\r{v\xaf\x8f\x1f\x12\xabV\x9dS\x0c\x8a\xb6\x1aM\xc5\xa0\xd0Zk\x88% +ku\xca\x94?\x00\x80\xf8\xbdp.\x08y\x14\x1c\x01 \x8fpy\xeb\xbf\xf9?\xe9\x96\xf0`Zk\x955\xbb\x8c\x92Q&amp;\x19\r`\xf6\x99\x9d\xbc \xfd\x9d\x8dpq\x1c \x9e0\xa3\xadHC^\t\x03\x00\xb9\x9fX(\xe9l\xfd\xe3c{enz\xcbb\t\xa0\r\x8d\xb2\xa2\xed\x05\x94\x8c1.I\xb2\xbf\xdf%\x19\x80kC\x91\'\xc0\x00@n&amp;\x9a\xc2={\xf6\x0c\x1b6\x8c1\x16\x12\x1c\xf8\xc3\xb7\xeb\xbbEv\xa5\xb5\xf5Zo\xfd\x05\xce\x18\x97eb0\x0c\xbd\xf1\xbe=\xd9\xf9\x00\xb0l\xd9\xb2\xd4\xd4T\xbcG\x0c\xb9\x1d\x06\x00r\'1\x19RYY\x19\x13\xd3\xb7\xa2\xa2\xd2\xcf\xd7\xbc#3=~H\x1c\xad\xb5zG\xeb/0\xc6\xc0`\xa8\xb1\xda\x12o\x9e\x96{\xf0(\x00l\xd9\xb2\xe5\x96[n\xc1q\x00r/\xbc\x08\x8c\xdcIl\xf53u\xea\xd4\x8a\x8aJ\x00X\xf1\xf2\x9f\xe2\x87\rRk\xea\xbc\xa9\xf5\x07\x00I\x92x\xb3=$\xdc\xb2v\xf5\x0b!\x96@\x00\x986mjEE\x85$I\xe2\x13@\xc8-0\x00\x90\xdb\x889\x90E\x8b\x16m\xdd\xba\x15\x00R\xffo\xe2\xf4\x07\xa6:\xaa\xce)\x06/\x9c\x18\x91\x15Y\xad\xa9\x8b\x8e\x8fM{\xf5i\x00(/\xaf\x98:u*!8\x04G\xee\x84\xf5\x87\xdcC\xec\xef\xff\xddw\xdf\r\x1f&gt;\xdc\xe1p\x0c\x1a\xd0g\xd7\xce\xb5\xdc\xa1\xca\xc0\xbdxy\x8c\xaa\xaa\x8a%t\xde\xdc\xbf.\x7f}\x03\\\xbc\x18\x80\x13A\xc8]0\x00\x90\x1b\x88\x8d\xf5)\xa5\xd1\xd1\xd1EEE\x01\x01~\x07\xf6l\xe8\x1e\xd1\x9554z\xfe\xbd\xbeW\x83s\xce\x08\x01E\x198xB\xce\x8fE\x8a"\xe5\xe7\x17DDDp\xce=ac;\xa47Xs\xc8\r\xc4\xe3s\x97.]ZTT\x04\x00/&lt;\xf3`\xf7\xdeQ\xaa\xb5\xc1\xbb[\x7f\x00 \x84\x00e\xb2\xc1\xf0\xd6\x8a\xbf\x99L\x06J\xd9#\x8f&lt;\x82\x13A\xc8]\xbc\xfc|C\x1eHL\xfe\x1c=zt\xf1\xe2\xc5\x000|h\xec\xdcG\xa7\xd3\xdaj\xaf\x9c\xfa\xbf\x9c,K\xaa\xd5\x1a;4\xe1\x89\x87&amp;s\xce\xb7l\xd9\xf2\xc1\x07\x1f\xc8\xb2L)u\xf7\xa1!\xdd\xc1\xae\x07jkb\xca{\xfa\xf4\xe9\xef\xbe\xfb\xae\x8f\x8fi\xf7\xd6\xb7\xe3\x06\xf5c\xf56\xaf\xef\xfe;q\xce\x99,7\xd8\x9a\x06\x0c\x9ex\xf4\xf8\xa9\x1e=z\xe6\xe5\xe5)\x8a\x82\xb7\x07\xa36\xa6\x97S\x0ey\x08\xd1\xfa\xef\xdc\xb9s\xdd\xbau\x000\xe1\xeeQq\xc3\x06Qk\xbd~Z\x7f\x00 \x84p\xbb#0&lt;\xfc\xe9\'S\x18\xe3EEEK\x97.\xc5%\xa1\xa8\xed\xe1\x08\x00\xb5)\xd1\xc6\x8d\x1a5j\xc7\x8e\x1d\xa1!A\xdf}\xbd\xa6{\xcf\xae\xd0\xd4,I\xfa\xea\xf9r\x00\x0e\xe0\x002&lt;qZv\xce\xc1\x90\x90\x90\x83\x07\x0f\x86\x87\x87\x83\xb8N\x80P\x9b\xd0Q\xb7\x0b\xb9\x9d\xd8\x0c9\'\'\xe7\xab\xaf\xbe\x02\x80\xe4\xc9c{\xf4\xe9\xc3\x1alzk\xfd\x01\x80\x00p\x95\x9a\x02\xfc\x17.\x98\xcd9?\x7f\xfe\xfc\xda\xb5k\t!x%\x00\xb5%\x0c\x00\xd4\xd6V\xae\\\xc99\xf7\xf11\xa6L\xbb\x93\xdb\xeb%\xbd.\x81\x97\x14\x99\xd5[\x87\x8f\x1c\x1c\x15\xd9\x95\x10\xb2j\xd5\xaa\xc6\xc6FY\x96qP\x8e\xda\x0c\x06\x80\xdb\xf0\x16\xdc},m\x81s.\x1e\xf2\xfe\xe1\x87\x1f\x00\xc0\xa4{n\xed5 \x86\xd9\x1au\xd8\xfd\x17\x08\x00wP\xdf\xe0\xe0\x05\xf3fp\xce\x0b\n\n\xb6m\xdbF\x08\xd1\xc9\x95\x00\xbd\xd5\xbfg\xc2\x00hS\x8c1UU)\xa5\xce\x1d\xe1\x05\xce9\xa5TUU/&gt;\xf9\xc5\xe4\xc6\xfa\xf5\xeb\xad\xd6zY\x96\xe7\xce\xbc\x873\x07\x80N[\x7fA\x92%n\xab\x1f\xf7\xc7\xd1\xd7tnO\x08IOO\x03\xaf\xbe\x06\xa0\xe7\xfa\xf7L\x18\x00m\x84R*f\xc0\x15E\x91eY\x92\xa4\xda\xda\xda\xea\xea\xea\x9a\x9a\x9a\x9a\x9a\x1aB\x88,\xcb\x8a\xa2H\x92$N\x06w\x1f\xaf\xeb\xc9\xb2l\xb7\xdb\xdfY\xbd\x9a\x102\xb0\x7f\xef\xb8A1\xbc\xde&amp;\xebi\xf1\xcf\xe5\x08!\xb4\xd9\xe1\x17\x1e6i\xdch\xce\xf9\xb6m\xdb\x8e\x1c9\xe2\x95\xcb\x81\xb0\xfe=\x93.n\xbdq/\xb1\xed\x81\xd8\xec\xa5\xb4\xb44++k\xd7\xaeo\x8e\x1f?QXxPUU\x02\x84\x03\xf4\xe8q}\xe7\xce\xd7\x0c\x1d:t\xcc\x981\xbdz\xf5\x12\x13\xc1\xde\xb4=\x80X\xfd\xb9\x7f\x7fN^~&gt;\xe7|\xdc\x1f\x12%\x93\xafjk\x92\xbck\xd7\xcf\xdf\x81\x10\x02\xcc1\xee\xce\x91/\xbd\xb6\xae\xa1\xc1\xb6q\xe3\xc6\'\x9f|R\xdc+\xe7\xeeCs\r\xac\x7fO\x86\xcb@[\x97s\x9f\xafm\xdb\xb6\xbd\xfb\xee\xbb\x9f\x7f\xfeyuu\xf5/\xbc\xded2\xddt\xd3M\x93\'O\x9e6mZ\xcb\x1f\xd7:\xb1\xf1\xe7\x9f\xfe\xf4\xd4\xe2\xc5KB,A\xf9\xdf\xbf\xdf\xf1\xda\xf6\xbc\xd9\xe1\xc5\xd3\x1dW\x8eq\x0e&amp;\xd3M\x89\xd3v\x7f\xf7\xe3\x90\xc1\x83w~\xf3\r\x00xG\xdb\x87\xf5\xef\xe10\x00Z\x91(\xdf\xb2\xb2\xb2\xbf\xfe\xf5\xaf\x19\x19\x19\xce\x8f\xba\xcbu\x9dz\xf6\xec\xd2\'\xaa\x9b%$\x18(u8\xd4\x1fr\x8bJK\xcb\xf3\x0b\x8a\x01.\xbcf\xd4\xa8Q\xcf?\xff|BB\x82w&lt;?\x96s\xae\xaa\x8e~\xfdb\x0f\x1e&lt;x\xf3M\xf1\xdb\xb6\xbf\xc3\xac\xf5\xde\xd1\xc6]=U\xa5\x8a%d\xe1_\x96&lt;\xfb\x8f4\x1f\x1f\x9f\x1f\x7f\xfc1""\xc2\x0b\x06\x01X\xff\x9e\x0f\xa7\x80Z\x8b\xe8\xf3fff\xde\x7f\x7f\xca\xe9\xd3e\x00`\xf61\xdd7\xe1\xb6I\x13o\x8b\x8f\x89\x0c\xec\x18\x0e \x01\xc8\x17*\x9e\xab\xaa\xb5&gt;\'\xff\xc8\xe6\xcc]o\xa4}p\xa6\xfclVV\xd6\xce\x9d;_|\xf1\xc5\xd4\xd4T1#\xac\xdds\xe0\xe2\xe6?\xc7\x8e\x1d;\n\x00\xb7\x8e\x1a\x02\x92\xc2\x18\xd7x\xfb\xe62\x84\x10`\xf6\xd1\x89\x83\x9e\x7f\xf1\xed\xa6\xa6\xa6\xdd\xbbw{A\x00`\xfdk\x02\x8e\x00Z\xc5%O9\x07\x80\x94iw=\xf6\xe8\xd4\xdeq}\x00\x18\xd8\x1a\x99]e\\\xdc\rJ\x00@"D\x92%\xf05\x83l\xac8U\xfaF\xfa\x07\xaf\xbc\xba\xa6\xba\xd6\n\x17\x9f!\xae\xe9~\x90h\x0b\x96/_6o\xdec\x8a,\xef\xdd\xf1N\xdc\xd0XZ\xd7\xa0\xf3+\xc0N\x9cs"K\xb6&amp;\xfb\rq\x7f,9y\xe6\xee\xbb\xef\xfa\xf8\xe3O4=\xfb\x81\xf5\xaf\x15x\x06\xba\xde%\xd5\x1fj\t\xfa\xf7\xda%o\xbf\xb3\xb4wt\x04\xad\xa9\xa15V\xaeRI\x96\x14EV\x14EQdE\x91%Y\xe2\x00\xac\xbeA\xad\xaej\x1f\x1a\xfc\xcc\xa2\'\xb2\xb6\xae\x8a\xeb\x1b\t\x00\xe2}4\xbd2D\x9c\xb7\xbbv\xef\x06\x80\xce\x9d\xdaEFu\x83\xc6&amp;\xdd.\xff\xbf\x1c!\x84:\xa8oHp\xff~Q\x00\xb0?g\xbf\xcdf\xd3\xee\x1daX\xff\x1a\x82\x01\xe0b\xa2\xfa\xb3\xb2\xb2D\xf5\x87\x04\x07l\xfal\xe5\xf8\xc9\x7ftT\x9dc\xb6FY\x96eY\xfa\xc9\x8e\x0c\x01\x90$IQd\xae\xaa\x8e\xf3\x15q\x03zgm]\x15\x1f\xdb\x0b\x00\xd2\xd3\xd3\x17.\\(\xcb\xb2\xaa\xaam\xfd\xfb\xb8\x82$Iv\xbb\xfdPa!\x00\xc4\xf7\xef\xed\x17\x16B\x1d\x14{s-q\xce\x81\xc8#\x86\xf5\x07\x80\x8a\xca\x8aS\xa7N]\xf8\xa2\xd6`\xfdk\x0b\x06\x80+\x89\x81jyy\xf9\xd4\xa9S\x00 \xc4\x12\xb8\xf9\xf37\xe2\x87\rp\x9c\xaf4\x18\x94+\x9c\xd2%\x84\x18\x8c\x06ZSg\t\x0e\xc8\xdc\xfc\xd6\x80\xd8^\x00\xb0p\xe1\xc2\xac\xac,EQ4\xb7DZ|&amp;g\xce\x9c9y\xf2$\x00\xf4\xef\x17\x05D\xd1b\xd3\xd6\xaa\x08!\xc0\xd5\xd8\x98(I\x92\x1a\x1b\x9brssA\x83\x01\x80\xf5\xaf9\x18\x00\xae$V./\x98?\xbf\xbc\xbcBQ\xe4\xb4W\xff\x12?l\x90\xe3|\x95\xc1h\xf8\xado%+\nmh\xb4\x84\x05\xbf\xbfviXh0\x00\x7f\xe8\xa1\x87\xecv\xbb\xe6\x9e\x1e%\x8e\xf6\xf8\xf1\xe3Vk=\x00\xf4\xeb\x1b\t\x80\xdd\xffKI\x12\x81f{d\x8f.\xc1A\x01\x00p\xe8P!h0\x00\xb0\xfe5\x07\x03\xc0e\x9c;\xdd\xafY\xbb\x16\x00&amp;\x8fO\x1a7\xe5\x1eG\xd5\xd9\xdfQ\xfd\x82\xac\xc8\x8ejk\xb7\x1b"\x97&gt;\xff(\xe7p\xf8\xf0a-\xee\x1a/N\xd7\xbc\xbc\\\x00\x08\n\x0c\xe8\xdd\xab;47c\x00\\B&lt;!\xc0\xd2)\xbcg\x8f\xeb\x00 //\x1f\xb4\xb6\xee\x05\xeb_\x8b0\x00\\\xec\x8d7\xde\xa0\x94\x9aL\xc6\x05O$3\xfb\xd5.tQ\x8c\n\xb5\xd6L\xbcolT\xc4\x7f7\x8c\x14\xb7\xcb\xbb\xea\x80\xdbFyy9\x00\xf8\xfa\xfa\x04\x05\x05\x00\xa5\x9aj\xd9\xda\x08\xe7\\1\x19CC\x82\x00\xa0\xa2\xa2\x82s\xae\xad\x00\x10\xb0\xfe\xb5\x05\x03\xc05\x9c[]\xfe\xe7\xcb/\t!S&amp;$E\xc6\xf6\xe1\xb6\xc6\xab\\\xcaM\x00@\xa5\xa6\xc0\x80??\x9e\x0c\x00G\x8f\x1e\xdd\xbe}\xbb\xb66\x8c\x14\x9f@N\xce~\x00\x88\x8a\xec\xea\x1fna\x0eU\x8bM[kc\x8c\x03Q\xfa\xc7D\x01@Q\xd1\xe1\x9a\x9a\x1a\r\xb5tX\xff\x1a\x85\x01\xe0\x1a\xe2\xda\xd4\xd6\xad[k\xeb\xea8\xe7\xd3&amp;\xdd\xce9s\xc9V\x97\x92,\xf1F\xdb\x9dw\x8c\x08\xb1\x04\x01!\x1f\x7f\xfc\xd1\xd5\xbfg\xdb\x13\r\x19\xf1\x96\x1d\x0eZ\r\x11\xabc\x9d\x9b\xe7h\x05\xd6\xbfF\xe1\xd9\xe8\x1a\xa2K\xbb}\xfb6\x00\xe8\xda\xa5S\xdf\x98(ht\xcdN\xf7bv\xd8\xbf]\xd8\xf0\xa1\xb1\xc0\xf9\x9eo\xf7455i\xa8\x19%\x84455\x95\x9d&gt;\r\x00\x96\xe0@\x00\xa2\x8d&gt;\xad{pKp \x00444\x9c&gt;}\x1a\xb4s\x1d\x18\xeb_\xa3\xf0st\r\xb18\xe1\xd8\xb1\xe3\x00p}\xf7k\x83;\x86q\xd7Mt0\xc6%\xc5\x14\x1b\x1d\x01\x00\xe5\x15\xe5V\xabU+k!\xc4D\xb6\xcdf+=]\n\x00\xb1}#@2p\xa6\x81#o{\x84\x10\x00\x1a\x1b\x13\t\x00\r\r\xb6\xd2\xd2R\xd0T\x00`\xfdk\x11\x06\x80\x0b\x88\xd5o\xb5\xb5\xb5\xc5\xc5G\x00 \xfa\x86\xeb\x81\xbb\xf26NB\x08\x80\xda\xfb\x86\x1e\x00P[[WXX\x08\x17\x9f\xae\xae\t\x84\x10\x83\xc1\x00\x00\xaa\xaa\x99cv\x17\xe7G$&gt;1M\xc0\xfa\xd7.\x0c\x00\x97\xe1\x9c;\x1c\x0e\x00\x08\x0b\t\x02"\xb9\xba\x83\xc2\xc3B\x83\xe0\xe23\x95\\\xfb\xd6m\xe0\xc25\x00\xbc\xf4\xfbk\x9c\x1f\x91\xe6z\xb8X\xffZ\x84\x01\xe0Jbj\x92\xd2V\xe9\x9b8\xdf\x16\'@\x91g\xc2\xfa\xd7\x1c\xfc(]\xc6\xf9(;\x87C\x85V\xe8\xbe9\x1c\x17:&gt;Z\xbc\x1b^L\x07k\xaeW\xdb\xf6\x9c\x1f\x91\xe6V\xcab\xfdk\x11\x06\x80\x0b\x88KR\x81\x81\x81\xdd\xbb_\x0f\x00\xfb\xf3\x0e\x03\xa1.\xdc\xed\x92s\x0e\xa0\x1c\xc8=\x0c\x00\x81\x81\x01={\xf6\x04M5\x10\x9cs\x95\xaa\x00`\xd4\xce\xbc\xb6\xbb8?"\rMt`\xfdk\x17\x06\x80k0\xc6\x14E\xb9\xee\xba\xeb\x00\xa0\xe4dySm=q\xddf\xf7\x84\x00pZt\xf4$\x00\x84XB\xc2\xc2\xc2@;\'\x00\xe7\xdc`0\x04\x05\x06\x01@\xf1\xf1S\xc0q#\xa0_ \x15\x1f?\x05\x00\x06\x83!((\x08\xb4\xf3W\xc6\xfa\xd7(\x0c\x00\xd7\x10#\xf7a\xc3\x86\x01\xc0\xc1C\xc7\n\xf3\x8a\xc0l\xa6\xaeX\xa8\xc09\x97\x0cJSu\xcd\x96\xed{\t!\xb1q\xb1\xbe\xbe\xbe\x94j\xa3\x19\x15}\xc3\x80\x80\x80\x88\x88H\x008z\xfc4pU\x0b\x07\xee\x06\x9cs\x00\xe9\xe8\xb1R\x00\xb0X\x82#""@;\xcd\x1c\xd6\xbfFa\x00\xb8\x86\xb80u\xeb\xad\xb7\x1a\x8dF\xc6\xd8\xe7\x9bv\x12\xd9\x08\xaeX\xf0\xce\x18\'f\xdf\xef\xf6\x1c8S~\x96s&gt;v\xec\x1f@\x83\x93\xe9v\xbb\x1d\x00||\x8c@\xb0\xe4~\x89\xd9\xc7\x04\x00\x94Rm\xcdtc\xfdk\x14\x9e\x8d\xae!6)\x8c\x8c\x8c\x1c6l\x18!\xe4\xb5\xb4\xf7\xcf\x9d*%&amp;\x83+*\x95\x03c\xcf-y[Ui\xbb\xf0\xf0;\xee\xb8\x03\x004\xb4O\x80X\xaf\x1d\x13\x13\x03\x00E\xc5\xa7\xea\xcfU\x13\x05\x9f\x07\xf0\x13\xc4#\x01\xf6\xe7\x15\x01@\x8f\x1e=\x03\x03\x035\xb4\x1f\x1c\xd6\xbfFa\x00\xb8\x8cx\x1a\xc6\xcc\x9939\xe7g\xcfU\xafx}\xbd\xe4\x1b\xac:\xae\xeaR\x1eU\xa9\x1c\x1c\xb4s\xeb\xee\x1d;\x7f\x00\x80;\xef\xba+&lt;&lt;\\\x8b\xe3\xdf\x8e\x1d;\x00@M\x8d\xd5f\xb5\xb9pv\xd8\x9b\x10\t\x18U+\xceV\x01@xx\xb8\xa2\xb5\x98\xc4\xfa\xd7"&lt;\x15]FQ\x14\xc6\xd8\xbd\xf7\xde;|\xf8p\x02\xb0\xfc\xf5\xf5y\xd9?\x18,A\xf4\xf7.\xe7`\x8c\x11\x93\xc1V]\xf7\xe8\xfc\xa5\x84\x90\x90\x10\xcb\xc2\x85\x0b\xc5]\x97\xae=\xf2V%\xce\xd5\xe8\xe8\xbe\x00P[g-*.\x01\x93\x91\xe1n\x10\xff\x8bs.)\x8a\xb5\xb2\xea\xe8\xd1R\x00\xe8\xd3\xa77h\xedfW\xac\x7f-\xc2\x8f\xd2\xc5\x14EY\xb6l\x99\xac\xc855\xd6)\xc9\x7f\xae&gt;[-\xfb\xf9R\xf57\xcf\xe72\xc68\x91$_\xdf\xb9\x0f.&lt;\x90[\xc4\x18[\xb4\xe8\xb9\x8e\x1d;\x8a~Vk\x1cy+\x11G\xdb\xb5kW\x1f\x1f\x1f\xc6\xd8\x81\xdc"|$\xe4\xe58\xe7\xe0c:v\xec\xd4\xd9sU\x00 \xae\x99k\x11\xd6\xbf\xb6`\x00\xb8\x92$I\x94\xd2\xb8\xb8\xb8%K\x96\x02@nA\xf1\x98\xa4\x99\xd5\xd5V9(\xc0\xe1p\\y\x9bGUU2\x18\xe4\x00\xbf\xd93\xe6\xbf\xb3\xfeK\x00\xb8\xe7\x9e{\x1e|\xf0AUU57\xfb\xe9\x0c\x80N\x1d;\x02\xc0\xfe\xdc\xc3\x00\x1cO\xe1K0\xc6AR\xf2\n\x8a\x1d\xaaj0\x18\xfa\xf5\xeb\x07\x1a\xbc\xe5\x15\xeb_s4Va\x9eO\x96eJijj\xea\xacY\xb3\x00 {\x7f\xe1\x98\xdbf\x1d9t\xdc\x10\x12N\x00\xa8J\x7f\xa1\xf3\xcb9PJ\x19e\xb2\xc5bmv\xdc?\xedO\xe9\xefl\x04\x80\xf8\xf8\xf8\xb4\xb44\xcd\xed\x11/\x88\xc7w\x98\xcd\xe6\x88\xc8H\x00\xf8.;\xcfn\xb5J\x1a\xfcEZ\x95H\xc4\xafv\xed\x03\x80\xd0\xd0\x90\xee\xdd\xbb\x83v\xd6\x80\xb6\x84\xf5\xaf-\x18\x00\xae\'VD\xa4\xa5\xa5]8\x07r\x0e\x0e\x1d&gt;9#\xed=;\x03\xd9b!\x8a"6\xb4\xa2\x94R\xca\xc4\xff\xc4\xffG$"\x07\x07J\x01\xbe[7\xefL\xbcy\xfa\xaa\xb5\x9f\x01@|||ff\xa6\xc5b\x01m\xb6\x08pq.;&gt;&gt;\x1e\x00\x8e\x1d?}\xe2H\t1\x9b\xf02@K\x92,;\xac\xd6\xbd?\x14\x00@\xaf^7\x04\x04\x04hw\xae\x03\xeb_C0\x00\\\x8f\x10"\xba\xbdiii\xcf&lt;\xf3,\x00\x9c=_\x93\xf2\xc0\xdf\x06\x0c\x9d\x94\x91\xb6\xfe|u\x9d\x14\xe0\xa7X\xc2\xe4\xe0 98@\xfcO\xb1\x84\xc8\xc1A6\xbbc\xeb\xa6\x9d\xb7&amp;\xcd\x1e\x9d4k\xdf\x81B\x00\x18?~\xbc\xa8~\xc6\x98\xe6&amp;\x04\x9c\xc4y\x9b\x94\x94\xa4(JSs\xf3\xee\xbd?\x82b\xd4\xd6\x15\xceV\xc5\x18\'f\xd3\xd1\xc3\'\x8e\x9d8\r\x00\xb7\xdd\x96\xa4\xe9G\x9fc\xfdk\x08&gt;W\xa1\xb5p\xce\xc5\x8a\x85\xcc\xcc\xcc\'\x9ex"??_|\xbd]x\xc8\x90A1\xfd\xfa\xf5\x8a\x8e\xecf\t\r\x02\xca\x1c\x0e5;\xf7\xf0\xb1c\xa7v\xec\xfc\xe1\xf8\xf1R\xf1\xb2\x0e\x1d\xda\xff\xf9\xcf\x7fy\xf8\xe1\x87\x01@\xeb\xd5\xef|,L\xaf\xa8\xa8\x93\xa7N\xdd=6\xf1\xe3OW\xd2\xda:\x1c\xd1\x0b\xaaJe\x8b\xe5\xd5\x17\xdfL\x9d\xff\x92,K\xdf\x7f\x9f\x1d\x17\x17G)\xd5\xf4\xe7\x83\xf5\xaf\t\x18\x00\xadKUUEQ\xecv\xfb\xe2\xc5\x8b\xd7\xaf\x7f\xef\xe0\xc1\xc2_\xfd\x91\x8e\x1d;\xdeq\xc7\x1d\xcf&lt;\xf3L\xe7\xce\x9d\xc5&lt;\x80\x17\x8c|Es\x96\x9c\x9c\xbcz\xf5\xeak\xaf\xe9p0\xe7#\x7f?3WqA7\x00\x00\xa3T\n\n\xbck\xec\xff}\xf6\x9f\xaf{\xf5\x8a\xca\xc9\xd9o4\x1a\xbd\xe3\x93\xc1\xfa\xf7p\x18\x00\xad\xce\xd9\x95knn\xde\xbcy\xf3g\x9f}\x96\x9d\xfd\xfd\x993g\xce\x9d;\xef|M```XXhll\xdc\x1dw\xdcq\xdbm\xb7\xb5k\xd7\xae\xe5\x0fz\x01\xf1\xbb\xfc\xe7?_\xde~\xfb\x1d\x00\xb06\xfd\xb9\xc9\xf7\x8fWkk\x15\xdd\xdf\x14\xc6\x18\x97|MG\n\x8e\xc6\x0e\xbd\xaf\xc1\xd6\xf8\xe4\x93O.^\xbcX\xb4\x9b\xee&gt;4\xd7\xc0\xfa\xf7d\x18\x00m\x81s\xder\r\x03\xa5\xb4\xba\xba\xfa\xe0\xc1\x83\x94RB\x80s\xe8\xd1\xa3GXX\x98\xd9lv\xbe@\x92$o\xea\xf8\x88Y \xab\xd5z\xc3\r\xbdN\x9f&gt;}\xfb\x98\x1b?\xffO\x1a\xab\xad\xc3\xe5@\xaaJ\x15K\xc8\xd2\xbf\xbf\xf6\xe4\xd3\xaf\xc8\xb2\xbc{\xf7\xee\x84\x84\x04/k\xfb\xb0\xfe=\x16\x06@\xdb\x11\xa7\x01\xfc\xfcN&amp;\x94R\xce\xb9,\xcb^Y\xfa\xa2W\xfb\xe4\x13O,}\xe9%??s\xee\x9e\r\xdd\xa2\xbaq[\xb3\x0b7\x8e\xd7"\x0e\x9cJr\xffA\x13\xf2\n\x8a\x13\x12\x06\xee\xde\xfd-h\xf0\x0e\x80+\xa1\xf3\xfa\xf7L^Xg\x1e\x8b\x10"\xcb\xb2,\xcb\xe2\xfa\x18m\x811&amp;J_Q\x14o\xad~\xd1\xa8\xcdHN6\x1a\x0c\r\r\x8d\xef\xae\xff\x92\x18|\xb9f\xd7\xba\xb8\x04\xa5\x8c\xf8\xfb\x7f\xb3co^A1\xe7&lt;%\xe5~M\xaf\xff\xf9e:\xaf\x7f\xcf\x84#\x00\xd4v\xc4r\x8e[n\xb9e\xdb\xb6maa\xc1\xf9\xd9\x1f\x86\xb7\x0b\x01\x87\xaa\xdbs\x9e1\xc6}\xcc\xa3\xc7\xa4l\xff:\xbbC\xfb\xf6y\xf9\xf9\xa1\xa1\xa1\x80\x0b\xdeQ[\xc1\x11\x00j;\xa2\xb71o\xde&lt;\xce\xf9\xd9\xb3\xd5k\xd7}N\xcc\x81\xbfc\xa3\x18\xef@)\x93\x02\xfd\x7f\xdc{@lu9y\xca\x94\xb0\xb00\xdc\xea\x12\xb5%\x0c\x00\xd4v$I\xe2\x9c\'&amp;&amp;FEEI\x92\x94\xb6zcme\xb9d2\xeat\x18J\x00\x18,~u\r\x00\xf8\x98L\xf7\xdf\x7f?nu\x89\xda\x18V\x1bj;\xce}\x81\x16,X\xc0\x18;|\xe4\xc4\xf2e\xab%\xbf@m=\xfd\xca%(er`\xc0W\x9bw\xfe\xfb\xa3-\x9c\xf3\x89\x93&amp;\xf5\xea\xd5\x0b\xefxBm\x0c\xaf\x01\xa0\xb6&amp;\x9a\xfb\x91#G\xee\xdc\xb93,48\xf7\xfb\xf7\xdbu\x08\x07\x87C\xd2\xd3\xd4\x07e\x8c\x98\xcd#G\xcd\xf8zWNhHH^~~\xfb\xf6\xedq\x04\x80\xda\x18V\x1br\x03Y\x96\x17-Z$I\xd2\xd9s\xd5\x0b\x9e~E2\xfb1=\r\x02TU\x95\x83,kV}\xf8\xd57\xfb8\xe7\xf3\x1e{\xacC\x87\x0e\xd8\xfdGm\x0fG\x00\xc8\rZ\xee\x0c!\xcbr\xe6\xc6\x7f\x8d\xbc#\x91V\xd7\xc9\x8a\xf7\xdc\xfd\xf4s\x18\xe3`4\x9c\xab\xac\xea7h|EeUDD\xcf\x1f\x7f\xcc\x15\xcb\x1f\xf1\xf2/jc\x18\x00\xc8\r\xc4R\xf7\xca\xca\xca^\xbdz\xd5\xd4\xd4\xf4\xe8~\xcd\x81\x1f&gt;\xf21\x1a$\x1d\xac\x81QU\xaaX,\x13\xfe8\xf7\xfdO\xb2\x00 33s\xf4\xe8\xd1^v\xeb/\xd2\n\x1cr"7\x10\xcb\x81:t\xe8\xf0\xd2K/\x01@\xf1\xb1\xd2G\x1ey^\xf6\xf3\xa7\xd4;\xef\x81rR\x1d\xaab\t\xc9X\xb9F\xb4\xfe))\xc9\xd8\xfa#7\xc2\x11\x00r\x1b\xb19\xc4\x84\t\x13\xde\x7f\xff}\x00X\xb5\xe2o\xc9s\xa7\xa9U\xe7\x14\x83\x97\xec\x83v\t\xaaR9( o_\xc1\xe0\xc4i6[c\xb7n\xddsss\xcdf3N\xfe w\xc1\x00@n#6\x87\xa9\xad\xad\x8d\x8f\x8f?~\xfc\xb8\xaf\xaf\xcfW\x99o\r\x18\x1cKk\xad\xdew1\x801\x06\x06Cm\xbdm\xc4\xcd\xd3s\x0b\x8e*\x8a\xbck\xd7\xae\x84\x84\x04\xbc\xf6\x8b\xdc\x08+\x0f\xb9\x8d\xe8\xf9\x86\x84\x84\xbc\xf7\xde{\x84\x90\x86\x86\xc6\t\x93\x9f\xac&gt;[%\x9b}\x98w\xcd\x05q\xce\x19\x10\xc9\xd7&lt;{\xd6\xd3\xb9\x05\xc5\x00|\xc9\x92%\t\t\t\xaa\xaab\xeb\x8f\xdc\x08\x8b\x0f\xb9\x93$I\xaa\xaa&amp;$$\xbc\xfe\xfa\xeb\x00p\xac\xa4l\xccm\xb3mM\xcd`4x\xd3\x9eh\x941%(hN\xca\x82\x0f?\xdb\x01\x00\xd3\xa7OOMM\xf5\xa6M\xff\x91Fa\x00 7S\x14EU\xd5\xd9\xb3g?\xf0\xc0\x03\x00\x90\x9ds\xf0\xc1\xb9\x0b%_3\'\x12\xf7\x8a\x07\xc7;TU\t\x0e{\xf3\x95\x8c73&gt;\x01\x80\xf8\xf8\xf8\x95+W\xb6\xdc\x1f\x1f!w\xc1\x00@\xee\'\xcb\xb2\xaa\xaao\xbc\xf1\xc6\xacY\xb3\x00`\xf5\xfa/g\xcf\x98/\x07\xf8\x81\xac\xf1\xbd\x919\xa7\x94\x1a,\xe1\xe9\xafe\xccI\xfd\'\x00\xc4\xc7\xc7gff\xfa\xfa\xfa\x02n\xf9\x89&lt;\x00\x06\x00r?\xb1S&lt;\xa54--Md@\xfa;\x1bg\'/\xa0\x8a"\x19\x0c\x1a\xdd.\x941F9\xc8\xc1\xc1o\xbe\xbaj\xf6\xc3\xcf\x03\xc0\xc0\x81\xf1\x99\x99\x99\x16\x8b\x05/\xfc"\x0f\x81\xab\x80\x90\xa7p&gt;8p\xf6\xec\xd9\xe9\xe9\xe9\x0004\xa1\xef\xe7\x9f\xae\xb4\xb4\x0bQ\xab\xeb\xb4\xb56\x94\xaaT\xf61\x82\xd9&lt;g\xe6_\xde|\xfb#\x00\x188p\xe0\xe6\xcd\x9b\xb1\xf5G\x1e\x05\x0b\x11y\nB\x88$I-\xc7\x01\xbb\xf7\xe6\x8e\x1c}\xff\xfe\x1f\n\x94\x900\xd5\xa1j\xa5\xb3\xa2:T98\xb0\xba\xce6\xe1\x8f\x0fa\xeb\x8f&lt;\x19\x8e\x00\x90g\xb9|\x1c\x10j\t\\\xf9\xaf\xbf\x8e\x9f|\x17\xb7\xd62\xcf\xbei\x963\xce8\x93\x83C\xf6g\x1f\x989\xf3\xe9\x9c\xdc\xc3\x80\xad?\xf2`X\x8e\xc8\xb3\x88q\x00c,--m\xd9\xb2e\x00p\xbe\xban\xc2\x94\'\xe7=\xfc,\x95e9\xc0_U=t(\xa0:Tb2\xc8\xc1\x96\xb7\xdeXw\xf3\xa8d\xd1\xfa\xa7\xa4\xa4deea\xeb\x8f&lt;\x13\x8e\x00\x90\'\x12\xcf\r\x97$)33\xf3\xfe\xfbSN\x9f.\x03\x80A\xf1\xd1\xcb_\x9e\x9f0,\x01\x1a\xeaT\xbb\xdds\x16\xd1\x8b\xe78JA\x96\xb2\x13\'\x1f\x7fj\xc9\x86\x0f6\x03\x80\xc9dz\xe1\x85\x17RSS\xe1\xe2\xc3\x90\xdd|\x94\x08]\x06\x03\x00y.q\xab\xd4\x993g\x92\x93\x93333\x01\xc0\xc7d|r\xde\x8c\xc7\x1f\x9b\x1e\x14\xde\x0e\xac\xb5T\xa5\x92"\xbbq5%\xa5\x8c\x00H\xc1\x01\xd0\xec\xc8x\xe7\x93\xbf-\\QZV\t\x00\x91\x91\x91o\xbf\xfd\xf6\xd0\xa1C\x19c\xb8\xd5\x0f\xf2X\x18\x00\xc8\xa39w\xca\\\xbe|\xf9\x82\x05\x0b\x9a\x9a\x9a\x00\xa0Wd\xb7\'\x1fO\x9e2\xe1vC\xa0?X\xadT\xa5\x92,\xb5e#\xcb\x01\x98\xe8\xf5\x07\xfa\x03\x87\xad\x99\xdf,Y\x92\xb1u\xc7w\xe2\xbb3g\xce\\\xbatiPP\x10\xde\xeb\x8b&lt;\x1c\x06\x00\xf2t\xceNt~~\xfeSO=\xb5i\xd3&amp;\xf1\xf5\xc1\x03\xfb\xce\xff\xd3\xac17\x0f4\x05[\xa0\xa1^\xb5;\x08!\xb2\xdc\xba3-\x8c1\xc6\xb8\xa2\xc8\x10\xe0\x07v\xc7\x9e\xefr\xff\xb5b\xdd\xfa\xf7/\x1cRtt\xf4\x8b/\xbe\x98\x94\x94\x04-\xa2\x0b!\x8f\x85\x01\x80\xb4\xc1\xd9\x9en\xd8\xb0\xe1\x1f\xff\xf8G^^\x9e\xf8z\xdf&gt;=S\x1f\x9e2\xee\xae[\x02\xdb\x85\x01s\xf0z\x1b\xa5\x94H\x92\xe4\xba\x89\x17\x0e\xc0\x19c\x8cK\x84H~&gt;`0\xd3\x06\xeb\xf6\x9d\xd9/\xbd\xfcNf\xd6\xb7\xe25\x1d;t\x98\xfb\xe0\x83O=\xf5\x94\xd1h\xc4i\x1f\xa4\x15\x18\x00H3\xc4\xb6\x10\x92$\xd9\xed\xf6\xc5\x8b\x17\xaf\\\xb9\xe2\xcc\x99r\xf1\xad.\xd7u\x1a?\xee\x96\xbb\xfep\xf3\x90!\xb1`4\x03\xb3Cc3u\xa8\x9csB\x88H\x83\xdf\xf4oq\xce\x19\xe7\x9cqB@Vd0\x99\xc0`\x02\xa0\x87~&lt;\xf4\xc5\xa6o\xde\xfb\xf7\xa6\xfd\x07\n\xc5+\xcdf\xf3\xa4I\x93\x16-Z\xd4\xb9sg\xc0\x8e?\xd2\x14\x0c\x00\xa41\xce\x16\xb6\xa2\xa2b\xcd\x9a5k\xd6\xac\xc9\xcd\xcdu~w\xd8\xd0\xb8Q\x89\t\xa3\x13\x07\xc6\xc4D\xf9\x86\x06\x03\xc8\xc0Uh\xb6s\xbb\x833\xce8\x07\xe0b#\xeaK\xde\xf6\xe2\x89\xc0\t\x91\x08\x01\xc9`\x00\x93\x11d\x05\x00\xa8\xd5Zt\xa4d\xcb\x8e\xbd_\xef\xdc\x97\x99\xf5\xad\xcd\xd6(~\xa4S\xc7\x8e\xf7M\x9e&lt;}\xfa\xf4&gt;}\xfa\x80x\xd4\xbb,c\xc7\x1fi\x08\x06\x00\xd2\x1e\xe7\xcdb\x00`\xb7\xdb7o\xde\x9c\x91\x91\xb1e\xcb\x16\x9b\xcd\xe6|M\xb7n\xd7\xc4\xf5\x8b\xbaqHllL\xe4\r=\xbb\x86u\x08\x03\x1f\x13\x80\xb8$\xcb\x01.\xdf_H\xbax[\x8c\n\xaaZSYUt\xb4\xb4\xa0\xf0\xe8\xaeo\xf7g\xef+(:R\xd2\xdc\xdc\xec|\xe9\xb0aC\xa7O\x9f1v\xec\xd8\xf6\xed\xdb\x03\x00\xa5T\xcc9\xb5\xeao\x8d\x90\xcba\x00 \xad\xe2\x9cSJ\x9d\xcbl\x0e\x1d:\xf4\xc5\x17_|\xfa\xe9\xa7\xd9\xd9\xd9-\x1bk\x00\x08\r\t\xee\xd9\xe3\xba`K`|\xbf(EQ\x82\x02\xfc\xfa\xc6DrJ\t\x10\xf1&gt;DQJN\x94\x96\x9c*\'\x8a\x9c\x97[t\xbe\xaa\xf6\xd0\x91\x13g\xce\x9c\xbd\xe4_\x8c\x8e\xees\xeb\xad\xb7\xdeu\xd7\xddC\x86\x0c\x11_\x11Ot\xc15\xfeH\xa30\x00\x90\xb6\x89\xd1\x80\xb8\x7fX|\xa5\xb0\xb0p\xef\xde\xbd_|\xf1ENNNY\xd9\xe9\xe6f\xfb\xd5\xbc\x7f\x87\x0e\xed\xa3\xa3\xa3\xc7\x8c\xb9u\xf8\xf0\xe1qqqb\xd8!\xfeQ\xec\xf5#\xad\xc3\x00@^\x821&amp;\xe6\x85\x9c\x8d\xb2\xcdf+))9t\xe8P^^^^^\xde\xf9\xf3\xe7\x0b\x0b\x0fRJ\xebj\xeb\x9a\xed?\x91\n\xe1\xe1a\x00p\xfd\xf5=,\x16\xcb\x80\x01\xfd\xbbw\xbf\xbew\xef\xde={\xf6\x0c\x0e\x0ev\xbeFUU\xb1yu\x9b\xfcN\x08\xb5.\x0c\x00\xe4mD\x12\xfcd3][[\xcb\x18+/////\'\x04Z\xd6\xbe\xbf\xbf\x7f\xcf\x9e=9\xe7\x16\x8b\xe5\xe7\xde\x10\xbb\xfc\xc8\xcb`\x00 \xaf\xc5[\x10\x0b\xf3\xafd\xb2^L\xef\x88\xf3\x02\x1b}\xe4\xdd0\x00\x90\x8e\x88j\x17\x91p\xf9wE&lt;`s\x8f\xf4\x03\x03\x00!\x84t\n\x97\xaf!\x84\x90Na\x00 \x84\x90Na\x00 \x84\x90Na\x00 \x84\x90Na\x00 \x84\x90Na\x00 \x84\x90Na\x00 \x84\x90Na\x00 \x84\x90Na\x00 \x84\x90Na\x00 \x84\x90Na\x00 \x84\x90Na\x00 \x84\x90Na\x00 \x84\x90Na\x00 \x84\x90Na\x00 \x84\x90Na\x00 \x84\x90Na\x00 \x84\x90Na\x00 \x84\x90Na\x00 \x84\x90N)\xee&gt;\x00=\xfa\xb9\xe70\xe3\xe3\xc8\x91\x1e`\xfd{\x0e\x0c\x80\xd6\xc5[\x00\x00I\x92\x9c\xff\xbd\x1cc\xcc\xf9_\xd2B\x1b\x1e/B\xae\x84\xf5\xef\xe1\xc8\xcf\xa51\xfa\xddD\xb93\xc6\x08!\xb2,_\xfe\x02\xc6Xmm-!\x17&gt;|\xf1\x7f\xf8\xf8\xf8\x98\xcd\xe6\x9f|\xb1x+I\x92\xf0d@\x9e\x0f\xeb_C0\x00\\F\x14=\xe7\\Q\xfe;\xae\xa2\x94\x96\x95\x95\x15\x17\x17\xe7\xe5\xe5\x9e;w.;\xfb\x07UU+\xca\xcb\xcb+\xca\t\x10\x0e\xe2\xc3\'\x00\xdc\xdf\xcf\xbfG\xcf\x1e\x9cCtttXX\xd8\x80\x01\x03\xae\xbd\xf6\xda.]\xba\xf8\xfa\xfa\xb6|7\x00\xc03\x01y \xac\x7f-\xc2\x00p\x01\xce9\xa5\xd4Y\xf7\x94\xd2\xa2\xa2\xa2\xcc\xcc\xcc]\xbbv\x15\x15\x15\x95\x94\x9c\xa8\xab\xb3\xfe\x8e\xb75\x99\x8c\x9d:u\x8a\x8c\x8c\x1c4h\xf0\xe8\xd1\xa3cbb\x9c\'\x83\xaa\xaa\x92$\xfd\xdcP\x1a\xa1\xb6\x84\xf5\xaf]\x18\x00WEtI\xc48\x97R\xbaw\xef\xde\x8d\x1b7n\xda\xb4\xe9\xc8\x91\xa2\xe6f{\xcbW\x06\x04\xf8\xf9\xf9\xf9\xde\x10\xd1UR\xe4\xa0\x00\xbf\xbe}#8e\xa2\x1b\xc39\'\x8a\xa1\xe4D\xe9\xc9\xd2r"\xcb\xc5\xc5\'\xeb\xea\xea\xcfW\xd5\\\xf2ou\xeb\xd651\xf1\xe6;\xef\xbcs\xc4\x88\x11\x81\x81\x81p\xb1\xcf\x85\x1d"\xe4.X\xffZ\x87\x01\xf0;QJ\x9d\x95WZZ\xbaa\xc3\x86u\xeb\xd6\x1d8p\xe0\xbf\xaf \xa4k\x97\xce\xfdc{\xc5\xc5D\x0e\xe8\x17\xd5+\xb2{`\x90\x7fP\xb8\x05$\x19$\x02`\x00h\xf9\xc9\x13\x00\x15\x18\x05B\x1a\xcfU744\x16\x14\x9d\xd8\x9f[\x94\x97\x7f${_\xc1\x91\xe2\x92\xa6\xa6f\xe7K\xbbt\xe92~\xfc\xf8)S\xa6\xf4\xed\xdb\xd7y0?9\xd9\x8aP+\xc1\xfa\xf7\x0e\x18\x00\xbf\x99\x98\xe8\x14\x05\xf7\xed\xb7\xdf\xbe\xfd\xf6\xdb\x9f|\xf2quu\x8d\xf8\xae\xc5\x128 \xae\xf7\x98\x91\x83\x86\xdf8\xa0wTW\xdf\xb0\x10\x00\x05@\x85f;P\xc6\x1c\x0e\x00\xe0\x1c8g\x00-\xbb-\xfc\xc2\x82\x07\x0e\x92A\x01Y\x02\x93\x11\x88\x02\xc0i\x9d\xb5\xe8\xe8\xa9\xbd\xd9\xb9_d\xee\xda\xb7\xef\xe0\x89\x92\xd3\xe2\x07\x8cF\xe3\x88\x11#\xe6\xce\x9d\x9b\x94\x94d4\x1aEo\x08O\x03\xd4\xda\xb0\xfe\xbd\t\x06\xc0o\xd0r\xaes\xdb\xb6m\x8b\x17/\xde\xb2e\x8b\xf3\xbb\xc3\x86\xc4\xde96q\xe2=c\xae\xe9~\rH\x06`\x0ehl\xa6\x0e\x95s\xee\\\xcfv%cU\xf1\x17a\x8cs\xce\t\x01Y\x91\xc1d\x02\x83\x11\x80Y+\xaa6~\xb9\xe3\xe3\x8d\xdb\xb7n\xdf\xd3\xd0\xd0(^\xdf7::u\xde\xbc\xe4\xe4d\xf8\xdf~\x19B\xae\x85\xf5\xef}0\x00\xae\x94\x98m\x04\x80\xa2\xa2\xa2\x17_|quF\x06\xe3\x1c\x00\xccf\x9f\xfb\xc6\'\xa5\xcc\xb8{\xc8\xe0\x180\x99\xa1\xb9\x91553\xc6\x89D$W\xacb\x16\xdd%\xc69\x01\x90\x8d\x06\xf0\xf5\x03\xce\x0e\xe5\x17\xfd\xfb\x83\xcc\xb4\xb7&gt;(;sV\xbcl\xd4\xa8Q\xf3\xe7\xcf\x1f9r$\xe0\x88\x18\xb5\x02\xac\x7f\xaf\x84\x01pETUU\x14\xc5n\xb7/^\xbcx\xd9\xb2\x97\xab\xaa\xaa\x01 \xc4\x12\x94\x92|\xf7\xf4I\xb7\xf7\x19\x10\x03\xcc\xc1\xebm\x942Yn\xc5\x0e\xc8\x85\xe5\xd5\x00\x92\x9f\x19\x0c\xe6\x8a\x92\x93k6lZ\x95\xf1Q\xe1\xe1\xe3\x00@\x08INN~\xee\xb9\xe7:u\xea\x84]!\xe4BX\xff\xde\n\x03\xe0W\x88\xfb\x12%I\xda\xbd{\xf7\x9c9s\xf2\xf3\xf3\x01\xc0l2M\x9a\x98\xf4\xd4c)\x91}{\x83\xa3\x8164\x12 \x92\xdcv\x8b\xd2\x18c\x8cq\xc5\xc7\x08\xe6\xc0\xda\xca\xf2\xe5\xaf\xad}3\xfd\x833\xe5\xe7\x00\xa0C\x87\xf6\xcf=\xf7\xfc\xcc\x993\x01\xbbB\xe8\xaaa\xfd{7\x0c\x80_\xe2,\xa0g\x9f}\xf6\x85\x17\xfe)V\xb6\x8dJLx~\xd1\xc3\t\xc3\x12\xc0\xde\xa8\xd6\xdb$\xd9m\xeb\x919\xe7T\xa5\x8a\xc9\x08~\x81e\xc7\x8e\xffu\xe1\x8a\xd5k&gt;\x15\x03\xf3\x89\x13\'\xbe\xf6\xdak\xa1\xa1\xa1\xa2\xef\xe6\x96\xc3CZ\x87\xf5\xef\xf50\x00~\x96\xa8\xfe3g\xce$\'\'gff\x02\x80%8`\xe1\xdf\x1e|\xf8\xa1) \x11Zg%\x9eq+\xca\x85Ksf\x1f\xf0\xf1\xcb\xfc&lt;\xeb\xd1\xc7_8|\xa4\x04\x00"""V\xadZ5t\xe8P\xec\x07\xa1\xdf\x01\xeb_\x0f0\x00~\x9a\xe88\xec\xde\xbd{\xfc\xf8\xf1eee\x000lp\xbf\xb7\xd3\x9f\x8b\xe8\x1d\xc5jk\x80\xf3\xb6\x1c\xf0^\t\xce9\xa5L\xb1\x04\xd5\x9e\xafy\xe2\x89\x17\xdfZ\xfd\t\x00\x98L\xc6W^y\xf5\x81\x07\x1e\xc0)Q\xf4\x9b`\xfd\xeb\x84g\xfd\x15=\x84\xa8\xfe\xf4\xf4\xf4\xc4\xc4DQ\xfd\xa9\x0fM\xde\xb15#"\xa2\xabZ}^\x92\xdat\xba\xf3\n\x11B\x14E\xa6\xd5\xb5Afcz\xc6\x0b\xe9\xaf?\x1b\x1c\xe8\xdf\xdcl\x9f3g\xce\x9c9sdY\x16\xcb\xb7\xdd}\x98H\x03\xb0\xfe\xf5\x03G\x00\x97rV\xff\xec\xd9\xb3\x01 (\xc0\xef\xe5\xa5O\xa5\xcc\x9e\xc2\xad\xd5\x9c2\x0f,\xfdKp\xce\x19e\xb2%\xf4\xfb]{\xa7\xce\x98_t\xf4\x14\x00\xcc\x9a5+--\r\xfbA\xe8Wa\xfd\xeb\n\x06\xc0\xff\xb8\xa4\xfaC-\x81\x9b&gt;{=~X\x82ZuNVd\r\x95\x8e\xeaP\x95\xe0\xc0\xaa\xca\xaa\xa4\xdbg\x7f\x9fs\x10\xf0\x1c@W\x00\xeb_o&lt;=\xcf\xdb\xd2%\xd5?0\xee\x86=\xbb\xd7\xc7\x0f\x89U\xab\xce)\x06E[E\xa3\x18\x14Zk\r\xb1\x04de\xadN\x99\xf2\x07\x00\x10\xbf\x17\x8e\x85\xd1\xcf\xc1\xfa\xd7!\x1c\x01\\py\xf5o\xfeO\xba%&lt;\x98\xd6Ze\xcd.#c\x94IF\x03\x98}f\'/H\x7fg#\\\xec\x07\x89\'lh\xeb\x94F\xad\n\xeb_\x9f0\x00\x00.\xaexsV\x7f|l\xaf\xccMoY,\x01\xb4\xa1QV\xb4\xbd\x80\x8c1\xc6%I\xf6\xf7\xbb\xe4\x1c\xc0\xb5q\xc8\t\xeb_\xb70\x00.T\xff\x9e={\x86\r\x1b\xc6\x18\x0b\t\x0e\xfc\xe1\xdb\xf5\xdd"\xbb\xd2\xdaz\xadW\xbf\xc0\x19\xe3\xb2L\x0c\x86\xa17\xde\xb7\';\x1f\x00\x96-[\x96\x9a\x9a\x8a\xf7\xc8 \xc0\xfa\xd77\xbd\x07\x80\x18\x0cVVV\xc6\xc4\xf4\xad\xa8\xa8\xf4\xf35\xef\xc8L\x8f\x1f\x12Gk\xad\xdeQ\xfd\x02c\x0c\x0c\x86\x1a\xab-\xf1\xe6i\xb9\x07\x8f\x02\xc0\x96-[n\xb9\xe5\x16\xec\x07\xe9\x1c\xd6\xbf\xce\xeb_\xef\x17\x81\xc5V\'S\xa7N\xad\xa8\xa8\x04\x80\x15/\xff)~\xd8 \xb5\xa6\xce\x9b\xaa\x1f\x00$I\xe2\xcd\xf6\x90p\xcb\xda\xd5/\x84X\x02\x01`\xda\xb4\xa9\x15\x15\x15\x92$\x89O\x00\xe9\x13\xd6\xbf\xce\xeb_\xd7\x01 \xc6\x80\x8b\x16-\xda\xbau+\x00\xa4\xfe\xdf\xc4\xe9\x0fLuT\x9dS\x0c^80\x94\x15Y\xad\xa9\x8b\x8e\x8fM{\xf5i\x00(/\xaf\x98:u*!z\x1f\x02\xea\x19\xd6?\xd6\xbf~\x7f\x7f\xb1\xbf\xf9w\xdf}7|\xf8p\x87\xc31h@\x9f];\xd7r\x87*\x03\xf7\xe2\xe5\x01\xaa\xaa*\x96\xd0ys\xff\xba\xfc\xf5\rpq2\x14\x07\xc2:\x84\xf5\x0fX\xff\xba\r\x00\xb1\xb18\xa54::\xba\xa8\xa8( \xc0\xef\xc0\x9e\r\xdd#\xba\xb2\x86F\xcf\xbf\xd7\xf1jp\xce\x19!\xa0(\x03\x07O\xc8\xf9\xb1HQ\xa4\xfc\xfc\x82\x88\x88\x08\xce\xb9\'l\xec\xd5\xdax\x0b\x97|\x8b\xb4\xe0\x96ckKX\xff\xfa\xac\xff\xcb\xe9\xf1w\x06\x00\xf1\xf8\xd0\xa5K\x97\x16\x15\x15\x01\xc0\x0b\xcf&lt;\xd8\xbdw\x94jm\xf0\xee\xea\x07\x00B\x08P&amp;\x1b\x0co\xad\xf8\x9b\xc9d\xa0\x94=\xf2\xc8#^?\x10\x16\x1bFRJ\t!\x92$\xc9\xb2\xac\\F\x96eq\x8f(\xa5TUU\xef\x9e\x1a\xc6\xfa\xd7U\xfd\xff\x02=\xfe\xe6b\xe5\xc3\xb1c\xc7\xfa\xf7\xef_[[;|h\xec\xd7_\xad\xa5\r\r\xb2n\xba\x00\xaa\xaa*\x96\xb0\xa7\x9f\xf8\xfb\xdf_\xca\x00\x80\xf7\xdf\x7f\xff\xde{\xef\xf5\xca\x81p\xcb\'\x98\x03\x00\xa5\xf4\xf4\xe9\xd3G\x8f\x1e-))9y\xb2\x84\x10\xc29\x00\xf0\xe0`Kttt\x87\x0e\x1d\xbav\xedj6\x9b[\xfe\xac\xf7\xed\x1c\x80\xf5\xaf\x9f\xfa\xffUz\x0c\x00\xf1\x97\x9e&gt;}\xfa\xbb\xef\xbe\xeb\xe3c\xda\xbd\xf5\xed\xb8A\xfdX\xbd\xcd\xeb\xbb?N\x9cs&amp;\xcb\r\xb6\xa6\x01\x83\'\x1e=~\xaaG\x8f\x9eyyy\x8a\xa2x\xd3\x04H\xcb\xbb=+**v\xef\xde\xfd\xe5\x97_fg\x7f_Rr\xb2\xae\xae\xee\'\x7f\xc4d2v\xee\xdc9..\xee\xf6\xdb\xef\x184hPTT\x94\xf8\xba\x975\rX\xffz\xa8\xff+\xa4\x97?\xb9\x93\xa8\xfe\x9d;w\xae[\xb7\x0e\x00&amp;\xdc=*n\xd8 j\xad\xd7O\xf5\x03\x00!\x84\xdb\x1d\x81\xe1\xe1O?\x99\xc2\x18/**Z\xbat\xa9\xd7,\x89\x13\x13&gt;\xa2\xe7\x9e\x9b\x9b\xfb\xc0\x03\xb3\xe3\xe2\xe2\xc6\x8d\x1b\xb7j\xd5\xaa\xbc\xbc|g\xeb\x1f\x1e\x1e\x1a\x1ef\t\x0b\xb3\x84\x87\x87\x1a\x8dF\x00hn\xb6\x1f;v\xfc\xc3\x0f?JNN\x1e0\xa0\xff\xddw\xdf\xb5u\xebVQ0\x8c1\xef\xf8p\xb0\xfe\xc1\xdb\xeb\xff7\xd1\xdd\x08@\xfc\x8dG\x8d\x1a\xb5c\xc7\x8e\xd0\x90\xa0\xef\xbe^\xd3\xbdgWhj\x96$}%?\x07\xe0\x00\x0e \xc3\x13\xa7e\xe7\x1c\x0c\t\t9x\xf0`xx8\x88yR\xcd\x12\x8b[\x00 ??\xffO\x7f\xfaSVV\x96\xddn\x17\xdf\xear]\xa7\x01\x03z\xc7\xc5D\x0e\x88\x89\xb2X\x02{\\\x7f\x1d\x88\x13^V\xca\xcb*\xce\x9c\xad\xca;x,7\xaf({_A^~\x91\xf3\rcbb\xfe\xf9\xcf\x7f&amp;%%\x81W\x0c\x05\xb0\xfe\x05o\xad\xff\xdfJ_\x01 N\xe0\x1f~\xf8a\xe0\xc0\x81\x9c\xf3\'\x1e\x9e\xb2\xe4\xd5EjU\xa5W.|\xfeUT\xa5\xb2%x\xf3G\x9b\x93\xeey\x14\x00^z\xe9\xa5\xc7\x1e{L\xd3\xf7\xc7\x8b\x83\xb7Z\xad\x7f\xf9\xcb_\xdez+\xbd\xb1\xb1\t\x00|\xcd&gt;\xf7\x8e\x1b\xfd\xc7\xbbF\x8d\x18\x16\x17\xd8&gt;\x0c@\x06P\x811h\xb6\x03\x88S\x9d\x83A\x01E\x01\x90\x018\xb5Z\xf7\xee+\xd8\xf8\xf9\x8eu\xeb\xbf,;sV\xbcsRR\xd2\xf2\xe5\xcb#""4\xfd\xf9`\xfd\xb7\xe4}\xf5\xff;\xe81\x00RRR222||\x8c9\xdf\xac\x8b\xea\x1b\xc9\x1bu\xd7\xfd\x118\x00\'\xd0\xa4\xb2\xfe\x83\xc6\x1f.*\xb9\xe1\x86\x1b\xb2\xb3\xb3}||@\x9b\x9d q\xea\xe6\xe4\xe4\xcc\x9a5+\'\'\x07\x00\xcc&gt;\xa6I\x13\x92\xe6=&lt;\xb5O\xff&gt;\x00\x1cl6jwp\x0e</t>
        </is>
      </c>
    </row>
    <row r="123">
      <c r="A123" s="1" t="n">
        <v>121</v>
      </c>
      <c r="B123" t="inlineStr">
        <is>
          <t>polygon_sides_color</t>
        </is>
      </c>
      <c r="C123" t="inlineStr">
        <is>
          <t>What is the missing color of the part denoted with a question mark?</t>
        </is>
      </c>
      <c r="D123" t="inlineStr">
        <is>
          <t>['yellow', 'orange', 'green', 'purple']</t>
        </is>
      </c>
      <c r="E123" t="inlineStr">
        <is>
          <t>orange</t>
        </is>
      </c>
      <c r="F123" t="inlineStr">
        <is>
          <t>There are 6 colored polygons arranged in a triangle with color ['?'] in the top row, ['purple', 'orange'] in the middle row, and ['green', 'purple', 'green'] in the bottom row.</t>
        </is>
      </c>
      <c r="G123" t="inlineStr">
        <is>
          <t>We observe that the polygon with 9 sides is green in color and the polygon with 4 sides is purple in color. Thus, the pattern is that the polygons with the same number of sides have the same color.</t>
        </is>
      </c>
      <c r="H123" t="inlineStr">
        <is>
          <t>Based on the pattern that the polygons with the same number of sides have the same color, the missing color of the part with 7 sides should be orange.</t>
        </is>
      </c>
      <c r="I123" t="inlineStr">
        <is>
          <t>b'\x89PNG\r\n\x1a\n\x00\x00\x00\rIHDR\x00\x00\x02\x00\x00\x00\x02\x00\x08\x02\x00\x00\x00{\x1aC\xad\x00\x00\\RIDATx\x9c\xed\xddg|\x14\xd5\xde\x07\xf03e[\xb2\xd9\xf4\x00\x01\xa4\tB0\x01B\x0bMPA\xa4\x8ab\xa3\x8b\x80\x14\x9f\xeb\xb5\x83 \x88\xf4\xa2\xa2\xdc\x0b\x08^\xe4"\x88\xa8D\xe5\xa2 \x08\x8a\x82tB\r!\xa1\x04\x08\xa4\xd7M\xdf\x9d\x99\xf3\xbc8\xb0F@\x0c\x90\xec\xce\xce\xfc\xbe\xaf\xee\xe7y0\x0c\xd9\xb3\xff\xdfis\x0eG)%\x00\x00\xa0?\xbc\xa7\x1f\x00\x00\x00&lt;\x03\x01\x00\x00\xa0S\x08\x00\x00\x00\x9dB\x00\x00\x00\xe8\x14\x02\x00\x00@\xa7\x10\x00\x00\x00:\x85\x00\x00\x00\xd0)\x04\x00\x00\x80N!\x00\x00\x00t\n\x01\x00\x00\xa0S\x08\x00\x00\x00\x9dB\x00\x00\x00\xe8\x14\x02\x00\x00@\xa7\x10\x00\x00\x00:\x85\x00\x00\x00\xd0)\x04\x00\x00\x80N!\x00\x00\x00t\n\x01\x00\x00\xa0S\x08\x00\x00\x00\x9d\x12=\xfd\x00\x00UO\x96eB\x08\xcf\xf3\x1c\xc7y\xfaY\x00\xd4\x8b\xc3\xa5\xf0\xa0%\xac=\xbb\xea&gt;\xa5T\x96e\x8e\xe38\x8e\xe3y\x8cw\x01\xfe\x04\x01\x00\xda\xa1(\n\xab\xf2\xb1\xb1\xb1\xbe\xbe\xbe\xadZ\xb5\xaaQ\xa3F\xc5? \xcb2\xa5\x94\x85\x01\x06\x07\x00\x08\x00\xd0\x08Y\x96\x05A\x90e\xf9\xa9\xa7\x9e\xb2\xdb\xedV\xab5;;\xdb\xd7\xd77"""22\xb2c\xc7\x8eM\x9b6\xad\xf8\xe7\x15EQ\x14\x05a\x00z\x86\x00\x00-\x90$I\x14\xc5\x94\x94\x94\xde\xbd{w\xec\xd8q\xc9\x92%&lt;\xcfggg\x9f&lt;y\xf2\xd4\xa9S\x07\x0f\x1eLNN6\x99L!!!m\xdb\xb6\x8d\x8a\x8aj\xdd\xbau``\xe0u?\x81\\[6@\x1e\x80N \x00\xc0\xbbQJ\x15E\x11\x04a\xdb\xb6m#G\x8e\x9c2e\xca\x84\t\x13rrr(\xa5\x06\x83\xc1b\xb1\x18\x8dFBHAA\xc1\xa5K\x97\xe2\xe2\xe2\xe2\xe2\xe2\xce\x9c9SPP`\xb3\xd9\x9a5k\xd6\xa5K\x97\xe8\xe8\xe8z\xf5\xeaU\xfc\x99\x18\x1c\x80N \x00\xc0\x8b\xb9&amp;\xfd\xe7\xce\x9d\xbbj\xd5\xaa\x95+Wv\xe9\xd2%33\xd3`0\xb8\xfe\x00\xa5\x94R*\x8a\xa2\xc9d\xb2X,\x1c\xc7\xc9\xb2|\xe5\xca\x95\xb3g\xcf\xee\xdb\xb7/...??_\x96\xe5&amp;M\x9a4m\xda\xb4S\xa7NQQQf\xb3\xd9\xf5WT\\F\xc6\xe0\x004\x06\x01\x00\xde\x8aM\xfb\x14\x15\x15\r\x1f&gt;&lt;??\x7f\xcd\x9a55k\xd6\xcc\xce\xcef]\xfe\x1b\xb1\xb1\x02\xa5\x94\xe7y\x83\xc1`6\x9b]\x83\x83\xc4\xc4\xc4\x93\'O\x1e&gt;|\xf8\xd4\xa9S\x92$\x05\x06\x06\xb6j\xd5*::\xbaM\x9b6\xb5k\xd7\xae\xf8C\xb0\x8c\x0cZ\x82\x00\x00\xaf\xc4\xaa\x7fBB\xc2\x80\x01\x03\xfa\xf7\xef?\x7f\xfe\xfc\x92\x92\x92\xd2\xd2R\x83\xc1P\x99&amp;\xcd\x86\x05l\x9eG\x10\x04\x8b\xc5\xc2z\xfd\xa5\xa5\xa5)))\xa7N\x9d\xda\xbf\x7f\xff\x993gRSSCBB\x1a5j\x14\x15\x15\x15\x13\x13\xd3\xb0aC\x93\xc9\xe4\xfa!\xae\x99"\xec1\x05/\x85\x00\x00/\xc3j7\xcf\xf3\xb1\xb1\xb1/\xbe\xf8\xe2\xfb\xef\xbf?d\xc8\x90\x9c\x9c\x1cB\xc8\x1dWa\xd7\xe0@\x10\x04\xa3\xd1h\xb1X\x04A \x84dff&amp;\'\'\x1f&lt;x\xf0\xc0\x81\x03\x19\x19\x19\xc5\xc5\xc5u\xeb\xd6m\xd2\xa4I\x97.]\xb0\x8c\x0c\x1a\x80\x00\x00o\xc2\xf6z\x12B\xa6M\x9b\xf6\xf9\xe7\x9f\xc7\xc6\xc6\xb6l\xd9\xb2\xe2\xa4\xff\xdd\xab880\x18\x0c&amp;\x93\x89\r\x0eJJJ\x92\x93\x93\x8f\x1f?~\xec\xd8\xb1\xe3\xc7\x8f\xb3e\xe4\x88\x88\x88\xf6\xed\xdbGEEa\x8f)x#\x04\x00x\r6\xedc\xb7\xdb\x87\r\x1bV^^\xben\xdd:\xab\xd5\x9a\x9f\x9f_\x85\xd5\xffF\x15\x07\x07&amp;\x93\xc9\xc7\xc7\xe7\xbae\xe4\xa4\xa4\xa4\xe4\xe4d\x8e\xe3\x9a4i\xd2\xacY\xb3\x8e\x1d;6i\xd2\xa4\xe2\xe0\x00\xcb\xc8\xa0Z\x08\x00\xf0\x0eN\xa7\xd3`0\xec\xdf\xbf\x7f\xd4\xa8Q}\xfa\xf4\x99;wnqqqyy9\x1b\x10\xb8G\xc5ed\xa3\xd1h2\x99\xd82raaaBB\xc2\xc9\x93\'\x0f\x1e&lt;x\xee\xdc\xb9\xa2\xa2\xa2\x90\x90\x90\xa6M\x9b\xb6o\xdf\xbeC\x87\x0e\xe1\xe1\xe1n{B\x80\xdb\x82\x00\x00\xb5sM\xfa\xaf\\\xb9r\xda\xb4iK\x96,\x190`\xc0]N\xfaW\xd5S\xb9\xf6\x98\xba\x96\x91\x1d\x0eGZZ\xda\xb1c\xc7N\x9e&lt;\x19\x17\x17\x97\x9e\x9en\xb3\xd9\xea\xd4\xa9\xd3\xbe}\xfbV\xadZ\xb5l\xd9\xd2\xb3\x8f\rP\x11\x02\x00T\xcd5\xe9\xff\xd2K/\xfd\xf4\xd3O\x1b7nl\xdc\xb8qVVV\xb5N\xfb\xdc\x81\xeb\x06\x07\x16\x8bE\x14EBHff\xe6\x85\x0b\x17\xf6\xed\xdbw\xf6\xec\xd9\x1d;v\xc4\xc4\xc4\xac\\\xb9\xd2\xf5\x8f\x02\xf0,\x04\x00\xa8\x17\x9b\xf4\xcf\xcb\xcb{\xf6\xd9g\r\x06\xc3\xd7_\x7fM)-..f\xb5U\xb5\\#\x03BH\xc5e\xe4\xe4\xe4\xe4\x16-Z\xec\xdd\xbb7""\x82E\x85\xa7\x9f\x14\xf4\x0eM\x10T\x8aU\xff={\xf6t\xea\xd4\xa9}\xfb\xf6\xdf\x7f\xff}yyyII\x89\xca\xab?!\x84m\xfe\x11\x04A\x10\x04EQJJJ\xb2\xb3\xb3\xd3\xd2\xd2\x1a4h0h\xd0\xa0\xc9\x93\'s\x1c:^\xa0\nh\x88\xa0:\xaeI\xff\x0f&gt;\xf8`\xd9\xb2e\xef\xbf\xff~\xff\xfe\xfd\xb3\xb3\xb3\xbdzK%\xa5\xd4h4feeEGG\xef\xde\xbd\x1b\x83\x00P\x03\x04\x00\xa8\x8bk~|\xf8\xf0\xe1\xa7N\x9d\xda\xb0aC\xbdz\xf5T8\xe9\x7f\x07$I\n\r\r\x1d;vlzz\xfa\xc6\x8d\x1b\xb1\x12\x00\x1e\x87\x00\x00\x15a\xd3&gt;\x99\x99\x99\xfd\xfb\xf7\xaf_\xbf\xfe\x9a5k\x1c\x0e\x87WL\xfbT\x06\x06\x01\xa06h|\xa0\n\xecm)Q\x14\xb7o\xdf\xde\xb9s\xe7\x01\x03\x06\xac_\xbf\xden\xb7\x97\x95\x95i\xa3\xfa\x13B8\x8e+--m\xd0\xa0\xc1\xd3O?\x8d\x95\x00P\x034A\xf0&lt;\xd7\x91j\xf3\xe6\xcd\xfb\xf4\xd3OW\xacX\xd1\xad[\xb7\xcc\xccLQ\x14\xbdw\xd2\xff\xa6\xd8  33\xb3M\x9b6\xfb\xf6\xedk\xdc\xb81\x06\x01\xe0A\x08\x00\xf0\xb0\x8aW9\xe6\xe5\xe5\xad]\xbb\xb6V\xadZ\xd9\xd9\xd9\x1a\x98\xf4\xbf)\xb6\x12\xd0\xb7o\xdfF\x8d\x1a}\xf4\xd1GX\t\x00\x0fB\xd7\x03&lt;I\x92$A\x10RRRZ\xb6l\x19\x1a\x1a\xba}\xfbv\x7f\x7f\xff\x9c\x9c\x1c\xadV\x7fB\x08\xcf\xf3eeeo\xbd\xf5\xd6\x9a5k\xb2\xb2\xb2x\x9eG\'\x0c&lt;\x05\x01\x00\x9e\xe1\x9a\xf4\xdf\xb6m[LL\xcc\xf8\xf1\xe3\x97/_\x9e\x9f\x9f_^^\xae\x99I\xff\x9b\xe2y\xbe\xb0\xb0\xb0S\xa7Nm\xdb\xb6\x9d3g\x0e\xc7q\x8a\xa2x\xfa\xa1@\xa70\x05\x04\x1e\xe0\x9a\xf7\x98&gt;}\xfa\x97_~\xb9b\xc5\x8a\xeb\xaer\xd46EQ|}}\x8f\x1c9\xd2\xa7O\x9f\xc4\xc4\xc4\x90\x90\x10B\x88\xc6V;\xc0+ \x00\xc0\xdd\\W9\x0e\x192\xa4\xbc\xbc\xfc\xf3\xcf?\xf7\xf7\xf7\xcf\xcd\xcd\xd5I\xf5g\xd8J@\xcf\x9e=#""\x16-Z\x84\x95\x00\xf0\x08L\x01\x81[\xb9\xaerl\xdd\xba\xf5}\xf7\xdd\xb7e\xcb\x16\xa3\xd1\x98\x97\x97\xa7\xab\xeaO\xae\xad\x04L\x9f&gt;}\xf5\xea\xd5X\t\x00OA\x00\x80\x9b\xb0\xf32EQ\x8c\x8d\x8d}\xf0\xc1\x07\xa7M\x9b\xb6`\xc1\x82\xdc\xdc\\\x87\xc3\xa1\xedI\xff\x9bb+\x01\x1d:th\xd7\xae\x1dV\x02\xc0S0\x05\x04\xee\xe0\x9a\xe2\x98:u\xea\xbau\xeb\xaa\xe3*G\xaf\xa3(\x8a\xd5j\xdd\xbf\x7f\xff\xc0\x81\x03/\\\xb8\xe0\xe3\xe3C\xb0\x12\x00\xee\x85\x11\x00T;\xa7\xd3)\x08B^^\xde\xa3\x8f&gt;z\xf4\xe8\xd1\x83\x07\x0fFDD\xe8\xbc\xfa\x13Bx\x9e/**\xea\xd0\xa1C\xed\xda\xb5\xff\xfb\xdf\xffb\x10\x00\xee\x87\x00\x80\xea\xe5\xba\xca\xb1S\xa7N\xed\xda\xb5\xdb\xb4i\x13\xbb\xd7W\xe7\xd5\x9fa\xaf\x01O\x9a4i\xde\xbcy\x0e\x87\x03\x87C\x80\x9b!\x00\xa0\xba\xb0I\x7f\x83\xc1\xb0r\xe5\xca\'\x9exb\xce\x9c93f\xcc\xc8\xce\xcef/\x7fy\xfa\xe9TA\x10\x84\xfc\xfc\xfc\'\x9f|2  \xe0\x93O&gt;\xe1y\x1e\x83\x00p\'\xf48\xa0ZPJ\xd9t\xf6?\xff\xf9\xcfm\xdb\xb6\xb1\xab\x1c\xb3\xb3\xb3u\xb8\xde{k\xb2,\x07\x06\x06n\xd8\xb0\xe1\xf5\xd7_?w\xee\x1c;\xfe\x08+\x01\xe0\x1e\x18\x01@\xd5c7\xbadgg\x0f\x1c8\xf0\xec\xd9\xb3qqqu\xea\xd4A\xf5\xbf)6\x08\x188p \x06\x01\xe0~\x08\x00\xa8z\x8a\xa2\xf0&lt;\xbf{\xf7\xee#G\x8e\xfc\xf0\xc3\x0f\xder\x95\xa3\xa7\xb0\xd1\xd2\xdbo\xbf\xcdV\x02\xf0N\x00\xb8\r\x02\x00\xaa\x0b\xcf\xf3\xa1\xa1\xa1N\xa7\x13\x93\xfe\xb7Vq\x10\xb0|\xf9rl\x07\x02\xb7A\x00@5\x92$\t3\xda\x95\xc1\x06\x01\x93&amp;MZ\xb1b\x05\xc1\xdb\x00\xe0.\x08\x00\x00\xcf\x13\x04\xc1n\xb7\xf7\xef\xdf\xdfn\xb7o\xd9\xb2\x85\xe7yY\x96=\xfdP\xa0}\x08\x00\x00U\x90$\xc9\xcf\xcfo\xdc\xb8qS\xa6L!\x18\x04\x80[ \x00\x00TA\x14\xc5\xfc\xfc\xfc\t\x13&amp;\xa4\xa7\xa7\xff\xf8\xe3\x8f\x18\x04\x80\x1b \x00\x00\xd4\xc2\xe9t\xfa\xfb\xfb\xbf\xf4\xd2K\x93\'O&amp;\x18\x04@\xf5C\x00\x80^\xb07\x93%I\x92eYQ\x14\xf6\xb2\x82\xa2(\xb2,K\x92\xa4\x86\x8d7l\x100~\xfcx\x0c\x02\xc0=\x10\x00\xa0}\xac\xee\xf3&lt;o\xb5ZCBB\x82\x82\x82\xfc\xfc\xfcL&amp;\x93\xc1`\xf0\xf5\xf5\r\x0c\x0c\x0c\t\t\xb1Z\xad\xec\x96J\xcf&gt;*\x06\x01\xe0Nx7\x07\xb4\xcf\xd7\xd7\xd7d2\xe5\xe6\xe6\xee\xd9\xb3\xe7\xd0\xa1C\t\t\t)))EEE\x8a\xa2\x98\xcd\xe6\xf0\xf0\xf0\xe6\xcd\x9b?\xf0\xc0\x03m\xdb\xb6e\xc7\xf4{\xf0\xad\x056\x08\x187n\xdc\xbf\xff\xfd\xef\xcd\x9b7\xf7\xea\xd5\x0b\x97\x85A\xf5A\x00\x80\xf6\x1d?~&lt;66\xf6\xfb\xef\xbf?u\xea\xd4_\xfd\x19A\x10\xbav\xed\xfa\xf6\xdbow\xed\xda5//\x8f\xe7=68v:\x9d\xa1\xa1\xa1/\xbc\xf0\xc2\xec\xd9\xb3{\xf7\xee\xed\xa9\xc7\x00=@\x00\x80f\xb1\xc3\x96\x9dN\xe73\xcf&lt;s\xe1\xc2\x05\xf6\x7f\x8c\x8c\x8c\x8c\x8c\x8c\xac_\xbf~`` \xcf\xf3\x05\x05\x05g\xcf\x9e\xdd\xbbworr\xf2\xcf?\xff\xbck\xd7\xae\xf7\xdf\x7f\x7f\xc2\x84\tyyy\x9e\xeaw\x0b\x82PTT4t\xe8\xd0\xc5\x8b\x17\xc7\xc7\xc7GDD\xb0\xa35&lt;\xf20\xa0m\x08\x00\xd0,\x8e\xe3\x9cNgHH\xc8\x80\x01\x036l\xd80b\xc4\x88^\xbdzEDD\xd8l6A\x10\xd8y;\x1c\xc7\xc9\xb2\x9c\x9d\x9d\xbda\xc3\x86w\xdf}7++\xeb\xa5\x97^\n\x0b\x0b\x1b8p`~~\xbeG2\x80\xe3\xb8\xd2\xd2\xd2\x86\r\x1b&gt;\xf1\xc4\x13\x93\'O\xde\xb8q\xa3\x1a\x16\xa8A\x93p\x1c4T=6m\xfd\xbf\xff\xfd\xef\xddw\xdf\xdd\xbf\x7f\x7fAA\x81\xa7:\xb0\x94R6\xab.\xcbr\x83\x06\r\xca\xca\xcaJKKeY\xae\xd8\xec9\x8e\x13E1  \xe0\xd0\xa1C\xfd\xfa\xf5\xcb\xc8\xc8\xa8[\xb7\xee\x81\x03\x07\xccf\xb3,\xcb\x1eY\x86\xa5\x94\x1a\x8d\xc6\xac\xac\xac\xe8\xe8\xe8\xdd\xbbwGDD\xb0\xd1\x8c\xfb\x9f\x04\xb4\rM\n\xb4\x8c\xe38I\x92\x02\x02\x02BBB\xb2\xb2\xb2\x8a\x8b\x8b\t!\x82 \x88\x15\x08\x82\xa0(Jzzz\x9b6m\xe6\xce\x9dK)\xbdt\xe9\xd2\x0f?\xfc\xe0\xe7\xe7\xe7\xa9\xae7\x1b\x044h\xd0\xe0\xe9\xa7\x9f\x9e&lt;y2n\n\x83j\x82\x00\x00\x8dc\x19\xe0t:EQ\xfc\xabN4\xc7qF\xa31//\xaf_\xbf~\x8d\x1a5\xe28\xee\xb7\xdf~\xf3\xec\x16L\xb6\x120i\xd2\xa4\xdf~\xfb-&gt;&gt;\x1e\xf7\x04@u@\x00\x80\xf6U\xe6DR\xb6\x18\xe0\xef\xef\x1f\x15\x15E)=\x7f\xfe|yy\xb9\x073\xa0\xe2 \xe0\xad\xb7\xde\xc2 \x00\xaa\x03\x02\x00\xe0\x0f&lt;\xcf\x87\x84\x84\x10B\x8a\x8b\x8b\xcb\xcb\xcb=;\xed\xee\x1a\x04\xfc\xfe\xfb\xef\'N\x9c\xc0 \x00\xaa\x1c\x02\x00\xe0O\xd8\xcb\xc0&lt;\xcf{|\xd1\xd55\x08x\xe4\x91G\x16-Z\x84\x8bb\xa0\xca!\x00\x00\xfe IRzz:!$((\xc8d2y\xbc\xe0\xf2&lt;_VV\xf6\xe2\x8b/n\xda\xb4)++\xcb\xb5{\x15\xa0J \x00\x00\x08!\x84Rj0\x18rrrN\x9c8A\x08i\xde\xbc\xb9\xd1hTC\x00\x14\x16\x16v\xee\xdc9::z\xce\x9c9\x18\x04@\xd5B\x00\x00\x10B\x88$I\xfe\xfe\xfe\xdf\x7f\xff}JJ\n\xc7q={\xf6d\xf7\xb3{\xfa\xb9\xae\x0e\x02\xa6O\x9f\xbez\xf5\xea\xac\xac,\\\x19\x0fU\xc8\xf3\xed\x1b\xc0\xe3$I\xb2Z\xad)))\xb3g\xcf&amp;\x84t\xeb\xd6\xadk\xd7\xae\x85\x85\x85*\t\x80\xc2\xc2\xc2\x0e\x1d:\xb4m\xdb\x16\x83\x00\xa8Z\x9eo\xdf\x00\x9e%I\x92\xaf\xafoYY\xd9\xd0\xa1C/^\xbch\xb1X\xe6\xcd\x9b\xe7\xe9\x87\xfa\x13\x0c\x02\xa0\x9a \x00@\xd7\x9cNg@@@vvv\xff\xfe\xfd\xd9\xcb_\x1f\x7f\xfcq\xeb\xd6\xadU\xd2\xfdg\\\x83\x806m\xda\xcc\x9e=\x1b\x83\x00\xa8*ji\xe2\x00\xee\'IRXX\xd8\x81\x03\x07\xbaw\xef\xfe\xfb\xef\xbf\x9bL\xa6U\xabV\r\x1b6,77W\x14\xd5uN"\xcf\xf3\xa5\xa5\xa5\xb3f\xcdZ\xbf~\xfd\xc5\x8b\x17\xb1\x1d\x08\xaa\x04\x02\x00\xf4\x88]\x06\x19\x1c\x1c\xbc|\xf9\xf2\x9e={\x9e9s\xa6V\xadZ\xdf~\xfb\xed\xf0\xe1\xc3\xb3\xb3\xb3\xd5V\xfd\xc9\xb5\x03-j\xd4\xa8\xe1t:\xf3\xf3\xf3\t!\x08\x00\xb8{\x08\x00\xd0#Ji@@\xc0\xb4i\xd3\xc6\x8d\x1bW\\\\\xdc\xb9s\xe7\x1d;v\xf4\xe8\xd1C\x9d\xd5\x9f\x10"\xcb\xb2\x9f\x9f\xdf\xec\xd9\xb3;w\xee\xdc\xa2E\x0bY\x96\xd53C\x05\xdeK\x8dm\x1d\xa0Z\xc9\xb2\x1c\x14\x144g\xce\x1c\xb6\xe7g\xd8\xb0aK\x96,\x11\x04!//O\x9d\xd5\x9fRj\xb1X\x92\x93\x93\xbf\xfe\xfa\xeb\xdd\xbbwSJqW0T\tt"@_XW\xfa\xb7\xdf~{\xe7\x9dw\x08!\xc3\x86\r[\xb5j\x95,\xcb%%%\xea\xac\xfe\x84\x10Y\x96\xadV\xeb\xbcy\xf3\x1ex\xe0\x81\xe6\xcd\x9b\xe3\x820\xa8**m\xf1\x00\xd5G\x10\x84\x8f&gt;\xfaHQ\x94\x16-Z\xfc\xfb\xdf\xff.,,T\xf3\xc5\xeb\xae\xee\xffW_}\x85\xee?T-\xf4#@G(\xa5&amp;\x93\xe9\xd2\xa5K\xbbv\xed"\x84\xbc\xf2\xca+~~~N\xa7S\xcd\x1djt\xff\xa1\xfa`\x04\x00:\xa2(\x8a\xc9d\xbap\xe1BNN\x8e\xcdf\xeb\xd4\xa9SQQ\x91j\xfb\xfe\x04\xdd\x7f\xa8f\x08\x00\xd0\x17A\x10233\t!\xf5\xeb\xd7\x0f\t\t\x91$I\xcd%\x95u\xff_}\xf5U\xd6\xfdW\xf3T\x15x#\x04\x00\xe8\x0b\xc7q\xc5\xc5\xc5&lt;\xcf\x07\x05\x05\x99\xcdf\xf6\xbf=\xfdP7\xc7\xba\xff\xe7\xcf\x9f\xff\xe6\x9bo~\xfd\xf5Wt\xff\xa1\xca\xa9\xb4\xe9\x03T\x13\x8e\xe3\xca\xca\xca\x14EQ\x7fo\x9au\xff\xd7\xae]{\xdf}\xf7a\xf6\x1f\xaa\x03F\x00\xa0#&lt;\xcf\x17\x15\x15u\xef\xde}\xe3\xc6\x8dAAA\xa5\xa5\xa5j\xeeS\x1b\x0c\x86\xfc\xfc\xfc\x15+V\xacX\xb1\x02\xef\xfdBu@\x00\x80\x8ep\x1c\xe7t:k\xd7\xae\xdd\xa8Q#I\x92JJJT\x1b\x00\x92$\x85\x86\x86\xce\x9b7/,,\xacw\xef\xde\x8a\xa2\xa8|\xbc\x02\xde\x08\x01\x00\xfa\xc2q\x9c\xc3\xe1(++\xe38N\xcd3*\x06\x83\xa1\xa0\xa0`\xf1\xe2\xc5\x9f~\xfa)\xc1\xc9?P=\xd4\xfb\x05\x00\xa8&gt;\xf4\x1aO?\xc8\xcdI\x92\x14\x10\x10\xb0l\xd9\xb2\x9a5k&gt;\xfa\xe8\xa3\xe8\xfeC5\xc1\x08\x00\xf4\x85\xbd\x0b\xe6\xeb\xeb\xab(\x8a\xddnWg\x06\xa0\xfb\x0f\xee\x81\x00\x00\x1dQ\x14\x85m\xac\xdc\xb8qcpp\xf0SO=%\x8a\xa2,\xcb\xaaZ\tp\xcd\xfe\xa3\xfb\x0f\xd5\r\x01\x00zA)\x15\x04\xa1\xb8\xb8x\xe0\xc0\x81III\x84\x90\xa4\xa4\xa4\x85\x0b\x17\xe6\xe5\xe5\xa9\xa7\xc2RJ\xd1\xfd\x07\xb7\xc1\x1a\x00\xe8\x05{\xaf*111))\xc9d2\x19\x0c\x86\x9d;w\x96\x95\x95\xa9j)X\x96e\x7f\x7f\xff\xa5K\x97\x86\x87\x87\xa3\xfb\x0f\xd5MEM\x1f\xa0\xba\xb1\xc5UBHyy\xb9\xd3\xe9\xf4\xf7\xf77\x1a\x8d\xaa\xeab\xf3&lt;/I\xd2\xca\x95+\'N\x9cH\xd0\xfd\x87j\x86\x00\x00\xbd\xe0y\xbe\xac\xac\xec\xde{\xef\x9d8qbHH\xc8\xbd\xf7\xde\xfb\xc6\x1bo\xa8\xeavuY\x96\x03\x02\x02\xbe\xf9\xe6\x1b\xa7\xd3\xd9\xb7o_J\xa9\xaaF\'\xa0=X\x03\x00\x1da\x190}\xfa\xf4\t\x13&amp;\x98\xcdf\x9b\xcd\xa6\xaa\xb3\x808\x8e\xa3\x94\xce\x9a5\xeb\xcd7\xdf\xb4X,\xea?\xac\x02\xbc\x1d\x02\x00\xf4\x85RZ\\\\\x1c\x10\x10\xa0(\x8a\xaa\xaa\xbf,\xcb\x81\x81\x81\x1b6l\xc8\xcf\xcf\x1f3f\x0cN\xfe\x017@\x0b\x03\xdda\xf3\xecj\xab\xb0\xae\xee\xff\xa4I\x93\xd8\xca\x84\xaa6\xa7\x82&amp;\xa9\xe8\x0b\x00\xe06\x1c\xc7\xa9\xaa\xbc\xb2\xd9\xff\xd8\xd8Xt\xff\xc1\x9d\xd0\xc8\xa0\x1a\x89\xa2\xa8\xe6\x13\x17\xd4\x03\xdd\x7f\xf0\x08\x04\x00T\x17EQ\xb2\xb2\xb2\x0c\x06\x03{\xdb\xd6\xd3\x8f\xa3^\xe8\xfe\x83\xa7\xa0\x9dA\xd5\xe3y^Q\x94\xce\x9d;\xb7j\xd5\xaaO\x9f&gt;&amp;\x93\xc9\xc7\xc7G\x92$O?\x97J\xb1\xee\xff\xcc\x993\xd1\xfd\x077C\x00@\xd5c3\xec!!!\xb1\xb1\xb1\xf7\xde{ott\xf4\xe5\xcb\x97\xd9\x05\xbc\x9e~4\xd5a\xaf\xfe\xc6\xc6\xc6\x16\x15\x15\xa1\xfb\x0fn\x86\xa6\x06\xd5\x82\xf5j\x15E\xf9\xe8\xa3\x8f^\x7f\xfd\xf5\x07\x1f|p\xe3\xc6\x8d\xa1\xa1\xa1\xb2,cI\xa0"J\xa9(\x8a\x1f\x7f\xfc\xf1\xf0\xe1\xc3\x8dF\xa3\xa2(\xe8\xfe\x83\xdbp\xf86B\xb5r:\x9d\x06\x83a\xff\xfe\xfd#G\x8e|\xf2\xc9\'g\xcc\x98a\xb7\xdb\x1d\x0e\x07^q"\x84(\x8a\xe2\xeb\xeb{\xe4\xc8\x91\xbe}\xfb\x9e:u*,,\x8c\x10\x82\x00\x00\xb7A\x00@\xb5c\x19\x90\x97\x977h\xd0 \x83\xc1\xb0z\xf5j\xab\xd5\x9a\x9f\x9fo0\x18&lt;\xfdh\x1e\xc6N~\xee\xd9\xb3gDD\xc4\xa2E\x8b\xf0\xea/\xb8\x19\xa6\x80\xa0\xda\x19\x0c\x06\xf6\x9a\xeb\x8f?\xfe\xd8\xb2e\xcb\xb6m\xdb\xb2\xde\xae\xd3\xe9\xf4\xf4\xa3y\x92\xa2(~~~{\xf7\xee=x\xf0\xe0\xe4\xc9\x93q\xf2\x0f\xb8\x1fF\x00\xe0&amp;\xec\x85\x00\x9e\xe7ccc_|\xf1\xc5\xf7\xdf\x7f\x7f\xc8\x90!999\x84\x10}\x16&gt;t\xff\xc1\xe3\x10\x00\xe0V\x92$\x89\xa2\x98\x90\x900`\xc0\x80\xc7\x1e{l\xfe\xfc\xf9EEEeee\xa2\xa8\xafc\xa9\\\xb3\xff}\xfa\xf4ILL\x0c\t\t!\x98\xfd\x07\xb7\xd3c\xcf\x0b&lt;H\x14EI\x92\x9a5kv\xf8\xf0\xe1\xc4\xc4\xc4^\xbdz9\x1c\x8e\xc0\xc0@\xbdM\x07)\x8ab6\x9b\xa7O\x9f&gt;b\xc4\x88\xd0\xd0Pl\xfe\x01\x8f@\x00\x80\xbb\xb1\x17\x83\xadV\xeb\xc6\x8d\x1bcbb:w\xee\xbcw\xef^]-\t(\x8ab\xb3\xd9\xf6\xec\xd9\x83\xd9\x7f\xf0,L\x01\x81g\xb0\xb7\x04\x04A\xd8\xb6m\xdb\xc8\x91#\xa7L\x992a\xc2\x04\x9d,\t\xc8\xb2\x1c\x1c\x1c\xdc\xabW\xaf\x88\x88\x88\x0f&gt;\xf8\x00\xb3\xff\xe0)\x08\x00\xf0$\xb6$\x90\x92\x92\xd2\xbbw\xef\x8e\x1d;.]\xba\xb4\xb4\xb4\xb4\xb4\xb4T\xc3K\x02\x94R\x93\xc9\x94\x92\x92\x12\x13\x13\x93\x90\x90P\xb3fM\x82\xd9\x7f\xf0\x10\x8dw\xb5@\xe5\xd8tP\xdd\xbau\x8f\x1e=\x9a\x95\x95\xd5\xbd{\xf7\x82\x82\x82\xe0\xe0`\rO\x07\xc9\xb2\xec\xeb\xeb\xfb\xe1\x87\x1fv\xeb\xd6\xadV\xadZ\x98\xfd\x07\x0fB\x00\x80\x87\t\x82\xc0\x0e\xc0\xf9\xe6\x9boz\xf6\xec\xf9\xe0\x83\x0f\xfe\xf6\xdbolI@{\xc3SJ\xa9\xc5bINN^\xbf~\xfd\xec\xd9\xb3\t\xfa\xfe\xe0Q\x98\x02\x02Up-\tl\xdf\xbe}\xc2\x84\t\xcf?\xff\xfc\xa4I\x93\xb4\xb7$\xc0\xf6\xfe\x8f\x1d;6==}\xe3\xc6\x8d\x98\xfd\x07\xcfB\x00\x80\x8a\xb0%\x81\xcc\xcc\xcc\xfe\xfd\xfb\xd7\xaf_\x7f\xcd\x9a5\x0e\x87\xa3\xa4\xa4D\x1bK\x02\x94R\xa3\xd1\x98\x95\x95\x15\x1d\x1d\xbd{\xf7\xee\x88\x88\x08\xec\xff\x01\xcfB\xe3\x03\x15aK\x02aaa\xfb\xf6\xed3\x1a\x8d\x1d:t\xc8\xca\xca\n\t\t\xd1\xc6\x92\x00\xdb\xfc:o\xde\xbc\x07\x1ex\xa0y\xf3\xe68\xf9\x19&lt;\x0e\xed\x0f\xd4E\x10\x046\x1d\xf4\xd9g\x9f\r\x1e&lt;\xb8G\x8f\x1e\x9b6m\n\x0b\x0b\xf3\xf6s\xa4]\xb3\xff_}\xf5\xd5\x9c9sp\xeb\x0b\xa8\x01\xa6\x80@\xa5\xd8t\xd0\x9e={F\x8f\x1e\xcd\xce\x91\xce\xcf\xcf\x97$\xc9\xeb&amp;\xcdY\x9e9\x9d\xceZ\xb5ja\xf6\x1fT\x05\x01\x00\xea\xc52 //\xef\xd9g\x9f5\x18\x0c_\x7f\xfd5\xa5\xb4\xb8\xb8X\xe5K\x02\xf4\x1aB\x88\xc1`0\x99Lf\xb3\x99\x10\x92\x9c\x9c\xdc\xa2E\x8b\xbd{\xf7b\xf6\x1fT\x02\x01\x00\xaa\xe6\xea)\xbf\xf4\xd2K?\xfd\xf4\xd3\xc6\x8d\x1b\x1b7n\xcc\xee\x9a\xf7\xf4\xa3\xfd\t\xeb\xe6\xb3\xb2n4\x1a-\x16\x0bK\xa9\xcc\xcc\xcc\x0b\x17.\xec\xdb\xb7\xef\xec\xd9\xb3;v\xec\x88\x89\x89Y\xb9r%\xba\xff\xa0\x12\x08\x00P;\xd79\xd2+W\xae\x9c6m\xda\x92%K\x06\x0c\x18\xe0\xf1\x1d\xa2\xb4\x02Q\x14-\x16\x0b\xeb\xe6;\x1c\x8e\xb4\xb4\xb4c\xc7\x8e\x9d&lt;y2...==\xddf\xb3\xd5\xa9S\xa7}\xfb\xf6\xadZ\xb5j\xd9\xb2\xa5g\x1f\x1b\xa0"\x04\x00x\x07\xd7\xd5\x92\xa3F\x8d\xea\xd3\xa7\xcf\xdc\xb9s\x8b\x8b\x8b\xcb\xcb\xcb\xdd\xd9\x95\xbe\xae\x9bo2\x99\x8cF#!\xa4\xb0\xb00!!\xe1\xe4\xc9\x93\x07\x0f\x1e&lt;w\xee\\QQQHHH\xd3\xa6M\xdb\xb7o\xdf\xa1C\x87\xf0\xf0p\xb7=!\xc0mA\x00\x80\xd7`K\x02v\xbb}\xd8\xb0a\xe5\xe5\xe5\xeb\xd6\xads\xc3\xd5\x92\xae\xa2/\x08\x82\xc9d\xf2\xf1\xf1\xe18N\x96\xe5+W\xae\x9c={v\xdf\xbe}III\xc9\xc9\xc9\x1c\xc75i\xd2\xa4Y\xb3f\x1d;vl\xd2\xa4I```\xc5\x9f \xcb2WA\xf5=-\xc0mA\x00\x807q\xcd\x9eO\x9b6\xed\xf3\xcf?\x8f\x8d\x8dm\xd9\xb2efff\x15f\x00\x9b\xd5aG\xf4T\\\xc2-))INN&gt;~\xfc\xf8\xb1c\xc7\x8e\x1f?^PP`\xb3\xd9"""\xda\xb7o\x1f\x15\x15\xd5\xb4i\xd3\x8a?DQ\x14\xf6\x13x\x9eG\xc5\x07\xd5B\x00\x80\x97\xa9\x8e\xab%+v\xf3\xd9\x12.\x8b\x99\xcc\xcc\xcc\xe4\xe4\xe4\x83\x07\x0f\x1e8p ##\xa3\xb8\xb8\xb8n\xdd\xbaM\x9a4\xe9\xd2\xa5K\xeb\xd6\xad+v\xf3\t!\x92$\xb1g@7\x1f\xbc\x05\x02\x00\xbcR\xc5\xab%\xfb\xf7\xef?\x7f\xfe\xfc\x92\x92\x92\xd2\xd2R\x83\xc1P\x99&amp;]\xb1\x9b/\x08\x82k\t\xb7\xb4\xb44%%\xe5\xd4\xa9S\xfb\xf7\xef?s\xe6LjjjHHH\xa3F\x8d\xa2\xa2\xa2bbb\x1a6lh2\x99\\?\xc4\xd5\xcdg=\xfdj\xfc\xd7\x02T\x0f\x04\x00x+\x96\x01EEE\xc3\x87\x0f\xcf\xcf\xcf_\xb3fM\xcd\x9a5\xb3\xb3\xb3\xd9\xc2\xec\x8d*.\xe1\x1a\x0c\x06\xb3\xd9\xcc\xfedAAAbb\xe2\xc9\x93\'\x0f\x1f&gt;|\xea\xd4)I\x92\x02\x03\x03[\xb5j\x15\x1d\x1d\xdd\xa6M\x9b\xda\xb5kW\xfc!\xec\x85d\xcc\xed\x806 \x00\xc0\x8b\xb9\x8e\xd3\x99;w\xee\xaaU\xabV\xae\\\xd9\xa5K\x97\x8aK\x02\xac\xe2\xb3\x9d\x9a&amp;\x93\xc9b\xb1\\\xb7\x84\x1b\x17\x17\x97\x9f\x9f/\xcbr\x93&amp;M\x9a6m\xda\xa9S\xa7\xa8\xa8(6\x1a`\xb0\x84\x0b\x1a\x86\x00\x00\xef\xf6WWKRJ\r\x06\x83\xc5bqu\xf3/]\xba\x14\x17\x17\x17\x17\x17w\xe6\xcc\x19\xb6\x84\xdb\xacY\xb3.]\xbaDGG\xd7\xabW\xaf\xe2\xcf\xc4\x12.\xe8\x04\x02\x00\xb4\xe0\xba\xab%\x97,Y\xc2\xf3|vv\xf6\xc9\x93\'O\x9d:u\xf0\xe0\xc1\xe4\xe4d\x93\xc9\x14\x12\x12\xd2\xb6m\xdb\xa8\xa8(,\xe1\x02\x10\x04\x00h\x06\xdb!*\xcb\xf2SO=e\xb7\xdb\xadVkvv\xb6\xaf\xafoDDDddd\xc7\x8e\x1d\xb1S\x13\xe0:\x08\x00\xd0\x0e\xd7\x92@ll\xac\xaf\xafo\xabV\xadj\xd4\xa8Q\xf1\x0f`\t\x17\xa0"\x04\x00h\nk\xcf\xae\xe2^q\t\x17;5\x01\xae\x83\x00\x00\r\x92e\x99\\\x9b\xd0\xf7\xf4\xb3\x00\xa8\x17\x02\x00\x00@\xa70(\x06\x00\xd0)\x04\x00\x00\x80N!\x00\x00\x00t\n\x01\x00\x00\xa0S\x08\x00\x00\x00\x9dB\x00\x00\x00\xe8\x14\x02\x00\x00@\xa7\x10\x00ps\xec\x1dZO?\x05\x00T#\x04\x00\xdc\x04;0G\x10\x04\xbc\'\xa8Z\xec\xaa\x03O?\x05x7\x04\x00\\\x8f\x1d\x9e\x93\x99\x999\xfd\xddi\x1c\xc7\xb1\x0bU&lt;\xfdP\xf0\'\xec\xd8;v\xb9\x8d$I\xec\x90;O?\x14x\x1f\xd1\xd3\x0f\x00\xea\xc2\x0eU\xce\xcd\xcd\xe9\xdd\xbb\xcf\xf9\xc4\xcc\x0b\x17\x92\xff\xbbj\x8d,\xcb8WG%\\\xa7\x99&amp;\x9dK\xae[\xa7\xb6\xc5\xf4\xc7\xfd\x97TQ\xe4kw\x14\xe3V\x03\xa8\x0c\x9c\x05\x04\x7f`\xd5?//\xafS\xe7\xf6\xf7\x04&gt;4x\xe0\xeb\xef\xbe?\xb8}\xd7z\xeb&gt;\xff\x1a\x19\xa0\x06\xec\x03"\x84&lt;\xff\xc2\x84S\xbf\x7fo\t\xa8\xe1\x17R\xbbU\x9b\x98\xe8\xd6\xd1mZ\xb5\xac]+\xec\xba?\x8c\xb3\xaf\xe1\xd6\x10\x00pU\x85\xea\x1fsO\xd0\x83\xcf&lt;\xf6r^~\xa6\xcd\x1a8o\xc9\x98v\x0f\xd4E\x06x\x1c\xbb\xf5,3;\xa7_\xff\'\x1a\x1b.\xfegb\xbf\x8c\xec\x82\xf8\xf3\x19{\x12\xd2\x92R\x0b\xaf\x14\x89~a\r\x9aF\xb6\x8aj\xd1*\xa6}\xdb\x86\xf5\xef1\x1b\r\xae\xff\xd6u\xfb\r\x8e\xc5\x86\x8a\x10\x00@\xc8\x9f\xab\x7f\xdd\xa0\x07\x07=\xf6Jvn\x1a\xcf\x0b\x1c\xc7\xf9\xf9\x06\xcc[2\x1a\x19\xe0A\x94RI\x92\x0c\x06\xc3\xaf\xbb\xf7\x8eyn\xe8\xe8\x07\x82\xde\x1c\xdd\xbd4\xa7\xc8 \xf2\xa2\xc9@\x0c\x02\x91\x95\x82\xbc\xc2\x13g\xd3\xe2\x933\xf7\'f\xa5\x15\xf3\x85\xc4Z\xa7\xd1\xfd\xf75\x8d\xe8\xdc\xb9s\x9b\xe8\x16\x81\xfe~\x15\x7f \xee\xbf\x04\x06\x01\x007\xaf\xfe\x82 \x92k3\xce\xc8\x00\x0fr\xf5\xdc\xdf_\xbcl\xf9{\xd3\x97Nh\xdf\xfd\x81\xe6\xf6\x8c\x02Q\xe4\t%\x94R\x85R\x8e\xe3\x0c\x02o2\x1b\x89Q$\x84*%e\xe7\xaf\xe4\x1c=\x9b~\xf4\\\xe6\xd1\x8b\xf6&lt;\xd9j\x0b\xa9\xdb,*:&amp;\xa6CTd\xf3\xa6\x8d\x1b\xfe\xf9\xe7\xcb\x8a\x82\x99"\x9dB\x00\xe8\xdd-\xaa?\x83\x0c\xf0 \xd7E\xc7#\xc6\xbc\x98\xb4k\xc3w3\x06\x84\xd7\x0c\xb4\xe7\x17\x1b\xc4\xeb\xa7q(!l\xbb\x16\xa5T\xe0y\x93Q\x14\xcc\x06"\xf0\xc4\xe1L\xcf\xca?\x93\x92\xb37\xfer\xe2\x95\xc2s\xd9\x12\xe7W\xabq\xf3VM#\xee\xef\xd4!\xa6I\xe3F\x15\x07\x07\x94*\xb2\x8ced\x1dA\x00\xe8\xda\xdfV\x7f\x06\x19\xe0\x11\x92$\x8b\xa2\x90r9\xb5W\x9f\xfe]j\xd9\x97\xbd\xdeW\x96\x94\xd22\x87 \xfc\xfd$&gt;\xa5D\xa1\x94}p&amp;\x83`0\x1a\x88I$\x94:\nK\x12\x923N\x9c\xcf\xd8\x9f\x98y&amp;\xcbQ([\x82\xeb4n\xdd\xaeC\xcb\x96\xad\xdaDc\x19Yw\x10\x00\xfaU\xc9\xea\xcf \x03\xdc\x89R\xaa(\x8a \x08[w\xec\x1c5\xf4\xd9\xa9O5\x1e\xfbl\xe7\x92\xecBJ)\xcf\xdf\xf6/\x9cRB\tU\x14J\x08\x11\x05\xdeb2\x10\x93\x81\xf0\x1c)+O\xcf\xb6\xc7\x9dI=\x99\x9c}\xe8lNZ\xb1\xc1/\xf4\x9e\xda\r\x9a\xc6t\xec\x14\xd9&lt;"*2\xa2\xe22r\xc5=\xa6XF\xd6\x0c\x04\x80N\xddV\xf5g\x90\x01\xee\xe1\x9a\xf4\x9f\xfb\xdeG\xab?|\xe7\xd37ztl\xd3\xc8\x9ei\xbfq\xda\xe7\x0e\x7f\xfe\xb5\x99"\x9e\xe7\x8c\xa2h0\x1b\x88(\x10\xaa\x14\xe4\xd8\x93Ss\xf6\x9f\xbar\xf2b~bFY1\x1fX\xb7q\xf3\xfb\x9a5\xef\xdc\xa9sd\xf3f5\xc3\x82+\xfe\x10\x0c\x0e\xb4\x01\x01\xa0GwP\xfd\x19d@uc\xd3&gt;\xb2,?9xd\xe1\xe9m\xeb\xa6\r\x08\x0b\xb2\xda\xf3\x8b\r\xa2P\x1d\x7f\x1d\xad\xb8\x8c,\xf2&amp;\x83\x81\x98D\xc2s\xa4\xb4\xfclJ\xd6\xd5e\xe4K\x85\x05N\x93%\xa8ndt\xfb\xf6\xedcn\xb2\x8c,\xcb\n\xc2\xc0;!\x00t\xe7\x8e\xab?\x83\x0c\xa8&gt;l\xa7\xff\xa9\xd3I\xcf\x0c\x1a\xf2@\xad\xc2%\xaf\xf7\x91\xca\xa5\xd2r\xa7X\x89I\xff\xbbG\t!\x94*W\x07\x07\xbc\xd9\xb5\x8c\xec\x94\xf2\xf3\x8bN\x9eO\xdfs\xf2rRj\xe1\xd9,\xc9\x18X;\xa8V\x83\xb6\xed;DEF\xde\xb0\xc7\x94RJ\xd0\x18\xbc\x05\x02@_\xee\xb2\xfa3\xc8\x80*\xc7\x0e\\\xe2y&gt;\xf6\xbb\xef\xffo\xccs\x1f\x8cj1\xa8_\xdb\xe2\x9c"B(\xef\xa1\xdfj\xc5ed\x83\xc8\x9bLF\xb6\x8c\\n/\xbe\x98\x96{81\xed\xd0\x99\xcc\xa4\xf4\x92\\\xc9\'\xb8N\x93\xfb"\xa2:t\xe8\xd0:\xbae\xbd:\xb5\xc8\xb5\x16\xe2\x91\xc7\x86\xdb\x82\x00\xd0\x91*\xa9\xfe\x0c2\xa0\n\xb9\x0ex\x98:c\xee\xfa%\xb3\xbe\x99\xf5x\xe4}\xe1\xf6\x9c\xa2\xaa\x9a\xf4\xbf{\xf4\xea\xba4[F\x16LF\x917\x89D\xe4\x89CJ\xcf\xc8\x8b;\x93z\xe2|\xd6\xe1s\xb9\xf9Ns\x81b}\xff\x83E\x9d:ub\x8b\xd8\x9e~p\xf8\x1b\x08\x00\xbd\xa8\xc2\xea\xcf \x03\xaa\x04\x9b\xf6)**\x1c\xf2\xdcX\xe9\xdc\xf6/f&gt;c3\x1b\xec\x85e\xea\xa9\xfe7\xa2\xd7f\x8a8\x8e3\x19D\x83\xd9@\x0c\x02q\xca\x84\xa7o\xffk\xf3\xe6\x94\xa0\xb8\x03\xbf\xb3\xf3J=\xfd\xa4\xf07\xf0\t\xe9B\x95W\x7fB\x08;)\xba\xb08\x7f\xd2\x8b\xff9\xf0[\xca\xe0!O\t\x82\x80C\xeao\x0b\xab\xfe\xf1\t\x89\xad\xdbu\x8e \'~X\xf4\x9c\x99\xe7\x8a\x8aT]\xfd\t!\x1c\xc7\t&lt;\'\n\xbc\xc0sNI..,-\xcc),\xb4\x97\x96\x179\xa6\xbe\xf0hF\xd2\xa1-[\xb7\xf3&lt;\x8f\x0b\x85\xd4O\xd5\xed\x0c\xaaDuT\x7f\x06\x19p\xc7(\xa5\x8a"\x8b\xa2\xb8\xf2\xbf\x9f\xf7~\xf8\x81\x19\x8f\x85\xcd}\xb9O\xb1\xbd\xd8)\xc9\x95y\xcfK=8\x8e\xf0&lt;\'\n\xbc(p\x0eI6Y\x8c\xaf\rl1y\xea;\x84`)\xd8\x0b`\nH\xe3\xaa\xaf\xfa\xbb`.\xe8v\xb9&amp;\xfd_zu\xd2\xf6\xaf\x96~?\xe7\x89\x86\xf5\xc2\n\xf3\x8a\xdc\xb3\xdb\xa7Zq\x84(&lt;\xdfx\xe8\xf2\xff\xac\xff\xa1W\xcf\xee\xae\x7f)\xa8\x13\x02@\xcb\xdcP\xfd\x19d@\xe5\xb1i\x9f\xdc\xbc\xbcACF\x982\x0f\xc4\xce\x19$PR\\Z\xae\x81\xeaO\x08\x91d\xc5/\xd8\xef\x83U\xbf\xac9i8\x82\x95\x00\xd5\xc3g\xa3Yn\xab\xfe\x04sA\x95\xc6\xaa\xff\x9e}\x07;w\xee\xda)\xe0\xe2\xff&gt;\x1a)9\xa4\xd22\x876\xaa?!D\x14\xf8\xb2\xfc\xe2q\x03c2\xcf\x1c\xda\x8c\x95\x00\xd5\xc3\x08@\x9b\xdcY\xfd]0\x0e\xb8\x05J)\xa5\n\xcf\x0b\xef/^\xb6\xe2\xfd\xe9\x8b\xc6\xb4\xed\xdd\xed\xfe\xa2\x9cB^sgnJ\xb2\xe2\x17d\xfd`\xf5\xceu\xf1\xc6C\xfbvc\x10\xa0f\x08\x00\r\xf2H\xf5g\x90\x017\xe5\x9a\n\x1f&gt;j\xfc\xe9\xdf\xbe\xfen\xc6\x80\xf0Z\x81\x85y\xc5\xa2\xbaw\xfb\xdc\x19J\x89(pE\xe5R\x93\xe7\xfe\xfb\xf3\xef\x87"\xef\x8f`\xef\xb8y\xfa\xb9\xe0&amp;\xf0\xa9h\x8d\x07\xab?\xc1\\\xd0\xcdH\x92$\x08BfvN\xfb\x8e]\xe53\x9b\x0f|&lt;&lt;,\xd0Z\x98\xaf\xcd\xeaO\x08\xe18R\xee\x94\x83Bm\xcft\xac3\xf5\xddY\xacIx\xfa\xa1\xe0\xe6\xb4\xd9\x04u\xcb\xb3\xd5\x9fA\x06\xb8PJeY\x16E\xf1\xd7\xdd{;\xc7\xb4\x1b\xd8\xb4\xe4\xf3y\x83\x8b\x8b\x1d\xe5\xee:\xde\xc7S\x04\x9ew\x16\x95M\x1e\xd1\xf5\xb7\x1f\xbf\x8b?\x95\xc0\xf3\xbc\xa2(\x9e~(\xb8\t-\xb7B\xbdQC\xf5g\x90\x01\x84\x10V\xf2\x04Ax\xef\xc3%c\x86\x0cX:\xba\xf9\x9b\xa3\xbb\xdb3\n\xd8\xc6yO?]\xf5\xe28RV\xee\xac]7dp\xe7:oM\x9d\x81A\x80j\xe1\x83\xd1\x08\xf5T\x7f\x17=\xaf\x07\xb8\xaer|r\xf0H{\xc2\xb6\xb5o\xf7\xaf\x15\xea\x7f\xd3\xab\x1c\xb5\x8aR"\x8a|VA\xc9\xfdc&gt;\xdf} .\xa2YS\xac\x04\xa8\x10&gt;\x0f-Pa\xf5\':\x1e\x07H\x92,\x08B\xca\xe5\xd4\x16\xd1\xedk\x15\xee\xdf\xf1\xe1\x90P\x9bOQ\x81\x8e\xaa?a+\x01\x0e\t\x83\x00\x95\xd3Q\x8b\xd4*uV\x7fFo\x19pm\xd2_\xd8\xbacg\x87\xb6\xd1\xff\xe8jY\xfa\xf6\xe3\xc5E\xe5\xe5\x0e\xa7w\x1d\xf0P%\x04\x9ew\xd8K&amp;\x8f\xe8\xbak\xdbw\'\xe2Oa%@\x85t\xd7(5F\xcd\xd5\x9f\xd1O\x06\xb0\xab\x1c\x05A\x98\xfb\xdeG\xff\x1c1\xe0\xabI]\xc6&gt;\xd3\xc9\x9ea\xe79\xe2\xa93\xfd=\xeb\xea \xe0\x9e\x90g;\xd6~w\xe6\\\x0c\x02T\x08\x1f\x89\x17S\x7f\xf5w\xd1\xfcz\xc0\xd5S\x9d\x0b\x0b\x87\x8f\x1e_\x98\xf8\xf3\xe7o\xf7\x0f\x0b\xae\xc6\xab\x1c\xbd\x85B\x89\xd9l\x88?\x97\xfe\xe0\xdb?\x9dN&lt;\x1d\x12\x1cLpH\x9c\x9a`\x04\xe0\xad\xbc\xa8\xfa\x13\xad\x8f\x03\\W9\xb6n\xdf\xf9&gt;\xf9\xd8O\x1f\x0e\t\xf45\x15\x16\x94\xe8\xbc\xfa\x13Bx\x8e\x94\x96\x94G\xdd\x7fO\xfb\xba\xfc\xec\xf9\x1fp\x1c\x87Y U\xc1\x08\xc0+yW\xf5w\xd1\xde8\xe0\xba\xab\x1c?\x1c\xdd\xea\x99&gt;\xad\x8bs\x0b\t\xd1\xe9\xb4\xcf\x8d\x14\x85\x9a}\x8cG\x13S\xbbO\xfd)\xe9L\x12\x06\x01\xaa\x82\x11\x80\xf7\xf1\xd2\xeaO47\x0e`y\xc6\xf3\xfc\xb4\x19s\'\x8d}f\xdb\x9cG\x9f\xe9\xd5\xaa0\xcb\xces\x1c\xaa\xbf\x0b\xcfs\xa5\xc5\xe5\xad[6\xe8P_\xc4 @m0\x02\xf02\xde[\xfd]\xb41\x0e`}\xff\xdc\xdc\xdc\xff\xfb\xe7k\xf6\xf8-\xebgy\xc1U\x8e\x9e\xa2Pj\xb6`\x10\xa0Fh\xac\xdeD\x03\xd5\x9fhe\x1c\xc0Bk\xee\xc2E\x99q\xdfn^6\xda\xc4\x11\xf5_\xe5\xe8)&lt;\x87A\x80J\xa1\xbdz\rmT\x7fF\x1b\x19@\x08q8\xa5\x16\xf7\x86\x13E)sH:\xdc\xe9_y\x1c\xcf\xc9\xa5\xe5\xb3\x9e\x7fp\xf5\x7f\x96\xa7gd\xf2&lt;\xefu\x9f\xb5&amp;\xa1\xc9z\x07-U\x7fF\x1b\x19\xc0q\\i\xb9\x93b\xc9\xf7\xef\xb0A@t\xab\x06\x1d\xeb\x0bK\x97\xaf\xe48\x0e\x17\xc5\xa8\x01\x02\xc0\x0bh\xaf\xfa3Z\xc9\x00\x82\xda_)\x1c\xa78\x9c/?\xd9~\xcd\xea\xff:\x1c\x0e\x0c\x02\xd4\x00\x01\xa0vZ\xad\xfe\x8c62\x00*C\xe0\xb9\xb2\xc2\xb2\x87b\x9a\xf8\x95_^\xf1\xe9g8\x19B\r\x10\x00\xaa\xa6\xed\xea\xcf \x03\xf4C!D\xe0\xb9\x19\xcfu\x9e7w\xae\xc3\xe1\xc0\xe1\x10\x1e\x87\x00P/=T\x7f\x06\x19\xa0\x13\x02\xcf\x15\xdbK\x1f{8*X\xc9\xc0 @\r\x10\x00*\xa5\x9f\xea\xcf \x03t\x82\x12B\x08}wD\'\x0c\x02\xd4\x00\x01\xa0Fz\xab\xfe\x0c2@\x0f\x04\x9e+\xc1 @5\x10\x00\xaa\xa3\xcf\xea\xcf \x03\xf4\xc05\x08\x98?onYY\x19\xb6\x03y\x10\x02@]\xf4\\\xfd\x19d\x80\xe6\xb9\x06\x01Ar\xc6g\xeb\xbe\xc4;\x01\x1e\x84\x00P\x11T\x7f\x06\x19\xa0y\n\xa5\x9c\xc0\x8d\xee\x1d\xb9\xec\xe3\x15\x84\x10\xdc\x15\xec)\xf8\xbd\xab\x05\xaa\x7fE\xc8\x00m\x13\x05\xbe\xac\xa0dd\xbf\xb6\x99g\x0em\xd9\xba\x9d\xe7y\x0c\x02&lt;\x02\x01\xa0\n\xa8\xfe7B\x06h\x9bSV\xac\xfe\x96\xd7\x1eo1y\xea;\x04\x87\x83z\x08\x02\xc0\xf3P\xfd\xff\n2@\xc3D\x81/\xcb/\x1e70\x06\x83\x00\x0fB\x00x\x18\xaa\xff\xad!\x034\xcc)+&gt;6\x0c\x02&lt;\t\x01\xe0I\xa8\xfe\x95\x81\x0c\xd0*\x0c\x02&lt;\x0e\x01\xe01\xa8\xfe\x95\x87\x0c\xd0*\xa7\xac\xf8\xf8Y^{\xa2\xc5\x94\xa9\xefPE\xc1 \xc0\xcd\x10\x00\x9e\x81\xea\x7f\xbb\x90\x01\x9a$\n|YA\xf1\xb8\xc7\xdb\xa7%\x1e\xfa}\xdf\x01\xbc\x13\xe0f\x08\x00\x0f@\xf5\xbf3\xc8\x00Mr\xca\x8a\x8f\xbf\xcf\x93\x9d\xea-\\\xb4\x18#\x007C\x00\xb8\x1b\xaa\xff\xdd@\x06h\x8f\xc0\xf3\x8e\xa2\xb2IC\x1f\xf8u\xcb\xb7\xf1\xa7\x12p:\x90;!\x00\xdc\n\xd5\xff\xee!\x034\x86\xe3Hy\xb9\xb3\xf6=!C:\xd7yk\xea\x0c\x9c\x0f\xeaN\x08\x00\xf7A\xf5\xaf*\xc8\x00\x8d\x11x\xdea/\x99&lt;\xa2\xeb\xae\xad\xdfa\x10\xe0N\x08\x007A\xf5\xafZ\xc8\x00-\xe18R\xee\x90j\xd7\r\x19\x8cA\x80{!\x00\xdc\x81R*\x08BNNv\xa7\xce\xed\xefA\xf5\xaf"\x152\xe0\x93\x03\xbf]\x1e4\xe4IA\x10P;\xbc\xd4\xb5A@\xb7_\x7f\xfc6\xfe\xd4i\x16\xe7\x9e~(\xedC\x00T;J)\xa5\xf4\xe2\xc5\x0b\xbdz\xf5\xae\x1b\xf4\xd03\x8f\xbd\x9c\x9d\x87\xea_5X\xb9/*.xs\xc2\xc7q\xbfg&lt;?\xea\xb9\xa2\xa2"\xf6\x0b\xf7\xf4\xa3\xc1\xed\xb9:\x08\xa8\x134\xf2\xa1\xfao\xbd\xfd\x0e\x06s\xee\x81\x00\xa8v\x8a\xa2\xf0&lt;\xbf\xf2\xd3O\xe2\x0e\x9e\x196\xf0\xcd\xbc\xfcL\x9e\x13&lt;\xfdP\xda\xc1q\xbcS\x96dY\x1e=\xf8\xddU\x9f\xae\xde\x7f`\x1ff\x90\xbd\x14\xc7qr\xb9\xf3\xc9\xae\x11\xbb~\xfd\xb9\xb4\xb4T\x10\x04d@uC\x00T;6\x98}g\xda\x8ca#\xfbM{\xefY?k \xa6)\xaa\x90\xa2H&gt;\x16kaq\xde\xcc\xc5\x83\x97}\xbc\xe4\xe1\x87\xba+\x8a"\x08\x88X/D\xa9`2\xcc[\xb7g\xc4\xf3\xa3}}}eY\xc6k\x01\xd5\r\x01\xe0\x0e\x1c\xc7\xf1&lt;\xbf\xea\xd3\xcfb\xba\xd6\x9b\xbfd\x8c\x9fo\x002\xa0J(\x8al6\xf9\x94\x94\xd8g-\x1e2k\xee\x9b\xe3\xc6N\x90e\x19\xb7\x8bx#\x85R\x8b\xaf)\xee\xd8\x85\xdd\xc9\x8e)\x13_\xa7\x94\xe2st\x03\xfc\x8a\xdd\x81uddY^\xf7\xf9\xd7\xed\x1e\xa8;o\xc9hd\xc0\xdd\xbbZ\xfdK\x0bg.\x1e4k\xfe\xc4\x97\xfe\xf1\xaa\xd3\xe9D\xdf\xdfKQ\x85\n\x16\xd3\xdb+\x7fyn\xf4\xb8\xd0\x90`\x05\xe7\x02\xb9\x05\x02\xc0M\xd8 \x00\x19PU\xfe\\\xfd\'\xbd\xf4\x7f\xaf8\x9dN\x83\xc1\xe0\xe9\xe7\x82;\xc1\xba\xff\x87\x8f&amp;\xef\xbd M\x99\xf8*\xba\xffn\x83\xdf\xb2\xfb \x03\xaa\n\xaa\xbf\xc6\xb0\xee\xff\xd4\x95\xbf\x8c\x18=.4$\x04\xdd\x7f\xb7A\x00\xb8\x152\xe0\xee\xa1\xfak\x0c\xba\xff\x1e\x84_\xb4\xbb!\x03\xee\x06\xaa\xbf\xf6\\\xed\xfe\xff\x07\xdd\x7f\x0f@\x00x\x002\xe0\xce\xa0\xfak\x8fB\xa9\xc5\xc7t0\xee\xfc\x81\xcb\x14\xdd\x7f\xf7\xc3\xef\xda3\x90\x01\xb7\x0b\xd5_\x93\x14\x99\nV\xf3\xe2\r\xfb\xfa\r|&amp;4$\x04{\xff\xdd\x0c\x01\xe01\xc8\x80\xcaC\xf5\xd7$J\x89\xc9$^\xb9\x98\xb5\xe5h\xf6+\xff\x18\x8f\xee\xbf\xfb\xe1\xd7\xedI\xc8\x80\xca@\xf5\xd7*YQ\x8c6\x9f9\x9f\xfd\xda\xb1G\xff\xa8\xfb\x9b\xb3CS&lt;\xfdP\xfa\x82_\xb7\x87!\x03n\r\xd5_\xab(%&amp;\xa3x%%{\xdd\xae\xcbsg\xbeC)\xc5\xe4\x8f\xfb!\x00&lt;\x0f\x19\xf0WP\xfd5\xecj\xf7\x7f\xf5\xaf]z\x0eh\x1e\xd1\x0c\xdd\x7f\x8f\xc0o\\\x15\x90\x017B\xf5\xd7\xb0?\xba\xff\xbb/\xcf\x9d9\r\xdd\x7fOA\x00\xa8\x052\xa0"T\x7fmC\xf7_%\xf0KW\x11d\x00\x83\xea\xafm\x94\x12\xb3\xc9\x80\xee\xbf\x1a \x00\xd4\x05\x19\x80\xea\xafy\xb2\xa2\x18\xac\xe69\xab\x7f}\xe0Qt\xff=\x0c\xbfw\xd5\xd1s\x06\xa0\xfak\x1e\xa5\xc4d\x10r\xb3\xec_\xee\xb9&lt;\xf3\x9d\xb7\xd1\xfd\xf7,\x04\x80\x1a\xe93\x03P\xfd\xf5@V\x14\xa3\x9f\xe5\xbf?\x1c\xae\x1f\xd1:*\xb29^\xfe\xf2,\xfc\xeaUJo\x19\x80\xea\xaf\x13\x06\x81/),{\xff\x9bc3\xde\x9dN\x08\xd1j{\xf6\x16\x08\x00\xf5\xd2O\x06\xa0\xfa\xeb\x84$+\xe6\x00\xdf\x8fc\xf7\x855n\xd3\xbb\'no\xf6&lt;\x04\x80\xaa\xe9!\x03P\xfd\xf5\xc3 \xf0%\xf6\xd2\xf7\xbf=6g\xe6\xbb\x04\xdd\x7f\x15@\x00\xa8\x9d\xb63\x00\xd5_?*v\xff{\xa1\xfb\xaf\x0e\x08\x00/\xa0\xd5\x0c\xd0@\xf5\xe7y\x9e\x10NQ\xbc\xfb\x83p\x0ft\xffU\x08\x01\xe0\x1d\xb4\x97\x01\x1a\xa8\xfe\x84\x90\xe2\xe2b\x81Sx_\xb3$+\x9e~\x16UC\xf7_\x9d\x10\x00^CK\x19\xa0\x81\xea\xcf~\xf3\x8f&lt;\xdc\xf5\xc7\xf8\xc2\xed\xdb\x8e\x04\xd6\ntJ\x18\x08\xdc\x1c\xbd\xd6\xfd\x7f\xef\x1bt\xff\xd5\xc5+\xcb\x87\x9eQJY\xefi\xf0\x90\xa7\x0e\xfc\x962\xe9\xc5\xff\x14\x16\xe7{\xd7\xdb4\x1a\xa8\xfe\x0c{\x85\xf5\xb7\xdf\xf7\x8e\x191t\xd4\x03Ao\x8e\xee^\x9c]H(\xe5y\xaf\xf9,\xdcC\x92\xa9_\xa0\xef\xfb\xabw~q\xcath\xdf.\xbc\xfa\xab\x1e\xf8\x18\xbc\x8c\xb7\x8f\x034S\xfd\t!\xec\x83x\xa0S\x87]\xfb\x0e\xc4\x9e\xf6\x192i\x9d\xaf\xaf\xd1d2`:\xe8:\x02G\xa8$\x7f\xfc\xc3\x897\xdf|\x9d\xa0\xfb\xaf&amp;\x08\x00\xef\xe3\xbd\x19\xa0\xa5\xea\xcf\x08\x82 \xcbrXH\xf0\xfe=\xbf\n\x8d{\xb7\x1b\xf7Yf^\x91_\x80\xaf$!\x03\xae\x92\x15j\xb1Y6\xfer\xd2\xe1S\xbb_\xafG\xf0\xea\xaf\xaa\xe0\x93\xf0J\xde\x98\x01\xda\xab\xfe\x8c \x08\x94RE\x91?[\xb9\xec\x99\x7f\xcc|p\xd2\xa6\xcd\xbb\x13\xfcBm\xb2\xa2\xe6O\xc3}8B\x08\xe1\xdeY\xfd\xfb\x1b\x13\'Y,\x16EQ\xbch\xbaR\xf3T]2\xe0\xd6\xbch=@\xab\xd5\xbf"I\x92DQ\xdc\xb3\xef\xe0\xe8Q\xa3\x9em\xc1M{\xb1wi^\x91"+z^\x12\x90\x15\xeak\xb3l\xdcq\xe2\xff\xd6\x9c=\x7f&amp;A\x14E\x8e\xe3T\xd8&gt;u\x0b#\x00/\xe6-\xe3\x00=T\x7fB\x88(\x8a\x92$u\x8ci\xbb{\xf7\xaf\xbf\xe7\xd7\xeb\xff\xcfU\xa2Q\xb4\x98\x8dz^\x12pu\xff\'\xbd\xf5\x96\xd1hTg\xefD\xcf\x10\x00\xdeM\xfd\x19\xa0\x93\xea\xcf\x88\xa2(\xcbrP`\xe0\xd6\xcd\xff\xab\xff\xc0s-\x9e_y!3O\xb7K\x02\xb2B}l\x96\x8d;\x8e\xe7\xf05^x~86\xff\xa8\x10&gt;\x0f\xaf\xa7\xe6\x0c\xd0U\xf5g\\K\x02\x8b?\x98\xf7\xda\xace\x0f\xbc\xf1\xc3\xf7\xbf\xc6\xfb\x85\xf9+\nUT\xf0\x89\xb8\x13\xba\xff\xea\xa7\x8a2\x01wO\x85\xeb\x01:\xac\xfe\x15\xb1\x7f\xec\xbe\x03\x87G\x8fz\xfe\xb1\x082{|OGI\x99\xc3!\t\x82.z]\xb2B\xad6\xcb\xb7;N\xfc\x03\xb3\xff*\xa6\x8b\xb6\xa8\x07j\x1b\x07\xe8\xbc\xfa\x13B\x0c\x06\x83$I1\xedZ\xef\xd9\xb3\xfb\x84\xdc\xbc\xcf+\xab\xcb\x14j\xb5\x9a\x9d\xfa\x98\x0e\xe2\t\x91\x15:\xfd\xb3=\xe8\xfe\xab\x19\x02@;\xd4\x93\x01\xa8\xfe\x0c[\x12\xb0\xf9\xf9\xfdo\xc3\xba\xe8\xc7_n=\xea\xd3\x13\xc9\x99\xb6`\xab\xe6\x97\x04d\x85\x9a\xad\xe6_\xf6\'e)\xc1/&lt;?\x1c{\xffU\x0b\x9f\x8a\xa6\xa8!\x03P\xfd+\xba\xb6$\xa0\xcc\x9c\xf6\xd6\xbc\xe5_&gt;2\xf9\xc7/\xb7\x1c\xf1\x0b\xb5)T\xd3K\x02\x94\xf2F\xf1\xc3\r\x07\x9e\x1d&lt;\xc4h4\xca\xb2\x8c\xee\xbf:a\r@\x83&lt;\xb8\x1e\x80\xea\xffW\xd8[\x02\xa7N\'=\xfe\xc4SOD(s\xff\xefQg\xa9\xa3\xac\xdc)jnI@\xa1\xd4l1\x1eKL}x\xeaOIII!!\xc1\x84\x10\x04\x80:i\xad\xf1\x01\xf1\xdc8\x00\xd5\xff\x16\xd8[\x02\x11M\x9b\x1c\xde\xbf;Qh\xd1\xe3\xe5\xcf\xf3\x8a\xcb\xfd\xfc}\x9c\x92\xec\xe9G\xabbT\xa1\x82\xc5\xf4\xf6\xca_F\x8c\x1e\x17\x1a\x1a\x82W\x7f\xd5\x0c\x01\xa0M\xee\xcf\x00T\xff\xbf%\x8a\xa2\xa2(V?\xbfo\xbe\\\xfb\xd0\xd0\x89\x0f\xbc\xbc~\xcf\xf1\x8b\xb60\x7f--\x0b+\x94Z|M\x87\x8f&amp;\xef\xbd M\x99\xf8*f\xffU\x0e\x9f\x8df\xb93\x03P\xfd+\x89\xe7yJ\xa9,\xcbo\xbd\x</t>
        </is>
      </c>
    </row>
    <row r="124">
      <c r="A124" s="1" t="n">
        <v>122</v>
      </c>
      <c r="B124" t="inlineStr">
        <is>
          <t>shape_reflect</t>
        </is>
      </c>
      <c r="C124" t="inlineStr">
        <is>
          <t>What is the missing shape denoted by a question mark?</t>
        </is>
      </c>
      <c r="D124" t="inlineStr">
        <is>
          <t>['square', 'triangle', 'pentagon', 'hexagon']</t>
        </is>
      </c>
      <c r="E124" t="inlineStr">
        <is>
          <t>triangle</t>
        </is>
      </c>
      <c r="F124" t="inlineStr">
        <is>
          <t>There are six shapes in the image separated by a line. In the top part there are ['?', 'square', 'pentagon']. In the bottom part there are ['triangle', 'square', 'pentagon'].</t>
        </is>
      </c>
      <c r="G124" t="inlineStr">
        <is>
          <t>We observe that the pentagon is reflected across the line as a pentagon. Similarly, the square is reflected as a square. Hence, the pattern is that each shape in the top part is reflected in the bottom part.</t>
        </is>
      </c>
      <c r="H124" t="inlineStr">
        <is>
          <t>Based on the pattern that each shape in the top part is reflected in the bottom part, the missing shape which is reflected from a triangle part should be a triangle.</t>
        </is>
      </c>
      <c r="I124" t="inlineStr">
        <is>
          <t>b'\x89PNG\r\n\x1a\n\x00\x00\x00\rIHDR\x00\x00\x02\x00\x00\x00\x02\x00\x08\x02\x00\x00\x00{\x1aC\xad\x00\x00I\x01IDATx\x9c\xed\xddg`T\xc5\xde\x06\xf0\xff)\xbbIH6\xbbI\x80\x00\x82\x94\x10\x82\x8aJ\xf3RB\x11\x90&amp;\xc2U:rAE\x94+\x08\x06D\xb0 M"Di&amp;\x80\x85*\xe8E\xaa\x15!\x89\x14\xe9\x91\x10\x90&amp;\x1d\xf4\xc5H\x12\xd2C\xc2\xee\x9e\xf2~\x18\xd9\xcb\xa5\x97d\xcf\xee\xce\xf3\xfbt/\x062\xbb{\xf6&lt;3\xff\x993#\xe8\xbaN\x00\x00\xc0\x1f\xd1\xe8\x06\x00\x00\x801\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80\x9b\xe8\xba\xae\xeb\xba\xaa\xaa7\xff1M\xd34M\xd3u\xdd=\xad\x020\x10\xbb\xda\x8dn\x05\xd7\x04\xdck\xca\x88\xae\xeb\xae[\xb9(\x8a\xa2xgY\xcb\xfe\xae\xae\xeb\x82 \x88\xa2(\x08B\xd94\x13\xc0\x18\xaa\xaaJ\x92t\xe5\xff\x00\xf7\xc3\x08\xa0\xf4i\x9a\xa6\xaa\xaa \x08\x92$\xc9\xb2,\xcb\xb2(\x8a%%%YYY\xbbv\xedR\x14\xe5\xba\x7f\x8bE\xc5\xfe\xfd\xfb\xcf\x9e=[PP \x8a"\xfb\xeb\x92$\t\x82\xc0\xfeM\xf7\xbe\x0e\x802\xa1\xeb\xba\xa2(\x92$\x9d={6%%E\x92$\x0c\x05\x8c\x82\x11@Y\xb9x\xf1\xe2\x91#G\x0e\x1f&gt;|\xe0\xc0\x81C\x87\x0e\x9d:u*??\xbf\xa8\xa8\xe8\xf7\xdf\x7f\x0f\x0f\x0fg]\xfb+\x7f^\xd34Q\x14\xeb\xd7\xaf\x7f\xf2\xe4I\x9b\xcd\x16\x15\x15U\xa3F\x8dG\x1ey\xa4~\xfd\xfa\xf5\xea\xd5\x0b\x0b\x0b3\xea\x85\x00\x94"v\x9d\x13\xd1\xca\x95+cbb2\xb32\xc7\xbf;~\xfc\xf8\xf1D\xa4(\x8a,\xcbF7\x903:\x94\x1eUU5MKJJ\x1a4hP\xadZ\xb5\xae[\xb7\x99={\xb6\xae\xebN\xa7\xf3\xaa\xbf\xa8\xeb\xfa\x9e={\xae\xfb\x19\x85\x87\x87?\xfd\xf4\xd3\xf3\xe7\xcfw\xcd\x10\x00x#v\xd9\x17\x14\x14\x0c\x1f&gt;\xfc\xca+\xbcS\xa7N\xe9\xe9\xe9\xec\x07p\x85\xbb\x13F\x00\xa5\x89ua&gt;\xfe\xf8\xe3\xa1C\x87\xba\xfe\xb0R\xa5J\x0f&lt;\xf0@\xfd\xfa\xf5\xcb\x97/\xdf\xb8q\xe3\n\x15*4h\xd0@\xff\xdf\x11\x00\xfb\xbfg\xcf\x9e=}\xfa\xf4\xa1C\x87\xb2\xb2\xb2\xf6\xee\xdd{\xf4\xe8\xd1\xf4\xf4t\xbb\xdd\xce~\xa6{\xf7\xeek\xd6\xacA\xc1\x14\xbc\x91\xae\xeb\x9a\xa6I\x92\x94\x96\x96\xf6\xf2\x90\x97\xf7\xa6\xee%\xa2\x16m\x9aW\xabQm\xf9\xe2\x15Dt_\xd5\xfbf\xce\x98\xd9\xbbwo\xbab\x94\x00e\r\x03\xae\xbb\xa1i\x9a \x08\xd7v\xf0\xd9\x9f\xd4\xabW\xef\xbe\xfb\xeek\xd6\xacYtttttt\x9d:u\xacV\xebu\x7f\xf2\xaa\xff[\xa3F\x8d\x1a5j\xb4m\xdb\x96\xfdaqq1+\x92\xee\xda\xb5k\xdb\xb6m\x8f=\xf6\x18]\x9e*\xb8n\x93\xf0\x9d\x01\xcf\xc4z-\x92$%$$\x8c\x9f0&gt;/7O a\xf8\xd8\xa1\xc3\xdf\x18j\xb1Z\x1em\xf8\xf0\xd4w?\xfc\xf3\xdc\x9f}\xfa\xf4\xd9\xbe}{ll\xac\xc5bA9\xc8=0\x02\xb83\xae\x8e\xcc\x8d\xfe\xab \x08yyyDd\xb3\xd9\\\x7f\xee\x9a\xe3b\xb1q\xa3;\xb5~\xe3\x85C\x0e\x87#777&lt;&lt;\xfc\xba\x7f\x91\xdd\xfd\xd9\x98\x0e1\x00\x9eC\xd7uUUeYNOO\x1f5j\xd4\x8a\x15+\x88\xa8f\xed\x1a\x13?x\xb7S\xd7\xf6y\xb9\xf9\x8a\xa2\x84\x86\x85\x1e=|\xf4\x8d\xa1o\xa5\xeeN#\xa2F\x8d\x1a}\xf6\xd9g\r\x1b6TU\x15\xeb\xdf\xca\x1a\x02\xe0\x0e\xb8z%\'N\x9c\x88\x88\x88\xb8\xf9\xad\x96\x95\xf5\xefe\x11\'\xbb\xa1\xb3\xd1\xc6-\xcb&gt;G\x8f\x1e\xad[\xb7.\xfb\xbd\xf8\xda\x80\'p\x8dJ\x13\x13\x13\x07\x0f\x1e|\xee\xdc9"\xea\xf2t\xe7\xd8\xd9\x93*V\xae\x98{!W\x92%A\x10\x14E\t\xb2\x049\x1c\x8e\x84\x0f\xe6%|0O\xd7u[\x88m\xf2\xa4\xc9l\x9e\x005\xcf2\x85\xde\xe2ma7bY\x96333cbb\x1ey\xe4\x91Y\xb3f\xe97x\xb0\x8b\xdd\xb8\xaf\\\xc4yw\xbf\x94\x85\x07\xfbG\xd8\xbfy\xed\xcf\xb0\x81\xc5\xf6\xed\xdb\x1b4h\xd0\xb9s\xe7\xc3\x87\x0f\xb3\xdf\x885\xa3`,EQDQT\x14e\xd4\xa8Q\x9d;w&gt;w\xee\\\xb05x\xe2\x07\xef~\xf2\xe5\x1cK\xb0%7;W6\xc9\xec\xab!\xcbrqQ\xb1\xa6j\xe3b\xdf\\\xbc\xfa\xb3\xf0\xca\x15\xf3r\xf3F\x8c\x18\xd1\xb7o\xdf\xf4\xf4tI\x92\x14EA?\xb5\x8c`\x04pk\xae&gt;\xc8\xe2\xc5\x8b\xc7\x8f\x1f\xcf:2&amp;\x93i\xc7\x8e\x1d\x8d\x1b76\xb0\xea\xc2R!\'\'\xa7e\xcb\x96G\x8f\x1e%\xa2\x80\x80\x80\xd7_\x7f}\xcc\x981\xa8\xa2\x82Q\xae\x9c\xef\x1d6l\xd8\xee\xdd\xbb\x89\xa8~\xe3GcgM\xfaG\xf3\xc6Y\x99\x17\xae[\x05e\xdd\xa9\x90P\xdb\xb9?\xfe\x9c4&amp;v\xdd7\xeb\x89\xa8j\xd5\xaa\x0b\x16,\xe8\xd8\xb1#a\x96\xabl\xe0\r\xbd\x05\xf6\xc4Jzzz\xdf\xbe}\x07\r\x1a\xc4\xee\xfe\xfd\xfa\xf5\xdb\xb7o_\xfd\xfa\xf5\x89\xc8\xc0\x8b\x92\xcd(\x84\x84\x84l\xdc\xb8\xf1\xddw\xdf\r\x08\x08())\x992eJ\x9b6mRRRdY\xc6\xae\x12\xe0f\xaeG \x13\x12\x12\xda=\xd1n\xf7\xee\xdd\x02\t/\xbc\xf2\xdc\x9a\xa4\xe5\x0f\xd7\x7f(\xf3|\x96$I\xd7\xfd\xca\x08\x82 \xcbrnN^\xf9\x8a\xe5?\xf9r\xce\xc4\x0f\xde\r\xb6\x06\x9f;w\xaes\xe7\xce\x93&amp;Mb\xe3\t\x8ckK\x1dF\x00\xb7\x96\x98\x98\xf8\xe2\x8b/\xfe\xf9\xe7\x9fDT\xb7n\xdd\x993gv\xee\xdc\xd9\xe8F]\xc7\xe1\xc3\x87G\x8f\x1e\xbda\xc3\x06"\xf2\xf3\xf3\x9b6mZLL\x0c]\x9e\x9a6\xb8q\xe0\xeb\\\xf3\xbd\xd9\xd9\xd9\xc3\x86\rc\xf3\xbd\xe1\x95\xc3\xe3\xe6L\xe9\xd4\xb5C~^\xc1mV\xf3Y\xaf\xa5B\xc5\xf2\xbf\xecL}g\xe4\x84\xfd\xa9\xbf\x12Q\x8b\x96-\x16.XX\xa7N\x1dLq\x95.\x8c\x00\xae\x8fUW.^\xbc\xf8\xf6\xdbow\xea\xd4\x89\xdd\xfd\x87\x0f\x1f\xbe{\xf7\xee\xce\x9d;\xb3\x07\xbe\x8cn\xe3\x7f\xe9\xba\xae(\xcaC\x0f=\xb4~\xfd\xfa\xf8\xf8x\x9b\xcdf\xb7\xdbG\x8e\x1c\xd9\xabW\xaf\xb3g\xcf\xdeh\xfe\x00\xa0\xb4\xb0\xa5\n\xb2,\'&amp;&amp;F\xb7\x88fw\xff.Ow\xfe\xfe\xe75\x1d\xba&lt;\x91}!\x87\xcd\x8a\xdd\xce?\xc56A\xc9&lt;\x9f\xf5p\xfd\x87\xd6$-\x1f\xf4\xcasD\xb4}\xdb\xf6f\xcd\x9a-X\xb0\x00S\\\xa5\x0b#\x80\xebc7\xcd\xbc\xbc\xbc\xa6M\x9b\x9e8q\xa2b\xc5\x8a\t\t\t\xec)\x15\x8f]\x96\xc02I\x14\xc5\xb4\xb4\xb4\x97_~y\xef\xde\xbd\xb2,\xef\xda\xb5\xabq\xe3\xc6\xa8\x9fB\xd9a\xdf\x08EQbcc\'M\x9a\xa4\xebzpp\xf0\xa8q\xaf\xbd8\xecy\xa7\xd3YR\\rwsQ\xec\x9f\xb5\x85XW~\xb1f\xca\xdb\xd32\xfe\xca \xa2~\xfd\xfa%$$\x84\x85\x85a\x8a\xabT \x00n\x88]\x7f\x1b7n|\xeb\xad\xb7\x96/_\x1e\x11\x11\xc1\xe6\x03&lt;|\xf8\xc9\xbe\x18EEE\x83\x06\r\x8a\x8a\x8az\xef\xbd\xf7&lt;6\xb1\xae\xcb\x87\xc7+\xd7}x\xd0\xab\xb9\xe6{\x8f\x1f?\xfe\xe2\xe0\x17\xb7o\xdbND\xf5\x1e}(nn\xecc\xcd\x1a_\xb8\xc1|\xef\x1d\xfd\xfb\xaa\xaa\x86\x96\x0f\xfd\xe3\xf4\x1f\xa3\x87\xbe\xb5m\xd3v"\x8a\x8a\x8aZ\xb8patt\xb4\xab\xc7SZ/\x87C\x08\x80\x9ba\xa5\x15EQ\x02\x02\x02\xbc\xa8\xc7\xe1\xba\xe3\x17\x17\x17\x07\x04\x04\xd05\x0f\x1e\x03\xdc;\xd7e\xb6`\xc1\x82\xb1c\xc7\xe6\xe4\xe4\x10\xd1s/\xffk\xcc\xc4\xd7\x83\xad\xc1\xf9y\xf9&amp;\x93\xa9T~\x11\xfb\x02\xca&amp;\xf9\xb3\x8f\x16|0y\xa6\xc3\xee\xf0\xf3\xf7{\xeb\xcd\xb7&amp;L\x98@\xd8B\xee\xde \x00n\x8b\xd7\x95P\xbcq\xe2\x97\xbd\xc9\xfb\xf7\xef\x1f5j\x14{\xb7\xbd\xee%\\\x17\xfb\x8ai\x9a6s\xe6\xcc\xfa\xf5\xeb{\xdd\xb5t]\xec\xb6\x9b\x9d\x9d=|\xf8\xf0\xe5\xcb\x97\x13Qx\xe5\xf0q\xef\xbf\xd9{@\xcf\x82\xbc|\xa7S)\xddA\'\xeb\xec\x87\x96\x0f\xdd\xbaq\xdb\xd8a\xef\x9c&gt;y\x86\x88:u\xea\x14\x1f\x1f\x1f\x19\x19\xe9\x15Cs\xcf\x84\x00\xb85o\xbc\x99\xd2\xe5\xfb\x8e\x17\xb5\x9c\xf5(\x93\x93\x93;t\xe8`t[\xcaDRRR\xfb\xf6\xed\xbd\xab"w-W\xe1%111&amp;\xe6\xb5\xa3G\x8f\x11Q\xcb\xb6-\xa6\xcf\x9bz\x7f\xad\xfbs.\xe4\x94\xdd\xbdXQ\x94`kpA~\xc1\xe47\xdf_\xb1t\x15\x11U\xa8Pa\xce\x9c9\x1e&gt;9\xe7\xc90t\xfa\x1b[\xbf|\xa3\x15\xca\xeeo\xcf\xbd\xbbQ\xb3Y\xdd\xd6c\xd7\xd2\x99L&amp;\xb6T&lt;\xea\xa1:\xa1\xa1!\x8a\xa2xf;o\x87\xae\xeb\xb2,\xe7\xe4\xe4\x1e;|\\\xd3\xb4\xd2*\x89\x18\xc8Uo\x994i\x12\x9b\xef5\x9b\xcdc&amp;\x8cz\xf9\xb5\xc1\x8aS\xc9\xb9\x90S\xa6\xd5\x18Y\x96\x0b\x0b\n\xfd\xfc\xfcf~\x1a\x17\xdd\xba\xd9\xc41S\xb2\xb2\xb2\xb0\x85\xdc\xbd\xc0\x9bED\xe4\xda\xdf\xcd7\x86\xe77\xc1F3\x9e\xdcQb\xf3~\xaa\xaa\x8e{\xff\xad\x8e\x9d\x9f\xc8/\xc8\x97d\xcfm\xed\xcd\xa9\x8aj\r\xb6&amp;\xae\xff\xa9\xef\x93\xff\xa2\x1b\xef\xe4\xea\x15\\\xbb\xa1\x9c8qb\xc4\x88\x11\xecq\x93z\x8f&gt;\x14;{R\x93\xe8\xc7\xf2r\xf3Y\xda\x95u3\xd8r\xa3\xfc\xbc\x82\xde\x03{&gt;\xdc\xa0\xde\xe8W\xde\xdc\x9b\x92\x96\x90\x90\xb0s\xd7\xce\xb9s\xe66i\xd2\x043\xc3w\x04\x01\xf0\xf7M\x7f\xea\xd4\xa9\xcf&gt;\xfbl\xf5\xea\xd5\xbd\xb4\xe0s;\xd8KSU5..n\xe8\xd0\xa1l\x93j\x8f}\xb1%\xc5\x97\x8a\x8a\x8b\x8a\x8a.zr\\\xdd\x9c\xaa\xaa\x92,\x95\x14_2\xba!\xf7\xca\xb5\x9f\xf3W_}\xf5\xdak\xafeff\xd2\xe5\xf9^\xab\xcd\x9a}!G\x96e\xb7]H\xac\x07\x93\x9d\x99]+\xb2\xe6\x8a\x1f\x97\xc5\x7f0/!n\xde\xde\xd4\xbd\xad[\xb7v=\xfc\x88r\xd0m\xe2=\'\xd9\x83\x85K\x96,y\xfb\xed\xb7\xeb\xd7\xaf\xbft\xe9R\xba\\\xe5\xf41\xecE\xed\xdb\xb7\xef\xa1\x87\x1ez\xe7\x9dw^\x7f\xfdu\x0f\x7f\xa0F\x14\x05\xd1Gxh\xc4\xde&amp;6\xc5\x9a\x9f\x9f\xff\xd2K/\xf5\xeb\xd7/3334,t\xce\xe2Y\x1f\xcc\x9bj6\x9b\n\xf2\x0b\x0c\xa9\xba\xc8&amp;\xb9\xb8\xa8XU\xb5wb\xc7.Y\xbb\xa0f\xed\x1a\xec\xe1Gl!wG\xb8\x0e\x00V\xf99p\xe0\xc0\xab\xaf\xbe*IRppptt4yp\xa7\xf8^\x08\x82\xa0\xebzDDD\xed\xda\xb5\x89h\xd1\xa2E\x8b\x17/\x96e\xd9\x933\x00\x8c\xc5\xce\xb1\x90ey\xc7\x8e\x1dM\x9b6]\xb0`\x01\x11\xb5l\xdbbM\xd2\xf2\x9e\xff\xeaq!\xf3\x82\xaa\xde\xf0l\x0c7\x10%Q\xd7\xf5\x0b\x19\xd9\xed\xbb\xb4\xfb\xfa\xa7\x95O&gt;\xdd\x89\x88V\xacX\xd1\xa4I\x93\xc4\xc4D6(\xf1\xc9\xce\\)\xe27\x00\xd8\x03G\xaa\xaa&gt;\xff\xfc\xf3\x17/^\x14\x04a\xd5\xaaU\x11\x11\x11\xbeZ\x02bO!\x05\x07\x07\x7f\xf9\xe5\x97\xec\xbc\xe2\xe1\xc3\x87\x9f&gt;}Z\x92$|I\xe0Zl\xff5Q\x14\'M\x9a\xd4\xee\x89vG\x8f\x1e5\x9b\xcd\xaf\x8d}\xf5\x8bo\x17\xd5\x8c\xac\x99\x9d\x95\xed\xce\xb2\xcf\x8d\x08\x82 \x9b\xe4\xdc\xec\\K\xb0\xe5\xd3/\xe7^\xb9\x85\xdc\xa8Q\xa3\xb0\x85\xdc-\xf1\x1b\x00\xac\xfb\xff\xc6\x1bo\xec\xdb\xb7\x8f\x88&gt;\xfc\xf0\xc3\x7f\xfc\xe3\x1f\xec\x8a1\xbaie\x85\xd5|\xacV\xeb\x7f\xfe\xf3\x1f\x93\xc9t\xf1\xe2\xc5\xfe\xfd\xfb\xb3\x912\x06\xcb\xe0\xc2\x9e\x7fd\xf3\xbd\x9d;w\x9e8q\xa2\xfd\x92\xbdV\xed\x9a_~\xbf\xe4\x9d\xf7\xdf,\xbeXr\xd7\xbb;\x94\x11Y\x96\x1d\x0eGaA\xe1\xb0\xd7\x87,\xffai\xfd\xc6\x8f\xea\xba&gt;k\xd6\xac6m\xdb\x1c?~\\\x92$v:\x93\xd1\xcd\xf4D&gt;{\xb3\xbb9\xd7~\xe5\t\t\tD\xf4\xc4\x13O\xc4\xc4\xc4\xf0\xb0\x86\x8c\xd5F\x9b4i\xf2\xf6\xdbo\x13\xd1\xee\xdd\xbb?\xfd\xf4S\x0c\x02\xc0\x85\xad\x87\x96ey\xe5\xca\x95\xd1\xd1\xd1l\xb5O\x9f\x81\xbd\xbe\xdf\xba\xb6i\x8b&amp;Y\xe7\xb3\xd8\xb0\xc0\xe8f^M\xc4\x16rw\xc5\xe3&gt;Hw\x1a9r\xa4\xa2(V\xab\xf5\x93O&gt;\xe1\xe74]\xd6!z\xfb\xed\xb7\x1b5j$\x08\xc2\xf8\xf1\xe3\xb3\xb2\xb2\x90\x01@\x97\xe7{\x0b\x0b\x0bG\x8c\x18\xd1\xa7O\x9f\xac\xac\xac\xb0\xf2\xa1\xf1\x0bg\xce\xfc4\xce\xcf\xcf\xaf\xb0\xa0P6yt\x0fI6\xc9EE\x17\x15E\x9d\x1a\xff^\xc2\xe2Y\xe1\x95\xc3srr^z\xe9\xa5g\x9f}6;;\x9b\xf5~\x8cn\xa3g\xe1\xe2\x96w\x15\xb6\xf2\'!!a\xeb\xd6\xadD4f\xcc\x98\x88\x88\x08\xf6\x87F7\xcd\x1dX\xdd\xd6d2\xcd\x9a5K\x14\xc5\xdc\xdc\xdc\xa1C\x87\xe2\xe8\x18\xce\xb9\xe6{SRR\xda\xb4m\xc3F\xc6-\xdb\xb6X\x95\xb8\xbc\xcf\xc0\x9e\xf9y\x05,\x1b\x8cn\xe6\xad\xb1\xf3S/de\xf7\xec\xdf\xfd\xbb\xcd\xab[\xb6mAD\xcb\x97/o\xd1"z\xc7\x8e\x1d\xec\x94$\xf4u\\\xb8\xb8\xe5]\x85\xdd\x01/\\\xb8@D\x91\x91\x91\xa3G\x8f\xe6m\xd50\xeb\n\xb5l\xd9r\xc0\x80\x01\xba\xae\xdb\xedv\xa7\xd3\xc9I\xfe\xc1\xb5\\\xf3\xbd\xb3g\xcfn\xdd\xba\xf5\xde\xd4\xbd\x02\t#\xc6\x0e\xfb\xe2\xdb\xc5\xb5"k^\xc8\xca\xf6\xae\x9dvX\t+\xe7BN\x85\xf0\n_~\xb7d\\\xec\x9bf\xb3\xf9\xe8\xd1c\xed\x9eh7i\xd2$\xf6J1\x14`&lt;z@WFDQ\xd44m\xd2\xa4I\x16\x8b\xc5f\xb3\x99\xcdfV\xf74\xba]n%\x8a\xa2\xae\xeb#F\x8c\x08\x08\x08\x987o\x1e\xba\xff|r\x1d\xe3\x95\x9e\x9e\xfe\xe2\x8b/\xb2\x8a\x7f\xcd\xda5\'~0\xaeS\xb7\xf6\xb9\xd9y\xeey\xbe\xb7,\xc8\xb2l\xb7\xdb\x1d\x0e\xc7\xabo\xbc\xf2X\xf3\xc6\xef\xc4L8\xf4\xeb\xe1\x89\x13\'\xee\xde\xbd\x9bm!\x87\xc3\xc5\x88\xcf\x11\x00]\xce\x80\xd1\xa3G\x0f\x1e&lt;\xf8\xf6\xcf*\xf2%\xec\xd2o\xd0\xa0\xc1\xbcy\xf3\xc8\x17\xb7\xaa\x87[r\x1d\xe3\xb5r\xe5\xca&amp;M\xfe\xc1\xee\xfe]{tY\xfb\xd3W\x1d\xba\xb4\xbb\x90\x91}\x8f\xbb\xf9\x1b\x8e]\xe4\xd9\x17r\x1a5i\xb0r\xc3\x97}\x06\xf6"\xa2\r\x1b6\xb4h\xd1\xe2\xab\xaf\xbe\xc2\xcc0q\x1b\x00t9\x03|u\xd5\xff\xedC=\x94O\xac\xec\xe3\x9a\xef=w\xeeO\xab\xcd:-a\xca\xfc\xe5\xf3,\x16KNv\xae\x87\xcf\xf7\xde&gt;Y\x96\x0b\xf2\nMf\xd3\xccO\xe3\xe2\x17\xce\x0c+\x1f\x9a\x99\x99\xd9\xaf_\xbf\x97^z\xa9\xb0\xb0\x90\xf3\x99a~\x03\x80.w\x10\x8cn\x85\xc1\xbc\xba\x8b\x07w\xc1U\xf6IKKs\xcd\xf76n\xda\xf0\x9bM+\x9f{y@Nv\xae\xe2\xf4\xb5\xf5\xd0\x92,\xa9\x8a\x9a\x9fW\xd0g`\xcfU\x89\xcb\xd9\xcc\xf0\x82\x05\x0b\xda\xb4m\x93\x92\x92\xc2\xf3\xcc0\xbe\xfcn\xc5\xbe{\xca5&lt;\xed\x94y\xf0Ul\xbaK\x92\xa4\x84\x84\x84vO\xb4s\xcd\xf7._\xb7\xacVd\xad\x9c\xec\x1cI\x92\x04/\xdf\xbc\xe8\xba\xd8\xab\xbe\x90\x95]+\xb2\xe6\x17\xdf.\x1e1v\x18\x11\xb1-\xe4f\xcf\x9e\xcdf\x869,\x07!\x00\xdc\xc1\xb5\xc51\xbb\n\xe5k\xb0\x1d\xf0\xd9\x8f\x19\xddX\xf0Yl\xb5[zzz\xdf\xbe}G\x8c\x18\x91\x97\x9bW\xb3v\x8d%k\x17\xbc\x13;VS\xb5\xe2\xa2b\x1f\xeb\xf8_K\x96\xe5\x92\xe2\x92\x92\xe2\x92wb\xc7~\xbeva\xcd\xda5\xd9\x16r\x9d;wf[\xc8\xf1\xf6\x05\xf4\xf1\xcf\xfb*\xee\xaf\xf8\xbbN\xcdf\xf3\xccEEEG\x8f\x1e=q\xe2\xc4\xef\xbf\xff\x9e\x97\x97g\xb7\xdb\xcdfshhhdd\xe4\xc3\x0f?\x1c\x19\x19\xc9V1\x93q\x1b\xd2aR\xc4W\xb1\xc5\x0e\x89\x89\x89\x83\x06\rJOO\'\xa2\'\x9f\xee\xfc\xfe\xecI\x15+W\xbc\x90\x91-\xc9\x92(q\xd1\x1dd5\xcf\x0b\x19\xd9\x1d\xba\xb4{\xa4a\xbd\xf1\xafO\xfe~\xcd\xba\r\x1b6&lt;\xf6\xd8c\x8b\x16-\xea\xd8\xb1#W_\x01\xbe\x02\x80\xed\x0e\xe8\xce\x15/\xac\xcb\x9f\x97\x97\xb7~\xfd\xfao\xbe\xf9f\xe7\xce\x9d\xe7\xce\x9d\xbb\xeeO\x9a\xcd\xe6&amp;M\x9a\xfc\xfb\xdf\xff~\xf6\xd9g\xc9\xa0\xa3i|\xfe&lt;\x1cn\xb1Ov\xd2\xa4I\x13\'N$\xa2\n\x15+\x0c}\xfd\xe5\xc1\xaf\x0er\xd8\x1d\xb9&gt;4\xdf{\xfbd\x93\x9c\x93\x9dk\xb1X\xe6/\x9f\xb7\xf8\xe3\xa53c?JOO\xef\xd4\xa9\xd3\xc4\x89\x13\'L\x98\xc0\xcf\x17\x81\xa3\x0f^\xd7\xf5\xc2\xc2\xc2\xe0\xe0`\xb7\xfd:"\xfa\xfd\xf7\xdf?\xfb\xec\xb3e\xcb\x96\xb9\xee\xfbl\xe1\xdd\x95\x97\x17\xab\xfc8\x1c\x8em\xdb\xb6m\xdb\xb6\xed\x8b/\xbeX\xbcxqxx\xb8\xfb{"\xa2(^\xbcx\xd1l6\xfb\xc0\xe1\x85p%vGc\xf5\rA\x10F\xbf\x1b3\xf4\xd5!\x7f\xfc\xf5\x7f\xa2(\xfa|\xd9\xe7FdYV\x9c\xca\x85\xac\xec\xa1#\xfe-\x8a\xe2\x9b#\xc6\xb9j\xb0\xfc\x04\x00\x17/\x92\xdd\x8b\xf3\xf2\xf2\x1a7n\xdc\xbau\xeb\x8f&gt;\xfa\x88\x88\xca\xba\xd8\xc7*\xfe\xeb\xd6\xad\x9b:u\xea\xb9s\xe7$Ir\xddX\x9dN\xa7\xfd\n\x0e\x87\x83\r\xcf\xd9\xf4\xc0\xfa\xf5\xeb\xdb\xb7o\x9f\x9d\x9d\xed\xb6M:\xd9[\xb1i\xd3\xa6\xb6m\xdbFEEm\xdf\xbe\x9d\xca\xfe\xfd\x01wb\xb7\xb3\xe7\x9e{\xce\xdf\xdf_\xd7\xf5\xbd)i\x05\x97\n\x88\xfb5`\x82(\x08\x82Pt\xa9poJ\x9a\xae\xeb\xfe\xfe\xfe\xcf=\xf7\x1c\xf1\xf4\xb6p\xf1:\xd9\x02\x9b\x9d;w\x9e8qb\xeb\xd6\xad\xe1\xe1\xe1T\xf6\x07\xb4\xb2\xa2\xff\x80\x01\x03\xaaU\xabf2\x99\x04Ap8\x1cN\xa7S\xd7\xf5\xfb\xee\xbb\xafY\xb3f\x9d;w\xee\xd6\xad\xdb\xe3\x8f?~\xff\xfd\xf7k\x9a\xc6v\xacU\x14\xc5l6\x1f&lt;xp\xc8\x90!\xecI\x852m$\xc3\xc6\x19\xb5j\xd5\xda\xbcy\xf3\x9f\x7f\xfe\xc9\x1e\x08\xc2\xb3\xc1\xbe\x84]K5k\xd6l\xd0\xa0\x01\x11mI\xde\x9a\x95q\xc1\xcf\xcf\x8f\xf3OY\xd7u??\xbf\xac\x8c\x0b[\x92\xb7\x12Q\x83\x06\rj\xd6\xac\xc9O\xf7\x9f8\t\x00v\x95\'%%\t\x82\x10\x12\x12\xd2\xaaU+\xba|\x83.;\x82 (\x8a\x12\x1c\x1c&lt;x\xf0`\xa7\xd3\xa9(\xca#\x8f&lt;2y\xf2\xe4\xd4\xd4\xd4c\xc7\x8e\xed\xdc\xb9\xf3\xc7\x1f\x7f\xfc\xf6\xdbo7o\xde|\xe4\xc8\x91\r\x1b64k\xd6\x8c]y\x0e\x87C\x92\xa45k\xd6l\xdf\xbe\xdd=\xcb\x12\xd8\x02\xa4\xea\xd5\xab7k\xd6L\x14\xc5M\x9b6y\xcb\xce_p\xfb\xd8\xd5\xd5\xbd{w"\xca\xcc\xc8J\xd9\xb1\xa7\\`\x00\xe7\x8b\x8f5M+\x17\x18\x90\xb2cOfF\x16\x11u\xef\xde\xddm\xbd.\x0f\xc1E\x00\xb0\x0fu\xff\xfe\xfd\xba\xae\xd7\xa9S\xc7m\xe5uvc\x1d4hP\x9f&gt;}\xd6\xaf_\xbf\x7f\xff\xfew\xdf}\xb7Q\xa3F\x81\x81\x81\xae\x85\xa1\x9a\xa6\x05\x06\x06v\xec\xd8q\xcb\x96-\xed\xda\xb5cK\x86\xd84\xf5\xb2e\xcb\xc8]=qV\xb0j\xda\xb4\xa9\xa6i\xa7O\x9f\xce\xcd\xcdeGH\xba\xe1W\x83{\xb0^m\xb7n\xdd\xfc\xfc\xfc\x88(\xf1\xfb$~\xd6\xba\xdc\x84 \x08\x89\xdf\'\x11\x91\x9f\x9f_\xb7n\xdd\x88\xa7\xfa\x0f\xf1\x10\x00l\xa3\xff\xa2\xa2\xa2\x93\'O\x12Q\xd3\xa6M\xdd\xb6\xda\x97=i\\\xb5j\xd5\xaf\xbe\xfa\xaaS\xa7NlL\xe0\xda\x7f\x82\x15\xfdYH8\x1c\x0e\xb3\xd9\x1c\x1f\x1fo2\x99\xd8\x0f\xe8\xba\xfe\xcb/\xbf\xb8m\x9f"v/h\xd9\xb2%\x11\xe5\xe5\xe5\x1d;v\x8c\xb0K\x84oa\xdd\xa0\xda\xb5k7n\xdc\x98\x88vmK\xb9\x90y\xc1d2q\x1b\xf3\xba\xae\x9bL\xa6\x0b\x99\x17vmK!\xa2\xc6\x8d\x1b\xd7\xae]\x9b\xab\xfa\x0fq\x12\x00Dt\xf2\xe4\xc9\xac\xac,"\xaa_\xbf\xbe\xfb\x1b\xc0:\xfblc\xc5k\xf7\x9f\x10\x04\xc1l6\xeb\xba\xfe\xc0\x03\x0fDEE\xb9F\'\x19\x19\x19\xec\xb0b7|E\xd9o|\xf0\xc1\x07\xfd\xfd\xfd\xd9h\x890\r\xe0s\xd8\xdd\xad}\xfb\xf6D\x94\x99\x91u\xe4\xd01\xff\x00\x7fnc^\xd34\xff\x00\xff#\x87\x8e\xb1\xfaO\xfb\xf6\xedy\xab\xff\x10?\x01p\xfa\xf4i\xa7\xd3i6\x9b\x1f}\xf4Qr\xef(\xcf\xd5\xd9\xbf\xf9\x88\x9b\xb53,,\xcc\xf5\'\x0e\x87\xc3m\xdbT\xb1\x98\xa9V\xadZ\xd5\xaaU\x89\xe8\xc4\x89\x13d\xdc\xc3hPF\xd8\x07\xda\xa1}\x07Q\x14UEM\xfe\xe1\'\xb3\x1f\xd7#\x00\xb3\x9f)\xf9\x87\x9fTE\x15E\xb1C\xfb\x0e\xc4\xdf5\xcfK\x00\x9c&lt;yR\x92$\x8b\xc5R\xa3F\r\xf2\xc8\x8f\x99\xd5\xfd\x8b\x8a\x8a\\\x7f\x12\x10\x10`6\x9b\xdd\xf6\xdbu]/W\xae\\\xb5j\xd5DQD\x00\xf8$\xf6\x9cy\xa3\xc6\x8d\xea\xd4\xa9CD\x9b\x93~\xce\xcb\xc9\xe3\xf6\x99\x0f\x93\xc9\x94\x97\x93\xb79\xe9g"\xaaS\xa7N\xa3\xc6\x8d8\xdc\x19\xde\xf7\x03\x80\xdd\xc5\xd2\xd2\xd2TU\xadT\xa9\x12[\x07mt\xa3\xae\xc6\xea\xfeYYY\xec\xce\xcbT\xa9R\xa5\\\xb9rn{\x1c\x8c\xbd-l\x19\xdc\xc1\x83\x07\x8b\x8b\x8b1\x0f\xec{TU5\x9b\xcd]\xbbv%\xa23\xa7\xce\xeeO=P\xae\\\x00\x87\xcf|\xa8\xaaZ\xae\\\xc0\xfe\xd4\x03gN\x9d%\xa2\xae]\xbb\xb2\x83\xa1\x8cn\x97\xbb\xf9~\x00\xb0Y\xd6N\x9d:u\xea\xd4\xa9f\xcd\x9a\x01\x01\x01\x1e\xb8\xd7\x07;\x9ch\xc1\x82\x05\x05\x05\x05\xae&gt;H\x8b\x16-\xc8\x8d\x0fd\xb9\x02\xa0~\xfd\xfa\xff\xfe\xf7\xbf\t#\x00_\xc4&gt;\xd3\x1e=z\xb0zw\xf2\xba\x8d&amp;.\xab@\xba\xae\x9b\xfcL\xc9\xeb6\xb2y\x91\x1e=z\x10\x97\x17\xbc\xef?\x05\xce&gt;\xd4A\x83\x06\r\x1a4\xe8\xfc\xf9\xf3\x1e8\xcb\xeft:M&amp;\xd3/\xbf\xfc2e\xca\x14\x16WD$I\xd2\x0b/\xbc@n\x9c\xae`[\x02\xbc\xf4\xd2K\xe3\xc6\x8ds\xfd!\x87_\t\xdf\xc6\xaa@\r\x1a4\xa8S\xa7\xce\xd1\xa3G]U \xde2\xe0\xaa\xfaO\x83\x06\r8\xac\xff\x10\x0f#\x00\x86\xad\xb8\xafT\xa9\x92g\xde\xfd\xf7\xec\xd9\xd3\xb5k\xd7\xe2\xe2bv\x15\xaa\xaa:l\xd8\xb0z\xf5\xea\xb1\x91\x81;\xdb\xc3\x1e\x93\xe6\xf9\x8c$\x9f\x87*\x10\xea?.\x9eu7,;\xae\x15\xf7F7\xe4\xbf\xd8\xc6\x0f&amp;\x93\x89m\xfe\x93\x99\x99\xc9v\xe6r:\x9d\xcd\x9b7\x9f6m\x9a!\x83\x15\xf6\x08\x02\xb7\x1b\x84\xf1\x00U \xd4\x7f\\x\t\x00\xc6s&gt;c\xd7}v\xce\x9c9O=\xf5T~~&gt;;\x93\xc8\xe9t6m\xda\xf4\xbb\xef\xbe\x0b\x08\x080\xe4\xa0v\x9c\x0e\xef\xf3\xae\xac\x02\x11\x97k\x81P\xffq\xe1+\x00&lt;\x04\xbb\xfb\x8b\xa2\x18\x13\x133|\xf8p\xf6\xbf\xd9s\xc2O=\xf5TRRRXX\x18;\xb7\xc0\xe8\x96\x82o\xe2\xb9\n\x84\xfa\xcf\x95\x10\x00\x06`\x03\xcf\xc1\x83\x07\x7f\xf4\xd1G\xb2,\xb3\xd5\x96\xaa\xaa\x8e\x1c9\xf2\xbb\xef\xbe\xb3X,\x1e8S\r\xbe\x84\xe7*\x10\xea?W\xc2]\xc6\xdd\xd8\xb9\xac\xb1\xb1\xb1\x0b\x17.t\xed\xfc#\x08\xc2\xa7\x9f~:s\xe6L\xd7\xe0\xc0\xe8f\x82/\xe3\xb9\n\x84\xfa\xcf\x95x\xb9\xd1h\x9a\xe6\t+[\xd8f\x9fG\x8e\x1c\x998q\xa2kO:Y\x96W\xaf^\xfd\xf2\xcb/+\x8a\xe2\t%x\xb6s\x91\xb1m\x80\xb2vM\x15\xe8`\xb9@\xdf\xaf\x02\xa9\xaaZ.0`\x7f\xeaA\xd4\x7f\x18^\x02\xc0u\xf4\x9d\xb1\xe3\\\xf6\xdb\xe7\xcc\x99\xc3\xee\xf5D\xa4i\xda\xe2\xc5\x8b\x9fy\xe6\x19\xa7\xd3\xc9\xcaA\x066\x8f.G\x14\xb7\x1d"~\\U\x05J\xfa!Y\xe6\xe0i\x00]\xd7e\x93)\xe9\x87d\xd4\x7f\x18.\x02@\xd7\xf5\xbd{\xf7\xbe\xff\xfe\xfb\xc3\x86\r#\xe32\x80\x8d4\x15E\xd9\xb4i\x93 \x08\xec\x8b\xd7\xb7o\xdf\xfe\xfd\xfb\xb3\xa7\x01\x0ci\x95\x0b\xeb\x07}\xfc\xf1\xc7C\x87\x0e\xdd\xbcy\xb3\xc3\xe10\xb6=P\xa6\xae\xaa\x02\xed\xd9\x95ZR\\\xec\xf3\xc1/IRIq\xf1\x9e]\xa9\x84\xfa\x0f\x11\xf1\x10\x00\xec\xa8\x93\x89\x13\'\xbe\xf3\xce;;v\xecP\x14\xc5\xc0\x00 \xa2\xac\xac\xacs\xe7\xce\xb9\x8e\x9f\x1e2d\x88\x87L\xf9\xb2\xe6\x1d=z\xf4\xe3\x8f?\xee\xd7\xaf\x9f\xddnw\xdb\xa1\xc4`\x08M\xd3\xccfs\xb3f\xcd\x88\xe8\xd8o\'\x8f\x1d&gt;\x11\xe0\xd3\xbbCk\x9a\x16\x10\xe0\x7f\xec\xf0\x89c\xbf\x9d$\xa2f\xcd\x9a\x99\xcdf\x1f~\xbd\xb7\xc3\xf8\xfbNYc\xb7\xb0\xc7\x1e{L\x96\xe5\xbf\xfe\xfa\xab\xb8\xb8\xd8\xd8\'\xc2rss\xd9\xa1\x8fDd\xb1X\xea\xd4\xa9\xc3\x9e\x000\xaa=.\xac\r\xc7\x8f\x1f\x97e\xf9\xe1\x87\x1f\xb6X,\x1e\xb8i\x12\x94:V\x06\xb1_\xba\xb4)q\x8bo\x1f\x0f\xc0\x0e\x00\xd8\x94\xb8\xc5~\xe9\x12]~\xe1\x9c3\xfe\xbe\xe3\x1e\xd5\xaaUS\x14\xe5\xe2\xc5\x8b\x19\x19\x19d\xe8L\x80\xddnw:\x9dl\xa2\xd5\xe1p\x04\x06\x06\x1a\xd5\x92\xab\xb0c\xeb\xcf\x9f?\xaf(J\xb5j\xd5\xc8\xe8\xf9\x12(k,\xf2[\xb5jU\xa5J\x15"J\xfeqcII\x89\x0f\xd7C$I*))I\xfeq#\x11U\xa9R\x85\x9d\r\xee\t}/\x03\xf9\xfe\x13\xff\xac\x0f[\xb7n]Q\x14/^\xbcx\xe0\xc0\x81:u\xea\x18rkc-\xb1Z\xadm\xda\xb4ak\xff\xadV\xab\x87l\xba\xc0\xcaP\xe7\xcf\x9f?}\xfa4\x11=\xf0\xc0\x03\x84\x00\xf0u\x82 \xa8\xaaj\xb1X:t\xe8\xb0d\xc9\x92\xc3\x07~;z\xe8\xd8\x03\xf5\xea\x16\x17\x97\xf8\xdemQ\xd3\xb4r\xe5\x02~;t\xf4\xf0\x81\xdf\x88\xa8C\x87\x0e\x16\x8b\x85\xad\xc96\xbaiF\xf2\xb5\x8f\xf9Z\xecR\x8e\x88\x88\x08\t\t!\xa2_\x7f\xfd\x95\x0c\xba\xb5\xb1\x00\xa8U\xab\xd6\xa6M\x9b6n\xdc\xb8i\xd3\xa6\xaf\xbf\xfe\x9a\x8d\x00\x0c\xaf\xb4\xb8&amp;\x00\xd8\x894\x0f?\xfc\xb0\'\xb4\n\xdc\xa3g\xcf\x9eD\xe4\xb0\xdb7%\xfe\xec\xabU\xa0\xcb\xf5\x9f\x9f\x1dv;]~\xc9\xe0\xfb\x01\xc0\xfa\xda\xa1\xa1\xa15k\xd6$\xa2\x94\x94\x14\xc3\x9f\xb4R/\xf3\x9co\x1a\x0b\x80\x94\x94\x14"\xb2X,\x0f&gt;\xf8 !\x008\xc0O\x15\x08\xf5\x9f\xeb\xe2\xe2\xf5k\x9a&amp;\xcbr\xbdz\xf5\x88\xe8\xd7_\x7f\xcd\xcd\xcd5p\x1e\xd8\xb5\xdd?\xfb\x9ayH\x06\xb0o\xc2\xd6\xad[\x89\xa8j\xd5\xaa\x95*U2&lt;&amp;\xc1\r\xae\xac\x02\x11\x11\xab\x02\xf9\xdeZ \xb6\xfe\xe7\xe8\xa1cW\xd5\x7f\xd0\xc5\xe1\xe2\x1b\xce\xee\xb9\xac\xf2\x9e\x99\x99\xb9\x7f\xff~2\xee\xce\xcb\xce\x88\xbfx\xf1\xa2k\x07P\xc3K\xed\xec^\x9f\x93\x93\xb3w\xef^A\x10\x9a7o\x8e\xe5q\xbc\xf1\xed*\x10\xea?7\xc2E\x00\xb0\xbev\xbbv\xedL&amp;Spp\xf0\xb6m\xdb\x0ci\x06\xbb\xd1\xff\xf9\xe7\x9f\x03\x06\x0c\x88\x8a\x8a\x8a\x8c\x8c\xec\xd8\xb1cjj\xaa \x08\xc6~\xdf\xd8oOMMe\x8d\xec\xd2\xa5\x0ba\x06\x98\x1b&lt;T\x81P\xff\xb9\x11\x8fX\x82R\xd6\xd8@/&lt;&lt;|\xcb\x96-\x91\x91\x91l\xe1\x8d\xfb/q\xf6\\\xd5\xbf\xfe\xf5\xaf-[\xb6\xb0?IJJJMM=|\xf8pxx\xb8\x81\x8b\xee\xd9[\xd1\xbcy\xf3S\xa7N\x1d?~\x9c=\x1a\xeac\xb7\x00\xb8\x11\x9f_\x0b\x84\xf5?7\xe1\x0b\x1f\xf0m\x92e\xb9Y\xb3f\xe5\xcb\x97\xb7\xd9l\xee\xff\xedl\x9d\xe5\xd9\xb3g\xb7n\xdd\xca\x8e\'\x13\x04\xc1l6\xe7\xe4\xe4\xb0\x9d!\x0c\xdf\x91*((($$\xa4I\x93&amp;l\xb9\x14\xca\xa3\xbc\xf1\xd5*\x10\xea?7\xc1Q\x00\x10\x91\xaa\xaa\xc6no\x90\x9b\x9b\xcb6\x81`\xbb@\xb3T\xb8p\xe1\x82Q\xed\xb9\x12{g\xd8[dt[\xc0\xad|\xbb\n\x84\xfa\xcfM\xf0\xf5.H\x92d\xec~\xcb\x15*T`\xeb\x7f\xd8\x08\x80\xed\x07W\xb9re\xa3\xdas%\xf6\xce\xb0\xb7\xc8\xe8\xb6\x80[]\xbb\x16\xe8\xc8\xc1\xa3\xbe\xb1\x16\x88\xad\xff9r\xf0\xea\xfa\x0f.r\x86\xaf\x000\x10\xbb\xd7\xdf\x7f\xff\xfd\x9d:ur\x8d\x00\x1c\x0e\xc7}\xf7\xdd\xd7\xae];\xce\xb7$\x04\x0f\xd1\xabW/A\x10\x1cv\xfb\xf6\xcd;\xfd\xcb\xf9H\x00\xf8\x97\xf3\xdf\xbey\xa7\xc3n\x17\x04\xa1W\xaf^F\xb7\xc8\xb3 \x00\xdc\x87=\x92\xb6d\xc9\x92A\x83\x06U\xadZ\xb5b\xc5\x8aO&gt;\xf9dbbbhh(\xa1\xe6\x0e\x86b%\x91f\xcd\x9a\xb1\xab1e\xdb/N\xa7"\x08^\x7f\x7f\x10\x04\xd1\xe9TR\xb6\xfdBD\xa1\xa1\xa1l\xebS\xd4\x7f\\\xb8X\x05t#\xac\x83\xe3\xb6\xab\x81\xdd\xe2\xc3\xc2\xc2\x16.\\X\\\\\xect:\xadV+\x11\x19\xb8\xfe\x87\xcdC`\xf0\x01l-\xb2\xcdfk\xda\xb4\xe9\xbau\xeb~\xd9\x95\xfa\xfb\xa9\xdf+\xdfW\xd9\xe1pxo\xd7D\xd7u\x7f\x7f\xbf\xdfO\xfd\xfe\xcb\xaeT"j\xda\xb4\xa9\xcdf\xf3\x90\xdd\xd7=\x04\xbfo\x84\xaa\xaa\x86\xec\xc3\xcc&amp;Z\xcb\x95+g\xb5Z5M\xd34\xcd\xc0/\x18+\xfa\x1b\xbe\x00\t&lt;\x01\xbb\x14Y\x91\xa4\xb0\xa0p\xdb\xa6\x1d\xde~H$;\x00r\xdb\xa6\x1d\x85\x05\x85t\xb9\xc0\xe5\x03u\xadR\xc4i\x00\xb0n\xef\xe6\xcd\x9b\xb7l\xd9\xc2z\xc1n\xfb\xd5\xec\x9e\xeb:\xfc\xdd\xa8\xce\x08k\xc0\x1f\x7f\xfc\xb1l\xd92\xd6\x1eC\x9a\x01\x9e\x83\r\x04;v\xec\xc8\x06\xa6\x89?$\xab\xaa\xea\xd5U A\x10UUM\xfc!\x99\x88\xacVk\xc7\x8e\x1d\t\x0f\xb8\xfc//\xfet\xef\x1a\xeb\xe9\xacX\xb1\xa2K\x97.\xe3\xc6\x8dc\xa5y7\xb7\xc1\xf0\xc3\xdf\xd9B\x88E\x8b\x16\r\x1c8p\xd2\xa4I\x06\x1e\x94\x06\x1e\x82\xf5\x8e+U\xaa\xd4\xb2eK"J\xdd\x9dv\xf6\xd4\xef\xfe\xfe~^za\xb0\xfa\xcf\xd9S\xbf\xa7\xeeN#\xa2\x96-[V\xaaT\xc9\xd8\x01\xb7\x07\xe27\x00RRRJJJv\xef\xde\xbdz\xf5j\xde\xca l\x00t\xfa\xf4\xe9\xf8\xf8xA\x10\xbe\xfd\xf6[\xc2\xde\x0fpyV\x8c=*\xe5\xedU\xa0\xab\xea?\xecE\xa1\xfes\x15\x1e\x03\x80U&lt;&amp;O\x9e\x1c\x11\x11\xa1\xaa\xea\x9bo\xbeYXXH&lt;\xdd\x01Y\x04\xbe\xf9\xe6\x9b\xb9\xb9\xb9&amp;\x93i\xf1\xe2\xc5\x86\x1fI\x0f\x9e\xc0\x97\xaa@\xa8\xff\xdc\x0e\xaf\xfch\xef\x11\x1b\xea\x06\x05\x05M\x9b6\x8d\x88N\x9d:\xf5\xd6[o\xf13\x08PUU\x96\xe5U\xabV\xadZ\xb5\x8a\x88^~\xf9\xe5G\x1f}\x94M\x89\x1b\xdd40\x98\xcfT\x81P\xff\xb9M\x9c~\xe7\xd9\xed\xbeg\xcf\x9e\xac_0o\xde\xbc\xe4\xe4dY\x96}&gt;\x03\xd8\x1a\xb8\x8c\x8c\x8cW_}U\x10\x84J\x95*M\x9e&lt;\x19\x0b\xe3\xc0\xc57\xaa@\xa8\xff\xdc&amp;~\xbf\xf6\xac\xb3\xb3d\xc9\x92\x8a\x15+\xea\xba&gt;p\xe0\xc0\x8c\x8c\x0cI\x92|\xfe*\x11\x04a\xc0\x80\x01\x99\x99\x99\xba\xae/]\xba4$$\xc4\xc0\x07\x11\xc0\xd3\xf8F\x15\x08\xf5\x9f\xdb\xe4e\x9fk)b\'\xb1T\xaaTi\xee\xdc\xb9Dt\xfe\xfc\xf9\x81\x03\x07^\xbat\xc9\xe8v\x95!V\xe7\x990aBrr2\x11\xc5\xc4\xc4\xb4o\xdf\x1e\xfb\xe2\xc2\x95|\xa0\n\x84\xfa\xcf\xed\xe37\x00\x88H\x92$EQz\xf6\xec9r\xe4H"JJJZ\xb2d\x89(\x8a^7\xe0\xbd\x1d\xac\xce\xb3g\xcf\x9e\xb8\xb88"j\xd6\xac\xd9\xf4\xe9\xd3Q\xfa\x87ky{\x15\x08\xf5\x9f\xdb\xc7\xfb\x97\x9f\xd5|\xa6O\x9f\xde\xa5K\x97o\xbf\xfd\xf6\x85\x17^\xf0\xd5}\xd9\xd8\x8d\xbeA\x83\x06iii]\xbatY\xbcx\xb1\xe1{\xa3\xde\x9c\xa6\xe9\x9a\x8f\xf0\x9a\xbe3\xe3\xedU \xd4\x7fn\x1f\xd7{\x01\xd1\x15\x0fd\xfd\xf0\xc3\x0fF\xb7\xa5\xcc\t\x82 \xcb\xf2\x83\x0f&gt;\xc8^\xac\x87\x1f\xfb\x1eP\xce?\xa8\\\x90\xaa\xa8\x92\xec\xad_]UQ\x83\xca\x05\x05\x94\xf37\xba!w\xe6\xca*\xd0\x0f?\xfc\x90\xba;\xed\xf4\xc9\xb3\xf7U\xab\xe2\xb0{\xc1\xbe@\xba\xae\xfb\x07\xf8\x9d&gt;y\xf6\xaa\xfa\x8f\'_\xea\x06\xe2=\x00\\\xf8\xd9\x16M\xbb\\\x0c\xf5\xcc/3\xdb*C\x14\xc5)oO\x9d7\xfd\x13EQ&lt;\xb3\x9d\xb7C\xd7uY\x96srrM&amp;\x93\xe6U5hv\xc7\xec\xd1\xa3\xc7\x0f?\xfcPXPx \xed`\xed:\xb5.\x95\\\xf2\xfc/\x88\xa6i\x01\x01\xfe\x07\xd2\x0e\xb2\xfaO\x8f\x1e=\xe8\xf2\xcb1\xbai\x9e\x08\x01\xf07v\xdf1\xba\x15\xee\xe0\xe1\xdf\x04\xa7\xd3\xa9\xaa\xaa\xaa\xaa\x87\xf6\x1f6\xba-\xa5\xcc\xe9t\x1a\xdd\x84\xdb\xc5.\x92\xe6\xcd\x9b\xfb\xf9\xf9\xd9\xed\xf6M\x1b\xb6t\xef\xf7\xb4\xd1\x8d\xbam\x82\xb0i\xc3\x16"\xf2\xf3\xf3k\xde\xbc9y\xfc5o \x04\xc0\xad\xb1\xbe\x9b\x17u\xdf\x18\xafk6kj\x85\n\x15\xda\xb4i\xc3\xbe\xb1^\xd4\xf8\x9b`\xebg4M\xabP\xa1\x02y\xc9\x8bb\xe7\x17\xd5\xae]\xbba\xc3\x86\xbbv\xed\xda\xbeyGFzF\x90%\xc8\xc3\x07d\xba\xae\x9b\xcd\xe6\x8c\xf4\x8c\xed\x9bw\x10Q\xc3\x86\rk\xd7\xae\x8d\xee\xffM \x00n\x8d]=^t\x19\xb1;\x0ek\xad\x17\xad\xf1g\r\xae_\xbf\xfe\xa6M\x9b\x8cnK\x19\xf2\x96\xabH\xd34Y\x96\xbbw\xef\xbek\xd7\xae\x8c\xf3\x99\xbbw\xec\xe9\xf2t\xc7\xe2\x9cbO\x1e(\xab\xaa\x1a\x18T\xee\xa7\r{2\xceg\x12Q\xf7\xee\xddEQT\x14\xc5[\xdes\xf7C\x00\xdc\x10\xbb\xe3\x1f:th\xde\xbcy\t\t\tl\xcd\xa8,{\xfa;\xe6Z\xd7\xff\xe1\x87\x1fV\xa8P\xe1\xf9\xe7\x9f\xf7\xae\x95\xfel\x9fj\xa3[Q&amp;\xbck@\xc6n\x9a\xdd\xbau\x1b7n\x9c\xddnO\xfe\xe1\xa7\xe7\x9e\xed/\xc9\xb2\'_K\xaa\xaa\x86\x98m\xc9?\xfcDD~~~\xdd\xbau#\xefI\\C\x18\xb0\x13\xb2W`\xb7\xa1\x92\x92\x92^\xbdz\xad_\xbf\xbeU\xabV\x0b\x16,\x88\x8c\x8cd\x0b\xe7=\xf3k\xcc\x8e\x9a\x91e\xb9\xb0\xb0\xf0\xf5\xd7_\x9f?\x7f\xfe}\xf7\xdd\xb7}\xfb\xf6\xea\xd5\xab\x93\x97T\x1e\xc0\xa3h\x9aFD-Z\xb4\xd8\xbd{wHh\xc8\xb3\x83\xfa\xb0\xc7\'\x05\xf2\xc4kI\'\x9d\xad_\xfa\xcf\xa2\x15\xb99\xb9M\x9b6\xdd\xbe};!\x00n\xca\xd3\xfb\xb3\x06\x12\x04\xc1n\xb7\xb3g\x83\xb7n\xdd\x1a\x1d\x1d\x1d\x1f\x1f\xdf\xb7o_"R\x14\x85-\xa27\xba\x8d\xff\xc5\xba\xf9\xb2,\xa7\xa4\xa4\x0c\x1b6l\xef\xde\xbdD\xe4\xe7\xe7w\xe1\xc2\x85\xea\xd5\xab{Q!\x08&lt;\x07\xab\x02=\xf3\xcc3\xbbv\xed\xca\xc9\xce\x99\xf3\xe1\xc7F\xb7\xe8\x0e&lt;\xf3\xcc3\xa8\xff\xdc\x12F\x007\xe4\xbaiN\x9a4i\xe2\xc4\x89\xec\x0f\xfb\xf5\xeb7}\xfa\xf4*U\xaa\x90\'\x95\xd7YK\x1c\x0e\xc7\xfb\xef\xbf?m\xda4\xbb\xddND\xbd{\xf7\xfe\xe4\x93O\xb0\xd5\x0f\xdc5V\x05=q\xe2D\xabV\xad\x1c\x0e\x87$I:y\xfa\xedB AUU\xb3\xd9\xbcu\xeb\xd6\xc8\xc8H/\x9a\xba3\x04\x02\xe0f\\\x077&amp;&amp;&amp;\xbe\xf6\xdak\xc7\x8e\x1d#\xa2J\x95*\xbd\xfd\xf6\xdb\xaf\xbc\xf2\x8a,\xcb\x9eso]\xbf~\xfd\xd8\xb1c\x0f\x1e&lt;HD6\x9bm\xf2\xe4\xc9\xc3\x87\x0f\'\xaf\x9a\xbb\x06\x8fUPP\xc0\x8e\x90\xf3\xfc\xdb\x05k\xa4$I\xc1\xc1\xc1F\xb7\xc5\x0bx\xc1\'j86\xf7\x9b\x9d\x9d=f\xcc\x98\xc5\x8b\x17\xb3w,""b\xd5\xaaU\xf5\xeb\xd77\xf0yZ\xd6\x92\x9c\x9c\x9c\xde\xbd{\xbbV\xce&lt;\xf1\xc4\x13qqq\r\x1b6\xf4\xe4\xe9\n\xf0"\x9e\xd3\xcb\xb9#^\xdal7C\xdf\xf0\xd6\xd89\x01aaa\x0b\x17.LNNf\x8f\x964n\xdc8""\xc2\xd8\x8b\x8cuv\xacVk\x97.]\x88\xa8j\xd5\xaa\x8b\x16-JNNn\xd8\xb0\xa1\x07\xceR\x80\x97b\x97\x99\xd7\xc1\xc5\x7f;0\x02\xb8]\xfa\xe556\xaa\xaa~\xf5\xd5W\xdd\xbau\xb3X,7\xba\xce\xd8\x1e`\x82 \xdcc\x1f\x9c]\xca\xec\x9f\xba\xf9\xf2\xbb\xa5K\x97v\xec\xd81&lt;&lt;\x9c\xfd\x15\x94}\x00\xe0\x96\x10\x00w\xe6v\xd6\xd4_\xf5\xb8\x80+\x0c\xe8\xf2\x8a\xb4\x1bE\x82~\xf9\x91Q\xba&lt;\x80\xbd\xf2w\xdd\xe4W\xbb\n\xfd\xde\xb5\xe4\x1f\x00\x8c\x85~\xe2\x9da\x07\xca+\x8ar\xdd\xe0d{\xa6\xa7\xa6\xa6&gt;\xf5\xd4S\xf1\xf1\xf1\xbf\xfc\xf2Kqq\xb1(\x8a\xb2,K\x92t\xcb\xed\x97\xd9\x7fe?\xc9\xfe\x8a\xaa\xaaG\x8e\x1cY\xbat\xe9\x80\x01\x03&gt;\xfb\xec3\xd7\xaf\xb8\n[\xee\xa6\xfb\xe8F\xd6\x00PF\xf0\x1c\xc0\x1dc\x9b*_\xf7?\xb1T8s\xe6\xcc\xbau\xeb\xd6\xad[GD5k\xd6\x8c\x8a\x8aj\xdc\xb8q\xc3\x86\r\xc3\xc2\xc2\x1e|\xf0AQ\x14CCC\xaf\xfb\xd7\xd9Z\x8bS\xa7N\xe5\xe4\xe4\xa4\xa6\xa6\xa6\xa5\xa5\x1d?~\xfc\xf8\xf1\xe3lY\xa7\xd9lv\xfd\x8aky\xfe#\xca\x00\xe0ip\xd7(Ml\xba\xec\xd2\xa5K\xf5\xea\xd5\xfb\xed\xb7\xdfTU=s\xe6\xcc\x993g6l\xd8\xc0~ $$\xe4\xcd7\xdf\x1c3f\xccU\xb5\x1a\xf6\x7f\xf7\xef\xdf\xdf\xb3g\xcf\xac\xac\xack\xff\xe5\xea\xd5\xab\xb3em\xe8\xe3\x03@i\xc1\x1c@\x99PUu\xef\xde\xbd\xbbv\xed:x\xf0\xe0\x91#GN\x9d:\x95\x99\x99\xc9\xfe\xd3\xd1\xa3G\xa3\xa2\xa2\xae]\x9e\xcf*K\xd5\xaaU\xcb\xc8\xc8 \xa2\xb0\xb0\xb0*U\xaa\xd4\xa9S\xa7A\x83\x06M\x9b6\xfd\xc7?\xfea\xb1X\x0cx%\x00\xe0\xbb\x10\x00\xa5\xef\xda\xa5A\xb9\xb9\xb9\xac\xb0s\xe4\xc8\x91\xa1C\x87\xb2b\xceu\xff\xd6\xb2e\xcb\x02\x02\x02\xc2\xc3\xc3\x1fx\xe0\x81\xd0\xd0\xd0+C\x02\x8ft\x01@\xe9B\x00\x94\t\xb6v\x93\xdd\xd3\xefe%\xa8\xaa\xaa\xf7\xfe\x8f\x00\x00\\\x17\x02\xc0\x1dX\x1e\xd0\xe53\x02o\xf2\x93\xaeE&gt;\xbet"\n\x00x&amp;\x04\x00\x00\x00\xa7PS\x06\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c9F7\xe0^\xe9\xbant\x13\x00\x80S\x82 \x18\xdd\x84{"\xe0\x06\n\x00\xc0\'\xef\x1e\x01\xe8\xba^PP\xa0i\x9a  \xc9\x00\xc0}\xd8=\xc7b\xb1\xc8\xb2\x17\xdfE\xbd\xb5\xe9\xba\xae\x0b\x82\x90\x9f\x9f\xff\xd8c\x8f\xe5\xe7\xe7#\x00\x00\xc0\x9dDQ\xd44m\xed\xda\xb5-Z\xb4PUU\x92$\xa3[t7\xbc5\x00\x18UUO\x9e&lt;it+\x00\x80S\x17/^4\xba\t\xf7\xc4[\x03\x80\xcd\xbd\x04\x06\x06\xc6\xc5\xc5]\xbat\xc9\xe8\xe6\x00\x00_X\xd5!**\x8a\x88D\xd1[\x97S\xa2r\x02\x00\xc0)o\x1d\x01\xb8(\x8abt\x13\x00\x80S\x92$y\xf5JP\x8c\x00\x00\x008\xe5\xad\xa5+\x00\x00\xb8G\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94lt\x03\x00\xc0\xd3\xa9\xaajt\x13\xee\x98$IF7\xc1\x0b\x08\xba\xae\x1b\xdd\x06\x00\x000\x00F\x00\x00p3\x9a\xa6\xed\xdc\xb9\xd3\xe9t\x1a\xdd\x90;`2\x99\x9a7o.\x8a(q\xdf\x02F\x00\x00p}\xaa\xaaJ\x92\x94\x92\x92\xd2\xb4iS\xa3\xdbr\xc7v\xef\xde\xdd\xa4I\x13\xf6\x12\x8cn\x8b\xe7BB\x02\xc0\xf5\xb1\xde\xe1\x9a5k\x04A\xf0\xa2\xdb\xa8$I\x82 \xacY\xb3\x86.\xbf\x04\xb8\x11\x8c\x00\xc0\xe3\xf8\xea5)\x08\x82\xd1M\xb83\xba\xae;\x9d\xceG\x1f}\xf4\xd8\xb1c\xf7\xd7\xa86e\xd6D]\xf3\xe8\xcfF \x12Da\xdc\xc8\x89\x7f\x9c\xfd\xbf\xa8\xa8\xa8_\x7f\xfd\xd5d2y\xdd\xdb\xeeN\x98\x03\x00\x8f\x83o\xac\'`\xc5\x93}\xfb\xf6\x1d?~\\\xd7\xf5\x0e]\x9ex\xe6\x9fOg\x17e\xcb\xb2\xe7\x0e\x05\x14E\r\x0b\n\xdb\xfa\xd3\xf6\xf9s\x16\x1d?~|\xdf\xbe}\xa8\x02\xdd\x1c\x02\x00&lt;\x8b\xa2(\x85\x85\x85\x82\xe0ScS\xf6r,\x16\x8b,{\xcd7\xceU\xff\xd14M\</t>
        </is>
      </c>
    </row>
    <row r="125">
      <c r="A125" s="1" t="n">
        <v>123</v>
      </c>
      <c r="B125" t="inlineStr">
        <is>
          <t>shape_morph</t>
        </is>
      </c>
      <c r="C125" t="inlineStr">
        <is>
          <t>What is the missing shape of the part denoted with a question mark?</t>
        </is>
      </c>
      <c r="D125" t="inlineStr">
        <is>
          <t>['triangle', 'hexagon', 'square', 'pentagon']</t>
        </is>
      </c>
      <c r="E125" t="inlineStr">
        <is>
          <t>triangle</t>
        </is>
      </c>
      <c r="F125" t="inlineStr">
        <is>
          <t>There are eight shapes arranged in a grid. The top left shape is a square and the bottom right shape is a ?. The other shapes do not appear to regular shapes.</t>
        </is>
      </c>
      <c r="G125" t="inlineStr">
        <is>
          <t>We observe that from the top left to bottom right direction, the shapes look like a square but gradually change shape into something like a triangle. Hence, the pattern is the the shapes are morphing between square and triangle shapes.</t>
        </is>
      </c>
      <c r="H125" t="inlineStr">
        <is>
          <t>Based on the pattern that the shapes are morphing between square and triangle shapes, the missing shape at the bottom right should be a triangle.</t>
        </is>
      </c>
      <c r="I125" t="inlineStr">
        <is>
          <t>b'\x89PNG\r\n\x1a\n\x00\x00\x00\rIHDR\x00\x00\x02\x00\x00\x00\x02\x00\x08\x02\x00\x00\x00{\x1aC\xad\x00\x00\x95\x0cIDATx\x9c\xec\xddg|\x15E\xd7\x00\xf0\xd9r{K%\r\x12\x90$t$\x90\x84&amp;\xd2\xa5)E  \x82\x944\xf0\x91\xaaR\x15\xe9\xa0R\x15!\x85\x10D:"MJ\xa4J/\xa1wBI\x02\xe9\xfd\xf6\xb2\xe5\xfd0\x92\x17\x11\x91\x92\xe4\xded\xcf\xff\xc3\xf3\xf3AL\xf6\xee\xdd\x9d3s\xe6\xcc\x0c\xc1\xf3&lt;\x02\x00\x00 &lt;\xa4\xbd/\x00\x00\x00\x80}@\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x00\x00\x00\x02\x05\x01\x00\x00\x00\x04\n\x02\x00\x00\x00\x08\x14\x04\x00\x00\x00\x10(\x08\x00\x00\x00 P\x10\x00\x00\x00@\xa0 \x00\x00\x00\x80@A\x00\x00\x00\x00\x81\x82\x00`O\x1c\xc7\xb1,k\xef\xab\x00\x00\x08\x14\xc1\xf3\xbc\xbd\xafA\x88\xf0m\'\x08\xe2\x99\x7f\x06\x00\x80\n\x03#\x00;\xe0y\x9e\xe7y\x82 """\xbe\xfc\xf2K\x82 \xf0\x9f\xd8\xfb\xba\x00\x00\xc2B\xdb\xfb\x02\x04\x87\xe7y\x8e\xe3(\x8a\x8a\x8a\x8aJHH@\x08\x95\x94\x94\xc4\xc5\xc5\xb1,K\x92$\x8c\x03\x00\x00\x15\x06\x02@\x85z\xba\xf5\x8f\x8f\x8f\x97J$\x88 \xe2\xe3\xe3\x11B\x10\x03*\x12\xc7q&lt;\xcfS\x14e\xef\x0b\x01\xc0\x9e \x00T\x9cgZ\x7f\x89Xl\xb6X\x10B\x12\xb1\x18b@\x85\xc1\xd96\x92$\xf1?\xc3\xad\x06B\x06s\x00\x15\xe4\x99\xd6_&amp;\x95Z\xac\xd6\x91aa#\xc3\xc2,V\xabL*\x8d\x8f\x8f\x8f\x8a\x8a\xa2(\nwN\xed}\xbdU\x10\xcf\xf3,\xcb\x12\x04A\x92dJJ\xca\xbcy\xf3`\xf6\x05\x08\x1c\x8c\x00*\xc2\xb3\xad\xbfLf2\x99\x86\xf5\xee\xbdr\xd6L\x84\x90\xd9j]\xb3c\x87L&amp;\x83q@\xf9\xe18\x8e$I\x8a\xa2\xf4z\xfd\xd4\xa9S\xd7\xacY\xa3\xd3\xe9\xd2\xd2\xd2bcc\xf1\xb7\x83\xc7\x04\x00\x08\x0b\x0f\xca\x19.\xf6\xe7y&gt;22\x12!$\x93\xc9\x10B\xc3z\xf7\xe6o\xdd\xd4\x9e?\xa7=\x7f\x8e\xbfusX\xef\xde\xa5\xff*22\x92\xe7y\x96e\xf1P\x00\xbc\xa1\xd2\xfb\xcfq\xdc\xca\x95+=&lt;=eb1BH*\x95\xe2\xbbm\xb3\xd9x\x9eg\x18\xc6\xdeW*\x08\xdc\x13\xf6\xbe\x10\xc0\xf3&lt;\x0f\xeb\x00\xca\x17\xffL\xde_"\xb1X,\xc3z\xf7N\x9c?Oo0 |\xf3\tB\xa9P\x0c\x9f2u\xcd\x8e\x1d\xf8/DFF\xc28\xe0\xcd\x95\xde|\x84\xd0\xb1c\xc7"\xa3\xa2\x0cE\x85F\x93\xd9\xd3\xdd=\xa8^\xdd\r{\xf6\xfaxxd\xe4\xe4\xb4n\xddz\xf7\xee\xdd\xce\xce\xce\x0c\xc3\xd04\x8c\x89\xcb\xd2\xd3m\rB\x88$\xc9\xd2\x91\x16\x0f\x130\x0e\x00\x86\xbd\xe5\xa8\xb4\x01Z\xbadI||&lt;A\x92\x16\x8beX\xef^\xa5\xad?A\x10\x04A \x9e\xd7\x1b\x0c\x89\xf3\xe7\r\xeb\xdd\xcbb\xb1\x10$\x19\x1f\x1f\xbft\xc9\x12\x98\x0fxm\xfc\x93t?EQiii\xed\xda\xb7\xef\xf9\xfe\xfb6\x9d\xcel\xb5M\x8c\x08\xd7\x9b\x8c\x13#"\xa6FF\x1aM&amp;\x84\xd0\xc9\x93\';v\xecx\xe9\xd2%\x9a\xa6\x19\x86\xb1\xf7\xb5Wb\xfc\x93\xf1\x16\xc30xD\x85g\\(\x8a\xa2i\x9a\xa6i\x92$\xb5Zmff&amp;B\x88 \x08\x8e\xe3\xec}\xc9B\x07#\x80\xf2R\xda\xfa\x8f\x1c9266\xf6\x93^\xbd\x8e%\x9fw\xd58%o\xffM\xaf\xd3\xa1\xbfw\x7fx\x9eG\x04\xa1T\xa9\x82\xfb|XPR\xfcnp\xc8\xda\x9d;\xa3\xa3\xa3cbb`\x1c\xf0\xaaJ\x13\xfaz\xbd\xfe\xcbI\x93\xd6\xad][\xc3\xcd\xedVj\xea\xbcq\xe3\xe2\xb6n\x9d\x12\x19\xd9\xbf{7\tM\x8bE\xa2\x913fl?xH\xa3V=|\xf4\xd8\xc5\xc5%&amp;&amp;\xa6\x7f\xff\xfe,\xcbBy\xe8K\xc2\x0f9nC(\x8a\xfa\xe7SZTTd4\x18N\x9e&gt;}\xf3\xc6\x8d\xa2\xa2\xa2\xe4\xe4\xe4\x94{\xf7\x8c\x06CXX\xd8\xb2e\xcbT*\x15\x8c\xba\xec\x0b\x02@\xb9x&amp;\xf3#\xa2i7g\xe7eS&amp;\xd7y\xabv`\xad\x9aV\x8b\x85\xfa\xc7\x94#\xcbqb\x89\xe4\xee\xc3\xd4;\x0f\xee\x8f\x9d\xbf \xbf\xa8\xc8\xc60\x90\x0bz%8\xd5@\x92$\xcf\xf3\xb1qq3f\xcc\xd0\x88\xc5w\xd3\xd3\xa3\x07\x84\xddOO\xf7\xa9\xe6\xb1\xec\xabi$\xcf\x8bE"\xab\xcd\x86\x08B\xe5\xe2\xb2n\xeb\xd6Q\xb3f\xd5\xf0\xf4\xba\xfd\xe0\x01\x8fPLLLtt4\xdc\xf0\xd7S\xda\xdc\xdf\xb8~\xbd\xb8\xb8\xf8\xe4\xc9\x93\x0f\x1e&lt;\xd0\xe9\xf54\xcf\x9b\x19\x06!\xe4\xa6Vk\x8dF\xb9\\^\xac\xd5\x86\x84\x84\xec\xdf\xbf\xdf\xc5\xc5\x05f\xe0\xed\x08bo\xd9\xe3\xff\xb1\xda\xcbl\xb1\xd4\xaeQ#\xa8~}\x7f__\xadN\xf7\xdc\x0e&amp;E\x92V\xb3\xb9q`\x80\\*\xa9]\xa3FV^\x9eT"\x81\xba\xa0\x97Tz\xcf\t\x82x\x92\xee/\xb2\x9aL.\x9e\x9e\x9f\xbd\xf3\xce\xb1\xe4\xe4}\xf1q\n\x89D*\x121\x0ccc\x18\x1c$\xb4\x05\x05a\xdd\xbaU\xf7\xf2\xfah\xc2\xe7&lt;B\x9e\xee\xee#G\x8e\xbct\xe9RLL\x0c\x82$\xf5\x0b\xe1\x8e\xa3V\xab=t\xe8\xd0\xd5\xabW\x0b\x8b\x8aN\xfd\xa3\xb9\xf7\xf5\xf00\x19\x0cM\xeb\xd6}\x94\x9d\x9d\x9d\x9f?\xa4W\xcf\xc3g\xce\x1am\xb6b\xadV$\x12\x9d?\x7f\xbey\xf3\xe6\xb3g\xcf\x1e8p`iy\xae\xbd?\x96\xe0\xc0\x08\xa0\x8c\xf1\xffR\xf1\x99\xb8`\xbe\xcdb1\x99\xcd/N/\xb0,+\x93JE\x12\xc9\xf0\xc9Spm\xa8\xc9d\x82q\xc0\x8b\x95v!\xd3\xd2\xd2\x86\x0e\x1bv\xf9\xc2\x05\x17\x95Jk4~1|\xf8\xf2\xf5\xeb\xb7\xff\xf8C@\xcd\x9aR\x89\x84cY\x8e\xe3\x9e\xb9\x81\x1c\xcf+\x15\x8a+\xb7o\xcfY\x19\xb3\xff\xe4I\x83\xc9\x84x&gt;,,,11\x11\x97\tA\xab\xf4\\8Q6|\xf8\xf05k\xd6\xe0?\xf1\xf5\xf0\xc8-*j\\\xa7\xce\xa3\xec\xec\xac\xbc\xbc\x88\xfe\xfdVm\xfd\x15!4md\xf4\xd6\xfdI&gt;\x1e\x1e\xe1}?\xd4\x1b\x0co\xd5\xaau\xe0\xf8\xf1\xdf\xfe8`\xb1Z\x8bJJ\x0cf\xf3\xc8\x91#W\xae\\Y\xfa3\xed\xf8\xa1\x04\x08\x02@Y\xfa\xd7\xd6\x7f\xfe&lt;\xbd\xc1\xc0\xbf\xdcP\x97\xe38\x82$K\xeb\x82 \x06\xbc\x18\xee\xa7\xebt\xba\x89\x93&amp;\xfd\xb2v\xado5\xf7[\x0f\xff?\xdd\x1f\xd6\xa3\xbb\x84$\x11A\xe0&gt;\xe6s\x7f\x02\xc3\xb2\x1a\xb5:#\'g\xc0\xf8\t\x0f32\x10B\x99\xb9\xb9C\x87\x0e\xc5M\x1b$(\xfe\t\xdf\x93\x94\x94\x94\x86\r\x1b\xe2\x7f\xee\xdd\xb1\xe3\x96}\xfbPis\xef\xe9\x11\xde\xe7C\xa3\xc5\xec\xeb\xe5\xe5_\xa3\x86\x97\xbb\xbb\\&amp;c\x18\x86\x96J\x91\xcd\x86\x94\xca\x15\xab\x12Vl\xdcx\xfb\xe1C&lt;\x85\x10\x16\x16\x16\x13\x13\x03\x85X\x15\x0f\x02@\x99\xf9\x8f\xd6\x9f\xe7\xc9\x97n\xb89\x9e\'\x9e\xaa\r\x85\x18\xf0op\x9fq\xd7\xae]\xa3F\x8dR\x8a\xe8\x87\x19\x99\xc3?\xec\xf3\xe0\xd1\xa3\xa7\xd3\xfd6\x86A\xff\xb5\xdb6\xcb\xb2b\xb1X*\x97\xf7\x1e\xf5\xe9\xa13g\xdc\\\x9cS\x1fgt\xed\xdau\xc3\x86\r\xce\xce\xce\xd03}\x06\xc30\x14E-\\\xb4h\xca\xa4I\x14EI\xc4\xe2\x98o\xbe1\x98L\xbe\xde\x7fo\xee%\x12\xc4\xb1V\x8b\xd5\xc60\x1c\xc7!\x82\xc0#0\x9e\xe3\xd4*\xd5\xed\x87\x0fG\xce\x98\x99\x92\x96\xc6\xf1|N~~PPP\\\\\\pp0\xcbq$\xae\x8e\x03\xe5\x0f\x02@\xd9xq\xeb\x8f^=\x9b\xfcW]\x10\xc4\x80\x7f\x87\x1f]\x93\xc9\xd4\xa8Q\xa3\x07\x0f\x1e\xb4\t\x0e\xf6vs\xbb\x9b\x96\xfa{L\x8cB"\x91J\xa5\xa5\x95\x88/\xf3\xd3X\x8e\xa3i\xca`2/\x88\x8b\xdfv\xe0@~q\xb1\xc1h\x0c\t\tY\xbf~}@@\x00\xf4L\x9f\x86\xef|\x83\x86\r\xef\xa7\xa4\xf0&lt;\xff\xf9\xb0a\xf3\xa7MEf3B\xc8j\xb1&lt;\xd3\xdc?\xb75gYV.\x93\xd1b\xf1\x98\xd9sV\xff\xf6[57\xd7\x87\x8f\x1e{{zN\x9a2e\xcc\x981\x08\xd2A\x15\x05\xc6\xb6e\xa0\xcc[\x7f\x84{\xac\xff\xbf&gt;\xa0\xb7\xc9d\xc2{E\xc0~A\xa5\xf0\xfa\xde\xcf&gt;\xfb\xec\xc1\x83\x075\xbc\xbcN\\\xb8\xd0\xbfk\x97\xe3\xeb\xd69\xab\xd5"\x91\xc8f\xb3\xa1W9f\x87"I\x96a\xd5r\xf9\xc2I\x13;\xb5ha0\x1a\x03k\xd6\xc4\x13\x95\xe7\xcf\x9f\xa7i\x1a\xff@\x80\x93i[\xb6l\xb9{\xfbv5WW\x9a\xa6\xc3\xbav\xb1\xeatE\xc5\xc5Z\x9d\xcej\xb3!\xbc\xe0\x8b h\x8a\xa2\xfe\xa5\xa7BQ\x94\xd1l6\xe8\xf5\xf3?\x9f\xb0\xf0\xcb/\x0b\x8b\x8b\xc7\x7f\xf2\x89\xc5l\x1e;vldD\x84N\xa7\xa3(\n\x0e\xcb\xab\x00\x10\x00\xdeTy\xb4\xfe\x18\xc4\x80\x17\xc0]\xf2u\xeb\xd6%&amp;&amp;z\xba\xb9\x89(*\xaa\x7f\xbf\xbe={\xf2\x1c\xc7\xbeJ\xc7\xffi$IZ\x19Fo0\xc4\xcf\x9e\xb5\xe1\xfb\xef2ss\x11B&amp;\xa3\xb1S\xa7N\x89\x89\x89"\x91\x08\x87\x9cr\xf84\x95\tI\x92\x0c\xc3|\xf3\xcd7\x14E\xd5\xf0\xf4\x1c=hP\xdd\xda\xb5m\x16\x8bX$\xfa\xb7\xe6\xfe\xb9(\x92\xe4y\x9eD\xe8\x93^=/m\xdfn0\x19\x0b\x8a\x8b\xfd\xfd\xfcV%$t\xea\xd4\xe9\xde\xbd{8\x06\xc0\r/W\x10\x00\xdeH\xf9\xb5\xfe\x18\xc4\x80\xe7\xc2\xf7\xfc\xf2\xe5\xcb\x93&amp;N\xec\xd8\xb2\xa5\xce`x\xbbn\xdd\x85\x93&amp;\xe9\n\n\xf87;\\\x137`\x06\xa3q`\x8f\x1eK\'On\x1c\x18\xe8\xea\xe4\xa4\xd5jG\x8c\x18\xb1t\xe9R\x8a\xa2Jw5\x10&amp;\xdc\xfd?~\xfc\xf8\xdd\xbbw\xe5R\xe9\xc5\x9b7\xbb\xb7}W"\x91\xb0\xafuO\x08\x82`Y\x96\xe5\xb8\x9a^^\xa3\x87|\xf2\xd9\xa0Ai\x19\x19\xfe~\xbe\xe7\xce\x9dk\x12\x14t\xec\xf8q\x9c\x05\x82\x05\xc3\xe5\x07\x02\xc0\xeb+\xef\xd6\x1f\x83\x18\xf0O\xb8\x83?v\xec\xd8\xec\x9c\x1c\x8e\xe3~\xf9v\xc1\xc4\xf0p\xa9D\x82^e\xa6\xfd\xdf\xe0\xfd9t:]\xf8\xe0\x8f\xe3g\xcf6\x9aL\x1a\x95\xca\xcb\xdd}\xfc\xf8\xf1QQQx\x01\x81\x00\xef\xf9\xd3b\xe3\xe2\xa4b\xb1\xc1d\xea\x10\x1a\xda\xbaiS\x83^\xff\xcf\x85\x8d/\tO\x12\xe8\xf4\xfa\xfao\xd5\x9a?~\xdc\xbc\xf1\xe3\n\x8bK\x10B\xfe&gt;&gt;];w\x8e\x8c\x8c\xc43^\x90\x0e*\'\x10\x00^S\xc5\xb4\xfe\x18\xc4\x80\xa7\xe1\x12\x94%K\x97\x1e;v,\xb4q\xa3+\xb7o\x97\xe8t-Z\xb5\xd4\xeb\xf5eX\xafIQTqnn\xd3\xfa\xf5\xae\xec\xdc\xd1\xa1y\xf3\xac\xbc&lt;\x95R\x19\x1f\x1f\xdf\xa3G\x0f\x1c!\x04\xd8-\xc5\xab\xac\xf3\xf2\xf2~\xdf\xbd\xdbb\xb3\xb1\x1c7\xb8WOZ$z\xf3\x87\x8f\xa2(\x83\xd1H\x92\xe4\x17\x91\x11\xb3G\x8f\xee\xd9\xbe]\xc7\x16-\xc4b\xf1\xaaU\xab\xda\xb5kW\\TDQ\x14l\xd3T\x1e \x00\xbc\x8e\x8al\xfd1\x88\x01\x18\xc7q4M\xdf\xbf\x7f\x7f\xda\x94)"\x91\xe8\xf6\x83\x87\x83?\xf8 \xacG\x0fmN\x8e\xa8\xac\xabtD4m4\x1a\xbd\xdd\xdd\x96L\x9e\x1c\xd6\xa5\x8b\x8bZ\xed\xe2\xe4\xb4w\xef\xde\xe8\xa8(\x86a\x04\xd8-\xc5U=\xbf\xac[g1\x99D4\xed\xe6\xe4\xd4\xb9eK\xb3\xd1\xf8\xe6\xa3.\x84\x10I\x92\x1c\xc7\xe9\x8aK&gt;\xfdh\xe0\xce\x15+\x1egg\x97\xe8t\x14M\x9f&lt;y\xb2}\x87\x0e\xe7\x93\x93i\x9a\x86)\x812\x07e\xa0\xaf\xac\xe2[\xff\xa7\x7f\xb5\x90kC\xf1\x9d7\x18\x0c\xa1-Zx)\x15uj\xbd\xb5\xef\xf8\xf1-K\x167k\xd0\xc0d2\x95\xd3r-\x96e\xe5R)IQ\x9dF\x84\xdfMM\xa5E\xa2\xb4\x8c\x0c\x01\xee \x8d\x1b\x8a\xfc\xfc|\xff\x80\x00\x11B\x8d\x02\x03[7m:k\xec\x18\xfd\x1b\xe4\x7f\x9e\x0b\x17\x80R4=v\xee\xbcm\x7f\x1cP*\xe5i\x19\x99\xbe\xd5}\xfa\r\x18\xb8h\xe1B\x04\x15\xa2e\nF\x00\xaf\x06\xe7\x7f\xed\xd2\xfa#\xc1\x8f\x03\xf0\x9b\xbfx\xd1\xa2\xbc\xc7\x8f\x8f\x9eO\xd6\x1b\x0c\xe7\xb7n\tm\xd4\xa8\xfcZ\x7f\x84\x10EQ&amp;\x8b\xc5d6\xef\x8b\x8d\xf9\xa4W\xaf\x12\xad\x16\x11\x04\xdeA\xfa\xf2\xe5\xcb\xc2\xd9A\x1aO\xff\xfe\xfc\xf3\xcf\xda\x92\x92\x02\xad\xf6N\xea\xc3\xf0\xbe\x1f\xda\xac\xd62\xe9\xfe?\r\xcf\xb43\x0c\x13\xbb`\xfe\xb2\xa9S\x8aK\xb4\xd3\xa2\xa3hD,^\xb4(22\x12*D\xcb\x16\x04\x80W\xc0?9;\xb0\xf4t\x97\x8al\xfd1\xc1\xc6\x00\x96ei\x9a&gt;r\xf8\xf0\xdc\xb9s{\xbf\xd79\xb2_?7\x17gwww\xadNW\xde[5\x90$\xc9\xf1&lt;\xc7\xf33G\x7f\xd6\xef\xbd\xce\xceju\x80\x9f\xdf\xa5K\x97\xda\xb5kw\xf2\xe4I\x81,\x11\xc0)\x9a\xad[\xb7*\xe5r\x12\xa1\x9e\xed;\xf8\xf9\xfaZ,\x96\xf2x\xe6\xf1C\xae+,\xec\xd9\xa1\xfd\xa5\x1d\xdb\x19\x86}\xf0\xf8\xb1\xbf\x9f\xdf\xaaU\xab\xa0B\xb4lA\n\xe8e=}\xba\xcb\xf8\t\x13\x08\x92\xe49nX\xef^\x89\xf3\xe7WX\xeb\xff\xf4\xc5\x08*\x17T\xba\xe1O\xcdZ\xb5\n\x0b\n\x10Bc\x87\x0cY:k\xa667\xb7\xc2\xb2\x01\xf8MQ\xba\xb8l\xfcm\xfb\xa0/\xbf\x94I\xa5"\x8a2Z,+V\xac(-V\xa9b\xb7\xbd\x14\x1e{%\'\'\x87\x84\x84H\xc4b\x92 \x0e\xafI\x0cm\xdcXo0\x94m\xfe\xe7\x19&lt;\xcfK\xa5R\xad^\xbfd\xcd\xcf\xf3W\xadz\xabz\xf5\x94\xb44\x85R\xb9w\xef\xdew\xdb\xb4)\xdd\xfd\xbb\xfc.\xa0\xca\x83{\xf7R\x9e&gt;\xdde\xfc\x84\t\x9f\xf4\xea\xe5\xe7\xe5\xd9\xac~\xfd\xc4o\xbf\xad\xf8\xd6\x1f\to\x1c\x80OH\x8e\x1e92\xd0\xc7\xfb\xbdwZ\xd34\xf5v\xdd:6\x83\x01U\xe0m\xc7_\xb16?\xbf\x7f\xd7.;\x7f\xfa\xe9\xed:u,6\x1b\xcb\xb2QQQ3g\xce\xac\xdaK\x04\x08\x82\xe0y~\xd2\xe4\xc9j\x85\xa2\xba\xa7Gp\xc3\x86M\xeb\xd77\x1a\x8d\xe5\xda\xfa\xe3\xdfk4\x1a\x95r\xf9\x97\xe1#\xbe\x9d0\xbe\xa0\xb8\x18A\x85h\x99\x82\x11\xc0\x7f{\x8d\xd3]*\xec\xc2\x840\x0e`\x19\x86\xa2\xe9\xf5\xeb\xd7\x0f\x1e&lt;X&amp;\x95~6hP\xf7\xb6\xef\xb6k\xde\\\xa7\xd5\xda\xa5\xf7\xc7\xb2\xac\xda\xd5\xf5\xe8\x89\x93\x91\xd3\xa7s&lt;\x9f_T\xa4\xd5\xebKo{\xd5\xdb\xd7\x1ew\xff\xcf\x9d?\xdf&lt;4T\xadT\x06\xfa\xf9\xcd\x19;\xa6S\xabVF\xa3\xb1b&gt;)\xc7\xf3\x14I\xca\x95\xca\x15\xeb\xd6%\x9d8\xe1\xef\xeb\x97\xf0\xdbo%:]\xe9T\xbc\xcdf\x13\x89D\x15p%UO\x95zR\xcb\xc3?Ow\xb11\x0c&gt;\xdd\xa5q`\x80\xd5l\xb6W\xeb\x8f\x841\x0e\xc0\x9bc\xa7\xa5\xa6N\x980a\xd4\xc0\x01M\xeb\xd5\xbb\x9er\xb7\xdd\xbb\xef\x16\x17\x17\xdb\xab\x9d\xa5(\xaa8?\xbfmH\xf0\xf9\xad[jxxh\xf5z\xb9L\x16\x1f\x1f\x1f\x1d\x1dMQ\x14\xce\x95\xdb\xe5\xc2\xcaU\\l,\x81\x90\xd5f3[\xad\xad\x82\x82\xf0\xe1\xd5\x15\xf3\xabI\x82\xe08NWR\xf2\xe9\xc0\xff\xaf\x10\xa5i\xba\xf40g\x91HT5\x9e\xf6\x8a\x07\x01\xe0E\xfeY\xf1i\xb6X\x86\xf5\xee}|\xc3z?/\xaf\x7f;\xdb\xab"U\xf9\x18\x80\x93\xbc_N\x9c\x98\x9b\x9b\x9b\xb8}G\xd76\xef\xfc\xbal\x99\xae \xdf\xbe\xc5\x97"\x9a\xd6\xea\xf5\x12\xb1x\xeb\x0f\xcb\x86\xf4\xeci4\x99\xc4bq\\\\\\xx\xb8N\xa7\xabJy\t|\xffu:\xdd\xef\xbf\xff.\x16\x8b\xcd\x16\xcb\xe8\x8f\x07\xa94\x1a\x1b\xc3T\xe4\xe8\x12\x8f\xab\xb4z\xbd\xc1`\xf8\xf9\xdb\x05Q\xfd\xfb\xab\x15\x8aZ\xd5\xab_\xbat\xa9C\x87\x0e\x89\x89\x89x\xbc[%Co\xb9\x82\x00\xf0\xaf^T\xef\xaf\xd7\x9b-\x16\xbb\xb7\xfeX\x15\x8e\x018\xf9\xb0*&gt;~\xeb\xd6\xad\xb5}}\x1b\xd4\xf6\xd7\x1b\x8cr\xa5\x92c9\xbb\xe7\xb6h\x8abl6\xb5\\\xbe\xf6\xbbo\x87\xf4\xfc\x80\xb1\xd9\xfc}}W\xaf^\xdd\xa1c\xc7\xc2\xc2\xc2*\xb3r\x15\'\xb5\xf6\xec\xd9\x93\x93\x93#\x16\x89\xbc\xdc\xdd\xbb\xb4nm)\xff\xec\xffs\xfd\xadBt\xca\xe4\xbc\xc2\xc2\x00??\xc6b\x191bD\xb7n\xdd\n\x0b\x0b\xf1Fu\x15\x7fa\x95\x17\xcc\x01&lt;_i\x81\xc1\x9b\x9f\xeeR1^&lt;\x1fP\x19\x13\xd3\x7f\x1d;u\xef^`@\x00ER\xf5\xfdk\xfbyy\xedX\xfe\xa3\xc9lv\x9c\xb9\r\x8e\xe3H\x8a\x92\x88\xc5\xb3V\xac\x98\xbd2\x06/\x0b\x08\x0c\x0c\\\xbf~}pppe_&amp;\x86\xdf\x02\xab\xd5\xda\xb2U\xab\xac\xb4\xb4\x82\x92\x92\x81\xdd\xba\xfd\xb2\xf0{mI\x89\x1d{?&lt;\xcfs&lt;/\x93J\x8e\x9dO\xfel\xce\\\xad\xc1\x90WTd\xb3\xd9BCC\xd7\xad[\x17\x10\x10\x80W,;\xceC\xe2\xc8*Y\xa3P1p/\x83$\xc9\xe8\xe8\xe8\xf8\xf8x\x99T\xfaL\xbd\xbf\xa3\xb5\xfe\xe8\xb9\xe3\x00\xa9\xf4\xe9\xc4t\xe5\x8a\xf4\xb8\xe9\xd1\xe9tC\x06\x0fn\xd6\xa0AuO\x8f\x12\x9dn\xe9\xd4)V\xab\xd5\xde\x97\xf678\xe3o\xb5Z\'EF~\x19\x1e\xfe\x96\x8f\x8f\xbb\x8b\xcb\xdd\xbbw\xdf{\xef\xbd\xa4\xa4\xa4\xca\xbeL\x0c\x97\x12\xec\xd8\xbe\xfd\xf2\xa5KR\x99\xb4S\xcb\x96Qa\xfd\x19\x86\xb1o\xdbJ\x10\x04E\x92\x16\x8b\xb5]h\xe8\xbe\xf8\xb8\xb6\xc1\xc16\x9b-\xa0\xa6\xdf\xb9s\xe7\x9a7o\xbeo\xdf&gt;H\x07\xbd&lt;\x08\x00\xcf\xc2\x99\x1f\x91H4f\xcc\x98\xb8\xb88\xb9\\n2\x9b+x\xb5\xd7\xeby6\x06\x98\xcd81\x1d\x11\x11\xa1\xd3\xe98\x8e\xabD\xaf\x04N\xfe|\xf7\xed\xb7g\xcf\x9e\xcd/*\x9a=ft\xec\xcc\x99~^^\xec?Nu\xb7;&lt;E\xc9s\xdcw_\x7f5a\xf8\xf0\x82\xa2"_oo\xb3\xc9\xd4\xb5k\xd7\xf8\xf8\xf8J\xbd\x83\r\x1e5\xc6\xc4\xc6\xca$\x92\xb4\x8cL\x9a\xa2\xda\x04\x07\x9b*\xaa\xf8\xe7\xc5\x08\x820\x9aL\xde\xee\xee\x1b\x16~\xbf\xf1\xfb\xef\xb2s\xf3|&lt;&lt;8\x9b\xad{\xf7\xee\xa3F\x8d\x12\xe6fM\xaf\xc1\xfe_\xa4C)\xdd\xe9\xe1\xeb\xe9\xd3\xb7l\xd8\xe0\xee\xe2b4\x1a\x87\xf4\xfc q\x81\x1dV{\xbd\x86\xa7c\xc0\x90\x0f&gt;\xe09\xae\xb6\xafoBBBxxx%*T\xc7\x8b~O\x9f&gt;\xfd\xfd\xc2\x85\x815k"\x84\x0e\x9e:\xdd\xb5{7\xbd\xd1\xe8\x98\xf7\x1f\xdf\xf6\x92\xec\xec\xe8\xb0\xfe\xa76nT\xcad&amp;\xb3Y\xa5TFEE\x8d\x1f?\xbe\x12\xdd\xf9\xa7\xe1D\xca\xf5\xeb\xd7\xcf\x9c9#\x91H\xa4\x12\xc9\x98\xc1\x83\x1djB\x89$I\x8b\xc5\xa23\x18\xc2\xbavM\x98;G\xadP\xe8\x8cF?\x1f\x9f\x98\x98\x98\xb6m\xdbfeeU\x99\x99\x98\xf2\x03\x01\xe0\xff\x95\xee\xf4\x10\x1d\x1d=g\xf6l\x82 &gt;\x1f:\xb4w\xc7\x0es\xc6\x8c\xb1Y\xad\xbc\xe3\xf5=\x9f\x0b7F\x06\x83!\xf1\xdb\x05\xc3z\xf7~\x94\x95\xe5\xef\xeb\xbbu\xebV\x9c\x0br\xfc9a&lt;\xf5\xc2q\\dx\xb8\xc5b\xc9\xca\xcb\xab\xe5\xe3\xb3p\xe2\x97\xfa\xecl\xda1f\xdd\x9f\x8b \x08\x9a\xa6\xb5:]\xf3\xb7\x1b\xaf\x9c&gt;\xbd}h\xa8\xb3J%\xa2\xe9\xa5K\x97\xe2S\x04*\xd7\x08\x0c=\t\x00k\xd7\xae\xb5X,\xc5Zm\xa3\x80\x80w\x9a55\x99Lv\xac{\xfe\'\x9c\xed1\x98L\xfd\xbbw\xffy\xfe\xbcv!!\x19\xd9\xd9\xd5\\]O\x9d:\xd5\xacY3|\x96\xa7\xe3?\xf3v\xe4@\xdf\xa5}=]\xf3\x833?\xd9\xf9\xf9\xc7.\\\xd8\xbeb\x85\xb3Zm\xb1X\x1ca\xd8\xfb\x92p\x02\xd4f\xb3~\xfd\xe9\xa7C{\xf7N\xcb\xcc\x94H$qqq\x95\xa2.\x08_\xde\x88\xf0\xf0\xa2\xbc\xbc\xafG\x8eT\xca\xe5\x83z\xf4psq\xa9\x14\x01\x98\xa2\xa8\x12\xad\xf6\xdd\xd0\x90\xad\xcb\x96z\xba\xba\xda\x18\x06\xcf\xc4\xe0;_\x89\x96\x08\xe0w\xe1\xf6\xed\xdb[7m\x8a\xec\xdf\xafn\xadZ\x1f\xb4k\'S\xa9\x18\xc7K\xaa\x10\x08\x91$YR\\\x1c\xd2\xa8\xd1\xce\xe5?\x8e\xfe\xf8c\x95BA\x92dVV\xd6{\xef\xbd\xb7z\xf5j\x98\x12x\x81J\xd3\xa8\x95\xabg+&gt;\xa5R\xa3\xd1\xf8I\xcf\x9e\ts\xe7\xe8t\xba\xcaXQ@\x92\xa4\xcdb\xf5pq\x8e\x9d9c`\xf7\xee\x16\x8bE&amp;\x93:~m(&gt;\xece\xdd\xbau?\xafY\x93\x99\x9f\x7f\xe8\xcc\x99\xa4\xb8\xd8\xc8\x81\x03\xca\xf6\xb0\x97rEST\x89V+\x93H\x8e\xad_7\xbcwo\x93\xd9L\xd3t||\xfc\xc0\x81\x03\x8b\x8a\x8a*Kb\x1aw\xff\xe3\xe2\xe2\x1egd\xdcz\xf00\xbco\xdf\xcf\x06\x7fl\xd4\x968\xec \x8c\xa6(\xadNG\x10\xc4\xe2o\xa6\x8f\xf9xP5\x17\x97\xb7j\xd4`\xac\xd6\xf0\xf0p\xa8\x10}\x01(\x03}Q\xbd\xbf\xc5b\xb1\xd9l\x95\xae\xf5/\x853Z\x8aJ\xb2W\x04\xee\xa3\xe5\xe5\xe5\x05\x05\x05\x91\x1cg2\x9b\xab{x\x9c\xdd\xb2\xd9f\xb5\x12$\xe9@\x17\xfa\x12\xf0\x13%W(\x86|9q\xff\x89\xe32\xa9\xf4QVvpH\xc8\xae\x9d;\xbd\xbc\xbc\x1c\xbc&lt;\xb4t\xeb\xbd\xc0\xc0\xc0\xfc\xbc&lt;\x86e\'ED,\x982\xb9$?\xdfa\x03\x00\xc6\xf3&lt;\xcb\xb2\x1a7\xb7\x8b\x97.\x7f\xf4\xe5\x17z\xa3\xe9\x99\nQ\x9b\xcdF\xd3\xb4C=\xf6\xf6U9zU\xe5\xe7\xc5\xa7\xbbX\xad\xd6J\xfd\xac\xe0\xea\xcf\xca\xb2F\x0cg\xff\x87\x0c\x19\x92\x95\x95E\x91dP\xbdz\xbf|\xbb\x00\xd7\x9bW\xba\xef\x80$I\x96\xe3\xf4z\xfd/\xdf};\xb4W\xefGY\xd9\xd5\xdc\xdc.\x9c?_\x9a\x98v\xe4\xde(~0\xfe\xfc\xf3\xcf\x9c\xecl\xb1H\xa4V*G\r\x08\xb3\xeat\x0e\x95\xfd\x7f.&lt;\x13SRP\xd00\xc0?i\xd5\xaa\xa7+D[\xb6l\xb9?)I$\x12A:\xe8i\x8e\xfe\x8d\x96\xab\xff&lt;\xdd\xa5\xb2\xa4\x1d^\xa0\xb2\xac\x13\xc6u\x9f1\xb1\xb1w\xae^\xfd\xa4W\xcf\xf4\xac\xac\x86\xfe\xfe\x8d\x1b\xd4w\x90\xa2\xc3\xd7@&gt;\x99\x8d\x9f5f\xf4\x8f\xd3\xa6\xa9d2\x82$\xb3\xb2\xb2\xbav\xed\xbau\xeb\x16\\\x1ej\xefk\xfcW\x04A\xac\\\xb9\x12!\xc2l\xb5v}\xe7\x1d_\x1f\x1fK\xe5\xe9\x0c\xd1\x14e\xb1\xd9J+D\xb3r\xf3|\xbd\xbc\x8a\n\x0b\xbbu\xed:a\xc2\x04H\x07=\xadR\xbeZe\xc2\x11Nw\xa9\x18\x8e\x1f\x03\xf0z\xda\xdc\xdc\xdc\xc9\x93&amp;\xa5\xe7\xe4\x90\x04\xb1m\xd9\xd2E\x93&amp;\xeaK\xb4\x0e\xb2\xdf\xc6\xeb\xc1\xbb(\xf3\x1c\xf7\xd9\xf0ac\x06\x0fvwv\xaeS\xb3fQaaX\xd8\x80\xd8\xd8X\xc7&lt;\xd5\x04\xe7\x06\x8f\x1e=\xba?)\xa9Q`\x80F\xa9\x1c\xd0\xad+"\x08\xc7\xba\xca\xffB\x12Di\x85\xe8\xea\xb9sE4]\xcd\xd5\xf5\xb3\x8f?^\xb2dI\xd7.]\xb2\xb2\xb2\x1c|\x10Va\x04:\x07\xe0P\xa7\xbbT\x0c\x87\xdd;\xfa\xafHL\x10\xa1\xcd\x9b\xe7edtn\xddj\xfd\xee\xdf\xaf\xee\xd8\xe1\xe7\xe3m6\x9b+i\xf7\xffi&lt;B,\xc3h\\]\xaf\\\xbf\xdeyDx^Q\x91\xa7\xbb{v^^tttLL\x8c\xa3M\xc6\xe0\xa1X\xf7\x1e=\x0e\xfe\xf1GuO\xcfnm\xda\xcc\x197VB\xd3\x95\xb1\xa1\xe0\x11\xe28N\xed\xe2\xf2\xc7\x91#Z\xbd~\xec\xfc\x05V\x9b-\xbf\xa8\xc8\xc3\xc3c\xfbo\xbf\xb5l\xd5\n6\x8d\xa8\xf4o\xd7kp\xb4\xd3]*\x86\xc3\x8e\x03\xf0w1f\xdc\xb8\xe4\xe4\xe4\x82\x92\x12\x9a\xa4n\xef\xddS\xcd\xc5\xd9j\xb5V\x81\xd6\x1f!D D\xd3tIaa}\x7f\xff\x03\xab\x13\xfav\xee\xac3\x18D"Qlll\xe9\xcdw\x90\xac4\x1e\x13?x\xf0\xe0\xe8\x91#2\xa9\xf4\xe1\xe3\xc7M\xea\xd6uvv\xb6U\xce\xce2\x81\x10E\x92%\xf9\x05\xef\xb5j\xd5\xbbS\xa7\xcf\x87\x0fS\xc8dJ\xb9\xdc\xa8\xd3\xb5j\xddz\xe9\xd2\xa58\xf4:r.\xae\xbcU\x85\x17\xec\x95&lt;=\xeb\x1b\x1b\x1b+\xa2\xe9\x03\xa7N}\xf7\xf9\xe7\xab\xe7\xcd3\x9b\xcd\\e(6\x7fm\x0e\x18\x03\xf0wq\xfc\xc4\x89\x9d[\xb64o\xdcXo4^\xb9{\xb7\xba\x87\x87\xe3\xcf7\xbe*\x9a\xa2LF\xe3\xdbu\xeb.\x9b:%\xa4A\x03\x9b\xcd\x86\x97\x08DFF:\xce\x12\x01\xfc\xfc\'\xaeYc5\x9by\x9eo\x14\x100\xa8Gw\xa3V\xeb\xe0\xc5?/F\xd3\x94V\xaf7\x99L\x13\xa2\xa2&amp;\x0c\x1f\xe6\xef[\xc3`2\xb5\x0b\r\x19?~|\xa7\xce\x9d\xab\xd2\xd6\xad\xaf\xa1\xaa\xbdf/\xe6\xc8\xa7\xbbT\x0c\x87\x8a\x01\xf8w\xf1&lt;?d\xc8\x90\xc799\xef\xb7k\xfb\xd5\xc8\xe8\xdd?-\xb7\xdal\x95/\xdd\xf0\x12(\x8a\xd2j\xb5nNNG\xd6\xfe&lt;\xbcOo\x93\xd9\xac\x90\xcbW\xadZ\xd5\xadkWGX"\x80\x0b"\xcc\x16\xcbo\xbf\xfe\xca\xf2\xbc\xce`\xe8\xd7\xa5\x8bB\xad\xb6U\xfe\x0e2\x0e\xb1\xc5yyc""f\xfc\xef\xb3\xcf\x87\r\xf3pu\xa3i\xfa\xd0\xc1\x83-[\xb6\xc4uY6\x9b\xad2\xa6\xb9\xdeP\x15o\xef\x9e\xe6\xf8\xa7\xbbT\x0c\xc7\x89\x018\xe1\x10\x11\x19\xc9\x99L\xcd\x1a6\xfc\xfa\x87\x1f\xc3\xfb\xf6u\xd6h\xac\x95y\xed\xc5\x8bQ\x14e\xb5\xd9\x0c\x06C\xc2\xdc\xb9Qa\xfd]\x9d4J\x85b\x7fRR\x97.]RRR\xec\xdb\x15\xc5\xdd\xffo\x17,\xc8\xcf\xce\x9e;v\xec{\xadZ}\xd0\xae-[\xa9\xd6\xc0\xbf\x98\x88\xa6Krr&gt;h\xd7\xf6\xbbI\x13Y\x8e\xad\xe1\xe1Q\xcd\xd5\xf5\xee\xdd\xbb]\xbbv\x15l\x85\xa8P&amp;\x81_\\\xef\xcfs\\\x95y\xca_\x92\xdd\xe7\x84\xf1d\xe3\xc1\x83\x07;w\xee,\x16\x89\xe6\x8c\x19]\xcf\xdf?\xa4~\x03\x95RQ\xe5\x9f\xc9\xbfn\xbeR\x191mZ\xc2\xb6\xdf\x02k\xd6\xbc\x9b\x9a\xea\xec\xec\x9c\x94\x94\x14\x12\x12b\x97\x13n\xf1=7\x9b\xcd\r\x1a4\xc8\xcf\xcd\xf5pu\xfd\xee\x8b\xcf{v\xead\xd0\xeb\xab\xd8\xb0\x98\xe58\x84\x90\xda\xc9i\xc5/\xebF\xcf\x99S\xc3\xdb\xfbQf&amp;\xc7\xf3\xe3\xc7\x8f\xff\xea\xab\xaf\\\\\\\x1c|\x99^\xd9\x12D\x00x\xf6t\x17\xa9\xf4\xe9\x1d\x9e\x1d\xf0t\x97\x8a\xf1l\x0c\x90JMfs\xc5\xc4\x00\xfc\x8d\x14\x15\x15\x05\x07\x07\x17\x17\x16T\xf7\xf0d\x18\xe6\xd6\xde=&amp;\xa3\xd1\x017|.\x0fxwP\xa5\\\xbei\xef\xde\xa8of\xe8\x8dF\xa9X,\x92H\x96.]:b\xc4\x08\x1c\x1d+\xf2z\xf0o\xdc\xb7o_\xf7\xee\xddq\x89\xe4\x99M\x1b\x83\x1b40\x9aLU\xafo\x84\x8f\x94Q+\x95\xe7\xae]\xff\xe8\x8b/\x8c&amp;S\xbf.]\x96\xaf_\x1f\x1c\x1c\xbck\xd7.//\xaf\x8a\xbf\xff\xf6R\xd5\xbe\xda\x7fz\xa6\xf5\x97H$&amp;\xb3yX\xef^\x8e|\xbaK\xc5\xf8{.\xa8\x97\xc9l\x96H$\xa5\xb9 \\\xc3^N\xbf\x1a\x7f#\x83&gt;\xfe855\xd5\xc3\xd5\r!\xfe\xe7\xf9\xf3\xacV+\xc3\xb2Bh\xfd\x11B\xb8\xf6\xd0`4\x0e\xec\xd1c\xe9\x94\xc9\r\x03\x02\\\x9d\x9du:]xx\xf8\xd2\xa5Kq\xebS\xf1\x9d\xb3_\xd6\xad\x93I$\x04B\xef\xb7m\xdb\xbcI\x13C\xa5]\x85\xf7b\xf8H\x99\x12\x9d.\xf4\xed\xc6+\xa7O\xffa\xda\xd4_\x93\x92\\\x9d\x9c\x92\x93\x93\x9b5kv\xea\xd4)\x81\xb4\xfeH \x01\x00!\xf4\xd7\xac\xafTj\xb1XF\x0e\x18\x908\x7f\xbeN\xaf\xaf\xaa\x15\x9f/\x0f\xc7\x00\x9d^\x9f8\x7f\xfe\xc8\x01\x03,\x16\x0b\x8e\x01\x1f\x7f\xfc\xb1\xd1h,\xa7]\xec\xf1\xf0"!!\xe1\x8f\xa4$\x91HTXR\xf2\xbfA\x83\x1a\x06\x06\xdal\xb6*\xd9\xdc\xfc\x1b\\\x81\xae\xd3\xe9\xc2\x07\x0cX;\x7f\x1e.{\x15\x89D\xe3\xc7\x8f/\xd7\xfb\xffO8;\x9a\x96\x96\xb6k\xe7N\x8b\xcd\xc6r\xdcG\xef\xf7\xc0\x03\xc4\n\xf8\xed\xf6BS\x94\xb6\xa4\xa4c\x8b\xe6}:u\xfa\xe6\xd3O\x9d\xd5j\xb1X\x9c\x95\x95\xf5\xee\xbb\xef.\\\xb8\x10\xd7\x04\xda\xfb\x1a\xcb\x9d \xde7|\xc4#\xb2G\x97\xaa\x92\xe28\xae\xbcg#m6[\xb9\xfe\xfc\xca\x8a\xe7Q\x85\xdc\x7f\xf0\x026\x9b\r?\x9fU\xbe\xc5\xa8\xfa\x01\x00\xf7\xb3V\xaf^\x1d\x19\x19\x89{\xb81\x9b7\x0f\x9f2E\xa5T\xa2\xf2\xccrT\n\xb8\x97\xa7R*\x87O\x99\x12\xb3y\xb3D"\xb1X,\x91\x91\x91\x1b7nT\xab\xd5\xe5\xb4H\x12\xd7\x1a\x8d\x1c9\xf2\xbd.]l6\x9b\x8bF\xf3\xd3\x86\r\xd7\xef\xde\x15\x89DB\xe8s\x95\xc2\x1d|\x95J\x95\xb0y\xf3\'S\xa6\x8a\xc5b\x8e\xe3l\x0c\xb3d\xc9\x92r\xbd\xff\xff\x84+P\xfd\xfc\xfcz\xf6\xea%\x11\x89(\x92\xdc\xf8\xfb\x1e&lt;:\xac\x80\xdfn/\x0c\xcb\xaa5\x9aCg\xcen?xp\xe6\x8a\x15EZ\xad\xd5j\xf5\xf2\xf2:v\xec\xd8\x94)ST*\x95C\xad\xd0.\'\x82h\x01_&lt;\t,\xd8D\x10L\x02\xdb\xd1\x7fN\x02Wp\xeb\x03\x93\xc00\t\\e\xe1\x9e\x14\xcb\xb2qqq\x91\x91\x91&amp;\xb3Y&amp;\x93\xad\xd9\xb1c\xf8\x94\xa9J\x85B\x98\xe3\x00\x8e\xe7\x89g\xca@+\xaa\xf5GOvIsuu\x8d\x8f\x8f/\xd6\xea\xee\xa6\xa6\x8e\xf8\xb0\xcf\xefG\x8fj\xf5\x86\xaa\xd7\xdc\xfc\xd3_\x03/\x95*r\xfa\xf4A_N\xf4\xaeV\r!$S(\x0e\x1d:4b\xc4\x08\x9b\xcd\x86\'\xe1+\xf2\x92\xf0\xce\xe1\xed\xda\xb5\xabU\xab\x96L"\xf1\xf7\xf5\xcd\xcc\xcdE\x14U\xf5^\x0c\x96\xe38\x9eW;9\xad\xd8\xb8\xa9\xe5\xc0\x81,\xc7\xe5\x16\x14,_\xbf~\xfc\xf8\xf1III\xf8\xb4\x06\x81\xb4\xfeH \x01\x00!D\x10\x04\x1e\xe7\xfe\x15\x03L&amp;!\xc7\x00&lt;\x1e\x92\xcb\xe5#\xa6\xdamc8\xbc\x17f\xa7N\x9dF\x84\x87{\xb8\xb8lI\xfa\xe3\x83Q\x9f\x9a\xac\x16\xa9D\xc2V\xe9D\x10^o\xa5\x90\xcb\xa3\xa7O?p\xfa\xb4R\xa1\xb8\x9b\x9a\x1a\x12\x12r\xf6\xec\xd9\x90\x90\x10\x86a*~\x11\x00zr\x8c\xa8L&amp;\x1b:t\xa8L,\x1e\xde\xa7O\xcc\xa6\xcdWo\xdeT\xc8d\\\x15z5\x18\x86Q\xcadj\xb5\xba\xff\xe8\xd1\x0bW\xafvsqI\xcb\xc8prv\xde\xb7\x7f\xff\xe2\xc5\x8b]\\\\8\x8e\x13\xce"\x00$\x90\x14P\xa9\x17/\x07\x13H.\x08\x7f\xe3\x12\xa9t\xe473V\xff\xf6\x9b\x1d\xb7\x05\xc5\x89 \x82 j\xbd\xf5Vzj\xea\xac1\xa3-V\xeb\xb8!C\x14r9\xc30U\xf2\xbb`YV"\x16K\xa4\xd2\x11S\xa7&amp;n\xdf\xa1\x90\xcb\rFc\xd7.]6l\xdc\xe8\xec\xecl\xdf\xcc\x03~0,Vk\xb3\xa0\xa0\x9b\xb7n!\x84f~\xf6\xd9\xf41\xa3K\x8a\x8a*\xf5^@\xa5l\x0c\xe3\xe4\xe1\xb1\xf3\xf7=\'/^L\xcf\xce\xdev\xe0\x00\xc30\x81\x81\x81\xeb\xd6\xad\xc3\xeb\xef\x04xX\x98PF\x00\x18\x8c\x03\xf0\xc6\xcb2\xa9\xb4kD\xc4\x1f\'O\xaa\x95J;n\n\x8d\x7f\x17A\x10\xbf\xfc\xf2Ku\x0f\x8f\xdf\x8f\xfe9\'&amp;\xf6\x83\xff}&amp;\x16\x89\xaa\xe4[\xc8\xb2\xacZ\xad\xce/.n\xff\xc9\xd0\xc4\xed;dR\xa9\xc1h\x8c\x88\x88\xd8\xb7\x7f\xbf\xb3\xb33\xee\x9a\xd8\xf1\xf2p\x9aT*\x91|\xd8\xaf\x1fE\x10*\x85\xe2\xd7\xa4$\x83V+\xaa\xfc\xad?\xcb\xb2\x1c\xc79\xb9\xbb\xff\xb0j\xd5\x8c\x9f\x96/Z\xb3&amp;\xa7 \x9fa\x98\x8e\x9d:\x9d&gt;}\xbat\xe0%\xb4\xd6\x1f\t-\x00 a\xc7\x80\xd2\xcc\xcf\xc8\x193\xef\xa4\xa6\x99,\x16\xad^o\xdf#\x01\xf0w\xd1\xe6\x9dwz\x85\x85\x9d\xbdzU)\x97\xbf\x1d\x18\xf88\'\xa7\xeae\x81\x18\x96\x95\xc9\xe5Wn\xdf\x1e;o\xfe\xf9\x1b7D"\x11\x9et\x89\x8f\x8f\xc7\xcd\x93#L~\xe0\x99\x80\xe1\xc3\x86\x89\xa5R\x82 \xae\xa5\xa4l\xd8\xb3W\xaeV3\x95y?8\x86a\xd5J\xa5L&amp;[\x1c\x17\xb78q\xcd\xbd\xf4G\n\x99\xec\xe8\xb9\xf3K\x96,9x\xe0\x80\x8b\x8b\x0b\xcb\xb2\x82J\xfb&lt;\xcd\xfe\xcf\\\xc5\x13f\x0c\xc0\x13\x8f\n\x85b\xc4\xb4i\xab\xb6m+\xd1\xeb\x0b\x8a\x8b\xbbu\xeb\x16\x1b\x1b\x8b[\x1f{u\x7f\xf0w\xf1\xc3\xd2\xa5\xc1\xc1\xc1\xae\x1a\r\xc3\xb1u\xbb\xf7\xc8-,\xc2e\x91v\xb9\xa4\xb2\xc5#\xc40\x8c\xc6\xc5\xe5\xe6\xbd{\x9dG\x84o;p@\xa5P\xd8l\xb6\xe8\xe8\xe8\xd2\xd0\xeb\x08\xad?B\x08\xefJ\xfd\xd6[o\xb5k\xdf\xded6\xd7\xaa^\xfd\xf2\xed\xdbEEE\xa2\xca\xd9&gt;\xf2\x08\xb1\x1c\xa7qs\xfd\xe3\xd4\xa9\x1d\x07\x0f.J\\c0\x99\xf4F\xa3\\\xa5:u\xf2\xe4\xb8q\xe3\xf0\xd6\x87\xc2\x99\xf2\xfd\'\x87x\xec*\x9e\xd0b\xc0\xd3\x15\x9f\x89\xdbw\xc8d2\xbd\xc1\x10\x19\x19\xb9w\xef^\x9c\x85\xb7\xe3\xe0\xf7\xaf\xdfN\x92{\xf6\xec)6\x1aW\xfd\xbam@\xb7\xaeW\xef\xde!\xab\xc4QM&lt;\xcf\x13\x08i\xdc\xdc~X\x9d\xd8%"\xd2E\xa3!\x10\xca\xce\xcb\x8b\x89\x89q\xc0\xe3\xc00\x9e\xe7\'~\xf9%\xcb\xf3*\xb9|\xe3\x9e=G\xce\x9c\x91\xc9\xe5\x95nL\x86\x1bw\xa5L\xb6u\xf7\xef\x9f\xce\x9a=z\xee\xbc\x0f;w\xce/*\n\t\x0e\xbet\xe9R\xcbV\xad\x18\x86q\xc0\x9b_\xc1\x04\x1a\x00\x90\x90b\xc0\x0b6\xfet\x90#\xf1H\x92\xe4X\xb6Z\xb5j\x0b\xbe\xfd\xd6\xd7\xc3\x83\xe3\xf9\xbec\xc7}\xfe\xedwJ\x8d\xbaR\x9f\xd6\xf4Wp%\xc9\xe5\x89k~X\xb7.\xaf\xa8\xe8Nj\xaa\xb3\x8b\xcb\x96-\x9b\xa3\xa3\xa3\xf1\x94\xaf\xddo\xfe3\xf02\xbdv\xed\xdau\xed\xd2\xe5\xda\xdd\x94\x12\xbd~\xf3\xbe\xfd\x88\xe7\x1d\xeb*\xff\x0b\xc7\xf3\x12\x89D\xa5Pl\xd9\xbf\x7f\xc4\xb4i6\x86)\xad\xf5\xdc\xff\xa4\xd6S\xb0i\x9f\xa7\t7\x00 a\xc4\x80\x17o\xfb\xec\x08\xad?\x86\xabBGFG\xd7i\xdcx\xed\xce]\xbe^^\xd7\xef\xdd\xbbz\xe3\xa6L.\xaf\xa4\x89 \xeeI\xcem\xfa\x0f?\x8e\x9e;Wg2\xf1\x1c\xe7\xe5\xe5\xb5\x7f\xff\xfe\xfe\xfd\xc3\x1c\xbc\xd8\x9c\xe7\xf9Q\xa3F!\xc4K\xc5\xe2\xfd\'N\xa4gdH\xc4\xe2\xca\xf2:0,+\x11\x892\xf3\xf2\x06}\xf1\xe5G_N\xf4\xaa\xe6\x9e\x9e\x95\xe5\xec\xe2"\xd8Z\xcf\x17\xa8\nm\xdc\x1b\xaa\xc2\xb5\xa18\xb9\xafp\xbc\x83\xe0\x9f\x0b7\xf4yyyAAA$\xc7\x99\xcc\xe6\xea\x1e\x1eg\xb7l\xb6Y\xad\x04I:\xd0\x85\xbe\x04\xfcD\xc9\x15\x8a!_N\xdc\x7f\xe2\xb8L*}\x94\x95\x1d\x1c\x12\xb2k\xe7N\xc7\xef~\xe2\x81\x8bN\xa7\x0b\x0c\x0c\xcc\xcf\xcbcXvRD\xc4\x82)\x93K\xf2\xf3\x1d\xbc\x1e\x94\xe7y\x96e5nn\x17/]\xfe\xe8\xcb/\xf4FS^Q\x91\xcdf\x0b\r\r]\xb7n]@@\x800k=_@\xd0#\x00\xac\xaa\x8e\x038\x8e\x93\x88\xc5r\xb9\xfc\x93I\x93\xd7\xec\xd8!\x93I\x1d\xb9\xf5GOf =&lt;&lt;\x16,X\x90\x91\x93SXR\xa2\x94\xcbS\x1e&gt;T\xa9\xd5|\xa5\x1a\x040,K\xd14E\xd3#&amp;OY\xb7{w\xb1N\xff(+{\xc0\x80\x01\x7f$%\xe1m\x06\x1c\xb9\xf5G\x08\x11\x04\xc10\x8cJ\xa5\xfa\xe8\xa3\x8f\x10\xcf\xbf\xd3\xac\x99\x9b\x93SQ^\x9e\x88v\xe8\xd6\x1f\x8fh5\xee\xee?$$\xf4\x185\x8aa9\xad^o\xb3\xd9\xbav\xed\xbao\xdf\xbe\x80\x80\x00\xc1\xd6z\xbe\x00\x04\x00\x84\xaab\x0c\xe08N$\x11\xe7\x14\x16E\x7f3c\xd3\xde\xbd\x12\x89\xc4d\xaa\xb8\x9d\x1e^\x1bM\xd3,\xcb\x0e\x1e&lt;x\xe8\xb0a\xdenn\x1d[\xb4\xe8\x12\x15\x1d\xbfi\xb3R\xa9\xac,\x89 \x86e5j\xb5\xc9by\xf7\xe3\xc1\x89;v\xc8\xa4R\x86a"##7m\xda\xe4\x08\xc5\xfe/\t\xd7\x83FEEU\xf7\xf1\xa9\xf7V\xad\x84m\xdb\x96\xaf[/Wk\x1c\xb6\x1e\x94aY\xb5J\xc5\xf3\xfc\x84\x99\xb3~X\xbf!\xb7\xb0\xf0\xc1\xa3G\xb4X\x9c\x90\x90\xb0o\xdf&gt;H\xfb\xfc\x9b\xca\xd7\xb4\x95\x9f*\x93\x0b\xc2Cx\xa9\\&gt;j\xfa7?\xef\xdc\xe9\xeb\xe5u/==***66\xd6\x91[\x7f\xac\xf4\xa4\xf8\xc6\r\x1b\xde\xb8uK\xa5P4\xab_\x7f\xcb\x92\xc52\xa9\xd4\xf1\xbf\x02\xbc\xd4\xeb\xd8\xb9\xf33~\xfa\xe9\xfe\xa3GYyy6\x86yz\xc6\xc5A\xca=_\x06\xceSM\x9c8\xf1\xfb\xef\xbfG\x08\x854l\xf8\xe7\xda\x9f\x1d0\x0c\xf3\x08\xf1\x1c\xa7\xd2h\xce_\xbe&lt;y\xf1\x92c\xc9\xc9.NN\xb9\x05\x05^^^;w\xee\x0c\t\tq\x90J\x07\xc7Ti\x1e\xc7\nP5\xc6\x01\xa5\xf5\xfe\xc3\'M^\xb3cG\r/\xaf{\xe9\xe9\xfd\xfb\xf7\xaf\x14\xad?z\xb2)\rI\x92\xf1\t\t\x12\x89\xc4\xcb\xdd\xfdaF\xc6\x17\xdf}\xaf\xf4\xf4t\xd8\xee\'zr\xe6\x84Z\xa5:{\xe5\xea\xa8Y\xb3\x8e\x9c;W\xa4\xd3\xd9\x18f\xdc\xb8q\xb8\xda\xcaq\x8a\xfd_\x12\x1e\x04|\xf2\xc9\'\x12\x89\xc4I\xad\xbe\x96\x92r\xe2\xc2E\x99L\xe6P\xf5\xa0\xb8\xd6S!\x93m\xdd\xbbw\xe8\x94\xa9G\xcf\x9f\xf7\xf1\xf4\xcc-(h\xd5\xaa\xd5\x85\x0b\x17\xf0\x12_\xc7\x7f\xe6\xed\xa82=\x91\x15\xa0\xb2\xc7\x80\xa7k~~\xd9\xbd\x9b \xc9\xfb\xe9\xe9\xe1\xe1\xe1\t\t\t\x0eU\xf3\xf3b\x14E1\x0c\xd3\xb2e\xcb/\xbf\xf8\xe2nj*B\xa8S\xab\x96\xfb\xf7\xeeS\xca\xe5\x8ey\xff\xf1m\xd7xz\xc6n\xd9\xda\xea\xa3\x8f\xf4&amp;\x93L*\xd5\xe9\xf5qqqK\x96,\xa9Dw\xfei8\x004l\xd8\xb0E\x8b\x16\x16\x8b\xc5l\xb1\xfc\xb0n\x9dC5\xa5\x1c\xc7\x95\xd6z\x86O\xfbJk0\xa8\xe4\xf2\xb4\x8c\x8c\x91#G\xfe\xf9\xe7\x9f\x95b\xba\xc5\xee\x1c\xbdE\xb3\x8bJ\x9a\x0bz\xee\xfe\xfe8\xf3\x83\x9e\xe4\x85\xec}\x8d/\x0b\x7f\x05F\xa3\xb1s\xe7\xce\x8c^\x9f_T\xc4\xf3\xfc\xe15\x89\xdenn\x8ev`\x00\xc7\xf3\x14I\xf2\x041\xf3\xa7\x15;\x0f\x1e,\xd2\xe9\xf2\n\x0b\x9d\x9d\x9d7n\xdc\xd8\xa5K\x17\x07/\xf8y1|\xf1\x9b6n\xfch\xd0 ?\x1f\xefz\xb5\xde\x9a\x1a\x15\xd9\xb2iS\x93\x03\x9c\x15\xcc\xf3\xbcL*}\x94\x933u\xf1\x92\x8d{\xf7\x06\xd4\xf4KIMsvv^\xbf~}\xb7n\xdd\xd0\x93\x128\xfb^\xa4\xe3\x83\x00\xf0|\x95.\x06\xfcg\xbd\x7f\xa5{\x19\xf0\x0b\x9cr\xef^`@\x00ER\xf5\xfdk\xfbyy\xedX\xfe\xa3\xc9lv\x9c\x9b\xcfq\x1cIQ\x12\xb1x\xd6\x8a\x15\xb3W\xc6\xe0\xa3T\x02\x03\x03\xd7\xaf_\x1f\x1c\x1c\\\xa9[\x7f\xf4d\xbbV\xab\xd5\xda\xb2U\xab\xac\xb4\xb4\x82\x92\x92\x81\xdd\xba\xfd\xb2\xf0{mI\x89}w-\xe5x^&amp;\x95\x1c;\x9f\xfc\xd9\x9c\xb9Z\x83\xe1\x99ZOH\xfa\xbf\xbcJ\xd6(T\x98\xca\x95\x0bz\xce\xe9.\x7f\xaf\xf8\xact\xad?z\xb2GP\x80\xbf\x7f|\\\x1c\xcb\xb1F\xb39+/\x7f\xda\xd2eJ\x8d\xa3\xd4\xa2p\x1c\'\x16\x8b\xf1\xf6Jscb\xfd}}\x19\x86\t\x0e\t9}\xfat\x15h\xfd\xd1\x93\xf9\x18\xa9T:i\xe2\xc4\x9c\xc2B\x99Tz\xe8\xec\xd9\xb4G\x8f$\x12\x89\xbd\x9e\x7f\xdc\xd1Q\xbb\xban\xde\xbb\xaf\xf7\xe81,\xc7iu\xbagj=!\xe9\xff\xf2*_\xbbPa*K\x0cp\x84\xd3]\xca\t^\x1e\x1c\x11\x19\xd9\xbf\x7f\xff\xfb\xe9\xe97\xee\xdfS*\xe4F\xbd\x9e\xa4H\xbb\xdfz\x86ei\x91Hk4~2q\xd2/\xbbv\xd3"\xd1\xbd\xf4\xf4\x11#F\x1c&gt;t\xa8*m0IQ\x14\xcf\xf3=z\xf4\xf0\xf0\xf0\xb0\xdalYyyI\'OJ\xec\xb45\x10\x1e\xcb\xd24\x1d=y\xca\xd8\xf9\x0b\xdc]\\R\xd2\xd2h\x89d\xf5\xea\xd5P\xeb\xf9z\x1c\xa5\x15sX\x0e\x9e\x0br\x9c\xd3]\xca\t\xae;|\x94\x9e\x1e\xda\xbcy\xdf\x0e\xed\xaf\xde\xb9\xabV*\xf6\xae][\x9c\x93c\xc7-*m\x0c\xa3Q\xa9J\xf4\xfa\xde\xff\xfb\xec\xcf\xe4d\xb9Lf4\x99J\xa7[\xaaX\xf6\x19\xefY\x14\x11\x11\xb1:!A"\x91\xf8\xfb\xfa\x9e\xda\xb0\x9e"I\xae\x027\x08\xc2\xc9(\x95B\x81Hr\xc0\xb8\xf1[\x92\x92p\xb6-(((!!!((\x08\xd2&gt;\xaf\xa7\xea&lt;\xa6\xe5\xc4\x91\xc7\x01\x0eu\xbaK9!I\x92\xe78\xbf\x9a5\x17/^\xbcr\xd3\xe6\x8b\xb7n5\x0c\x08&lt;z\xec\x98\x93\x93\x93\xbdj\xd2Y\x96urs\xfb\xf3|rH\xff\xb0G99j\xa5\xd2h2EFF\xe2B\xdb*\xd6\xfa\x97\x8a\x8a\x8e\xe6\x11\x12\x8bDR\xb1\xf8\xd4\xa5K\x12\x89\xa4\xc2\x96gs&lt;O\x92\xa4J\xa3Y\xb1iS\xafO?\xad\xee\xe9\xa9Q\xa9\x18\x86i\xdd\xba\xf5\xa1C\x87\x82\x82\x82l6[\xd5x\xda+\x1e\x8c\x00^\x8a\x03\x8e\x03pU\x8fB.\x8f\xfcz\xfa\xbe\x13\'\xcc\x16KAqq\x15k\xfdK\xe1\xc4\xee\xe0!C\x1e^\xbf\xa6V\xab\x0f\x9f9\x137s\xe6\xe0^\xbdLF#U\x81\xad-~\x0c\xe4r\xf9\xdec\xc7\xe7\xc7\xc5]\xbau\xcbj\xb3\xf1&lt;?c\xc6\x8co\xbe\xf9\xa6\nwB\xf1G\xeb\xd4\xb9s\xf2\x993\xee\xae.\xde\xee\xd5\x0e\xaeN\xb0Z\xad\x15\xf0aY\x96\x95J\xa5f\x8b%~\xeb\xd6yq\xf1\x85%%o\xd7\xa9s75\xf5\xe3!CV\xae\\\x89\x97\x8eW\x8a\xc5\xd5\x8e\t\x02\xc0\xcbr\xa8\x18PZ\xf3\x83\x8f\x96U*\x14z\x83\xa1[\xb7n{\xf6\xec\xb1\xfb\xfe\xfe\xe5\xa1t{\xb2\x9a\xb5j\x15\x16\x14 \x84\xc6\x0e\x19\xb2t\xd6Lmnn\x85\xbd\xfc\xf8MQ\xba\xb8l\xfcm\xfb\xa0/\xbf\x94I\xa5"\x8a2Z,+V\xac\x88\x8c\x8c\xaczA\xf7i\xb8\x91MNN\x0e\t\t\x91\x88\xc5$A\x1c^\x93\x18\xda\xb8\xb1\xde`(\xd7\x00\xcc\xf3\xbcT*\xd5\xea\xf5K\xd6\xfc&lt;\x7f\xd5\xaa\xb7\xaaWOIKS(\x95{\xf7\xee}\xb7M\x1b\x9c\x17\xaa\x92\xe3\xad\n\x03\xf7\xeee9N.\xc8\x91Ow)\'\xf8\xb8Z\x95J\xf5\xeb\x96-4E\x8d\xe8\xfb\xa1\xd1d\x1a7}\xba\xca\xc9\x89a\x98\n\xb8\x00\x8e\xe7)\x8a\x92H$\x91\x13\'\xfeo\xce\x9c\x00??\x93\xd9L\xd0\xf4\xd1\xa3G###m6\x9b\x03\xee\xec_\x86\xf0!\x01M\x9b6\r\r\r\x15\xd1\xb4\xc5j]\xb3}\x07\xa2(Tn\xcf&lt;\xae\xf5\xe4\x11z\x94\x93\xf3\xdd\xaa\x849\xb1\xb1\xb5\xaaWOIK\x0b\r\r\xbd|\xe9\xd2\xbbm\xda\xe0\x83"\xa0\xf5\x7fCp\xfb^\x81#\xc4\x00\xc7?\xdd\xa5\x9c\xe0\xe5\xc1\xed;t\x986m\xda\x8e?\x0e\xc4\xff\xfak~aQ^^\x9eZ\xa5*\xef\xc9\x00&lt;\xd7B\x12\xc47?.\xff\xf5\x8f\x03EZmJZZPP\xd0\xd1\xa3G[\xb7n\x8d\xf7\x98,\xd7\x0bp\x04xn\xa3\x7f\xff\xfez\xa3\x91Ch\xd7\x91\xc3i\xe9\xe9\xe5T\x0f\x8a\x1fr\x95\x8b\xcb\xae\xc3G\x82z\xf7\xa1i\xea\</t>
        </is>
      </c>
    </row>
    <row r="126">
      <c r="A126" s="1" t="n">
        <v>124</v>
      </c>
      <c r="B126" t="inlineStr">
        <is>
          <t>shape_size_grid</t>
        </is>
      </c>
      <c r="C126" t="inlineStr">
        <is>
          <t>What is the size of the missing part denoted by a question mark?</t>
        </is>
      </c>
      <c r="D126" t="inlineStr">
        <is>
          <t>['medium', 'small', 'large']</t>
        </is>
      </c>
      <c r="E126" t="inlineStr">
        <is>
          <t>small</t>
        </is>
      </c>
      <c r="F126" t="inlineStr">
        <is>
          <t>There are 9 shapes arranged in a grid with different sizes in the image, of which there is 1 missing shape. The first row is ['?', 'small square', 'small triangle'], the second row is ['medium hexagon', 'medium square', 'medium triangle'], and the third row is ['large hexagon', 'large square', 'large triangle'].</t>
        </is>
      </c>
      <c r="G126" t="inlineStr">
        <is>
          <t>We observe that the rows contain small shapes, medium shapes, and large shapes respectively. On the other hand, the columns contain hexagons, squares, and triangles respectively. Hence, the pattern is that the shapes within each column are the same, while each row progresses the size of the shapes.</t>
        </is>
      </c>
      <c r="H126" t="inlineStr">
        <is>
          <t>Based on the pattern that the shapes within each column are the same, while each row progresses the size of the shapes, the size of the missing hexagon should be small.</t>
        </is>
      </c>
      <c r="I126" t="inlineStr">
        <is>
          <t>b'\x89PNG\r\n\x1a\n\x00\x00\x00\rIHDR\x00\x00\x02\x00\x00\x00\x02\x00\x08\x02\x00\x00\x00{\x1aC\xad\x00\x00T\x94IDATx\x9c\xed\xdd{\\UU\xfe?\xfe\xbd\xd7\xde\xa0\xe2\xe1\xea\x05+K\xf1\x92S\xa2\x19V\x93Z\xde&gt;%\x95\x1f\xf5\xa3\x03v\xf3VMR\xa6\x88\xa2\x01!\t\x12)\nJ\x96\xcd\xd8g\xfa\xe4eD\x13\xcb\xa9~\xcdL\xd4\xd7[Y\xcdL2VZc\x08\xdae\x1a\xbc\xc19\x9c\x83\x08g_~\x7f\xbcew\x025\xaeg\x9f\xb3\xd7\xeb\xf9\x87\x8f\x91\x9aXg\x9f\xb5\xd7{]\xdek-Q\xd7u\x01\x00\x00\xf8\xc3\xcc.\x00\x00\x00\x98\x03\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s\xe8\xba\xaei\x9a\xd9\xa5\xe0\x9a\xa8\xeb\xba\xd9e\x00\x00\x00\x13`\x04\x00\x00\xde\xa6i\x9a\xae\xeb\x87\x0f\x1f~\xe3\x8d7\x04APU\xd5\xec\x12q\n#\x00\x00\xf06EQdY\x8e\x8b\x8b\xdb\xb7o_EE\x05cL\x14EQ\x14\xcd.\x17w0\x02\xf0*]\xd7UUUUU\xf99UU\x11\x89\x81\x13\xaa\xaa\xca\xb2\xfc\xe1\x87\x1f\xbe\xf5\xd6[\xe7\xce\x9d[\xbdz5c\x0c\x8b\x01\xa6\xc0\x08\xa0\xc3\xd1J\x97\xae\xeb\x92$]\xb9\x8fC\xe1\x811\xc6\x18\x023X\x93\xae\xeb\xba\xae\xbb\xdd\xee\x91#G\x96\x94\x940\xc6\xc2\xc2\xc2\x8e\x1e=\xda\xb3gOA\x10P\xf3\xbdL6\xbb\x00Vf\xb4\xfb\x92$\xd1O\xce\x9c9\xf3\xed\xb7\xdfVTT\x9c9s\xa6\xa6\xa6FU\xd5\x80\x80\x80n\xdd\xba]s\xcd5\xfd\xfb\xf7\xbf\xea\xaa\xabdY\x16\x04\x81\xc2\x00F\xc4`=\x9a\xa6I\x92\xb4c\xc7\x8e\x92\x92\x12\xea\x12UVV\xa6\xa5\xa5\xbd\xf6\xdakX\t\xf0&gt;\x8c\x00:\x04us\xa8;s\xfe\xfc\xf9\x8f&gt;\xfa\xe8/\x7f\xf9\xcb\xc1\x83\x07KKK\xedv\xfb%\xff/\xc1\xc1\xc1\xd1\xd1\xd1S\xa6Ly\xe8\xa1\x87\xae\xbd\xf6ZA\x104MC\x87\xa8\x99\xbc\x9cP\x88\xf0\xdc:\xf4^\xd8\xed\xf6\xc1\x83\x07\x9f&gt;}\x9a~"\x8ab@@\xc0\xc1\x83\x07cbb\x8c\xb7\x06\xbc\x03\x01\xa0\x03}\xf1\xc5\x17[\xb6l\xd9\xbd{wyy\xb9\xf1CQ\x14\xa9\x8a\x1b-\x08\xbd\x15F\xfb\x15\x16\x16\x96\x98\x98\x98\x9e\x9e\x1e\x18\x18\x88\x18\x00V\xa2\xaa\xaa$I\xcb\x96-\xcb\xc9\xc9\x91$\x89\xba\xfc\xf4?\xc6\x8c\x19\xb3o\xdf&gt;\xfa\x17\xcc.&amp;G\x10\x00\xda\x99\xa6i\xa2(\x1e;v,##\xe3O\x7f\xfa\x93\xa2(\x82 \xd0\xb4&gt;\xcd\x08\x19\xff&amp;\x05\x00\xfa\t\xf5\x83\xa8_I\xff\x97;\xee\xb8c\xe7\xce\x9dW]u\x15\xfd#\x93&gt;\x8d\x1f\xa0\xe7SUUu\xf8\xf0a\xaf\xfd\xd2a\xc3\x86\x85\x87\x87\xe3\xabi\x11z5\x8e\x1f?\x1e\x1d\x1d\xad(\n\xf5{\xe8\x1fQ\x0c\xd8\xb9sg||&lt;b\x807!\x00\xb43\xaa\xbe\x7f\xfb\xdb\xdfn\xbf\xfdvA\x10dY\xd64\x8d\xaa&gt;\xb5\xef\x97L\xf8\x91$\xc9\x18\x04\x88\xa2(\xcb\xb2\xdb\xed\x1e:t\xe8\xfe\xfd\xfbCBB\x90!w\x05\xf4\xc0?\xf8\xe0\x83\xbb\xef\xbe\xdbk\xbf\xf4\xfd\xf7\xdf\xbf\xeb\xae\xbb\xd0T\xb5\x08=\xae\xe9\xd3\xa7\x17\x15\x15Q\x8bo\xf4\x81\xa8{4p\xe0\xc0#G\x8e\xc8\xb2\x8c\n\xef5\x98^hg\x92$i\x9a\xf6\xeb_\xffz\xea\xd4\xa9F%\xa6\xf6\x9d\xb2?u]\x0f\n\n\x8a\x8c\x8c\x8c\x8a\x8a\x8a\x8a\x8a\xea\xde\xbd\xbb \x08\xaa\xaa\xd2\xe2\x98 \x08\x94#\x11\x10\x10\xf0\xc5\x17_&lt;\xf1\xc4\x13\xc8\x90k\x0eY\x96\x19c\xf4g\x872~\x91\xd9\x9f\xd8\xcfP\xeb_\\\\l\xb4\xfeB\xc3\xe4\xa7(\x8a\x9a\xa6\xc9\xb2\\ZZ\x9a\x97\x97\x87\n\xefM\x08\x00\xed\x8f:\xf8III\x82 P\xe5VU\xb5k\xd7\xae\xf7\xddw\xdf\x0b/\xbc\xf0\xd1G\x1f\x1d;v\xac\xb4\xb4\xf4\xeb\xaf\xbf\xfe\xfa\xeb\xafKKK?\xff\xfc\xf3\x97^zi\xf8\xf0\xe1\x94\xfcC\xff\x11\xb7\xdb-\xcb\xf2\xeb\xaf\xbf\xbeg\xcf\x1e\xe3\x85\x81\xcb\xa1\xf1\x93\x81\x9a\x95v\xd4\xf4\xbfo\xf6\'\xf6\'\xf4u(\x8a\x92\x98\x98H\x0f\x93F\xc37\r\x1f\xf2\xf8\x82G)S\x8e*\x7f~~~EE\x05\xbd5f\x97\x9a\x0f:t\x00\x9a\xe7\xb9\xed\xb6\xdb\x04A\x88\x89\x89Y\xbbv\xed\x89\x13\'\xae\xfc\x7fQ\x14%33S\x10\x04cV\x81\xc6\xc2S\xa6L1\xfe\x83\xd0\x14\r\xaa\xf6\xec\xd9#x%\x8b\x9c~\xc5\x9e={\x8c_\r\xbf\x88\x1e\xd4K/\xbddTo\xfas\xd3\xae\xff=\xe18vm\x9f\xde4AJ?\x9c3g\x8e\x8eg\xeb-X\x03\xe8\x104\xe0\xdd\xb7o\xdf\x7f\xfe\xf3\x9f\x07\x1ex\x80\xe6\x82\x8c\xc5\x80FS\x9c\xba\xaeS\xb6\x0fcl\xd1\xa2E\x05\x05\x05\xc6\x0c\xa9\xae\xebaaa\xc7\x8f\x1f\xef\xd6\xad\x9b\x8e%\xc7K\xa1G\xbdw\xef\xde\xf1\xe3\xc73\xc6\xa8Z\x87\x84\x86D\x0f\xbbQU\xb4\xb6?0]\x17$\x99\x1d9\xfcU\xb5\xa3\x9a\xbe8M\xd3\xf6\xec\xd93n\xdc8\xac\x014\x07}#\x0e\x87\xa3\x7f\xff\xfe\x94\x03\xcd\x18SU\xf5\x9e\xc9\x136n\xdb\x10\x18\x18\xb0\xf9\x95?\xa6.Xf\x0c\x02\x90\x12\xeaM\x08\x00\xde\xa0(\n\xb5\xefW\xf8wh\xcc[]]=`\xc0\x80s\xe7\xceQ\xebO\x7f\x1e8p\xe0\xce;\xefDssI\x8d\x02\x00-\xb3\x8f\x1as\xfb\xdb\xfb\xdet9]Ljk\x0b\xa2\xa9\x9a-\xd86y\xec\xb4\x83\xfb?5\xd6\xea\x11\x00\x9a\x8f\x9e\xd2\xfc\xf9\xf37l\xd8`\xb4\xf2\x92,\xbd\xfb\xe1\x9f\x06\xddx\xbd\xcb\xe9\xeaj\xeb\x1a\x1f\xfb\xe0?&gt;9D\x0f\x13)\xa1\xde\x84\xb5\xac\x0eD\x93\xc5\xcd\\3\xa4nQXX\xd8\xa8Q\xa3\xde~\xfbm\xfa+\xfd\xf9\xfd\xf7\xdf\x0b\rK\x0b\xd0\x1c\x8a\xa2\xba\\.\x97\xab\xa6\xed]HM\xd3\x04QP\x14\xac\xc1\xb4\x06\rm\x0f\x1d:\xb4q\xe3F\xaa\xcc\x14\x03\xe6\xce{lh\xcc\x90sg\xce\x89\xa2\x18\x10 /L]0k\xda\xa3BC\xb4\xd8\xbf\x7f\x7fQQ\x11RB\xbd\x00#\xac\x0eD\xd3\x9a\xcd\x9f\xb7\xa1\xc1r\x9f&gt;}\x84\x86]\x02\xf4\xa7\xd3\xe9\xec\xb8BZ\x12\xcd)\xb7#L\xbe\xb5\x0e\x8db\x93\x93\x93\x15E1&amp;\xd0\xba\xf7\xec\xfe\xf8\x82Gk\x9c5tJ\x8a\xbd\xcaq\xf7}\xe3\'M\x9bH\xcd=ut\xd2\xd3\xd3\xeb\xeb\xebi\x04l\xf6\x87\xb02\x04\x00\xdfr\xc9\x1a\x8fN\x10\xf8#j\xd0\x8b\x8a\x8a\xf6\xef\xdfoL\xfe\xe8\xba\x9e\xbc,\xa9\xf7u\xd7\\\xb8p\x81\xc2*c\xac\xf6|mb\xcaS\xc1!\xc1\xd4\x07BJ\xa8\xd7 \x00\xf8\x10z\x1f~\xfc\xf1G\xc1c\x87\xb0 \x08\xb4W\x00\x9dP\xf0#\xd4\xf7\xaf\xaf\xafOOO\xa7\xbfR\x0c\xb8u\xc4\xf0\x87\x1e\x99^y\xae\xca\x98\x17e\x8c\xb9\\5Cc\x86\xcc\x9e;\x83v\xc3 %\xd4k\x10\x00|\x05\xad\x16\xd4\xd5\xd5}\xf6\xd9gBC\xd3O\xb9@\xfd\xfb\xf7\x17\x10\x00\xc0\xaf\xd0\xec\x7f^^^ii)\xed\x87\x17\x04\x81Ila\xea\x02Y\x96\x1b\rseY\xb6W\xda\xe7&amp;&gt;\xd6\'\xea:\xaa\xf3b\xc3)\xa14h0\xe9CX\x1f\x02\x80\xaf\xa0z\xbfk\xd7\xae\xef\xbe\xfb\x8e\xb6\x13\xd3\xd4s\xdf\xbe}\xaf\xbf\xfez\x01\x01\x00\xfc\x07\xd5\xde\x8a\x8a\x8a\xfc\xfc|Z\xfb\x95eYU\xd5I\xd3&amp;\xde}\xdfx{\x95\xa3\xd1\xac&amp;\x8d\x15"\xaf\x8e\x9c\xb78\x81\x86\x0e4\x08\xd8\xbe}\xfb\xa1C\x870\x11\xd4q\x10\x00|\x02\xbd!\xa7O\x9fNMM5\x96\x01\xa8\xef\x13\x1f\x1f\xdf\xa9S\'ZC3\xbb\x98\x00\xcdB\x8dxjjjee\xa5\xb1\t\xc6\x16lKLy\xaa\xf6|\xed%S\xb3dY\xae&lt;[y\xff\xec\xf8[G\x0c\xa7\xc5\x03Q\x14\xeb\xea\xea\x92\x93\x93\xb1\x14\xdcq\x10\x00\xccG\xd5\xbd\xa6\xa6\xe67\xbf\xf9\xcd\x0f?\xfc@\x93\x9e\xd4\xeb\t\t\tILL\xc4\x8e\x18\xf0#T\x9f\x0f\x1c8\xb0u\xeb\xd6\x8b\x13\xfa\x12\xd34\xed\xb7\xf3\x1f\x19rstM\xcd\xf9\xcbUf]\xd7)%\x94vox\xa6\x84\xe24\x94\x0e\x82f\xc5d\x8a\xa2H\x92t\xee\xdc\xb9\xfb\xee\xbb\xef\xa3\x8f&gt;\xa2\xc9\x1f\xa1\xe1P\xb9\xd5\xabW_s\xcd5\xb8\x15\x00\xfc\x8b\xaa\xaa\x19\x19\x19\x17\xe7\xfd\x19S\x15\xb5o\xbf&gt;\xf3\x16\'Ty\xac\xfd6\x85\x94P\xefC\xb3b&amp;EQdY&gt;~\xfc\xf8\xb8q\xe3\x0e\x1c8@\xf3\xa4\x82 \x04\x04\x04\xb8\xdd\xee\xc7\x1f\x7f&lt;!!\x01{a\xc0\x8fP\x87\xa6\xb0\xb0\xf0\xc0\x81\x03\x9eg&gt;\'\xa5-\xb0\x85\xd8\xe8\xae\x8b+@J\xa8\x97!\x00\x98\x86\xe6\xfd\xf7\xec\xd9s\xe7\x9dw~\xf9\xe5\x97\x92$\xd1D?]\x060s\xe6\xcc\x8d\x1b7z\x9e\x0f\n\xe0\xe3h\xae\xb2\xba\xba:++\x8b:\xec\x14\x03n\x1bqK\xfc\xcci\x8eJ\xc7/n\x89GJ\xa8\x97\xa1q1\x07\xf5\xeb\x7f\xff\xfb\xdf\xc7\xc6\xc6VTT\x18\x15\x9dN\xcd]\xb0`\xc1\x96-[\xf4\x86Ss\xcd.,@\xb3\xd0\\ennnYY\x19k\xb8\x02/0005{\xa9\xaahB\xf3*2RB\xbd\t\x01\xc0\x04\xd4\xfagff&gt;\xf9\xe4\x93\xc6\x81?4\xe9O\xf3\xfe\xeb\xd7\xaf7\xce\r5\xbb\xb0\x00\xcdB\x1dv\x9a\xae\xa1\x0e\r\xa5\xffO\x9cz\xef\x1d\xe3F:\xab\x9d\xcd\x1c\xcb"%\xd4\x9b\x10\x00\xbc\x8d\xda\xfa\xe7\x9e{.++\x8bF\xc4\xc6P\xb7[\xb7no\xbf\xfd\xf6\xd2\xa5K\x8d\x83S\xcc.,@sy.\xd8\n\x82 \x8a\xa2\xaa\xa9\xa1a!)\x99\xc9\xcejW\x8b\xd6\xb1\x90\x12\xea5\x08\x00^E\xb5y\xf7\xee\xdd\x19\x19\x19\xb4\xe4K\xcb\\\xaa\xaa\x0e\x1a4\xe8\xc3\x0f?\x9c4i\x12\xad\x0c\xa3\xf5\x07?\xd24e\x931\xa6kz\xe2\xd3OE\r\xe8{\xa1\xf6BK\xeb3RB\xbd\x03\x01\xc0{hN\xbf\xaa\xaaj\xde\xbcy\xb4\x9cE\xabd\x8a\xa2\x0c\x1f&gt;|\xff\xfe\xfd7\xdcp\x03\xb5\xfef\x97\x14\xa0\x05\xf4\x86\x1b\x1f\x8d\x1e:cL\xd3\xd4\xa8\x01}g%\xcc\xb0W\xfd\xf2\xdaoSH\t\xf5\x0e\x04\x00\xef\xa1\x15\xad?\xfc\xe1\x0f\xb4\xeaK+f\xaa\xaa\x0e\x1e&lt;\xf8\xaf\x7f\xfdkdd$M\x9b\x9a]L\x80\x96\xa1\x9a\xbcq\xe3Fc\x8e^\x14E]\x17\x96\xe5\xa4\x05\x05uiuo\x1d)\xa1^\x80\x00\xe0=\xd4\x8b\xd9\xb1c\x87\xe7m_6\x9b\xed\x8d7\xde\xe8\xde\xbd;%P\x9b]F\x80\x961\xc6\xb5\x19\x19\x19\xd4.\xd3\x14\xcd\xc81#&amp;\xfc\xf7\x7f9\xec\xd5\xac\xe1\x9e\xce\x96\x12E\xd1\xe9\xac\x19rs\xf4\xac\xc7\x1fFJh\x07A\x00\xf0\x12\xea\x16\xfd\xfb\xdf\xff\xfe\xfa\xeb\xaf\xe9ZA\x8a\x07\x0b\x16,\x184h\x90\xdb\xedF\xdf\x1f\xfc\x11U\xec\x8c\x8c\x8c\xaa\xaa*\xe3\xd8\x9fN\x9d;e\xe7=\xcb\x18\x93\x03\xe4\x806\xe8\xd2\xa5\xb3\xcb\xe9\x9a\x97\x9c\xd0o@\x94\x91\x19\x81\x94\xd0v\x84F\xc7K\xa8\xb2\x9e&lt;y\xb2\xb6\xb6\x96\xde\x13\xea\xce&lt;\xf8\xe0\x838\xe9\x01\xfc\x14U\xddc\xc7\x8e\xd1\x8d\x8f\xc6\xac\xe6Cs\xee\xef\xdd\xb7\xf7w\'\x7f\x90eY\x10\xda\xd2L\x8b\x8a\xe2\xee\xde\xa3\xdb\xc3\x8f=\x98\x9d\xf6\xbcqL\xd6\xf6\xed\xdb\xe7\xcf\x9f\x1f\x13\x13\x83w\xa7\x8d\x10\x00\xbc\xea\xec\xd9\xb3B\xc31\x9f\x9a\xa6EFFFEE\xa1/\x03~\x8a\xe6\x7f\x12\x13\x13i\x02S\xd34\x9a\xf1\xdf\xfd\xfa\xdbo\xec\xf8\x93\xa0\xebB3w\x7f\xfd\xd2\xef\x11\x1a\xfaL\x82 \xd0\xb5\x19\xc9\xc9\xc9\xfb\xf6\xed\xc3,P\x1b!\x00x\t5\xf1uuu\xb2,\xd3\xe4\x0f\x05\x80\xa0\xa0 \xb3\x8b\x06\xd0\x1a\x94\x9cS\\\\\\\\\\\xdc(5\xd3^e\xef\xe8\xdf\x8b\x8b\xe3\xdb\x05FO^U[[\xab(J]]]}}\xbd\xa2(\x0e\x87\x83\x06\xb0\xc8\xfa\x07\xffB\x8b\xb4n\xb7{\xe1\xc2\x85F\x1d6\xb0\x0e\xe0\xf9\xdf\xa7_\xb7l\xd92\xb7\xdb\x8d\x94\xd0\xb6\xc0\x08\xc0K\xe8%\xb9\xe5\x96[233\xa9\x06\xeb\xba\x1e\x19\x19iv\xb9\xac\x89\x06X\xed2?@\xff\x1d41\x8dP\x16Cvv\xf6\xbf\xfe\xf5\xaf\xa6\xff\xb4\xa3\x1f\x17\x8d6\xbe\xf9\xe6\x9b\xe7\x9f\x7f~\xf9\xf2\xe5\x18\x04\xb4\x1a\x02\x80\x97P\x00\x88\x8e\x8e\x8e\x8e\x8e6\xbb,\xd6\'\xcb\x92\xcdf\x13t\x81\xf6\x91\xb6\x85\xa6j6\x9bM\x96\xd1\xbe\xfc\x8460\x9e9sf\xeb\xd6\xad\x11\x11\x11B\xc7\xb7\xf8MQ/j\xeb\xd6\xad\xf3\xe6\xcd\xeb\xd1\xa3\x07\x8dH\xbc\\\x06\x0b@\x00\xf0\xaa\xa6\xddRd\x7f\xb6/z\xbc_\x1e\xfej\xd2\xd8i\xaa\xa2\xb5\xbdM\xd0uA\x92\xd9\x91\xc3_\t\r)\x8fm/\xa4\xbf\xa3\x87\x10\x12\x12\xf2\xf7\xbf\xff\xdd\xc4\x14\x06J\n\xea\xda\xb5\xab\x80I\xd4\xd6B\xeb\xe3U4\x9bi\xc4\x00d\xb0\xb5;j\x8c\xaa\x1d\xd5\x1f\xef\xff\xb4#\xfe\xe3hh\x0c\x9d:u\xea\xd4\xa9\x93\xd9\xa5\x806A\x00\xf0*\xeaB\x1a\xed&gt;\xedxD\x18hw\x9e\x0f\xb9]`\x19\xe0\x92|\xe1\x99 $\xb7\x05\x02\x80\xf7\x18m\xfd\xf7\xdf\x7f_YY\x19\x11\x11q\xed\xb5\xd7\x1a\xc7B\x98]:\xfffd\x9e\x18?i\xdf\xb6\xc9H&gt;A\xd6\x96\'&lt;\x07\x7f\x87\xbe\xa7\x97P+\xff\xc5\x17_L\x980\xe1\x86\x1bn\xb8\xf9\xe6\x9bo\xb8\xe1\x86{\xef\xbd\xf7\xc8\x91#\xc8ck;EQ4M\xa3?;\x94\xf1\x8b\xcc\xfe\xc4\x00\xed\x00M\x8f7\xd0C\xae\xa8\xa8\x186l\xd8\xe9\xd3\xa7=\xffQ\xcf\x9e=\xff\xf9\xcf\x7f^u\xd5U\x98\x0bj\x1d\x8a\xacUUU\x87\x0f\x1f\xf6\xda/\x1d6lXxx8\x86n\xe0\xef0\x05\xe4\rt\xce\xf3\xce\x9d;O\x9f&gt;\xdd\xa9S\'\xba2I\x10\x84\xc0\xc0\xc0\xd3\xa7O\x17\x16\x16.Y\xb2\x04\xf7\xbf\xb7\x0e5\xc1\xe1\xe1\xe1\xe3\xc6\x8d3\xe5W\x03\xf8/\x04\x00\xef\xf9\xfa\xeb\xaf\xe9\x82Sc\xd4E7\x04\x1c9rD@k\xd26\xb4\xf3\xcbk\xbf\x8e6\xa6z\xed\xd7\x01t\x10\x04\x00o\xa0\xc6\xc2\xedv7\x9dp\xd3u\xdd\xedv\x9bQ(K\x11E\x11{A\x01Z\ns\x0e\xde@\xed\xfeUW]\xd5\xe8\xaaw\xfa\xeb5\xd7\\#\xf8FF\x1d\x00p\x05\x01\xc0\x1bhr\x7f\xf2\xe4\xc9\xba\xae+\x8a\x12\x10\x10 I\x92,\xcb\x8a\xa2\xe8\xba&gt;u\xeaT\x01\x9b\xc2\x00\xc0\xeb\xd0\xe8x\x03\xed\xfe\xbd\xed\xb6\xdb\xb2\xb3\xb3i\xceGUUJ%|\xfe\xf9\xe7G\x8c\x18\x81{-\x00\xc0\xfb\x90\x06\xea=\xd4\xca\xff\xedo\x7f{\xe7\x9dw\xfe\xf3\x9f\xff\\u\xd5US\xa6L\xb9\xf5\xd6[\xd1\xfa\x03\x80)\x10\x00\xbc\xaai[\x8f\xd6\x1f\x00\xcc\x82\x00\xe0m\xb4\xa1\x94v\xff6:\xbd\x00\x00\xc0\x9b\x10\x00\x00\x008\x85\xee\'\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e6\xd0u]\xd7u\xb3K\xc15\x11_\x00\x00\x00\x9f0\x02\x00\x00\x13\xe8\xba^WW\xe7r\xb90\x0e0\x11\x02\x00\x00x\x9b\xa2(\xa2(n\xdc\xb8q\xf6\xec\xd9\xa2(j\x9afv\x898\x85) \x00\xf0*\xea\xf2\xbb\\\xae\x9bo\xbe\xb9\xbc\xbc\xbc\xa4\xa4d\xd8\xb0a\xba\xae3\x86\xfe\xa8\xb7\xe1\x89\x03\x80Wi\x9a\xc6\x18[\xbdzuyy\xb9 \x08\x8b\x16-\x12E\xf4D\xcd\x81\xe7\xdez\xbe\xf3\xe8DQ4\xbb\x08\x00\xcdB\xad\x7fiiitt4M\x04\xa9\xaa\xbas\xe7\xce\xf8\xf8xUU%I2\xbb\x80|A\x00\x00\x00\xef\xa1V~\xfa\xf4\xe9EEE\x92$\xe9\xba\xaei\xda\xc0\x81\x03\x8f\x1c9"\xcb\xb2(\x8a\xe8\xcdx\x13\x02@k\xe8\xba.\x8a\xa2\xddn\x17\xcc\x1e\x07\xd0\xdb\x12\x16\x16FE2\xb1$\x00\xbf\x88Z\xff\xfd\xfb\xf7\x8f\x1d;V\x92$UU\x05A\xa0\xff\x91\x93\x93\xf3\xcc3\xcf`\x10\xe0e\x08\x00-Fut\xd5\xaaU\xb9\xb9\xb9\xb2,S%6\x8b$I\x8a\xa2\xa4\xa4\xa4\xa4\xa6\xa6\xe2\xe5\x01_Fk\xbfn\xb7{\xd4\xa8Q%%%F\xf2\x0f\xf5\xfa\xc3\xc2\xc2\x8e\x1e=\x1a\x19\x19\x89\xd5`oB\x00h\x19\xaa\xb2\xa7O\x9f\x1e&lt;xpee\xa5\xd9\xc5\xb9(""\xe2\xe8\xd1\xa3={\xf6\x14\x04\x01/\x0f\xf8&amp;\xea\xa0l\xde\xbcy\xce\x9c9\xd4\xeb\x17EQ\x10\x05]\xd3\xe9\xaf\xb3g\xcf\xde\xb4i\x13\xfa1\xde\x84\x00\xd02T;\x1fy\xe4\x91M\x9b6\x05\x04\x04\xd0*\x96\x89\xe5\xd1u]\x96e\xb7\xdb=g\xce\x9c\xd7^{\r/\x0f\xf8&amp;\xea\xfe;\x1c\x8e\x1bo\xbc\xf1\xf4\xe9\xd3M7\x7f\xd1z\xc0\xde\xbd{G\x8f\x1e\x8dj\xec5\x08\x00-\xa0i\x9a(\x8a%%%\xa3F\x8dr\xbb\xdd\xbe\xb3{\x851\x16\x10\x10p\xf0\xe0\xc1\x98\x98\x18\x8c\xa0\xc1\x07Q\x9b&gt;\x7f\xfe\xfc\r\x1b6\x18\xdd\xff\xa0\xaeA\xdd\xbaG|w\xf2{Q\x14\x19c\xaa\xaa\x8e\x1e=z\xcf\x9e=\x82  \x00x\x07\x02@\x0bP%\x1e;v\xec\xfe\xfd\xfb\x8d%,\xc6XHh\xb0\xa6i\x82\xe0\xcd\xa1\x80\xce\x18\xabv8)\x08Qa\xc6\x8c\x19\xb3o\xdf&gt;\xf4\x9e\xc0\xd7P\xcf\xe9\x9bo\xbe\x89\x8e\x8e\xd64M\xd34\xaa\xb1\xbf\x9d\xff\xc8\xf4\x99q\xf7\x8d\x9a\xe2\xf9\xc3-[\xb6\xcc\x9c9\x13\xd5\xd8;\x10\x00\x9a\x8bj\xe4\xae]\xbb\xe2\xe3\xe3\xa9\xa6RG\xfb\xe5-\xeb\xef\x1c7\xca\xe5t1\xc9{\xfdnM\xd5l\xc1\xb6\x0f\xf7\x1e\x9c7+Q\x10\x04\xe3\xe5)**\x8a\x8b\x8b\xb3\xcc\xcb\xe3;c\xac\xb6\xc0\x80\x8c*dlllqq\xb1$I\x14\x0f"\xbaG\xfc\xf9\xa3\xb7\x06\x0c\xec\xff\xc8\xf4\xc7\xdf*z\x87\xa6\x80t]\xef\xd7\xaf\xdf\xa1C\x87\x82\x83\x83\x91\x12\xea\x05\x08\x00\xcdB\xd9\xca.\x97+&amp;&amp;\xe6\xc4\x89\x13T5UU\x9d:}\xf2+;~Wu\xae\xca\xfb\r\xae\xaa\xaa\xe1\xdd\xc2\xe7&gt;\xf0\xe4\xee\x9do\x1b/OTTTII\x89\xcdfc\x8c\xe1\xe5\x01_@\xad\x7fqqqll,uS\xe8\xcf\x95/d\xcfyrV\xb5\xbd\xba\xea\\\xd5=#\'9\x1c\xd5\x82~1\xab-33s\xf9\xf2\xe5\x8a\xa2\xc8\xb2lv\xf1-\x0e\x01\xa0Y\xa8.feeeff^L\xfd\x14\x85\xd0\xd0\x90\xbf~\xfcN\x8f\xc8\x1e\xf5u\xf5"\xf3vk\xabkz`\xa7\xc03\xa7\xceX\xf2\xe5\xa1m\r\xc9\xc9\xc9\xff\xfc\xe7?\x8d\xd96\xffB\xc5\xbe\xf9\xe6\x9b\xf3\xf3\xf3\xb9\xdd\xa5A\xfd\x12EQ\x86\x0e\x1d\xfa\xcd7\xdf\xd0C\xd0u\xfd\xc6\xa17\xfc\xe9\xff\xed\xd44\xdd\xedv\xf7\x8c\xec\xf1\xfc\xb2\xd5\x05\xab^4\x06\x07\xc1\xc1\xc1\x87\x0e\x1d\xea\xd7\xaf\x1f\x16\xb4:\x1a\x02\xc0/\xa3JY^^&gt;|\xf8p\xa7\xd3I\x95RU\xd5\xa4\xd4\x05\xcf&lt;\xf7\xf4\x99\xd3g\xcdjj\x15E\xe9\xd1\xb3\xbb%_\x1e:0\xe0\xf6\xdbo\xff\xdb\xdf\xfefvY\xda\xe4\xd7\xbf\xfe\xf5\xa7\x9f~J\x1f\xc7\xec\xb2\x98\x80\xfa\xfb\xcf?\xff|zz\xba,\xcb\x8a\xa2P\\\xdc\xba\xfb\xff\xfe\xeb\xde\xf1\xf6*;\r\x9dEQ\x9c\xf0\xeb\x89\'\xcb\xbf\xa5\x91\xab\xaa\xaa\xb3f\xcd\xda\xbcy\xb3e&amp;3}\x16\x8f\x95\xb2\xa5\xa8\xfb\xb6b\xc5\n\x87\xc3aL\xfe\xf4\xed\xd7g^rBU\xa5\xdd\xc4\n*IRU\xa5}^rB\xdf~}(\xadB\x14E\x87\xc3\xb1b\xc5\nk\x9c\xaee\xb3\xd9$I\n\x0c\x0c\x94\xfc\x10\x15\xdbf\xb3\x99\xfd\x14MC=\x92\x8a\x8a\x8a\xfc\xfc|\xea3I\x92\xa4\xaaj\xec\xa4\xbb\xc7\xc5\x8e1Z\x7fEQl!\xb6\xa4\xb4\x05\x82 \xd0\xcb%I\xd2\xb6m\xdb\x0e\x1c8 \xf9\xe7\xe0\xcf\x8f \x00\xfc\x02\xaa\x8e\x07\x0e\x1c\xd8\xb6m\x9bd\xec^\x11\x84\xa4\xb4\x05\xb6\x10\x9b\xb9\xfb\x00DQ\xb4\xf6\xcb\xa3i\x9a\xeaA\xd75\xdd\x0f\xfc\xac\xcc\xd6X\xc7n\x1d]\xd7\x19ciii\x95\x95\x954\x00\xd2u=8$85k\x89\xa2\xa8\xc6\x8b#\xcb\xb2\xa3\xd2\x11?s\xdam#n1\xba\xfc\xaa\xaafdd\xf8{\x05\xf6}\x08\x00\xbf\xcc\xb3.R\xabz\xdb\x88[\xe2gNsT:L\x9fg\xe7\xea\xe5\xd14]\xf3\x03~?\xf0j\x17\x9a\xa61\xc6\x0e\x1d:\xb4}\xfbv\xc6\x18M\xfeh\x9a6{\xee\x8c\xe8a\x83]N\xd7\xcf\xe6\xc4DAU\xb4\xd4\xec\xa5\x81\x81\x81\xba\xae\x1b\xbd\xae\xc2\xc2B\x0b\xf4c|\x99\x1f\xaf\x13z\x01U\xc4\xad[\xb7\x1a\x1dj\xc6X```j\xf6RU\xd1\xbc\x9a\xf7\x7f\x05\r/\xcf\x03\xf7\xcdT\x14E\xd34\xe3\xe5\xb1L&gt;5\xcdh\xa5f-\x8d\xf9\xf5\xb0\x1a\xd7y\xdf\x9cO\xd74\xad\xab-\xa8\xe4o\x87W-_\xc3\xe7\x92\xaf\'\xea\xfe\'\'\'\xd7\xd5\xd5I\x92DS@}\xa2\xae\x9b\x9b\xf8\x98\xbdI\xcf\x891\xe6\xacv\xde1n\xe4\xc4\xa9\xf7\xee~\xfd-I\x92t]\x17E1++k\xf2\xe4\xc9\xc1\xc1\xc1:\xaf\xab\xe8\x1d\r\x01\xe0\xb2\xa8\xce9\x1c\x8e\xac\xac,j\x80(\x06L\x9cz\xef\x1d\xe3F\x9e9e\xda\xdao#&lt;\xbc&lt;\xf4\xfccn\x1b\x16\x1b{\xb7\xc3\xe5\x90d_\x0ci\xaa\xa2\x86\xdaB\x05]\x10\xb8\xbf\xa1\xc1\xd84cl\x99\xa4\xee\xff\xbc\xc5\t\x91WG\x9e\xbdT\xde\x84$I\xcej\xd7\xd3\x99\xc9{\x8b\xf7\x19Ymeee\x05\x05\x05\x16\xc8j\xf3Yx\xa6\x97\xa5\xaa\xaa,\xcb\x05\x05\x05eee\x94\xfa\xa9\x0bzXx\xe8\xd3\x99\xc9\xcej\x97Ou\xab9yyjj\xce;j\x1c\x0e\x87S\xf2\xe2\x9e\xbb\xe6SUM\x10\x85\x9a\x9a\xf3f\x17\xc4d\xba\xae\x0b\x82\xe0p8RRR&lt;{N\xb7\x8e\x18~\xff\xec\xf8\xca\xb3\x95\x97\xac\x8d\xa2(^\xa8\xbd\xd0\x7f`\xd4\x9c\x84Y\x94\xd5Fac\xdd\xbau3g\xce\x8c\x8a\x8a\xd2x\xcd\xa4\xeaPx\xa0\x97F\x13)\xe5\xe5\xe5\xeb\xd6\xad3&amp;\x7ftM\x9f\xf3\xc4\xac\xfe\x03\xa3.\xd4^\xf0\xa9.\xdeO/\xcf\x13\xb3tM72.\xd6\xad[W^^N\x9d/\xb3\xcb\xd8\x0e\x18c\x92$I\x12\xeb\xa0\xbc\x9d6c\x92$\xa1\x91\xa2\xbaWPP\xe0Y\xf7\x18c\x0bS\x17\x04\x04\xc8\xfa\xe5\x93\xd3$\x8f\xac6M\xd3\xe8\x15\xf3\x0c$\xde\xfb\x0c\xdc\xe0\xbd\xb2^\x0eM\x9b\xa4\xa4\xa48\x1c\x0eA\x10\xe8\xec\xf2\xa8\x01}\xe7-\x9ekn\xea\xe7\xe5\\|y\x16\xcf\x8d\x1a\xd0\x17/\x0f\x98\x85zNeee\xeb\xd6\xad\xf3L\xfd\x9c\x12\xff\xdfw\xdf7\xde^\xe5\xb8\xc2\xbb\xe3\x99\xd5F/`\xd3\xa9$o~\x16\x1e \x00\\\x82qo\xd1\xae]\xbb\xa4\x86\xd4O]\xd7\x97\xe5\xa4u\xb5\xd9\x8cLP\x9fBoKW\x9bmYN\x1a^\x1e0\x8b\xfe\xf3M3\x82 h\xba\x16\x16\x1e\x9a\x92\xb9\xa4\xc6u\xfe\x17{N\xb2,;\xaa\x1c\xf13\xa6\x8d\x1a;\x92*\xb0\xde\xb0\'\xbc\xae\xae\x0e]\x99v\x87\x00\xd0\x18U\xb8\xba\xba\xba\xe4\xe4d\xcf\x19\xccQcG\xc6N\xba\xab\xdaQ\xed\x83\xdd\x7f"IR\xb5\xa3:v\xd2]xy\xc0\x14M7\xcd\\\x9c8M\x98\xd5o`Tmmm3{N\x8a\xa2f\xacL\x93eY\xd7u#\x9dt\xc7\x8e\x1d\x8c1kLf\xfa\x0e\x04\x80\xc6\xa8\xc2\xed\xd8\xb1\xe3\xd0\xa1CT\xe1t]\x97e9ce\x9a\xaa\xfaA\xe5SU\r/\x0f\x98E\xd34c\x0f\nM\x01\xb5t\xcf&lt;c\xcc\xe5\xac\xb9i\xf8\x90\xfbg\xc5\xd1\x84\x12U\xe3\xd4\xd4\xd4\xca\xcaJ\xf4c\xda\x17\x02\xc0\xcfP\x97\xb9\xb2\xb2255\x95ZL\xaa\x7f\xf7\xcf\x8a\xbbi\xf8\x10\x97\xb3\xc6\xc7\x97\xf8\xf0\xf2\x80Y\x9an\x9ai\xf5\x9eyIb\xe7]\xb5\x8b\x97-\x0c\r\x0b\xd1\x1a\xee\r\xae\xa8\xa8X\xbbv-\xfa1\xed\xcb\xa7\x9b3\xef\xa3\xe6r\xed\xda\xb5\x15\x15\x15\x17g05-4,d\xf1\xb2\x85\xe7]\xb5\xbe\x99}\xd8\x08^\x1e\xf0&gt;\xcf\x9e\x13eLH?\xed\x99\xffMK\xf7\xcc\x8b\xa2x\xe1\xc2\x85\xab{_\x95\xf8\xf4S\xb4\xa1\x8c^\xcc5k\xd6\x94\x96\x96JV\xc9j\xf3\x05~\xd0\xa2y\r\xd5\xda\xd2\xd2\xd25k\xd6\x18uN\xd7\xf5\xc4\xa7\x9f\xba\xba\xf7U\x17.\xf8V\xea\xe7\xe5\xe0\xe5\x01\xef\xf3\xec9\xd1[C\x13\xa7\xa9\xd9KUEm\xc5\x9eyI\x96\x9c\x0e\xe7\xac\x84\x19Q\x03\xfaj\xda\xc5\x83\x0e\xeb\xeb\xeb\xd3\xd3\xd3\x85\x86\xad\x06\xd0v\x08\x00?\xa1Z\x95\x9e\x9e^__O\x15N\xd3\xd4\xa8\x01}g%\xccp:\x9c\xbe\xb9\xfb\xf4\x92\xf0\xf2\x807Q\xebo\xf4\x9c\x8c}\xbf\xf7\xcf\x8a\x1b5v\x84\xb3\xda\xd9\x8a\x89SQ\x10\x15E\r\n\xea\xb2,\'M\xd7\x7f:\xe8\xb0\xa8\xa8\x08Ym\xed\x08\x01\xe0"#\xf5\xb3\xa8\xa8\xc8#\xf5SX\x96\x93\x16\x14\xd4EQT\xd1W\x8e\xfe\xf9exy\xc0\x9bh\xfe\xe7\xe7=\xa7\x8b\x13\xa7\xae\xea\x9aVg\xcdI\x92T\xedp"\xab\xadC!\x00\x08BC\rV\x14\xe52\xa9\x9fN\x9fM\xfd\xbc\x9c+\xbc&lt;\xb4\x1c\x87\x97\x07\xda\x85q\xe3\xa3\xd1sj\xdf\x89Sd\xb5u(\x04\x00Ah\x18\xc3n\xdc\xb8\xd13\xf53 0\xc0_R?/\x87^\x9e\x80\xc0\x00\xcf\x97g\xe3\xc6\x8dxy\xa0]\x18=\xa7\xc4\xc4D\xeaUP\xd5j\xaf\x89Sd\xb5u4\x04\x80\x8b\xe7\xd6VUUeddx\xa6~&gt;6o\xce\xcd\xb7\xdc\xd4\xf8\xe0r\xff\xc1\x18s9]7\xdfr\xd3c\xf3\xe6x\xbe&lt;\x19\x19\x19UUU\xd4M3\xbb\x8c\xe0\xdf\x8c\x9e\xd3\xb1c\xc7\xe8\xddi\xd83\x9f\xda^\x13\xa7\xc8j\xebP~\xd9\xb4\xb5/\xaa\xb5\xd4,\x1a\x97V\xf7\xe8\xd9\xfd\xf1\x05\x8f\xba\x9c\xad\x9f\xc1\xf4\x05\x92$\xb9\x9c5\x8f/x\xb4G\xcf\xee\xd4\xdc\x8b\xa2H\xa1\x8e&amp;j\xcd. \xf81\xcf\x9e\x93g\xea\xe7=\x93\'\xdc3%\xd6ao\x9f=\xf3W\xc8j3\xa2N\xdb\x7f\x0b\xb7x\x0f\x00T\x99\x8e\x1d;F\x13#4\x83\xa9i\xda\xe2\xf4\x85\xbd\xaf\xbb\xc6_R?/\x87^\x9e\xde\xd7]\xb38}!}R\xfa\x80\x9e]6\xb3\xcb\x08\xfe\xca\xb3\xe7d\xa4~\x06\x04\x06,N_\xa8\xb8\xdb\xf3\xaa\xd4\x9fg\xb5iFV\x9b1\xef\xd4^\xbf\x88C\xbc\x07\x00\x9a\xc4LLL\xa4\xa5Qj\x13\x07\xdftc\xdc\xc3S\xedU\xe6\xdf\xf8\xd8v\xb2,\xdb\xab\x1cq\x0fO\x1d|\xd3\x8d\x14\x03\x1aM\xda\x9a]@\xf0KM{N\xc6\xc4\xe9\xd0\x98!\xed;q\xea\x91\xd5\x96\xeay\xd0aqqqqq1\xb2\xda\xda\x82\xeb\x00\xd0\xb4\x1a]\xbcz0s\t\x9d\xfaiv\x01\xdb\x07\x9d\x12\x9a\x9a\xb9\x04/\x0f\xb4\x97F=\'zqh\xe2\xb4\xa6\x03&amp;N%Ir\xd8\xab\xef\x99\x12{\xcf\xe4\t\x9eYmF\x01\xd0\x95i\x1d~\x03@\xd3\x04\x06c\x06s\\\xec\x18{\x95/\x1e\xfa\xdf:\x92$\xd9\xab\xec\xe3b\xc7\xe0\xe5\x81val+1\xfa\x10^\x988\x15EQq+\x8b\xd3\x17RV\x1b\xad\x07\x18C\x10Lf\xb6\x0e\xbf\x01\xa0Q\x02\x83\xe7\x0c\xa6\xa6j~=\xf5\xdf\x94(\x8a\x9a\xaa\xe1\xe5\x81\xb6\xa3\xde\x03m,7R?UU\x1d&lt;\xf4\xc6\xb8\x87\xa7u\xdc\xc4)e\xb5\r\x8d\x19BYmF\xd2\x11\xb2\xda\xda\x82\xd3\x00@\x95\xd83\x81\x81\xea\x13\xcd`:\xfd6\xf5\xf3r\x18c\xce\xcb\xbf&lt;\x18\x04@\xf3Q\xfd\xc9\xcb\xcb3\x8e\x96\x12E\x91I\xec\x99\xe7R\x82lA\x1d:\xa3(IR\xcd\xcf\xb3\xda\x1a\xa5!u\xdc\xaf\xb6*K5s\xcd\xd7(#\x9e~\xd2\xbd\xc3f0}\x81\xf1\xf2t\xef\xd9\xdd\xb8\xa6\xd5s\xf7\x83\xd9\x05\x04?@/NEEE~~\xbe\xe7\x8d\x8f\x93\xa6M\xbc\xeb\xdeq\xf6\x0e\xbe-\x15Ym\xed\x8e\xc7\x00\xd0tO,\x8d\x1f\x93\x97%Y \xf5\xf3r\x8c\x97\'yY\x92g&gt;\xb5\xe7\xfeg\xb3\xcb\x08\xbe\x8e\x86\xce\xc6F\\\xfaIpHpb\xcaS\xb5\xe7k\xbd0nFV[\xfb\xe21\x004:\x15\x87\xfa\x11\xb7\x8e\x18\xfe\xd0#\xd3+\xcfUY \xf5\xf3rdY\xae&lt;W\xf5\xd0#\xd3o\x1d1\x9c\xbaN\x8dN@2\xbb\x80\xe0\xd3\x8c\x1b\x1f\xb7n\xddJ\x1d\x7f\x9a\x02\x9a=w\xc6\xd0\x98!.\x97\x97\xaeKBV[;\xe2.\x004\xbd*\x9d\xaa\xd1\xc2\xd4\xf9t\xe0\x94\xd9\x05\xecXtJ\xfb\xc2\xd4\xf9\xd4\xe2\x1bg\xa0\xee\xda\xb5\x0b/\x0f\xfc"UU322\x8c)DUU\xaf\xed\xd3{\xee\xc2\xc7\xec\x95v\xaf\xf5\x9c\x90\xd5\xd6\x8e\xf8\n\x004\xf5\xe1p8\xe8\xde"j\r5M\x9b&gt;\xe37wO\xfc/{\x95\xc3\x92\xb3\xff\x9e$I\xb2W9\xee\x9e\xf8_\xd3g\xfcF\xd34\x8ay4\xa8w8\x1cH\xa5\x80\xcb\xa1\xa6\xb6\xb0\xb0\xd0\xf3\xc6G]\xd7\x97d,\xea\x19\xd9\x83\x0e\x82\xf6Za\x90\xd5\xd6^\xf8\n\x00B\xc3T\xf8\xb9s\xe7\x04A\xa0\xaa#\x08\xc2\xf9\xf3\xb5\xf5unKN\xfd7%\x8ab}\x9d\xfb\xfc\xf9Z\xc1\xe3\t\x9c;w\xce\xaa\x8b\x1f\xd0v\xd4Kp8\x1cYYY\x9e\x9bfn\x1bqK\xdc\xc3S\xbd?q\x8a\xac\xb6\xf6\xc2W\x00\xa0\x19\xc3\xc8\xc8\xc8\xa5K\x97\x1a\xf9\xcb\x8c\xb1w\xdexwo\xf1\xfe\xb0\xf00\xcb\xcf\x81\xa8\xaa\x1a\x16\x1e\xb6\xb7x\xff;o\xbck||]\xd7\x97.]\x1a\x19\x19i\\\xe4\r\xe0\x89\xeaIAAAYY\x19\xcd\xfb\xeb\xba\x1e\x18\x18\x98\x9a\xbdT5i\xd3\xcc\x15RB1\x08h&gt;\xbe\x02\x80 \x08T9\x96,Y2h\xd0 \xea;\x08\x82 \x8aBnf^\x8d\xcb\xc5\xc3\x14P\x8d\xcb\x95\x9b\x99G\xef,=\x8dA\x83\x06-Y\xb2\xc4x\x1a\x00\x9e\xe8\x98\xcf\xf2\xf2\xf2u\xeb\xd6Q\xc7\x9f&amp;N\'N\xbd\xf7\x8eq#[w\xe3c\xdb]!%\x14Ym\xcd\xc7\xdd\x0bO\xc3\xc3\xc0\xc0\xc0\xf5\xeb\xd7\xd3\xc0V\xd34\xc6\xa4\xa3\x9f\x7f\xb5k\xdb\xee\xd0\xf0PEQ\xcc.cGQ\x14%4&lt;t\xd7\xb6\xddG?\xff\x8a1\xc98\xbd}\xfd\xfa\xf5\x81\x81\x81\xf44\xcc.#\xf8\x1c\xaa\x18)))\x0e\x87\x83~\xa2jjXx\xe8\xd3\x99\xc9\xcej3\xfbL\r)\xa1\xd3\x06\x0f\xbd\x11Ym\xad\xc3]\x00\x10\x04\x81z1\x13&amp;L\x980a\x82\x91\xca\xc6\x18[\x9b\xf3\xc2\x8f\xdf\xff\xd8\xb9sgKV\x1d]\xd7;w\xee\xfc\xe3\xf7?\xae\xcdy\xc1\xb8\xf7\xa6\xd1s0\xbb\x8c\xe0s\x9a\xe6\x891\xc6tM\x9f\xf3\xc4\xac\xfe\x03\xa3.\xd4\x9a\xbcn\xa4\xaaj\x90-\xe8\x99\xe7R\x98\xc4\x8c\x94P\xcf\x9b\xbdM,\x9b_\xe01\x00\x08\r\xe3\x80\xf5\xeb\xd7S\x1a\x0c\xf5q\xce\x9c&gt;\x9b\xff\\A\x90\xad\x8b__\x03y9\xaa\xaa\x05\xd9\xba\xe4?Wp\xe6\xf4Y\xfa\xf8\x94\x04e\x8c\x84\xcc. \xf8\x1c\xaa\x18uuuF\x9f\xda\xb8\xf1q\xde\xe2\xb9U\x1d\xbc\xef\xb79$I\xb2W\xda\xef\xbaw\xdc\xa4i\x13\x8d\x94PA\x10\x8c\x1b\xea-\xd9\x99kG\x9c\x06\x00c\xee;!!\xc1\xe8\x0b3\xc6^\xdf\xb2\xeb\xf3C_\xda\x82\xbbZl\x02Q\xd34[p\xd7\xcf\x0f}\xf9\xfa\x96]\x9e\xa7\xb7\'$$x\xae\x85\x00x\xa2\x8a\xb1c\xc7\x0ecV\xbd\xe1\xc6\xc74:/\xdd\x17\xfa\r\x8c\xb1\xda\xf3\xb5\x89)O\x05\x87\x04\x1b\xdd\x9a\xd2\xd2\xd2\xbc\xbc&lt;\xac\x04\xfc"~_{\xaa\x1c\xd9\xd9\xd9\xbdz\xf5\xa2\x9e\x0eM f\xa7\xad\x94$\x0b&gt;\x16Ib\xd9i+=Oo\xef\xd5\xabWvv6Z\x7f\xb8$z)*++SSS=\xe7\x0cG\x8d\x1d\x19;\xe9\xaejG\xfb\xdc\xf8\xd8v\x8c1\x97\xabfh\xcc\x90\xd9sgxv\xe6\xf2\xf3\xf3+**pH\xdc\x95\xf1\xfb\xe6S#\x18\x1e\x1e\xbej\xd5*#\x8b@\x92\xa4\x83\xfb&gt;~\xef\x9d\x0fBBC,3\x81\xa8\xaajHh\xc8{\xef|pp\xdf\xc7\x9e\xa7\xb7\xafZ\xb5*&lt;&lt;\x1c\xf3?pI\x17\x17\xc6\xd6\xae\xa5f\xd4\xe8\\g\xacL\xf3\xb59RY\x96\xed\x95\xf6\xb9\x89\x8f\xf5\x89\xba\x8e\xc6%\x14\xba\xd2\xd2\xd2\xb0\xb7\xf1\xca\xf8\r\x00B\xc3 \xe0\x81\x07\x1e\x18&gt;|\xb8q$\x9c(\x8a\xcf\xa5\xaf\xa4\x94P\x0bT\x1d\xda\xb3S\xe3r=\x97\xbe\xd2s\x1aw\xf8\xf0\xe1\x0f&lt;\xf0\x00\xba\xffpI\xc6\x8d\x8fk\xd6\xac\xf1\x9c3\xbc\x7fV\xdcM\xc3\x87\xb8\x9c^:\xf6\xa7\x99\xe8~\x82\xc8\xab#\xe7-N0\x0e\x08b\x8cm\xdf\xbe\x1d)\xa1W\xe6C\xdf\xa2\xf7Q\x83\xd8\xa9S\xa7\xfc\xfc|\x8f\x94Pv\xe2\xf8\xc9\x97\xd7\xbe\x12\x1ea\x85}a\xaa\xaa\x86G\x84\xbd\xbc\xf6\x95\x13\xc7OzN\xe3\xe6\xe7\xe7w\xea\xd4\t\xdd\x7f\xb8$\xe3t\x1dZJ\xa5:\x13\x1a\x16\xb2x\xd9\xc2\xf3\xaeZ\x1f\x9c#\x95e\xb9\xf2l\xe5\xfd\xb3\xe3\xe9\xa0CI\x92\x1a-_\x9b]@\x1f\xe5s_\xa4\x97\xd1\x94\xc8\x981c\xe2\xe2\xe2\x8cn\x8e\xc8\xc4M\xbf\xdfRVz\xa2s\x17\xffN\t\xd5u\xbds\x97\xcee\xa5\'6\xfd~\x8b\xc8Dc\x864..n\xcc\x981H\xfd\x84Kjz\xbe&amp;u\x1d\x12\x9f~\xea\xea\xdeW\xf9\xec\x91!\xba\xae\x07\x04\xc8\x0bS\x170\x89\t\x1e\t\xacH\t\xbd\x02\xde\x03\x80\xd00\x0e\xc8\xcd\xcd\r\r\r\xa5\x9fHL\xb2W9Vg\xe6\x07\x87\xf8\xf7\xd5\xf0\xaa\xaa\x06\x87\xd8Vg\xe6\xdb\xab\x1c\x12\xbb\xd8\xd6\x87\x86\x86\xe6\xe6\xe6\xa2\xef\x0f\x97\xd4\xf4\xaelj\xfd\x07\xdft\xe3\x9c\'fV\xdb\x9d\x92\xec\xa3\x9d\x86\x8b\x07\x1d\xde7\x1e)\xa1\xcd\x87\x00p\xf1T\xdb~\xfd\xfa-Z\xb4\x88\xea\x8d\xa2(\x8c\xb1ww\xff\xf9\xe0\xdeO\xfcw5\x98\xd6~\x0f\xee\xfd\xe4\xdd\xdd\x7ff\x8c)\x8aB\xfd\xa0E\x8b\x16\xf5\xeb\xd7\x8f\xbauf\x97\x11|N\xa3\xbb\xb2\x8d9\xc3\xd4\xcc%]\x82\xba\xa8\xaa*\n\xbe\xdbo@JhK\xa1\t\x10\x04A\xa0\x99\x9f\xa4\xa4\xa4\xfe\xfd\xfb\x1b{\xca\xeb\xeb\xdd9\xcbr}$\xd9\xb9\x15h),gYn}\xbd\xdb\xb8\xf7\xa6\x7f\xff\xfeIII4\x17dv\x01\xc1\xe7Ps_QQa\x1c\xa9F\x9d\x86{&amp;O\x18\x17;\xc6\xf7\xcfK\xbfrJ(b@S\x08\x00\x82\xd00\x0b\x14\x1a\x1a\xba|\xf9r\xe3\x94PI\x92&gt;\xfb\xf4\xd0\xeb\x9b\x8b"\xbaG\xf8\xdd\x01A\x8a\xa2Dt\x8fx}s\xd1g\x9f\x1e\xfai\x07\xbf\xae/_\xbe&lt;44\x14\xf3?pIT\xf9\xd3\xd2\xd2\xe8\xael\xeaD\x07\x04\x06,N_\xa8\x99t\xeagK\xc9\xb2l\xaf\xacz&lt;\xf1\xb1\xeb\xa2\xae\xf5L\t5\xae\x001\xbb\x80\xbe\x05\x01\xe0"j%\x1fz\xe8\xa1;\xef\xbc\x93fK\xa8\x95|y\xed\xc6S?\x9e\xa2\xb3\xd2\xcc.cs\xd1iw\xa7~&lt;\xf5\xf2\xda\x8d\xc6\xe9\xed\x8a\xa2\xdcy\xe7\x9d\x0f=\xf4\x10\xd6~\xe1\x92\x8c\xbb\xb2\xb7o\xdfn\xcc\x19j\x9a6\'af\xf4\xb0\xc1\x0eG5\xfd;&gt;N\xd7\xf5\x0b\x17\xeaz\xf6\xea\xf1d\xd2\\\xcf;#\xb7n\xddj\\ec\xf6\x93\xf6!\x96\xbd\xff\xb6\x15h\x9e\xa4\xa0\xa0`\xc4\x88\x11\x8a\xa2h\x9a&amp;\xcb\xf2\xb7\'\xbe{e\xfd\xab\xcbW/;\xf5\x9fS\x01\x01\x01f\x97\xb1Y\x14E\xe9\xd6\xa3\xdb\x0b\xab^\xfa\xf6\xc4w\xb2,\xd3\x92F```AA\x01\xbd\xd2f\x17\x10|\x11u\xff\x93\x93\x93\xeb\xea\xea$I\xa2q\xf0\xaf\x06\x0fJ\xcdZ\xa2kzhX\x88_\x8c\x00\x04]\x10\x04\xa1\xbe\xae\xfe\xb1\xf9s\xfe\xfav\xf1\xfe\xff\xf7!uw4M\xcb\xc8\xc8\xd8\xb3g\x8f\xc9\xc5\xf31\x08\x00?\xa1\x1a\x1f\x13\x13\xf3\xd0C\x0fm\xda\xb4I\x96e\x9a9\xd9\xfc\xca\x1f\xa7&gt;0\xa5\xff\xc0\xa8\xda\xda\x0b\xbe\xbfp\xaai\x9a\xcd\xd6\xf5\x8b\x92/7\xbf\xf2G\xfaD\x14\x03\x1ez\xe8\xa1\x98\x98\x18t\xff\xe1\x92\xa8b\x14\x15\x15\x19weSs\xefr\xd6&lt;\x12?\xf7\x82?\xd4|O\x9a\xa6w\xea\x1c\xf8\xc3\xb7\xff\x16\x04\x81\x86\x05t\x9d}aa\xe1\xcc\x993\xf1\x16\x18\x10\x00~\x86\xf6\x82\xad\\\xb9\xf2\xed\xb7\xdf\xb6\xdb\xed\xf4\x13g\xb5s}\xee\x86W\n7\xd4\xd4\x9c\xf7\xfd\xd7@\xd3\xb4.A]\xd6\xe7npV;i"K\xd3\xb4\x88\x88\x88\x95+Wj\x9a\x7fL\xe3\x82\x97\xd1\xf4f}}}zz\xba\xf1W\xfa\xf3\x87\xef~\xf8\xe1\xbb\x1f\xcc-^\x1b\x19\x1fG\x14\xc5\xac\xac\xac\xc9\x93\'\x07\x07\x07c\x19\x8c\xf8zs\xe6e\xb4\xf0\xd5\xabW\xaf\xe4\xe4d\xad!\x8b@\x92\xa4w\xde|\xf7\x83\xbf\xec\r\xf3\xf9\xbd\xc1\xaa\xaa\x86E\x84}\xf0\x97\xbd\xef\xbc\xf9\xaeQxM\xd3\x92\x93\x93\xe9\xcc;\xdf\x0f`\xe0}T\xd5\xf3\xf2\xf2JKK\xe9\xb6/\xe3\x1f\x89\xa2(\xf9-\xcf&amp;\x9e&gt;cYYYAA\x01\x8d\x8c\xcdx\xd2&gt;\x07\xcdAc\xc6\x9d\x91\x03\x07\x0e4\x92g4U{~Y\xeey\xd7y\xc9\xb7G\x8e\x92$\x9dw\x9d\x7f~Y\xae\xa6jF:\xd3\xc0\x81\x03q\xe3#\\\x0e\xb5\x8c\'N\x9c\xc8\xcb\xcb\xa3\xbb\xdd\x99\x07\xe3\x188\x7fD\xabz\x06]\xd7\x03\x02\x02\xd6\xaf_\x7f\xe2\xc4\x89Fq\x8e[h\x11\x1a3\xee\x8c\xcc\xc9\xc9\xd1\x1b\x0e\x08\x92$\xe9\xe8\x17_\xed\xda\xf6f\x98\x0f\xdf\x19\xa9(JXx\xe8\xaemo\x1e\xfd\xe2+I\xfa\xe9\xc6\xc7\x9c\x9c\x1c\xdc\xf8\x08\x97\xa3\xeb:\xf5x\xaa\xaa\xaa\x14E\xa1\xf4\x07KRU\xd5\xedvWVVR\x7fH\xf7\x9f\xbc\xbe\x8e\x835\x80K\x90$IU\xd5\xf8\xf8\xf8\t\x13&amp;\xd0q(Z\xc3\x9d\x91\x13\xfe\xfb\xae\xb0\xf00\xb7\xdb\xedk\x8d\xa9\xae\xeb\x9d;w\xfe\xe1\xbb\x7f7\xbd\xf11&gt;&gt;\x1e\xab^p9TO\x12\x13\x13\x17,X\xc0C\x9bh\x9cm\x877B@\x00\xb8\x1c\xe3\xce\xc8\xe8\xe8h\xea,0\xc6\xce\x9c&gt;\xfb\xbf/\xfe_\xd6\x9a\x8c\xb3g\xce\xd1`\xd9w\xd0\xa9\x9fkV\xac=s\xfa,E,\x1d7&gt;B\xf3H\x924f\xcc\x18\xb3K\x01&amp;\xf0\xadV\xccw\xd0\xec9\xdd\x19\xb9a\xc3\x06\xa9a3\xed\xab/o\xfa\x9f\xfb\'\xdf\x10\xfd\xab\xf3\xbe\x94\x11\xa4i\x9a-\xd8\xf6\xcf\xcf&gt;\x7f\xf5\xe5M\xc66fUU\x9f|\xf2\xc9A\x83\x06Y\xa6\xfbO\xa3x_\xbb\x8d\xc4\xa0\xaa\x9a\xaa\xaa\x9a\x7f\xce,\xf3\xb6(j\x8d7\xa2\xed\x10\x00.\x8bV\x8d\xb2\xb3\xb3\x0b\x0b\x0b\x1d\x0e\x07\x8d\x1c\xdd\xf5\xee\xec\xb4\x95\xaf\xffy\xab\xd9\xa5k\x8cn|t\xd7\xbb)\xf9A\xd7\xf5\xf0\xf0\xf0\xec\xecl\xddB\x99?]\xbb\x06\x85v\r\x15t\xc17\x0f\xa4T\x155\xb4kh\xd7\xaeAf\x17\xa45\xd0 \xf2\t\x01\xe0\xb2h\x1395\xa3\xf3\xe7\xcf\x97\x1a\xb2*\xe9\xce\xc8{&amp;\xdf\xed\xb0\xfb\xc4\xb5\xa8\xaa\xaa\x86\x86\x85\xfc\xf5\xed\xf7\x8d\x1b\x1f\xe9\xcf\xec\xec\xec\xf0\xf0pkt\xffin\xba\xe4\xef\x87\x05Q\xa8q\xf9\xd0\xd8\xcb\x93\xa6i]mA%\x7f?,4d\x9d\x9b]"\x80_\x80\xd3\x91\xae\x84\x92\xc94M\xbb\xfd\xf6\xdbKJJ\xe8\x95\xd6u\xado\xff\xbe\xc5\x7f{W\xf3\x99\xb9\x08&amp;\xb1\t\xbf\x9ex\xb2\xec\xa4(2A\x10t]\x8f\x89\x89\xf9\xf4\xd3O)\x8d\xcf\x1f["Zu\x1f?~\xfc\xde\xbd{%\xff&lt;\xbf\x85\x8a=n\xdc\xb8={\xf6h\xc8\xc1\x05\x9f\x84Jy%4\x97"\xcb\xf2\xcf\xef\x8c\x94N\x1c?\xb9e\xe3\x1f}!%\x94R?\xb7l\xfc\xe3\x89\xe3\'\x19\xfb)\xf53??_\x96e\x8b\xf5C\x19\xfbYZ\xb7\xaf\xb2\xce\x03\x07\xcbC\x00\xf8\x05R\xc3\x9d\x91F2\xa5\xa6i"\x13\xd7\xaf\xdep\xe2\xf8Is\xef\x8c\xd4u\xbds\x97\xce\'\x8e\x9f\\\xbfz\x83\xe7\x8d\x8f\xf1\xf1\xf1\xd6\xb8\xf1\x911\xf6\xf3\x8d\x9d\x17\x074\xbe\xedgef\xe8\xf8\x83\x0f\xc3\x1a\xc0/\x13EQ\x10\x84\x9c\x9c\x9c\xb7\xdezKUU]\xd7eIv\xd8\xabs3\xf37\x16\xbet\xe6\xd4Y\xb3RBUU\x8d\x08\t_\xf2D\xaa\xc3^M\'\xbe\t\x82@[\xd8\x8cb\xfb5\x97\xcb\xa5\xaa\xaa?\xce\xff\x08\ry5.\x97\xcb\xec\x82\x00\\\x16\x02\xc0/c\x1e\x07*&lt;\xff\xfc\xf3\xd2OwF\xfe\xe5\xa3\xbd\x1f\xdf\xf2\xeb\x18\x97\xb3\x86\xee\xa1\xf6&amp;M\xd5\x82\x83m\x1f\xed\xfd\xf8\xdd\xdd\x7fa\x1e7&gt;\xa6\xa4\xa4\xd0!\x16~\xdd\xfd\xa7\xe85j\xd4\xa8\xa0\xa0 \xbf^\x03\xb8\xf9\xe6\x9b\x05K\x04c\xb0$,\x027\x0b\xad\x06\xbb\\\xae\x98\x98\x98\xf2\xf2r\x1a\xea\xab\xaaz\xdb\x88[\xde\xda\xb7\xcb\xe5\xacaL\x14\xbczW\xaa\xaei\xba-\xb8\xeb\x94\xb1q\x7f\xff\xe43I\x92\xa8\x84\xfd\xfa\xf5+))\xb1\xd9lTB/\x96\x07\x00\xfc\x0fF\x00\xcdB\xcd}HH\xc8\xf2\xe5\xcbg\xcd\x9a\xc5\x1a6[\xfd\xfd\x93\xcf\xb6\xfc\xef\xb6I\xbf\x99X\xedpJ^\x1c\x04\xa8\xaa\x16\x12\x1a\xbc\xe5\x</t>
        </is>
      </c>
    </row>
    <row r="127">
      <c r="A127" s="1" t="n">
        <v>125</v>
      </c>
      <c r="B127" t="inlineStr">
        <is>
          <t>grid_number_color</t>
        </is>
      </c>
      <c r="C127" t="inlineStr">
        <is>
          <t>What is the missing color if the part denoted with the question mark has the number 6?</t>
        </is>
      </c>
      <c r="D127" t="inlineStr">
        <is>
          <t>['orange', 'red', 'purple', 'green']</t>
        </is>
      </c>
      <c r="E127" t="inlineStr">
        <is>
          <t>purple</t>
        </is>
      </c>
      <c r="F127" t="inlineStr">
        <is>
          <t>There is a 3x3 colored grid of numbers. The first row has number-color pair [(2, 'red'), (4, 'orange'), (8, 'green')], the second row is [(6, 'purple'), (6, '?'), (2, 'red')], and the third and final row is [(8, 'green'), (6, 'purple'), (4, 'orange')].</t>
        </is>
      </c>
      <c r="G127" t="inlineStr">
        <is>
          <t>We observe that the grid cells with number 8 is green in color, the grid cells with number 4 is orange in color, the grid cells with number 2 is red in color, and the grid cells with number 6 is purple in color. Thus, the pattern is that the grid cell with the same number will have the same color.</t>
        </is>
      </c>
      <c r="H127" t="inlineStr">
        <is>
          <t>Based on the pattern that the grid cell with the same number will have the same color, the missing color of the part with 6 should be purple.</t>
        </is>
      </c>
      <c r="I127" t="inlineStr">
        <is>
          <t>b'\x89PNG\r\n\x1a\n\x00\x00\x00\rIHDR\x00\x00\x02\x00\x00\x00\x02\x00\x08\x02\x00\x00\x00{\x1aC\xad\x00\x00\x84\xe9IDATx\x9c\xed\xddw|\x15\xc5\xfa?\xf0gfwO/\xe9!$\x10z\x93\xde;\xd2\xab VTTT,\x17\xdb\x15\xac_\xbdv\xbd^\xbb\xa0\xa8\x88\rP\xc1\n" U\xaa\xf4\xde{I \xbd\x9d~\xce\xee\xcc|\xffX\x88\x88\xa8\x01N\x92s&lt;\xcf\xfb\xcb\xef\xf7\xba\x86pX2\xbb\xcfgfvv\x96\x08!\x00!\x84P\xec\xa1\xd5}\x00\x08!\x84\xaa\x07\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W\xf7\x01\xfcF\x08!\x84\xa8\xee\xa3\xf8G!\x84\x10B\xaa\xfe\xef\xc5\xa6\x0c\xbbjiJ\xbd\x11\xb1)\xc3Ho\xc4j\xb9*\xcf\x8bTo\xeb\n!8\xe7B\x08J)\xa58\x1c\xa9\x14\x8c\xb1*\xf8\ts\xce9\xe7\x84\x10I\x92*\xefo\x89eB\x08\xc6\x18!\x84RZy\x15D\x0fol\xcaJU~IVW\x17\xad\\\xb5\x05\x80^\xf7\xcf&gt;\xc3|\x81@n~~~Q\x11!\x04\xb0\xd3q)\x08\x11BH\x844\xac_\xdfa\xb3\xd1\xb3\xce0\xc6Xx\xcb\x87^,(%\x84\xfc\x96.\x1e\xaf\xff\xc0\xa1\xc3\xc1\x90J\x08\x00\xb6\xe4\xa5 D\x08\x11\xe7\xb0\xd7\xae\x95a\xb5\x98\xca\xbf\xcc\x18\x03\x80\xf0\x16h=`d\xf9\xb7Y\x81PH--)\xcd:\x91\x05\x80\x97\xe4\xa5"\x84\x08!j\xd5\xce\x88\x8b\x8f7\x18\x95\xf2\xafk\x9a&amp;IRu\xc5@5\x04\x00\xe7\x1c\x00\xf4\xdehqi\xe9\x8a\xb5k\x97,^|p\xd7\xae\xc2\x13\'Bn\xb7S\x08\x86\xa7\xda%\xa3\x84\x04\x19\xd3\xecvk\\\\Z\xfd\xfa\x1d\xbav\x1d\xd4\xbf\x7f\xebf\xcd\xf4\xdf\rW\x0c0\xc6\xcak\xd0\xde\x03\x87\x7f^\xb4d\xfd\xda59\'\x0e{]E$Pf5R\xce\x05D\xca`7:\t\xa0\x12u\xf9\xb9dv:\x92\xd2\xea\xd4o\xd2\xa3g\xaf\xfe}/OOK\x853\xbd\xf5K\x1f\xd8\xe9)\xae7e0\x10\xdc\xbay\xdb\xcf\x0b~\xde\xbcmsV\xce1\xaf\xdf\x03F\x06\x18\xe4\x97\x8e\x00\x08\x10A\xc9f\xb6\xd5J\xab\xd3\xb6u\xbbA\x83\x06\xb6m\xdf\xc6h2B%\xf4\xcc*zPU\x19\x00g\x9fg\xeb\xb7l\xf9p\xca\x94M\x8b\x17\xd7\xd2\xb4\xf6\t\t-RR\xea%%\xd9\x8c\xc6\x04\x8b\x05\xcf\xb4KG\x00T\xce\x0b\xdc\xeeR\xbf\x7f_~\xfe\xe6\xbc\xbc\xed&gt;\x9f\xa1N\x9da\xd7]w\xe7-\xb7\xc4;\x9d\xf0\xfb\xf2}\xa18\xe7z\xdd\t\x04\x83\xd3\xbe\xf8\xfa\x9b\x99_\x94\x9d\xdc\xd3\xae\x96\xb1s\xb3\xb4\x16uSR\x13\xec\xc9q6\x83Q\xc1nc\x18\x10\xe2\xf1\x04J=\xbec\xb9%;\x0e\xe7\xad\xd9\x9b\xbf7_4h\xd9u\xccm\xb7\x0f\x19\xd8\x17\x00\xf4\xe9\x9a\x8b\xae\x1d\xe5\xa7\xc1\xb1#\xc7\xa7|8e\xfe\x92y!\x83\'\xa3irf\xb3\xf4Z\xf5\xd3LVS\\\x92\x83`\x8c\x87\x83\x00QV\xe8\xf2{\x03Y\x87s\x8e\xef9yro\x81\x12\xb4\x0e\xee7\xec\xae{\xee\xac[\xaf\x0e\\\xda%yq\xaa.\x00\xcaK\xc6\xc6\xad[\x1f\x7f\xec1~\xe0@\x9f\xa4\xa4+\x9a4\xa9\x93\x98(KRP\xd3\x82\x9a\xc6\x84\xd0\x18\xab\x9a\xe3\xf9\xc7#\x84(\x92$Qj\x92e\x85\xd22\xbf\x7f\xe3\x89\x13\xdf\x1f8\xb0\x93\xd2\xc1\xa3G?\xf9\xf0\xc3\x16\xb3Y\xd3\xb4\xb3\x87\xfc\x15T\xfe\xa7&amp;N\x9e2m\xca\xc4\xc6q\xfeQ\xbd\x1a\xf4m\xdf\xc0\x12g\x03. \xa8j\x8c\xab\x1a\xc3\xee\x7fx\x08\x90$*KTV$0\xc8 \xa00\xbf\xf4\xc75\xfbf\xaf\xcf.$5\xfe\xef?\xcf\x0e\x1b&lt;\x00.\xaav\x94\x0f Nf\x9fz\xea\xff\x9e\xfau\xc7\xca\x8cV\x89]\x87\xb4\xad\xdd0\xddh6j!-\x14T\x05\xe7\x9a\x86\x97d\xd8\xc8\xb2D(5\x18\x15\xd9 \x07\xfd\xc1\xacC\xa7~\x9d\xb79{{Q\xe7\x16=^\xfa\xef\x8b\xe9\x19\xe9\x97\x18\xe7\x17\xaa\x8a\x02@/\x19&gt;\x9fo\xdc\xbf\xff\xbdi\xce\x9c\x07\x9a6\x1d\xd1\xac\x99\xc5ht\x05\x83AM\x03!\xca\xff\xcdX1\xc2H_\xc3\xc1\x01\x84\x10\x12\xa56\x83\xc1\xac(\x07\xf2\xf3\'n\xd8\xb0\x8e\x90\xe7_}\xf5\xda\x11#\xf4\x13\xa0\xe2\'\x9c^h\xd6\xac\xddp\xff\xbd\xf76\xb0\x14&lt;5\xbaK\xcbf\xb5@\xe3\x01_P\xd5\x98\xde\x8c$\x82\x969\xfc\x13\x08\x00\x10 \xf4\xf58\x02\x0c\x8ad\xb0\x99\x80\xb1%\xeb\x0f&lt;\xff\xc5&amp;[\xddNS&gt;\x98\x9c\x91^\xf3\x82\xe2\xbc\xbcC\xf6\xcaK\xff{\xff\xd3w[\x0fn\xd0\xe7\xda\xae\t\xc9q&gt;O \x14\x08\t!\xe0LS\xe25\x19N\xe2\xcc\xff\tA\x081\x98\x0c\x16\x9b\xa9\xb8\xa0t\xd97k\xb7-8x\xf7\x98{\xff\xef\xa9\xc7\xe1\xac\xd6\xa9lU\x11\x00\xfay\xb9y\xfb\xf6[n\xb9\xa5\x87\xdf\xffd\x9f&gt;\x0e\x93\xa9\xc4\xef\xd7\xff\x91xvU\x19.\x04\x17\xc2\xac(\x0e\x93i\xcd\x91#\x0f\xafX\xd1s\xec\xd8\xf7^{\r*v\xc2\x95w\x18_yc\xe2\xe7\xef&lt;\xff\xdf\xdb\xda_\xd9\xb7\xa5\x08\xa8\x1e_\x90\x12\x82-Ye\x04\x00\xe7\x02\x00l6\x93\x10\xe2\xedYk\xde[\x9a\xfb\xfa;\xef_y\xc5\x90\nf\x80\x9e\xe2%\xc5%\xa3o\xbc\xe5\xb0k\xc7\x98\xff\\S33\xd5]\xe6\xd5T\xa6\xafL\xa9\xfc\x7f\x04\x028=+.dY\xb2\xc5Ys\x8f\xe7\x7f\xfa\xe2\xb7\xf5\xac\x97\xcd\xf8jzBbB\xd5L\x07Uz\x00\xa8\xaa\xaa(\xca\xac\xd9\xb3\'\x8c\x19\xf3J\xc7\x8eW\xb7lY\xe0\xf1h\x8cI\xb8\xe8\xb3\x9a\x08\x00\xc6y\x9c\xd9\xac2\xf6\xc0\xdc\xb9\'\xeb\xd5[\xb4`\x81\xd5l\xfe\xeb\x0c(\xaf\xfe\xd7\x8c\xba\xb9l\xcf\xc2/\x9e\xbe*%\xc9\xe1.\xf5PJ(\xd6\x8bj\xc2\xb8 \x04\xac\t\xf6\xcd\xdb\x8f\x8e~y\xc1M\xf7?\xf3\xd4\xe3\x13\xfe6\x03\xf4o\xd8\xbfw\xff\xe0\xa1\x83\x9b\x0e\xca\xb8\xfe\xbea&gt;O \xe8\x0fI2^\x92\xd5\x86i\xdch6Xl\xa6\xaf\xdf\x9b\xb7{\xc1\x89\xf9?-h\xda\xac\xc9\xc5\xcd\xd0^\x90\xca\r\x00\xfd\x1f\xf0\xc5w\xdf\xbdp\xc7\x1d_\x0f\x1f\x9e\x99\x98X\xe0\xf1\xc8\xd8W\x8c\x00L\x08\x89\x90\x1a\x0e\xc7\xcb\x8b\x17\xffl\xb3-]\xb4\xc8f\xb1\xfcY\x06\x94W\xff\x91\xd7\xde\x98\xe6Z?\xf9\xa9kB\x9e@0\xa8\xca\x12\x96\x8c\xea\xa7j\xdca7\xfbTu\xe8\x84/z\xdd\xf4\xf8\xb3O&gt;\xf2\x17\x85C\xefW\xee\xd9\xb5w\xf0\xf0\x81#\x1e\xee\xd1\xa9_\xdb\xa2\xdc\x12\x82\xbd\xfe\x08 \x84\x10\\$\xa6\xc6\xaf_\xb6u\xcek+\xe7\xcf\xf9\xf9\xb2\x16\xcd*{\x1cP\x89\x01\xa0\x1f\xfa\xd7\xb3g?=f\xcc\xec\x91#\x13m\xb6\xb2@@\xc1\x8e\x7f\xc4\x10\x00\x1a\xe7\xb5\xe2\xe2\xfe\xb7t\xe9\xcf6\xdb\xa2\x05\x0b\xcc&amp;\xd3\x1f\xd7\xa2\x95/\x0f\xbff\xd4\xe8\xd4\xd2u\xef\xfd\xe7Zo\xa1\x0b\x08`\xc7?r0\xc6\r\x06\x85\xc8t\xc0\xbf\xa7\xf7\xbd\xe5\x89?\x1b\x07\xe8\x01\xbfo\xef\xfeA\xc3\x06\\\xf9h\xaf\xb6=\x9a\x17\xe7\x97\xc9\n&gt;\xed\x15A4\x95%\xa48\xb7\xae\xde\xfd\xc3\xff~Y0wQ\xd3fM*\xf5~@e\x05\x80~\xd0\xdbv\xef\x1e\xdc\xb9\xf3\xa2\x91#k8\x9d\xae@@\xc6\xea\x1fyT\xc6\xea$&amp;&gt;\xf4\xc3\x0fG[\xb5\xfa\xe9\x9boTMS~_8\xf4R\xf2\xd0\xa3O\x9d\xf8\xe5\xa3\xef&amp;\x8du\xe7\x96H\x14\x8b\x7f\xc4\xe1\\\xc8\x8aDe\xa9\xd5\x98\x0f\x9f}w\xd6uW]qN\xe7Q_\x84\x1d\x08\x04\xda\xb6i\xdb\xeb\xee\x96=\x86v*\xca-\xc1\xea\x1f\x814\x95%\xd6\x88_\xb3`\xc3\xb2\xc9\xdb\xb6n\xddj\xb6\x98+o]P\xa5Td}\xc6\xc0\xeb\xf5\xdep\xfd\xf5\xafv\xee\\;1\x11\xab\x7f\xc4R$\xe9xI\xc9\x7f\x87\r+[\xba\xf4\xd5\x89\x13\x15Yfg\xad\xc4\xd5\xfb\xfes~\xfay\xe1\x97\xef|\xf9\xc2\r\xbe\x02\x97T\rO\xab\xa0\xbfG)QUM"\xe4\xdb\xe7\xaf\x9ap\xdf\xd8c\xc7\xb3(\xa5\xfaC\x97:=\x0f\xee\x18sg\xcd\x8e\x8e^Wt\xc6\xea\x1f\xb1dE*\xca-\xe91\xb4SF\x17\xe7m\xb7\xdeqN;\x86W\xa5\x14e\xfdi\xafq\xe3\xc7w\xf3\xfb\xafm\xd5\xaa\xc0\xed\xc6\xea\x1f\xc9$B\xca\xfc\xfe\x8fG\x8e\x9c\xf4\xe4\x93\xdbv\xed\xa2\x94\xea\x19\xa0\xafT\xcb/(|\xe0_w|\xf9\xc4\x10E\xa6\xfa"\xe5\xea&gt;^t~\x12\xa5^O\xa0Y\x93\x8c\xa7G\xd6\xbfq\xf4-\xfa6\x12\xfao\xe9A\xfe\xe9\xd4\xcfV\xef]|\xeb\xe3\xd7\x14\xe5\x95b\xf5\x8fd\xb2"\x15\xe5\x95\xde\xfa\xd85k\xf7/\xfbx\xca\'\x92$\xb1\xcay@*\xfcuY\x9f\xfc\xd9\xb2s\xe7\x9a\x993\x9f\x1d0 \xcf\xedVpK\xa9\xc8F\x00\x02\x9aV\xd3\xe9|\xa0i\xd3G\x1e\x7f\xbc\xbc\xc4\xeb\x8f\xa7?\xfb\xe2\x7fG\xb6\xb4\xb4n[\xdf\xe3\xf6Kx\xff&gt;\xb2\xc92\xf5\x14\xba\xee\xbc\xbe\x87\\\xb8\xfd\xab\xaf\xbf\xd7\x0b\x87\x1e\xe4\x1e\x8f\xf7\xc5\xff\xbdp\xcb\x13W\xa9!\x15[1\xf2\x11\x80P@\xbd\xf5\xc9\xab^~\xf5E\x8f\xdbCH\xa5L\xd7WJ\xc7\x9c\x10\xf2\xd0\xf8\xf1\x13Z\xb6t\x18\x8d\xac\xd2\x06/(\x8cdJ\xf3\xdd\xee\xbb\xbav-\xfd\xf5\xd7\x1f\xe6\xcf\x97$)\x14\nI\x92\xb4k\xcf\xbee?|\xfe\xe2=\x03\xfdEnE\xc6 \x8f\x02\x84\x12\x16T\xdf\x1e\xd7\xf7\x85\xa7\xff/\x10\x0cRJ5M\xa3\x94\xbe\xf4\xfc\xcb)\xcd-\xcd\xda7\xf2\xb9\xfd\x04\x83&lt;\xe2\x11J|\x1e\x7f\x93\xb6\rS[\xd9^|\xee\xa5\xf2qyx\x859\x00\xf4\xee\xff\xc6\xed\xdb\xfd;w^\xdd\xb2e\x91\xcf\x87\xeb\xfd\xa3\x06!\x02\xe0\x9e\x96-?\xfa\xe0\x833_ \xef}\xf0\xd1-=3l\xf16\xdc\x0f ZPB|\xde@\xdb\xd6\xf5\x9a\xc5{\xbf\xfe\xfeG}Wg\x8f\xcb\xf3\xe3\xcf?\x0c\xb9\xb5\xb7\xa7\xccKq\xf1n\x94\xa0\x12\xf5\x94y\x87\xdc\xda\xfb\xc7E\xb3\xddenI\x92\xc2&gt;\x08\x08\x7f\x00\x00\xc0\xc4I\x93\x06\xa5\xa6Z\x8cF\x8e{\x81E\x0f\x89\x90R\xbf\x7fp\xd3\xa6\xd9k\xd7n\xdd\xb5\xcb`0\x14\x14\x15\xaf\\\xf0\xed-\x83\xda\xa8n?\x06y\x14!\x84\x08\x95\xdd&gt;\xa0\xd9G\x1fL\xd6\xfbd\xb3\xbe\xfa\x9a$\x043\x1b\xd7\n\x05Bx\x17\'Z\x10BB\x81Pf\xc3\x0c)I\x9d\xf9\xe5\xd7\x84\x90\xb0\x0f\x02\xc2yU\x0b!dY.u\xb96/YrU\x8b\x16e\x81\x00V\x8d\xe8\xc28\x8f\xb3Xz%&amp;N\xfd\xec3\x00\x98\xf9\xf5\x0fM\x93XFfJ \xa8b\xd1\x88"\x12%\x01o\xa0\x7f\xe7\xc6\xde\x93\xbb\xb7\xed\xdc\x03\x00\xd3\xbf\x9c\xdeeh\x1bMeX\xfd\xa3\x0b!D\ri]\x87\xb6\xf9r\xe6\x0c8\xb3\x8b~\x18\x85\xf3\xe3\xf4\xee\xff\x8a_\x7f\xad\xa5\xaau\x12\x13\x83\x9a\x86\xe7Zt\xa1\x84xC\xa1\xc1\r\x1bn]\xbdZ\x00\xacX\xbetD\x97z\xc0\x04V\x8d\xa8\xa31n\xb0\x99\xbb5r\xfe\xb2bU\xc0\x17\xc8*8\xd2\xacCC\xbf\x07g\xff\xa3\x0c\xa1\xc4\xef\r4m\xd7\xf0T\xc9\x89\x93\xd9\xa7(\xa5\xe1\x9d\x05\n\xf3\x08\x00\x00\x16.\\\xd81)I\xae\x84\xe9*T\xd9(!\xbeP\xa8E\xcd\x9a\xda\xa9\x93\xdb\xf7\xec\xcd;\xb6\xa7g\xabL\xe6\x0fa\xd1\x88:\x94\x10\xd0x\x9f\xd6\xb5\xb6l\\\xbb\xe2\x97\x95\xa6d)1%\x9e\xe1\x8d\x9c(\xc44\x96\x90\x12gJ\x91V\xfc\xb2\x12\xce\xf4\xb3\xc3%\x9c\x01\xa0?\xb0\xb0\x7f\xe7\xceV5j\x045\r\x9f\x16\x8dFL\x08\x87\xd1X\xcfb\x99\xf6\xd5\xacD\x03\xab\x99\xec\x0c\xaa*\x8e\x00\xa2\x0e!\xc0\x83j\xf3\xba\xa9%y\'~\xfci^\xdd\xcb2\xaa\xfb\x88\xd0%Io\x98\xbai\xd3F8\xd3\xcf\x0e\x97\xb0\x05\x80\xbeY\x98\xcaX\xf1\xc9\x93u\x13\x13C\x9a\x86U#\x1a\xe9k\xc6\x1b\xc7\xc7\xcf\xfc\xe6\xfb\xf4xE1\x1b\x19\xc7\x91\\\xf4!\x84\x04U\xadVj\x9c\xe6)\\\xb4tI\xdd\xc6\x19jH\x03\xbc$\xa3\x11!\x9a\xcaj\xd6M&gt;x\xf8 \\\xc8\xab;*"\x9c\x01\x00\x00\'srT\x97\xcbn2i\xb8\xfc?:\x11\x00.D\xb2\xd5Z\x96w2\xd1n\xac\xee\xc3A\x17\x8f\x0b!\x1b\r\x06P\xf3\x0br\x9d\x89\x0e\xc6\xf0\x92\x8cV\x9cqg\x82#7/G\x7f\xa4#\x8c\x83\x800\xdfS\xce\xcd\xcf\xb71\x96h\xb5j\x9ccg#\x1a\x11B4\xce\xeb\'$\xf8J\x8b\x1b\xd4tT\xf7\xe1\xa0\x8b\xc7\xb9\x90\xcd\x864\xbb\xec*+N\xa9\x95\xa8\x85pP\x1e\x95\x08!ZHK\xae\x99\xe8\t\x94\x85\x82a\x9e\x8f\rs\x00\xc8\xb2\x0c\x84\xe0\xf2\xffh\xa7q\x0e\x84h8\xf9\x13\xed\x84\xe0\x02\x88$q\x8d\xe3\x9b\x1d\xa3\x18\x01\xce\xb8D\xe5\xb0Gx\x98\x03\x00W\xfe\xfc3\x10\x00\x10\x02+\xc6?\x83\x10\x02\xab\x7f\xd4#  J\xf6\x02B\x08!\x14\xf9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ru\x1f@\x14\xe0B\x08!\x80\x10\x02@\t\x01\x00q\xe6\x8b\x94\x10\xfd+\xe8\x1f@\x08\xe0B\x00\x00\x01\xa0\x14\x9b5\xa2\t.\x84\xdeX\x94\x10\xfd\x1a\xd4\x9b\xef\x9c/\xa2\xbf\x84\x01\xf0W\x98\x10\x04\xc0,\xcb&amp;Y\x06\x80\x10cA\xc6\xb8\x10\x06J\x8d\xb2,\x13\xa2r\xeeUU&amp;\x84\x84g[\x94\x13B\xc8\x125\x98\r\x00\x00\x1a\xf7\x054l\xd2\xc8\xc4\xb9 \x00\x06\xb3\xa2\x18d!@S5-\xc4\x84\x10\x92"\x19\r\x92$I\x9c\xf3P@\xd5B\x1a\xc6\xc0\xdf\xc2\x008?\xbd\xa6\xc7\x1b\x8d!\xce\xf7\x17\x17o\xc8\xc9\xd9QPp\xcc\xe5r\x05\x83L\x08\xb3,\xa7X,M\x13\x13\xbb\xd6\xac\xd9!-\xcd&amp;\xcbe\xc1 \xc5s-jq!\x14Y*q\x07\xd6\xac?\n\x005\x13mm\x1b\xa6h\x1a\xc7\x16\x8d4\x9cq\xb3\xcd$\x84\xc8:\x90{p\xcb\xb1\xac\xfd9E\xa7J\xfd\xde\x00\xe7\xc2`Tlq\x96\xd4\xcc\xa4z-k5h];!\xd5\x19\xf0\x854U\xa3\x14\'\xba\xff\x14\x06\xc0\xb9\xf4\xe9\x1d\xa7\xd1\xe8U\xd5\x99\xfb\xf6\xcd\xdc\xb7ocn\xae_\xd3\xfe\xf8\x9d\xf3\x8e\x1c\x01\x80\xb6\xa9\xa9\xf7\xb7m;\xbc~}w($\x84\xc0\x14\x88FB\x80\xa2Hc\xdfZ\xf2\xd3\xfa\xa3\x000\xbcK\xbd9/\x8d\x08\xb9\x828\xb0\x8b\x1c\xfa\xc5euZv\xaf=\xb8x\xc6\xaf\xfb7\x1dQ\x83\xe7\xb9*a\xd5~\x00\x88Ouv\x1c\xd4\xb2\xdfM]\x9dI6\xbf;@%\xcc\x80\xf3\xc3\x00\xf8\x1d\x01\xa0PjQ\x94\x05G\x8e\xbc\xb6q\xe3\xb6\xfc|\xfd\xebv\x83\xa1iBB\xbd\xb8\xb8$\xb3Y\xa6\xd4\x15\n\x1d++\xdbQPP\xe8\xf7o\xc9\xcb\xbbm\xc1\x821\xcd\x9b\xbf\xdc\xbd\xbb\xca9\x07\xc0\x9a\x11]4\x8d\xdb\xe3-\xaf}\xb1\xfe\xa7\xf5G\r\xb2\xc48\xb7\x1a\x15\x10\xd5}X\xe8,B\x00\xa5DV\xe4\xaf\xdf\x98\xbfh\xc6\x1a\xbdul\xf1\xd6\xba\x97\xa5\xa7\xd5M\xb6\xc5[)%A\xbfZ\x92W\x96} \xf7\xc4\xbeS%ye\x0b?_\xb5y\xc9\xae1\xcf\x8cl\xdc\xa1\x9e\xcf\xe5\xc7\x0c8/\x0c\x80\xdf\x08\x00\x89\x90\xd2@\xe0\xc9\xd5\xab?\xdf\xb5K\xffb\xbb\xd4\xd4QM\x9a\xf4\xaaU+\xc3n7IR\xf9M`\x95\xf3\x1c\x8f\xe7\xc7\xc3\x87\xdf\xde\xbc\xb9\xc8\xef\xffl\xd7.O(4\xb9_?\x8f\xaa\xe2  \x8a0.l6\xe3\xba\x1d\xd9\xff\xf9|\xad\xd9([\x8dJ\xa1\xcb\xaf\xdf]D\x91D\x18L\xc6O\x9f\xfd~\xed\xdc\xad\x00\xe0H\xb0\r\x1c\xd3\xbd}\xbf\x16\xf1\xa9\x0eI\x91\xf4\xef \x00\\\x88\x90/\x94}0o\xc9\x97\xbfn\xf8yG\xe1\xc9\x92\x89\x0fL\xff\xf7\xe41\xf5[\xd5\x0ex\x83xc\xff\x8f0\x00~#\x840\xca\xf2\xe1\xb22\xbd\xfa\xd7u:\x1f\xe9\xd0ax\x83\x06VE\xf1\xa9jP\xd3\xfc\x9a&amp;\xce\xac\x12!\x84$\x98L\x0f\xb6m\xdb\xb7v\xed[\xe6\xcf?\\Z\xfa\xed\x81\x03\xadRR\xeek\xd3\xa6\xd8\xef\x97p\xda1\x1a\x08\x01\xb2L]\xde\xe0\xd87\x97\x04U6\xfe\xaa\xb6\xbb\x8e\x15.\xdar\x02#&lt;\xa2p\xc6\xadq\x96\xc5\xd3\xd7\xe8\xd5\xbfV\xe3\xb4{^\x1d\x95V/\xd9\xef\t\xfa\xbdA\xf8}Z\x13Jj7\xady\xcfk74hU{\xe6\xeb\xf3C\x01\xf5\xd3\xa7\xbf{r\xc6=\xb2"s.\xb0a\xcf\x81u\xea7\x94\x10O(\xd4+#\xe3\x99.]\x867h\xb0\xf0\x9aknh\xdaT\xe5\xbc\xc8\xef\x0f1F\x08\x91\x08\x91)\x95)\x95(\xa5\x84hB\xe4z\xbd\x8d\x13\x12&gt;\x194\xc8a4RB\xde\xdc\xb4\xe9\x84\xcbe\x94e\xec@F\x05\xce\xb9\xc9bx\xe8\xfd\x15\xbb\x8f\x17\xa5\'\xd9\x9e\xb8\xa1C\xb1\'P\xdd\x07\x85~G\x08!\x1b\xe4\x92&lt;\xd7\xfc\x8fW\x10J\xec\t\xd6\x7f\xbdvCJ\xad\xc4\xb2B\x0f\xd3\x18\xa5\x84J\xf4\xec_\x84\x90\xa0?\xe4*r\x0f\x1c\xd3\xa3\xef\r]\x00\xa0 \xbbx\xcd\x9c-f\xbbIp^\xdd\xff\x9a\x88\x83\x01\xf0;\x12\xa5\xa5\xc1\xe0]\xadZM\x190\xc0\xa2(E~?\x01\x90\xe9\xf9\x17\xf8\x10\x00\x83$\x15\xf9\xfd\xadSR\xeeh\xd1\x82\x0bQ\x12\x08\xfcx\xf8\xb0UQ8\x9ej\x11Oc\xdc\xe64O\x9b\xbf\xeb\xd3E{\x00\xe0\xe51]\x93\x12\xac.\x9fZ\xdd\xc7\x85~Gpa4\x1bv\xffz\xd0]\xe2\x15\\\xf4\x19\xd59\xad^\xb2\xa7\xcc\'+\xd2\x9f\r\xd4(%\x94Ro\xa9\xaf\xdf\x8d]\xacN3!d\xcb\xb2=j\x00\xe7f\xcf\x03\x03\xe0&lt;B\x9c\xfbTUeL\xae\xc0L\x8eL\xa9GUG4h`\x94$\x02\xb0&lt;+K\xe3\x1c\xf0T\x8bl\x8c\x0b\x8bY\xd9\x7f\xb4\xf0\xdf\x1f\xae\x00\x80k\xba7\xb8e\xf0ee\xa5&gt;\xc0\xd9\xff\xc8C(9\xba;\x1b\x08H2m\xde\xb5Q\xd0\x1f\x92\xfe\xee\x8e.\xa1DUY\\\xaa3\xb3i\xba\x10\xa2 \xab\xd8U\xec\x91\x14\t\xef\xee\x9c\x03\x03\xe0&lt;\xf4\'~+\xd8_\xa0\x84\x84\x18\xab\xedp\xd4v8\x04\xc0\xb1\xb22W0(\x13\x82\'Z\xc4\x12\x00\x94\x12\xc6\xc5\x1do.)q\x07\xeb\xd6p\xbc\xf7@\x1f5\xc8\x98\x10\x1a\x17g\xbe\x05E\x06B8\xe3\xaeB\x0f\x08\xb0:-\xce$\x1b\xd3x\x85V\xda\t!\xcb4\xa1\x86\x13\x00\x02\xbe\xa0\xcf\x1d\xf8\xdb\xd8\x88A\xf8\x13\t\x03.\x84Y\x92R,\x16\x00p\x05\x83&gt;\r\x9f=\x89h\x8cq\x8b\xdd\xf4\xf4gk\xd7\xec&gt;%K\xf4\xa3\x87\xfa\xa5\xc4[T\x95\x01\x00\xe7\x02\xb0\xfcG\x18!\x84\xde.\x92D\t\xa5pz\x1dF\x85\x10\\\xf9\xf3\x97\xb0N\x85\x07%D\xa1\x14\x00\x98\x10\\\x08&lt;\xe9"\x96\xc6\xb8\xddnZ\xb0\xe6\xd0\xeb\xdfn\x06\x80\xa7n\xe8\xd0\xb7c]\x97;(KDp\xc0)\x82\x88#\x84$Q\xab\xd3\x0c\x00&gt;w \xe0\tP\x89T(\xa3\t0\xc6\xcb\n\xdd\x00`\xb2\x18-6\x13cxg\xee\\\x18\x00a@\x004!\xf4\xa7\x85M\xb2\xacH8\xd5\x18\xa1\xb8\x10F\xa3\x9cS\xe8\xb9\xfb\x9de\x8c\x8b\xbe\xadk=5\xba\xb3\xd7\xe5\x97%\n\x00\x02\xef\x00D&amp;B2\x1a\xa4\x02@\xd0\x1f:\xb6\xf7\x94bT8\xff\xbb\x86\x12B\x92%w\xb1\xf7\xf8\x9eS\x84\x90\xd4:I\xced;S\x19\xde\x07&gt;\x07\x06@\x18PB\x02\x9aV\xe8\xf7\x03@\xbc\xc9dS\x14\x86\x83\x80\xc8$\xc0\xa0\xc8\xffzgiV\x81;%\xce2u|\xff3{J\xa2\x08E(\t\x05\xd4\xcb\xba6T\x0c2\xa1d\xd9\xcc\xb5Le\x12\xa5\x7f\xddl\x9a\xc6mN\xcb\xea\xd9\x9b\xcb\n\xddB\x88N\x83Z\xe2\x1d\xe0\xf3\xc2\x00\xb8TB\x08E\x92r\xbc\xdeS\x1e\x0f\x01\xa8\xe7tZ\x15\x85\xe1\xa9\x16y4\xc6\xadN\xf3[\xdfl\x9a\xb3\xf6\x08!\xf0\xde}\x97\xd7I\x8f\x0b\x04T\t\xa7\x89#\x18!$\xe4\x0fe4L\xedve;\xc1\xc5\xd1\x9d\xd9\xdf\xbc\xfd\xb3-\xdeB\x08\xe1\xe7\x9b\xd2\x11B0\x8d\xc5%\xd9w\xac\xde?\xff\x93\x15\x00P\xb7yF\x97+\xda\xe0\x8e@\xe7\x85?\x91K\xc5\x850\xc9\xb2\xbea\x9c\x00\xe8\\\xb3&amp;%\x04\xe7\x12"\r\xe3\xc2f5n\xd8y\xf2\xa9\xcf\xd7\x02\xc0}W\xb4\xba\xa6o\x13\xf7\x99\xc9\x1f\x14\xc9\x08\xa5~op\xe4}\xfdj5J\x03\x80%_\xfc:\xed\xc59\x92$Y\xecf\xceE\xf937B\x08\xc6\xb8$K\x8eD\xfb\xa6%\xbb&gt;|tf\xd0\x17r&amp;\xd9o\x7f\xe1jI\xa2\xe2og\x8db\x12\x9e\xfd\x97\x8a\x10\xa21\xf6\xdd\x81\x03\x04\xc0\xaa(}j\xd7\xf6k\x1a\xbe%&amp;\xa2\x08\x01\xb2D=\xbe\xd0\x1do.\xf6\x05\xb5v\rS\xfewW\x0f\xbf\'\x88;vD\x05B\x80k\xdc`2\xdc\xfb\xf6M\xb5\x1a\xd5\x00\x80_f\xae{\xed\xce\xa9\xbb~=`\xb6\x1a,63\x00\xe8\xa5\xdf\x1eo\xf5\xb9\xfc_\xbc\xfc\xe3{\xe3\xbf\xf0\x96\xf9S3\x93\x1e|\xf7\x96\xd4\xdaIA\x7f\x08\x97\x03\x9d\x17\xee\x05tI\x98\x10\x0e\x83aUv\xf6\x9a\x93\'\x05\xc0\x90\xbau\x1b\xc7\xc7\x97\x04q\x1b\xe1\xc8\xc28\xb7\xd8\xcd\xf7\xbf\xbap\xd7\xb1"\xbb\xc5\xf0\xc9\x84\xfeFE\xf2\xf9q\xf2\'j\x10JB\x81P\\\x92}\xfc\x87\xb7}\xf3\xe6\xcf\xbf\xce\xddztW\xf6;\xf7Mk\xde\xad\xe1\xe5\xd7vj\xd2\xa1\x9e=\xdeZx\xb2d\xc9\x17\xbf.\x9b\xb5\xae\xac\xc0\r\x00]\xaehs\xf5\x83\x03\xecqV\xbf\x07\'\x7f\xfe\x14\x06\xc0%!\x00L\x88W6l\x10B\x18%i\\\x9b6!\xce\xb1\xa8D\x14\x8dq\xbb\xd3\xfc\xc5\xc2\xddS\x7f\xde\r\x00\xaf\x8f\xed\xde\xb2q\rw\xa9\x0f\'\x7f\xa2\x0b\xa54\x18P\rF\xe5\xf6\xe7\xafn\xd3\xbb\xe9\xdc)\xbf\x9c\xd8\x97\xb3k\xcd\xc1]k\x0e\xd6nZ\xb3V\xa3\x1a;V\xeew\x97x\x01\xa0A\xeb\xccAcz\xb4\xee\xd5$\x18P\x03\xbe V\xff\xbf\x80\x01p\xf1T\xceS-\x9677m\xda\x90\x93\x03\x00w\xb4h\xd1&amp;%\xa5\xd0\xef\xaf\xc8\x06\x12\xa8j0.\xccf\xe5\xe0\xb1\xa2\x07\'\xaf\x00\x80\x1bz7\xbekD+O\x19N\xfdG%J\tc\xdc]\xe2m\xd7\xbfE\xfb\x01-\x17M[5\xe7\xfd\xa5\xc1\x80zb\xef\xa9\x13{O\x01\x80\xd1l\x18rG\xaf\xe1\xf7\xf4\x91$Z\x94[\xa6o\x15W\xddG\x1d\xd10\x00.\x92\xc6y\xbc\xc9\xb42;\xfb\x95\r\x1b\x00\xa0IB\xc2#\x1d;\x96\x05qZ9\x82\x08\x00J\x88\x10p\xc7\x9bK\x8a\xdc\x81\x86\xe9q\x93\xee\xeb\x1d\xf4\xabx\x87&amp;J\t.\x08%\x8eD[\xee\xd1\x825?n\xd9\xb6b\xaf\xcf\x1d\x00\x00[\x9c%\xe8W\xd5\xa0\x1a\xf4\x87\x16\xcfXsl\xcf\xc9\xcb\xaf\xe9\xd8\xacs\x03Mc!\x7f\x083\xe0/`\x00\\\x0c&amp;\x84EQ\xb2\xdd\xee{\x16/\x0eh\x9aUQ\xde\xeb\xd7\xcf"\xcb\x1eU\xc5\xd9\xff\xc8\xc1\x18\xb7\xc7Y\x9e\xfcp\xe5\xaa]\'\x8d\x8a\xf4\xf1C\xfd\x12\x1df\x8f\x07\xf7\x84\x89J\x9cq\xa3\xd9\xc0\x19\x9f\xff\xc9\xca%_\xac)+\xf4\x00@\xad\xc6i=F\xb6o\xd5\xab\x89\xa7\xc4\xbby\xc9\xeeM\x8bw\xe5g\x15m]\xb6g\xdb/{\xdb\xf6\xbdl\xf8=}2\x1a\xa6z\xca\xfc\xf8*\x98?\x83\x01p\xc1\xb8\x10\x06JC\x8c\xdd\xfe\xf3\xcf\xd9n7\x00\xbc\xd5\xbbw\xdb\xd4\xd4"\x9c\xfc\x89$\x8cq\xbb\xdd\xb4p\xed\xe1W\xbf\xd9\x0c\x00\xcf\xdc\xd4\xa9G\xbbLw\x89O\x96\xb1\x8d\xa2\x8f\xfe.\xf8\xfc\x13E\x9f?\xff\xc3\xc1\xad\xc7\x01 \xa3a\xea\xe0\xdbz\xb6\xee\xdd\xccd1\x04|!g\xa2\xadN\xf3\x8c\x81\xb7v\xdf\xb6|\xef\xd2\xaf\xd6\x9e\xd8\x97\xb3y\xc9\xae\xbd\xeb\x0f]\xfd\xc0\xc0^\xd7v\xf4\xb9\xfd\xf8\x0c\xf0ya\x00\\\x18!\x04%D\x91\xa4;\xe6\xcf\xdf\x92\x97\x07\x00\xff\xe9\xd2\xe5\xfa&amp;M\n|&gt;\xac\xfe\x91\x83\x0ba0\xc8yE\xde\xbb\xdfY\xaa1&gt;\xa8}\xe6c7v\xf0\xba\xfc\x12V\xff(\xc497Y\x8dY\x07r\'=0\xad\xb4\xc0M\x08\x19pK\xb7\xa1c/\xb7\xd8\xcd~O\xc0S\xea#\x940\x8d\x05\xfd!I\x96\xba\x8dh\xd7\xae_\xf3\xe5\xdfl\x987\xf5\x17\x9f;0\xfd\xa59\x85\xa7J\xae~`\x80\xcf\x1d\xc0\x95\xa0\x7f\x84\xd7\xc3\x05\x10\x00@\x88MQ\x1eX\xbat\xd1\xb1c\x00pw\xabV\xe3\xdb\xb7\xc7\x1b\xbf\x11G\x80\xc1 \xffk\xe2\xd2\xe3y\xee\xb4D\xeb\x94\x7f\xf7c\x9a\x00Q\xe1=$Q\xc4\x10B(\x06\xd9U\xe4\x99&lt;\xfe\x8b\xd2\x02\xb7$K\xb7&gt;3r\xd4\xa3C)!\xde2\x1f\x00\xe8o\x01#\x84P\x89\n!\xbce&gt;!\xc4\xd0;z\x8d\xff\xe0\xf6\xa4\xf4x\x00X\xf0\xe9\xca\x9f\xa7\xad\xb6:\xcd\xe7}r8\xc6a\xd9\xaa(\x01 \x84p\x1a\x0c\x8f\xae\\\xf9\xf5\xfe\xfd\x00p}\x93&amp;/u\xef^\x1a\x0c\xe2M\xc5\x88\xa2o\xf90\xf1\xbb-?\xac9\x0c\x00\x93\xef\xed]\xab\x86\xc3\x17\x08\x11\x02\\\x88\xbf\xfe\xa5\x7f\x82\x80\xf3|g\xb5\xfe\x9bb\x97\x10\xa0\x18\x95Yo\xcc/\xca)\x05\x80k\x1f\x1ax\xf9u\x1d\xcb\n\xdc\\\xc0y\xef\xee\xea_,+t\xd7\xbd,\xfd\xc1I\xb7:\x93\xec\x84\x90\x1f&amp;-&gt;\xb23\xdbh1\xe2\xf3\xc0\xe7\xc0\x00\xa8\x10\xbd"\xc4\x9bLO\xad^\xfd\xc9\xce\x9d\x000\xbc~\xfd\x89}\xfaxT\x15p\xdf\xb7H\xc2\xb8\xb0\xdb\x8c\x9bw\x9fz\xe2\xd35\x00\xf0\x7f\xa3:\\9\xa0Y(\xa0:,\x06\x93A6\xff\xf9/\xfdw\xf5(\x97)\xa1\xc6\xdf\xfd\xae\xc5(c\xccW=\xc1\x85\xc9b8\xb4\xf5\xf8\xe6\xc5\xbb\t!-z4\xee7\xba[Y\x81[\x92\xfff\xb1\x85\xa4H\xeeR_z\xc3\x94Q\x8f\x0c\x01\x10Lc?\x7f\xbeJ\xc6\xfd\xe0\xfe\x00\xef\x01T\x08\x17"\xd1dzn\xed\xda\xc9\xdb\xb6\x01\xc0\xa0\xbau?\x180 \xa8i\\\x08\xac\x0b\x91C\x00\xc8\x12-*\x0b\xdc\xfe\xc6b_P\xbb,3at\xbf\xa6\xfb\xf6\xe5\x88\xbf\x9b\xfc\x11\x02$\x89x\xfc\xaa\xaaq\x00p\xf9B\xc7N\x94x\xbd\xbf=\xd1\xcd\x05\xa4%X\xccF\x05+HU\xd2\xe7\x7f\xb6,\xdb#\x84 \x84\xf4\xbb\xb1K\xc5\xa7qdEr\x97x\xdb\xf4\xb9\xacn\xf3ZGve\xed[\x7f\xb8\xf0T\x89#\xc1\xa6\xa9\x1a\xde\x10.\x87\x01\xf0\xf7\x98\x10I&amp;\xd3+\x1b6\xbc\xb5i\x13\x00\xf4\xad]{\xea\xc0\x81\x1a\xe7\x1aV\xff\x08\xc3\x18\xb78\xcd\x9f/\xde\xb3\xe3h\xa1\xc9 \x1f\xcfs\xb7\xbf\xef+\xce8\xa9\xc0\x1b:\t\x80\x00\x11T\x19\x00\xcc\xdfpl\xc9\xed\x9f\x97\x97zJ\x08\xe3\xfc\x87g\x86\r\xee\\\xcf\xe3\t\xe2\x06\x12U\x86P\x12\nj\xc7\xf7\x9c\x04\x80\x84\x1a\xce\xdaM\xd2B~\xf5\x02^\xb7\'@1\xca\x97umxdg\x96\xd7\xe5\xcf=Z\x90P\xc3\xa9\x864\xbcj\xcba\x00\xfc\r\x8d\xf3d\x8b\xe5\xedM\x9b\xfe\xbb~=\x00\xf4\xc8\xc8\xf8t\xf0`!\x84\xc69V\xffHD\xc0\xe5W\x01 \x10\xd2.\xfa3\x18\x17\xfe\xe0\xb9\x7f&lt;\xa82\xbc\x89\\\xc5(\xa5!\x7f\xa8\xac\xc8\x03\x00\t5\xe2\xcc6S\xc8\xaf^\xd0b\x1e\xc1ErF\x82\xfe\xbf\xcb\x8a&lt;\x94R\x10\xa2\xe2o\x94\xfc\xc7\xc3\x00\xf8+z\xf5\x7f\x7f\xdb\xb6g~\xfd\x15\x00:\xa7\xa5M\x1b&lt;X\x7f\x0b&lt;V\xff\x08$Q\x12\xf2\xab\x83\xdbg\xa68\xcd\xfa\x9e\xdc\x15l$!\x80R\xf0\x87\xd8\x93\x9f\xae)t\x05\xba4K\xbb\x7fd\x9b`\xe0\xb7g\x86\x05@\xebz\xc9\xa1\x00\xee\xf3Z\x85\xc4\xe9\xd7:j!\r\x00\x0c&amp;\xe5b^\xb5-\x84\xacH\xfa\xff\xe4\x1a\xae\x02:\x17\x06\xc0\x9f\xd2\xab\xff\';w&gt;\xb1r%\x00\xb4KM\x9d1t\xa8A\x92\x02\x8c\xe1\xe3\xbe\x91\x89\x10\xa2\xa9\xbcY\xed\x84\xe6\rS.\xecO\n\x00\x89h\xde\xd0\x7fgn,t\x05\x1a\xd6\x8c\xbbaxKp\x07\xe1\xac\xce\xa6\xeaWU\x8dc\xcbW\x1d\x02\x00 \xc9T6\xc8\x00\x10\xf4\x878\xe3\x17\xdcw\xa7\xc4\xe7\xf2\xeb\xff\xd3l3V\xe8e\xc2\xb1\x04\x03\xe0\xfc\xf4\xea\xff\xe5\xde\xbd\x0f/_.\x00Z&amp;\'\x7f9t\xa8EQ\xfc\x9a\x86\xd5?\x92\x11\x02\x81\x90\xc6\x02\xea\x05\xfd)!@\x96\x88\xdb\x17\xd2\x97{\x06UM+\xf3{\xdc\xbf\x9b\xee\x97(\xf6\xfe\xab\x1a\xe7\xdch6\xc4%\xdb\xf3\x8e\x17\x16\x9e*\xf1\xba\xfc&amp;\xb3\x81qQ\xf1\x86 \x84\x9c&lt;\x94\x07\x00\x92L\x13k\xc6k*\xc7;\xc0g\xc3e\xa0\xe7\xa1q\x9ed6\x7fw\xe0\xc0\x03K\x972!\x9a%&amp;~5l\x98\xc3h\xf4\xe3V?\xd1\x80\x10"K\xf4"~\x95\xef\x11t\xdeO\xc0\x96\xafz\x82\x0b\xc5 \xd7m\x9e\x01\x00\xa5\xf9\xae\xc3;N\x18-\x06\xc1+6\x93#\x80J\xd4[\xe6\xdb\xf5\xebABHrFBjf\x92\x1a\xbc\xb0[\x08\xffx\x18\x00\xe7\xd2\xab\xff\xbc#G\xfe\xb5x\xb1\xcay\xc3\xf8\xf8\xaf\x86\rK4\x9b}\x9a\x86;}"T\x95\x08!jPk\xdb\xf72\xfdq\xdf\x9f?[\xa51Ni\x85\xde\xef\xa8i\xcc\x91`[\xf1\xcd\x86\x82\xecb!D\xfb\x01-\xf0a\xe0?\xc2\x8a\xf6;\x1a\xe7\x89f\xf3\xe2\xe3\xc7\xc7.\\\x18d\xac\xb6\xc31c\xe8\xd0$\xb3\xb9,\x18\x04!4\xce+\xf8\x0b_\n\x8f\xd0\xa5#\x94\x04\xfc\xc1z-ju\x18\xd0B\x08qdG\xd6\xd7\xaf\xcd\xb7:\xcd\x92"1\x8d\x0b.\xce\x9d\xd2\x17\xa7\xdf\x0c,\x04\xc4\xa786.\xda9w\xca/\x00\x90P\xc3\xd9\xfb\xbaN\x01\x0fn\x07t.\xbc\x07\xf0\x1b&amp;D\x9c\xc9\xb4*;\xfb\xb6\x05\x0b\xfc\x9a\xd6*9\xf9\x9b\xe1\xc3\xeb8\x9d\xeeP\xc8f0T\xf0C\xf4%f!\xc6&lt;\xaa\x8a\xe7\x1aB\x97\x88\x10\x12\xf4\x87\xae\x1d?\xe8\xc8\xce\xac\x82\xec\xe2e\xb3\xd6\xf9\xbd\x81\xab\x1f\x1c\x94\x90\xeaP\x83\x9a\xaaj\x9c\xf1\xd31@\x80R\xaa(\xb2bT\x02\xbe\xe0O\x1f-\xff\xf1\x83\xa5\xa1\x80*\xc9t\xcc\xb3W9\x12\xac&gt;O\xe0b\xd6\x11\xfd\xa3a\x00\x9c&amp;\x840\xcb\xf2\xee\xc2\xc2[\x17,\xf0\xa8*%\xa4A|\xfc\x8c={\xca\x82\xc1\x0b\xda\xe8\x8d\x10"\x84\xa8\x1f\x17we\x83\x06A|=d\xb4!\x04\x08\xc1\xdb\x84\x11\x84\x10\xa2\xa9\xcc\x16g\xb9\xff\x9d\xd1\xef=\xf4e\xde\x89\xc2\xb5?m\xdb\xbf\xe9h\xb7\x11m\x9bwm\x94\x9c\x91`\xb6\x19\xf5\xfd\x7f8\x17A_0\xefD\xd1\x81\xcdG\xd7\xfe\xb4\xf5\xc4\xbe\x1c\x000Y\x8d\xb7=\x7fu\xb3\xce\xf5\xbde~|3\xcc\x1fa\x00\x9c\xc6\x01\xcc\xb2\xbc-?\xbf$\x10\x00\x00.\xc4w\x07\x0e|w\xb1\x9f\xd6\xadf\xcd\xeb\x1b7\xf6\xe3\x82\xd1h\x13\xd2\xb8\x10Bc8\x83\x17A(%A_(\xb5v\xd2#S\xef\xf8\xf6\x9d\x85\x1b~\xdeQ\x9c[6\xf7\xc3_\xe6~\xf8KbZ\x9c3\xd9n\xb6\x1a\x81\x90\xa0/\xe8*\xf2\x14\x9e*-\x9f\xe8o\xda\xa9\xfe5\xff\x1e\x98\xd9\xa4&amp;V\xff?\x83\x01\xf0\x1b\xce\xb9\xc3`H2\x9b\t\x00\x17\x82RJ/|\xd9\xb0D\x08\x13\xa2\x96\xc3\x81\xfbGF\x1dB 5\xce\xa2j&lt;\xcej\xc4\xd6\x8b(T\xa2\x01\x7f\xc8l7\xdd\xf1\xe25=\xaej\xbfv\xee\xd6}\x1b\x8f\x14\x9e,)\xca)\xd5w\t=[\\\xb2\xbdA\xeb\xccNCZ\xb5\xe8\xd6\x08\x08x]X\xfd\xff\x14\x06\xc0i\x12!\x1eU\xed\x91\x91\xb1b\xd4\xa8K\xff4\x99R\x1f&gt;1\x10=\x08\x01\xc6\x85\xd9\xa8,\xfe\xefH!@\x96h\xc0\x1f\xc2=\x7f"\n\xa5\x84i\xcc\xe7f\rZ\xd5n\xdc\xae\xae\xab\xc8\x9d{\xb40?\xab\xa8\xac\xd0\xed\xf7\x06\x85\x00\x93\xc5`O\xb0\xa6\xd4J\xacQ\'9&gt;\xd5\x01\x02\xfc\xde\x00\xfc\xc9\xae\xd1H\x87\x01\xf0\x1b\x01\xa0Pj\x94\xa4\xb0|\x14\x8e\x00\xa2\x0e\x01pX\x0c\xa07\x1fn\x1c\x1fy\xf4\xdb3A_H\x08a0\x1b\xea\xb7\xae\xdd\xa8C\xdd\xd3wl\xf4\xd5\x17B0\x8d\xab!\xcd\xe7\xf6\x03\x00\xa5\x14w\xfd\xf9k\x18\x00\xbf#\x00\xb40\x15n&lt;\xf1\xa2\xd1\xe9\xd9\x7f\x82\xcd\x17\xb9\x08%\x04\x08gBO\x82?\xfc6!\x04p\xb5O\x05a\x00\x9c\x0b\xaf\xfcX\x86\x93v\xd1\x82\x10\x00B0\xa9/\x11\xe6$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n\x7f\x00\x10\x00\x12\xf6\x0fEU\x8b\x12R\xfe\xff\xa3\xa8\xa67"\xc1\xa6\x8cr\x84\x90\xca(\xaca\x0e\x00JH\x88s\x95s&lt;\xe1\xa2\x17\x01\xf0\xa9*\xa5\xd4\x17\xd4\xaa\xfbX\xd0\xc5#\x00\x82\x0b\xbf\xca(!jP\xc5K2z\x11B\xd4\x90&amp;\x98\x08{\x1b\x86-\x00\xf4\xd3\xaba\xbdzA\x8b\xa5\xc0\xedV$I\x84\xeb\xa3Q\x15\xe2B(\x92t\xa0\xa8\xc8\x96\x9a\xbe?\xbb\x14\xb0jD-*Q\xcd\x17\xcc\xf3\xf2\xe4\xe4\x9a9\xc7\xf2\x15\x83,\x04^\x94\xd1G\x08!\x1b\xe4\x9c\x13y\xa9\x895\x8d&amp;#c,\x8cY\x1e\xce\x11\x80\x10\xc2j\xb1\xd8\x12\x12J}&gt;\x19\x0bG4+\xf4\xf9\x9a5o\xe1\x0e0\xa11l\xc9(%S\xe2\xf6\x06$\x93\xadQ\x83\x86\xc5\x85e\x92$U\xf7\x11\xa1\x8b$I\xd4U\xecI\xab\x91\x16\xf6a\\8G\x00\x9csE\x96\xd3\x1a4\xd8\x9d\x97gR\x14\xecnD#J\x88\xca\xd8\xce\xa2\xa2\xbb\xc7\xdev\xbcX\xf5\xb8|\n\x16\x8e($\x840\x18\x94\x83Y\x05Fg\xdaU#F\x1c\xd8vTV$\xc0K2\x1a\t!\xc9\xd2\xf1}\xa7Z\xb5h\r\x00\xe1\xad\xaba\x1e\x01\x00@\xc7\xce\x9d7\xe7\xe5\xc9\x92\xc4\xf1l\x8b6\x02@\x91\xa4\x1c\x97\xabHV\x86\x0f\x1c\xc0\xcc\x89{\x8f\xe7\x1b\x8c\n6e\xd4\xe1\x02\x84Q\xd9\xb8\xffT\xed\xfaM\x86\x0c\x19\x9cw\xa48\x18\x0c\xe1m\x80hD\x08\t\x05\xd5\xc2c\xa5]\xbbu\x05\x00J\xc3Y\xb4\xc3\xfaY\x94\x02\xc0\xb0\xc1\x83\xb7\xb8\xdd.\x9fO\n\xeb\x81\xa2*\xc0\x85\xb0\x9bL+\x8f\x1c\xa9q\xd9e\tNG\xb3\xd6\x9d\xe7\xae=H\xcc\x06\xce1\x00\xa2\x8c\x10\x82\x80\xf8y\xcb\xc9\x1e=/o\xd4\xb4\xa1!d\xcb:x\xca`2\xe0\xb8&lt;\xba\x08!\x0c&amp;%\xeb\xd0I%`\xe9\xd8\xa5=Dx\x00p\xce\x9b6h\xa0df\xae;v\xccf0`\xcf1\xba\x08!(\xc0\xbc#G\x86\x8d\x18\x01\x00W]9|\xe9\x8e|\xcd\x1f\x94(\xf6\x1c\xa3\x89\x10`2*Y\xc7\xf3\x8f\xb9\x8d\xbd\xbau\x06\x80\xae\x1d\xbao\\\xb6\xc3l5\t\xcc\xf2\xa8"\xb80[M\x9b~\xd9\xd9\xb1M\x17\xa3\xd1\xc8\x18\x0b\xef\xe7\x87\xb9\x93\xce9\x97e\xf9\xda[n\x99\xb5w\xaf\x05\x03 \xaa\x08\x00\xb3\xa2\x1c\xcc\xcf?n\xb1\xdct\xed\xb5\x9c\xf3&gt;\xbd\xba\x89\xc4Fk\xb6\x1c6YM8\x08\x88"\x8cs\xc5n\xfer\xc9\xce\x8e\x97\x0fMMI\x02\x80{\xee\xb9g\xdf\xea\xa3\xc1@\x10g\x81\xa2\x0b!$\x14\x0c\xedYu\xf4\xee\xbb\xef\xae\x8c\xcf\x0fs\x00H\x92$\x84\xb8\xeb\xd6[\xb7q\xbe?7\xd7\xac(X6\xa2\x85\xc6y\x82\xc5\xf2\xd1\xfa\xf5\x03\xae\xbf\xdei\xb7\x87B!B\xc8\x1dw\xfe\xeb\xado7R\x13\xce\x02E\x13Y\xa2A\xb7\xef\xcbU\xc7\xc7\xff\xfb\x01\x00P5\xb5}\xa7vu\x93\x1b\xaf[\xb4\xc5\x1eg\xe3\x8cW\xf7\x01\xa2\n\xe1\x8c\xdb\xe2\xac\xeb\x16o\xc9Lh\xd8\xb1K\x07\xc6X\xd8\x97r\x859\x00\xf4\xb5@\x0e\x9b\xed\xaa;\xef|\xe3\xd7_\xe3\xccf\x8d\xe3\xd9\x16\x05\x04\x80EQ\xf6\xe5\xe5-\x0b\x06\xef\xbf\xe7\x1e\xc1\xb9\xc1`\xe0\x9c\x8f\xba\xf6\xca\xe3j\xea\x9a\xb5{\xadv3f@T\xd0\x187\xc7Y\xdf\xfbfm\x83\x0e\x83\x9a7m\xc49\xa7\x84\x02\xc0#\x0f?\xba\xf4\x8bu\x9a\xa6\xe1  Z\x10B\x98\xc6\x96N_\xff\xe8\xc3\x8fV\xd2_\x11\xfe\xfb\xb4\xfa\x9d\x80\xa7\x1f}t\r\xc0\x8aC\x87\xe2\xcdf\x86\x13A\x11Oc,\xd1j\xfd\xbf\x85\x0bo\xb8\xef\xbe\xba\xb5j1\xce)\xa5B\x08\x9b\xd5\xfa\xc4\xd3\xcf\xdf\xff\xeeR\xaa\xe0\x93}Q\x80\x0ba4*\xf99%o\xfet\xf0\xf5W\xff\xab\xdf\xf2\x95$\x8916h\xc8\xc0\xe6\x19\xed\x7f\xfcdQ|\x8a\x93ia\x9eJFa\xc74\x16\x9f\xe2\x9c\xfb\xd9\xe2\xa65\xdb\x0c\x1e6\xa82\xba\xffP){\x01\x11"\x840\x19\x8d\xafO\x9c8~\xd92\x951\x89\x10\xac\x1d\x91L\xe5&lt;\xd5n\xfft\xfd\xfa\xdc\xcc\xcc\'\xc7\x8f/?\xd5\xf4\xc2q\xddU\xc3k\xb5\x1b\xf2\xcc\xe4\x05\xb6d\x87\xaab\xe1\x88h\x9c\x0b\x83\xcd4\xe6\xe5\xd9\xff\x9a\xf0\x9f\xba\x99\xb58\xe7\xfa\xa2\x11}h&gt;\xe9\xbd\x89\x1b\x7f\xd8wx\xf7q\xb3\xcd\xccqh\x1e\xc18\xe7f\x9b\xf9\xc8\x9e\x13\xeb\xbf\xdb\xfb\xee\xe4\x89\xbc\xd26\xd7\xa9\x94\x95\x9az\xe1\xb8\xfa\x8a+\xfa\xfd\xeb_\xff\xfa\xe1\x874\xa7\x13\'\x82"\x96\xc6\xb9\xd3d:\x90\x9f\xff\xc2\xae]_|\xf9\xa5\xa2(\x84\x90\xf2\xb3M\x1f\xcfM\xfbt\xea\x8c\xcd\x81\xa5+v9\x12\x1d\x1av\x1e#\x95\xaa2{\x8d\xf8\x97&gt;\xf8Y\xad\xd9\xe5\xc9\xc7&amp;\x9c\xddg\xd4\xc7su\xeb\xd5\x99\xf8\xfa\xe4\xc9\x0f\xcf\xa0\x94\xe8\xb7\xeb\xaa\xf7\x80\xd1y\t!$I\x92$\xfa\xde\xc33&amp;\xbe\xf6n\xbd\xfa\xf5\x84\x10\xe1]\xfdY\xae\xb2\x96\xeaSJ5M\x9b\xf8\xbf\xff\x154n\xfc\xd2\xa2E\xb5\xe2\xe2\xd4p/`B\x97N\xe3\xdc\xac(AU\xbdy\xce\x9c\xff\xbe\xff~\xd3\x86\r5M;\xfbT\xd3\xc7sN\x87}\xda\x8c/\xc7N\\u\xe4D\x9e\xddaQ1\x03"OHe\x8e\x14\xe7\xdc\x05\x9b&gt;\xdf\xe8\x9b9\xe3\xf3\xf2\xbe\x7f9I\x924M\xbbv\xd4\xd57\x0e\xbb\xfd\xad\xf1S\x1d\t6\x10a~\xac\x14]:!\x04\x08p$\xd8\xdf\x1a?\xf5\x86\xc1\xb7^w\xc3\xb5\x9a\xa6U\xde6\x1e\x95\x15\x00\x84\x9c\xeeb\xfc&lt;o\xdeB\x9b\xed\x7fK\x97\xd6IH\xd0\x84\xc0\x85\xa1\x91C\xe5\xdca2q\xce\x87\xcd\x9cy\xcf[o\xddr\xfd\xf5\x9a\xa6\xc9\xb2|\xce\xb7\xe9\xe3\xb9n\x9d;L\xfa\xf4\xdb\xc1O\xfcx\xe4T\x91#\xc1\x8e\x19\x109\x04\x80\xaa1gZ\xc2\xdc%\xdb\x1e\xfe\xf2\xf0\xcf\x8b\x96&amp;&amp;\xc4\xc1\xf9\xb6\x80\x96eY\xd3\xb4\xb7&amp;\xbe\xd1\xad\xde\xc0\xd7\xef\x9f\x12\x9f\xec\x94$\x8a\x8b\x82"\x07g\x9cR\x1a\x9f\xe2|\xe3\xc1)]2\xfb\xbd\xfd\xee[\xe7\xbd$\xc3\xa8\x12\x1f\xd6\xd5\xcf?\x9b\xc5\xb2d\xd1\xa2\x05V\xeb\x849sRl6\x83$\xe1tP\xb5\x13B\xa8\x9c\xa7\xdal\'\x8a\x8b\x07\xce\x98q\xfbk\xaf=p\xe7\x9d\x7fq\xaa\xe9\x9d\xc7a\x83\xfa\xbd1\xf5\xeb\x81\x8f\xcfY\xb5\xe9\x90#\xc5\xa91\x8e\xeb\x82\xaa\x1dc\x9c\x008R\xe3\xa6|\xb1\xfc\xd1\xaf\x0e/X\xbc\xac^\x9d\xda\x8c\xb1?\x9b1\xd0\xe3|\xca\xc7\x1ft\xce\xec\xfb\xe2\xd8I\x84R\x8b\xdd\x8c\xf7\x84#\x01\xd3\x98\xc5n\x96$\xfa\xe2\xd8w;d\xf4\xfe\xe8\xd3)\x95t\xe3\xf7l\x95\xbb[\x83&gt;\x83l\xb3X\x96-Zt\xb8E\x8ba3fxB\xa1T\xbb\x9d\t\x81K\x83\xaa\x85\x00\xd08Wd9\xc3\xe9\xfcr\xeb\xd6\xab\x97,yx\xca\x94\xbf\xae\xfe:\xbd\xf38lP\xbf\xc9\xd3\xe7\xdc\xf1\xfe\xf6W\xa7.\xb5\'\xda\xad\x16\x83\xa6q\x9cF\xa8\x16\x9c\x0b\x8dq\x9b\xd3*\x1b\xe4\xdb\x9e\x9a\xf5\xd1F\xf8y\xf1/z\xf5\xff\x8b\xaaA\x08\xa1\x942\xc6&gt;\x9c\xfa\xc1U\xddn~v\xd4\xa4\xc3\xbbO$\xa5%\x10\x00\x1c\nT\x17\xfd\'\x9f\x94\x96pd\xcf\x89gGM\x1a\xd9\xe5\xa6\x8f&gt;\xfePO\xf1\xca^\xb3K\xaa\xe0\xea-\x9f\x8e|\xf9\xad\xb7&gt;y\xf1\xc5\x7f5jt{\xc7\x8e\x00\xe0\n\x044\xce)!\xf8\xe6\xa9\xca&amp;\x00\xf4\xc97\x93,\xc7\x99\xcd\x07\xf2\xf3\x9f_\xbe\xfcD\xcd\x9a\xd3\xa6Oo\xd6\xa8Q\xc5\x87\x99\xfaw\x16\x14\x16\xdd|\xebm,k\xdd\xab\xff\xea\xd3\xa6e]\xee\xf1\xfb\x02*\x00P\x82K\xcc+\x9d\x10\x82qA)\xb1Z\x8c`T\xe6,\xdd\xf1\xdc\x8c\x8d\x9d\x86\xdc:\xf9\x9d\xd7\x08\xa1\x8c\xf3\x8a\xec\xc1%\x84\xe0\x9cK\x924\x7f\xee\x82q\x0f\xdeS\xbf{\xeaU\xf7\x0c\xb6\xc7Y=e&gt;M\xd5\x08!\x047\xff\xa8|\x82\x0b!\x84\xacH6\xa7\xd5]\xe6\xfd\xfe\x83\x9f\x0f\xad\xca\x9d\xfc\xf6\xfbC\x87\x0f\xa9\x9a\xea\x0fU\x13\x00p\xd6\t\xb7y\xdb\xb6\xa7\x9f{\xce\xb5v\xed\xd8f\xcd\xfa5n\x1cg6{U\xd5\x1f\n1!\x84\x10X@\xc2H\x9c\xd9\x9f\x95\x12\xa2H\x92\xcdh\xa4\x00\x87\x0b\x0b?\xdf\xba\xf5\x17\xbf\x7f\xc4\xd8\xb1\xcf&gt;\xf6\x18\x95\xa4\x0b\x9dd,\xef`\xbe\xfb\xfe\xd4\xcf&gt;|\xa7}\x8d\xc0\xfdWu\xb8\xacaM\xa0T\xf3\x05\x83\xaa\xa6\xcf\x0baK\x86\xd7\xe9\x15\xfd\x94\x9a\x8d\n\xb1\x18 \x10Z\xb1\xf5\xc8\xdb\xdfo)6\xd6{\xe4\xf1\'\x87\r\x1e \x84\xb8\xd0\xb5"z\xd3\xe7\xe5\xe6=\xf3\x9fg\x97\xac[\xd0j`\x83\xeeC;$\xa6\xc6\xab!\x16\xf0\x05~\x9b\x17\xc2\xa6\x0c\xa33\xf5V\x92%\x93\xc5\xa8\x18\xe4\xe2\xfc\xd2\xd5\xf36n\xfb\xf9`\xdfN\x83\x9f{\xf1\xd9\x1a5R+{\xde\xfflU\x14\x00\xba\xf2\xda\xf1\xf5\xec\xd93g\xcc8\xb9n]W\x87c@\xfd\xfa\xcd\xd3\xd2\xec&amp;\x13%\x84\x0b\xa1r\x8e\xa7\xdb\xa5\x13\x00\x04\xc0 I\x00\xa02\x96\xe3r\xad9ztQV\xd6q\xb3\xb9\xf7\xd5W\xdfw\xcf=\x99\x19\x19p\xd6\xe0\xec\xc2&gt;\xfcL\xad)-sM|\xef\x83\xf9?\xccL\xa1\x85Wt\xac=\xb0C\xbd\xda5\x12\xc0 \x03\x01\xd08\xe0\x1d\x82p\x91(H\x04\x040\x7fp\xef\xf1\x82y\xeb\x0e.\xda\x9e/\'7\xbd\xea\xba\x1b\xef\x1e;\x06\xce\xba\xb2.T\xf9\x1f\\\xb7v\xfd\xd4\x8f\xa6\xae\xdc\xb8,\xa5\xb1\xa3E\x8f\xc6\x8dZ\xd5u\xc4\xdb\xa9DA\x08\r\x1f\xfe\x08\x1fY\x91\x80\x10\xce\xb8\xbb\xc4}`\xfb\xd1\x1d\xab\xf6\xe7\xefw\xf5\xec\xd0g\xec\xd8\xb1\x9d\xbbv\x82Kh\xca\x8bS\xa5\x01\x00\x00\xfa\xe3\'z\xd1\xd9\xb4}\xfb\xa7\xd3\xa7\xef\\\xbbN=\x99\x9di27IHH0\x9b\x1b\xc4\xc7kB`\x06\\\n\x01 \x11\xe2S\xb5\xfdE\x85\xc5\x81\xc0\xbe\x92\x92\x02YNk~\xd9\xc0!Cn\xb8\xfa\xea\x84\xb888\xd3\xfb\xbb\x94\xbf\xa5\xfcL\r\x04\x82\xdf\xcd\x99\xf7\xfd\xf7\xdff\x1f\xd8\x96d\n]V+\xaef\x92\xbdQz\\\xbc\xdd\xcc9\xaf\x94WY\xc7\x0c\x01\</t>
        </is>
      </c>
    </row>
    <row r="128">
      <c r="A128" s="1" t="n">
        <v>126</v>
      </c>
      <c r="B128" t="inlineStr">
        <is>
          <t>color_grid</t>
        </is>
      </c>
      <c r="C128" t="inlineStr">
        <is>
          <t>What is the color of the missing part denoted with a question mark?</t>
        </is>
      </c>
      <c r="D128" t="inlineStr">
        <is>
          <t>['blue', 'red', 'orange', 'purple']</t>
        </is>
      </c>
      <c r="E128" t="inlineStr">
        <is>
          <t>orange</t>
        </is>
      </c>
      <c r="F128" t="inlineStr">
        <is>
          <t>There are circles with different colors arranged with a grid formation in the image. The colors in the first row are ['red', 'orange', 'red'], the colors in the second row are ['?', 'blue', 'orange'], and the colors in the third row are ['red', 'orange', 'red'].</t>
        </is>
      </c>
      <c r="G128" t="inlineStr">
        <is>
          <t>We observe that the circles at the corners are red, while the circles directly adjacent to the center are orange. Only the center circle is blue. Hence, the pattern is that the circles alternate in color depending on if they are at the corner or adjacent to the center.</t>
        </is>
      </c>
      <c r="H128" t="inlineStr">
        <is>
          <t>Based on the pattern that the circles alternate in color depending on if they are at the corner or adjacent to the center, the missing color of the part that is adjacent to the center should be orange.</t>
        </is>
      </c>
      <c r="I128" t="inlineStr">
        <is>
          <t>b'\x89PNG\r\n\x1a\n\x00\x00\x00\rIHDR\x00\x00\x02\x00\x00\x00\x02\x00\x08\x02\x00\x00\x00{\x1aC\xad\x00\x00r2IDATx\x9c\xed\xddy|\x15\xd5\xdd?\xf0\xef9\xb3\xdc%\xfbF\x12\x02\n!!@\x12\x12\x91\x80\x02"\x02\xa2hQ\xa9\x1bV\xf9QP\xc4G\xadUk\xadV\x9f_\xfd\xe1c\x15\x8aK\xad[\xb1\xa2O\x15\xa5R\x05\xb7B\xd8D\x04Q\x91-\t\x04\x92@\x08K\xf6\xedf\xb9\xeb\xcc9\xbf?\x06.1\x81\x1047\xb9\x99\xf3}\xff\xe1\xabOr\x9fp\xef\xf7~f\xbeg\xce\x9c\x99!\x9cs@\x08!$\x1e\xda\xdbo\x00!\x84P\xef\xc0\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c2\x06\x80\x10B\x82\x92{\xfb\r\x88\x88s~\xc6\x9f\x13Bz\xf8\x9d\x88\t\xeb\xdf\xbb\xb0\xfe\xc1\x03\x1b@`\xf16\x00\x80R\xea\xffoG\x8c1\xff\x7fI\x1b=\xf8~\xcd\x06\xeb\xdf\xbb\xb0\xfeA\x8e\x9c\xad\x1b\xa3\x9f\xcc\x88;c\x8c\x10"IR\xc7\x170\xc6\x1c\x0e\x07!\'\x8bo\xfc\x0f\xab\xd5j\xb3\xd9\xce\xf8b\xe3OQJqc\xe8\n\xac\x7f\xef\xc2\xfa\xf7!\xd8\x00\xba\x8d\x11z\xce\xb9,\x9f&gt;\xae\xd2u\xbd\xbc\xbc\xbc\xa4\xa4$//\xaf\xb6\xb6\xf6\x87\x1d;4M\xab\xac\xac\xac\xac\xa8h\xb7\x01\x84\x86\x86\xa6\xa6\xa6r\xce3G\x8e\x8c\x8d\x8b\x1b=z\xf4\xc0\x81\x03/\xbc\xf0B\xbb\xdd\xde\xf6\xaf\x01\x00n\tg\xd4y\xfd\xf3\xf3\xf2jkkw\xfc\xb0C\xd3\xb4\xaa\xca\xca\xca\xca\n\x00\x02`\x84\x9f\x00\xf0\xd0\xd0\xb0\x94\x94\x14\xce!sdfl,\xd6\xff\xbca\xfe\xfb"l\x00\xdd\x80s\xae\xeb\xba?\xf7\xba\xae\x17\x15\x15\xe5\xe6\xe6n\xfd\xfa\xeb\xa2\x83\x07\xcb\xca\xca\x9aZZ~\xc2\x9fUe9)))m\xd8\xb0K.\xbdt\xda\xb4iYYY\xfe\x8dA\xd34J\xe9\xd9\x0e\xa5Es\xd6\xfao=U\xff\xe6\x9fR\x7f\x8b*\xf7\xef\x9f\x94\x96\x86\xf5?\x07\xcc\x7f\xdf\x85\r\xe0g1\x86$\xc6q\xae\xae\xeb\xdf}\xf7\xdd\xeaU\xab\xd6\xacYS\\T\xe4\xf1\xf9\xda\xbe2\xd4j\rQ\x94!\x11\x11\x12\xa5\xa1\x8a\x92\x1e\x1d\xad\x9f\xaa&lt;\x07P(-kj*om\x95(-u8\x9a\xbd\xde\x06\xa7\xb3\xdd\xbf5\xf8\xc2\x0b\xaf\x98&lt;\xf9\xfa\x1bn\x984iRxx8\x9c\x1as\x89&lt; :C\xfdW\x9f\xaa\xbf\xf7G\xf5\x0f\xb3[ClJ\xda\x80H\x99\xd20\xbb2rp,c\x0c\x80\x00\x00\xe7\\\x92\xa5\xb2J\xc7\xb1\x9a\x16I\xa2\xc5\xe5\x8dM\xad\xde\xfa\xa6\x0e\xf5\x1ft\xe1\x15\x93\'_\x7f=\xd6\xff4\xcc\x7f_\x87\r\xe0\'\xd2u\xdd\x9f\xbc\xe3\xc7\x8f\xafX\xb1b\xf9{\xef\xed\xd9\xbb\xd7\xff\x02B\xe9\xc0\xb0\xb0\xcc\xd8\xd8\x8c\xd8\xd8\x8c\x98\x98\xd4\xa8\xa80U\x8d\xb1\xd9$B\x08\x80\xd2anTcLg\x8c\x10R\xefv\xb7\xfa|\x87\x1a\x1b\x0b\xeb\xeb\x0b\xeb\xea\xf6\xd4\xd4\x9465\xb9\xbd^\xff+/\x1c8\xf0\x96[o\xbdc\xf6\xec\x91#G\xfa\xdf\xcc\x19\'[M\xec\x0c\xf5_\xfe\xde\x9e=\xa7\xeb\x0f\x84\x0eJ\x08\x1f5$.{H\xecE\xc9q\xc3\x06F\x85\x87X\xfaE\xd8\x80\x12 \x04\x14\nm\x83O\x00t\x06:\x07\x02\r\x0eW\xab[;x\xbcaOim\xc1\x91\xfa\x1f\x8a\xaaJ\xca\x1dnO\x9b\xfa_0\xf0\x96[\xb0\xfe\x98\x7f3\xc0\x06p\xde\x8c\x89N#p\xdf|\xf3\xcd[o\xbd\xf5\xf1G\x1f5:\x1c\xc6o#m\xb6\x91\xb1\xb1\x13\x07\x0c\xb8\xb4\x7f\xff\x94\xc8\xc8X\x9bM\xa6\xd4\xc7\x98W\xd7u\xc6|\x8c\x01\x00?\xd3J8\xffr\x07\x99RJ\x88E\x92\x14J9\x80\xc3\xe39\xe2p\xec\xaa\xae\xdet\xec\xd8\xde\x9a\x9ac\xa7\xfe!U\x96\'M\x9e|\xef\xbd\xf7N\x9f&gt;]UUc4$\xc2f\xd0\xb1\xfe\xab&gt;\xfe\xa8\xa1\xf1dY\xa2\xc2l\xa3R\xfb]\x99=`\xe2\xc8\x01\xc3\x06DEE\xda@\xa2\xa03\xdd\xa7\xeb:\xf3\xe9\x0cxg\xf5\xe7\x00\x8aL%JdE\x02\x89\x02@k\x8b\xa7\xa4\xdc\xb1\xe3`\xe5\xda\x1f\xca~(\xae)\xabl4^\xaf*\xf2\xa4+\xb0\xfe\x98\xff\xbe\r\x1b\xc0yh;\xd7\xb9q\xe3\xc6\xc5\x8b\x16\xad[\xbf\xfe\xe4\xef(\x1d\x93\x90p\xd5\x85\x17^\x97\x92rax\xb8B\xa9O\xd7\xdd\xba\xeec\x8csN\x08\xa1\xd0\xd5u\xce\x1cNn\x1f\x8csB\x88D\x88E\x92,\xb2\xcc9\xafq\xb9rKK\xd7\x1c9\xb2\xe5\xc4\t\xa7\xc7c\xbc&gt;3#\xe3\xa1\x87\x1f\x9e;w.\xfcx\\f&gt;\xed\xeb\xbfx\xd1\xbau\xa7\xeaO\xe8\xf8\x11\x893.\x19|\xcb\xc4\xd4\xc1\x89\x11 S\xd0\x98\xc7\xab\xf9\xb4\x93\xf5\'\x04H\xd7\xbe\x00\xce\x01\x803\x0e\x9cs\x02 K\xd4\xa2\xcaD\x91\x80\xf3\xdaF\xe7\xe7\xdbKWm?\xb4q\xf7\xf1V\xd7\xa9\xfagf&gt;\xf4\xd0C"\xd6\x1f\xf3\xdf\xf7a\x03\xe8*c\xb6\x11\x00\x8a\x8a\x8a\x16-Z\xf4\xf6\xb2eF\xe1\xac\xaa:s\xc8\x90\xdb\x86\r\x1b\x9d\x90`\x97\xe5V\x9f\xcf\xa3\xeb\xa7v:\xdd\x93Dv\xeaKR(\rU\x14\x06\xb0\xbf\xae\xee\xd3\x92\x92w\x0b\x0b\xabN\x9d^\x9b:u\xeac\x8f=6e\xca\x140\xe9\x11q\xfb\xfa\xbf\xbd\xcc(\x8a\xcd\xa2\xde:)u\xdeU#\xc6\rO\x94\xac\x8a\xee\xf2\xba\xbd:\xe3\x9cv\xd3\x17\xc0O\xce5sB\x88*S\xd5\xa6\x02\xe7\xfb\x0e\xd7~\xb8\xa5\xf8\xcd5\x05\x15u\xa2\xd6\x1f\xf3o\n\xd8\x00\xbaD\xd34Y\x96\xbd^\xef\xe2\xc5\x8b_x\xfe\xf9\x86\xc6F\x00\x88\xb4\xd9~5l\xd8/SS/\x8e\x8f\xf71\xd6\xea\xf5\xea\x9cK\x81\xbct\xc5\x18\x16\x01\x80]\x96\xed\x8ar\xb8\xb1quI\xc9\xf2\x03\x07J\xea\xeb\x01\x80\x00\xcc\x9d7\xef\xe9\xa7\x9f\xee\xdf\xbf\xbf\xc9\x86Bm\xeb\xff\xe2\x0b\xcf\xd774\x02@t\x98m\xeeU#n\xbf"\xed\xa2\xe1\t\xa01\xa7\xcb\xab3.\xd1@\xd6\x9f\x03c\x0c\x08\t\xb1\xca\xc4\xa2\x1c?\xd1\xf8\xfeWE\xcb\xd6\xee;xL\xa0\xfac\xfe\xcd\x04\x1b\xc09\x18\xd7%RJ\xb7m\xdbv\xcf=\xf7\x14\x14\x14\x00\x80EQf\x0e\x19r\xdfE\x17e\xf7\xeb\xd7\xe2\xf5:5\x8d\x00\xd0\x1eL\x1b\xe3\x9cqn\x91\xe5\x08U-om}3/\xef\xdd\xc2\xc2\xea\x96\x16\x00\x88\xef\xd7\xef\x7f\x9ey\xe6\xae\xbb\xee\x02S\x0c\x85\xceX\x7f\xab\xaa\xcc\x9a\x94\xfa\xc8\xcd\x17\xa7\x0f\x8d\xe7.o\xab\xcb\x07\x84H\xb4g\xeb\xcf\xb8U\x95\x95\x10K]M\xf3\xcb\x9f\xecY\xfa\x9f}\x95\xf5-\x00\x90\x10\x1f\xff\xf4\xff\xfc\x8f\xb9\xeb\x8f\xf97\rl\x00\x9d\xf1\x07\xe8\xa9\xa7\x9ez\xee\xd9g=^/\x00L\x180\xe0\xf11c&amp;\x0c\x18\xd0\xea\xf3\xb5\xfa|\x12!=\x19\xfd\xb68\x80\xce\x98*I\x11\x16\xcb\xa1\xc6\xc6E\xdf\x7f\xffaq1\xd7u\x00\x985k\xd6+\xaf\xbc\x12\x13\x13c\x8c\xddz\xe5\xed\xfd|g\xac\xff\xe4\xec\x81O\xcf\x197.{\x00s\xfbZ\\&gt;I\xea\xbd\xfas\xd0\x19S\x15\xc9\x12j);\xd6\xf0\xd4\xbb\xdf\xfe\xef\x86\x83\x9c\x99\xbc\xfe\x98\x7f3\xc1\x06pVF\xfa+**\xe6\xce\x9d\x9b\x9b\x9b\x0b\x00\xe1V\xeb\xa3\xa3G\xcf\x1f9\x12\x00\x9a\xbd^\xda{\xd1o\xcb\xd8\x0c\xac\xb2\x1c\xaa\xaa\xff9|\xf8\xc9\xad[\x0f76\x02\xc0\xd0\xa1C\x97-[6~\xfc\xf8&gt;:\x0e\xeaX\xff\xc8P\xeb\x9ff\x8f}\xe0\x86lJHs\xab\x87\xd2\xe0\xa8?\x07\x9d1\x9b*\xcbv\xf5\x8bm%\x0f\xbf\xbe\xa5\xe8D\x03\x98\xb1\xfe\x98\x7f\xf3\xc1\x06pf\xc6\xc0a\xdb\xb6m\xb7\xdcrKyy9\x00\x8cNH\xf8\xeb\xe4\xc9\xe9\xb1\xb1\xf5.\x17\x07\x90\x82 \xfamq\xceu\xce\xa3\xac\xd6\x06\xb7\xfb\xbf\xb7m\xfb\xe0\xc0\x01\xe0\xdc\xa2(\x7f\xfd\xdb\xdf\x16,X\xd0\xe7\xa6D;\xd6\x7f\xdc\x88\xc4\x7f&lt;|\xe5\xf0!q\xadM.\xce\xa1\'\'|\xba\x82s\xae3\x1e\x16fmhv\xff\xee\x8d-o\xe7\xee\x07\xe0\x16U\xfd\xeb\xcb/\x9b\xa3\xfe\x98\x7fS\xc2\x06p\x06F\xfa\xdf|\xf3\xcd\xfb\xee\xbb\xcf\xe7\xf3\x01\xa5w\xa5\xa7\xffi\xfcx\x85\xd2\x16\xafW\x0e\xe2\x0b\xd05\xc6TI\nU\xd5e\xf9\xf9\xffo\xfb\xf6f\x8f\x07\x00\x16,X\xf0\xc6\x1bo\xf4\xa1m\xa0}\xfd\t\xf9\xcduY\x8b\xef\xbe\xcc"\xd1\x16\x97W\x96\x82\xb8\xfe:S\x15\xc9bS\xff\xfe\xe9\xde?\xfcc\x9b\xa3\xd5\r&amp;\xa8?\xe6\xdf\xbc\xb0\x01\xb4\xe7O\xff\xddw\xdf\r\x00\xa1\x16\xcb\xc2q\xe3\xee\x1a9\xb2\xde\xe52\x169\xf4\xf6\x1b&lt;\x07\xce\xb9\x0e\xd0\xcff\xdbz\xe2\xc4\xbd\x1b6\x1cq8\x00`\xfe\xfc\xf9K\x97.\xed\x13\xdb@\xbb\xfa\x87\xdb-K\x16\\6\xff\xfalW\x93\x8b1N\x83l\xe0\xdf\x11\xe7\x9c1\x08\x8d\xb2\x7f\xb3\xe7\xd8\x9c\xc5\xb9%\xe5\x8d\xd0\x97\xeb\x8f\xf977l\x00?\xd2.\xfd\x91V\xeb\xf2k\xae\xb9l\xc0\x80j\xa7S\n\xfe}O\x1b&gt;\xc6"-\x96Z\x97k\xd6g\x9f\xed\xad\xa9\x81&gt;\xb2\r\xb4\xab\x7ft\x98\xf5\xb3\xa7\xaf\x1f\x97=\xb0\xa9\xbeU\x96\x82a\xc2\xb9\xab|\x1a\x0b\x0f\xb3T7\xba\xae\xf9\xe3\xaa\x9d\xc5\xd5\xd07\xeb\x8f\xf97=l\x00\xa7\xb5K\xff\xc8\xb8\xb87\xa6MK\x8d\x8cl\xf4x\x94 &gt;\xec=\x1b\x8d1\x9b\xa2x4\xed\x0f[\xb6\xac&lt;x\x10\x82~\x1bhW\xff\x8bS\xfb\xbd\xf7\xf8\xf4a\x03\xa3\x9a\x9b=\xb2\xdc\x07\xeb\xaf3\xabEqz\xb5\x07^\xf9\xf2\x9f\x1b\n\xa1\xaf\xd5\x1f\xf3/\x02l\x00\'uL\xff\x87\xd7]\x17m\xb56y&lt;\xc1&lt;\xe9\xd99\x9ds\x95R\xbb\xa2\xdc\xb7a\xc3\x8a\x03\x07\xe0\xd46`&lt;a#\xa8\xb6\x81\x8e{\xff\xb5\x7f\x9e\x19\x1bakn\xf5\x04\xf3\xa4\x7f\xe7\x18\xe3\x8aLU\xab2oq\xee\xdb\xeb\xf6C\xdf\xa9?\xe6_\x10\xd8\x00\x00N\xadx\xf3\xa7?3.n\xe5u\xd7E\xa8j\xab\xcf\xd7w\xd3o0n\x8a\x10\xaa\xaa\xf7m\xd8\xf0\xaf6\xdb@P\xad\x8dkW\xffQ)\xfd\xd6&gt;73:\xc4\xe2t\xfb\xfa\xee\xde\xdf\xc0\x18\'\x94\xd8\xed\xea\xdcE\xb9\xef\xac?\xdd\x03\x82\xb9\xfe\x98\x7fq`\x038\x99\xfe\xed\xdb\xb7O\x18?\x9eq\x1ea\xb1\xac\xbd\xe9\xa6!\x91\x91}z\xec\xd3\x16\xe3\\\xa2T\xa1\xf4\x9a\x8f&gt;\xdaS]\r\x00/\xbe\xf8\xe2\x83\x0f&gt;\x18$\xd7\xc8\x9c\xae\xff\x84\xf1\x8c\xf1\xa8P\xcb\xb7/\xcfJ\x1d\x10\xd5\xd2\x97\xc7\xfem\x19\xf5\x97d:\xe1\xc1\x7f}\x7f\xb0\n\x82\xb6\xfe\x98\x7f\xf1\x88\xde\x00\x8c\x83\xc1\xea\xea\xea\x91#GVWW\xdb\x15\xe5\xc3\x193\xc6&amp;&amp;:\xcc\x92~\x03\xe3\\\x91\xa4V\x9f\xef\xfaU\xab\x0e64\x00\xe7\xeb\xd6\xad\xbb\xf2\xca+{}\x1c\xe4\xaf\x7f\xd6\xc8\x91U\xd5\xd5!Ve\xdd\xb33\xc7e\xf4on1\xc9\xde\xdf\xc0\x18\x97\x15\xa9\xc9\xe9\xbd\xe2\x91\x7f\xef+\xab\x07\x08\xba\xfac\xfe\xc5d\x9e\xef\xf8\xa71nu2{\xf6\xec\xea\xeaj\x00xz\xfc\xf8\x89\x03\x064\x9a+\xfd\x00@\t\xf1hZ\xac\xd5\xfa\xea\xd4\xa9\x91\xaa\n\x00\xb3g\xcf\xae\xaa\xaa\xa2\x94\x1a\x15\xe8-\xfe\xfaWUW\x03\xc0K\xf7L\x1cw\xd1\x05\xcd\xcd\xa6\xda\xfb\x03\x00\xa5\xc4\xe7\xd5\xe2"m\xff|\xf4\xaa\xa8P\x0b\x00\xfc\x9f \xab?\xe6_L\xa6\xfa\x9a\xcf\x97q\x0c\xb8p\xe1\xc2\xf5\xeb\xd7\x03\xc0\xdc\x8c\x8c\xbb\xb3\xb2\xaa\x9c\xce\xbe\xb8\xe6\xe1\x9cdJ\x1b&lt;\x9e1\t\t\xcfN\x9c\x08\x00UUU\xb3g\xcf\xf6?\x98\xbbW\xb4\xab\xff}3\xb2\xee\x9ayQS}k_\\\xf3sN\x92D\x9b\x9a=\xa3\xd2\x13_\xbd\xff\n\x00\xa8\x0c\xbe\xfac\xfe\x05$\xee\xe77\xeeo\xfe\xed\xb7\xdfN\x9c8\xd1\xe7\xf3]\xd4\xaf\xdfg\xbf\xfc\xa5\xc6\x187\x1e\x14kR&gt;\xc6\xfa\xd9\xed\x0fn\xda\xf4vA\x01\x9c\x9a\x0c\xed\x95\x03\xe1v\xf5\xcfIK\xf8\xfa\x85\x9bu\x9d\x01\x07\x13\xaf\xce\xd04\x16\x16e\xbf\xff\x85\r\xaf~\xb6\x17\x82\xa9\xfe\x98\xff\xde~k\xbdC\xd0\x06`&lt;@N\xd7\xf5\xcc\x8c\x8c\xa2\xe2\xe2PU\xcd\xbd\xe9\xa6!\x91\x91\xc6\xdd\r{\xfb\xdd\x05\x90\xb1y+\x94^\xf5\xef\x7f\x17\xd4\xd5I\x94\xee\xdb\xb7o\xe8\xd0\xa1\x9cs\xda\x83\xe3\xbe\xd3\xf5\xcf\xcc(**\x0e\xb3\xab\xdf\xbf&lt;+u@\x94\xcb\xed\x0b\xb6\x9b\xfct/\xce\x01\x08H\x12\xbd\xe4\x81\x15{\x0e\xd7\xca\x94\x16\xf4n\xfd1\xff\xbdQ\xff\xe0!\xe2g\x06\x00\xe3\xf1\xa1K\x96,)*.\x06\x80Gsr2bc\x9b\xbd^s\xa7\x1f\x8c\x87\x9fs\xaeH\xd2\xa2\x89\x13-\x92\xc4t\xfd\x81\x07\x1e\xe8\xf9\x03\xe1\xd3\xf5/*\x06\x80\x85\xb3/\x196$\xce\xe9\xf4\x9a{\xef\x0f\x00\x84\x00c\\Q\xa4\xd7\x7f3\xd9\xa2H:\xeb\xed\xfac\xfe{\xa3\xfe\xc1C\xc4\x06`\x1c\xfc\x1e:th\xf1\xe2\xc5\x00061\xf1\x9e\xec\xec:\x97\xcb\x94S\x9f\x1dI\x848&lt;\x9e\xcb\x06\x0e\xbc+3\x93\x03\xac[\xb7n\xe5\xca\x95\x92$\xe9\xba\xde3o\xa0]\xfd\xc7g$=p\xe3\xa8V\x87\xcb\x94S\xff\x1dI\x94\xb4\xb6x.\xc9\x1e\xf8\xdb\xeb\xb39\xef\xfd\xfac\xfe{\xb8\xfeAE\x88\xaf\xbc\x1d\xe3\x81\xa5\x0b\x17.t8\x1cVY\xfe\xefK/\x05\xe3Q\xd4\xc2\x90)mt\xbb\x1f\x185jpd$%\xe4\xc9\'\x9f\xf4z\xbd=6\x0e\xfaQ\xfd-\xf2_\xee\x1c\x0f\x82\xd5_\x92\xa8\xbb\xc5\xfd\x87[G\xa7\xf4\xef\xed\xfac\xfe{\xbc\xfeAE\xb8\x06`\x9c\xf0\xd9\xb2e\xcb\xf2\xe5\xcb\x01\xe0\xda\xe4\xe4\x89\x03\x064y&lt;\xa6?\xf8m\x8b\x00xu=!$\xe4\xfe\xecl\xc6yQQ\xd1\x92%KzfI\\\xbb\xfa\xdf8&gt;\xe5\xd2\x8b\x06\xb6\xb6zL?\xf9\xd3\x16!\xe0\xf3\xe9\xd11!\x7f\xb8yt\xef\xd6\x1f\xf3\xdf\xc3\xf5\x0f6\xc25=\xe3;\x9e:e\xca\x97\x9b7GY\xad\x9f\xce\x9c9$2\xd2\xadi}\xe9V\x93\xdd\x87\x10r\xfd\xaaU{kj\xa2\xa3\xa3\xf7\xef\xdf\x1f\x17\x17g\xfc0p\xff\xe2\xc9\xfaO\x9d\xf2\xe5\x97\x9b\xa3\xc3m[\x97\xdc\x9420\xca\xeb\x15\xb4\xfe\x0c\xc8\xa4GV\xee,\xae\xee\xe9\xfac\xfe\x01\xa07\xf2\x1fl\xc4:\x020n\x04\xb8k\xd7\xae\xcd\x9b7\x03\xc0\xcdC\x87^\xd4\xaf_\xab\xcf\'f\xfa5\xc6\xc2U\xf5\xb7\xa3Fq\xce\xeb\xea\xea\xde{\xef=BH@gB\xdb\xd5\x7f\xf6\x94a\xc3\xd3\xe2\xdd.Q\xeb\xaf\xb3\x90P\xf5\x89Y9\xbdU\x7f\xcc\x7f\x0f\xe7?\x08\x89\xd5\x00\x0c\xaf\xbd\xfa*\x07\xb0\xc8\xf2-ii\xcdf_\xf7\xd6\t\x99R\x87\xc73q\xe0\xc0\x94\xa8(B\xc8\xb2\xb7\xder\xb9\\\x92$\x05\xfa\xa0\xf0\xb5\xd7^\xe5\x1c\xac\xaa\xfc\xeb\xa9\xc35\x97\x8fJ\xa2\xd6_\xa2\xae\x16\xcf\xe4Q\x17\xa4\r\x8c&amp;\x84,[\xd6S\xf5\xc7\xfc\x03@\xef\xe5?\xa8\x08\xd4\x008\xe7\xc6C\xaeW\xae\\\t\x00\xd7\xa7\xa4\\\x9c\x90\xe0\xf4z\xc5\x1c\xfe\x184\xc6bl\xb6\xff\xca\xca\xe2\x9c\xef\xdb\xbf\x7f\xe3\xc6\x8d\x84\x90\x00\xcd\x84\xfa\xeb\xff\xef\x95+\x01\xe0\x96\x89C\xb3\x87\'\xb8]b\xd7_g\xe1\x11\xb6Gn\x1c\xc59\xdf\xb7\xaf\x87\xea\x8f\xf9\xf7\xeb\xc9\xfc\x07\'\x81\x1a\x80qp\xf7\xc1\x07\x1f\xb4\xb4\xb6J\x94\xde&gt;|\xb8\xc6\x98\x99\xaf:\xed\x02\x89\xd2&amp;\x8f\xe7\x17C\x86$\x86\x85\x11B\x96.]\n\x01\x9b\x03\xf5\xd7\xbf\xb9\xa5U\xa2t\xfe\xd5\xe9L\xc7\xfaSO\xab\xe7\xc6\t)Iqa\x84\x907{\xa4\xfe\x98\x7f\xbf\x9e\xcc\x7fp\x12\xa8\x01H\x92\xe4\xf5z\xdfy\xfbmBHv\xbf~9\t\t-\x02\\\xf9\xd29c9D|H\xc8\x8c\xe4d\xce\xf9\xc6\x8d\x1b\x8b\x8b\x8b\x03\xb4\x1c\xe2d\xfd\xdfy\x9b\x102:-~lz\xa2[\x80+\xbf:G\x08x}zTt\xc8\xcd\x97\xa5\xf6P\xfd1\xffm\xf4d\xfe\x83\x93(\r@\xd7uB\xc8\xae\xdd\xbb\x0b\xf6\xed\xe3\x9c_=h\x90]Qt\x91&amp;\xfb\xce\x86\x10\xe2\xd3\xf5\xe9\x83\x07SJ\x9dN\xe7\xea\xd5\xab\xe1\xd4Z\x91nd\xd4\x7f\xf7\xae\xdd\x05\x05\xfb8\xe7\xd7_\x92\xacX\x15\x9da\xfd\x81\x10\xc2u}\xe6\xa5\xc9\x94\xd2\xd6\x00\xd7\x1f\xf3\xdfQ\xcf\xe4?h\x89\xd2\x00\x8c\x13;\x1f\x7f\xf4\x11\xe7&lt;\xd2f\xbb!%\xa5\xd5\xe7\x93\xc4\xb8\xf4\xb1s\x12!-^\xef\xd8\xc4\xc4\x8b\x13\x12\x08!\xabW\xad2\xae\x14\xed\xde\x7f\xe5d\xfd?\xfe\x88s\x1e\x15n\xbbm\xd2P\xcd\x85\xf5\x07\x00\x90(q9\xbd\xe32\xfa_2&lt;\x91\x10\xb2zu \xeb\x8f\xf9\xef\xa0g\xf2\x1f\xb4D\xf9\x9c\xc6\xf1\xef\x17\x9f\x7f\x0e\x00\xe911\x83""&lt;\x9a&amp;\xf4\xd1o\x1b:\xe7!\x8a2!1\x91s\xbek\xd7\xae\x92\x92\x92n?\n\x96$\xc9\xe7\xf5~\xfe\xc5\xe7\x00\x90\x95\x1c;(1\xc2\xe3\xd5\xc4\x9e~8Mg\\\xb6*\x93G&amp;\x05\xb4\xfe\x98\xff\xb3\xe9\x81\xfc\x07-!\x1a\x80\xf1\xd8\xa3\xc3\x87\x0f\x1f:t\x08\x00.OJR(ex\xfc{\n!\xc4\xa3\xeb\x13\x06\x0c\x90(u{&lt;\xdb\xb6m\x83n=\n6\xea\x7f\xe8\xf0\xe1\xc3\x87\x0e\x01\xc0\x95\xd9\x17\x80\x8c\xf5?\x8d\x10\xc2}\xfa\xe4\xec\x81\x92D\xdd\xee@\xd5\x1f\xf3\x7f6\x81\xce\x7f0\x13\xa5\x01\x00\xc0\x9a5k&lt;^\xafD\xe9\xb8\xa4$/cB\x9d\xeb\xef\x1c%\xc4\xadi\x99\xb1\xb1\x89aa\x00\xf0\xe9\xa7\x9fB\xb7\xae\x850\xea\xbfv\xcd\x1a\xb7\xc7+It\xd2\xc8$\xaea\xfdO\xa3\x84x=\xdaE)qI\xb1a\x00\xf0Y`\xea\x8f\xf9?\x9b@\xe7?\x98\t\xd1\x00\x8c\xef\xd2h\xec\taa)\x02_\xfb~F\x04\xc0\xc7X\x8c\xcd\x96\x11\x1d\r\x00\xbbw\xedr:\x9d\xddxEL\xdb\xfa\xf7\x8f\r\x1b~A\x94\xd7\x83\xf5?\x8d\x10\xf0\xe9,2\xc2v\xd1\x90X\x00\xd8\xb5;\x80\xf5\xc7\xfcw\x14\xe8\xfc\x073!\x1a\x00\xa5\xd4\xeb\xf5\x16\xee\xdf\x0f\x00Y\xb1\xb1qv\xbb\x8f1\x8c\x7f[\x9cs\x89\xd2K\x12\x13\x01\xa0\xaa\xaa\xea\xd8\xb1cp\xea\xcc\xe1\xcfw\xb2\xfe\x85\xfb\x01`tj\xbf\xa8H\xbbOg\xb8\xffi\x8bs\x0e\x94^\x96\x9e\x04\x00\xd5\x01\xaa?\xe6\xff\xec\x02\x9a\xff`f\xfe\x06`L\x80VTT\x1c-+\x03\x80\xcc\x98\x18\x99R\x11\xbe\xda\xf3B\x08\xf11\x96\x11\x1bK\tq{&lt;yyy\xd0M\x1b\xc0\xe9\xfa\x1f-\x03\x80\x8b\x92\xe3@\xc2\xfa\xb7G\x08\x01\x9de\x0f\x89\xa5\x84\xb8\xdc\x81\xa9?\xe6\xff\xec\x02\x97\xff g\xfe\x06`|\x8b\xa5\xa5\xa5-N\'\x00\x8c\x88\x89\xd1p\x02\xb4\x03J\x88W\xd3\x06GD\x84\xdbl\x00PXX\x08\xdd\xb4\x01\xf8\xeb\xdf\xdc\xe2\x04\x80\xac\xc11\xa0c\xfd\xdb\xa3\x84h&gt;-5)2"\xcc\x06\x00\x07\x02P\x7f\xcc\x7f\'\x02\x97\xff \'J\x030Zz\x98\xd5:4*\xca\xa3\xeb\xb8\x01\xb4C\x00\xbc\x8c\xc5\x87\x84\x0c\x0e\x0f\x07\x80\x82\xfc|\xe8\xa6\xf3`F\xfd\xf3\xf3\xf2\x00 &lt;\xc4:\xe2\xc2h\xcd\x87\xf5o\x8f\x10\xf0\xfaXBtHj\xff\x08\x00\xc8/\xe8\xe6\xfac\xfe;\x17\xb8\xfc\x079\xf37\x00Cee%\x00\xd8\x15%\xdcb\xd197\xff\x17{\xfe8\xe7VY\x8e\xb2X\x00\xa0\xaa\xaa\xcaxnTw\xfd\xf1\x93\xf5\xb7*\x11!\x16\xa6c\xfd\xcf\x80s\xae\xaart\x98\x15\x02W\x7f\xcc\xff\xd9\x054\xffA\xcb\xfc\r\xc0\xb8\xa8o\xf7\xae]\x000$""\xc6f\xf3\xe9\xba\xf9\xbf\xd8\xf3\xc78\x97)\xcd\x88\x8d\x05\x80\x83\x07\x0f666\xd2\xee\x98,6\xea\xbfk\xf7.\x00H\x1b\x10\x19\x13a\xf3i\xba\x00[\xd6yc\x9c\x83D\xb3\x93c\x01\xa0\xa8\xbb\xeb\x8f\xf9?\xa7\x00\xe5?\xc8\x99\xbf\x01\x18\xfc_$\xae~\xeb\x04\x010\xaa\xc3t]\x92\xa4n\xfc\xcbF\xfd\t\x00\x15\xfb\xeeo\xe7@N\xe6\x93\xb1\x80\xd4\x1f0\xff\x9d\n\\\xfe\x83\x96\xf9\x1b\x00!\xc4\xedv\x9f8q\x02\x00"T\x157\x80Np\xce#,\x16\x00hu:\x8d\x8a\xfd\xfc\x11P\xdb\xfaG\x86Z\x04\xbf\xff\xf09p\x1e\x15j\x01\x80\xd6\xd6\x80\xd4\x1f\xf3\xdf\xb9@\xe4?\xc8\x99\xbc\x01\x18\x13yN\xa7\xf3\xf8\xb1c\x000"&amp;\x06/\x82?\x1bB\x88\xc6yzL\x0c\x008]\xae\xe3\xc7\x8f\xc3\xcf\xde\x00\xfc\xf5?q\xfc\x18\x00d\r\x8e\xc5\x9b@\x9c\r!\x04\x18\xcfJ\x8e\x05\x80Vg7\xd7\x1f\xf3\x7fN\x81\xc8\x7f\xf03y\x030\x10B\x14E\x01c\x9a\x15u\xca\x7f\x8b`\xa3b\xdd\xc2_\x7f\r\xef\xff|.\xfe\x12\x05\xa2\xfe\x98\xffs\nD\xfe\x83\x99\x10\r\x00\x04\xe8\xe4\xdd\xc5?A\xd0\xbd\x15\xf3\x9f\x03@\x9d\x0bh\xfd\xd19\x05\xa8\xfeAK\x94\x06\x80\x10B\xa8\x1dQ\x1a\x80\xb1\xa4W\x88\x9e\xfe\xf3\xf8K\xd4\xbd\x8b\xa0O\xd6\x1f\xbf\x80s\xf1\x97( \xf5\xef\xc6\xbfhR\x01\xca\x7f\xd0\x12\xa2\x01p\xce5M\x03\x00\x05\x17!\x9e\x8br\xeaYHF\xc5\xba\x05\xe7\\7\xea/\x0b\x91\xb7\x9f\xc3_\xa2\xee\xad?\xe6\xbf\x8b\x02\x91\xff`f\xfe\r\x92s\xae(JDd$\x00\x9455\xf9\xf0F(gG\t)kj\x02\x00EQ"""\xa0;\xc6AF\xfd\xc3#"\x01\xe0p\xa5\x03o\x04\xd4\x19B\x0eW: \x00\xf5\xc7\xfcwE \xf2\x1f\xe4L\xde\x00\x08!\x9c\xf3\xb0\xb0\xb0\xb4\xb44\x008\xda\xdc\xac\xe1u\xf0g\xc19\x97\x089\xd2\xd4\x04\x00\x91\xe1\xe1C\x87\x0e\x85\x9f\xbd\x01\xf8\xeb?4-\r\x00J\xab\x9a\x00\xef\x03q\x16\x9cs\xa0\xe4pE\x13\x00DEvs\xfd1\xff\xe7\x14\x88\xfc\x07?\x937\x00?\xaf\xd7\x0b\x00\x16I\xc2\x0ba:g\x95$\x00\xd0u]\xd7\xf5n\xfc\xb3F\xfd\xad\x8a\x048\t\xd1)\xab\x1a\xc0\xfac\xfe\xcf)@\xf9\x0fZ\xe6o\x00\xc6\xf3\xf0\xb2\xb2\xb2\x00\xa0\xb4\xa9\xa9\xce\xe9\x94)\xc5\xb3a\x1d\x19\xb7D\xdf__\x0f\x00\xa9\xa9\xa9\xe1\xe1\xe1\xddr?\xac\xb6\xf5/.w\xd4;\x9c\xb2L\xf1lpG\xc6#\x01\xf2\x8f\xd4\x01@J`\xea\x8f\xf9\xefD\x80\xf2\x1f\xe4\xcc\xdf\x00\x0c\t\x89\x89\x00\xd0\xe4\xf1\xb4\xf8|\x92\xd9\xbf\xd4\x9f\x86\x02h\x8c\xd5\xba\\\x00\x10\xd7\xaf\x9f,\xcb\xdd\xb8\x14:1!\x11\x00\x1a[&lt;-N\x9f\x84\x07\x01gB\x01\x98\xc6\xaa\x1dN\x00\x88\x8b\xeb\xe6\xfac\xfe\xcf)\xa0\xf9\x0fZ\xe6o\x00F\x0f\x1f9r$\x004\xb9\xddG\x1c\x0eU\x96\xf1\x92\xc8v8\x80,I\xb5NgYs3\x00\xa4gd\xc0\xa9\xc1\xe3\xcfd\xd4?\xd3\xa8\x7f\x8b\xbb\xb8\xbcQV\xb0\xfe\xedq\x0e\xb2,\xd56:\x0f\x957\x01@Fz7\xd7\x1f\xf3\xdf\xb9\xc0\xe5?\xc8\x89\xd2\x00\x06\r\x1ad\xb5X\x18\xe7\xfb\xea\xea\x14\x01\xee\xf2z\xbe8\xe7\x16I*kj\xaas:\x01\xc08g\xd8-N\xd7\xdfja\x9c\xe7\x1d\xae\xc5GBv\xc49WT\xe9P\x85\xa3\xc6\xd1\n\x00C\x03Q\x7f\xcc\xff\xd9\x05.\xffAN\xa0\x06\x90\x98\x90\x00\x00\xfb\xea\xea8.\x84\xe8\x80q\xaePz\xa0\xbe^\xd3uE\x96\xb3\xb3\xb3\xe1\xd4\xad\xe4\x7f\xa6\xd3\xf5OL\x00\x80\xbd\xa5\xb5\x00X\xff\xf6\x18\xe7D\xa6\xfb\xca\xea5\x8d)J`\xea\x8f\xf9?\xbb\xc0\xe5?\xc8\x99\xff\x13\x12B\x18c6\x9b-m\xf8p\x00\xd8]S\xd3\xe8\xf1\xc8\x02|\xb5\xe7\xc5\xd8#|[Q\x01\x00\xd1\xd1\xd1\xc9\xc9\xc9\xd0Mk\xe0N\xd7?m8\x00|WT\xe5l\xf6\xc8\x12\xd6\xffG\x8cBo)(\x07\x80\x98\x00\xd5\x1f\xf3\x7fv\x81\xcb\x7f\x90\x13"\x07\xc6\\^NN\x0e\x00\x1cu8J\x1b\x1b-\xb2l\xfe\xe9\xbd\xf3!S\xea\xf0x\xf6\xd4\xd6\x02\xc0\x88\x11#\xc2\xc2\xc2X\xf7]1\xd4\xb6\xfe\xa5\x15\x8e\x92\x13\x8d\xaaE\xc6\x1b\x83\xb6%K\xd4\xd9\xe2\xd9Q\\\x05\x00\xc3\x03Y\x7f\xcc\xff\x19\x054\xff\xc1L\x88\x06`|\x91\xd3\xa7O\x97%\xc9\xa3i;\xab\xaa,\x92$\xc2\x19\x9e.b\x00\x16Y.ih8\xeap\x00\xc0\xf4k\xae\xa1\x94vc}N\xd7_\x96&lt;^m\xfb\x81J\xaa`\xfdOc\x1cT\x8b\\t\xac\xa1\xb4\xc2\x01\x00\xd7L\x0fX\xfd1\xffg\x12\xe8\xfc\x073!\x1a\x801\x97\x97\x95\x95\x95\x98\x98\x08\x00\x1b\x8f\x1ee\x02\xac\xf0\xed:\xc6\x98U\x96\xb7\x9c8\xe1\xd14J\xe9\x94)S\xa0[\x8f\x7f\xdb\xd5\x7f\xcd\x0fG\x80q\x827\x87&gt;\x851FUy\xc3\xeec\x1e\xaf&amp;Q:9\xc0\xf5\xc7\xfc\xb7\x13\xe8\xfc\x073!\x1a\x00!D\xd7u\xbb\xdd&gt;e\xeaT\x00\xc8\xab\xab\xabq:U\xbc\x1c\xe6\x14B\x88\xce\xd8\xb7\x15\x15\x04 m\xe8\xd0\xf4\xf4t\xcey7&gt;\x13\xf5t\xfd\xa7L\x05\x80\x9d%5\xf5\rNU\xc1\xcb\xc1N2.\x01\xfb\xaa\xa0\x9c\x10HK\x0bd\xfd1\xffg\x12\xe8\xfc\x073!\x1a\x80\xdfM7\xdd\x04\x00\xe5MMkKKCT\x15WC\x03\x00\x03\xb0+J~M\xcd\xd6\x13\'8\xc0/f\xcc\xb0X,\x01\xba\x0e\xfe\xe6\x9bn\x02\x80\xe3\xd5M\x9fl?\xac\xdaT\x1d\xeb\x0f\xc08\xd8\xacJAI\xcd\xa6=\xc78\x87k\x7f\x11\xc0\xfac\xfe;\xea\xc9\xfc\x07!Q\x1a\x80q\x14&lt;q\xe2\xc4\xa4\xfe\xfd\t\xc0g\x87\x0f\xe3Rh\x03c\xcc.\xcb\xeb\xca\xca\x9c^\xaf$I7\xdex#\x04\xe0\xf8\xd7\xa8\xffe\x13\'\x0eH\xeaO\x00Vn-\x01\xce\t~\x03\x00\x8c1\xc9"\x7f\xf6]\xa9\xd3\x1d\xf0\xfac\xfe;\xea\x99\xfc\x07-Q\x1a\x00!D\xd3\xb4\xb0\xb0\xb0Y\xb7\xdd\xc6\x01\xb6WT\xec\xab\xad\xb5+\x8a\x10\'z:e\xac\x7fXURB\x08\x19=ztNN\x0ec\xac\xdb\x8f\x7f\xfd\xf5\xbfu\xd6m\x1c`K\xfe\x89\xfd\x87k\xad6\x05\xd7\x02\xc9\x12u\xb7x&gt;\xd8\\D\x08\xc9\t|\xfd1\xff\xed\xf4L\xfe\x83\x96(\r\x00N\r\x82\xe6\xce\x9d\xab\xc8\xb2\xd3\xeb\xfd\xb8\xb8\xd8.\xcb\x82\x9c\xeb?\x1b\x9d\xf30U\xddz\xfc\xf8\x81\xba:\xce\xf9\x9dw\xde\x19\xb8\xf5\x0f\xa7\xeb\xaf\xc8\xad.\xef\xfb_\x1e\x94\xad\xc2\xd7\x9fq\x9b]\xdd\xbc\xf7x\xc1\x91Z\xce\xf9\xbc\x9e\xa9?\xe6\xff\x94\x9e\xcc\x7fp\x12\xab\x010\xc6\xd2\xd3\xd3/\x9f4\x89\x10\xf2na\xe1\xe1\xc6F\xab,\x8b&lt;\x06%\x00^\xc6^\xdd\xb3\x87s\x1e\x1f\x1f?s\xe6\xcc\xc0\x9d\xfe:]\xff\xcb\'\x11B\x96\xae)8~\xbc\xd1\xa2\xca"OE\x10\x00\x9f\xc6\x16\xad\xdc\t=Y\x7f\xcc\xff)=\x99\xff\xe0$P\x03\x00\xe3\x99\x1b\x00\x0f=\xf4\x10\xe7\xbc\xce\xe9\xfcwQQ\x84\xc5\xa2\x89\xd4\xf0\xdb\xd29\x0f\xb3X~\xa8\xa8\xf8\xa6\xbc\x1c\x00\xee\xb8\xe3\x8e\xd8\xd8X]\xd7\x037\x01\xda\xb6\xfe5\x8d\xce\xe5\x9b\x0e\xa8\xa1\x16]\x17\xb5\xfe\x8c\xdbC,;\xf6U|\x95w\x9c\xf7x\xfd1\xff=\x9f\xff $V\x03\xa0\x94r\xce\xaf\xb8\xe2\x8aaii\x94\x90\x15\x07\x0e\x9chi\xb1H\x92\xb8\x83 \xce\x97\xe6\xe5\x01\x80\xc5b\xb9\xf3\xce;9\xe7\x01\xbd\xff\xc9\xe9\xfa\x0fK\xa3\x84,[\xb7\xbf\xae\xbaYQ%1\x0f\x02\x08\x00\x07\xfe\xe2\xea\xdd\xd0\xf3\xf5\xc7\xfc\x1bz6\xffAH\xacO\xeb\xbf/\xca\xe3\x7f\xfc#\xe3\xfcPc\xe3\xeb{\xf6DZ\xad\xbax\x83 \x9d\xf3H\x8beCY\xd9g\x87\x0eq\xceo\xbb\xed\xb6\xe1\xc3\x873\xc6\x02\xba\x01\x9c\xae\xff\xe3\x7fd\x9c\x17\x1dox\xe1\xa3\xdd\xd6P!\xeb\xcfxH\xa8e\xfdwG\xfe\xfduq/\xd4\x1f\xf3\xdf\x1b\xf9\x0fBD\xc0\xd5`\xc6"\xdf)S\xa6l\xf9\xea\xabh\xbb}\xdd\x8d7&amp;\x84\x84x\x19\x13\xe8\xc0\x0f\x80qnW\x94\x99\xabW\x7f[Q\x11\x1d\x1d]PP\x10\x1f\x1f\xdf3#\xa0\xb6\xf5\x8f\x8d\xb4\xff\xf0\xb7Y\t\xd1!&gt;\x8d\t\xf5\x9c\x18\xc6\xb8\xc5\xaaL\xfe\xfdG\xdb\nND\xf5^\xfd1\xff=\x9f\xff\xa0"\xd6\xa7\xf5\x93$i\xe1\xc2\x85T\x92\xea\x9c\xceg\xbf\xfb.TU\x85\x1a\x04\xf9\x18\x8b\xb1\xd9\xde\xdb\xbf\x7f{y9\xe7\xfc\xe1\x87\x1fNHH\xe8\xc9\xe1\x8f\xbf\xfe5\x8d\xce\'\xde\xd9\xae\xdaU\xa1\x96^h:\x0b\x89\xb0\xbd\xbd\xa6\xe0\xeb\xfc\xe3\xacW\xeb\x8f\xf9\xef\x95\xfc\x07\x0f\x11\x8f\x00\x00@\xd7uI\x92\xe6\xfe\xfa\xd7\xef\xfc\xef\xffJ\x94\xfes\xfa\xf4\xab\x07\x0fnp\xbbE\xb8M.\xe3\\\x95\xa4Z\x97k\xda\xbf\xff]\xebr\xa5\xa6\xa6\xe6\xe5\xe5\xc9\xb2L\x08\xe9\xb1\xd3_\'\xeb?\xf7\xd7\xef\xbc\xf3\xbf\x92D?{j\xc6\xf4K\x93\x9b\x9b\xdd"\xdc&amp;\x9aq\xae\xc8Ru\xa3+\xe77\x1fT7\xba\x86\xa6\xa6\xee\xed\xad\xfac\xfe{)\xff\xc1\xc3\xfc\xdf\xf7\x19\x19\x93\xa1\xcf&gt;\xf7\\dD\x84\xce\xf9\x13[\xb76z&lt;\xaa\x18g\xc3\x18\xe7\xa1\x8a\xf2\xc4\xd7_W\xb7\xb62\xc6^~\xf9eUU{\xf8\xf9\xd7\'\xeb\xff\xecs\x91\x91\x11\xba\xce\xef\x7fm\xb3\xa3\xd9\xa3(B\x9c\rf\x8c\xab6\xf5\xb7\xafo\xae\xacoe\x8c\xfd\xb5\x17\xeb\x8f\xf9\xef\xa5\xfc\x07\x0fA\x1b\x80\xb1\x1c"!!\xe1\xf9\x17^\x00\xce\x8f8\x1c\x8fm\xd9\x12&amp;\xc0\x81\xb0\x8f\xb18\xbb}i^\xde\x17\x87\x0f\x03\xc0\xdc\xb9s\xa7M\x9bf\x8c\x07{\xf2m\x9c\xae\xff\xf3/\x00\xf0\xc3\x15\x8e\xdf\xbc\xf2\xa5\xd5n\xfe\xfak\x1a\x0b\x8b\xb4\xff}\xd5\xee\x8f\xb7\x96\x00\xc0\xbc^\xaf?\xe6\xbf7\xea\x1f&lt;\x04\x9d\x022h\x9a&amp;\xcb\xf2\xad\xb7\xde\xfa\xe1\x87\x1f\x02\xc0\xe2\xcb/\xbf\';\xbb\xaa\xb5U1\xe9\x81\xb0\xc6X\xa4\xc5\xb2\xbb\xba\xfa\xfa\xd5\xab\x9d&gt;_rrr^^\x9e\xcdf\xeb\xad\x83\xdfv\xf5\x7f\xe37\x93\x17\xdc8\xaa\xb9\xbeU\x96\xcdY\x7f]g\xa1\xa1\x96]E\xd5\x13\x7f\xb7\xd2\xe9\xf6\r\x0e\xb2\xfac\xfe\x05$t\x03\xe0\x9c3\xc6\x1c\x0eGNNNii\xa9M\x96W^w\xdd\x98\x84\x04\x87\x19\x9f\x99\xc78W$\xc9\xe9\xf3]\xbfj\xd5\x81\x86\x06Y\x92\xb6n\xdd:v\xec\xd8^&lt;\xf7\xd5\xae\xfev\x8b\xbc\xfe\xb9_^\x9a\x9e\xd8\xdcb\xc2gF2\xc6eEjv\xf9&amp;=\xb2r_Y}\x10\xd6\x1f\xf3/ q?9\x00\x18\x9d?::\xfa\xfd\xf7\xdf\'\x8485\xed\x9eu\xebj].\x9b\xa2\x98\xecN\xc5\xc6\x87\tQ\x94\xdfn\xdat\xa0\xbe\x1e8\xff\xcb_\xfe2v\xecXM\xd3z1\xfd\xed\xea\xdf\xea\xd6~\xf5\xec\x9a\x9aF\x97\xd5\xa20s\xdd%\x8es\x00\x02\x16\xab2\xff\xf9\xf5\xfb\x8e\xd4\x05g\xfd1\xff\x02\x12\xfa\xc3\x03\x00\xa5T\xd3\xb4\xb1c\xc7\xbe\xfe\xfa\xeb\xc0\xf9\xb1\x96\x96[?\xfb\xcc\xa3i*\xa5f\xba[:\xe3&lt;\xcaj\xbdo\xc3\x86\xb5\xa5\xa5\x000g\xce\x9c\x07\x1f|\xd0\x98\x01\xe8\xdd7\xf6\xa3\xfa\x03?R\xd5&lt;\xfd\xf1U.\xaf&amp;\xcb\xd4L=\x801\x1e\x12f\xbdkq\xee\xea\xed\x87 h\xeb\x8f\xf9\x17\x8f\xe8\r\x00\x00dY\xd64\xed\xee\xbb\xef^\xb0`\x01p\x9eWS\xf3\xfb\xaf\xbe\xb2+\n!\xc4\x1c\xdb\x80\xc6X?\xbb\xfd\xb5\xdd\xbb?(,\x04\x80\x9c\x9c\x9c\xd7^{-x\xeey\xfb\xa3\xfa\x03\xdfYR}\xef\xcb\x9b,V\x85P\xb3\xd4_g\xa1\xd1\xf6\xbf\xad\xdc\xf5V\xee&gt;\x08\xf2\xfac\xfe\x05\x83\r\x00\x00@\x92$M\xd3\xdex\xe3\x8d\xf9\xf3\xe7\x03\xc0GEE\xf7m\xd8\x10\xa6\xaaR\x1f\x1f\x07q\x00\x9d\xf3\xf8\x90\x90Ww\xef~b\xdb6\x00\xc8\xc9\xc9\xc9\xcd\xcd\xb5\xdb\xed\x10LO\xbdhW\xff\xe5\x9b\x0e\xcc[\x9ck\xb7\xa9\x12\xed\xdb\xc7\x01\x9c\x83\xae\xf3\xb0\xe8\x90\xd7V\xee|\xe0\x8d\xaf\xa0\x8f\xd4\x1f\xf3/\x0e\xa1O\x02\xb7e\x9c\x10\x93$\xe9\xee\xbb\xef~\xf3\xcd7\x01`\xd6\xb0a/\\q\x05\xe3\xdc\xadi}\xf1\x9c\x98\xf1\xe0\xefH\x8b\xe5\x8d={\x1e\xdf\xba\x158\x1f\x93\x93\xb3677***\x08O|u\xac\xff\xdci#\xdexh*0\xee\xf5jR\x1f&lt;\'\xcc\x18\x07\x02!a\xd6W&gt;\xda\xf5\x9bW\xbf\x02\xe8c\xf5\xc7\xfc\x8b\x00\x1b\xc0i\x1d\xb7\x81\x8b\xe3\xe3\xdf\xbb\xf6\xda8\x9b\xad\xc1\xe3\xe9[k\xe34\xc6,\xb2l\x97\xe5\x076mZ\xbe\x7f?\x00\x04\x7f\xfa;\xd6\xff\x92\xe1\t\x9f.\xbc&gt;.\xd2\xde\xd4\xecV\xfa\xd4\xdaP]g\xaa*\xab\x16y\xfe\xf3\xeb\xff\xb1\xa6\x00\x00\xc6\x8c\xc9Y\xbb\xb6\x8f\xd5\x1f\xf3oz\xd8\x00~\xa4\xfd6@\xc8\x88\xe8\xe8\x97\xa7L\xc9IH\xa8q:%\xda7\xeeW\xe6c,\xd2b\xa9s\xb9~\xb7y\xb3q\xc1K_I\x7f\x87}\x10\xc9J\x8ey\xebw\xd3.NOljp\xca\x94\xf6\x89\xa3v\x9f\xc6\xc2\xc3\xac5\x8d\xce{^\xda\xf8\xf1\xb6\x12\xe8\xbb\xf5\xc7\xfc\x9b\x1d6\x80\xf6:\x8e\x83"\xac\xd6E\x97]6k\xf8\xf0F\xb7[\xe7\\\n\xe2\x9d\x10\xe3\x9cs\x1ec\xb7\xffPY\xf9\xdbM\x9b\xf6\xd5\xd6\x02\xc0\x981c\xd6\xae]\xdbW\xd2\xdf\xb1\xfeQa\xd6W\xef\xbf\xe2\xb6i#\\\xcdn\x9dq)\x88\xf7B\x8cs\xcexh\xa4\xfd\x87\xfd\x15w=\xbf~\xef\xe1\x1a\xe8\xfb\xf5\xc7\xfc\x9b\x18\x96\xa3=B\x88\xf1\xf0\xbc\xa5K\x97\xbe\xf8\xe2\x8b\x00\xe0p\xbb\xef\xd9\xb0\xe1\x91\xcd\x9beJ\xc3TU\x0b\xd6\xf3\x92\x1ac\xaa$E\xdbl\xff\xc8\xcb\x9b\xf9\xc9\'F\xfa\xe7\xcd\x9b\xb7a\xc3\x86&gt;\x94\xfe\x8e\xf5ohv\xff\xea\xd9\xb5\x0f\xfcu#\x91h\xa8]\xd5\xf4 =1\xa9\xe9LU\xa4\xd0\x08\xdb\xd2O\xf6Ly\xf4#c\xefo\x82\xfac\xfeM\x0c\x8f\x00\xce\x8csn\xdc\x1c&lt;77w\xde\xbcy\xe5\xe5\xe5\x00pQ|\xfc3\x13&amp;\x8cOJrx&lt;^]\x0f\x9e3c:\xe7\x04 \xdaf;\xe2p\xfci\xdb\xb6O\x0e\x1d\x02\xce-\xaa\xfa\xdc\xa2E\x0f&gt;\xf8 \x00\xf4\xb9\xf4\xb7\xad\xff\x9d\xf3\xe6\x9d(/\x07\x801i\t/\xfe\xd7\xe5\xe3\xb2\x07xZ&lt;^\x9f\x1e&lt;W\x0b\xeb\x8c\x13\x02!\xe1\xb6\xa3\xe5\x8d\xbf_\xfa\xf5\x87_\x15\x03\x98\xa7\xfe\x98\x7f\x13\xc3\x06\xd0\x19\xe3R\x91\x8a\x8a\x8a\xb9s\xe7\xe6\xe6\xe6\x02\x80*\xcb\xf7fe\xfdWvv|HH\xa3\xdb\xad3&amp;\xf5j\xb0\x8c+6#,\x16\x9f\xae\x7fp\xe0\xc0\xe2\x1d;*[Z\x00 m\xe8\xd0\xb7\x96-\x1b?~&lt;c\xac\xef\xde\xea\xa4c\xfd-\xaa\xf2\xf0\x8d\xd9\x8f\xdcxqtL\x88\xab\xd9\xad\xe9L\xea\xd5)!\x9dq\x00\x08\r\xb5h&gt;\xfd\x9du\xfb\xff\xf4\xee\xb7\xe5\xb5-\x00\x90\x966\xf4\xad\xb7LX\x7f\xcc\xbf\xc9`\x038\x07\xff\x9d\x02_z\xe9\xa5\xc7\x1f{\xcc\xed\xf1\x00@JT\xd4}\xd9\xd9\xbfLM\r\xb3X\x9a&lt;\x1e\x8d\xb1\x9e??f\x8cz\xc2T\x15\x006\x1d=\xfa\xca\xee\xdd_\x1f?n\xfc\xea\xae\xbb\xeeZ\xb2dIDD\x84\t\xaeu&lt;c\xfd\xd3\x06F?r\xf3\xa8\xdb&amp;\xa5\x85\x84X\xdc\xad\x1e\x9f\xce\xa4\x1e??|r\xd4oW\x81C\xee\x0fe\x8bW\xee\xdc\xb4\xfb\xa8\xf1+\xd3\xd7\x1f\xf3o\x1a\xd8\x00\xce\xcd?\x88(((x\xf4\xd1G\xd7\xacYc\xfc\xfc\xe2\x84\x84\x07F\x8d\x9a\x90\x94\x14m\xb56{\xbd^]\xa7\x84\x04z?\xc48g\x9c\xcb\x94\x86\xaa\xaaO\xd7wVU\xfd#?\x7fuI\tp\x0e\x00\x99\x19\x19\x8b\x16/\x9e&gt;}:\xb4\xd9t\xfb\xba\xb3\xd5\x7f\xec\xf0\xc4\xc7n\x1d=%{`X\xb8\xd5\xe3\xf4z}:!$\xd0\xc7\x03\x8cs\xc6\xb8,Q\x9b]e&gt;\xfd\x9b\x03\x95\xaf|\xb2\xf7_\x9b\x8b\x8c\xfb\xcddff,Z$J\xfd1\xff&amp;\x80\r\xa0\xab\xfcyZ\xb1b\xc5\x9f\x9fy&amp;\xbf\xa0\xc0\xf8\xf9\xf0\xd8\xd8\xf9\x99\x99\xd7&amp;\'\xf7\xb3\xdb}\x8c\xb5z\xbd:\xe7\xb4\xbb\x0f;\x8d\xdc\x13B\xec\xb2l\x93\xe5&amp;\xaf\xf7\x9b\xf2\xf2\xd7\xf7\xee\xfd\xea\xf8q`\x0c\x00\x12\xe2\xe3\xef\xbb\xff\xfeG\x1f}TUUS\x1e\xf6\xfe\xa8\xfe\x7f~&amp;?\xffd\xfd3\x06\xc7=pC\xd6/\xc7\xa7\xc4D\x87\x80\xa6;]^\x9d\x9d\xaa\x7f7\x15\x80\x9f\\\x1b\xc3\t!!V\x99X\x14w\xabgs\xde\xf1\x17&gt;\xda\xbd~\xd71\xe0\x0c\x00\x12\x13\xe2\xef\xbdO\x98\xfac\xfe\xcd\x02\x1b\xc0y0\x9e[K)\xf5z\xbd\x8b\x17/~\xf5\x95W*\xab\xaa\x8c_\r\x08\x0f\x9f\x91\x9c|\xd5\xa0Ac\x12\x13C\x14\xc5\xa3\xebnM\xf31\xc6\x8d\x8d\xe1\xfc\xaf;7v:\xc6w#\x11b\x95$\xab,\xeb\x9c\xe7\xd7\xd6n*+[u\xe8P~M\x8d1\xea\xb1Y,\xb7\xdd~\xfb\xc2\x85\x0b\x93\x92\x92\xc0\xd4\x03\x9fv\xf5\x7f\xed\xd5W**O\xd6\xff\x82\xf8\x88\x9b\'\xa4\\w\xe9\xe0\t\xe9\xfd\xa9U\x01\x9f\xee\xf1h&gt;\x9d\x19Oz\xa2\xe4\xfc\xeb\xcf\x81\x1b;\x1d\x00Y\xa2\x16U&amp;\xaa\x04\x8c\x17\x1c\xaa\xf9b\xc7\x91\x15\x9b\x8b\xf7\x94T\x1b\xa3~\x9b\xd5r\xdb\xafD\xac?\xe6\xdf\x04\xb0\x01\x9c7\x7f\xc2\xaa\xaa\xaa\xde}\xf7\xddw\xff\xf9\xcf\xbc\xfc\xfc\x93\xbf\xa3tlB\xc2\x84\xa4\xa4\xf1II\x19\xb1\xb1\xd1V\xabL\x88\x8f1\x8f\xae\xfb\x183\x16)\x1b/&lt;\xe3\xf6`\xfc\xd6\x18\xba(\x94\xaa\x92d&lt;\xa5\xaf\xc9\xe39\xecp|}\xfc\xf8\xb7\x15\x15_\x9d8\xe1\xf4x\x8c\xd7\'&amp;$\xdc~\xc7\x1ds\xe6\xcc\xc9\xc8\xc8\x00\x00M\xd3$I2\xfd\xc0\xa7}\xfd\xdf\xfdg^\xde\xa9\xfa\x13:&gt;=qr\xd6\x80)\xd9\x03\xb2\x86\xc4E\x86\xdb\x80R\xd0u\xcd\xa7{}\xe7\xa8\x7f\xdb_\x11\x02\x8aDUU\x06\x99\x02\x07g\xab\xa7\xf8D\xe3\xa6=\xc7\xbe*(_\xbf\xeb\x98\xd3u\xaa\xfe\x89\t\xb7\xdf.|\xfd1\xff}\x196\x80\x9f\xc2\x7f\xb1\x0c\x00x\xbd\xde\xb5k\xd7\xbe\xbdl\xd9\xba\xdc\\\xa7\xdb}\xf2\x15\x94^\x18\x1e\x9e\x11\x133&amp;!!=&amp;&amp;922\xden\xb7H\x92L)!\x84s\xae1\x06m\x93\xca9\xa5\xd4\xb8\xc4\xc6\xc7\x98\xc6X\xad\xcbU\xe6p\x1454|_Y\xb9\xb7\xb6\xf6Pc\xa3\xc7\xe7\xf3\xbf|\xc2\xf8\xf1s\xe6\xcc\x99q\xddu\xf1\xf1\xf1\x00\xa0\xeb:\xa5T\x9c\xe8\x9f\xb9\xfe\xebr\x9d\xaeS\xf5\x07281\xe2\xa2!\xb1\xe3G\xf4\xcfJ\x8eM\x1b\x10\x95\x10m\x97\x15\x19\x8c\xfbIp\x0e:\x87\xb6\xd5\xe2\x00\x94\x80q\xfe@g\xa0\xb1j\x87\xb3\xb8\xc2Qx\xb4a\xdb\xbe\xf2\x1f\x8ak\x8a\x8f7x\xbc?\xae\xff\xaf\xe7\xcc\x98\x81\xf5\xc7\xfc\xf7m\xd8\x00~:\xce\xb9\xae\xeb\xfee\x06\x07\x0e\x1c\xf8\xfc\xf3\xcf?Y\xbdz\xc7\xf7\xdf\xb7\r+\x00D\xd9\xed\x83#""-\x96\x8c\x98\x18\x99\xd2PEI\x8f\x891\x961\x18\x7fG\x91\xa4\xb2\xa6\xa6\x13--\x12\xa5\x85uu\xf5\x1e\xcfa\x87\xa3\xaa\xb5\x15~\xfc\x8c\xd6\x8c\xf4\xf4\xab\xa7O\x9f9s\xe6\xb8q\xe3\x8c\x9f\x18O\xb4\x10s\x8d\xf3\x99\xeb\xff\xc9\xea\x1d\xdf\x7f\xdfvg\r\x001\x11\xf6\x94\xfe\x91\x91\xa1\x96Q\xc9\xb1\xb2L\xc3\xed\xea\xc8\xc1\xb1\x8c1\x00\x02\x00\x1c\xb8$KG*\x1c\xc7j\x9a%\x89\xe6\x97\xd6\xd55\xb9\x8bN4V\xd4\xb7\x1a\xf3\xfb~\x99\x19\xe9W_=\xfd\x06\xac?\x00`\xfeM\x01\x1b\xc0\xcfe\x8c\x86\x8c\xeb\'\x8d\x9f\x14\x16\x16~\xf7\xddw\x9f\x7f\xf6\xd9\xae\x9d;\xcb\xcb\xcb\xdbm\x0c\xe7+\xa1_\xbf\x8c\xcc\xcc\xab\xa7O\x9f8q\xe2\xa8Q\xa3\x8ca\x97\xf1\x8f\xe2\xa8\x07:\xa9\xff\xe7\xa7\xea\xef\xfdy\xf5\x8f\xef\x97\x999\xf2\xaa\xab\xaf\xc6\xfa\x9f\x11\xe6\xbfO\xc3\x06\xd0m\x18c\xc6q\xb1?\x94N\xa7\xb3\xac\xac\xec\xc0\x81\x03\xf9yy\xf9\xf9\xf9u\xb5\xb5\x85\x85\x85\x9a\xa6555y5\xad\xe3_\x88\x8b\x89\xe1\x9c\xa7\xa4\xa4DEG\x8f\x1e=:y\xc8\x90\xf4\xf4\xf4\xd4\xd4\xd4\xc8\xc8H\xffk4M#\x84\xe0i\xae\x8e:\xab\x7f~~~^^]]maa\xa1\xaek\x0eG\x93\xd7w\xa6\xfa\xc7\xc6\x00\xf0!CR\xa2\xa2\xa3G_\x8c\xf5??\x98\xff\xbe\x08\x1b@\xf73\xb6\x843\xc6\xd4\xe1p0\xc6*+++++\xdb\xfd*44455\x95s\x1e\x15\x15u\xb6?\x88C\x9e\xae\xe8b\xfd\xc9\xa9G\xc5\x1a\xb0\xfe\xdd\x05\xf3\xdf\x87`\x03\x08 \xde\x86\xb10\xb9+\x93\x95\xc6\xe1\xad\x7fE\x04\x86\xfe\'\xc3\xfa\xf7.\xac\x7f\xf0\xc3\x06\xd0\xa3\x8cj\xf36\xeb\xe1\xda26\x0f\x8c{\xe0`\xfd{\x17\xd6?\xd8`\x03@\x08!A\xe1\xf2)\x84\x10\x12\x146\x00\x84\x10\x12\x146\x00\x84\x10\x12\x146\x00\x84\x10\x12\x146\x00\x84\x10\x12\x146\x00\x84\x10\x12\x146\x00\x84\x10\x12\x146\x00\x84\x10\x12\x146\x00\x84\x10\x12\x146\x00\x84\x10\x12\x146\x00\x84\x10\x12\x146\x00\x84\x10\x12\x146\x00\x84\x10\x12\x146\x00\x84\x10\x12\x146\x00\x84\x10\x12\x146\x00\x84\x10\x12\x146\x00\x84\x10\x12\x146\x00\x84\x10\x12\x146\x00\x84\x10\x12\x94\xdc\xdbo@Dg{\x0e3&gt;\x0e\xbbg`\xfd{\x17\xd6?x`\x03\x08,\xde\x06\x00PJ\xfd\xff\xed\x881\xe6\xff/i\xa3\x07\xdf\xaf\xd9`\xfd{\x17\xd6?\xc8\x91\xb3uc\xf4\x93\x19qg\x8c\x11B$I\xea\xf8\x02\xc6\x98\xc3\xe1 \xe4d\xf1\x8d\xffa\xb5Zm6\xdb\x19_l\xfc)J)n\x0c]\x81\xf5\xef]X\xff&gt;\x04\x1b@\xb71B\xcf9\x97\xe5\xd3\xc7U\xba\xae\x97\x97\x97\x97\x94\x94\xe4\xe7\xe5\xd5\xd6\xd6\xee\xf8a\x87\xa6iU\x95\x95\x95\x95\x15\x00\x04\xc0(&gt;\x01\xe0\xa1\xa1a)))\x</t>
        </is>
      </c>
    </row>
    <row r="129">
      <c r="A129" s="1" t="n">
        <v>127</v>
      </c>
      <c r="B129" t="inlineStr">
        <is>
          <t>size_cycle</t>
        </is>
      </c>
      <c r="C129" t="inlineStr">
        <is>
          <t>What is the size of the missing circle denoted with a question mark?</t>
        </is>
      </c>
      <c r="D129" t="inlineStr">
        <is>
          <t>['large', 'medium', 'small']</t>
        </is>
      </c>
      <c r="E129" t="inlineStr">
        <is>
          <t>large</t>
        </is>
      </c>
      <c r="F129" t="inlineStr">
        <is>
          <t>There are circles arranged in a spiral with three arms. The first arm has circles of sizes ['small', 'medium', '?'], the second arm has circles of sizes ['small', 'medium', 'large'], and the third arm has circles of sizes ['small', 'medium', 'large'].</t>
        </is>
      </c>
      <c r="G129" t="inlineStr">
        <is>
          <t>We observe that the circles in each arm progress in size from small to medium to large. Thus, the pattern is that the circles in each arm get bigger as they progress away from the center of the spiral.</t>
        </is>
      </c>
      <c r="H129" t="inlineStr">
        <is>
          <t>Based on the pattern that the circles in each arm get bigger as they progress away from the center of the spiral, the size of the missing part that is farthest from center should be large.</t>
        </is>
      </c>
      <c r="I129" t="inlineStr">
        <is>
          <t>b'\x89PNG\r\n\x1a\n\x00\x00\x00\rIHDR\x00\x00\x02\x00\x00\x00\x02\x00\x08\x02\x00\x00\x00{\x1aC\xad\x00\x00\x90\x9aIDATx\x9c\xec\xddw|TU\xfa0\xf0\xe7\x9c{\xef\xcc\xa4g\x92\x90 E\x90\xde\x02\x04\x08\x1d\x04"\x04wm\xec\x02\x82\x88\xf4"\x82/\xd8\xd6\xc2*,\xa0\xfbS\x14V\xd0\x15\x82\x14\x11E`\x17DW\x0cH\x97\x1a \x10B\x0bU\xa4\x93d\xd23s\xef=\xe7\xbc\x7f\x1c\x18#\xa2\xb4$3\x93y\xbe\x7f\xf8\xc9\x8c\xc9p3\xb9\xf3&lt;\xe7&lt;\xa7\x11!\x04 \x84\x10\xf2?\xd4\xd3\x17\x80\x10B\xc83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TO_\x80\x07\x08!~\xfb$!\xa4\xfc\xaf\x04!\x84&lt;\xa8\x82\'\x00!\x04\xe7\\F|R\xc2o\xbf\x93s.\xbf_\x08!\xbf\x81R\x8aY\x01!T\x81\x91\x9b6\x87}\x1a\xe7\x9csN\x08\xf9\xbd\x08\xeep8\x08!\xee\xac \x84\xa0\x94\x86\x85\x85\xdd\xc5K!\x84\x90\xef\xaa8\t@\x06kEQJF\xea\xabW\xaf\x1e9r\xe4\xe4\xc9\x93g\xcf\x9eMKKs8\x1c\x85\x85\x85\xc7\x8f\x1f\xbf\xe1g\x15Ei\xdc\xb81\xa5\xb4f\xcd\x9a5j\xd4\x88\x8d\x8d\xad^\xbdz\xbdz\xf5Jf\x05\xf9\xfa\x94RJq\xe0\x04!T\x11\xf8|\x02\x90E\x9e\x92-\xf4\xb3g\xcf\xae_\xbf~\xeb\xd6\xad\x87\x0e\x1d\xca\xc8\xc8\xc8\xc9\xc9\xb9\xbbW\x8e\x8a\x8aj\xdc\xb8q\\\\\\\xd7\xae];t\xe8\x10\x19\x19)\x9f\x975%\xec\x13 \x84|\x9d\x0f\'\x00\xd9$W\xd5k\xc3\x18\x87\x0f\x1f\xfe\xee\xbb\xefV\xae\\\xb9\x7f\xff\xfe\xa2\xa2\xa2\xd2\xfd\xb7"##;t\xe8\xd0\xabW\xaf\x87\x1ez\xa8Z\xb5j\xf2I\xd34o\xe8p \x84\x90\x0f\xf1\xc9\x04 \xdb\xe0\x8a\xa2\x00\xc0\xe5\xcb\x97W\xaf^\xbdp\xe1\xc2\xdd\xbbw\x9b\xa6\xf9\xdbo\x0e\x0c\xb0EF\xd9\xeb\xd4\xae\xde\xacQ\xed\xf0\x88p\x05\xa0u\xab&amp;\x9a\xa6\x08!\x08\x10!\x04Q\x95\x9c\xec\xdc\x03\x073\x88\xaa\xfdt\xe6\xdc\xc9\xd3?\x1f\xc9\xf8);;\x971\xf6\xdbW\x0b\t\t\xe9\xda\xb5\xeb\xb0a\xc3z\xf6\xeci\xb1X\x00\xd3\x00B\xc8g\xf9X\x02\x90\x05\x1f\x19\xfa\xd3\xd3\xd3\x17-Z\xb4x\xf1\xe2\xcb\x97/\xc3\xf5\xe1\\\xf9m\x11\x11a\xcdc\xebu\xee\xd0\xa2}\x9b\xa6\r\xea\xd5\x8c\x8c\xb2\x07F\x86\x03Q\x01(\x80\x00\xf8m\x9e \x00\n\x00\x01``\xe8\xb9\x999\xe7/]9\x9aqf\xeb\xb6\xd4m;\xf6\x1f:|\xb2\xa8\xa8\xf8\xfa\xb7]\xfb\'\x9a4i2h\xd0\xa0\x81\x03\x07\xc6\xc4\xc4\x00\x00c\x0c\x8bB\x08!\xdf\xe2K\t\xc04MY\xf0IOO\x9f1c\xc6\xe7\x9f\x7f\xae\xeb:\x00PJ\xe5$\xcejUc\xba\'\xb4}\xe2\xd1n\x1d\xda6\x8b\xbc/\n\x14+\x80\t.\x1dL\xc6M\x93s\x01 \xae\xcf\xf8\xbf!R\xcb\xb7A\x10B\x08\xa1TSASA\xd3\x00(\xb8\x8a\xcf\xfetq\xc3\xe6\xdd+Wo\xd8\xb49%/\xbf\x10\x00\x14E\x91\xfd\x83\x98\x98\x98\xd1\xa3G?\xfb\xec\xb3\xee4 \x93\x13B\x08y?\xdfH\x00r.&amp;!\xe4\xca\x95+S\xa7N\x9d3g\x8e\xae\xeb\x8aB\x19\xe3\x00`\xb5h\x89=:\x0c\x1b\xf4D\xd7N\xadBb*\x01\x08(.\xe6\xba\xc1\xb9p\xcf\xfb\xbf\xa3\xb6\xb9\xf8\x05(\n%V\x0bXm \xd8\xb9S\xe7\xd6$\xff\xb8p\xf1\xd7\xdbw\x1e\x80_\xa7\x817\xdex\xe3\xd9g\x9fUU\x15\xbb\x02\x08!_\xe1\x03\t\xc0\xdd\xac^\xb0`\xc1\xc4\x89\x13/\\\xb8\xe0\x0e\xfd1\xd1\x11\xcf\x8ez\xf2\xc9&gt;=\x1b4\xa9\x07\x84@Q\x11s\x19@Jy\r\x17\x17\x823N\t\xa1\x01V\xb0\xda\xc0\xe5\xdc\xbe\xe3\xc0\xa7\x0b\xfe\xfb\xf9\x97\xdf\xea\x86\xe9N\x03m\xda\xb4\x996mZBB\x02\x00\xc8\x89I\xa5u\x01\x08!T\x16\xbc:\x01\xb8+\xfe\x19\x19\x19\xcf?\xff|rr2\\ow\xc7T\x8axv\xf4\x93\xa3G\xf4\x8d\xa9^\r\x8cb^X,\xca~\xed\xae\x90\x99@\xa1$8\x10\xa8\x9a\xbe7}\xc6\x87\x8be\x1a\xd04\xcd0\x0c\x00\x187n\xdc\x94)S\xc2\xc2\xc2\xdc\x05+\x84\x10\xf2N\xde\x9b\x00\xdc\r\xffy\xf3\xe6\xbd\xf4\xd2K\xb9\xb9\xb9V\xab\xd5\xe5ri\x8a2z\xd4\x93o\xbc62\xa6Z\x15(.2\x9d.JI97\xb79\xe3\x02\x84\x12\x14\x08\x9a%=5\xfd\x95\xd7f\xacI\xfe\x11\x00d\x1a\xa8W\xaf\xde\xfc\xf9\xf3;t\xe8\x80\xe5 \x84\x907\xf3\xd2\x04 \xa3\x7f~~\xfe\x0b/\xbc0o\xde&lt;Y\xc5\x17\x9c\'ti=m\xca\xf3m:\xb6\x86\xe2"\xd3\xe9\xf4\xec\xfcK\xce\xb9\xe0B\t\t\x04\xaa,]\xf2\xed[\xff\x98\x9dq\xe2\xac\xc5b\xd1u]U\xd5\xf7\xde{o\xfc\xf8\xf1\x80\xe5 \x84\x90\xb7\xf2\xc6\x04 \x8b\'\xa9\xa9\xa9\xc3\x87\x0f\xdf\xb7o\x9f\xd5jq\xb9\xf4\x90\xe0\xc0i\xffx~\xdc\xd8\xa7\x81\x12\x96W@\x15oiYs\xceA\x00\r\x0f\xcb\xbd\x9a\xf5\xf7\xb7f\xcd\xfa\xf7\x97@\x88B)c\xaco\xdf\xbe\x9f|\xf2\x89\xddn\xc7\xd9A\x08!/\xe4u\t@F\xff\x94\x94\x94\xc4\xc4D\x87\xc3!\xcb&gt;-\x9a\xd5\x9f\x9745.&gt;\x8e\xe7f\x83\x00\xaax]\x83\x9a\x99L\xb1h\x10\x14\xb2l\xc9\xaa1\xe3\xa6d9\xf2l6\xab\xd3\xe9\x8a\x8f\x8f\xff\xfe\xfb\xef#""0\x07 \x84\xbc\x8dwER\x19\xfd\xe7\xcf\x9f\x9f\x90\x90\xe0p8,\x16\x8b\xcb\xe5\x1a&gt;\xb8\xd7\xa6\x8d\x9f\xc5\xb5hdfgRJ\xbd0\xfa\x03\x80\xa2*\x821\xd3\x91\xd5w\xc0\xe3;\xb6~\xd1\xa1MS\xa7\xd3\x15\x10`KIIi\xdb\xb6mJJ\x8a\xa2(7]\xa8\x8c\x10B\x9e\xe2E=\x00\x19\xfd\x93\x92\x92F\x8e\x1cI\x08\x11\x00 \xc4\'\x1f\xbe1j\xdc (,`\x86\xe1\x13-h\xd34\xd5\xe0 \x93\xf11\xcfNJZ\xb8R\x0e\t\xd8\xed\xf6\xe4\xe4\xe4\xf8\xf8x\x9c\x1a\x84\x10\xf2\x1e\xde\xd2\x9a.\x19\xfd5M\x13\x02\xec\xa1\xc1_}\xfe\xde\xa8q\x83XN\x8e\xf0\x9d\xfa\x89\xaa\xaa\xac\xb0Heln\xd2\x94\xb7^\x1f\xa5\xeb\xba\xa6i\x0e\x87#111%%E\xae\x14\xf3\xf45"\x84\x10\x80\x97\xf4\x00d\xf4_\xb4h\xd1\xe0\xc1\x83-\x16M\xd7\r{XH\xf2\xff&gt;\x89\xef\xd0\xd6\xcc\xbe\xaaj\xbe\xd7d\x16Bp!\x94\xb0JI\xb3?\x1d9n\xaa\x9c\x1ej\xb7\xdb7o\xde\x1c\x1b\x1b\x8b\xe3\x01\x08!o\xe0\xf9\x04 \xa3aJJJ\x97.]t]7Mf\x0f\x0bN\xfe\xdf\'\xf1\x1dZ\x19Y\xd9\x9aE\xf3\xec\xe5\xdd=\x01\x86ij\x11QI\xb3\x17\x8e\x1c7U\xd6\x82bcc7o\xdel\xb7\xdbqn(B\xc8\xe3&lt;\x9c\x00d\x1c&lt;x\xf0\xe0\x83\x0f&gt;\x98\x9b\x9bK)\r\t\x0eH\xfe\xe6\x93\xf8\x8e\xad\xccl\x87/\xb6\xfdo`\x9a\xa6j\xbf\x96\x03lV\xab\xd3\xe5\x8a\x8f\x8f\xdf\xb8q\xa3\xcdf\xc35b\x08!\xcf\xf2d#Tn\xb7VXX\xf8\xf4\xd3O;\x1c\x0e\x8b\xa6\x99\xa6\x994\xfb\xef\xf1\x1d\xdb\x1aY\xd9\x15 \xfa\x03\x80\xaa\xaa\x86#s\xc4\xd8\xa1\xe3\xc7\xf4w\xba\xae\xcd\x0b\x1a7n\x9c{\x07!\x84\x10\xf2\x14O&amp;\x00Y\xfc\x197n\\ZZ\x9al\x1d\x7f2\xe3\xb5\xbf\x0ex\xc2\xcc\xbe\xea\xc3\x95\x9f\xdfP\x15\xd5\xc8\xc9\x9c1\xeb\xef\x83\xfb\xff\xb9\xb8\xd8i\xb3Y\x17,X\xb0`\xc1\x02\x1c\x10F\x08y\x96\xc7J@2\xfa/X\xb0`\xe8\xd0\xa12\xfa\x0f\x19\xf0\xe8\xfc\xcf?0s\xb2\xd5\n7@*\xb8\x10\x9a\xea\xd4\xcd\xb6\x1d\xfa\x1d&lt;|\xd2\xa2i\x9a\xc5\xb2}\xfb\xf6\xa6M\x9b\xe2`\x00*\x0b\xbflh~\xfd\xb0\x8b\x92\xae\x9d\x89\xe1\xde-\x1d\xf9+\xcf$\x00\x19\xf5N\x9e&lt;\xd9\xacY3]\xd7\r\xc3h\xda\xa8\xce\xf6m_\xda4\x85\x9a\x8c\xd0\nxG2\x93)!\xc1\x07S\x0f\xb7\xeb2P7\x98a\x18qqq\xbbv\xed\xa2\x94\xe2`\x00*\x15\xf2\xa8T!\x84\xbc\xa9n\xff\xa7\xe4y\x1bx\x1f\xfa!\xcf$\x00\xc6\x18!\xa4G\x8f\x1e\xeb\xd7\xaf\xd74\xcdj\xd5\xb6oX\x18\x1b\xd7\x98\x17\x14\xd0\n\xd7\xfcw3\rS\x8d\x88\\\xf0\xf1gC\x9f\x9bb\xb5X\\\xba&gt;i\xd2\xa4\xb7\xdez\x0bg\x85\xa2{!#\xf8\r\x1b#\xe6\xe6\xe6\x9e?\x7f\xfe\xf2\xe5\xcb\xb9\xb9\xb9\x07\x0e\x1c(\xf9\xfd\xaa\xaa\xb6n\xddZU\xd5:u\xeaDEE\x05\x04\x04\xfc\xf1K\xa1\n\xcc\x03\t@\xc6;9\xeb_n\xf4\xf6\xd1\xf4W\xc6\xbc8\xcaG\xa7\xfc\xdf\x11\xd3d\xaa\xdd\xfe\xe4_\xc6,[\xf9\x83\xa6i\x00p\xf0\xe0\xc1z\xf5\xea\xc9V\x9b\xa7\xaf\x0e\xf9\x12yZ\x86l\xb9\xcbg\xce\x9e=\xbbw\xef\xde-[\xb6\xec\xdb\xb7\xef\xf0\xe1\xc3\x0e\x87\xe3\x8f\x07\x99\x02\x03\x03###\x1b4h\xd0\xbe}\xfb\xce\x9d;7o\xde&lt;""B\xfe/\xd9D\xc3{\xb2\xc2+\xef\x04 \xbb\xa8\xb9\xb9\xb9\x8d\x1a5\xca\xcc\xbcj\x9a\xacS\xfb\xb8-\x9b?7\x0b\x0bU?\xb8\xdb8\x17`\xd12\xafd5h\xfeD~A\x91i\xb2\x1e=z$\'\'c\'\x00\xdd&gt;\xf7AI\xf2\xe1\xd1\xa3G\xbf\xfd\xf6\xdb\x95+W\xee\xdf\xbf\xbf\xa8\xa8\xe8\xae_622\xb2c\xc7\x8eO&lt;\xf1\xc4\xc3\x0f?,\xcf\xb8\xbe\xe1\x1fB\x15Oy\'\x00\x19\xe9\xc6\x8e\x1d\xfb\xd1G\x1fi\x9a*\x84\xd8\xb5qQ\x8b\xb6\xcdyA\x91w\xee\xf2V\xea\x98\xc9\x14\xbb\xfd\xa3\xe9Ic_~\xcf\xa2i\xbaa,[\xb6\xacO\x9f&gt;\x98\x03\xd0\xedp\xdf\'\xba\xae\xafY\xb3f\xfe\xfc\xf9\xc9\xc9\xc9.\x97\xeb\xa6\xdfl\xb7\x87*\x946jPKQ\x15\x10\x02\x04\x80J\x0br\x0bN\x9c:\xc79\xcf\xcd+\xb8\xe9O\xc5\xc4\xc4&lt;\xf6\xd8c\x83\x07\x0fn\xdf\xbe=\\o\xb4ao\xa0B*\xd7\x04 {\xac\x19\x19\x19M\x9a4\x01\x00\xd34\xc7\x8e\xe83k\xee\xdb\xcc\x91\xad\xa8\xfe\x12\xfb\x04\x00\x07\x10Tm\xdb\xb1\xdf\xbe\x03\xc7\x00\xa0N\x9d:\x07\x0f\x1e\xd44\r\xa7d\xa0?\xe0\x0e\xc4\xba\xae/Y\xb2\xe4\x83\x0f&gt;HOO\x07\x00B~\xf9\x14GD\x84\xc55\xad\xdf\xaeu\xd3\x16\xcd\x1bT\xab^\xb9\xce\x03\xd5(@XL\x14P\n \x00\x00\x08\x01\xa7\xcb\x91\x95c\x9a\xecp\xc6O\xa7\xce\x9cK;\x98\xb1}\xe7\x81\xf4\xc3\'\x8b\x8a\x8a\x01\x00\x80\\\xfbN\x80\xee\xdd\xbb\xbf\xfc\xf2\xcb\xdd\xbbw\x07\x00&lt;\xde\xaeB*\xd7\x04 \x1b/\x83\x07\x0f^\xb4h\x91\xa2(\xf6\xf0\xe0\x8c\x03\xab\xc3"B\x89a\xfa\xd5\x8d\xc5L\xa6\x84\x87n\xfe~K\x97?\x8d\xd24\xd50\xccE\x8b\x16=\xf3\xcc3\xd8\t@\xbf\xc7}o\xacY\xb3\xe6\x95W^\x91\xa1_UU\xb9\xc7x\xb5\xaa1\xdd\x13\xda&gt;\xf1h\xb7\x0em\x9bE\xde\x17\x05\x8a\x15\x80\x01c\xa0\xeb\x00\xc0u\xe3\x97\x17\x12@(!\x9a\n\x84\x80\xd5\x02D\x01\xa0\xe0*:\xfb\xd3\xc5\r\x9bw\xaf\\\xbda\xd3\xe6\x94\xbc\xfc\xc2\x92/\xfe\xf0\xc3\x0f\xbf\xfb\xee\xbb\xb2\xd1\x86\xb3\x96+\x98\xf2K\x00\xb2\xf9\x7f\xf4\xe8\xd1\xb8\xb88\xc6L\xd3d\x93^\x1d\xf9\xd6;/\x9b\x8el\xd5o\x9a\xffn\x8cs%(\xa8k\xb7g6m\xddK)\xa9[\xb7^jj\xaa\xcdf\x83\xebs\xb4\x11\x92\x84\x10\x8c1UU/\\\xb8\xf0\xe2\x8b/.]\xba\x14\xae\x9f&gt;\r\x00\xed\xdb6\x1b&gt;\xb8W\xef\xbf\xf4\x08\xa9\x14\t \xa0\xb8\x98\xeb\x06\xe7\x82\x10\x00B\xe8\xf5\xf9\xfe\xbf}M\x00\x90\xb3F\x01@Q(\xb1Z\xc0j\x03\xc1\xce\x9d&gt;\xf7\xe9\x82\x95K\x97\xad9\x9aq\x06\x00d\x03\xc5b\xb1\xbc\xf6\xdak\x13\'N\x94\xab\x17\xb1\x99Ra\x94_\x02\x90[~\xbe\xf4\xd2K\xef\xbf\xff\xbe\xa2(\xf6\xf0\x90\xa3\xa9+#\xa2\xc2\xc1\xcf\x9a\xff\x12c\\\t\r\xd9\xb4fs\xd7GF\xcb\xa6\xd6\xff\xfe\xf7\xbf?\xfd\xe9O\xf8\xe9B%\t!\xe4\xa7c\xd9\xb2e\x13&amp;L\xb8p\xe1\x82;\xf4wOh\xf7\xf2\x8b\x83\xbbwo\x0f\xaa\x05\x8a\n\x99\xcb\x00\x02w]\xa5\xe1Bp\xc6)!4\xc0\n\xd6\x00Wn\xee\x17_}\xf7\xc1\xbf&gt;K?|\x12\x00\xe4\xce%m\xda\xb4\xf9\xf8\xe3\x8f[\xb4h\x81wi\x85QN\xbd9!\x84\xa2(\x99\x99\x99\x8b\x17/\xa6\x942\xc6\x9e\x1b\xd1\'\xb2z5\xee\xd4\xfd0\xfa\x03\x80\xa2P\x9e\x9f\xdf%\xb1S\x97N-M\xd3$\x84|\xf0\xc1\x07\x80\xcd\x7fT\x82\x9c\x8bi\x9a\xe6\x84\t\x13\x9e|\xf2\xc9\x0b\x17.\xa8\xaaj\x18F\x93\x86\xb5\xbf[\xf5\xd1\xda\xb5\xf3\xba?\xdcY\x14:YN\x8e0\x99\xa2*\xf72\x7f\x9f\x12\xa2\xaa\nU\xa8p\xe9\xcc\xe1\xb0*t\xc8\xc8~{w-\xff\xf0\x83W\xa3\xa3\xec\x8c1\x8b\xc5\xb2k\xd7\xae.]\xba\xcc\x9b7O\xe6\x03\xcey\xe9\xfe\xbe\xa8\xfc\x95S\x02\x90\xb7\xf2\xca\x95+\xaf\\\xb9B\x08\t\x08\xb0&gt;\xf3\xd4#\xc2(&amp;~\\O\xe4\\\x80\xaa\x8e\x1c\xfc\x17\x00 \x84l\xde\xbc\xf9\xd0\xa1C\x94R\xfc\\!\xb8^\xf4w8\x1c]\xbat\x999s\xa6\xc5b\x01\x00"\xc4\xa47F\xef\xdd\xbd\xec\xe1\xc7\xba\xf1\xfcB\x96\x93G()\xddu[\x84\x10EU\x04\x17\xcc\x91c\x11|\xdc\x84\xa1\xa9)+\xfa\xf5\xe9\xa9\xeb:\xa1\xb4\xb0\xb0`\xc4\x88\x11\xa3G\x8fV\x14\x05\xef\xd5\n\xa0\x9c\xe2\xaf\xbcW\xe6\xcd\x9b\x07@\x18c\t\x0f\xb6\xae\xd5\xa4\x9e(,\xa6\x15q\xd7\x87\xdb\xa4(T\x14\x15&gt;\xfaH\x97\xfb*G\t!L\xd3\\\xb8p!\x00\xe0\x87\n\x99\xa6\xa9(JjjjBB\xc2\xb6m\xdbl6\x9b\xae\xebukW\xdf\xb8n\xfe[S_\xb2\x08\xc1r\xf3(\xa5eW\x87!\x04\x14U\x11\x02L\x87\xa3J\xe5\xc8/\x97}\x98\xf4\xefI\xc1\x016\xce\x85\xd5j\x993g\xce\x93O&gt;\xe9p80\x07\xf8\xba\xf2H\x00r\xe6\xc0\x89\x13\'\xf6\xef\xdf/#\xfe\xe8\xa1\x7f\x01 \x02\xfc7\xfa\x03\x00!\x84\xb9\x8c\xe0\xe8J\x03\xfa&gt;,Gb\xbe\xf9\xe6\x1b]\xd7\xb1\xba\xea\xe7\xe4\x90oJJJBBBjj\xaa\xc5bq:\x9d}\xff\xd2}\xe7\xd6/:timfg\xca\x82j9\\\t!\xa0\xaa\x8ap\x19,\xc71|\xf4\x80\xcd\x1b\x17\xc55\xad\xe7r\xe96\x9bm\xd9\xb2e\x89\x89\x89\x98\x03|]9%\x00\x00X\xbdz\xb5\xae\xebB\x88\xca1\x91\x9d;\xc7Cq\x91?7\xff%B\x08p\xb3\xf7\xe3\xdd(!\x94\xd2\xe3\xc7\x8f\xa7\xa6\xa6\x12Bp\x9bh\xbf%+?{\xf6\xec\x91\xe1U\x1e$7~\xec\x80\xaf\x96\xff+"&lt;\x84\xe5\xe4\xa9\x9aZ\xce\x03E\xb2\xcadfg\xc5\xb5j\xb2~\xed\xa7\x89\tm\x9dNg\x80\xcd\x96\x92\x92"/\x12\xb0\xdb\xea\xb3\xca#\x01\xc8Q\xdf\x15+V\x00\x80\x10"\xf1\xa1v!1\x95\x98n\xe0\x80\xa7\xa2PQT\x14\x17\x1f[\xa7vu\xce\x05\xe7\xdc\xfd.y\xfa\xd2\x90\x07\xc8}\x17\x1c\x0eG\xdf\xbe}\x1d\x0e\x87\xa6i\xba\xae\xcf\x9d5q\xc6\xac),\xaf@\xe8\xba\x07\xd7K\xaa\x9a\xcar\xf2\xec!\xc1\xdf\xaf[0b\xd0\x13\xc5\xd7s\xc0\xc8\x91#e\'\x00oZ_T\xe6\t@\xae]\xbc|\xf9\xf2\xc1\x83\x07\xe5B\xd7\xbeOt\x07!\xc0\xbf\xeb?n\xcc`\x96\x90\xd0^\x8ft\x95\xcb/7n\xdc\x88\xbb\xaf\xf8\'\xf7\x01y\x89\x89\x89\xa7O\x9f\xb6Y\xad\x86a\xcc\x9d5q\xc4\xd8\xc1\x86\xe3\x8aB\x89\xc7gL(\xaa\xc2\r\x83\x15\x14\xce]\xf0\x8e;\x07\xacX\xb1b\xf4\xe8\xd1x\xba\x91\x8f*\xf3[J\xde\x16?\xfc\xf0\x83\xdc\xa6\xca\x1e\x1e\xda\xaem3p\xfa\xf5\xf0oI\x84\x10\x10\xacg\xf7\xf6\x84\x00\xa54==\xfd\xc4\x89\x13\x84\x10\xecS\xfb\x1b\xf7\x01y)))\x016\x9b\xd3\xe5\x9a\xf4\xea\x88\x11c\x87\x1b\xd9\x99\x9a\xaa\x82wt\x97)\xa5\x94\x0b\x99\x03\x1e\xea\x12_\xectZ\xad\xd69s\xe6\xe0\tw&gt;\xaa\xcc\x13\x80\xac\xf3l\xd8\xb0\x01\x00\x84\x10\xcdb\xeb\x85W\x8e\xe2X\xff\xb9\x8eR\x02Ngl\x93\xba\xf6\xf0P!\x84\xcb\xe5\xda\xbe};`Q\xd5\xcf\xc8\x81_yV\xa8\xcdf-v:\x07\xf7\xff\xf3[S\xc7\x1b9WT\xd5\xbb\xf6H\'\x94\x10\xcey\xb1s\xe9\x973b\x1b\xd5v\xb9t\x8b\xc5"\x0fvU\x14\x05\xef[\xdfR\xe6\t\x80Rj\x9afZZ\x9a|\xd8\xa5cK\xa2Z8\xc7r\xe15\x84\x10\xae\x1b\x11U\xa3\xe3\x9a\xd5\x97U\xd4}\xfb\xf6y\xfa\xa2P\xb9\x92E\xbf\x93\'O\x8e\x1b7N\xd34\xa7\xd3\x15\xdb\xa8\xceG\x1fO\xe2.]\xf5\xca\xed\x01)\xa5\xc2\xa5GFG.Y\xf8\xcf\xc0@\xab\xac\\\r\x1e&lt;\xd80\x0c\xf79\x94\xc8\'\x94m\x02\x90\x0b\xd9\xb3\xb3\xb3O\x9d:%\xef\xe3\xb6\xf1\xb1\x00\xdc\x1boj\xcf\xe1\\\x10\xc5\xda\xa6U\xac|\x98\x9a\x9a\x8a[n\xf9\x15\xb9\xed\xfe\xa8Q\xa3\n\x0b\x0b\x01 88p\xc9\xc2\xb7\x03\x83\x03\x85K\xf7\xda\xe3Q\x15U1src\xe3\x9b\xcf~\xefe\xc30\xac\x16Kjj\xea\xdbo\xbf\x8d\x9d\x00\xdfR\xb6QF\xde\n\'O\x9e\xcc\xcf\xcf\x07 \x81\x01\xb6\x86\xf5j\x82\xee\xc2\x04P\x12!\x04\x80\xb5h\xd6@&gt;\xcc\xc8\xc8(**\xa2\x94bK\xca\x1f\xc8\xd2\xff\xe2\xc5\x8b\xd7\xaf_o\xb5Z\x0c\xc3\xf8\xbfIcc\xe3[\x9ay\xf9^\xbeG\xba\xaa\xa9\xa6#{\xc8\x98\x81}{=\xe4\xd2uM\xd3\xa6M\x9bv\xec\xd81\xcc\x01&gt;\xa4\xcc{\x00\x00p\xf4\xe8Q9K\xacRTxdt\xa40L\x8c\xff%\x11\x02\xc0Y\xad\x9aU5M%\x84\xe4\xe5\xe5\x9d={\x16p2\xa8\x1f\x90]\xe4\xac\xac\xacW_}UU\x15\x97K\xef\xd4&gt;n\xcc\xff\x1bd\xe6f\xf9\xc4\xf1\xa8\x94R^\\4k\xc6k\xf6\xf0\x10\xce\xb9a\x18\xcf?\xff\xbc\xa7/\n\xdd\x81\xf2\xa83\x9c9sF~\xf1@\xcd\xaa\x81\x91\xa1\xc2d\xd8\x03(\x89\x10\x02.\xfd\x81\x1aU\x82\x02mB\x08\xa7\xd3y\xe9\xd2%\xc0\x04\xe0\x07d\xado\xf6\xec\xd9\x97.]\x02 V\x8b6\xf3\xff^\x04\x10\xd4G\xfe\xf2\x94\x12\xe1tE\xd7\xa8&gt;\xe5\x8d\xd1\x8c1MS\xd7\xae]\xbbi\xd3&amp;\xb9\xf4\xc7\xd3W\x87n\xadl\x13\x80,d\xcb\xc3+\x00\xa0yl=\x00\x15\xe3\xda\r\x08!\xc24\x83\xa2\xc2\xeb\xd6\xbe_&gt;s\xf0\xe0A\xc0\x04P\xd1\xc9%2W\xae\\\x995k\x96\xa2(\xa6i\xf6\xeb\x9d\xd8\xa2c[\x96_\xe0C\xc7\xa3RU\xe1\xf9y\xa3\x9e\xed_\xbfn\r\xd3d\x000y\xf2dy\xf8\x87\xa7/\r\xddZy\xdcg\xd9\xd9\xd9\xf2\x8b\x08{\x18\x10\x8aa\xed\xb7\x04\x17\x9a\xcd\x1a\x1a\x12$\x1f\xe6\xe4\xe4x\xf4rPy\x90[\xe4.^\xbc8++\x8b\x10b\xb3Y^{i\x88\xd0\x8b\t\xf5\xea\xd2\xff\r\x08\x800\x99\x1a\x14\xf4\xfa\x0bC\x84\x10\xaa\xaan\xda\xb4i\xef\xde\xbd\xb8\xa3\x89O(\xf3\x04`\x9a\xa6\x9c\xdb\x00\xb8\xd9\xfd\x1f+q\xeevnn.\xe0\xdbU\xd1\xc9V\xff\x82\x05\x0b\xe4\xa6\xff\xbd\x1e\xedZ?.\x96\x17\xfa\xde\x1eYTUDA\xfe\x93O\xfd\xb9\xd6\x03Ue\xd0OJJ\xc2\xbb\xd7\'\x94a\x02\x90=\xdc\xbc\xbc\xbc\x8c\x8c\x0c\xf9L\x9bVM\x00\xfc\xf1\xfc\xaf[\xe2\\\x00\xb5\xb4i\xd5D&gt;\xdc\xbbw/`\x02\xa8\xd0d\xf3\x7f\xcb\x96-\x87\x0e\x1d"\x84PJF\x0e\xea%\xb8\xe9%+~\xef\x08\x01\xe0\x06\xb3\x86\x86\r\xea\xff\x88\x10\x82R\xb2r\xe5\xca\xabW\xaf*\x8a\x82eL/W\x1e+\x81\xdd\r[\xcd\x17&amp;6x\x90\xfb\xfd\xf1\xb6\xc5\x9f\xa8\x8c,Z\xb4\x08\x008\x17\xf1-\x1aw\xe9\xd1A\x14\x14(\xbeS\xfd/\x89*T8\x8bF\r\xfbkHH \x00\xc9\xcc\xcc\xfc\xee\xbb\xef\xe0\xfaN0\xc8k\x95\xeb\xdd\x86\xcd\x81?\xe6~\x7f\xf0\x8d\xaa\xd8\xe4\x86\xfe\xb9\xb9\xb9\xeb\xd6\xad#\x84\x00\x88\xde\x8f\'\x80f\xe5\xccW\xff\xee\x84\x10\xe1\xd4cjV\xeb\xdc\xbe\x85\x1c\x01^\xb6l\x99(Q\xd5\xf49rI3\xe7\\Na\xaf\xa8\x1fI_\xfd\xf3 \xe4\xbb\xe4:\xa9\xbd{\xf7^\xbcx\x91\x10b\xb5j\x8f\xfd\xa93\x18.\xdf\r\x97\x00\xc0\x85\x00\xaa\xf4\xe9\xf5\x10\x00\x00\x88\x1d;v\xc8\xe3b|(t\n!\x18c\xa6i\xca\x1c&amp;\xab\x17\x94R\xf95\xe7\\\xfe/O_fi\xc2\x1e\x80\x17\xc1\xf7\xc7O\xc8?\xf4\xd6\xad[\x01\x80s\x1e\xdb\xa8N\x9d&amp;uD\xb1\xd3\xe7\x86\x7fKR\x14\n.g\xf7\xaem\x82\x02m\x00$\'\'\xe7\xc0\x81\x03\xe0#\xdb\x1a2\xc6\xe4\xa8\x8c\xa2(\xaa\xaaRJ].Wvv\xf6\xf9\xf3\xe7\xcf\x9d;\x97\x95\x95\xa5\xeb:\xa5T\xfe/\xc6X\x85\xf9\xa8\x96G\xad\xd9\xfdfai\xfb\x8f\xb9\xdf\x9f\ns{\xa1\x9b\x92\'\xa8l\xde\xbcY&gt;\xec\xd8\xae9\xb5\x04\x98\x85N\xd5\xbb\xf7~\xf8c\x84\x10\xe1\xd2c\xee\xbf\xafa\xfd\x07\xf6\xa4\x1e\x01\x80\xcd\x9b7w\xed\xda\xd5\'nfy\x02\xc7\xe5\xcb\x977o\xde\xbce\xcb\x96\xb4\xb4\xb4s\xe7\xce9\x1c\x0e\xb9\xbd\x9d\xc5b\x89\x8a\x8a\xaaW\xaf^\xb7n\xddz\xf5\xeaU\xabV-\xb8\xbe\x88\xcf\xd3\x17~\xaf\xca&lt;"\x13B\xdcq-+;\x07\xcf\x81\xb9)B\x00\x04\xcf\xca\xce\x91\x0f5M\xf3\xe8\xe5\xa02\xe4\x9e\x1d\'\x97\xfb\x01@\xa7\xf6-\x00D\x05\x98\xf4\xc5\x18Wm\x81\xed\xdb4\x93\t`\xc7\x8e\x1dp}5\xa8\x97[\xbbv\xed\xc2\x85\x0b\xd7\xae]\x9b\x95\x95\xf5\xdb\xff[TT\x94\x93\x93s\xe2\xc4\x89\xef\xbe\xfb\xee\xad\xb7\xde\x1a&gt;|\xf8\xd4\xa9S\x83\x83\x83+@\x0e(\xc3\xab\x97U\xb3\xb0\xb0\xb0\xc6\x8d\x1b\xcbg\xf6\xed?\n\x803\xc3n\x82\x10\x02\xdc\xd8{\xe0\xa8|\xd8\xb6m[\xf0\x91\xbe3\xbaS\xf2\xfe?q\xe2DNN\x0e!\xc4f\xb54nX\x0bL\xbd\x02$\x00\x00\x00\x10-\x9b7\x94_\x1d9r\xc4\x9b\xb75\x94WUTT\x94\x90\x90\x90\x98\x98\xf8\xe5\x97_fee)\x8ab\xb1X\xacV\xab\xa6i\x8a\xa2\xc81\x00UU-\x16\x8b\xaa\xaa\xaa\xaa\x16\x16\x16\xfe\xeb_\xff\xea\xd2\xa5\xcb\xc5\x8b\x17eO\xce\xd3\xbf\xc7=)\x8fi\xa0\xee\xf7( \xc0Z\xd6\xff\x9c\x0fS\x14\x9b\xd5"\xbf\xf4\xce\x0f\x0c*\x15\xf2\x8f{\xea\xd4)\xd34\x85\x10!!AU\xaaD\x83nT\x80\xf8/\x8f\xb7\xabS\xbb\xba\x1c5\xcd\xca\xca\xca\xcc\xcc\x04o\xbd\x9feh\xb2\xd9l\x8a\xa2\x10Bl6\x9b\xa6i\x8c1]\xd7].\x97a\x18\x8c19\x0b\xc84M]\xd7\xdd\x83\xc3\x16\x8be\xef\xde\xbdO&lt;\xf1\x84\xd3\xe9\x04o\xfd\xednSy\xec\x06Z\xa7N\x1d\xf9\xf0\xc4\xa9s X\x05\xb8\xd1K\x1dQ\xa83\xb7\xe0\xdc\xf9+\xf2a\xed\xda\xb5\x01\x17\x82UP\xf2C\xe1\xde \xaba\xfd\x07\x82"\xc3\xb9Y\x11\x16HRJ\xc0\xa5\xd7\xad}\x7fXh0\x80(**:q\xe2\x04xq\x88\x94\xe5\xb8\xc9\x93\'\x03\x80\xd3\xe94\x0c\x03\x00Z\xb4h1a\xc2\x84E\x8b\x16m\xd8\xb0a\xc7\x8e\x1d[\xb7n]\xbat\xe9\xd8\xb1c\xa3\xa3\xa3e\x02\xd0u]\xd3\xb4\xdd\xbbw\xcf\x981\xc3\xd7;\x01e;\x06 \xff\xf0r\xcc\x04\x00\x8ef\x9c\xe6\xa6\xee\xf1\xb3\xad\xbd\x8d\x10\x82hZ\xde\xe5+?\x9f\xbfD\x08\x08\xf1\xcb;\x86**w\xd4 \x04\xa8B\xb9\xa8(\xa3cB\xa8\xaa"\x04\x971\xdf\xcb\x17\x82\xc9\xa3\x0b\xda\xb5k\xd7\xae]\xbb\xa3G\x8f\x0e\x1d:\xb4\x7f\xff\xfe-Z\xb4\xf8\xedw&gt;\xf9\xe4\x93o\xbc\xf1\xc6\xf0\xe1\xc3\xff\xf7\xbf\xff\xc9\x89@\x94\xd2\x8f?\xfe\xf8\xf9\xe7\x9f\x0f\n\n\x92\xdbz\x97\xff\xf5\xdf\xbb\xb2\x8d\xc5\xf2Mi\xd0\xe0\xdaQ\'\'O\x9f+\xcc\xca\xa5*\x0e\x03\xfc\n\xe7\x02\xac\x96\x13\xa7\xcf\x15\x15\xb9\x00H```\x8d\x1a5\x00{\x00\x15\x94\x1c6\xdc\xb9s\xa7|\x18\xd7\xb4&gt;\x90\n\xb2E\xae\xdc\xd768*\xbc^\x9d\x1a\xf2\x99\xdd\xbbw\x83\x17\xf7\x00\xdc\x16-Zt\xf0\xe0\xc1\xf7\xde{OF\x7f\xd34M\xd3d%\x18\x86Q\xb9r\xe5\xe5\xcb\x97\xd7\xad[W&amp;o!\xc4\xb9s\xe7\xe4\xae-\xbe\xdb\t(\x8f\x04P\xabV-U\x95G\x9d\x14^\xb8p\x05,\x9a\xd7\xdf\x0f\xe5J\x08\x01D9q\xf2g\xb9\xe6022\xb2R\xa5J\x80\t\xa0B\x93\xd5\x06\x00\x88\x8c\x08\xafH[\xe4\xca}m\xc3B\x83\xe5C\xf7\xaf\xe9\xb5d&gt;\xaeS\xa7N\x95*U\xdc\xeb\xbc\xe4x\xafR\x82\xa6i\x86a\x04\x04\x04\x0c\x1b6L\xfe\x94\x1c98t\xe8\x10\xf8B\x86\xfb=\xe5\x91\x00\xea\xd4\xa9c\xb7\xdb\x85\x10N\x97~\xe8\xc8)P-\xbe\xfb~\x95\x19\xb2w\xff\x11\xf9U\xe3\xc6\x8d\x03\x03\x03qG\xf5\x8a\xcd\xfd\xc75M\xd3\xb3WR\xfa\x840\x99\xbb\xc0\xe5\x1b\xf7\xb0l{\xc9u^\xbf\xf7=r:S\x93&amp;M\xe0z\xc4\x17B\xdct\xda\xa8\x0f)\xf3\x04\xc09\x0f\x0e\x0e\xae_\xbf\xbe|f\xeb\xf6T\x00\x82\t\xa0$E\xa1\xccU\xbc}\xd7\x01\xf90..\x0e|\xb9S\x89\xee\x88\xaf\x84\xc8;\xe2s\xbf\x93\xdc\xef\xe1\x96\xdfVrkKI\xae \xf3]e&gt;\x1e+\xd7J\xc8\xa0\x06\x00[w\xa42g\x91\x8fnyX\x16\x84\x10\xc4f\xb9x\xfa\xfc\x91c\xa7\xe5\xbd\xd5\xaaU+\xa8\xa0q\x01\xb9\xb9\xff\xbe\x15\xf2\x0f]!\x7f;\xb9%\x9c&lt;\xaf\xdb\xfd{\xc9j\xad\xef*\x8fu\x00\x00\x90\x98\x98(\xa7\x06\x1f=v\xfa\xf2\xd9\x8b\xc4\x8aU\xa0k8\x17`\xb1\xee\xdd\x7f\xa4\xb0\xc8\t \xc2\xc2\xc2\xda\xb5k\x07&gt;\xb2~\x12\xdd5w\xe5\xc70*Z\tHp\xe1\xfe\xed*X\x81\x8b\x10\xb2j\xd5*\xb8\xbem\x1c\x004k\xd6\x0c|\xf9\xd3Z\xe6\xd7-\xdf\x9a\x0e\x1d:\x84\x87\x87\x03\x88\xc2"\xe7\xba\x8d\xbb\xc0jc\x0cK\x1c\x92\x00 _\xffo\x13\x00p.\xe2\xe2\xe2\xee\xbb\xef&gt;\x1c\x00\xa8\xc0d\xd3\xa7e\xcb\x96\xf2\xe1\xae=\xe9\xc0u\x9f\xde\x06\xceM\x08A-Z\xee\xa5\xcc\xc3GO\xc9g\xe4\xa4\x9a\np3\x1b\x86\xa1\xaa\xea\xb7\xdf~\x9b\x9c\x9c\xec\x0e\xf7\xf5\xeb\xd7o\xd6\xac\x99O\xefz]N+\x81e\xc3V6\xfa\x97\xaf\xfc\x018\xa3\xbe\x7fO\xdc;!\x84b\xd1\xf2._Y\xb3n\xbb\xfc\x90&lt;\xfc\xf0\xc3\x80\x03\x00\x15\x9aL\x00\xa1\xa1\xa1\xf2!\xe3\xbc\x82\xac\x00(\xc1\xdd\xbc\x0b\x0b\x0b\xf3\xec\x95\x94\n\xc304MKMM\x1d4h\x10\\_&gt;&amp;\x84x\xf5\xd5W-\x16\x8bO\x7fZ\xcb#q\xc9\xf6l\xdf\xbe}\x01\x80R\xbae\xfb\xbe\xcbg\xce\xd1\x00\xac\x02\x01\xe7\x02\x02\x03\xb7m\xddw\xe9r\x96\\b\xfe\xc4\x13O\x80/\xf7(\xd1m\xba\xff\xfe\xfb\xe5\x17\'N\xfd\\\x94\x95G*\xc4\xe2\x18!\x04X-\xa7\xce\x9c/((\x96\x9b+\xc4\xc4\xc4\x80\x8f\xf7\x00L\xd3\xd44m\xeb\xd6\xad=z\xf4\xc8\xce\xce\x06\x00UU\r\xc3x\xe4\x91G\x06\r\x1a\xc49\xf7\xe9q\xe0\xf2\x084\xf2\rJLL\x0c\t\t\x01\x10\xf9\xf9E\xdf|\xb7\x05\xac\x81X\x05\x02\x10 `\xc9\xf2\xef\x01\x80s\x1e\x17\x17W\xa7N\x9d\n\xb0\xc5 \xfa\x032\x1a6l\xd8P\xce&lt;\xc9\xcc\xcc\xc9\xba\x92E4\xd5\xf7\xe3?\x08\x01@\x95\xd3g\xce\x1b\xa6)\x84\x08\r\r\x95y\xceG\x13\x80,\xf4\xab\xaa\xbat\xe9\xd2\x1e=zdff\xca\xe9\xff\x86a\xc4\xc7\xc7/^\xbc\xd8w\x17\x00\xbb\x95G\xa0\x91U\xa0\xca\x95+?\xf8\xe0\x83\xb2\xb74w\xe1J\xeerR\xff\x9e\x0b$\x84Pl\xd6\x8b\'\xcf|\xfd\xbfM2\xe2\xf7\xe9\xd3\xc7\xd7\xb7\x16A\xb7$\xff\xd6\xb5k\xd7\x0e\x0e\x0e\x06\x10E\xc5\xce#\x19g\xc0b\xad =\x00P\xf6]\xdf\xd4\xb6n\xdd\xba\xbe\xbb\xa2E\xce\xf9Q\x14e\xf2\xe4\xc9\xfd\xfb\xf7w:\x9drgP\xd34\xbbt\xe9\x92\x9c\x9c\x1c\x1e\x1e\x0e&gt;\x9b\xdb\xdc\xca)\x04\xcb\x9b{\xd4\xa8Q\x00BQ\x94\xbd\xa9G\xf6\xed\xdcO\x82\xfd\xba\x13\xc0\x18\x07[\xd0\x97\xcb\x93\x0b\n\x8b\x01DPP\xd0SO=\x05\xbe?\xb3\x18\xfd1B\x88\x10"""\xa2n\xdd\xba2\xe6\xefL9\x08\xe0\xa5{&amp;\xdf\x11J\x890]\xbb\xf6\\;\xe7\xa0e\xcb\x96&gt;\xda\xa0\x91\xa7\x01SJG\x8e\x1c9i\xd2$\xb9/4\x00\x98\xa6\xf9\xf4\xd3O\x7f\xff\xfd\xf7v\xbb\xbdb\xf4\xd4\xcb\xe9\x17\x90c&amp;\t\t\t\r\x1b6\x94;\xac~\x94\xb4\x9cP\x15\xc0\xe7o\xfa\xbb#\x00\xa8\xa6\xb8\xf2r\xe7-ZE\x08\xe1\\\xf4\xe9\xd3\xe7\xbe\xfb\xee\x93\xe7\xd2y\xfa\xeaP\xd9\x92\x85\x85N\x9d:\xc9\x87\x9b\xb7\xed\x03n\xf8\xfaD 9\x05(\xe7Rf\xea\x81c\xf2\x1e\xee\xda\xb5+\xf8f\x1bYV\xf6\x9f\x7f\xfe\xf9\xa4\xa4$M\xd3\xdc\x07\xc4\xbf\xfd\xf6\xdb\x8b\x17/\xb6Z\xad\x15#\xfaC\xb9%\x00B\x08c,  `\xf8\xf0\xe1r\xc9\xf5\x17\xcb\xbf?\x96\x9aN\x83\x02}\xb1\x81p\xef\xb8\xc9hp\xe8W_|{\xe4\xd8i\xd9\xe4\x7f\xee\xb9\xe7&lt;}Q\xa8\x9c\xc8\x98\xd8\xb9sg\x00\xa0\x94\xecM=r\xe9\xf49j\xf3\xedi\x11\x9c\x0b\xb0\x05\xec\xd8y\xc0\x91\x93\x07\x00\x81\x81\x81\xf1\xf1\xf1\xe0\x833\x1a\x18c\x8a\xa2,_\xbe|\xd6\xacY\xf2\x84\x00Y\x0b\xfa\xe2\x8b/^{\xed5\xf9\xd0\xe7~\xa9\xdfS~\xbf\x86\xa2(B\x88\xa7\x9f~:22R\x08\xae\xeb\xc6;\xd3\xe7\x13\xcd*\xb8\x0f\xdf\xf4wG\x00\x10Mq\xe5\xe7\xbd\xfd\xc1\x02wU\xb1E\x8b\x16\xbe&gt;\xa3\x00\xdd&amp;\x19&gt;\xda\xb4i#\'\x83\xe6\xe6\x15$\xaf\xdb!\xac\x01\xbe]\x11\x15\x02\x08Y\xb6j\x9d\x10 \x84\x88\x8d\x8d\xad\\\xb9\xb2/\x0e\x00\xc8\x13\xe1\xdfx\xe3\r\xf7aV\x94\xd2e\xcb\x96\xf5\xef\xdf\xdf0\x0c\xb9\x07\x9c\xa7\xaf\xb1\xd4\x94_\x02\x90\xefftt\xf4\xb8q\xe3\x18\xe3\xaa\xaa.]\xb1\xf6X\xeaA\x1a\xecw\x9d\x00\xd9\xfc_\xfa\xf97\xc7\x8e\xff$w\xc5x\xeb\xad\xb7\xbc\xf6\xe4&lt;T\xea\xe4g\xa1J\x95*\x1d;v\xe4\\\x00\xc0\xf2U?\x10\x10\xbe[\x04\x12BP\xabV\x98\x99\x95\xfc\xc3\x0e\x19\x1f\xff\xfa\xd7\xbf\xca\xdd\xf6=}iwF\xd6`\xb7o\xdf~\xfc\xf8q\xf9\x8bp\xce\xa7N\x9d\xda\xabW/y\x0e\x8c\xa7/\xb0\x94\x95kGF\xc6\xb8\xb1c\xc7\xca\xcdA]\xba\xf1\xfcK\xef\x12U\xf5\xab\xb0\'7\xffq\\\xb8\xf4\xea\xe4\xd9\x8a\xa2\x18\x86\xf9\xe0\x83\x0fv\xe9\xd2\x05\x9b\xff~EF\xc6\x01\x03\x06\x00\x00\xa5t\xc3\x96\x94#{\x0e\x92\xa0@\xee\x9b\x1db\xce8\t\x0cZ\xb1"Y\xaeh\t\x08\x08\xf0\xd1\x15-\xb2\x11\xb6s\xe7NB\x88\xaa\xaa\x8c\xb1\x9a5k\xbe\xf0\xc2\x0b\x8c\xb1\x8a\x17\xfd\xa1\x9c\x13\x80l\xf8DFFN\x992\x851f\xb1hk7\xecZ\xb1\xf8k%,\x8c\x99^}rP)\xe2\x8c\xd3\x80\xe07\'\xcd\xbat9\x8bR\xa2\xaa\xea\xfb\xef\xbf\xef\xe9\x8bB\xe5M&amp;\xfb\xc7\x1e{\xec\xbe\xfb\xee\x13B\x14\x17\xbb&gt;\xfd\xeck\xa2\x05\xf8\\\x93Y"\n\x01\xc3\x98\x9d\xb4\x1c\x00\xe4t\x0fyp\x8a\xcf%\x00\xe9\xa7\x9f~r\x17\xfa\xbbt\xe9b\xb1X*\xc0\x94\xff\x9b*\xef?\x8f\x9c\x166j\xd4\xa8\x16-Z\x18\x86\xa9(\xf4oo\xcd\xca\xcfr\x80E\xf3\x87\x02\x08c\\\t\tN\xdd\xb6\xfb\x93\x05\xff\xd54\xd50\xccQ\xa3F\xb5l\xd9R\x9e0\xe7\xe9\xabC\xe5\x87\x10b\x9afppp\xff\xfe\xfd\xe5\x18\xe3\xe2\xa5\xff\xcb\xfa\xf9g\xc5\x07\x87\x82\x19\xe348d\xd3\xda\x1f\xf7\xed?\xaa\xaa\xaa\x10b\xd4\xa8Q\xe0\x9b\xc7\xa4\xc8(_XXH\xaf\xabQ\xa3\x86/\xfe"\xb7\xa9\xbc\x83\x8e\x9c\x04\xad\xaa\xea\xcc\x993\xe5\x17\xa7\xce\x9c\x7f\xed\xd5\xe9JP\xa8\x97\x1f\x1fz\xef\x84\x10\xa0Pf\x18\xc3\x9e\xfb\x07c\x9cs\x11\x1d\x1d=e\xca\x14\xdfm(\xa1{!\xff\xe8\xc3\x87\x0f\xb7Z\xad\x84\xc0\x95\xab\x8e\xd9\x1f\x7fI\x02B|\xef\x83@\x00\x84\x98\xfc\x7fI\x9cs\xceY\xfd\xfa\xf5\x13\x12\x12|z\xaaLaa!\xe7\xbc\xa8\xa8Hv\xc8*d\xdb_\xf2\xcc\xd9,r\xa2\xd5\xd8\xb1c?\xfa\xe8#\xab\xd5\xe2r\xe9+\x16\xbf\xfb\xd7\xa7\x9f`\x8elE-\xdbs\xea=\xc84M\xd5\x1e9a\xcc\xdfg\xfe{\xa9\xd5bq\xe9\xfaW_}\xd5\xb7o_\xf9nx\xfa\xea\x90\x07\xc8?\xfd\xe0\xc1\x83\x17-Z\xa4(Jxxpz\xca\x7f\xa2+G\x81a\xf8\xcan\x89\x8c1%,t\xed\xd7\xeb\x13{\x8d\x95\x9d\xdaE\x8b\x16=\xf3\xcc3&gt;zW\xcbR\xcf\xe1\xc3\x87/_\xbe,\xcb\x15\x0f&lt;\xf0@\xcd\x9a5+j\t\xc83\t@.\xac(,,l\xde\xbc\xf9\x993g(!!!\x81{\xb6-}\xa0\xce\xfd\xa2\xa8\xb8Bn\x11a\x1a\xa6\x1a\x11\xf1\x9f\xcfW\xf5\x1e\xf8\x8a\xcdju\xba\\}\xfb\xf6\xfd\xea\xab\xaf|\xf4s\x82J\x85\x9c%\x99\x91\x91\xd1\xb4iS!\x84a\x18\x83\x9e\xfa\xf3\xc2%3MG\x96\xea\x0b-!!\x04\'\x84\x13\x1a\xdb\xa2W\xc6\x89\xb3\x84\x90\xbau\xeb\x1e8p@\xd34y\xfe\x87\xa7/\x10\xdd\x82gB\xad\xbc3BBB\xbe\xf8\xe2\x0by\xca\x9a#\'\xff\xa9A\xaf\x80\x10DS+^\xc5\x8d3\xa6\x86\x87\x9e&gt;r|\xc4\xb8)\xaa\xaa\xea\x86Q\xabV\xad\x7f\xff\xfb\xdfX\xfc\xf1\trS0\xc6\x98\xf9k\xf2\xc9{\xb9]e\x1b\xb3~\xfd\xfa/\xbd\xf4\x92a\x18\x16\x8be\xf1\xd2\xef\xd6\x7f\xfb\x83j\xb7\xfb\xc4\xb4\x08f2%\xc4\xfe\xf6\xb4\x7f\x1f;\xfe\x93\xa6\xa9\x9c\xf3\x0f?\xfc\xd0j\xb5\xfaz{\x991\xe6\xba\xce\xf7*rw\xc2\x93\xc7\xf3\x9a\xa6)\x07\x03&amp;L\x98`\xb3\xd9\x9cN\xe7\x88g\x1e\x9f\xfb\xe94\xb3\xb0H!\xbe\xd2\x03\xbe5\xce9h\x9a#\xaf\xb0\xe7\x9fF\xecI=b\xb1X\x18c\xdb\xb6mk\xd3\xa6\r&amp;\x00o\xe6^\xf3y\xcb\xbf\x91\xcc\x10\xb2)s\xa7\x81O\xf6\x86\x0b\n\nZ\xb4hq\xfa\xf4i\x00x\xa0F\x95\x94\x1dK\xc3B\x82\x88a\x12/^\x1a\xc0L\xa6\x84\x87\xee\xda\xb4\xbbc\x8f\xa1\x84P\xc30*F\xa7\xf6\xb7\xd9\xab\x02\x7fN=|&gt;\xbb\xcc\x01}\xfa\xf4Y\xb1bE@\x80\xad\xb8\xd89\xe9\xd5\x11o\xbd\xf3\xba\x91}Y\xd3|\xa0\x0b|K\x82\x0bN\x89\x12\x1c\xd4\xbd\xdb3?lJ\x91yn\xc6\x8c\x19\xe3\xc7\x8f\x97\xbf\xbb\xa7/\x10\xdd\xc8\xbd\x11\x98;\n\xe4\xe6\xe6fdd\xe4\xe4\xe4\xec\xde\xbd\xbb\xe4\x19\x87M\x9b6\x8d\x8c\x8cl\xd4\xa8QTT\x94\xfbI\xd34\xeft\xb1\xa8\x8c\x98\xeb\xd7\xaf\x7f\xe8\xa1\x87\xacV\xab\xcb\xe5\xea\xfdX\xb7\xe5+?2\xf3\xf3Uo\x8d;\x82\x0b\xb0\xa89y\x85\xad\xda&gt;y\xe6\xecE\x02\x10\x19\x15u\xf0\xe0\xc1J\x95*\xf9\xf4\xf0\xaf\x8c\xfe\xc5\xc5\xc5_\x7f\xfd\xf5\xb1c\xc7\xaaT\xa9\xf2\xe8\xa3\x8fV\xae\\\xd9\xd7\xfb4\xbf\xc7\xc3\t@6\x7frss\x13\x13\x13SRRdq|\xee\xac\x89#\xc6\x0e6\x1d\x99\xbe\x1e\x1f\xdd\xd1\x7f\xe4\x90\xd7\x92\x16\xad\n\xb0\xd9\x8a\x9d\xce\x11#F\xcc\x9d;\x17\xa3\xbf\x17\x92\xa1\xdf\xddzMII\xd9\xbcy\xf3\xf7\xdf\x7f\x9f\x96\x96v\xf5\xea\xd5\xdf\xfb\xa9\xb0\xb0\xb0z\xf5\xea=\xf8\xe0\x83={\xf6\xec\xd8\xb1\xa3\xd5j\x05\x009\xaf\xf7\xf6C\x86\xcc\x01\x13&amp;L\x989s\xa6\xfc\x14\xccxg\xc2\xf8W\x9f3\xb23\xbd\xb0%$\x04\x98\x9ck\xa1!}z=\xb7b\xf5\x06y\xc1\xcb\x97/\xef\xdd\xbb\xb7O7\xffe0\xcc\xcc\xcc\xec\xd9\xb3\xe7\xbe}\xfb\xe4\x93\x95+W\xfe\xfa\xeb\xaf\xe3\xe3\xe3}:\xb1\xfd\x1e\x0f\'\x00\xb8\xde\xbdr8\x1c-[\xb6&lt;}\xfa\xb4\xa6i\x86a\xc8\x1c`825E\x01\xdfL\xbc\x9csA\xe9\r\xd1\xbfw\xef\xde\xcb\x97/\xbf\xd3\xe8\x80\xca\x81;r\xe5\xe7\xe7\xafX\xb1"))i\xc7\x8e\x1dw\xfa"\r\x1a4\xe8\xd7\xaf\xdf\xb0a\xc3\xaaU\xabV\xf25oI\xe6\x1e\x00\xe8\xd8\xb1\xe3\xce\x9d;eH]\xf1\xf9\xbb\x7f\x1d\xf0W#\xeb\x8af\xf1\xae5\xa8\x86ij\xf6\xe8\t\xcf\xbd1\xf3\xe3/e\xa7v\xfc\xf8\xf13f\xcc\xf0\xf5f\x8d\xbc\xfe\xb7\xdf~\xfb\x8d7\xde\xb0Z\xad\xf2\xcf\xe7r\xb9z\xf4\xe8\x91\x9c\x9c\\!\x0bA\x9eO\x00p\xfds\xb2g\xcf\x9e\x1e=z8\x1c\x8e\x129`(\xcb\xcd\xa4@\xbc\xb9\x12zS\x9c1j\xb5\x80\xcdV2\xfa\xc7\xc7\xc7\'\'\'\xcbSR+\xde\x9d\xe4\xd3\xe4\'_\xd7\xf59s\xe6\xbc\xfb\xee\xbb\xe7\xce\x9d\x03\x00EQ\xdc\x03\x80\x8a\xaa\x84\x86\x04\xd7~\xa0jHX0\x98\x1c(a&amp;;|\xectQaqQ\xb1\xf3\xda\xf7\\\xff\xfe\xd0\xd0\xd0A\x83\x06M\x9c81::Z\xce\xf3\xb9\x9dd/\xbf\xf3\xf4\xe9\xd3\xadZ\xb5\xca\xcd\xc9\xa1\x8a\x12\x12\x1c\x90\xfc\xcd\'\xf1\x1d[\x19Y\xd9\xde\x92\x03\x04\x18\xa6\xa9ED%\xcd^8r\xdcTY\xb0j\xd7\xae\xdd\xd6\xad[\x01\xc0\xd7\x9b52\x10\xf5\xef\xdf\x7f\xd9\xb2er\x97F\xb9{\xcd\x03\x0f&lt;p\xe4\xc8\x91\n\xb9\x1e\xd8+\x12\x00\\\x7f\xebSRR\x12\x13\x13\x1d\x0e\x87\xc5b\xd1u}\xfc\xd8\x013f\xbe\x0e.\x9d\xb9tE\xf5\x99~\xa5i\x98jx\xa8\xe3JV\xff\xa7_N^\xbf\xb3d\xf4\xaf0\xe7HT\x18\xb2\x08I)MNN~\xf1\xc5\x17\x0f\x1d:\x04\xd7\'\xe7\x00@\x83z5\xdb\xb5\x8b{\xa4g\xa7\x06\xf5k\xdc\x17\x1de\xb7\x87B\x80\x15\xb8\x00B\x80\xb3\xdc\xab\x8e\xdc\xdc\xfc\xa3\'\xce\xae[\xbfs\xf3\x8f{S\xf6\xa4\xcb\xd7$\x04\x84\x80\xe8\xe8\xe8\x89\x13\'\x8e\x1b7\x0en\xbb+ \xef\x8d\x94\x94\x94.]\xba\xe8\xban\x9a\xcc\x1e\x1e\x9c\xfc\xcd\'\xf1\x1d\xdb\x1a\xd9W=^\x0b\x12\\p\x10JX\xa5\xa4\xd9\x9f\x8e\x1c7U~Hccc7m\xda\x14\x1e\x1e^\x01\xe6}\xca?\xd3\x80\x01\x03\x96.]\xeaN\x00\x00 \x13\x80&lt;\x18\xc0\xd7\x7f\xc7\x1bxK\x02\x80\xeb\xad\xb0\x1br\xc0\xd0\x81\x8f\xcd\xfc\xd7\xc4\x90\xd0 37_\xf5\xf4\x07\xe0\x96\xae\x1d"j\x8f8~\xf8\xf8\x80\xa7_NI=,;\xc8\x18\xfd\xbd\x93\xfb\xcf1y\xf2\xe4I\x93&amp;\x01\x80\xec}Z4\xf5\xe1\xc4NC\x07=\xde\xf3\xa1v\x96p;\x00\x07\xc3\x00\xd3\x14&amp;\x13\x8c\xc3\xf5\x08@5\r\x14\nV\x0b\x80\x02\xae\xe2\xed\xdb\x0f,\\\xb2z\xf5\xea\r\x97\xaff\xbb{\x03}\xfb\xf6\xfd\xf8\xe3\x8f###o3\x07\xc8O\xc1\xa2E\x8b\x06\x0f\x1el\xd14\xdd0\xed\xe1\xc1\x9f\xcc~\xb3\xef\x80\'X\xae\x83\x02\x10\x0f\xdd?\xccd\x8a\xcd\x02\x16m\xd2\x9b\xb3&amp;\xbf=G\xbeQv\xbb}\xf3\xe6\xcd\xb1\xb1\xb1&gt;]\xfaw\x93o\xfe\x8c\x193^x\xe1\x05\x8b\xc5"\x07\x84\\.\xd7\xe3\x8f?\xbej\xd5\xaa\x8a\xf1;\xde\xc0\x8b\x12\x00\\\xff\x03\xa4\xa6\xa6\x0e\x1b6,55U\xce\x0bj\xd1\xb4\xfe\xbcyS\xe3\xe2\x9b\xb3\x9clJ\xa8\xd7\x96\x83\x18cTQHH\xd8\xb2%\xab\xc6\x8c\x9b\x92\xe5\xc8\xb3\xd9\xacN\xa7\xabo\xdf\xbe\x9f|\xf2\tF\x7fo\xe3\x1e|\xea\xdf\xbf\x7frr\xb2\\\xc5\n\x00\xfd\xfb\xf4|\xfd\xb5QM\xe2\x1a\x02\x08((b\x86\t\x04\xc8u%_A\x08!\x00\x04\xe7B\x80\xa2P\x12\x1c\x08T\xbbr\xee\xc2\xec\x8f\xbe\xf8\xe7{\x9f\x1a\x8c\xc9\nI\xdd\xbau\x97,Y\x12\x1f\x1f\x7f\x9b%r\xf9mIII#G\x8e$\x84\x08\x01\x00b\xc6\xff\xbd4\xfe\xa5\xa1\xe0\xd2\x99\xd3Y\xfe\xab\xe5M\xc3T\xc3B\xf2\xf3\n\xc7\xff\xbf\xa9\xf3\x17\xaf\x96\x8d3\xbb\xdd\x9e\x9c\x9c\x1c\x1f\x1f_a"\xa3\x0c\x86yyy\x8f&lt;\xf2\xc8\x8f?\xfe(\x9f\xacQ\xa3\xc6\xb7\xdf~\xdb\xb8qc\x1c\x04.\x0f\xf2fr8\x1c={\xf6\xdc\xbd{\xb7\xdc("$8\xf0\x83\xf7^\x19&gt;\xfa)p\x16\x99\xc5.EQ\xbc\xaa\x1f&amp;\x84\xe0\x8c+\xa1\xc1\xa6K\x7f\xf9o\xd3g\xce^\x02\x84\xa8\n5M&amp;\xe7\xfc@\x85\x9eJ\xec\x8b\xdc\xd1\xff\xda\xf43\x9b\xcd\xe9tV\xa9\x1c\xf5\xfe\xbb/\xf7\x1b\xf88\x98\x06+(\x02\x00J\xef\xe0N\xe3\x9c\x0b.\x14\x9b\x05\x02Bv\xfd\xb8\xeb\xffMxg\xd7\x9e\xf4\x1bb\xe5\x1d\xe5\x80\xf9\xf3\xe7\x8f\x1f?&gt;??_\xbeH\xdf\xbft\xffx\xf6\x9b\x91\xf7E\x9b\xd9\x0eE-\xa7cI8\xe3@\x80\x86E\xa4\xa6\xa4\x0e\x1f1q\xdf\x81c\xb2Yv\xa7Y\xcdW\xc8"\x8fa\x18\xabV\xad:|\xf8p\xd5\xaaU\x9fx\xe2\x89\xa8\xa8\xa8\x8aW\xfc\x91\xbc.\x01\xc0\xf5\x1c\x90\x97\x97\xf7\xe2\x8b/\xce\x9b7\x8fR"\x80\x08\xce\xfb\xf5\xe9\xf9\xfe\xbb/W\xa9Y\x1d\xf2\xf3\xbc\xa4\xd1!\x00\x98i\xaa6+\x04\x04\xed\xfa1\xa5\xe4g^U\xd5\xf7\xde{o\xfc\xf8\xf1\xee%B\x9e\xbeXt\xcdM\xa3\x7fbB\xdb\x05\x9fN\xbd\xaf\xc6\xfd,\xc7q/\x7f\xafke\xc0\xd0\x10wk\xe0\xee\xda\xcb\xee\x8ah\xcf\x9e=\xb3\xb3\xb3eo\xb2^\xed\xea\x1f\xce|=\xf1\x91\x87\xc0Yh\x16;\xcb\xf4t*\xce\xb9\xe0\\\t\r\x01.f\xcd\xfe\xfc\x8d7?\xcc/(\x92\r\xb2\xd6\xad[\xafY\xb3&amp;""\xc2K&gt;\x86\xa5\x0b\x17\x82y\x9e\xfb\x1d\x9f7o\xde\x0b/\xbc\xe0n\x04EG\xd9\'\xbe&gt;j\xf4\xc8\'\xb5 \x1b\xcf\xcd\x97\xfb\xe8z\xe4\n\x85\x00\xce\x98\xa2*\x10\x12z\xe5\xfc\xc5\xa9o\x7f\xf2\xc9\x9ce\x06c\xf2:\xeb\xd5\xab7\x7f\xfe\xfc\x0e\x1d:\xdc\xfe$\x10T&gt;\xe4\x84K\xa7\xd3\xd9\xb5k\xd7\x94\x94\x94k\x8b3\x06=1w\xc1;\xe0\xd2\xcd\xe2\xe2Ri\xcf2\xc6(UHhD\xd2\xec\xf9#\xc7M\xbd\xa1b~\x9b\x01E\xe6\x80\xe3\xc7\x8f\x0f\x192d\xdb\xb6m\x16\x8b\xa6\x</t>
        </is>
      </c>
    </row>
    <row r="130">
      <c r="A130" s="1" t="n">
        <v>128</v>
      </c>
      <c r="B130" t="inlineStr">
        <is>
          <t>size_cycle</t>
        </is>
      </c>
      <c r="C130" t="inlineStr">
        <is>
          <t>What is the size of the missing circle denoted with a question mark?</t>
        </is>
      </c>
      <c r="D130" t="inlineStr">
        <is>
          <t>['large', 'medium', 'small']</t>
        </is>
      </c>
      <c r="E130" t="inlineStr">
        <is>
          <t>large</t>
        </is>
      </c>
      <c r="F130" t="inlineStr">
        <is>
          <t>There are circles arranged in a spiral with three arms. The first arm has circles of sizes ['small', 'medium', '?'], the second arm has circles of sizes ['small', 'medium', 'large'], and the third arm has circles of sizes ['small', 'medium', 'large'].</t>
        </is>
      </c>
      <c r="G130" t="inlineStr">
        <is>
          <t>We observe that the circles in each arm progress in size from small to medium to large. Thus, the pattern is that the circles in each arm get bigger as they progress away from the center of the spiral.</t>
        </is>
      </c>
      <c r="H130" t="inlineStr">
        <is>
          <t>Based on the pattern that the circles in each arm get bigger as they progress away from the center of the spiral, the size of the missing part that is farthest from center should be large.</t>
        </is>
      </c>
      <c r="I130" t="inlineStr">
        <is>
          <t>b'\x89PNG\r\n\x1a\n\x00\x00\x00\rIHDR\x00\x00\x02\x00\x00\x00\x02\x00\x08\x02\x00\x00\x00{\x1aC\xad\x00\x00\x90rIDATx\x9c\xed\xddy\\\x94\xd5\xfa\x00\xf0\xe7\x9c\xf7}g\x86e\x80\x01\x01\xf7\x15\xdc7T\xdcwT\xda\xd4\xbc\x99Yf\x86\x89Z\xe9\xbdZ\xb6ZW+\xdb\x17-\xcd\x9b\xe2\xfa\xb3\xc5\xcc\xae\x96V"\x9a\xb8/\xa8(\xe2\x8eKi\xae\xc0\xb033\xef{\xce\xf9\xfdqt.Y\x99\x0b\x02\xc3&lt;\xdfO\x9f&gt;\xcc\x08\xc3\x0b\xbc\xf3&lt;g}\x0e\x11B\x00B\x08!\xefC\xcb\xfb\x02\x10B\x08\x95\x0fL\x00\x08!\xe4\xa50\x01 \x84\x90\x97\xc2\x04\x80\x10B^\n\x13\x00B\x08y)L\x00\x08!\xe4\xa50\x01 \x84\x90\x97\xc2\x04\x80\x10B^\n\x13\x00B\x08y)L\x00\x08!\xe4\xa50\x01 \x84\x90\x97\xc2\x04\x80\x10B^\n\x13\x00B\x08y)L\x00\x08!\xe4\xa50\x01 \x84\x90\x97\xc2\x04\x80\x10B^\n\x13\x00B\x08y)L\x00\x08!\xe4\xa50\x01 \x84\x90\x97\xc2\x04\x80\x10B^\n\x13\x00B\x08y)L\x00\x08!\xe4\xa50\x01 \x84\x90\x97\xc2\x04\x80\x10B^\n\x13\x00B\x08y)L\x00\x08!\xe4\xa50\x01 \x84\x90\x97\xc2\x04\x80\x10B^\n\x13\x00B\x08y)L\x00\x08!\xe4\xa50\x01 \x84\x90\x97\xc2\x04\x80\x10B^\n\x13\x00B\x08y)L\x00\x08!\xe4\xa50\x01 \x84\x90\x97\xc2\x04\x80\x10B^\n\x13\x00B\x08y)L\x00\x08!\xe4\xa50\x01 \x84\x90\x97\xc2\x04\x80\x10B^\n\x13\x00B\x08y)L\x00\x08!\xe4\xa50\x01 \x84\x90\x97\xc2\x04\x80\x10B^J-\xef\x0b@\x08\x95\x1aq\x95\xfb\x19rU9^\x15\xaa\xb0H\xc9{\x05!\xe4q\x84\x10\x9cs!\x84\xaa\xfee{N~\x02\xa5\x143\x01*\t\x13\x00B\x9eJ\x08\xc1\x18+\x19\xf7/]\xba\xf4\xdbo\xbfegg\x17\x14\x14\x08!\xfc\xfc\xfc\xc2\xc3\xc3\xeb\xd6\xad\x1b\x10\x10 ?\x81sN)\x0e\xfc\xa2+0\x01 \xe4\xd9\x1c\x0eGrr\xf2\x0f?\xfc\xb0m\xdb\xb6\x8c\x8c\x8c\xbc\xbc\xbck&gt;\xa1Z\xb5j\xed\xdb\xb7\x7f\xe4\x91G\x06\x0f\x1eL)e\x8c)\x8aR.\x97\x8a*\x1aL\x00\x08y\x1e\xf9\xb6=s\xe6\xcc\xfc\xf9\xf3\xbf\xfc\xf2\xcb\x8c\x8c\x0c\xf7?\x11B\xdc\xf1]v\x11\xdc\xff\xd4\xb1c\xc7\xff\xfc\xe7?\xad[\xb7\xc6\x1c\x80$L\x00\x08y\x18!\x04!\xa4\xb0\xb0\xb0E\x8b\x16\xa7N\x9d\x02\x00J\xa9\x1c\x08\xe2\x9c\x1b\x86Q\xf2\x93\x15E!\x84\xc8/1\x0c#  `\xf5\xea\xd5\xdd\xbau\xc3\xb1 \x04\xb8\x0c\x14!\x8fC\x08a\x8c\xf9\xf9\xf9\xddu\xd7]\x8a\xa2X,\x16\x00p\xb9\\.\x97\xcb0\x0cUU\x83\x83\x83\xabW\xaf\x1e\x16\x16f6\x9b\x19c\x86a\x08!\xe4?\xe5\xe5\xe5=\xf0\xc0\x03\xbf\xfd\xf6\x1b!\x84s^\xde?\n*g\xd8\x03@\xc8\xf3\xc8\xf6\xfb\x89\x13\'\x9a6m\xear\xb9\x00\xa0A\x83\x06w\xdduW\x9f&gt;}\x1a7n\x1c\x1e\x1en2\x99\x18c\x99\x99\x99\xbbw\xefNHHX\xb7n\x1d\xa5\x94s\xaei\x9a\xae\xeb\xf1\xf1\xf1s\xe7\xce\xc5\x81 \x84\t\x00!\x8f$\xc3\xf7\x88\x11#~\xfd\xf5\xd7\t\x13&amp;\xf4\xeb\xd7\xcf\xc7\xc7\xe7\xaf&gt;\xf9\xdf\xff\xfe\xf7\x1bo\xbcA)\x95\xefw\xab\xd5\x9a\x91\x91\x11\x1a\x1a*\x87\x86\xca\xf0\xaaQ\xc5\x82\t\x00!\x8f$\xdf\xb9N\xa7S\x0e\x01\x01\x80a\x18\xd7l\xfb\x92[\x04\xe4\xb4p\x8f\x1e=6m\xda\xa4(\x8a|r\xf5\xea\xd5\xf7\xde{/v\x02\xbc\x1c\xce\x01 \xe4\x91d\xa0\xb7X,r\xa9\x8f\xdc\x08\xa6(\x8a\xdc\xed%\xc9\xc9a\xb97x\xd8\xb0a\xf2\xab\xe4\'\x1c?~\x1c\xaef\x11\xe4\xb50\x01 \xe4\xc1\xe4\x18\x8e\\\xea\xf3W\x9f#\x93A\x9d:u\xe0j\xc4\x17B\xe4\xe7\xe7\x97\xddU\xa2\x8a\n\x13\x00B\x1e\xec\xc6G\xf0\xe5\\\xb1\x9b\xd9l\xbe\x03\x97\x83&lt;\x0c&amp;\x00\x84*9\xd9\xea?|\xf80\x00\xc8=\x01\x00P\xb3f\xcdr\xbe,T\x01`\x02@\xa82s\xaf\xf3\xf9\xea\xab\xaf\xe0\xea\xb4\xb0\xa2(m\xdb\xb6\x05\x00\xdc\x0b\xe6\xe5\xf0\xcf\x8fPef\x18\x86\xa2(\xef\xbc\xf3\xce\xbe}\xfbd\xb8\x17Bt\xed\xda\xb5a\xc3\x86\xb8\x19\x18\xe12P\x84*\'w\xad\xd0E\x8b\x16\xc5\xc5\xc5)\x8a"\xdb\xfe\x86al\xdc\xb8\xb1{\xf7\xee\xb8\x06\x14a\xfeG\xa8\x12r\x9f\x100c\xc6\x8c\xb8\xb88\xb9\rXUU\xc30^z\xe9%\x8c\xfeH\xc2\x1e\x00B\x95\x8d\x1c\xdb\x11BL\x9c8\xf1\xe3\x8f?\x96\xe3&lt;\x94R\xc30\xdcE \xf0p\x18\x04\x98\x00\x10\xaadd\xf4\xcf\xc9\xc9\x196l\xd8\x8f?\xfe\xa8\xaa\xaa\xec\r\x08!&amp;M\x9a\xf4\xfe\xfb\xef\xcb\xbd\xc1\x18\xfd\x11\xe0\x99\xc0\x08U&amp;\xf2\xdc\xc7\xac\xac\xac\xbb\xee\xbak\xf7\xee\xddr\x1b\xb0\x1c\xfa\xff\xf8\xe3\x8f\x9f~\xfai\x8c\xfe\xa8$\xec\x01 TI\xc8f\xbea\x18\xfd\xfa\xf5\xdb\xb8q\xa3\xa6i\x8c1\xceyXX\xd8\x97_~\x19\x13\x13\x83#?\xe8\x1a\xd8\x03@\xa8\x92\x90-\xfd\xf7\xdf\x7f\xbfd\xf4\xafS\xa7\xce\x8f?\xfe\xd8\xb4iSy\x1e@y_#\xaaX\xb0\x07\x80Pe 7|eggGFF\xe6\xe4\xe4\xc8\xf3^BCC7o\xde\xdc\xb0aC\x8c\xfe\xe8O\xe12P\x84*\x03y\xf6orrrvv\xb6\xac\xf7 \x84\x98;wn\xc3\x86\ru]\xc7\xe8\x8f\xfe\x14&amp;\x00\x84*\x8f\xd4\xd4TY\x1c\x94s\x1e\x15\x155p\xe0@\xc6\x98\xa6i\xe5}]\xa8\x82\xc2\x04\x80Pe \xa7v\xcf\x9f?\x0fW\x0f\x82\xef\xdc\xb9\xb3\xec\x07\x94\xf7\xa5\xa1\x8a\x0b\x13\x00B\x95GAA\x81\x10B\xd7u!D\x95*Up\xc1\x0f\xba&gt;\x1c\x19D\xa8\xf2\xb0Z\xad6\x9b\xcdl6;\x9dN\xab\xd5Z\xde\x97\x83*:\\\x05\x84P\xe5QXX\xe8r\xb9\xe4$\xb0\x8f\x8f\x8f\xfb\xb8`\x84\xfe\x14&amp;\x00\x84\x10\xf2R8\x04\x84P\xe5!7\x7f\xc9Jpr9Py_\x11\xaa\xd0\xb0\x07\x80P%\xe1&gt;\xfc\xeb:\xcf T\x12\xf6\x00\x10\xaa\x0cd\xacOKK\xfb\xec\xb3\xcf\x8e\x1d;V\xb5j\xd5\xc7\x1e{\xac_\xbf~\x98\x03\xd0u`\x0f\x00!\x8f\'\x87}\xd2\xd3\xd3;w\xee\x9c\x9f\x9f\xef~\xfe\x8b/\xbex\xe4\x91G\xf0\xec\x17\xf4Wp\x1f\x00B\x1e\x8fs\x0e\x00\x0b\x17.\xcc\xcf\xcf\xb7X,\x8a\xa2\x98L&amp;B\xc8\x8c\x193\xe0\xea\x1e1\x84\xfe\x08\x13\x00B\x1eO\x86\xf83g\xce\x10Bt]g\x8c\x19\x86!\x84\xb8|\xf9\xb2\xd3\xe9\x94s\xc2\xe5}\x8d\xa8"\xc2\x04\x80\x90\xc7\x93\xf1\xdd\xcf\xcf\x8fR*\x0f\x80\x94K\x80\xccf3\x96\x81C\xd7\x81\t\x00!\x8f\'{\x00\xb1\xb1\xb1\x8c1]\xd7\xe5\x88?c\xacO\x9f&gt;\x8a\xa20\xc6p\x14\x08\xfd)L\x00\x08y&lt;Y\xfes\xc8\x90!\x13\'N\xf4\xf1\xf1a\x8c\t!\x06\x0e\x1c\xf8\xfa\xeb\xaf\xcbC"\xcb\xfb\x02Q\x05\x85\xab\x80\x10\xaaTN\x9f&gt;}\xea\xd4\xa9\xd0\xd0\xd0\xe6\xcd\x9b\x97\xf7\xb5\xa0\x8a\x0e\x13\x00B\x95\x87\\\x0f*?\x96om\x1c\xfcA\xd7\x81\t\x00UB\xf2\xae\x96\x8b#K"\x84\xc8\x80X\x89\xc3"\xe7\\n\xfe\xc2\x91\x1f\xf4\xb70\x01\xa0\xca@\x08Q2\xf0\xfdm|\x97\xa3\xe42\x1f`\xa0D^\x0b\x13\x00\xf2`\x9cs9\xe8qM\x10\xcf\xc9\xc91\x0c\xe3\xd0\xa1C\xf2\xa4\\\xb7\x88\x88\x08\xab\xd5j\xb5ZK\xee\x8c\x15B\xc8u27\x929\x10\xaaL0\x01 \xcf#\xdb\xfb%\xe3uvvvjj\xea\xf6\xed\xdb\xf7\xee\xdd{\xf6\xec\xd9\x8c\x8c\x0c\xceynn\xee5_\xe8\xeb\xebk6\x9b\xabV\xadZ\xabV\xad\xe8\xe8\xe8\xb6m\xdb\xb6k\xd7\xaeV\xadZ\xeeO0\x0cC\x9e\xa7Xv?\x0cB\xe5\x07\x13\x00\xf2$2\xf4\xbb\xdb\xef\x87\x0f\x1f\xfe\xe1\x87\x1f\xd6\xacY\xb3o\xdf\xbe\xac\xac\xac[xA__\xdff\xcd\x9a\xf5\xe8\xd1c\xd0\xa0A\x1d:tp\xaf\xa0\xc7\xa1!\xe4\r0\x01 \xcfP2\xf4\xe7\xe5\xe5}\xf7\xddwK\x96,\xd9\xb0a\x83a\x18\x7f\xf5%\xbe&gt;\x16\xb3\xc5,8\x97\xf3\xbe\x9c\xf3\xdc\xbc\x82\xeb|\x8b\x96-[\x0e\x1f&gt;|\xe8\xd0\xa15k\xd6\x04\x00\xc6\x18\x0e\n\xa1\xca\r\x13\x00\xf2\x00\xeez\x96\x97.]\x9a={\xf6\xfc\xf9\xf3\xcf\x9e=\x0b\x00\x94\x12\xce\xaf\xdc\xc0~\xbe&gt;M\x9b6h\xd6\xb4A\x83z\xb5\xda\xb7n\xac\x99\xd4\x88z\xb5\xfc\x03\xfd\x811\x00\x02\x04\x98\xc1\x0e\x1e9\xc9\x84H;\x98\xf1\xcb\xe9\xdfR\xf7\x1fM?\x94\x91\x95}e\x98\x88R*W\r\x05\x04\x04\x0c\x1e&lt;x\xe2\xc4\x89r\x1d=\x96\xd2D\x95\x18&amp;\x00T\xa1\xb9\x1b\xfe.\x97\xeb\xbd\xf7\xde\x9b9s\xe6\xa5K\x97\x00\x80R\x85s\x06\x005k\x84\xf7\x8d\xe9\xd4\xff\x9e\xeem\xa3\x9a\xd4\xaeS\x1d\xcc\x16\x00\n`\x00\x008]\xc09\x80l\xc2\x0b \x04,f\x00\x00P\x00\x00\x98+\xeb\xb7K\xfb\x0e\x1e_\xb3v\xdb\x0f\x89\x9b\x0f\x1f&gt;\tW\x96\x87\n!\xc0d2=\xfa\xe8\xa3\xaf\xbf\xfez\x8d\x1a5db\xc0\x11!T\xf9`\x02@\x15\x97{[Sbb\xe2\xa4I\x93\xd2\xd3\xd3\x01@\x16\xb7Q(\xed\xdd\xab\xc3\xb8\xa7\x1e\xee\xd9\xa5M@x(\x80\x00\xa7S8]\x9cs!\xc0\xbd\xd8\xff\x9a\xf1\x1b\xd9]\x90\xf7&lt;\xa5\x84\x9a4\xf0\xb1\x00(F^nJ\xea\x91y\x0b\x96\x7f\xb3b]~~!\x00(\ne\x8c\x87\x85\x85\xbd\xf2\xca+\xe3\xc7\x8f\x07\x00\xc30\xb0\xb0\x1a\xaad0\x01\xa0\nJ\x06\xdc\xfc\xfc\xfc\xc9\x93\'\xcf\x9c9\x13\x004M\xd3u\xdd\xa4\xa9\x8f&gt;|\xdf\xbf\xc6?\xda\xb2Uc\xd0T(,b.\x1d\x08\xc8U\x9c7\xf5-\x84\x10\x9c\x0b!\x84\xaa*\xe0\xe7\x0b\x94\x9e=\xf9\xeb\xfcE+f\x7f\xf6\xf5\xa5\xcb\xd92\xd3\x00@ll\xec\xcc\x993###1\x07\xa0J\x06\x13\x00\xaa\x88d\xa8MMM\x1d5j\xd4\xde\xbd{e\xe8\x07\x80\x87\x1f\xbc\xeb\xe5\x97\xc64\x8fj\n\x86K\x14\x16s!Je\x9eV\x00p\xc6\x01\x84b\xb1\x80\xc5\xf7\xd2\xd9\xdff~\xfa\xc5{\x1f.t\xe9\x86\xd9lr:]!!!\xb3g\xcf\x1e2d\x08\xe7\x9c\xfc\xb1g\x81\x90g\xc2\x04\x80*\x16\xf7\xa0\xff\x82\x05\x0b&amp;L\x98\x90\x9f\x9f/Cp\xc3\x88\xda3&gt;|\xf1\xee\x01\xbd\xc0`,\xbf\x90\xd0;\xb2LSn\nS-\x16\xf0\xf1=\x98\x9a\xfe\xec\xf3\xef\'\xae\xdb\xae\xa8*3\x0c\x00\x980a\xc2\xf4\xe9\xd3\xe1\xf7%w\x10\xf2\\\x98\x00P\x05"\x84\x90\xe5\x8bg\xcc\x981q\xe2DB\x80\x10\xca9\x1f\xf5\xf8\xa0\x0f&gt;x!0$\x88\xe5\xe4\x11r\xc7\xe7c\xaf\xa4\x01\xab?\x00\x99\xf1\xd1\xc2\xe7^\xfe\xc8`\xdcd\xd2\\.}\xe4\xc8\x913f\xcc\xb0Z\xad\x98\x03P%\x80\t\x00U\x14\xee\xe8?z\xf4\xe8\x84\x84\x04\x93\xc9\xe4r\xb9\x02\xfc}?|\xff\xf9Qc\x1f\x86\xa2B\xe6\xd4\x15\xb5\xecVdr\xc6\x81\x10\x1a\x18\xb4u\xc3\xb6\xb8\xf8W\x8e\x9f8c\xb1X\x1c\x0eG\xfb\xf6\xed\xd7\xacYc\xb3\xd90\x07 O\x87\t\x00U\x08W\x1a\xdd\xaa*\xa3\xbf\xc5bv8\x9c\xd5\xc2C\xbe[\xfeqt\xd7\x8e\xcc\x9eE\x95\xf2\xd9\x93e\x18\x86j\x0b\xcc&gt;\x9f9`\xd0\xd3[w\xa6\xf9X,\xc5\x0eGtt\xf4O?\xfdd\xb3\xd9\x00\x97\x87"O\x86\xf7.\xaa\x10\xe4\xac\xefk\xaf\xbd\x96\x90\x90\xe0\xe3cq8\x9c\xd1QM\xf6\xec\xfa&amp;\xbas\x94\x91\x9d\xa9\xa8\xe5V\x9fGUUf\xcf\x0b\x0e\xb2&amp;\'/\x89\x1fq\x7f\xb1\xc3\xe1c\xb1\xa4\xa4\xa4\x0c\x1d:T\x86~lB!\xcf\x85=\x00T\xfe\xe4n\xdb\x84\x84\x84\xd1\xa3G[\xccf\x87\xd3\x19\x1d\xd5$\xf1\xa7y\xb6\x90@\x96_X\x96\xc3&gt;\x7f\x85sN\x14\x85\xf8\xf9\x8e\x8e{)a\xf1J\xd9\x0f\x88\x8f\x8f\x9f;w.\xae\rE\x9e\x0b\x13\x00*gr$}\xe7\xce\x9d\x9d:uR\x14\xc50\x8czu\xaa\xed\xd9\xf9\x8d\xcd\x16\xc0\n\x8b+B\xf4\x97\x04\x17\x9c\x10%\xc0\xfa\xe0\xc0\xb1\xcb\xbf\xdf \xe7\x03\xa6O\x9f&gt;a\xc2\x04\xcc\x01\xc8Ca\x02@\xe5IN\xfc\xe6\xe4\xe4DGG\x9f&gt;}\x9aRj\xf5\xf7Y\xbbzN\xbb\x8e\xadX^A\xc5\x89\xfe\x12\xe7\x1c4-\xb7\xa0\xa8\xdf]\xa3v\xa7\x1e6\x99L\x8c\xb1\xad[\xb7v\xe8\xd0\x01\'\x84\x91\'\xc2[\x16\x95\'\x197\x9f|\xf2\xc9\x93\'O\x9a4\xcd0\x8c\x84\x99\xaf\xb6\xeb\xd2\xc1\xc8\xcd\xafh\xd1\x1f\xe4|\xaf\xcbe\xab\x12\xb4\xec\x8b\x0flAV\xce\x98\x10\xe2\x91G\x1e\xc9\xcf\xcf\x07\x9c\x0c@\x1e\x08\x13\x00*7r\xe8\x7f\xd9\xb2e\xcb\x96-3\x9bL\x0e\xa7s\xc2\x93C\x1fxt\x90\x9e}Y\xd5*\xe8\x88\nU\x14#\'\xbf^\x93\xc8\x84\x99\xaf\x1a\x8ci\x9az\xf2\xe4\xc9\x97^z\xc9]L\x14!\x0f\x82C@\xa8|\xc8\xc1\x9f\xdc\xdc\xdc\xc6\x8d\x1bgeeq\xce[\xb7l\x98\xb2\xfdk0\x0c*D\x05\xaf\xb5`\x18\x86j\xab2.\xfe\xc5O\xe7-\x97\x1b\x957m\xda\xd4\xad[7\xac\x1d\x8d&lt;\x0b\xf6\x00P\xf9\x90\x83?\xaf\xbe\xfa\xea\xa5K\x97(%\x8aB\xe7\x7f\xfaoE\xd3\x80\xf1\n\x1e\xfdAV$-\xcc{\xfb\x9dI\xf5\xeb\xd60\x0c\x83\x102a\xc2\x04\xa7\xd3I\x08\xb6\xa8\x90\'\xc1\x04\x80\xca\x81\x8c\xfeG\x8f\x1e\x9d3g\x8e\xaa\xaa\xban\x8c\x8d\xfbGT\x97\xf6,\xbf@Q&lt;\xe0\x9e$\x84\x80K\xb7\x86\xd8\xde}m&lt;c\\U\xd5\xbd{\xf7~\xfd\xf5\xd78\x10\x84&lt;\x0b6XP9\x90C%\x8f?\xfe\xf8\xe2\xc5\x8b\x15E\xb1\x05\xf9\x1f\xdb\xff}`p\x00\xd1\x8d\x8a\xdf\xfcwc\x8c+\x81\xd6^=\x1eM\xde\xbc\x87R\x1a\x19\x19\xb9o\xdf&gt;\xb3\xd9\x0cW\x0e\x96A\xa8\xa2\xf3\x80\xd6\x16\xaadd\xb1\xcf\x13\'N,]\xbaTU\x15\xc6\xd8\xb8\xf8\x87l5\xaas\x87\xcb\xe3\xe2\xa6\x10b\xca\x0b\xf1\x00 ;4+V\xac \x84\xc8S\x04\x10\xaa\xf80\x01\xa0\xb2&amp;\x07I&gt;\xff\xfcs\xa7\xd3\xc9\xb9\xa8\x12\x124\xee\xa9\x87E\xb1g\x0c\xfe\x94\xa4(T\xe4\x17\xf4\x8c\xed\xd6\xb3[[\xc3`\x84\x90\x84\x84\x04\xc0\xea@\xc8s\xe0\x9d\x8a\xca\x94\x10BQ\x94\xe2\xe2\xe2%K\x96\x10B8\xe7\xf7\xdf\xd73\xa4V\rOl\xfe\x83&lt;cRUG\x8f\x18\x04 \x08!\x9b7o&gt;x\xf0 \xce\x04 O\x81\t\x00\x95)y\xa2\xd6\xcf?\xff|\xe2\xc4\tB\x88\xc9\xa4M|\xfa\x11\xa1;\t\xf5\xbc\xe8\x0f\x00\x8a\xaa\x88\x82\xfcA\x83\xfbE6\xa8%\x840\x0cc\xd1\xa2Ep\xb5\x97\x83P\x05\x87\t\x00\x95\x83o\xbe\xf9F6\xff\xdb\xb4j\xd4\xa4U\x13Q\\\xec\xa1\xc3&amp;\x04\x80\xe9\xcc\x12h\xbb\xff\xbe^r=\xc5\xaaU\xab\x9cN\'\xee\x06@\x1e\xc1#\xdfu\xc8C\xc9\xf1\x9f\xc2\xc2\xc2\xa4\xa4$\x19.\x1f\x18\x18CLf\xce&lt;x)\x1a!\x04\xb8\xeb\x81\xfe\xbd(%\x94\xd2\xe3\xc7\x8f\x1f8p@\xa6\xb7\xf2\xbe4\x84\xfe\x06&amp;\x00Tvd\xd0?r\xe4\xc8\xc5\x8b\x17\t!&amp;\x93\xda\xff\xae\xee`8=\xb4\xf9/)\n\x15E\xc5Q\xed\x9bG\xd4\xaf\xc59\xe7\x9co\xdd\xba\x15p\x14\x08y\x02\x0f~\xe3!\x8f#c\xe2\x96-[\x18cB\x88\xba\xb5\xab\xd7kXG\x14;\xa9gN\x00\xb8q\x83\x99\xac\x01\x9d;\xb4\x92\x0f\x93\x93\x93\x01\xb7\x02 O\x80\t\x00\x95\x1d\x19\x137m\xda$\x1fv\xee\xd8\xcad\xb5r\xcf_5/7S\xf6\xec\xd6V&gt;\xdc\xbd{wqq\xb1\xa2(\xb8\xcb\x12Up\x98\x00P\xd9\xa1\x94:\x1c\x8e\x83\x07\x0f\xca\x87\xedZ7\x01 \x95 HRJ\x80\xeb-\x9bEj\x9aJ\x08\xb9|\xf9\xf2\xe9\xd3\xa7\x01\x0bD\xa3\n\x0f\x13\x00*#B\x08BH~~\xfe\xb9s\xe7\xe4\xe8H\xd3\xc6\xf5\x01X%\x18*!\x84\x80S\xaf[\xa7\xba\x9f\xafE\x08\xe1t:\x7f\xf9\xe5\x17\xc0\x04\x80*&lt;L\x00\xa8\x8c\xc8\t\x80\xc3\x87\x0f\x17\x16\x16\x02\x10\xab\xd5\xb7A\xfdZ\xe0\xf4\xc8\xfd_\xd7 \x84p\xc3\xf0\xaf\x12\xd40\xa2\x8e|f\xcf\x9e=\x80\t\x00Ux\x15\xf4\xd8\rTY\t!d&amp; @\x02\xfc}\x81s\xcf\x8f\xff\x00\x00\xc0\x85f1\xfb\xf8\x98\xaf&lt;\xc2%@\xc8\x13`\x0f\x00\x95\x11\xd9\x1c\xde\xb7o\x9f|X\xa3z\xa8\xd9\xea\'X%\t\x94B\x00\x00\xadW\xa7\x86|\x98\x9a\x9a\n\xb8\x10\x08Ux\x98\x00P\x99\xca\xca\xca\x92\x1f\xd4\xac\x1e\xee\x13d\x15\xac2\xcc\x01\x80LoD\x89\xac_K&gt;\x94?f\xe5\xf8\xd1P%\x86\t\x00\x95)U\xbd2\xea\xa8\x1b\x06T\xbaq\x12\x97\xae\xcb\x0f\xdc?&amp;B\x15\x19&amp;\x00T\xa6\xdc\xf3\xa2\x95\xb2u\xec\xfe\xa1p\xfa\x17y\x04L\x00\xa8LU\xca\xb8\xef\xe6\x0e\xfb\x95\xfb\xc7D\x95\x06&amp;\x00T\xa6\\.\x97\xfc\x80R\n\x95.J\xaa\xea\x957\x94\xfb\xc7D\xa8"\xc3\x04\x80\xca\x88l\x14GFF\xca\x87\xc72~\xc9\xbf\x94M4\xb5r\x8c\x96\xc8\xcd\xc0{\xf6\x1d\x91\x0f\xe5\x8fY9~4T\x89a\x02@e\xaan\xdd\xba\xf2\x83\xfc\xfcBnT\x92%@WP\xc8\xcd+\x90\x1f\xca\x1f\x13\x13\x00\xaa\xe00\x01\xa02"c\xbd\x8f\x8f\x8f\xa6i\x84\x10\xa7K?\x7f!\x13T\xb5r\x04I\xa2PGn\xe1\xc5KW\x16\xb9\x06\x04\x04\x94\xef\xf5 t#0\x01\xa02"\x13@\xc3\x86\r\xfd\xfd\xfd\x85\x10\xc5\xc5\xceS\xa7\xcf\x82\xa6U\x82f\xb2\x10\x82\xa8j^\xa6\xfd\xd7\xb3\x17d\x97\xa6u\xeb\xd6\x80S\xc1\xa8\xc2\xc3\x04\x80\xca\x08!D\x08\xe1\xe7\xe7\xe7\x1e\x05\xda\x9f~\x1c\xa02\xd4L\xe6\\\x80\xd9t\xfc\xe4\x99\xa2"\'\x00\xf1\xf5\xf5\xadW\xaf\x1e`\x02@\x15\x1e&amp;\x00Tv8\xe7\x9a\xa6\xb5l\xd9R&gt;L\xd9{\x08\x84Q\t\xa2\xa4\x10\x02\x88\xba\'\xf50\xe7\\\x08Q\xb3f\xcdj\xd5\xaa\t!&lt;\xfa\xa43\xe4\r\xf0\x06EeG6\xf6{\xf5\xea%\x1f\xee\xdc}\xa0(\xcb\xaeh\x1e\xdf\t \x04\x00\xf8\x86\xcd\xbb\xe5\xc3\xce\x9d;\x9bL&amp;\xac\x07\x87*&gt;L\x00\xa8\xec\xc8\x16q\xc7\x8e\x1dM&amp;\x13!\xe4\xc2\x85\xac\x03i\xc7\xc0\xc7\xc2\xb9\x07\'\x00!\x84b\xd2\xf2.f\xee\xda\x9d.{3=z\xf4\x00\\\x02\x84&lt;\x01&amp;\x00Tv(\xa5B\x88z\xf5\xea\xd5\xabWO\x08\xc18\xff\xf6\xfb\xf5@={\x1e\x98s!||7o\xda}\xeeB&amp;!\xc4d2u\xee\xdc\x19\xaef;\x84*2\xbcGQ\x99b\x8c\x99L\xa6\x01\x03\x06\x00\x00\x00\xf9\xee\xc7\x8dFa\x81\xa2)\xe5|Y\xb7C\x08B\x94\xe5\xdf\xad\x07\x00\xceyTTTDD\x04\xe7\x1c\x13\x00\xaa\xf8\xf0\x1eEeJ\x0e\x92&lt;\xf0\xc0\x03\x94RJI\xc6\x893\x1b\x7f\xde\x01\xbe\xbe\xcc3\x0f\x06\x10BP\x8b\xe9\xd2/\xbf\xfc\x90\xb8EF\xfc\x07\x1f|\x90R\x8a\x13\x00\xc8#`\x02@eJQ\x14\xceyttt\xbbv\xed\x84\x10\x9c\x8b\x8f&gt;\xfd\x82P\n\xe0\x91\xa3@\x8cq\xe2\xe3\xff\xf9\x17\xab/g\xda\x01\x84\xbf\xbf\xff#\x8f&lt;\x02\x00\x8a\xe2\xc9}\x1a\xe450\x01\xa0\xb2&amp;\x87GF\x8d\x1a%\x84P\x14e\xc3\xa6\xddGS\x0fR?_\x8fk5\x0b\x00\xaa)\xce\xbc\xdcy\xff\xf7\x1d%\x94s\xd1\xbf\x7f\xffj\xd5\xaa\xb1\xcar\xca\r\xaa\xf40\x01\xa0\xb2\xa6(\x8a\x10b\xd0\xa0A!!!\x00\xa2\xb8\xd8\xf9\xf6\x07\x0b\x88f\x16\x9e\xb6\x16\x88\x1b\x8c\xfa\x07|\xfd\xe5\xea\xc3GOQ\x85\x02\xc0\xe8\xd1\xa3\xcb\xfb\xa2\x10\xba\t\x98\x00PY#\x84p\xce\xabT\xa92~\xfcx\xc6\xb8\xaa\xaaK\x97\xaf=\x9az\x80\xfa{R\'@\x00\x80\xaa\xb8\xf2\xf3\xdf\xfah!\xa5\x941\xd6\xb3g\xcf\x9e={r\xceq\xfc\x07y\nL\x00\xa8\x1c\xc8\xf5\xa0\xe3\xc6\x8d\xb3\xd9lB\x08\xa7K\xff\xe7\xa4\xf7\x88G\x15\x86c\xba\xa1X\x83&gt;x\x7f\xde\xd1\xe3\xbf\xa8\xaa"\x84\x982e\n\xe0\xf2\x7f\xe4Q0\x01\xa0r ;\x01!!!o\xbc\xf1\x06c\xccd\xd2\xd6\xfe\xbc\xf3\x9b\xff[\xa9\x04\x051\x83\x95\xf7\xd5\xfd=\xce\xb8j\xf5;\x91~\xe8\xdd\x8f\xffO\xd3T\x97K\x1f&lt;xp\xcf\x9e=\x19c\xd8\xfcG\x1e\x84`\x83\x05\x95\x0b!\x84\x10\x82s\xde\xbe}\xfb\xd4\xd4TEQB\x82\x03\xd2v-\x0f\xabZE8\x9d\x15|\x11=\x13\x82\xfa\xfa\xf4\xed\x13\xb7~c\x8a\xa6\xa9\x16\x8b\xcf\xbe}\xfb\xe4\xee\xb6\n~\xe5\x08\x95\x847+*\x1fr\x9d\x8c\xaa\xaa\xf3\xe7\xcf\xd74\x8dRz\xe9\xb2}\xf8\xc8\x97\x88\xaap\xa8\xd0\x8bBu\xddP\x02\x82^\x7f\xf5\xe3\xf5\x1bS,f\xb3\xae\x1b\xef\xbc\xf3N\xfd\xfa\xf5q\xf3\x17\xf28x\xbf\xa2rC)5\x0c#**j\xf2\xe4\xc9\xba\xae[,\x96\xa4\r\xbb^{\xf5c5\xb0\x8an\x18\xe5}u\x7f\xce\xd0\r-8d\xdd\xaa\xa4\xa9\xef$\x98L&amp;\x87\xd3\xd9\xb7o\xdf\xa7\x9ez\n\x07\x7f\x90\'\xc2! T\xce\x18c\x94\xd2\xd8\xd8\xd8\xa4\xa4$\xb3\xd9\xect:\x17}6u\xc4\x98G\xf5\xec\xcb\x9a\xa6\x95\xf7\xd5\xfd\x0e3\x0c%0\xe0\xc0\xde\x83\xbdbG\xe5\xe6\x16\x08\x80*U\xaa\xec\xdf\xbf?,,\x0c\x07\x7f\x90\'\xc2\x04\x80\xca\x19\xe7\x9c\x10r\xe9\xd2\xa5\x96-[^\xbatIQ\x14\xb3IM^;?\xbak\xb4\x9e\x9d]qr\x003\x98\xe2\xe7c\xb7\xe7\xf7\xe8\xfd\xd8\x81C\'L\x9a\xe6\xd2\xf5\xa4\xa4\xa4&gt;}\xfa`\xf3\x1fy(l\xb3\xa0r&amp;\x97\x84\x86\x87\x87\xaf^\xbd\xdaf\xb3\x11B\x1cN=\xb6\xff\x93)[vk\xc1\xa1\x86^!\xc6\x82\x0c\xc3P\x02\xfd\xed\xf6\xfc\xd8\xbbG\x1d8t\xc2b6\xbbt}\xee\xdc\xb9\x18\xfd\x91G\xc3\x04\x80\xca\x9f\x9c\x0c\x88\x8e\x8eNHH0\x0cCU\x15{N~l\xff\xb1\x89\xab\x93\xd4`\x1b\xe3\xbc|\xfb\xa9\x86a\xa8A\x81\xc7\x8f\x9e\x8e\xbd{TJ\xeaa\x1f\x1f\x8b\xc3\xe9\x9c0aB||\xbca\x18\x18\xfd\x91\xe7\xc2\x04\x80*\x04UU\r\xc3x\xe0\x81\x07\xe6\xce\x9d\xebr\xe9\x8aB\xed\xb9\x05w\xf5\x7fr\xce\xcc\xffS\x02\x83\x88\xa2\x94\xcb\xfe\x00\xce9\xe3\\\xb5\x85lM\xde\xd9\xb1\xf3\xc3)\xa9\x87\xcdfSq\xb1#&gt;&gt;~\xfa\xf4\xe9\x18\xfd\x91\xa7\xc3\x04\x80*\n\x99\x03\xe2\xe3\xe3\xe7\xce\x9dK\x08\x05!4\x936\xf6\x9fo\xc6\xc7\xbd\x90\xef\xd2\x95 \xab\xa1\x1be\xd9\x150t\x83Z\xcc\x8a\xd5\x7f\xc6{sz\xf6}";\'\xcfd29\x9d\xae1c\xc6\xcc\x9d;W\x96|\xc0\xa2o\xc8\xa3\xe1$0\xaaX\x0c\xc3PUu\xeb\xd6\xad\xfd\xfb\xf7\xb7\xdb\xedr]P\x9bV\x8df\x7f:\xa5C\x97\xf6P\x98g\xb8\\\x8a\xaa\xde\xd1\xb8+\xcby\xd2@\xdb\xb9_\xceL|\xe6\xede\xffMR\x14\x851\x06\x00\x9f}\xf6\xd9\x981c\xe4\xca%\x8c\xfe\xc8\xd3a\x0f\x00U,\xb2\x1f\xd0\xa5K\x97\xf5\xeb\xd7\xb7i\xd3\xc6\xe9t\x9a\xcd\xa6\xbd\xfb\x8fv\xeb1\xfc\xd5\x97\xde\xcb-*Vm!\x04\xc00X\xa9\xb7]\x84\x00\xc6\x18\xe7\\\t\n\xa0\x16\xcb\xc2\xb9_Fw\x1c\xb2\xec\xbfI\x16\x8b\x991\x16\x1c\x1c\xfc\xf5\xd7_\xcb\xe8\x8fm\x7fT9`\x0f\x00UD2\xc8\xe6\xe7\xe7?\xf3\xcc3\xf3\xe6\xcd\x83\xab\x89\xa1QD\x9d\x17\x9e\x7fb\xd8\x90\xbbM\x81\x81P\\h8\x9c\x94RB\xe9m\x06c\xce9\xe7\\\xd54\xf0\xf7\x03f$\xad\xdd\xfa\xee{\xf3\xd7\'\xef\x02\x00UU\x0c\x83u\xe9\xd2e\xe1\xc2\x85\x91\x91\x91\xb8\xe6\x07U&amp;\x98\x00P\x05\xe5\x0e\xb5K\x97.}\xf6\xd9g\xcf\x9d;\xa7i\x9a\xae\xeb\x00\xd0\xbci\xc4?\x9f\x1e6\xe0\xde\x1e\xe1uj\x03wBa\xb1a0B\x80PJ\xe0F\x9b\xe6\xf2&lt;2!\xb8\xa2(\xc4\xc7\x02\x9a\x8f+\'{\xcd\xcf;f\xfd\xe7\xab\xa4u\xdb\x01\xc0l69\x9d.UU\'O\x9e&lt;y\xf2dM\xd3\xe4\xf0\xd4\x9d\xfc\xa1\x11*S\x98\x00P\xc5%\x0b\xc6QJ\xcf\x9d;\xf7\xca+\xaf,\\\xb8\x10\x004M\xd5u\x03\x00\xc2\xc3\x82\x87?:`\xd0}\xbd:\xb4k\xa6X\x03\x01\x188\x9d\xa0\xeb\xdc\xe0\\\x08\x00A\x08\x01 \xbf\x7f=\x90\xcfSJ\x89I\x03\x8b\x19@\x05g\xf1\xa1C\xc7\x7fL\xdc\xb6x\xc9w\xe9\x872\x00@\xd5T\xb9\xff &amp;&amp;\xe6\xcd7\xdf\xec\xd0\xa1\x03\\=\xc8\xac\x1c~\x0b\x08\xdd1\x98\x00PE\xe7\xee\n\xac_\xbf\xfe\xddw\xdfMJJ\x02\x80\x92\x07\xaf7mR\xbf_\x9f\xce\xdd\xbaD\xb5\x8bjZ\xa3j\xa8b\xf5\x03"\xdb\xe9\xec\x0fU\xe5\xae&gt;\xefpd^\xcc\xda\x9f~|\xf3\xf6}k\xd7o\xdf\x95\x92.\xe7x\xe5\x80\x0f\x004o\xde|\xe2\xc4\x89#G\x8e\x04\xb9\x0b\x0c\x07\xfdQe\x84\t\x00y\x00Y8Z\xa6\x81\xa4\xa4\xa4Y\xb3f%&amp;&amp;:\x9dN\x00\xa0\x94\xf0\xabgI\xfa\xfaZ\xea\xd4\xae^\xb3f\xd5\xf6QM4Mm\xd9,"(8P\x18\x0c\x08\x10Bt\x9d\xed\xda\x9dn\x08\x91v\xf0\xf8\xd93\x17\x8eg\xfc\x9a\x93\x9b/\xbf\x90\x10*\xc4\x95t\xd2\xb9s\xe7\'\x9ex\xe2\xd1G\x1f5\x99L\xee.Hy\xfc\xd0\x08\xddq\x98\x00\x90\xc7(\xb9\xf8\xf2\xc8\x91#K\x97.\xfd\xe6\x9bo\x0e\x1d:T*/^\xb3f\xcd\xbb\xef\xbe\xfb\xf1\xc7\x1f\xef\xdc\xb9\xb3\xfb\xdb\xe1|/\xaa\xdc0\x01 \x0fse\x91&gt;\xa5\xf2\xe3]\xbbv\xad]\xbbv\xf3\xe6\xcd\xa9\xa9\xa9\xd9\xd9\xd97\xf5R\xbe\xbe\xbe\xcd\x9b7\xef\xdc\xb9s\xaf^\xbdz\xf5\xeae\xb5Z\xe1jo\x03\x97\xf9#o\x80\t\x00y$\xce\xb9\x10\xa2d\x0b=;;\xfb\xc0\x81\x03\xa9\xa9\xa9\xbf\xfc\xf2KZZ\x1ac\xec\xe0\xc1\x83rd\xdf-22\xd2\xdf\xdf\xbfv\xed\xda\x11\x11\x11\xd1\xd1\xd1M\x9a4\xa9U\xab\x96\xfb_\xe5\'c\xab\x1fy\x0fL\x00\xc8\x83\xc9\xd6\xba\x1c\xa6\xff\xe3H}nn\xae\xac5-\x84\x90\xff\xb7\xd9l\x7f|\x05w\x97\x02\x9b\xfc\xc8\xdb`\x02@\x95\x84;\x19\x00\x80L\x06\x7fL\t\xa2\x04B\x88{(\t!\xef\x84\t\x00UZ\x7f\xbc\xb7\xb1\x8d\x8fPI\x98\x00\x10B\xc8Ka\xff\x17!\x84\xbc\x14&amp;\x00\x84\x10\xf2R\x98\x00\x10B\xc8Ka\x02@\x08!/\x85\t\x00!\x84\xbc\x14\x167G\x9e\xa1\xe4\x12\xfek\xfe\x89\x94P.\xd7\x86\x90\x87\xc2e\xa0\xa8B\x93gu\x11Bn\xa4B\x83\xac\xe5\x80{z\x11\xbaA\x98\x00PE$\xb7\xf5\x96\xdc\xa9[\\\\|\xfa\xf4\xe9\x0b\x17.\xa4\xa5\xa5\xe5\xe4\xe4\xb8?\xb3N\x9d:u\xea\xd4i\xd0\xa0A\x8d\x1a5\xdcI\xa2d\xc18\x84\xd0_\xc1\x04\x80*\x9c\x92u\x98\x8f\x1c9\xb2}\xfb\xf6\xd5\xabW\xef\xde\xbd\xfb\xdc\xb9s\x86a\xfc\xe9\x97\xf8\xfa\xfa\xd6\xad[\xb7C\x87\x0e\xf7\xddw_\x97.]\xc2\xc3\xc3\xa1\xc4\x81bew\xe9\x08y\x14L\x00\xa8\x02\x91\x87|QJ\x19c?\xff\xfcs\xc9\x83_n\\xx\xf8\x80\x01\x03\xc6\x8d\x1b\xd7\xb2eK\xf8\xfd)\x02\x08\xa1\x920\x01\xa0\x8a\xc2\xdd\xf0\xff\xe9\xa7\x9f^|\xf1\xc5\xb4\xb44\xf8\xfd\x81_\x00`\xb3\x05T\r\x0b\xa9Z=\x0c\x0c\x06\x04\x80\xd2\x8c\x8c_\xf3\xf2\nr\xf3\n\xe4\'\xb8\xcf\xf6R\x14\xa5_\xbf~\xef\xbd\xf7^\xf3\xe6\xcd\x01O\xf4E\xe8\xcf`\x02@\x15\x82a\x18\xaa\xaa\x1e;vl\xc2\x84\t?\xfd\xf4\x13\x00(\x8a"\'u\xc3\xc3B\xbat\x89\xba/\xb6k\xf3f\x91\x11uk\x04\xf8\xfb*\x81V\xe0\x1c\x08\x00!\xc5\x99\xf6\xc2\xc2\xe2C\x19\xbf\xec\xdau\xe0\xa7u\xdb\xb7n\xdb\xebt\xea\x00\xa0(\x941n2\x99\xc6\x8c\x19\xf3\xe6\x9boZ\xadV\xf9-\xca\xf9\xe7D\xa8"\xc1\x04\x80\xca\x99{\xa4~\xd9\xb2eO=\xf5TVV\x96\xc9\xa4\xb9\\:\x00t\xee\xd4\xfa\xf1G\x07\x0c\xbc\xafgX\xed\x1a\x00\x00\xcc\x00\x97\x0b\x18\xe7\xb2\xf9\x0f\x00\x02\xa8\xa6\x82B\xc1l\x02\xa2\x027\x8e\x1c&lt;\xbet\xd9\x9a\xaf\x97\xad9r\xec\x14\x00\xa8\x8ab0\xd6\xa6M\x9by\xf3\xe6EEEa\x0e@\xa8$L\x00\xa8&lt;\xb9\xa3\xff3\xcf&lt;3}\xfat\x00PU\xd50\x8c\x0e\xd1\xcd\xdfx\xed\x9f}\xfbt\x02\xcd\x04\xc5\xc5\xcc\xe9\x14\x00\x84\x10J\x08\xfc\xbe\xaa\xb3\xbc\x819\x17B\x08J\x08\xf5\xf3\x01\xcd\xec\xcc\xcd\xfdr\xd9\x8f\xaf\xfc{\xe6\xb9\x0b\x99f\xb3\xc9\xe9tY\xad\xd6\x8f?\xfe8..\x0es\x00Bn\x98\x00P\xb9\x91k=\x15E\x19=ztBB\x82\xc9dr\xb9\\\x9a\xa2L~1~\xf2K\xa3U?_\x91\x9b\xc7\xb9\xa0\xcaML\xe1r\xce\x05\x17\x8a\xaa\x805\xf0\xdc\xe9_\x9f}\xfe\xfd\xa5\xdf\xac!\x94\xcaT3w\xee\xdc\xf8\xf8x\xcc\x01\x08I\x98\x00P\xf9\x90g1\xaa\xaa*\xa3\xbf\xc5bq8\x1c\x91\xf5k-\x9c7\xadK\xaf."?\x87\x97X\x0cz\xd3/\x0e\xc0tC\xf5\xb5\x80\xc5w\xdeg_&gt;\xfb\xdc{y\x85\xc5\x9a\xaa\xea\xba\x8e9\x00!7L\x00\xa8|\xc8\x10&lt;v\xec\xd89s\xe6\xf8X,\xc5\x0eGtT\x935?&amp;\x04\x87\x87\x18\xf6\\EUn\x7f\xe1\xa6\xe0\x82q\xae\xdaBvm\xd9yW\xff\xb1\xf6\x9c|M\xd3t]_\xb4h\xd1\x88\x11#\xd8m$\x18\x84*\x07L\x00\xa8\x1c\xc8\xe0\xbbp\xe1\xc2\x91#GZ\xccf\x87\xd3\x19\x1d\xd5$\xf1\xa7y6\x9b\xd5(,*\xdd\xb6\xb9\xae\xebZpp\xca\x96\xdd\xb1\xfd\xc7\xe6\xe6\x15RJM&amp;\xd3\x8e\x1d;Z\xb4h\x81kC\x91\x97\xc3\x04\x80\xca\x9a\x0c\xbbiii\x9d;w\xd6].\x97\xae\xb7h\xda`\xe3\xcf\xffg\xb3YYQ\xf1\x9dh\x95\x1b\xba\xa1\x06\xdbR\xb6\xa4\xf4\x8c\x1d\xa5\xebL\xd7\xf5\x96-[n\xd9\xb2\xc5\xd7\xd7\x17\xf7\x88!o\x86\xcd\x1fT\xa6d\x83\xc3\xe5r=\xfe\xf8\xe3\x85\x85\x85\x02\xc0\xdf\xdf\xf7\x8bEo\xdbBm\xac\xb0\xe8\x0e\x8d\xc9\xa8\x9a\xaaggGw\xed4\xeb\xfd\xe7t]7\x9bMiii/\xbd\xf4\x92\xa2(r\xef1B\xde\t\x13\x00*S\xb2\xf9\xff\xd5W_\xa5\xa6\xa6\x9a\xcd&amp;]\xd7\xdf\x9d:\xaeEt[#\'O\xb9\x93\xb3\xb2\x9a\xa6\xe9\xf6\xcc\xb8\xa7\x86\x0f\x19\xd4\xc7\xe9t\x99L\xda\x9c9s\x8e\x1e=\x8a9\x00y3\x1c\x02BeG\xdelYYY-Z\xb4\xb8|\xf92c\xacO\xcf\xf6II\x0b\x8d\xc2B\xf5\xce\x8f\xc5s.\xc0\xa4e^\xcan\xd5\xe1\xc1\xcb\x99v\xc6x\xbf~\xfd\xd6\xacY\x83\x05\xe3\x90\xd7\xc2\xfb\x1e\x95\x1dY\xa5y\xe5\xca\x95\x17.\\\x00\x00\x8b\xd9\xf4\xe9G/\x02\x08Z&amp;\x8d\x10J\tw8\xc2\xea\xd4zg\xea8\xc6\xb8\xa2\xd0\xf5\xeb\xd7\x1f&gt;|\x98\x10\x82\x9d\x00\xe4\x9d0\x01\xa0\xb2\xa3(\x8aa\x18\xd3\xa7O\'\x840\xc6\xfe1\xa0w\xc3\xa8\xe6,\xbf\x90*et\x1f*\xaa\xca\x0br\x87&gt;r_\x83z59\x17\x8c1y1\xd8\x0fF\xde\t\x13\x00*#\xb2\xf9\xbfq\xe3F\xd9\xe8\x06\x80Q#\xee\x17\xdc\x802\\\x84C\x00\xb8\xce\xcc\x01\x81\xc3\x87\xde#G~V\xae\\y\xf1\xe2EEQ0\x07 /\x84\t\x00\x95\x11\x19a\xbf\xff\xfe{!\x04\xe7\xa2E\xb3\x88n=\xdbCa\x91RV\xcd\x7f\x89R*t\xc7\xa3\x0f\xdf\xeb\xe7\xe7C\x08dffn\xdf\xbe\x1d\xae\x1e\'\x89\x90W\xc1\x04\x80\xca\x88\xa2(.\x97+))\t\x00\x00\xc4\xe0\x811\xaa\x9f\x95\x19e\x1dv)%\xa2\xc8\xd1\xa0ydt\x9b\xa6\x8cqB\xc8\xaaU\xab\xe0\xf7\x05\xe6\x10\xf2\x12\x98\x00PY\x90\x07\xfc\x9e:u\xea\xc4\x89\x13\x84\x10UQ\xfa\xf6\xee\x08\xccEh9\x84]\xce\x85 \xca}\xb1]\x01@\x08\xb1e\xcb\x16\x97\xcb\x85\x0b\x81\x90\x17\xc2\x9b\x1e\x95\x059\xfe\x93\x96\x96\xe6r\xb9\x84\x10\xc1\xb6\x80\xe6\xcd"\xc0\xe9\xa4\xe5\xd1\xee&amp;\x84\x10\xc1:uhE)!\x84\x9c={\xf6\xdc\xb9s\xb8\x16\x08y!L\x00\xa8,\xc8\x04p\xf4\xe8Q\xf90"\xa2\xb6_H\x107\x8cr\x19x\xa1\x94\x80\xd3\x15Q\xbf\x96\x9f\xaf\x0f\x80(**\xfa\xf5\xd7_\xdd\x17\x89\x90\xf7\xc0\x04\x80\xca\x82\x0c\xf4\'O\x9e\x94\x0f\xab\x86\x05SU\x15\xe5\xd7\xe0\x16\x8c\xfbZ}mAV\x19\xf3\xdd\x17\x86\x90W\xc1\x04\x80\xca\x82L\x00\xc7\x8f\x1f\x97\x0f\xa3Z4\x02\xa2\x96W\x8b\x9b\x10"\x0c\xc3\xbf\x8a-2\xa2\x8e|&amp;##\x03\xb0\x07\x80\xbc\x0f&amp;\x00TvL&amp;\x93\xfc\xc0`\x15`\xb4]\x08\xf7\xa0\xbf\xfb\xc2\x10\xf2*\x98\x00P\xb9\xa8\x10mml\xf2#/\x87\t\x00\x95\x1d\xc30\xe4\x07&amp;M+\xdf+\x01\x00\xa0T\xbbZ\x7f\xd4}a\x08y\x15L\x00\xa8\xecT\xa9RE~p\xfc\xe4\x19\x10\xac\xbc\xf6^\t!\x88\xa2\x14\xe7\xe4\x9f=w\xf1\x9a\x0bC\xc8\xab`\x02@eA\x8e\xb6\xb7h\xd1B&gt;&lt;y\xfa7\x10\xac\x1c\xf7\xde\x12\x85:\xf2\n~;wY&gt;l\xde\xbc9\xe0f`\xe4}0\x01\xa0\xb2S\xabV-\xf9\xc1\xafg\xce\x17\xd9\xf3\x88Z&gt;%\xd8\x84\x10`\xd6~9s\xa1\xd8\xe1$\x84\x98\xcd\xe6\xf0\xf0p\xc0\x04\x80\xbc\x0f&amp;\x00T\x16d\xa1\x856m\xda(\x8aB\x089w\xe1\xf2\xaf\xa7~#&amp;S\xb9\xcc\xc2r\x0e\x82j\xfb\xd2\x8e\xea\xba!\x84\x08\r\r\xad_\xbf&gt;`\x02@\xde\x07\x13\x00*\x0b2\xb6FFFV\xadZU\x08\xe1r\x19I\x1bv\x80f)\x97\xea\x0b\x84\x08\x02\xf0\xdd\x8f\x1b\xe5\x85\xb5m\xdb\xd6\xc7\xc7GV\xab.\xfb\x8bA\xa8\x1ca\x02@eA\x9e\x00\xe3\xef\xef\xdf\xbbwo\xf9\xcc\xf7?n\x02\xddI\xcb\xbc\x18\x9c\x10\x82ZL\x99g~\xdb\xbe+\x8dR*\x84\x180`\x00\xe0\x92P\xe4\x950\x01\xa02"#\xec]w\xdd\x05\x00\x94\xd2\xe4-{\x0e\xee=H|}\xca\xb8\x13\xc0\x18\'\x16\xdf\x15+\xd7_\xbc\x94M\x08\xf8\xf8\xf8t\xef\xde\x1d\xae\x0eR!\xe4U\xf0\xa6GeDQ\x14\x00\x180`@xx\xb8\x10\xc20\xd8\xc2/V\x912\x1f\x05\xa2\x94\x80\xee\x9a\xb7x%!\x841\xde\xabW\xaf\x88\x88\x08\xc6\x18&amp;\x00\xe4\x85\xf0\xa6Ge\xc4=\n4f\xcc\x18y\x1c\xe3\x92\xa5?\xd8\xcf\x9d\xa3\x16s\x99\r\xbf0\x83\xd1\x80\x80\x8d\xeb\xb6\xedN=$kA?\xf3\xcc3e\xf3\xad\x11\xaa\x800\x01\xa0\xb2#gYG\x8c\x18a2\x99(\xa5\x97.\xdb_\x9d:\x8b\xfa\xf8\x97\xcdq\x8cB\x08P\x15\xbd\xa8\xf8\xd9\x97\xa7\x0b\x01\x9c\x8b\xc6\x8d\x1b\xf7\xe8\xd1C\x08!{\'\x08y\x1bL\x00\xa8\xecPJ\x19c\xf5\xeb\xd7\x7f\xee\xb9\xe7\x0c\xc30\x99L\x9f&amp;|\xb3~\xf5:\xd5f+\x83\xb3!\x99\xc1\x14\xab\xed\xadi\xb3\xf7\xec;\xa2i\xaa\x10b\xc6\x8c\x19\xaa\xaa\xe290\xc8k\x11\\\xfc\x80\xca\x92\xbc\xdf\xecv{\x93&amp;M233\x01\xa0^\x9d\xea)\xdb\x97\x06Z\xfd@\xd7\xef\xdc@&lt;3\x0c%(pg\xf2\xae\xae\xfdF\x12Bu]\xef\xdb\xb7\xef\xda\xb5k9\xe78\xfa\x8f\xbc\x16\xde\xfa\xa8L\xc9\x93\x17\x83\x83\x83?\xfd\xf4S\xce\xb9I\xd3N\x9c:;z\xf4\xbf\xa9\xaf\xaf T\xf0;\xd2\x1c\xe1\x8c)~\xbe\xf6KY\x8f\x8c|\x99s!\x84\xb0\xd9l\xff\xf9\xcf\x7f\xb0\xf5\x83\xbc\x1c&amp;\x00T\xd6\x14Ea\x8c\r\x1e&lt;x\xc2\x84\t\x0e\xa7\xd3b\xb1,\xff\xfe\xe7\xd1\x8f\xbf\xa0X\xfd\xf8\x1d8\x98\x97\x19\x06\xf5\xf5\xb1\xdb\xf3c\xef\x8e?y\xfa7\x93\xa6\x19\x86\x91\x90\x90\xd0\xa0A\x03l\xfe#/\x87C@\xa8\x1c\x88\xab\x87\xb1t\xeb\xd6m\xfb\xf6\xed\x16\x8b\xd9\xe1p\xc6\x8f\xb8\x7f\xee\xa2w\xa0\xb8\x989\x9c\xca\xd5B\xcd\xb7\xc9\xd0u\xd5\x16h\xbfl\x8f\xbdkTJ\xeaa\x1f\x8b\xa5\xd8\xe1\x980a\xc2\xf4\xe9\xd3\r\xc3PK\xe9\xbb \xe4\xa1\xb0\xf9\x83\xca\x01!\x84RJ)]\xbdzutt\xb4\xc3\xe1\xb4X,\t\x8bW&gt;\xf4\x8fq\xd9\xb9\x05\x8a\xcdf\x18\xc6m6M8\xe3\x9cs584u\xf7\xc1\x98&gt;q)\xa9\x87-\x16K\xb1\xc3\x11\x1f\x1f/\xa3?\xae\xfcA\x08{\x00\xa8\xdc\xc8\x11\x18\xbb\xdd\x1e\x1b\x1b\x9b\x92\x92b\xb1X\x1c\x0eG\xc3\x06\xb5&gt;\x99\xf1r\xec}1P\\d\x14;\xa8Boj\x94F\x00p\xc6\x85\x10\xaa\xd5\x0f\x04\xcc\xfc\xf4\xf3\xc9\xaf|\x9c_Xl6\x9b\x9cNW||\xfc\xdc\xb9s9\xe7\x84\x10\xac\xfc\x83\x10&amp;\x00T\x9e\xdc9\xa0\x7f\xff\xfe[\xb7n5\x99L.\x97\x0b\x00\xc6?\xf9\xf0+/\x8f\r\xabY\x1d\x0c\x87(,f\\\xc8}[\x7f\x15\xb5\x85\x10\\\x08\xc1\xb9\xaa\xaa\xe0\xef\x0bD9\x98z\xf0\xd9\xe7\xdfO\\\xb7\x9dPJ@p.\xc6\x8c\x19\xf3\xd9g\x9f\xc9M\xbf\x18\xfd\x11\x02L\x00\xa8\xdc\xc9\x1c`\x18\xc6s\xcf=7c\xc6\x0c\x00\xd04M\xd7\xf5\xf0\xb0\xe0\xe1\x8f\x0e\x18&gt;\xf4\x9e\x96QMA5\x83\xee\x00\x97\xce\rC\x08!\x84\x00\x90\x11\\\x10B\t!TS\xc1b\x02jb\x85\xf9?\'\xa7|\xfe\xd5\xea\xa5\xcb~r\xe9\x86\xd9lv:\x9dV\xabu\xfa\xf4\xe9O&lt;\xf1\x04F\x7f\x84J\xc2\x04\x80\xca\x9f\x10B\x06\xe5e\xcb\x96M\x9c8\xf1\xdc\xb9s\x94R9K\xac(4\xa6W\x87\xbb\xef\xee\xde\xafg\xfb\xba\xb5\xab\xfb\x06\x07\x02\xa5\x00\xea\xd5c\xe5\t\x80\x0e\x86\x91\x9bi?x\xf0\xc4\xda\r\xbbV|\xbf&gt;\xed\xc01\x00\xa0\x8a\xc2\x19\x03\x80\x0e\x1d:\xcc\x9e=\xbbM\x9b6\x8c1\x1c\xf7G\xa8$L\x00\xa8B\x90\xeb\x82\x14E\xb9t\xe9\xd2\xcc\x993\xdf\x7f\xff}\xa7\xd3\t\x00%2\x81R\xa3Fx\x83\xfa5\xeb\xd4\x08\xaf[\xaf\x960t \x04(M;p,++\xe7\xf0\xb1S\x97/\xdb\xe5KQ\x85r\xc6\x01\xa0F\x8d\x1a\xaf\xbf\xfe\xfac\x8f=\xa6\xaa*F\x7f\x84\xfe\x08\x13\x00\xaa@\xdca\xfa\xc8\x91#K\x97.\x9d?\x7f\xfe\xd9\xb3go\xe1uZ\xb6l9n\xdc\xb8\x81\x03\x07\x86\x85\x85\xc1\xd5Q\xa6R\xbeV\x84&lt;\x1f&amp;\x00T\xb1\xb8\xbb\x02\x00\x90\x97\x97\xf7\xddw\xdfm\xd8\xb0a\xfd\xfa\xf5\xbf\xfe\xfa\xeb\xf5\xbfPQ\x94F\x8d\x1a\xf5\xeb\xd7\xef\xee\xbb\xef\x8e\x89\x89\x91\xaf\x80\x83\xfe\x08]\x07&amp;\x00T\x11q\xceK\x16\xe9,**:x\xf0\xe0\xc1\x83\x07\x7f\xf9\xe5\x97\xb4\xb44\xbb\xdd.c\xba\x10\xa2n\xdd\xbau\xea\xd4i\xd1\xa2E\x93&amp;M\x1a6l\xe8\xfe\x12\x0c\xfd\x08\xfd-L\x00\xa8\xe2\x12B\xc8\xa3zo|\xf8\xde0\x0c\xb9\xcb\x0cC?B\x7f\x0b\x13\x00\xf2\x00r\\H\xde\xab\xd7\xec\x06\x90\xabBI\t\xe5w\x99\x08y\x18L\x00\x08!\xe4\xa5pi\x04B\x08y\xa9\nW\rQ\xf6H\xfe\xb4&amp;\xb0\xbb\x83\x8f\xdd|T\xb9\xc9\xf1.\xf9^(\xb9\x80\xd5\xfd$\xces\xa0RQ\xceC@\xd7\x8c\xed\xde\xe0=\xed~{\xe0\xc8/\xaaL8\xe7r\t\xec\r\xde\xcf\xf2\xf3e]\xd5;}m\xa8R*\x87\x04\xe0\x0e\xfa\x7fz\xe3\xca\x15~\xc7\x8f\x1f/((\xb8\xe6\x9f\xaaV\xadZ\xb5jUJi``\xe05\xff\xc4\x18\xfb\xab\x17D\xa8\x82\x93\xef\x88\x92\xad\x9f3g\xce\x1c&gt;|8%%%333--\xcd\xfdi\x9a\xa6\xb5o\xdf&gt;$$\xa4M\x9b6\xcd\x9b7\x0f\x0e\x0e\x96\xff\xc4\x18\x03\x00\xdc\xea\x8cnV\xd9%\x00w\xdc/y\nGNN\xce\xf1\xe3\xc7\x0f\x1e&lt;\x98\x91\x91\x91\x92\x92b\xb7\xdb322\x00\xc0n\xb7\xff\xf1\x15\x14E\t\x08\x08P\x14\xa5i\xd3\xa6U\xaaTi\xd9\xb2e\xcb\x96-\x1b7n\\\xa7N\x1d___\xf7w\x91\x0b\xc01\x13 \x8fP\xb2FEZZ\xda\x7f\xff\xfb\xdf\xa4\xa4\xa4}\xfb\xf6\x15\x15\x15]\xff\x0bCBB\xbat\xe9\xd2\xabW\xaf\xc1\x83\x07\xd7\xacY\x13\xae\x0e\x9c\xe2\x9d\x8fn\\Y$\x00\x19\x94\xddq\x9f1\xb6w\xef\xdeM\x9b6\xfd\xf4\xd3O\xfb\xf7\xef\x97\'\x83\xdf2UU\xabW\xaf\xde\xae]\xbb\xfe\xfd\xfbw\xe8\xd0\xa1I\x93&amp;\xeeozM\xab\n\xa1\nE\x0ecRJu]\xff\xf1\xc7\x1f?\xfd\xf4\xd3\x9f\x7f\xfeY\xb6\xe5o\x8a\xd5j}\xf0\xc1\x07\x9fx\xe2\x89\xce\x9d;\xc3\xef3\nB\xd7wg\x13@\xc9\xfd\x9c\x8c\xb1\x9d;w\xaeX\xb1\xe2\xc7\x1f\x7f&lt;t\xe8\xd0\xf5\xbfPQh@\x80Up.\xa3\xb7\x00 \x84\xd8\xedy\xd7\xff*UU\xda\xb7\xef0h\xd0\xa0{\xee\xb9\xa7i\xd3\xa6\xf2I\xdc\x11\x8a* w\x98NJJ\xfa\xf7\xbf\xff\xbdc\xc7\x0e(Q\xf9\x0e\x00\x02\x03\xad\r#j\x07\xd9\x02\xdaG5\xd14MpNT\xd5\x9e\x95\x93v\xf8\xe4\x85\x8b\x97\x7f\xf9\xe5\\Q\x91\x03\xae,\x88\xb8\xf2&amp;\x1e:t\xe8+\xaf\xbc\xd2\xacY3wj)\xb7\x1f\x0fy\x88;\x95\x00J\x86\xfe\x8b\x17/.Y\xb2d\xc9\x92%\xee\xd1LB\xfe\xf7}\x15E\xa9^=,\xb2A\xad\x16M\x1b\xd4\xadW\xb3U\xf3Ha\xb0jU\xabT\xad\x1e\x0e\xccp\x97}\x07\xaadd\x9c.(,\xd6uc\xd7\xbe\xa3\'3~9q\xeal\xc9\x1a\x90%_VU\xd5^\xbdz\r\x1f&gt;|\xc8\x90!f\xb3\x19\x00\xe4\x11\x80\x98\x06PE \xa3\x7fVV\xd6\xb8q\xe3\x96.]\n\x00\xaa\xaa\x1a\x86\x01\x005k\x84\x0f\x1e\xd4\xa7W\x8f\xe8\xce\x1dZU\xa9b\x03\x1fs\x89\xa5z\x04\x80\x81`,\xbf\xf0\xb7\xf3Y?oN\xd9\xb0a\xe7\xcaU\x1b\xf2\xf2\x0b\xdd\xaf`2\x99^~\xf9\xe5)S\xa6\x00v\x05\xd0\r(\xfd\x04P\xb2\x98Wzz\xfa\'\x9f|\xf2\xfd\xf7\xdf_\xbcx\x11~\xdf\xc0i\xda\xa4A\x87\xf6-\xbaun\xd3\xa1]\xf3\xba\xb5\xab\xf9\x06\x07\x02U\x01\x08\x80\x01\x00`\x18\xa0\xcb\xe8\xef.\xfb.\xc0l\x82+\x8d\x1a\x15\x80\x83\xe1\xca\xbdl?\x96\xf1\xcb\xd6\x1d\xfb7oK\xdd\x95\x92~\xf6\xb7\x8b\xf2\xc5\xdd\xdf\xa8q\xe3\xc6\x0f=\xf4\xd0\x93O&gt;\x19\x1e\x1e\x0e\xf8\x96@\x15\x80&lt;\x8c~\xeb\xd6\xadqqq\xc7\x8f\x1f7\x994\x97K\x07\x80\xbe1\x9d\x86\x0f\xbbo\xe0==\x03\xc2\xc3\x00\x0c(v\n]\x17\\p!d\x1fX\xfe\x9f\x12BU\n\x9a\x06f\x0b\x808\x9bqz\xe9\xf2\xa4\xc5KV\xa6\x1f:A\x08\xa5\x14\x18\xe3\xb1\xb1\xb1\x0b\x17.\xacV\xad\x1a\xde\xf0\xe8\xfaJ9\x01\xb8o\xb8\xf4\xf4\xf4\xe9\xd3\xa7\x7f\xfe\xf9\xe7\xf2\x84?w\xdb\xbci\x93\x06\xf7\xc4v\x1d4\xa0w\x87v\xcd\x14\xab\x15\x00@w\xc9\x93\x9e8\xbf\xb2\x18\x14\x00\x08\xf9\x93\xc5\xfe\\\x08\x99\x0e\x84\xb8r\xa6+\xd540\x9b@\xd1\x00x\xde\xc5\xcc\xe4\xcd{V\xae\xfa9i\xfd\x0e\x99\t(U8g\x00\x10\x1e\x1e&gt;v\xec\xd8\xa7\x9ez*,,\x0c{\xc7\xa8\x1c\xc9\xe8\x9f\x90\x90\xf0\xd4SO\xc9\x06\xbb\xcb\xe5j\x18Q{\xc6\x87/\xde}_\x0f\xa0*\x14\x16\x1a.\x9d\x10\xb8\xce\xb8\xa5\x10 @p\xc6\t\x01\xc5b\x06\x8b\x9f+?o\xce\xbco^\x9d237\xbf\xd0b1;\x1c\xcej\xd5\xaa}\xf7\xddw\xd1\xd1\xd1\xf2;\x96\xf1\x8f\x89&lt;E\xa9%\x00w\xc3?77\xf7\x83\x0f&gt;x\xef\xbd\xf7\\.\x97\xa2P\xc68\x00\x04X\xfd\xee\xef\xdf\xeb\xd1G\xfa\xf7\xea\xd9N\xf5\xb3\x02\xd7\xa1\xb0\x981&amp;\x00\xe8m,\xe4\xbfz\x12\xac \x04\x14\x93\x06\xbe\xbe\x00$\xefb\xe6w?&amp;/\xf9b\xf5\xcf\xc9;\x19\xe3\x8a\xa2\xc8\x89\xb5\xea\xd5\xabO\x9b6-..\x0epD\x08\x95\x07w\xf4\x1f=z\xb4\xa2(r\x98t\xfc\x93\x0f\xbf\xf1\xda\xf8\xc0\xd0`\x9e\x93\'\x84\xa0\xca\xcd\xcdW\xfdo\x85\x855\xf0\xd8\xc1\xc3\xff\xfc\xd7\xdb\x89\xeb\xb7\xcb\xbcb\xb3\xd9\x12\x13\x13\xa3\xa3\xa3\xb1\x1f\x80\xfeJ\xe9$\x00\xf7\x1d\xb6t\xe9\xd2)S\xa6\x1c;v\xcc\x1dv\xc3C\x83\x9f\x1c\xfb\xd0\x13\x8f\x0f\xaaY\xbf6\x08\x01\x05\x85\x86\xc1\x08%\x94\xd2\xd2\x8d\xbe2\x03\x81\x00\xc5\xa4\x81\x9f\x1f\xe8z\xda\xfe#\x1f\xcf\xfc\xfc\xf3\xafV\xbbtCQUf\x18\x00\x10\x13\x13\xf3\xe6\x9bov\xe8\xd0\x</t>
        </is>
      </c>
    </row>
    <row r="131">
      <c r="A131" s="1" t="n">
        <v>129</v>
      </c>
      <c r="B131" t="inlineStr">
        <is>
          <t>triangle</t>
        </is>
      </c>
      <c r="C131" t="inlineStr">
        <is>
          <t>What is the missing number of the part denoted with a question mark?</t>
        </is>
      </c>
      <c r="D131" t="inlineStr">
        <is>
          <t>['8', '2', '9', '7']</t>
        </is>
      </c>
      <c r="E131" t="inlineStr">
        <is>
          <t>2</t>
        </is>
      </c>
      <c r="F131" t="inlineStr">
        <is>
          <t>There are three groups of numbers with a triangle arrangement in the image. The first group is [1, 7, 7], the second group is [8, 6, 48], and the third group is [9, '?', 18].</t>
        </is>
      </c>
      <c r="G131" t="inlineStr">
        <is>
          <t>We observe that the number 7 is the product of 7 and 1. Similarly, the number 48 is the product of 6 and 8. Hence, the pattern is that the rightmost number in each group is the product of the other two numbers.</t>
        </is>
      </c>
      <c r="H131" t="inlineStr">
        <is>
          <t>Based on the pattern that the rightmost number in each group is the product of the other two numbers, the missing number of the group [9, '?', 18] should be 2.</t>
        </is>
      </c>
      <c r="I131" t="inlineStr">
        <is>
          <t>b'\x89PNG\r\n\x1a\n\x00\x00\x00\rIHDR\x00\x00\x02\x00\x00\x00\x02\x00\x08\x02\x00\x00\x00{\x1aC\xad\x00\x00\xb7\x85IDATx\x9c\xec\x9dw|\x14U\xf7\xff\xcf\x9d\x99\x9d\xddl\x92\xddM\xa5\x07\x02$\x10B(\x81\xd0C/\x01QP:\x88\xd2Q\x90G\x8a\x14\x95\x07\x10A\x04Ax\x04, Mi"UP\x08M\x94&amp;\xbd$\x94@h\xa1\xa6o\xaf3\xf7\xfe\xfe\xb8\xb0\xdf\xfc\x00\x95\x14\x92Mr\xdf\xaf\xe7\xf5\xbcpvv\xe6fw\xe7|\xce=\xf7\xdcs\x10!\x04\x18\x0c\x06\x83Q\xfa\xe0\x8az\x00\x0c\x06\x83\xc1(\x1a\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84\xa2\x1e\x00\xe3\xa5C\x08\xa1\xffO\xff\xe1\x06=\xa1\x88\xc6\xc5`0\x8a\x18\xf4\x94Q`\x94\x0c\x08!\x18cB\x08B\x88\xe7\xf9\x17&lt;\x93\xe38\xa6\x07\x0cF\xe9\x81\t@\x89\x82\x10"\xcb2\xc7q\x1c\xf7\x7f\xc1=Y\x96M&amp;\xd3\xa3G\x8f\x1e&gt;|\x08\x80\x00\x1e\x7f\xe3\xd5\xabW\xf7\xf5\xf5\xd5\xe9t9\xaf \xcb2\x000%`0J\x03L\x00J\x08\x18c\x8c\xb1 &lt;\x8e\xe9eee\x9d?\x7f\xfe\xf0\xe1\xc3\x7f\xfd\xf5\xd7\xbd{\xf7\x1e\xa5\xa6\x1a\x8dF\xa7\xc3\x91\xf3-\xbe\x1a\x8dJ\xa9\xacV\xadZ\xc5\x8a\x15[\xb4h\xd1\xacY\xb3\xc8\xc8H\xb5ZM_\x95$\x89\xe7y&amp;\x03\x0cF\t\x86\t@\xb1\x87\xc6ph\x9c\xc7d2m\xdf\xbe}\xcb\xd6\xad\xc7\x8f\x1dOKK\xcd\xed\xa5BCC\xdb\xb4i\xd3\xb7o\xdf\xb6m\xdb\xd2\x0b\xd2\xf9\x04\x93\x01\x06\xa3D\xc2\x04\xa0\x18\x93\xd3\xf4\'&amp;&amp;\xaeY\xb3f\xd3\xcf?\xa7\xdc\xb9\xe3&gt;\xc1W\xa3\xa9\x1a\x16Q\xa6|\x85\xea5"\xbd\xbd}j\xd4\xae\x8be\x89\xae\xfeJ.\xd7\xe5\x84\xb3v\x9b-\xe9\xd2\x85G\x0f\xee\xdf\xb9y\xdd\x91c~P\xaf^\xbd\x01\x03\x06\x0c\x1c8\xb0L\x992\x00 \xcb\xf2?/$0\x18\x8c\xe2\x08\x13\x80\xe2\n\xc6\x98\x06\xfa\xef\xdf\xbf?m\xda\xb4\r\x1b6\xd8l6\xfaR\xf9\x8a!Mb\xdb\xb6\xea\x10W\xb3v\xfd\n\x95\xaa(U\xa2 \x00&amp; K\xff\xdf\x15\x04\x05\x00\x01I\x02\x8b\xd9\x94r+9\xe1\xdc\x99\xdf\xe3w\x9e&gt;~\xd8\xa0\xcf\xa6\'\x94-[n\xf4\xe8Q\x93&amp;M\x12E\x11c\xccR\x86\x18\x8c\x12\x06\x13\x80b\x89$I\x82 \xb8\\\xaeo\xbf\xfd\xf6\xb3\xcf&gt;{\xf4\xe8\x11\x00\x88\xa2\x18\xd3\xbcU\xbfA\xef4h\xd2"\xb8l0\xc6\xe0p8\x9d\x0e\xc7\xe3$\x1f\x80\x9c\xe6\x9b\x00\xb8\x0fr\xbc\xa0T*\x95*A\x92\xe0\xde\x9d\x1bG\x0e\xee\xdd\xb8\xfa\xbb+\x89\x17\xe8\x99QQQs\xe7\xce\xed\xdc\xb93\xb0\xa9\x00\x83Q\xb2`\x02P\xfc\xa0\xd6\xff\xfa\xf5\xeb\x83\x07\x0f&gt;z\xf4(=\xd8\xe5\xf5&gt;#\xde\x9fT\xa3V\x1dA!X-V\x97\xcb\t\xf0\xe2i\x9d\x04cB\x08F\x80D\x95J\xadV\x9aL\xd63\xc7\xff\xfc\xea\xf3\x19\x17\xce\x9c\xa0g\x0c\x1b6\xec\xcb/\xbf\xf4\xf5\xf5\xa5w\x7fi\x7f\x1c\x83\xc1(&lt;\x98\x00\x14\'\xe8f.\x8e\xe36m\xda4z\xf4\xe8\x8c\x8c\x0c\x00\xa8\x13\xdd\xe8\xfd\x0f?i\xde\xa6\x13!\xc4j1\xd3\x13\xf2\x1c\xab!\x84`,s\x1c\xef\xab\xf1\xb5\x98\xcd;7oX&lt;wF\xda\xa3\x07\x00\x10\x1d\x1d\xfd\xfd\xf7\xdf\xd7\xaf_\x9fi\x00\x83Q2`\x02Plp[\xffO&gt;\xf9d\xc6\x8c\x19\xf4\xe0\xbb\xe3?~g\xfc\xc7jo/\x83\xde@wr\x15\xd4\xedh\xb4G\xab\xf3\xb9{\xfb\xce\xec\x8f\xc7\xef\xdd\xb9\x15\x00\xfc\xfd\xfd\xbf\xf9\xe6\x9b\xde\xbd{3\r`0J\x00L\x00\x8a\x07\xee\x84\x9f\x11#F,_\xbe\x1c\x00\x82\xca\x94\x9d\xb5py\xc7W\xbb\xea\xb3\xcd//4/I.//oQT|\xbfx\xfe\xc2\xcf\xa6\xba\x9cN\x00X\xb6l\xd9\xf0\xe1\xc3\x99\x060\x18\xc5\x1d&amp;\x00\xc5\x00\xba\xbfW\x10\x04\xb7\xf5\xafU\'\xfa\x9bu\xdb\xcaW\x0c\xd1g\xeb_\xf6v-\x8c1\x00\xf8\x07h\x8e\xfc~h\xf4[o\x18\xf5\xd9\xc04\x80\xc1(\x110\x01(\x06P;\xfb\xce;\xef|\xf7\xddw\x00P\xabN\xf4\xca\xcd\xbb\xb5:\x7f\xb3\xd9$\x08\x8a\xc2\x19\x83\xcb\xe5\n\x0c\xf2;y\xf4\xe8\x88\xbe]\x8d\x06=\x00\xac^\xbd\xfa\xed\xb7\xdff\x1a\xc0`\x14_\x98\x00x:\xd4\xc2.[\xb6l\xe4\xc8\x91\xf0\xc4\xfa\xfbju6\x8b\x95/\\\xcb+\xb9\\~\x81~\xa7\x8f=\xd6\x00oo\xefC\x87\x0e5l\xd8\xd0\xbd#\x81\xc1`\x14/\x98\x00x4\xd4\xb6\x9e8q\xa2Y\xb3f\x18\xe3\xb0\x9a\x91?\xfer\xd0W\xab\xb3YmE\x92\x8f/\xb9\\\xfe\x81~\'\x8f\x1e\x1d\xda\xab\x93\xd5b\t\r\xadz\xe6\xcciZN\x8e\xed\x11c0\x8a\x1d\xccq\xf3\\\xa86gff\xf6\xef\xdf\x9f\x10\xa2V{\x7f\xbet\xb5\x7f`\xa0\xd5b-\xaa\xddX\x82B\x91\x99\x91\xdd\xb4U\xf3I3\xbe\x00\x80[\xb7n\x8e\x181\x82.P\x17\xc9x\x18\x0cF~`\x02\xe0\xb9P\xf7\x7f\xc2\x84\t7o\xde$\x84L\xfc\xe4\x8b\xe8F\r\xf5\xd9\x86\xa2\x8d\xb9+\x14\x8a\x8cT\xfd\xc0\x11\xef\xbe\xd6\xebM\x00\xd8\xbcy\xf3\x8f?\xfe\xc8\xf3&lt;\xad#\xcd`0\x8a\x11,\x04\xe4\xa1\xd0\xcc\xce\xc3\x87\x0f\xb7i\xd3F\x96\xe5\x8e]\xdf\xf8v\xfd\x96\xac\x0c}!\xc7\xfd\x9f\x0b!\x84\xe7y\x97\xd3\xf9F\xdb\x06\xf7Rn\x07\x07\x07_\xbe|Y\xab\xd5\xb2bA\x0cF\xf1\x82\xcd\x00&lt;\x11\xda\x9f\xcb\xe1p\x8c\x1b7N\x96e\x9d\x7f\xc0G\xb3\x17Z,v\xe4\x19k\xad\x08!\x97\xd3\xa9\xf5\xd3M\x99\xb5\x10c\xfc\xe8\xd1\xa3i\xd3\xa6q\x1c\xc7\x02A\x0cF\xf1\xc2#\x0c\n\xe3)h\xf0g\xe3\xc6\x8dg\xce\x9c\x01\x80\x01CGW\xae\x1ab\xb7\xd9\x0b$\xd9\x86&lt;!?\x17\xe1\x05\xc1\xa87\xb6\xeb\xdc\xb5i\xcbv\x00\xf0\xddw\xdf]\xbdz\x95i\x00\x83Q\xbc`! O\x84\xee\xfc\xaa[\xb7\xee\xd5\xabWC\xc3jl\xdew\x12\x10\x00&amp;\x90\xef\x00\x0b\x96eA\xa1\xa0B"\xcb\x98\x90\xbc\xdbk\x8c\xb1Z\xadN\xba\x9c\xd8\xafK\x0b\x9b\xd52l\xd8\xb0\xe5\xcb\x97\xb3r\xa1\x0cF1\x82\xcd\x00&lt;\x0eY\x96\x11B\x87\x0f\x1f\xbez\xf5*\xc6\xb8[\xaf\x81:?\x1f\xc9%\xe5\xd3\xfa\x13B\xb0,\xfbh\xb56\xab%+3#;3\xc3\xe9\xb0\xe7\'d\xcfq\x9c\xc5b\xa9]\xaf^L\xb3X\x00\xf8\xe5\x97_2228\x8ec.\x05\x83Q\\`\x02\xe0\xa1|\xff\xfd\xf7\x18\xe3\x80\xa0\xe0W{\x0e0\x9b\xec\xf9t\xabi;\x17\xbf\x00\xed\xceM\xeb^o\xdb\xb0[\xabz\xaf\xb4\x88\xda\xfb\xebV\x1f_\xb5\xfcT\x9b\x98\xdc\x80\x00\xb0\x8c\xfb\x0f\x19\xcdq|ZZ\xda\xb6m\xdb\x10B,\x1d\x88\xc1(.0\x01\xf0,h\x82\xcd\xc3\x87\x0fw\xed\xda\x05\x00-\xdat\xaa\\5\xc4n\xcf\x97\xab.I\x92\xca\xcbKP\x08\x9fN\x19\xff\xc1;o&gt;\xbc\x97\xa2\xcf\xca4\x19\xf4\xf9\x9c\x01\x00\x00\xc7\xf3\x16\x8b\xadil\xdb*\xd5\xaa#\x84V\xae\\\xc9v\x053\x18\xc5\x08\xf6\xacz\x16\xd4}\xde\xbbw\xaf\xd1h\x04\x80v\x9d_\x93e\x92O\xeb\xef\xe7\xaf{p/eh\xcf\xb8U_/\xa4\xad\x02\x04A@\x08!T\x00\xdf\xbe$\xb9|\xb5\xea\xd8v\x9d\t!\xe7\xcf\x9fONNfK\xc1\x0cFq\x81\t\x80gAm\xfd\x1f\x7f\xfc\x01\x00e\xcbWl\xd8\xb4\xa5\xcd\x9a\xc7\xe4\x1f\x1a\x8b\x0f\x08\xd2\xed\xfb\xf5\x97~\x9d[\x9c&lt;\xfa\x07\x00`\x8cy^\xa0M"\x0bd\xc0\x1cB.\x17n\x17\xf7\x1a\xcf\xf3v\xbb\xfd\xd8\xb1\xe3\xf0\xa4\x80(\x83\xc1\xf0p\x98\x00x\x16\x1c\xc7\xb9\\\xae\x13\'N\x00@d\xdd\x06Ae\x82\x9dNg\x1ef\x00\x84\x10\xc4!Q)~9s\xfa\xbb\x03\xbae\xa6\xa7\x02\x80\x9f\x7f\xd0\x8c\xf9_{y\xab\x0b\xd0@#\x8e\xb3\xdb\xec5"\xeb\x04\x97+\x0f\x00\x7f\xfe\xf9\'\xb0\xba@\x0cF1\x81\t\x80\x07A\x97j\x93\x93\x93o\xdc\xb8\t\x00\r\x9b\xc6\xf2&lt;@^]uQ\x14\xc7\x0f\x1f\xb0\xe4\x8b\x99\nQI\x08\xa9\x1aVc\xc3\xeeC\xcd[w0\x19\x0c\x05\x18\xa6G\x08\xb9\\.\xbf\x80\x80\xa8z1\x00\xf0\xd7_\xc7\xed\xf6\x82\xd9\xaf\xc0`0^6\xecA\xf5 hX\xe6\xf6\xed\xdb\x0e\x87\x1d\x00\xaa\x85GHR\x1e\xbdiB\x08\xcf\xf1Mc\xdb\x02\x80\xcb\xe9\xe8\xf0\xca\xebkw\xfdY3\xb2Vz\xea#(h\x0f\x9d\x10\xa2P@\xd5\xb0\x9a\x00\xf0\xf0\xe1#\xa3\xd1\x88\x10\xdb_\xc2`\x14\x03\x8a\xbe\xb0\x0c\xc3\r5\x9a\xe7\xcf_\x00\x00\x8dV[\xa9JUW\x9e\xe2?\x00\xc0q\x9c\xd5b\x194\xea\xdd\x9b\xc9W9\x8e\xff\xf8\xb3\x05\x16\x8b\xcdlv\xbd\x8c]Z\x1cB\x92\x04a\x11\xb5\x01\xc0h4$%%\x05\x07\x07\xd3\x06\x96\x05~/\x06\x83Q\x800\x01\xf08,\x16\x0b\x00\xf0\xbc\xe0\xe3\xe3\x8b1\xce\xf3\xfe/\xc4q\xd9\x99\xa6I\x9f|!\xf0\x82\xd9d\x91$I\xa9T\x11x)\x8e9!\xa0\xd1\xea\x00\x00cl\xb3\xd9^\xc6-\x18\x0cF\x81\xc3B@\x1e\x04\r\x9d\x9f9s\x1a\x00*U\xa9\xaa\xf5\x0b\x90$)\x7f\xe1\x1a\xe4t8,\x163!\xe4\xe5\xc5\xe5im\xb8\x8a!\xa1\xbe\x1a-\x00\x9c:u\x1a\x9e\xccf\x18\x0c\x86\'\xc3\x04\xc0\xe3p\xb9\\\x00\xe0\xe3\xabQ\xaaT\xf9O\xd7A\x08\xd1\xdc\xff\x82\x18\xda\xdf\xde\x03c\xec\xab\xd1\x88\xa2\x08O\xc6\xcf`0&lt;\x1f&amp;\x00\x1e\x075\xd6X\x96\x8b\x97\x13\xed\x1e0\xcb\x01e0\x8a\x0bL\x00&lt;\x0ej@\x8b\x93\xed\x07\x80\x1c\x03f\x02\xc0`\x14\x17\x98\x00x\x1c\x92$\x01\x80 \x08\x1cWl,)!D\x10\x04Z[\x82\x8e\x9f\xc1`x&gt;L\x00&lt;\x88\xc7\xc5\x1b\x02\x02\x00 \xf5\xe1\x03\xa3\xc1\xc0\xf3\xbc\xe7\x07\x82\x08!\n\x85\xe2\xd1\xc3\xfbV\xab\x19\x9e\x8c\x9f\xc1`x&gt;L\x00&lt;\x08j\xeb##k\x03@F\xda#\x9b\xc5\\&lt;R\xe9\t\xe1\x05!3#\xddf\xb5\x02@\x9d:Q\xc0\x02A\x0cFq\x80\t\x80\xc7\xe1\xe7\xa7\x03\x00\xa7\xc3\x91\x91\x9e\xca\x0bB\x9eKA\x14\x1a\x04\x80\xe3 \xf5\xfe]\x00\x10E\xd1\xc7\xc7\x07\x98\x000\x18\xc5\x01&amp;\x00\x1e\x045\x9au\xeb\xd6\x05\x00\xab\xd5r\xffn\x8aB!\x14\x8b\x10\x10\xcf\xc3\xed\x1b\xd7\x00\xc0\xd7W\x13\x16\x16\x06L\x00\x18\x8c\xe2\x00\x13\x00\x0f\x82\x1a\xcd\xd0\xd0P__\r\x00\\\xbep\x86\xe7\x01{\xbc\x00p\x1cg\xb7\xcb\x97\x13\xce\x03@\xd5\xaa\xa1\xde\xde\xde\x84\xe4\xab\x87\x01\x83\xc1(\x1c\x98\x00x\x10\xb4\xa1n\xa5J\x95"""\x00\xe0\xec\xc9\xa3N\xe7K\xdc\xc1[ \x10BDQ\xccH}\x94t\xe9"\x00\xb4h\xd1B\xa1P\xb0\xae\x90\x0cF\xb1\xc0\xa3\x8dK)D\x96e\x8e\xe3\x9a6m\n\x00W\x12\xce\xdf\xbbsK\xa9Tyr\x14\x08c\xac\xf2R\x9e?\xfdWvV\x06\x00\xc4\xc6\xb6\x04\x16\xffa0\x8a\tL\x00&lt;\x0bj:\xdb\xb7o\x07\x00\x06}\xf6\xd1C\xfb\xbc\xd4"\xf6l\x87\x1aqh\xff\xaf\xdb\t!Z\xad\xb6q\xe3F\xf0\xa4\xa8Q\x91@\x9e\xa1\xa8F\xc2`x&gt;L\x00&lt;\x0bj:[\xb5jU\xa1BE\x84\xd0\xc1=;\x08\x81&lt;\x17\x04}\xd9\xd0\xf8OfZ\xe6\xf1#\x07\x11B-[\xb6,_\xbe&lt;mkShc\xc0\x18\xcb\xb2,I\x92,\xcb\xf4\xd6O\xe1&gt;A\x92\xa4\x02\xec\x85\xc9`\x94\x00\x98\x00x\x16\x08!I\x92|}}\xfb\xf6\xedC\x089y\xf4\xcf\x8bg\xce\xa8\xd5\x05\xda\xc4\xf1\t\xf9\xbf\x14\x96e\xb5\xb7\xd7\x9e_~N{\xf8\x80\x102b\xc4\x08(\xac:\xa0\xd4\xa6\xd3*\xa7&lt;\xcf\x0b\x82\xc0\xf3&lt;\xc7q6\x9b-;;[\xaf\xd7\xeb\xf5\xfa\xec\xecl\x83\xc1\xe0&gt;A\x10\x04Z\x17O\x96e\xb9\xb8\x95Zb0^\x06\xac\x1f\x80\xc7A\'\x01\x83\x07\x0f\xfe\xea\xab\xc56\xabe\xfbO?\xccl\xf2?\x8b\xd9R q\x15\x1a\x15\xa1\xd5\x1a\x08\xc9w\xa9Q\x8e\x93$\xbcy\xed\n\x84P\xb5j\xd5\xda\xb5k\xf7R\xebN\x03\x00!\x04cLm:=r\xf7\xee\xdd\xd3\xa7O\'$$\\\xbcx\xd1`0\xdc\xb8q\xc3d2#\x04\x04\x00\x08\xf0\x02_+"B\xa5R5l\xd8\xb0j\xd5j\x8d\x1b7\n\x0b\x0b\x13\x84\xc7?{Y\x96i\xb5\xd4\x977`\x06\xc3\x93a\x02\xe0qp\x1c\x871\x8e\x8c\x8c\x8c\x8dm\xf1\xfb\xef\xbf\xff\xba\xed\xa7A\xef\x8e\x0b*S\xd6\xe5r\xe5\xd3m\xa7\x15{|\xb5:\x9e\xe3e,\x8b\xf9[^\x96eY\xa3\xd5\xec\xff\xf5\x97\xcb\x17\xcf\x11B\x06\x0e\x1c\xe8\xe5\xe5%I\x92\xdb\xbc\x16,\xd4\xf4\xf3&lt;OM\xff\xb1c\xc7\xb6m\xdbv\xe4\xc8\x91\xcb\x97/\x1b\x8d\xc6\x7fxc\xea\xa3G\x00\xb0{\xf7n\x00P*\x95aa\xe111\r\xbbu\xeb\x16\x17\x17\xa7T*\x81\xc9\x00\xa3\x14\xc3z\xb7z"\xb2,\xf3&lt;\x7f\xe8\xd0\xa16m\xda\x00\xc0k\xbd\x06\xfco\xe5\xda\x8ct}&gt;m+\x8d/Y\xcd&amp;@\x00\x04T^jQ\xa9\xcc\xcf\x0f\x80\xe3\xb8\xee\xad\xeb\xdfJ\xbe\x16\x18\x18\x98\x98\x98\x18\x14\x14TP\xc1\xa5\xa7\xa0\x1f\x08\x00\xa4\xa6\xa6\xfe\xf2\xcb/k~\xf8\xe1\xe8\x91#9O\xd0\xf9\xf9\x07\x97-\x1fT\xa6l`p\xb9\x90*\xa1.\x97\x04\x00\xbc \xe8\xb33o]O2\x9b\x8c\xf7Rnee\xa4\xe7|K\xad\xc8\xc8\xde\xbdz\xf5\xe9\xd3\xa7f\xcd\x9a\x00 I\x12\xcf\xf3,\x7f\x89Q\xaa`\x02\xe0\xa1P\x93\xd7\xbbw\xef\x9f\x7f\xfeYT*\xd7l;\x18\xdd\xa8\xb1\xc9\x94\xdf\xea@\x08!\x9e\xe7\t\x00\x02\x90e\x9c\xe7(\x90\xe4r\x05\x04\xfb}\xb7p\xc1\xdci\x1f \x84\xe6\xcf\x9f?~\xfcx\xba\xc4Z\xb0\xf5\x8bh\xcc\x8a\xe38\x83\xc1\xb0p\xe1\xc2e\xcb\x96=|\xf8\x90\xbe$*\x95\xb5\xeb5h\x12\xdb\xb6^\xc3\xa6\xe1\x11\xb55Z\x9d\x8fF\x83\x10\x08\n \x04\xa8!\xc7\x18d\t\xecv\xbbA\x9fu\xf7\xf6\xcd\x8bgO\x9c:\xf6\xe7\xe9\xe3\x87\r\xfalz\x11\xb5Z\xdd\xb7o\xdf\xc9\x93\'\x87\x87\x87\x03\x00\x8d/\x15\xe0\xf8\x19\x0cO\x86\t\x80\x87B\x13Zn\xdd\xbaU\xbf~}\xa3\xd1\x18Q\xbb\xde\xcf\xfb\x8e\xb9\\r\xfe7\xd9\xba\xbf\xf1&lt;_\x07\xcb\xb2\x97\xb7\xf7\xed\xe4\xeb\xbd:6\xb2Y\xad\x18\xe3\x9a5kN\x9c8\xf1\xad\xb7\xde\x12\x04\x81\xaeW\x17\x88\x19u;\xfe\x1b7n\xfc\xe4\x93O\xae^\xbdJ\x8f\xd7\xa8\x15\xf5Z\xef\x01\xcd[w\n\x8b\xa8\xe5\xa5\x16%\x178\xec\x0eY\x96dI"\xff\xff*4B\x80\x10\xe2\x10\xc7+\x14\xa2(\x8a"\'\xb9 \xe5v\xf2\x89#\x7f\xfc\xb6\xfd\xa7\xa3\xbf\xef\xa3\xa7\xf9\xf9\xfb\x8f\x1f7n\xd2\xa4I\xa2(\xbao\xca`\x94x\x98\x00x.\xd4\x12\xcd\x993\xe7\xa3\x8f&gt;\x02\x80\xfeCF\xcd\xfe\xdf\xd2\x8c\xb4lA\xa1(\xc2Q\x11B\x10\x80\xa0\x10\xfa\xbd\xd22\xf1\xdciw^\r\x004m\xda\xf4\x93O&gt;\xe9\xd0\xa1\x03\x14DD\x85.\'&lt;x\xf0`\xd8\xb0a4\x82\x0f\x00M[\xb6\x1d0\xec\xbd&amp;\xb1m\x03\x02\xb56\xabd\xb7\xdbdY\xe6\x10B\xb4y\xc2\xdf\xdf\xee\xf1\xa6\x00\x8c\x11BJ\x95\xca\xcb[\xe9\xb0I\xe7N\x1d\xdd\xbcn\xd5\xf6\x8dk\xe8CP\xbbv\xedo\xbf\xfd\xb6y\xf3\xe6\xeet\xd2&lt;\x0f\x9e\xc1(\x160\x01\xf0h\xe8\xfad\\\\\xdc\xbe}\xfb\x00`\xfe\xb7k{\r\x1c\x90\xfa0K!\x8aE5$Ir\x95)\xeb7\xe5\xbd\xd1\xebW~\r\x00\x9f~\xfai\x97.]\xa6L\x99BG\x08\x00\xfd\xfb\xf7\xff\xf0\xc3\x0fk\xd7\xae\rO\x8cxno\xe1\x0e\xfb\xc4\xc7\xc7\x0f\x19:\xf4\xc1\xfd\xfb\x00\x10Z=|\xe8{\x1f\xbc\xde\xefm\xa5R4\x19-\x92\xe4\xe28.o\xf3\x0cB\x08\x96e\xc4q&gt;&gt;\xbe\x82\x02\x1d\xda\x17\xbf\xfc\x7fs\xff:\xfc;\x00\x88J\xe5\xdc\xcf?\x1f;v,\xb0p\x10\xa3\x14\xc0\x04\xc0\xa3\xa16(55\xb5N\x9d\xbaii\xa9Z\x9d\xdfw\x1bv6l\xd6&lt;;\xa3h\xe6\x01\x92$\x05\x05\xebV,]2k\xca\x18B\xa0}\xfb\xf6{\xf7\xee\xa5\x9e\xf2\xc6\x8d\x1b\xe7\xcc\x99s\xf1\xe2E\x00P\xab\xd5\x13&amp;L\x980a\x82V\xab\xcd\xed\xc2\x80\xdb\xfa/Z\xb4h\xdc\xb8q\xf4`\xff!\xa3\xc6~\xf4I`p`v\x96\x91\x10\xcc\xf3&lt;@A\xecc\xc02\xc1D\xa3\xd3\xc9\xb2\xf4\xe3\xb2%_}&gt;\xddl2\x02\xc0\x90!C\x16-Z\xe4\xeb\xeb\xcb4\x80Q\xb2a\x02\xe0\xe9\xd0@\xd0\xf1\xe3\xc7[\xb4h\x811\xd6hu\xcb6\xeej\xd8\xacyVF\xb6\xa205\x80\x10I\x92\x82\xca\xf8\xad\\\xbat\xe6\xe4\xf7\x00 44\xf4\xd4\xa9S\xfe\xfe\xfe4`\xc2q\x9c\xd3\xe9\x9c7o\xde\xd7_\x7fM\xd7i#""&amp;N\x9c8x\xf0`x\xe1TKw\xae\xe7\x88\x11#\x96/_\x0e\x00Z?\xffis\xbfz\xa3\xdf\x00\xa3\xc1\xeat:_F\x8e)\x1d[@\xa0\xe6\xcc\x89S\x1f\xbf?\xfcj\xe2\x05\x00h\xd4\xa8\xd1\x9e={\xfc\xfc\xfc\x98\x060J0L\x00\x8a\x01T\x03\x96/_N\xb7\xdaR\rh\x1c\xdb&lt;=\xb5\x904\x00c\x0c\x84\x04\x95\xd1~\xbf\xf8\xb1\xf5\xf7\xf7\xf7\x8f\x8f\x8fo\xd8\xb0\xa1\xdb&gt;\xba\xd7N\x1f&lt;x\xf0\xdf\xff\xfew\xf5\xea\xd5t5\xb8C\x87\x0e\x93\'On\xd7\xae\x1d\xfc\xdb\xc2\x80\xdb\xf7w[\xffZu\xa2\xbf\\\xb66,""+S\xff\xb2s4%\x97\xcbW\xab\xb5\x98\x8d3\'\xfdg\xc7\xa6\x1f\x01 &amp;&amp;&amp;&gt;&gt;\x9ei\x00\xa3\x04\xc3\x04\xa0x@\x83\xe9n\r\xd0\xea\xfc\xe6}\xf3C\xc7\xae]\xb3\xb3L\x84`\x8e{\x89Y+\x92$\xa9T*\xa5J\xb9\xfc\x7f_|\xf1\xc9d\x00\xf0\xf7\xf7\xdf\xb3gOLL\xccS\t3\x84\x10Y\x96\xa9\x93~\xe0\xc0\x81\xb9s\xe7\xd2\x85\x01\x8e\xe3\x06\r\x1a\xe4N\xb5\xfc\xbb4\x1bz&lt;\xa7\xf5_\xb9y\xb7_@\xa0Qo(\x9cx\x97,K\xa2\xa8\xf4R{M\x1a5x\xdb\x86\xd5\xf0D\x03t:\x1d\xb0\x12\xa7\x8c\x92\x08\x13\x80b\xc3S\x1a\x00\x00\xef\x8e\xff\xf8?S&gt;!@,&amp;\x13/\x08\x05n\xa10\xc6\x18\xcb~\xfe~i\x8f\x1e\xcd\xf8`\xf4\xde][\x01   `\xf7\xee\xdd111\x7f\xb7\xc0\xeb\x0e\xe3\x00\xc0\xaaU\xab\xbe\xf8\xe2\x8b+W\xae\xd07\x8e\x193f\xec\xd8\xb1ta\x00\xfe\xffTQz5w\xdc\x9fZ\x7f_\xad\xcej\xb1\xbe\xa4\xad\xc5\xcf\x05c\xccq\xc8\xdb\xc7g\xf2\xe8!T\x03z\xf6\xec\xf9\xf3\xcf?\xbf\xbc\x1d\xce\x0cF\x11\xc2\x04\xa08A\xcdP||\xfc\x9bo\xbe\x99\x91\x91\x01\x00\xcdZ\xb5\xff\xf8\xb3E\x91u#\rz\xab\xd3\xe9,\xa88\t\xc1X\xc6X\xad\xf6\xf6R+\xf6\xff\xb6k\xf6G\xe3\xee\xdcL\x06\x80F\x8d\x1a\xad]\xbb6,,\xec_\x93\xe5\xddA\x7f\x83\xc1\xb0h\xd1\xa2\xc5\x8b\x17gff\x02@DD\xc4\xb4i\xd3\xfa\xf6\xed\x0bO\x9a\x1f\xd0,R\x9e\xe7\xf7\xed\xdb\xd7\xb1cG\x00\xa8\x15U\x7f\xe5\x96=\xbeZ\x9d\xcdj+\xfc\x94|\x821\xe2\x90\x8f\x8f\xef\xa4Q\x83\xb6m\\\x03\x003f\xcc\x98&gt;}:\xd3\x00F\xc9\x83\t@1\x83\xda\xca\xeb\xd7\xaf\x0f\x1e&lt;\xf8\xe8\xd1\xa3\x00\xa0\xd5\xf9\xbd9\xfc\xbd7\x87\x8d)[&gt;\xc8d\xb4;\x1c\xf6|\xe5Gb\x0c\x00^j\xb5\xb7\xb7\xe2\xd2\x85\x84\xef\x17/\xd8\xb1\xe9Gzp\xd8\xb0a\x0b\x16,\xd0h4/\xbeU\xca}\xe6\xb5k\xd7\xe6\xcd\x9b\xb7j\xd5*z\xa9\x8e\x1d;\xce\x9c9\xb3q\xe3\xc6\x00\xe0r\xb9x\x9eOKK\xabW\xaf~j\xea#\x8d\xceo\xd3\x9ec\xa1\xd5\xc3\x8dFcQ\x19\\:\x83Q(\x14};7O8w\x1a!\x14\x1f\x1f\xdf\xa1C\x07\xb6G\x8cQ\xc2`\x02P\xfc\xa0f\xc8\xe5rM\x9a4\xe9\x9bo\xbeq8\x1c\x00\x10Z\xbd\xc6\xe0Qc[u\xe8R\xa9J\x88\xd3AlV\x8b,I\xf0$\xf1\xe6\x1f\xa6\x05O\xfa\xa6`\x00P(\x94jo/\x84\xe0Jbb\xfc\x8e\x9f\x7f\\\xbe\x98\x96L(S\xa6\xcc\xacY\xb3\x86\r\x1b\x06\xb9\xcf\x8e\x7fja\xe0\xbf\xff\xfd\xef\xf1\xe3\xc7\x01@\xa5R\xf5\xef\xdf\x7f\xe6\xcc\x99\x15*T\x00\x80\xb8\xb8\xb8\xf8\xf8x\x84\xd0\x17\xdf\xfc\xf8z\xff\x01\x99\xe9\x85\x9b\xe3\xf4\x0c\xb2,\xab\xd5\xea;7\x93\xfbvnn\xd0g\x97)S\xf6\xca\x95\xcbZ\xad\x96m\x10c\x94$\x98\x00\x14K\xdcV\xf8\xc4\x89\x13S\xa7N\xdd\xbf\x7f?=\x1e\\\xb6\\\xd7\x1e\xfd\xdbt\xeaZ\xbb^C\xad\xceG\x96\xc1\xe1p\xd2f(@H\xce\xfe\xf2\x08\x00q\x08\x01\x12\x14\nA\xa1\x10\x95\x02\x02H}\x94v\xf6\xaf\xc3\xfb~\xdd\xbew\xe7V\x9b\xcd\n\x00\x08\xa1\xc1\x83\x07\x7f\xfa\xe9\xa7\xeeN/y3\x7f\x18c\x8c\xb1 \x08\x92$\xfd\xf8\xe3\x8f\xd3\xa7O\xbf{\xf7.\x00\x94-[v\xf2\xe4\xc9AAAo\xbe\xf9&amp;\x00\xf4~k\xf8\xdc\xaf\x97e\xa4\xe5\xb7\xec]\x81 \xb9\xa4\x80 \xdd\xcf?\xfe0y\xf4\xdb\x00\xf0\xde{\xef-^\xbc\x98M\x02\x18%\t&amp;\x00\xc5\x95\x9ck\xad+W\xae\\\xb4hQBB\x82\xfb\xd5\xf0\x88\xdaM[\xb6\xad\xd7\xa8YdT\xb4\xd6\xcf_\xe7\x1f\x80\x10\xe4t\xa9\t\x01\x97\x0bdY\xca\xceL\xcfH{\x94x\xfe\xf4\xd9\x13\xc7\xff:|\xf0\xfe\xdd;\xees:v\xec8i\xd2$\x9a\xc1Y \x86\xcf}\x91\xb4\xb4\xb4%K\x96,X\xb0\xc0j},3\x08\xa1\n!U\xb6\x1c8\xa5T\xaa\xe8\xfaA&gt;\xefU \xc8\xb2\xac\xf3\xd3\x8ez\xb3\xc7\xde][\x15\n\xc5\xf1\xe3\xc7\x1b4h\xc0\xb2B\x19%\x06&amp;\x00\xc5\x1b\xb7W\xeet:\xf7\xec\xd9\xb3r\xd5\xaa}{\xf7R\xabJ\xf1\xf1\xd5\xf8\xf9\x07T\xaaRU\xed\xedS#\xb2\x8e,\xcb@\x00\x10H.\xe9j\xe2y\x87\xc3~\xe7\xc65\xbd&gt;\xdb\xe9p\xb8\xdfR\xae|\xf9\xae]\xbb\x0ez\xfb\xedf\xcd\x9aA\x8e\xa5\xda\x02\x19p\xce\x88Pbb\xe2\xdc\xb9s\xb7m\xdb\xe6p:%\x97\xeb\xd3/\x97\r\x186&lt;3\xc3#\xdc\x7f\n\xc6X\xad\xf6\xba~\xf5r\xcf\xf6\x8d\x9dNG\xabV\xad\x0f\x1d\xfa\x9d\t\x00\xa3\xc4\xc0\x04\xa0$\x90\xd3=OJJ\xda\xb9k\xd7\xde\xf8\xf8\x0b\x17.\xa4\xa5\xa5\xbd\xf8EBCC\xa3\xa3\xa3\xbbv\xed\xda\xa5K\x97\xe0\xe0`\xf8\xff\'\x19\x05\x0b\xedJ\xa6P(\xccfs\xb5j\xd5\xd232b\x9a\xc4\xae\xde\xb6\xd7f\xb3\xe7\xca\xb6\xe6\xa1\xb3#B\xc0\xf3\xb9\x10\x18I\x92\xfc\x03t\x9fO\x9d\xbc|\xf1&lt;\x84\xd0\xc1\x83\x07[\xb7n\xcd\x02A\x8c\x92\x01\x13\x80\x12\x025\xd69\xcb-dee\x9d;w\xee\xaf\x13\'n$\xdf\xb8{\xf7nj\xea\xa3\x87\x0f\x1f!\x04&amp;\x93Y\x92$A\xe0\xeb\xd5\xab\xe7\xe3\xeb\x1bU\xbbv\xe5\xca\x95\x9b5k\x16\x19\x19\xa9V\xab\xe9{\x0b\xa1I\x96$I\x1c\xc7}\xff\xfd\xf7#G\x8e\x04\x80\xc5\xab7w\xee\xdeC\x9f\xa5\xe7_\xd8\xfd\'\x84\xf8j|\x05\x81Ni^\xe0|\x00\x04\x801\x98\x8c\x96\x17\xff\xd9\xd3\xc6\xf7i\x8f\x1e\xbe\x1a\x1be1\x9b\xfb\xf7\xef\xbfn\xdd:&amp;\x00\x8c\x92\x01\x13\x80\x92\x06]n}6\x13\x14c\xac\xd7\xeb9\x8e{\xfd\xf5\xd7\x0f\x1d:\xd4\xbau\xeb\xdf\x7f\xff\xfd\xa9\xf7R\x87\xbap\x1ac\xd1|\xd0f\xcd\x9a\x9d&lt;y\xb2Zx\xc4O{\x8er\xb4\x93\xcb\x8bA\xed\xf2\xd6\rk\x1e\xdc\xbd\x838D\xf0\x0b\xbc\x11\x01\x10\xf0\xf6\xf1\xed;x\xa4B!\xbe\xf8/_\x96e\xadN\xf3\xc1\xc8\xb7wl\xfaQ\xa3\xd1\\\xbdz\xb5\\\xb9r\xf9o\xcc\xc0`\x149\x9e\x12le\x14\x14n\xd3O\xe7\x04\xd4NQw\xde\xdf\xdf\x1f\x00hz\xa5B\xa1\xa0\xe1x\xfa.zB\xa1y\xb5\xd4\x83&gt;q\xe2\xc4\xe9\xd3\xa7\t!\xaf\xf5z\xd3?H\x97\xab\xe4\x1fB\x88B\x147\xaeYv\xf9\xc2\x99\\\xdd\xdaK\xed\xdd\xf3\xcd\xc1\xa2R\x85%\xe9\x05-8\x02\xc0\x98\xf4zs\xe8\xce\xcd\xeb\x8dF\xe3\xfa\xf5\xeb\'L\x98\xe0^\xc9`0\x8a/l-\xab\xc4B\xbb?\n\x82\xc0\xf3&lt;\xc7q\xd4\xdc\xd3\x9c\x7f\xa0}]\x10\xe28N\x10\x04zNa\xfa\xb3t\x0c\x9b7o\x96eYT*c\xdb\xc5\xd9\xac\x12\x9f\xcb\x88S\xae\xaaL\xd3\x8d]\x82 h\xb4\xba\xdcNz9\x9e\xb7Zl\xb5\xeaFW\xa9V\x1d\x00\xb6l\xd9B\x17\xc6sw\x15\x06\xc3\xf3`.Li\x01=\xa1\xa8\x07\x02\x00\xc0\xf3\xbc,\xcb\x7f\xfc\xf1\x07\x00D\xd6\x8d\x0e\xafU\xdbn\xb3\xa1\xdc\x98TZ@\xa2Il\x9b\x80\x80@^\xa1\xa0\x01\xa5\xe7@\x00! \x84\x1c\xfd}\x9f\xcb\xe5\x04\x80\x90\xd0jZ\x9d\xce\xe1p \x94\x8b\xdbI\x92+ P\xd7\xaa\xc3+7\xaf\'%$$&gt;z\xf4\xa8B\x85\n,\n\xc4(\xee0\x01`\x146t\x89\xe2\xd1\xa3GIII\x00\xd04\xb6\x9dZ\xad\xb0Z,\xb9\x8a\xa8 \x84\x9cv\xfb\xf8\xa9\xb3\xff\xad$\x11\xd6h\xb9\x83{\xfe\xf8\xf3\xc0\x1e\x8e\xe3dY\xee7\xf8]\xa5Ji\xb3\xd9s\x15\xee\xe2\x10\x92$\xd2\xacU\xfb\xd5\xdf,4\x9bM\xa7N\x9d\xaeP\xa1\xc2KJ\x91b0\n\r&amp;\x00\x8c\xc2\x86\xc6\x7f\xfe\xfa\xeb/\xa3\xd1\xc8q\\\xbd\x98\xa6.\x17\xe1\xf2\xe0J#d\xb5X\x00\x08\xfc}HG\xc6\x98\x10\x9f\xa5_\xcc\x94%\t!\x14\x1aV\xb3M\xa7\xae&amp;\xa39\xb7\x86\x1bq\x9c\xc3\xee\x08\x8f\xa8\x1d\x10\x18\x94\x91\x9ev\xf0\xe0\xc1\xee\xdd\xbb\xe5z\xc0\x0c\x86\x87\xc1\xe2\x98\x8c\xc2\x86\n@b\xe2%\x00\xf0\xf1\xf5\xad^\xa3\x96\xd3\xe1\xccU\xfc\xc7\r\xc7q\x1c\xc7s\xfc\xf3\xff\x07\x084Z\xcd\xf9S\'N\x1e=\xc4\xf3&lt;!\xa4\xcf[\xc35:\x1fY\x92r{#\xba\xd5.\xb8l\x85\x90\xd0\xea\x00p\xe5\xcae`\x1d\x02\x18\xc5\x1f&amp;\x00\x8c\xc2\x86.\x9f&amp;$\\\x04\x80\xb2\xe5+\xe9\xfc\xfc\xa5\x17N\xc8\xc9\x15\x84\x80 \xf0\xeb\xbe_B\xb3\xa1\xfc\x03\x83\xbb\xf6\xe8g1\xd9\xb8&lt;\xc5m\x08!\n\x91\xab\\-\x0c\x00n\xdc\xb8a2\x99\x10bY\xd4\x8c\xe2\r\x13\x00F\xd1\xa0\xd7\xeb\x01\xc0/ \xd0\xdbW\xe3\xceF-@0\xc6^j\xf5\x95\x84\x84\xfd\xbf\xed\xe0y\x1ec\xdc\xad\xf7\x9b\xe5+\x96s:\x1cy\x13\x1bB\x88 @\xd9r\x15\x01\xc0`0zN\xc1"\x06#\xcf0\x01`\x14*4s\xc6d2\xdd\xbcy\x13\x00\xca\x96\xaf\xc4q\xe4e\xf8\xd1\x04c//\xc5\xc65\xdf9\x1cv\x00P\xa9\xbcz\x0e\x18j\xb3:\xf3\x9c\xbe\x89\x10\x92$(S\xbe"\x00\x98\xcd\xa6\xe4\xe4dx\x12\xceb0\x8a)L\x00\x18\x85\rB\xc8\xe5r\xe9\xf5F\x00\x08\xa9RU\xa1(\xf8@\n!D\xa9\xf2\xba}\xf3\xf6\xce\x9f\xd7q\x1c/\xcbr\xbb\xce\xaf\xd5\x88\xace\xcbe\xb2iNh\x19\x89\x90*U\x01\xc0\xe9t\xd2\x19\x0c\x13\x00F\xb1\x86\t\x00\xa3\x08@\x08\t\x02\x0f\x00.\x97\xebe\x98P,\xcb\xde&gt;\xcam\xebW\x1b\rz\xba\xfb\xa1\xef\xe0w%\xa9\x00\x826.\x97\x8b\xfe\x83m\x03f\x94\x00\x98\x000\x8a\x86\x97\xe7;\xd3*\x11i\x8f\xd27\xfd\xf8=\xe28Y\x96\x1a6\x8dm\xd8\xb4\xb9\xc5l)\xc0\xed\xbb\xcc\xf7g\x94\x00\x98\x000\x8a\x06j@_\x86\x1f\x8de\xd9\xc7W\xfd\xeb\xb6\x9fR\x1f\xde\xe79\x1e\x00\xfa\x0f\x19%\x08B\x81\x98l\xf7\x80\x99\x000J\x00L\x00\x18E\x00B\x88ZR}v&amp;\xc6\x05\\P\x81\x17\x04\x93\xd1\xbc~\xc5\xd7\x08!Y\x96\xaa\x86\xd5l\xdd\xe9\x15\xb3)\xd7\x9b\xbf\x9e\x05!\xd0ge\x02\x00B\x1c\x0b\x011J\x00L\x00\x18\x85\nB\x08c\xac\xd5j#"j\x02@r\xd2eI*\xc8\nE\xb2,\xf9h|\x0e\xec\xdey\xe3\xda\x15^\x10\x08!}\xde\x1e\xa1\xd1\xe4e\xf3\xd7S`B\x14\nHN\xba\x0c\x00~~~\xb5j\xd5\x82\'{\x1a\x18\x8cb\n\xfb\xf92\x8a\x00\x84\x90\x97\x97\x17\x00X-\x16\x87=w]\xc0\xfe\x19\x8e\xe3]\x0e\xd7\xda\xe5\x8b\x01\x00\xcbr@`\xf0+o\xf4\xb5\x98\xf3\xb8\xf9+\'\x08!Y&amp;&amp;\xa3\x01\x00DQT\xe4\xec\xb0\xcc`\x14O\x98\x000\n\x1bZ\xb9\xb3n\xddz\x00p\xf7\xf6\r}VFA\x05\xe8\xb1,{\xfbx\x1f\xfb\xf3\xe0\xb9S\xc7\x05\x85\x02c\xdc\xad\xef[\xf9\xd9\xfc\x95\x13\x84\x90\xcb\x85\xae_M\x04\x80\xb0\xb0\xea\x1a\x8d\x86\xb6`\xcb\xff\xb0\x19\x8c\xa2\x82\t\x00\xa3h\x08\x0b\xab\x0e\x00f\x93\xe9^\xca\xed\\\xf5\xe7\xfa\x07\x08\x00B\xe8\xb1\xfb\x8f\xb1\xca\xcb\xabg\xff!\xf9\xd9\xfc\xf5\x7fW&amp;D\x10\x04Cv\xc6\x83\xbbw\x00\xa0j\xd5\xaa\xac\x0e\x04\xa3\x04\xc0\x04\x80Q\xd8Ps\xdc\xa2E\x0b\xa5R\xe5r9\xcf\x9f:.*\xb9\xbf-\xe8\xff\xc2`\x8c\xbd}\xbc\xcf\x9f&gt;y\xf8`&lt;/\x08X\x96\xdbw\xe9\x1e^+"?\x9b\xbf\xdc\x10B\x94*\xd5\x8dkW\x1e\xdcK\x01\x806m\xda\x00K\x04b\x14\x7f\x98\x000\n\x1b\xda\x9e\xacJ\x95*U\xabV\x05\x80\x93\xc7\xfe\x90\xa4\x02H\x04"\x84\x88\xa2\xb0~\xc5\xd7\xb2$!@\x08q}\x07\xbdS \x9b\xbf\x00\x00c,\x8a\xdc\xe9\xe3GdYV*UM\x9a4\x01\xb6\x02\xcc(\xfe\xb0_0\xa3\x08\xc0\x18\x8b\xa2\xd8\xa4Ic\x008\xf3\xd7\x91\x94\x9b7U*U~\x1cj\x82\xb1\x97\x97\xd7\xb5\xcbW\xe3wn\xe68^\x92\\1\xcdb\x1b6iVP\x9b\xbfx\x9e\xb7Y\x9d\x07\xf6\xec@\x08U\xabV544\x94\x10\xc2\x04\x80Q\xdca\xbf\xe0\x92\x0c\xed\x03,I\x92$I\xb2,c\x8ciad\xfa\x92\xfb8\xed\x15\\\xf8\xc3\xeb\xd1\xa3\x07\x00\x98\x8c\x86\xe3\x87\x0f\xaa\xbd\x958\x1f5A1\xc6^jq\xd3\x8f\xcbmV+\xcd\xf7\xef?d\x14_@k\xcbT]\x92\x93\xae\\M8O\x08\xe9\xd2\xa5\x8b(\x8a/\xa3\x82)\x83Q\xc80\x01(i\xb8\x8d&gt;\xcdQ\xa1}\xe1i\xdbwA\x10h\x17x\x00\xa0\x07EQ\xe4y\x9ev\x84w\xbf\xab\x10\x06I\xa3@m\xdb\xb6\r\x0b\x0bC\x08\xed\xda\xb2\xden\xcbcO\x18\xa0\xc1\x1f\xa5\xea\xde\x9d{\xdb7\xfe\x808N\x92\\\xd5\xc2#Zw\xecR \x9b\xbf\x80\xceW\x94\xc2o\xdb\x7fr8\x1c\xa2(\x0e\x1a4\x08X\xfc\x87Q"`\xbb\x19K\x0e\xd4\xf4S[O\x8fdff^\xbat\xe9\xc6\x8d\x1bw\xef\xdeMII\xb9}\xe7\x0e\x87\xd0\xb9s\xe7x\x9e?s\xe6\xcc\xf8\xf1\xe3\xb5Z]\x9d:Q\x15+V\x8c\x8c\x8cT\xab\xd5\xee\xeb\xd0\xb6\xbd//\xc7\x11!$I\x92\x97\x97W\xdf\xbe}?\xfd\xf4\xd3\x93G\xff8{\xe2\xaf\x98\xe6-\xccFS\x1e\x12\xf6eY\xf6\x0f\xf0\xfdq\xf9\x06\xbd&gt;K\xa5R\xd9\xac\xd6&gt;o\x8f\xf0\xd5\xfadg\xe8\xf9|\xef\xd7\xa5\x95\x852\xd22\xb7\xae_\x85\x10j\xd1\xa2Edd$\xfd|\xf2ye\x06\xa3\xc8a\xa9l%\x01\x1a\xd8\xa1v\x1fc|\xe2\xc4\x89\xbd{\xf7\x1e=z\xf4\xfc\x85\x0b\xe9ii/r\x85\xd0\xd0\xd0\xe8\x06\rb[\xb4\xe8\xd8\xb1cDD\x04=(\xcb\xf2\xcb\x93\x01\x97\xcb\xa5P(\xd2\xd3\xd3\xc3\xc2\xc2\x0c\x06C\xb7\xdeo.\xfc\xfe\xc7\xcc\x0c}nK,&lt;N\xd0\xd4g\xc75\xa9i1\x99\x00\xc0W\xa3\x8d?\x99\xe4\xe3\xab)\x90Fc\x92$\x05\x04\xea\xd6.\xffn\xfa\x84w\x08\xc0\xfa\xf5\xeb\xfb\xf5\xeb\'I\x12+\x05\xc1(\x010\x01(\xdePo\x9d\x9a\xfe{\xf7\xeem\xdc\xb8q\xdd\xbau\xe7\xcf\x9f\xcfy\x0eB\xe0\x1f\x10\xa4\xf2RW\xaeZ\x9d.\x03\x00\x80,\xcbwn^\x97\\.}vV\xce\x93\x95Je\xeb\xd6\xad\x07\x0c\x18\xd0\xad[7\x8dFC\xcf,\x90@\x8a\x1b:\x00\x8e\xe3\x9cN\xe7\xb2e\xcbf\xcc\x98a2\x9b%IZ\xbe\xf1\xb7\xd8v\xed\x8d\x06S\xaenG\x08V*U7\xaf\'\xed\xdc\xbcN\x10\x142\x96kF\xd6\xed\xf4Z\x0f\x9b\xd5ZP\xe9\xffF}v\xf76\r2\xd3S\xc3\xc2\xc2.\\\xb8 \x8a"-1\x9d\xcf\x8b3\x18E\x0e\x13\x80b\x8c\xdb4\'&amp;&amp;.\\\xb8p\xdb\xb6m\xd9\xd9\xd9\xf4%\xa5R\x19\x11U\xafNt\xe3\xe8F\xcd\xca\x94\xafP\xb1rUAP\xf8\x07\x06\xd1\xaf\x1b!\xc02\xce\xccHs:\x1d)7\xaf\xdfK\xb9}\xee\xe4\xb1\xc4\xf3g\xae]Np\xff\x1aBB*\x0f\x1e&lt;h\xd4\xa8Q\xc1\xc1\xc1\x84\x90\x02Iz\xc9)W\xbbw\xef\x9e2e\xca\xc5\x8b\x17\xe9K\x08\xa0~\xe3\xe6\xeb\x7f\xfd#\x0fy;\x84\x10\x85B\xf4\xd1(\t\x01\x04\xe0t\x82\xc5lD\xa8\x00B4\x92\xcb\x15T\xc6\xef\xd3)\x93V,\xf9\x02\x006m\xda\xd4\xabW\xaf\x02WD\x06\xa3\xa8`\x02P,q[R\x83\xc10\x7f\xfe\xfc\x05\x0b\x16\xd8l6\xfaRt\xe3\xe6m;u\x8dm\x17W\xbdF-\x95Z\xc42\xc82v:\x9d\x04\x13Ir\x02\xfc\x9f\xdf\xaaP\x88\x08!Q\xa9\xe4\x05@\x00F\x839\xf1\xfc\xe9\xdf\xe3w\xfe\xb9\x7fwr\xd2\x15zN\xc5\x8a\x15g\xce\x9c9x\xf0`\xc8\xdfT\xc0\xbd&gt;\x01\x00\x89\x89\x89\x93\'O\xfe\xed\xb7\xdf\xe8K\xbd{\xf7\xaeP\xa1\xc2\xc2\x85\x0b\x01`\xca\xa7\x0b\xde\x19?&gt;\xfdQ\xb6\x90\xcbJ;\xf4\xfa\x08\x80\x00p\x08\xe5\xbf\xf2\x0f\x00\xc8\x92\xa4\xd1j\xce\x9e\xfc\xeb\xad\xeem]Ng\x87\x0e\x1d\xe2\xe3\xe3\x99\xf5g\x94$\x98\x00\x14?\xdc+\x90\x9b6m\x9a6mZRR\x12\x00(\x95\xaa\xb8n=\xbb\xf6\xe8\xd7\xbcMG\xa5Rp8$\xbb\xcd\x86e\x19\x10r\xc7+\x9e\x8aZ&lt;\xc9\x07\xa5\x89\xa1\x88\xe7y/\xb5\xb7(\xa2\xec,\xfd\xde]\xdbwm^\x7f\xf4\xd0&gt;zf\xbbv\xed\xe6\xcd\x9b\x17\x1d\x1d\x9d\xb7U\x01\xb7\xd1LKK\x9b={\xf6\xf2\xe5\xcb\xa9\\\xd5\xa9S\xe7\xf3\xcf?\xef\xdc\xb93!\xa4f\xcd\x9a\xd7\xaf_W{\xfb\xfc\xb0\xfd`d\xbd\xfaf\xa3)\xff\xeb\xb7\xf9\x81\x10\xcc\xf3\xbc$\xb9\xfau\x8e\xbd~\xf5\x12\xc7\xf1\x97.%\x86\x87\x87\xb3\xf4\x7fFI\x82\t@1\x83\x1aSI\x92&amp;N\x9c\xb8h\xd1"z\xb0Y\xab\xf6\xefM\x9a\xde\xb4e\x0b\xa7\x93XL&amp;\x8c1\xe2\xb8&lt;\xd8)\xbaB\xa0P(||\xbd1&amp;;6\xad]\xb6h\xee\xf5\xab\x97\x00@\xab\xd5\xce\x9f?\x7f\xd8\xb0a\xb9\n\x07\xb9\xc3\xfd.\x97k\xed\xda\xb53f\xccHII\x01\x80r\xe5\xca}\xf8\xe1\x87#G\x8e\x14EQ\x92$\x9e\xe7O\x9c8\x11\x1b\x1b+IRX\xcd\xc8\x9f\xe2\x8f\xf2\x82BrIEhjeI\xf2\x0f\xd4\x8d\x1d:\xf0\x97\x9f\xd7\x02\xc0\xc2\x85\x0b\xc7\x8e\x1d\xcb\xdc\x7fF\t\x83\t@q\x82\x1a\xa0\x87\x0f\x1f\xf6\xea\xd5\xeb\xe8\xd1\xa3\x00\x10\\\xb6\xfc\xc4\xe9s\xbb\xf5\x19 \xcb\xc4l2\x16P\xf4\x83\xc8\xb2\x8c\x10\xa7\xd1j,f\xcbw\x8b\xe6\xacX&lt;\xdf\xe9t\x00\xc0\xc8\x91#\x97,Y"\x08\xc2\xbf\xe6A\xe6\x8c\xf9\xec\xdb\xb7o\xfa\xf4\xe9\xc7\x8f\x1f\x07\x00\x95J5b\xc4\x88\x8f?\xfe888\xd8\xfd\x17\xd1\xff_\xb4h\xd1\xb8q\xe3\x00\xa0k\x8f\xfe\x0b\xbf_g6\x9a\x08!\xf9/\xe3\x93\x07$I\n.\xa3[\xf6\xbf\xff\xcd\xfeh,\x00\xf4\xec\xd9\xf3\xe7\x9f\x7ff\xd6\x9fQ\xf2`\x02Pl\xa0\xa9\x87\xa7N\x9d\xea\xde\xbd\xfb\x83\x07\x0f\x00\xa0Y\xab\xf6\xb3\xbf\xfa&gt;\xa4Je}\x96\x01\x10p\\\x01\x9b\'Y\x96x^\xf0\xf3\xf79r\xf0\xd0G\xef\x0fO\xb9\x95\x0c\x00\xcd\x9b7\xdf\xb9s\xa7\x9f\x9f\xdf?h\x80;K211q\xce\x9c9\xeb\xd7\xaf\xa7\xc7;v\xec8s\xe6\xcc\xc6\x8d\x1b\xc339\xa6\xf4-\x83\x06\rZ\xb3f\r\x00\xbc\xdeo\xd0\xdc\xa5+-fK\xe1g\xdcK\x92\x14\x14\xac[\xb9t\xe9\xcc\xc9\xef\x01@TT\xd4\x1f\x7f\xfc\xa1\xd5jY\xe6\x0f\xa3\xe4\xc1\x04\xa0x@\xdd\xcfS\xa7N\xc5\xc5\xc5eee\x01\xc0;\xe3?~\x7f\xca\'2\x96mV\xeb\xcb\xcbI\'\x84\xc8\x92\xa4\xf5\xf3\xcbL\x7f4m\xc2\xe8}\xbb\xb6\x02@LLL||\xfcs5\xc0m\xd6\xd3\xd2\xd2\x96,Y\xb2`\xc1\x02\xab\xd5\n\x00u\xea\xd4\xf9\xf0\xc3\x0f\xfb\xf6\xed\x0b\x7f\xb3\xbd\x80F\x96\xecv{\xeb\xd6\xadO\x9d:\x05O4\xc0j\xb1\xd2\x18\xd1K\xfa\x03\x9f\x1a\x03\xc680X\xbbr\xc9c\xeb\xef\xef\xef\x7f\xe8\xd0\xa1\xa8\xa8(\xe6\xfe3J$L\x00\x8a\x01\xd4\xce\xe6\xb4\xfe\xd3\xe6.\x19\xfe\x9f\xd1i\xa9F(\x94\x9a\x04\xb2$\x89*\x95Z\xad\x9a\xf8\xee\xe0m\x1bV\x03@LL\xcc\xee\xdd\xbb\xfd\xfc\xfc\xdc~q\xce\xcdh\xabV\xad\x9a&gt;}\xfa\xdd\xbbw\x01\xa0\\\xb9r\xa3F\x8d\x9a4i\x92(\x8a\xee%\x81\x7f\xf83\xb3\xb3\xb3;u\xea\xe4\xd6\x80Y\x0b\xbfE\x88\xb3X,/{\xe3\x95,\xcb\n\x85\xc2G\xa3^\xb5t\xf1\xac\x0f\xff\x03\x00\xfe\xfe\xfe{\xf6\xec\x89\x89\x89a\xd6\x9fQRa\x02\xe0\xe9\xd0\x92&gt;\xe9\xe9\xe9QQQiii\x000m\xee\x92!\xa3G\xa7\xa7f\xf3\x82PhA\t\x8c1\x87\x90\xb7\xaf\xcf\xe4\xd1C\xa8\x06\xb4o\xdf~\xdf\xbe}\xd4\x9dw\x87\xfb\x0f\x1c80w\xee\xdc}\xfb\xf6\x01\x80J\xa5\xea\xdf\xbf\xff\xcc\x993+T\xa8\x00/\x96E\xfa\xac\x06\xd4m\xd8\xe4\xf3\xc5+jD\xd6\xca\xca4 \x84^\x86\xda\xd1Y\x8eF\xa73\x19\xf5\x9f}4~\xeb\x86\xd5\x00\xe0\xe7\xe7\x17\x1f\x1f\x1f\x13\x13\xc36\xfd2J0,\xa1\xcd\xa3\xa1\x81\x11\x8cq\xf7\xee\xdd\xd3\xd2\xd28\x8e\x9b6w\xf1\x90\xd1\xa3\xd3\xd3\xf4\x82BQ\x98!iZ\xbe\xcdb\xb6\xcc]\xba\xf2\xf5~\x83\x00`\xff\xfe\xfd\xe3\xc6\x8d\xe3y\x9en\x97\xbdv\xed\xda\xd0\xa1C;v\xecH\xad\x7f\xfb\xf6\xed\x0f\x1d:\xb4b\xc5\x8a\n\x15*H\x92\xe4\x9e\x1c\xfc\xeb]0\xc6\xd4\xf8\xf6\xee\xdd\x1b\x00.\x9c\xfe\xab_\x97\x96[\xd6\xaf\xd5\xea\xb4^joz\xa9\x82\xfa\xa3hITAP\x04\x06\xfb\x9d?u|\xe0\xabm\xa9\xf5\xaf_\xbf\xfe\x81\x03\x07\x98\xf5g\x94x\xd8\x0c\xc0\xa3\xa1^\xf3\xb8q\xe3h\xc6\xe7\xc8\xb1\x1fN\xfd\xfc\xb3\x87\xf7\xb3\x8b\xaa#9\xc1\x18q\x9c\xb7\x8f\xcf\xc0\xd7\xda\x9e8\xf2;\x00l\xdd\xba\xb5c\xc7\x8e\xf3\xe6\xcd[\xbatiff&amp;\x00DDDL\x9c8\xd1\xbdw,\x0f\xfb\x06\xdcK\x0b3f\xcc\xf8\xe4\x93O\xe8\xc1.\xdd{\xbf3\xfe\xc3\xc8\xba\xf5lV\xa7\xddnC\xf9[\xf4\xc6\x18\x13\x82\x15\n\xd1G\xa3~p\xf7\xfe\xda\xef\x97\xacZ\xfa\xa5\xd3\xe9\x04\x80\xde\xbd{\x7f\xfb\xed\xb7~~~,\xf2\xc3(\xf10\x01\xf0\\\xa8\x01\xda\xbau+\xad\x9b\xdf\xb8E\x9b\xd5\xdb\xf6Y-\x16\x0e!(\xbat\x14\x8c\xb1R)f\xa4\xa5\xf6h\xdf(3=-00\xd0\xdf\xdf\xff\xda\xb5k\x00\x10\x10\x100f\xcc\x98\xb1c\xc7j\xb5\xda\x7f\x0e\xf7\xff+\xee\xdd\x06\xf1\xf1\xf1C\x87\x0e\xbd\x7f\xff&gt;\x00(\x95\xaaA\xa3\xc6\xf6ykd\xa5\xcaU0!V\x8bE\x96$\x84\x10z1\x8d!O\xe6S\x1c\xcf\xab\xbc\xbcD\xa5\x90\x99\x96\xbew\xd7\xf6%\xf3&gt;I}x\x1f\x00T*\xd5\x9c9s\xc6\x8e\x1d\x0b/\xa1\x02\x12\x83\xe1\x810\x01\xf0P\xa8\xb12\x9b\xcd\xf5\xea\xd5\xbfu\xebf@P\xf0\x96\xfd\'\x03\xcb\x94u\xd8\x1dE\xbe\x13U\x96$\x9d\xbfn\xff\xaf;\xdfy\xb3\x1b\x10\x02\x00j\xb5\xbao\xdf\xbe\x93\'O\x0e\x0f\x0f\x87\x82\xb3\x9e4\x02\x93\x96\x966k\xd6\xace\xcb\x97;\xecv\x00\xd0hu\xed\xbbt\xef1`P\xad\xa8\x06Z?\x1fI\x02\xbb\xdd\xeer:\xe9\'\xf6T\xaa&amp;\x01 \x84 \x04\x08!AP(U*\x85\xc8\xd9\xad\xce\x1b\xd7\xaf\xee\xd9\xb1y\xfb\xc65\xb4\xc7/\x00t\xee\xdce\xde\xbc\xb9\xb5k\xd7\xa6\x8b.,\xe3\x93Q\x1a`\x02\xe0\xa1P\x1b:u\xea\xd4\xd9\xb3g#\x84&gt;_\xb2\xba\xd7\xc0\xb7\xf2P-\xf9%!IR@\x90n\xca\xe8\x11\x9b~X\xceq\xdc\xdc\xb9s?\xf8\xe0\x03z\x9c\xb6\x97)\xa8\x1b\xb9\xb5\xe4\xc4\x89\x13\xff\xfd\xef\xb4}\xfb\xf6\xba_\n\xab\x19\x19\xdb\xb6c\xd3\xd6\x1d\xc2#j\x07\x97\xad\xa0Pp&lt;\x0f\xb2\x0c9[\xda \x04\x82\x00\x18\x83$AvV\xe6\xad\xebW\xcf\xfcu\xe4`\xfc/\x89\xe7\xcf8\x1d\x0ezNTT\xd4G\x1f}\xe4NQe\x8e?\xa3\xf4\xc0\x04\xc0\x13\xa1A\xf0\xa4\xa4\xa4\xbau\xeb:\x1c\x8e\x86Mb7\xec\xfe\xd3\xa07x\x8em"\x84(\x14\n\x83&gt;\xfb\x95f\x91\x06}v\xfd\xfa\xf5\x8f\x1e=*\x8a\xe2\xcb\xe8\x1f\x90\xb3\x86\xe8\xbe}\xfb\xd6\xae]\xbbs\xe7Nw\xddS\x00\x08\x0c\n\xae\x1a\x1eQ1\xa4J\xf9J!\x81\xc1\xe5C\xaa\x84\xba\\\x12\x02\xe0\x05A\x9f\x95y3\xf9\xaa!;\xfb\xc6\xf5+\xf7n\xdf\xbc{\xe7\x96\xfb]\xa2\xa8l\xdd\xa6\xf5\x80\xfe\xfd\xfb\xf6\xed\xfb\xaf)\xaa\x0cF\x89\x84\t\x80\'B\xfdP\xba-V\xe5\xe5\xb5r\xf3\xde\xe8FM,\x16\xcb\x8b/{\xd2`wn\xef\xfb\x82\xc1\xf4\xc7\x83\x94$\x9d\xbfn\xf9W\x0b\xe6N\xfb\x00\x00V\xadZ5h\xd0\xa0\x97\xe7A\xe7\x8c\xcc\xd0\xce\x07\xdb\xb7o\xbf\x98\x90`2\x1asu\x1dQ\xa9\x0c\x0f\x0b\x8b\x8b\x8b\x1b8p`\x9d:u\xe8A\xe6\xf83J\'L\x00&lt;\x0e\x1a\xc8~\xf8\xf0a\x8d\x1a5L&amp;S\x97\xee\xbd\x97\xae\xfd)#-\x17\xc1\x1fB\x88R\xa9R\x88\xb9\xce\x14\xb2\xd9l\xf2\x8bw\xd1zR\xa8\xe7\xb5\x96u\xef\xde\xbe\x19\x13\x13C\xab\xfd\xbcT\'\x9a\xb6bw\x1b\xeb\x94\x94\x943g\xce\x1c&gt;|8!!1\xf9F\xb2\xd9d\xce\xc8H\x7f\xea-\xfe\x01\x01\xa2B\xacU+"44\xb4E\x8b\x16\x8d\x1a5\n\x0f\x0f\xa7\x1ff!4\xbfd0&lt;\x19\x8f\x08(3rB7Um\xd8\xb0\xc1d2\xf1&lt;\xdf\xbd\xef\xdbN\x87\xcc\xbd\xb0\x85"\x84(\x14\xc2\xad\x1b\xd7\x1e\xdc\xbd\x83P\xee\x04\xbeVT}\x8dN\xf7\xa2\x9d\x14\x11r\xb9\\\xfe\x01\xbaW^\xef\xfb\xcd\x97\xb3\xcf\x9c9s\xe6\xcc\x99\x97\xbdo\x96^\x99V\x9a\xe3y&gt;$$$$$\xe4\xf5\xd7_\x07\x00\xab\xd5\xeap8\x92\x93\x93\xcdfs\xce\xf3k\xd5\xaa\xa5P(\xb4Zm\xce\xebH\x92\xc4q\x1c\xc7q\xcc\xf1\xffgH\x0e\x9ez\xc9]c\x9c\xad\x99\x17_\xd8\x0c\xc0\xe3 \x84\xb8\\\xae\x8</t>
        </is>
      </c>
    </row>
    <row r="132">
      <c r="A132" s="1" t="n">
        <v>130</v>
      </c>
      <c r="B132" t="inlineStr">
        <is>
          <t>rectangle_height_number</t>
        </is>
      </c>
      <c r="C132" t="inlineStr">
        <is>
          <t>What is the missing number of the part denoted with a question mark?</t>
        </is>
      </c>
      <c r="D132" t="inlineStr">
        <is>
          <t>[4, 1, 3, 2]</t>
        </is>
      </c>
      <c r="E132" t="inlineStr">
        <is>
          <t>3</t>
        </is>
      </c>
      <c r="F132" t="inlineStr">
        <is>
          <t>There are 7 rectangles in the image with varying lengths and numbers inside them. The numbers from left to right are [3, 2, 3, 1, 2, 1, '?']. The lengths from left to right are ['long', 'medium', 'long', 'short', 'medium', 'short', 'long'].</t>
        </is>
      </c>
      <c r="G132" t="inlineStr">
        <is>
          <t>We observe that the short rectangles are denoted as 1, the medium rectangles are denoted as 2, and the long rectangles are denoted as 3. Hence, the pattern is that the number in each rectangle corresponds to its length.</t>
        </is>
      </c>
      <c r="H132" t="inlineStr">
        <is>
          <t>Based on the pattern that the number in each rectangle corresponds to its length, the missing number of the rectangle with a question mark should be 3.</t>
        </is>
      </c>
      <c r="I132" t="inlineStr">
        <is>
          <t>b'\x89PNG\r\n\x1a\n\x00\x00\x00\rIHDR\x00\x00\x02\x00\x00\x00\x02\x00\x08\x02\x00\x00\x00{\x1aC\xad\x00\x00G\xe6IDATx\x9c\xed\xddy\x98\x14\xd5\xd96\xf0\xe7\x9cS=\xd3=Kw\xcf\x06\xc8\xe2\x82 `\x90}\xdfD\x94\xc5\x98\xa0F\xc4\x05pA\xc0=\xef\x90D\x13\xa3\t\xa01.\x90\x18\x13\x93\x18v$\xe2\x8a1\xd1\xbc\x82\xe0\x02\xb8\xb0\xaa 2l\x82\xb8\x00\xc3\xac\xbd\xcdLwW\x9d\xf3\xfdQ0\x1f\xaf\x0b\x0c\xc8LW\xf5\xb9\x7fW\xae+:3\xf6\x9cy\xfa\xa9\xba\xabN\x9d\xaafJ)\x02\x00\x00\xfd\xf0T\x0f\x00\x00\x00R\x03\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2R=\x80\x06QJ\x9d\xc4\x7f\xc5\x18;\xe5#\xd1\x13\xea\x0f:K\xe3\xfewh\x00(\xa5\xa4\x94J)\xc6\x18c\x8c\xf3\x939S9%/\xa2\'\xd4\x1ft\xa6O\xff\xb3\x93\x0b\xb7Fb\x97\x8c\x88\x84\x10G\x7f=\x14\nI)\x19k\xe8h\xed\xec\r\x06\x83G\x7f\xd1~38\xe7\xaeH\xe6\x94@\xfdAg\x1a\xf6\xbfS\x02@)eY\x96a\x1c&gt;#\x89D"\xeb\xd7\xaf_\xb7n\xed\x07\x1f|XYYYRRbZf\xc3_\x8d\x11S\xa4\xda\x9d\xdd.\x18\x0c\xf6\xea\xd5\xabG\x8f\x1e}\xfa\xf4i\xd5\xaa\x95\xfd]\xd349\xe7\xce\x0c\xe4TA\xfdAg\xda\xf6\xbf#\x02\xc0\xb2,;r\x13\x89\xc4\xb2e\xcb\x9ez\xea\xa9\x8d\x1b7\xee\xdb\xb7\xef\x14\xfe\x8a\xbc\xbc\xbc^\xbdz\x8d\x1d;v\xf4\xe8\xd1\xcd\x9a5#"\xd34\x85\x10\x8eJ\xe3TA\xfdAg:\xf7\x7f\x8a\x03\xc0\xfe\xed\x8c\xb1P(4g\xce\x9c\xc5\x8b\x17o\xd9\xb2\xa5\xfe\xbb9\xb99\xadOoU\xd4\xbc\xa8m\xfb\xb3\xf2\xf3\x83\xa6i5\xa4^\x8a\x14g&lt;\x99Ln\xfb\xb8\xa4\xba*\xb4o\xcf\xe7U\x95U\xf5\xdf=\xad\xe5i\xe3\xae\x1d7i\xd2\xa4\x0e\x1d:\x10\x91\x94\xd2!Q\x9c\x12\xa8?\xe8\x0c\xfd\x9f\xca\x00\xa8\x0f\xde\x05\x0b\x16&lt;\xfa\xe8\xa3\xdb\xb7o\xb7\xbf\xde\xbaM\xab\x01C\xfb\x0f\x1b9\xf4\xdc.\x9d\x9a\xb7(\xca\xce\xc9\x11B\x08\xc1Ol\xa0J%\x93f\xbc.^~\xa8|\xe7\xf6]k\xde|w\xf5\xca5\xdb\xb7\xed\xb4\xbf\x99\x9f\x9f\x7f\xe7\x9dwN\x9d:5\x10\x08\x98\xa6Y\x7f\xea\xa7\x15\xd4\x1ft\x86\xfe\xa7\x14\x06\x80]\xfd\xfd\xfb\xf7O\x9c8q\xf9\xf2\xe5\xf6\x17;\x9e\xdba\xe2\xed\xd7\x8f\x1a=\xb2\xa8Y\x81R\xaa\xae.\x9eL$\xa5%\x15\xa9\x13\x1f\'\xe3\x8c1\xce&lt;\x1eO\xa67\xd30\x8cH8\xbc\xf6\x9d\xf5s\xfe&lt;\x7f\xf5\x9b\xef\xd8?\xd1\xa1C\x87y\xf3\xe6\r\x1c8\xd0\xbe\xc2\x93\xf2\xd3\xb1\xa6\x84\xfa\x83\xce\xd0\xff\x87G\x99\x92\x00\xb0Co\xf9\xf2\xe5\x13o\x9a\xb8\xff\xab\xfdD\xd4\xb6}\xdb[\xa7N\xfe\xf1\x15\x97\x04\xf2\x02\xd1p4\x99L\x12\xd1)\xb9b\xae\x94\x92R\x91R\xc2\x10\xd99\xd9RZ\xabV\xbe\xf3\xe4c\xb3\xdf]\xf5&gt;\x11eff&lt;\xfc\xf0#\xc5\xc5\xc5Z\xed\x83P\x7f\xd0\x19\xfa\xbf^\n\x02\xc0\xae\xfe\x9c9s\xa6L\x99b\x7f\xe5\xfa)\xe3\x7f\xf1\xdb\xa9E\xcd\x8bBU!\xcb\xb4\xb8h\xac\x95R\x96e1\xc6\xfc\x81\\\xcb\xb4\xe6\xff\xfd\xa9Y\x0f&lt;\x16\x8dD\x89h\xf2\xe4\xc9\xb3g\xcf\xb6,\xcbi\x8b\xb4\x1a\x03\xea\x0f:C\xff\x1f\xad\xa9\x03\xc0&gt;\xf3\xaa\xaf~0/\xf0\xbb?N\xbfr\xc2\x98pu8\x91H4\xcd\\\x98\xfd6\x14\x14\x15l|\x7f\xd3/n\xfd\xe5\xb6\x8f\xb7\xd3\x91\xf7 \xed\x8fCQ\x7f\xd0\x19\xfa\xffk\x9a4\x00\xbeV\xfd\xa2\xe6E\xb3\x97\xfcu\xf0\x05\x03\x0f\x1e(5\x0c\xa3\x897\xfbd2\x19\xcc\x0bV\x94U\xdc0f\xf2\x87\x1b&gt;\xa2\xa3r\xf8k\xb7\x81\xa4\r\xd4\x1ft\x86\xfe\xff\xa6\xa6\x0b\x00\xfb\x0f[\xb9r\xe5\xf0\xe1\xc3\x89(\xbf \xff?\xab^&lt;\xb3\xed\x99\xd5U\xd5\x1e\x8f\xa7i\xc6\xf05\xa6iez3\x84\x10\xd7\xfe\xe8\xba\xf7\xd7\xac#\xa2\xe9\xd3\xa7O\x9b6--\xd7\xa5\xa0\xfe\xa03\xf4\xff\xb7j\xa2\x00\xb0\x97\xbb\x96\x96\x96v\xed\xd6\xf5P\xe9!\x7f\xc0\xbfp\xe9\x9c\xde\xfd{\x85\xaaB\x86\'\x95\x9b\xbaeY\x99\xde\xccH82~\xf4\x8d[7\x7f\xc2\x18[\xbe|\xf9\xf0\xe1\xc3\xd3\xec8\x14\xf5\x07\x9d\xa1\xff\xbfK\x13\xdd\x83`\xdfi=a\xc2\x84\xd2\x83\xa5D\xf4\xc0\x1f\xa7\r\xbe``uUuj\xabODB\x88\xba\xda\xba\xc2\xa2\x82\'\x16\xfe)\x98\x17P\xa4&amp;\\7\xe1\xe0\xc1\x83\x8c1\xfb\xa9 \xe9\x01\xf5\x07\x9d\xa1\xff\xbfKS\x04\x80\x9dfK\x96,Y\xb1b\x05\x11]s\xc3\xd8\xab\xaf\xbf\xf2\xe0\x81\xd2T\x9dy}\x8da\x18\xd5U\xa1N\x9d;L\x7f\xf47\xa4\xa8\xf4`\xe9=\xf7\xdc\xc39w\xc2C2N\t\xd4\x1ft\x86\xfe?\x86F\x9f\x02RJ)\xa5\xaa\xab\xab\xfb\xf6\xed\xbbg\xcf\x9e\xd3\xcfl\xf3\xea\x9a\x7feff\xda\x97\xc2\x1b\xf5W\x9f\x10\xcb\xb4\x82\x05\xc1\x9b\xae\xbc\xf9\xb5\xff,\xcf\xcc\xcc\\\xb3fM\xaf^\xbd\xec\xa7\xf7\xa5zh\xdf\x0b\xea\x0f:C\xff\x1f[\xa3o]\xf6\xe2\xd6\x05\x0b\x16\xec\xde\xbd[Jy\xcb\xd4\xc9E\xcd\x0b\x13\x89\x84\xa3\xaaOD\x8c\xb3d"9\xf5\xd7wfff\xc6\xe3\xf1i\xd3\xa65\xfc\xe9\xafN\x86\xfa\x83\xce\xd0\xff\xc7\xd6\xb8\x01\xa0\x94\x12B\xd4\xd6\xd6.X\xb0\x801vv\xfb\xb6\x97_uiue\xc8\x81k&lt;8\xe7\xd1H\xb4K\x8f\xf3.\xb9|\x14\x11\xad^\xbd\xba\xa4\xa4D\x08\xe1\xea\x99h\xd4\x1ft\x86\xfe?\xfe\xefm\xd4W\xb7\xefkX\xb9r\xe5\'\x9f|\xa2\x94\x9a\xfc\xd3\x9b\x02A\xbfi\x9e\xc0\x93\xb5\x9b\x12\xe7&lt;\x1eOL\xf9\x9fIYY\xbeX,6w\xee\\"r\xf5\x0e\x08\xf5\x07\x9d\xa1\xff\x8f\xffK\x1b\xf5\xd5m\x0b\x17.d\x8c5?\xad\xf9\x0f/\x1b\x19\tG\x1d\xbb\xbc\x8fs\x1e\x8b\xc6\xba\xf4\xe8\xdcop_\xc6\xd8\x8b/\xbeXSSc\x18\x86\xdb\'"P\x7f\xd0\x19\xfa\xffX\xbf\xb4\xf1^\xda&gt;\xff\n\x85B\xeb7\xacWJ\r\xbe``Q\xb3\xc2d2\xe9\xb4\xd9\xb7\xa3)\xa5\x18\xe3#~4\\)\xf5\xd5\xfe\xaf6o\xdeL\xae=\x08E\xfdAg\xe8\xff\x86h\xc4\x00\xb0\xc7\xbdq\xe3\xc6/\xbf\xf8\x92\x88\x86\x8d\x1a\xea\xfc\x039!D]M\xed\x80\xf3\xfb\xe5\xf8s,\xd3zm\xd9kt\xe4S#\\\x07\xf5\x07\x9d\xa1\xff\x1b\xa2q\xcf\x00\x88h\xfd\x86\xf5D\x94\x95\x93un\x97N\xf1\xda\xb8\xc3W\xf51\xc6\xe2\xf1D\xeb6-\xcfj{&amp;\x11m\xdc\xb0\x91\x88\x1c&gt;\xe6\xef\x82\xfa\x83\xce\xd0\xff\r\xd1\x88/m\x9fjm\xda\xb8\x89\x88N?\xa3\xcdi-\x9b;\xfc\xfc\xcb&amp;\xa5\xf4e\xf9\xce=\xaf#\x11\x95\x94\x94D\xa3Q\x97\xde\x94\x84\xfa\x83\xce\xd0\xff\r\xd1\xb8\x01\xa0\x94*++#\xa2\x82\xc2\xfc\xec\x9cl\xcb\xb2\x1a\xef\xd7\x9d*J).D\x8b\x96-\x88\xa8:T][[\x9b\xea\x11\x9d$\xd4\x1ft\x86\xfeo\x88\xc6\n\x00\xfb\x1e\xb6P(\xb4s\xe7N"j\xdf\xb1\x9dp\xc9r\x0e\xc6\x98e\x9a\xed:\x9eMD\xe1P\xb8\xa4\xa4\x84\\x\x1d\x12\xf5\x07\x9d\xa1\xff\x1b\xa8\xd1o\x04K\x9aI"\xca\xcb\xcfs\xd1\x89\xbcR*/?\x8f\x88\xa4\x94\x8e]5\xdc\x10\xa8?\xe8\x0c\xfd\x7f\\\x8d~I\xc4\x9ets\xddf\\?`\xe7O\x1a\x1e\x1b\xea\x0f:C\xff\x1f[\x13]\x13w\xddf\xec\xba\x01\x1f\x9b\xeb\xfe\x1c\xd7\r\x18\x9c\xccu\xed\xd4d\x03v\xf4\xa2(\x00\x00h&lt;\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19\xa9\x1e\x80\x16\x94R\'\xf1_1\xc6N\xf9H\xc0\x8d\xd0?\xd0H\x10\x00\x8dB)%\xa5TJ1\xc6\x18c\x9c\x9f\xcc\x99\xd6)y\x11p#\xf4\x0f4\r\x04\xc0\xa9dorD$\x84\x10B\xd4\x7f=\x14\nI)\x19c\r&lt;\x94\xb3\x8f\xdd\x82\xc1\xe0\xd1/bo\xcc\x9cs\x1c\xd9\xa5+\xf4\x0f41\x04\xc0\xa9\xa1\x94\xb2,\xcb0\x0c{\x93\x8bD"\xeb\xd7\xaf_\xb7n\xed\x07\x1f|XYYYRRbZf\xc3_\x8d\x11S\xa4\xda\x9d\xdd.\x18\x0c\xf6\xea\xd5\xabG\x8f\x1e}\xfa\xf4i\xd5\xaa\x95\xfd]\xd349\xe78\xa0K\'\xe8\x1fH\t\x04\xc0)`Y\x96\x10\xc20\x8cD"\xb1l\xd9\xb2\xa7\x9ezj\xe3\xc6\x8d\xfb\xf6\xed\xfb\x9e/[^VND\xcb\x96-#\xa2\xbc\xbc\xbc^\xbdz\x8d\x1d;v\xf4\xe8\xd1\xcd\x9a5#"\xd34\x85\x108\x9aK\x03\xe8\x1fH\x15\x04\xc0\xf7b\x9f\x92\x0b!B\xa1\xd0\x9c9s\x16/^\xbce\xcb\x96\xfa\xef\xe6\xe4\xe6\xb4&gt;\xbdUQ\xf3\xa2\xb6\xed\xcf\xca\xcf\x0f\x9a\xa6\xd5\x90\xedM\x91\xe2\x8c\'\x93\xc9m\x1f\x97TW\x85\xf6\xed\xf9\xbc\xaa\xb2\xaa\xaa\xaaj\xc5\x8a\x15+V\xac\xf8\xed\xb4\xdf\x8e\xbbv\xdc\xa4I\x93:t\xe8@DRJ\x1c\xca\xb9\x17\xfa\x07R\x0b\x01p\xf2\xec\x037"Z\xb0`\xc1\xa3\x8f&gt;\xba}\xfbv\xfb\xeb\xad\xdb\xb4\x1a0\xb4\xff\xb0\x91C\xcf\xed\xd2\xa9y\x8b\xa2\xec\x9c\x1c!\x84\x10\xfc\xc4Vr(\x95L\x9a\xf1\xbax\xf9\xa1\xf2\x9d\xdbw\xady\xf3\xdd\xd5+\xd7l\xdf\xb6\xf3\xc0\xfe\x03\xb3f\xcd\x9a?\x7f\xfe\x9dw\xde9u\xea\xd4@ `\x9a\xa6a\xe0}t\x1f\xf4\x0f\xa4\x1c\xde\xf8\x93do\xbd\xfb\xf7\xef\x9f8q\xe2\xf2\xe5\xcb\xed/v&lt;\xb7\xc3\xc4\xdb\xaf\x1f5zdQ\xb3\x02\xa5T]]&lt;\x99HFB\x11E\xea\xc4W\xf21\xce\x18\xe3\xac\xb0Ya\xab\xd3[\r\xff\xe1E\x91px\xed;\xeb\xe7\xfcy\xfe\xea7\xdf\xa9\xac\xac\x9c1c\xc6\xb3\xcf&gt;;o\xde\xbc\x81\x03\x07\xdaW\x08q:\xef"\xe8\x1fp\x02\x04\xc0\xc9\xb0\x0f\x9a\x96/_&gt;\xf1\xa6\x89\xfb\xbf\xdaODm\xdb\xb7\xbdu\xea\xe4\x1f_qI /\x10\rG\xab*\xab\x89\xc8^q\xc1\xc5\xf7:\xc5N&amp;\x93\xf1x\x82\x94\x12\x86\xb8`\xc4\xd0\xf3/\x1a\xbcj\xe5;O&gt;6\xfb\xddU\xef\xef\xd8\xb1\xe3\xc2\x0b\x87=\xfc\xf0#\xc5\xc5\xc5\xf6\xea\x11l\xc3\xae\x80\xfe\x01\x87\xc0\xf4\xdf\t\xb3\xb7\xde9s\xe6\x8c\x1a5\xca\xdez\xaf\x9f2\xfe\xdfo\xbd0a\xf28\xc6XUy\x95}pw\xaa\xae\xb01\xc6\x84\xe0\xc2\x10D\x14\x0e\x85c\xd1\x9aa#\xcf\x7f\xe6\xd5\xa7\xa6?\xfa\x9b\x9c\xdc\x9cx&lt;1u\xea\xd4)S\xa6p\xce\xedu~\xdf\xff7B\xa3B\xff\x80s \x00N\x8c\xbdVo\xce\x9c9S\xa6L!\xa2`^\xe0\x89\x05\x8f=\xfa\xb7\x87\xbc^oEY\x05\x11\t\xa3\x11WV\x08!8\xe7\xa1\xeap,Vs\xdb\xcfo~\xfe\xb5\xa7\xcf=\xaf#\x11\xd9\xe3\x11B(u\x12s\x05\xd0t\xd0?\xe0(\x08\x80\x13`\x1f\x9a\xd5o\xbdE\xcd\x8b\x16\xbc8\xe7\xea\xeb\xc7\x96\x95\x96\xd9\x1bv\xd3\x0c\xc3\xde\x8c\x0f\x1d&lt;\xd4\xa5\xc7y\xcf\xbc\xba\xb8{\xefntd\x1b\xb6\x8f\xe3\x9af\x18p\xa2\xd0?\xe04\x08\x80\x86\xb2\xb7\xde\x95+W\xda[o~A\xfe\xbf\xdex\xaew\xff^\x07\x0f\x94z&lt;\x9e\xa6\x9f&lt;\xf5x&lt;\xa1\xeapvn\xf6K+\x9f\xeb?\xb8/\x11\xcd\x993g\xc6\x8c\x19B\x08\xd3&lt;\x81\x9b\x86\xa0i\xa0\x7f\xc0\x81\x10\x00\r"\xa5\x14B\x94\x96\x96\x8e\x9f0\x9e1\x16\x08\x06\xe6=\xff\xe4\x99m\xcf\x0cU\x85&lt;\x1eO\xaaFe\x18"\x11OH)\xff\xfe\xcf\xbft\xee\xfa\x03"\x9a1c\xc6\x8a\x15+\x0c\xc3\xb0,+U\xa3\x82oB\xff\x803!\x00\x1a\xca\xb2\xac\t\x13&amp;\x94\x1e,%\xa2\x07\xfe8m\xf0\x05\x03\xab\xab\xaa\rO\x8a\x97Q\t!\xeaj\xeb\n\x8b\n\x9eX\xf8\xa7`^@\x91\x9ap\xdd\x84\x83\x07\x0fb9\x87\xa3\xd8OzpW\xff`.H\x07\x08\x80\x06\xf1x&lt;K\x96,Y\xb1b\x05\x11]s\xc3\xd8\xab\xaf\xbf\xd2&gt;sO\xf5\xb8\x88\x88\x0c\xc3\xa8\xae\nu\xea\xdca\xfa\xa3\xbf!E\xa5\x07K\xef\xb9\xe7\x9e\xa3\x9f\x02\x06\xa9eO\xfe\xb8\xab\x7f8\xe7\xb8\x1a\xac\x03\x04\xc0q\xd8\x9bAEE\xc5\xfd\xf7\xdf\xcf9?\xb3\xed\x19\xbf\xfe\xdd/CUaG\xdd&lt;\xe9\xf1x*\xca*\xc7^7\xe6\xe2\xd1#\x89\xe8\x99g\x9eY\xbf~}\xfd\xa3%!\x85\xec\xa71WVV\xba\xab\x7f6l\xd8\x80\x0b\xc2:@\x00\x1c\x87}Al\xde\xbcy\xbbw\xef\x96R\xde2urQ\xf3\xc2D"\xe1\xb49\x16\xc6Y2\x91\x9c\xfa\xeb;333\xe3\xf1\xf8\xb4i\xd3\x0e?=\x18\x87q)eY\x16\xe7|\xc1\x82\x05n\xed\x1fHk\x08\x80\xe3\xf0x&lt;R\xca\x05\x0b\x160\xc6\xcen\xdf\xf6\xf2\xab.\xad\xae\x0c9\xea\xf0\xcd\xc69\x8fF\xa2]z\x9cw\xc9\xe5\xa3\x88h\xf5\xea\xd5\xbbv\xed\xca\xc9\xc9\xc1A\\\n)\xa5\x84\x10\xb5\xb5\xb5n\xec\x9f\x92\x92\x12!\x04\xfa\'\xbd!\x00\x8e\xc3\xef\xf7\xafY\xb3f\xfb\xf6\xedJ\xa9\xc9?\xbd)\x10\xf4;v\x91\x1c\xe7&lt;\x1eOL\xf9\x9fIYY\xbe\x9a\x9a\x9ay\xf3\xe6y\xbd^l\xc0)d?cg\xe5\xca\x95\x9f|\xf2\x89\xbb\xfa\'\x16\x8b\xcd\x9d;\x97\x88\xd0?\xe9\r\x01p\x1c\x8c1\xfb\xf0\xad\xf9i\xcd\x7fx\xd9\xc8H8\xea\xd8\xeb\xab\x9c\xf3X4\xd6\xa5G\xe7~\x83\xfb2\xc6^x\xf1\x85\xd2\xd2\xd2\xcc\xcc\x8cT\x8fKw\x0b\x17.tc\xff\xbc\xf8\xe2\x8b555\x86a`"(\x8d!\x00\x8e\xe3\xab\xaf\xbe\xda\xb0a\x83Rj\xf0\x05\x03\x8b\x9a\x15&amp;\x93I\xa7\xcd\xde\x1eM)\xc5\x18\x1f\xf1\xa3\xe1J\xa9/&gt;\xff|\xd3\xa6M\xbe\xac\xacT\x0fJS\xf6\xfcO(\x14Z\xbfa\xbd\x1b\xfb\xe7\xab\xfd_m\xde\xbc\x99p\x12\x90\xd6\x10\x00\xc7b\x18\xc6\xfb\xef\xbf\xbfs\xe7N"\x1a6j\xa8\xf3\x0f\x84\x84\x10u5\xb5\x03\xce\xef\x97\x93\x93\x93L\x9a\xcb\x96-\xcb\xc8\xc0\x19@j\xd8\xfb\xcd\x8d\x1b7~\xf9\xc5\x97\xe4\xba\xfe\xf1\xe7X\xa6\xf5\xda\xb2\xd7\xe8\xc8B8HK\x08\x80c\xc9\xc8\xc8\xd8\xb8q\xa3i\x9a^\x9f\xf7\xdc.\x9d\xe2\xb5q\x87\x7f|\x12c,\x1eO\xb4n\xd3\xf2\xcc\xb3\xcf \xa2\r\x1b7\x98I\x93\x88\xb0\x18\xa8\xe9\xd9\xfb\xcd\xf5\x1b\xd6\x13QVN\x96\xbb\xfa\xe7\xac\xb6g\x12\xd1\xc6\r\x1b\x89\xc8\xe1c\x86\xef\x03o\xed\xb1$\x12\x89\x8d\x1b7\x12Q\x9b\xd3[\x9f\xd6\xb2\xb9\xc3\xcf\xdfmRJ_\x96\xcf~\xcac\xc9\xb6\x92\xd2\xd2R"\xc2\xfe\xbf\xe9\xd9\xad\xb2i\xe3&amp;":\xfd\x8c6\xae\xec\x9f\x92\x92h4\x8a\x9b\xc2\xd2\x18\x02\xe0X\xa4\x94UUUDT\xd8,?;\'\xdb\x15\x0fHQJq!Z\xb4lAD\x91H\xa4\xae\xae.\xd5#\xd2\x94\xbd\x8e\xbe\xac\xac\x8c\x88\n\n]\xd9?\xd5\xa1\xea\xda\xda\xdaT\x8f\x08\x1a\x11\x02\xe08\xec%\xdb\xe7t:G\xb8d9\x04c\xcc2\xcd\xf6\x1d\xdb\xd9\xff\xec\xfcC\xce\xb4\xa4\x94\xe2\x9c\x87B!\xfb\x02R\xfb\x8e\xed\xdc\xd5?\xed:\x9eMD\xe1P\xb8\xa4\xa4\x84p\x1d8}!\x00\x1a$/?\xcfE\'\xc2J\xa9\xbc\x82&lt;\xc2\xe5\xbbTSJ%\xcd$\xb9\xb1\x7f\xf2\xf3\x88HJ\xe9\xd8\xbb\x16\xe0\x94@\x004\x88\xeb6\x03\xd7\r8]\xd9g`\xae{;\xea\x07\x8c3\xc8\xf4\x86\x00h\x10\xd7m\x06\xae\x1bpzs\xdd\xdb\xe1\xba\x01\xc3\xc9A\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d5\x03\x00htJ\xa9\x93\xf8\xaf\x18c\xa7|$zB\xfd\x1d\x0b\x01\x00iH)%\xa5TJ1\xc6\x18c\x9c\x9f\xcc\x99\xee)y\x11=\xa1\xfen\x81\x00\x80\xf4a\xef2\x88H\x08!\x84\xa8\xffz(\x14\x92R2\xc6\x1ax(j\x1f{\x06\x83\xc1\xa3_\xc4\xde\x19q\xceqd\xfa]P\x7f\xd7A\x00@:PJY\x96e\x18\x86\xbd\xcb\x88D"\xeb\xd7\xaf_\xb7n\xed\x07\x1f|XYYYRRbZf\xc3_\x8d\x11S\xa4\xda\x9d\xdd.\x18\x0c\xf6\xea\xd5\xabG\x8f\x1e}\xfa\xf4i\xd5\xaa\x95\xfd]\xd349\xe78 =\x1a\xea\xefR\x08\x00p=\xcb\xb2\x84\x10\x86a$\x12\x89e\xcb\x96=\xf5\xd4S\x1b7n\xdc\xb7o\xdf\xf7|\xd9\xf2\xb2r"Z\xb6l\x19\x11\xe5\xe5\xe5\xf5\xea\xd5k\xec\xd8\xb1\xa3G\x8fn\xd6\xac\x19\x11\x99\xa6)\x84\xc0\xd1(\xa1\xfen\x86\x00\x00\x17\xb3\xa7\x14\x84\x10\xa1Ph\xce\x9c9\x8b\x17/\xde\xb2eK\xfdwsrsZ\x9f\xde\xaa\xa8yQ\xdb\xf6g\xe5\xe7\x07M\xd3j\xc8\xfeB\x91\xe2\x8c\'\x93\xc9m\x1f\x97TW\x85\xf6\xed\xf9\xbc\xaa\xb2\xaa\xaa\xaaj\xc5\x8a\x15+V\xac\xf8\xed\xb4\xdf\x8e\xbbv\xdc\xa4I\x93:t\xe8@DRJ\x9d\x0fEQ\x7f\xb7C\x00\x80[\xd9\x07\x9eD\xb4`\xc1\x82G\x1f}t\xfb\xf6\xed\xf6\xd7[\xb7i5`h\xffa#\x87\x9e\xdb\xa5S\xf3\x16E\xd999B\x08!\xf8\x89\xadDQ*\x994\xe3u\xf1\xf2C\xe5;\xb7\xefZ\xf3\xe6\xbb\xabW\xae\xd9\xbem\xe7\x81\xfd\x07f\xcd\x9a5\x7f\xfe\xfc;\xef\xbcs\xea\xd4\xa9\x81@\xc04M\xc3\xd0q;B\xfd\xd3\x00\n\x07\xaed\xef}\xf6\xef\xdf?q\xe2\xc4\xe5\xcb\x97\xdb_\xecxn\x87\x89\xb7_?j\xf4\xc8\xa2f\x05J\xa9\xba\xbax2\x91\x8c\x84"\x8a\xd4\x89\xafDd\x9c1\xc6Ya\xb3\xc2V\xa7\xb7\x1a\xfe\xc3\x8b"\xe1\xf0\xdaw\xd6\xcf\xf9\xf3\xfc\xd5o\xbeSYY9c\xc6\x8cg\x9f}v\xde\xbcy\x03\x07\x0e\xb4\xafpj5\x1d\x81\xfa\xa7\x07\x04\x00\xb8\x8f}\xd0\xb7|\xf9\xf2\x897M\xdc\xff\xd5~"j\xdb\xbe\xed\xadS\'\xff\xf8\x8aK\x02y\x81h8ZUYMD\xf6\x8a\x11.\xbe\xd7\x14A2\x99\x8c\xc7\x13\xa4\x940\xc4\x05#\x86\x9e\x7f\xd1\xe0U+\xdfy\xf2\xb1\xd9\xef\xaez\x7f\xc7\x8e\x1d\x17^8\xec\xe1\x87\x1f)..\xb6W\xbfh\xb2\x0fB\xfd\xd3\x06\xa6\xcf\xc0e\xec\xbd\xcf\x9c9sF\x8d\x1ae\xef}\xae\x9f2\xfe\xdfo\xbd0a\xf28\xc6XUy\x95}pz\xaa\xae\x102\xc6\x84\xe0\xc2\x10D\x14\x0e\x85c\xd1\x9aa#\xcf\x7f\xe6\xd5\xa7\xa6?\xfa\x9b\x9c\xdc\x9cx&lt;1u\xea\xd4)S\xa6p\xce\xedu\x8a\xdf\xff7:\x1c\xea\x9fN\x10\x00\xe0&amp;\xf6Z\xc39s\xe6L\x992\x85\x88\x82y\x81\'\x16&lt;\xf6\xe8\xdf\x1e\xf2z\xbd\x15e\x15D$\x8cF\\\x19"\x84\xe0\x9c\x87\xaa\xc3\xb1X\xcdm?\xbf\xf9\xf9\xd7\x9e&gt;\xf7\xbc\x8eDd\x8fG\x08\xa1\xd4I\xccu\xb8\t\xea\x9ff\x10\x00\xe0\x1a\xf6\xa1e\xfd\xde\xa7\xa8y\xd1\x82\x17\xe7\\}\xfd\xd8\xb2\xd22{\xc7\xd44\xc3\xb0wC\x87\x0e\x1e\xea\xd2\xe3\xbcg^]\xdc\xbdw7:\xb2\x0f\xb2\x8fC\x9bf\x18M\x0f\xf5O?\x08\x00p\x07{\xef\xb3r\xe5J{\xef\x93_\x90\xff\xaf7\x9e\xeb\xdd\xbf\xd7\xc1\x03\xa5\x1e\x8f\xa7\xe9\'\x7f=\x1eO\xa8:\x9c\x9d\x9b\xfd\xd2\xca\xe7\xfa\x0f\xeeKDs\xe6\xcc\x991c\x86\x10\xc24O\xe0\xa6\'\xb7@\xfd\xd3\x12\x02\x00\\@J)\x84(--\x1d?a&lt;c,\x10\x0c\xcc{\xfe\xc93\xdb\x9e\x19\xaa\ny&lt;\x9eT\x8d\xca0D"\x9e\x90R\xfe\xfd\x9f\x7f\xe9\xdc\xf5\x07D4c\xc6\x8c\x15+V\x18\x86aYV\xaaF\xd5\x18P\xfft\x85\x00\x00w\xb0,k\xc2\x84\t\xa5\x07K\x89\xe8\x81?N\x1b|\xc1\xc0\xea\xaaj\xc3\x93\xe2elB\x88\xba\xda\xba\xc2\xa2\x82\'\x16\xfe)\x98\x17P\xa4&amp;\\7\xe1\xe0\xc1\x83\xe9\xb7\x1c\x05\xf5OK\x08\x00p\x01\x8f\xc7\xb3d\xc9\x92\x15+V\x10\xd157\x8c\xbd\xfa\xfa+\xed\x99\x87T\x8f\x8b\x88\xc80\x8c\xea\xaaP\xa7\xce\x1d\xa6?\xfa\x1bRTz\xb0\xf4\x9e{\xee9\xfa)fi\x00\xf5OW\x08\x00p4{QGEE\xc5\xfd\xf7\xdf\xcf9?\xb3\xed\x19\xbf\xfe\xdd/CUaG\xdd\xfc\xe9\xf1x*\xca*\xc7^7\xe6\xe2\xd1#\x89\xe8\x99g\x9eY\xbf~}\xfd\xa31]\r\xf5Oo\x08\x00p4\xfb\x82\xde\xbcy\xf3v\xef\xde-\xa5\xbce\xea\xe4\xa2\xe6\x85\x89D\xc2i\xe7\xf8\x8c\xb3d"9\xf5\xd7wfff\xc6\xe3\xf1i\xd3\xa6\x1d~\xfa\xb1\xcb\x17%\xa2\xfe\xe9\r\x01\x00\x8e\xe6\xf1x\xa4\x94\x0b\x16,`\x8c\x9d\xdd\xbe\xed\xe5W]Z]\x19r\xd4\xe1\xa7\x8ds\x1e\x8dD\xbb\xf48\xef\x92\xcbG\x11\xd1\xea\xd5\xabw\xed\xda\x95\x93\x93\xe3\xf6\x83P\xd4?\xbd!\x00\xc0\xd1\xfc~\xff\x9a5k\xb6o\xdf\xae\x94\x9a\xfc\xd3\x9b\x02A\xbfc\x17\xf9q\xce\xe3\xf1\xc4\x94\xff\x99\x94\x95\xe5\xab\xa9\xa9\x997o\x9e\xd7\xebu\xfb\x0e\x08\xf5Oo\x08\x00p4\xc6\x98}\xf8\xd9\xfc\xb4\xe6?\xbcld$\x1cu\xec\xf5=\xcey,\x1a\xeb\xd2\xa3s\xbf\xc1}\x19c/\xbc\xf8BiiiffF\xaa\xc7\xf5\xbd\xa0\xfe\xe9\r\x01\x00\x8e\xf6\xd5W_m\xd8\xb0A)5\xf8\x82\x81E\xcd\n\x93\xc9\xa4\xd3f\x9f\x8f\xa6\x94b\x8c\x8f\xf8\xd1p\xa5\xd4\x17\x9f\x7f\xbei\xd3&amp;_VV\xaa\x07\xf5\xbd\xa0\xfe\xe9\r\x01\x00\xcee\x18\xc6\xfb\xef\xbf\xbfs\xe7N"\x1a6j\xa8\xf3\xaf\xe7\t!\xeajj\x07\x9c\xdf/\'\'\'\x994\x97-[\x96\x91\xe1\xe2#P\xd4?\xed!\x00\xc0\xb92226n\xdch\x9a\xa6\xd7\xe7=\xb7K\xa7xm\xdc\xe1\x1f\xff\xc4\x18\x8b\xc7\x13\xad\xdb\xb4&lt;\xf3\xec3\x88h\xc3\xc6\rf\xd2$"\x97.FA\xfd\xd3\x9e\xa3\xdfN\xd0\\"\x91\xd8\xb8q#\x11\xb59\xbd\xf5i-\x9b;|\xfe\xc1&amp;\xa5\xf4e\xf9\xec\xa7T\x96l+)--%"\x97\xee\x7fP\xff\xb4\x87\x00\x00\xe7\x92RVUU\x11Qa\xb3\xfc\xec\x9clW&lt;\xe0E)\xc5\x85h\xd1\xb2\x05\x11E"\x91\xba\xba\xbaT\x8f\xe8\xe4\xa1\xfei\x0f\x01\x00\x8ef/9?\xa7\xd39\xc20\\\xf1\xa8w\xc6\x98e\x9a\xed;\xb6\xb3\xff\xd9\xf9\x87\xcc\xc7\x86\xfa\xa77\x04\x00\xb8@^~\x1e\xe7\xdc\x15; "RJ\xe5\x15\xe4\xd1\x91\xe7(\xa4\x01\xd4?]!\x00\xc0\x05\x1c{\xf3\xd1wq\xdd\x80\x8f\xcdu\x7f\x8e\xeb\x06\x9c*\x08\x00p\x01\xd7\x9d\xc8\xbbn\xc0\xc7\xe6\xba?\xc7u\x03N\x15\x04\x00\x00\x80\xa6\x10\x00\x00\x00\x9aB\x00\x00\x00h\n\x01\x00\x00\xa0)\x04\x00\x00\x80\xa6\x10\x00\x00\x00\x9aB\x00\x00\x00h\n\x01\x00\x00\xa0)\x04\x00\x00\x80\xa6\x10\x00\x00\x00\x9aB\x00\x00\x00h\n\x01\x00\x00\xa0)\x04\x00\x00\x80\xa6\x10\x00\x00\x00\x9aB\x00\x00\x00h\n\x01\x00\x00\xa0)\x04\x00\x00\x80\xa6\x8cT\x0f\xe0d|\xf3\xa3&gt;]\xf7\x01@_\xfb\x13\xdc5\xfe4\xa8\xbf\xdb\xb9\xba\x7f\xd2@\xda\xd4\xdf5\x01\xa0\x94\x92R\x92"\xce\xb90\x04\xe7\x9cq\xc6\x88\xa4R\xd2\x92\x96eI)\x89\x88s\xee\xd87\xe3\xf0\x9f@$\xb80\x0c\xc3\x1e\xaaR\xca\x92\x96eZ\xd2\x92\x8c1.\x1czN\x96\x06\xf5\xff&amp;iI\xa9\xa4\xfd\xcf\x8c\x980Dj\xc7sl\xae\xee\x9fo\xe5\xae\xfaK)\x95T\xc4\x98\x10\xfcH\xfdI)\x92RZ\x96eY\x16\x11\t.\xc85\xedO\xe4\x8a\x00\xb0\xeb\x9e\x91\xe9\xf1e\xe5\n\xc1\xeb\xea\xe2\xd1p\xb4&amp;VSW\x17WJeff\xf8\xb2|\xb9\x81\\_\x96OZ\xb2&amp;V\x93L&amp;\x85pV\'\xd9\x9bnFFFVv\x16c\x14\x8b\xd5DB\x91\x9a\x9aZ3\x99\xf4dx\xb2\xb2\xb2\x03\xc1\\_\x96\xcfL\x9a\xd1hLI\xe5\xa8\xcd8\r\xea\xffMJ\x91\x94\x96\xdf\x9f\xeb\xc9\xcc E\xc4HI\x19\x0eE\xbeyr\xe3\x04\xae\xee\x9fo\xe5\xa2\xfa+\xa5\xa4%\x85!\xb2s\xb2322,\xd3\x8c\xc5j\xc2\xa1p]m]2\x994\x0c\xc3\x97\xe5\xf3\x07\xfc\xfe\x80_J\x19\x8dD-\xcbr~\xff\xd7st\x00\xd8\xa5\xf7e\xfb|&gt;\xef\x81\xfd\xa5o,{\xeb\xbd\xd5\xeb\xb6m)9\xb8\xff`\xa8:\x94L\x9a\xa4\x940\x8c\x9c\xdc\x9c\x16-\x9b\xff\xa0K\xa7\xc1\xc3\x06\r\x1a:\xa0\xa0\xa8 T\x1d"\xc7\x9c\x97Y\xa6\xe5\xcd\xf2\xfa|\xbe\xfd_\xee\xff\xdf\x97\x97\xbd\xf3\xf6\xbb%\x1f\xef8\xb8\xff`MM\x8deI!DNnN\xcb\xd6\xa7u\xef\xd5\xf5\xc2\x8b\x87\xf5\x1f\xdc\xd7\x93\xe1\x89\x84#N\xe8\xa1\xf4\xa8\xff7I)9c\xf9\x05\xf9\xaf\xbe\xf4\xbf\x1fm\xda\xcc9WRe\xe7d\x8d\x9f4.33\xc3&gt;\xcav\x0e\xf7\xf6\xcfwqQ\xfd\xa5\x94\x99\x99\x99Y\xd9\xbep(\xb2i\xdd\x07k\xd7\xac\xffh\xd3\xe6}{&gt;/?T^[[\'-\x8bq\x9e\x95\xe5k\xd1\xaaE\xe7.\xe7^x\xf1\xb0!\x17\x0e\xf2\x07\xfc\xe1P\xd8\xc9\xf5?\x9as\x03@J\xe9\xf1x\xb2\x83\xd9%[\xb7?\xbb\xe8\xf9W_\xfa\xdf\xfd_\x1e\xf8\xd6\x9f\x8cF\xa2\x07\xf7\x1f\xfch\xe3\xe6\xa7\xe7?{\xe6\xd9gL\xb9\xf3\xa6q7]\x93\x88\'L\xd3\xe4&lt;\x95\x87BRJ\xc6X~a\xde\xae\xed\x9f&gt;5\xfb\x9f\xff~\xf1\xd5C\x07\x0f}\xf3\xc7b\xd1X\xe9\x81\xd2\x0f7|4\xff\xef\x8bz\xf7\xef\xf9\xb3{\x8b\x87\x0e\x1f\\]\x15J\xf9\xe0\xdd^\xffoe\x9a\x96\xcf\xe7\xe5\x82?x\xef\xc3\x7f\x99\xf9\xb7\xfa\xafgff\x8e\xbd\xeeJ\xaf7S)\xe5\x90\xe8ru\xff|\x17\x17\xd5_I\x95\x95\xed\xfb\xea\xf3\xfd/?\xff\xca\xab/\xfdw\xdb\xc7\xdb\xbf\xf5\xc7jb5\xe5e\x15[?\xfa\xe4\xd9\xa7^\xf8A\xd7s\xef\xfa\xed\xcfF\\rQ\xa8\xda\xa1\xf5\xff\x1a\x87\x06\x80R\xca\xeb\xf3\x86\xab\xc3\x8fL\x9f\xf5\xf4\xfcgkb5D\xc4\x05\x17B0b\xf2\x08"\xe2\x9c\x0b\xc1\x89\x98TRI\xf5\xd9\xa7\xfb~]\xfc\xdbw\xdf~\xef\x8f\xb3g\x1a\x1e\xc32\xadT5\x93R*+;\xcb2\xad\xbf&lt;\xfa\xb7\'f=i\x1f\x14\x0b!\xec\xa9C)\x95\x8d1\xc69WJ)RR\xca\r\xefo\xba\xe6G\x13~5\xe3\xae;\xef\xbe-\x1c\n\xa7\xaa\x87\xd2\xa0\xfe\xdf\xca4\xcd`^`\xff\x97\x07\xef\xba\xfd\x9e\xb7__\xc59\xaf\x9f\xc9\xcd/\xccs\xd4P]\xdd?\xdf\xc5E\xf5\xb7,\xe9\x0f\xe4&lt;\xf7\xd4\x8b\xf7\xff\xea\xf7v\xf1\x89\xc8\xf0\x18\x9cq\xbb\xd4J*"b\x8c\xd5_\x0cSR}\xb2y\xdb\rWL\xba\xf7\xc1_\xdd\xf6\xf3\x9b\xc3Ua\xe7\xcf\xc591\x00\x94T\x99\xde\xcc\xbd\xbb?\x1b\x7f\xd9\x8d\xfb\xbf\xd8OD\xc2\x10\x8c\x98eYI+Y\xffc\x9cs"U\xbf\'b\x9c\x91"\xc6\x99\x10\xe2\xbf//K&amp;\xcd\xd9\xcf\xfc\xcd2\xad\xd4\xfc\tJ\x19\x86\xb1g\xd7\x9e\xfb\xa6N\x7fw\xd5\xfb\xf6\x9f@\x8a\x94R\xc9d\xf2k?l_&gt;\xb2O\x84\x85\x10J\xa9\x87\xa7\xcd4\x0cq\xfb/n\xa9\xaa\xa8n\xfa+ciP\xffoRR)\xa5\n\x8b\n\xde^\xb1\xfa\xe7\xb7\xfc\xf2\xcb\xcf\xbf2\x0caY\xd24\xcd\xc3\x97R\x1d3Try\xff|+w\xd5\xdf\xa6\x14\x155+\nU\x87&lt;\x1e\x0f\x11I)\xcd\xa4\xf9-?g\x11\x1d\x99\xf0\xb4\xf7\xf8\x0f\xde\xfbpQ\xb3\xc2\xb1\x13\xc6TWU;|.\xc8\x89\x01\xc0\x18K&amp;\x93\xcdZ\x145k^x\xe0\xcb\x03\x86a\x98\xa6i_\x1dj\xdf\xb1\xdd\xe0\x0b\x06v\xed\xd5\xa5e\xab\xd3\xb2\xb2\xb3\x88(\x1c\n\xef,\xd9\xf5\xda\x7f^_\xbbf\x1d\x11\x91"S\x9a\x1e\x8f\xf1\xfa\x7fW.\xfa\xc7\xe2)?\x9dTUY\x95\x92\xf7\xc0\xf0\x18\xbf\xb8\xf5\x9eM\xeb&gt;\xf0x&lt;\xa6e\x92R\x96%\xed?a\xd0\x05\x03\x7f\xd0\xa5SQ\xf3"\x8f\xc7\x08\x87"\x9fl\xde\xf6\xea\xbf\xfew\xef\xee\xcf\x18g\x96e\xd9\xfb\xd0\x87~;\xb3\xcf\xc0\xde\xddzv\x89\xc5j\x9a\xf88.=\xea\x7f4\xcb\xb2222|Y\xbe\'f=\xf9\xfb\xfb\x1e\xb1,K\x18\xc2\xb2\xa4\x03/9\xd6so\xff|\x93\x1b\xeb/\x04\x8fF\xa2\x17^|\xc1\xe0a\x83\xd6\xbc\xf9\x8e\xfd\xc5\xc2\xa2\x82\xde\x03zu\xed\xd9\xe5\xcc\xb6g\x04\x82~!D,V\xf3\xe9\xce=o\xbc\xf6\xd6\xfbk\xd6\x12\x91\xb2\x94\xbd:\xeb\xfe_=8\xe8\x82\x01\xc1\xfc\xa0\x994\x1duf\xf35N\x0c\x00bdY\x96?\xe0\x7f|\xde\x1f\x7f|\xfeO\xc2\xd5a"\x1a6r\xe8\xc4\xdbn\xe83\xa0\x97}\xb5\xdd\xb2,iI"\xe2\x82\x0f\x1d~\xfe\xc4\xdboxf\xc1s\xf7M\x9dn\xef\xaa,K2\xc6\xfe\xf1\xf8\xdc+\xae\xb9&lt;\xd3\x9biY\xb2\x89\xdf\x02\xbb\xb3\x7f\xfb\xd0=\xe3.\xbd\xb1\xb6\xa6VIe\x91\xea\xde\xbb\xdbm?\xbb\xf9\xfc\x8b\x06\xfb\x03~\xa9\xa4\xb4$\x91b\x8c_~\xd5\xe8;\xef\xbe\xf5\x0f\x0f&lt;\xfe\x8f?\xcf\xe5\x9cK)I\x90eY\x7f~\xf4\xaf\x8b\x96\xceM\xc16\xe2\xfe\xfa\x1f\xcdL\x9a\xfe`n\xa8:\xf2\xf3[~\xf9\xef\x17^!FB\x08\xfbx3#3#\x11O\xa4ld\xdf\xcd\xdd\xfd\xf3\x7f\xb9\xb1\xfe6\xfb]\xb8\xf1\x96\tk\xde|\xa7\xff\x90~c\xae\xbd\xfc\xfc\x8b\x06\x9f\xd6\xea4!\x84eYJI\xa5\x883&amp;F\x8f\xb8\xa5x\xf2\x0b\xff\\z\xcfO\xef\x8b\'\x12J)\xceyeE\xd5\xbf\x9e\xfb\xf7\x9dw\xddVY^\xe5\x90\x93\xb0o\xe5\xd0)*\xcey$\x1c\xe9p\xee9\xf7&gt;\xf0\xcb\x8e\x9d;,\\:\xe7\xa9\x7f\xcd\x1f:|\x88R\xaa\xb2\xbc\xb2\xba\xaa:\x1a\x89\xd6\xd4\xd4\xd4\xd4\xd4D#\xd1\xca\x8a\xcaHud\xf2m\x13\x7f\xfd\xbb_J)\x19gRJbl\xff\x97\x076\xae\xfd\xc0\x97\xe5SM\xbe\xae\x80s^\x13\xab\xe97\xb8\xdfC\x8f?`Y\x96\xcf\xe7\x9d\xf6\xc8\xbdK\x97?s\xc9\xe5\xa3\x94R\x15\xe5\x95\xd5\x95\xd5\xe1P$\x12\x8a\x86\xaaC\xe5e\x15J\xd1\x83\x8f\xdf?n\xe25RJ!\xb8}\xf5o\xcd\x9b\xef\xee\xda\xfe\xa9\xcf\xe7\x95M\xbe\x11\xbb\xbd\xfe\xf5\x94R\x05E\x05\x1f\x7f\xf8\xc9O\x86\x8f\xfd\xf7\x0b\xaf\x08!\x04\x17\xf6\x9c\xc9=\x0f\xdc\xdd\xbeC;:&lt;\x97\xe5,n\xef\x9fz.\xad\xbfM\x08\x11\x8b\xc5\xfa\x0c\xec\xfd\xd2\xca\xe7\x96\xbc\xb2\xe8\xda\x1b\xaf\x0e\xe6\x05C\xd5\xa1\xca\xf2\xcaPu(\x12\x8aF#\xd1P(RQ^\x15\xaa\x0e\xdd0\xf9\xba\xbb\xa7\xff\\I\xc59#"\xc6\xd8\xaa\x15k\x92\x89$\xe3\xce=\xfc\'\xc7\x06\x00\x11\x19\x86\x11\xaa\n]~\xf5\xa5/\xadxn\xf8\x0f/\x8a\x84#\xe1P\x98\x88\x84!\xecKa\xf5\x0c\xc3\xe0\x82\x97\x1e:t\xed\x8dW\x9d\xd1\xf6\x0ciI\xce\xb9\xe0\x8c1\xb6mk\x89\xe11R\xb2\x01\x08!*\xca+\x7fr\xcde\xbfy\xe8\xd7\x8b^\x9aw\xe7\xdd\xb7\'\x92\xc9\xea\xaa\x10\x11\x19\x86\x10\xf6\x1f!\xb8\x10\xc20\x0ci\xc9PU\xe8\xa7w\xdf\xe6\x0f\xe4\xdag\xfa\x8c\xb3x]|\xcb\x87\x1fgz3S\xb2\x03u{\xfd\x89H)\xe5\xc9\xf0,Y\xf8\xdc\x98\x11W\xef\xdc\xb6\xcb\x9e\x89\xb2,+33\xf3/\x0b\x1e\xbbu\xea\x94\xea\xaa\xea\x94\x0c\xac!\xdc\xde?\xe4\xf2\xfa\xdb\x94T\x19\x19\x19\xbd\xfa\xf6\x8c\xd7\xc5\xab*\xaaL\xd3\x14B\x1c\xde\x04\x04\xb7W@\xd8oGYy\xd9O\xae\xb9\xac\xa0\xa8\xc0\xae\xbfRj\xdf\xde\xcfC\xd5a\xc3\x10N\x9e\xe9rn\x00\xd8\xec\xaba\xf6\x9a\xaacL%3\xc6\xa4%srsz\xf4\xeeJG.\xc8\xd8\x87\xab\xa4Rvk\x9e\x10&lt;\x1c\n\xdfR&lt;\xb9\xef\xc0\xde\xa5\x07\x0e1\xc6\xbe\xebO\xe0\x82\xc7\xe3\xf1\x96mZv\xed\xd1\x85\x88\x0e\xaf\x8d \xda\xb7\xe7s\xfb\xb2^\x93\x8e\xfb(\xee\xad\xbf=\x9e7^{\xebgS\xee\xaa\xad\xad\xe3\x9c\xdbS[\xadOo\xb5\xe4\xd5\xa7\xae\xbe\xee\xca\xd2\x03\xa5\xf1x\x82\x88\x149t\xfbtu\xff\xa4A\xfdmJ\xa9X,\xc6\x18\x13\x86\xf8\xae\xd9|\xc6\x98\x942\x10\x08\x9cqV\x1b"\xb2;&gt;\x1a\x89\xd6\xd5\xc5\x99S\xcfol\x8e\x1e\x9cMJ\xd9\xc0\xab\x88\x8c\xb1`^\x90\x88\xeaw9)\xbf\xfc\xc29\x0fU\x87jjj\x8d\x06\xcc\x03\x1a\x86huzK"{\xfc\x8c\x88\xa2\x91(\xd97J\xa6\x8eK\xeb\xcf\x05\x8fEcC.\x1ct\xfe\x85\x83\x95R\xc2\x10\x96i\r\x1c\xda\xff\xa5\x95\xcf\xf7\x19\xd0\xab\xa2\xbc\x921~xQ\x87\x83\xf7?\xee\xed\x9f\xf4\xa8\xbf\xad!\x93TJ\x111b\x8c\xd3\x91r37&lt;\x16\xc5\x05\x01\xd0\xd0"2RJE\xc2\x11\xfb\xdf\x14\x11cT\xd4\xac\x90X\x8a\x1b\xcc\x9e0i\xe0\x0f\x7f\xed\'\r\x8f\x87\x88R\xbb\x89\xb8\xb7\xfeR\xaaLo\xe6csf\xb6j\xd3*\x99H\xdex\xeb\xf5\x8b\xff5\xbf\xa8YA\xb8:\xec\xf1x\x94\x92\x8e\xba\xe9\xf4\xbb\xb8\xb7\x7f\xd2\xa3\xfe\r\xa2H\x08^\x13\xab)=PJv\x18\x10\x05\x82~_\x96WZ\x929\xf8\xf1@\x8e\\\x05tR8\xe7\xb55\xb5[7o#"%\x95}\r\xbf\xd3y\x9d\xcc\xa4\xc9\x9d}\x1d\xa6\x9e\x94\xaa\xb2\xa2\x8a\xc8&gt;+VDTXT\xa0\x94rr\x03\xd5s`\xfd9g\xb5\xb1\xda\x16-\x9b?\xfa\xd7\xdf\x7f\xba\xf3\xd3\x9b\xffgR\xa8*lI\xcb^\x95\xa1\x14\xb9\xe0\xe0\xf3D8\xad\x7f\xf4\xa9\xbfeY\xfe\\\xff\x9a\xb7\xde\xfd\xea\x8b\xfd\xf5\x17\x81\xdb\xb6;\xcb\x1f\xf0G\xc2\x11\xc7^\xe5\xa6\xb4\t\x80D"Y\xd4\xac\xe0\xf5WW\xee\xd8\xb6\xd3\xbe\xec\xae\x14\xb5&gt;\xa3u\x8f&gt;\xddjb5\x0e\xbf\x10o\x13B\xc4\xa2\xb1Ow\xec!"\xfb&amp;O"jwN[\xd3\xb4\xc8\xf1\'\x92\x8e\xad\xbf0D\xa8:&lt;\xe0\xfc~C\x87\x0f\xa9\xac\xa8\xaa\xbfo6U\xe3i&lt;\xce\xec\x1f\x1d\xea/\xa5\x14\x860\x93\xe6\x1f\x1e\xf8\x93R\xca\x9e\x05RJ\r\xbf\xe4"!\x84\x92\xca\xc9\xf3,\x0e\x1e\xda7(u\xb8\xb3\xeb\xd9\x0b\xd2M\xd3*(\xcc\xdf\xff\xe5\x81\x19\xbfz\x90H1b\xf6\x85\xaf)?\xbd)\xbf \xdf4M\xe7\x1fAK)\xbd&gt;\xef\xcem;\xf7\xec\xde\xcb\x18\xb37\xe1\xbc\x82\xbcN\xe7u\xac\xab\xabs\xc8\x19\x8cK\xeb\xcf9\xaf\xab\xad\xb3\xafc;\x7fN\xf6\xe48\xb9\x7f\xd2\xbb\xfe\xf6\xba\xdb\xdc\xdc\x9c_\xfd\xf4\xde\x8dk7\xd9\x07\xfb\x96e\x9du\xf6\x99\xa3\xc7\xfc(\x12\x8e\xf0T\xdf\x05yln\n\x00\xceY\xfd\xd2C!\x84\xe11|Y\xbe\xbc\xfc`0/\xf0\xde\xea\xb5W\xfdp\xfc\xa7;\xf7p.8\xe7\xc9dr\xf8%\x17^7y\\\xa8:\x94\xf2\xdbP\x1bBZ\xd2\xeb\xcd|v\xf1\x8b\x96eq\xce\xed\x95\x03C/\x1a\xd2\xaaM\xcbD&lt;\xe1\x90\xcd\xc6\xbd\xf5?\xf6\x12\xa64\xe0\xf0\xfeI\xd7\xfa\xdbw8{22~:\xe9\xe7\xcf.zA\x08Q\xbf\xa2\xe9\x81?N\xf7\x07rM\xd3Lu\xed\x8f\xc3MS@\xa6i\xd6\xafh\x90\x96\xac\xab\x8b\x1f*=T\xf2\xf1\xf6\xe5\xaf\xacx\xfd\xbf+\x89\xc8\xf0\x18\xf6\xba\x82Q\xa3G\xfci\xce\xaco&gt;5\xc5\x99\xec\x05s\x9b?\xf8\xf8\xc5\xa7_\xb2\xd7\x93\xd9g\xca\x13&amp;_\x9bt\xd2}\xe4\xe9Z\x7f\xb7sK\xff\xa4\x19\xd34s\xfd\xb9U\x15U?\xbd\xe9g\xabV\xae\xa9_n+\xa5|\xf0O\xf7_8j\xa8s\x1e\xc4t\x0c.\x08\x00{)z$\x1c\xb9q\xcc\x94Pu\x88q\xa6\x942M+\x1a\x89\x86\xaaBG/$0\x93\xe6i\xadN\xbbu\xea\xe4\xeb\xa6\x8cO&amp;\x93f\xd2\x89\x8f#\xfe&amp;\xc6\x88q6\xfd\xee\x07\xeaj\xeb\xec\xd3d\xcb\xb2.\xbd\xf2G\xfd\x06\xf5\xa9\xaeJ\xfd\x11t\xda\xd7\xdf\xed\x1c\xde?i\xc94\xad`^\xf0\x93\xcd\xdbn\xbd\xee\xceOw\xee\xb1\x8f\xfd\xa5\x94\x9c\xf3G\xfe\xfa\xe0u\x93\xc7WVT:\x7f\xefO\xae\x08\x00""FR\xca\x9d\xdbw\xd9\xcf%&gt;\x9a\x10\x82\x18\t.\x86\\4x\xcc\xb5\x97\x8d\x1a=2\x90\x1b8p\xe0\x00\xb1\xc3\x0fPt8\xd34\x8b\x9a\x15\xfd\xfe\xbe\x87\xdf[\xb5V\x08a?T9\x98\x1f\xfc\xe5\x8c\xbb\xeaj\xe3N9|K\xdf\xfa\xbb\x9d;\xfa\'\xbdX\xa6\x15\x0c\xfa\xd7\xaeYw\xd3\xd5\xb7TW\x1e~\xde\xa7\xb4d0/\xf0\xa79\xb3F]:\xb2\xb2\xbc\xd2-\xb9\xeb\x92\x00 "\xa2\xac\xec,{B\xf3\xc8*\x82\xc3\xf3\x11\xf6\xc5\xc8=\xbb\xf6\xbc\xf4\xcc\xbf\xb7o\xdb9\xf4\xc2!=\xfb\xf50M\xb3\xb6\xa6\xd6\xe1o\x83\x994\x0b\x9b\x15&lt;\xfb\xd4\xf3\x7fz\xf8\t!\x84\x94\x92\x0bn\x99\xd6\x8c\x99\xbf9\xeb\xec3\x9cv\n\x99~\xf5w;w\xf5Oz\x90Rf\xe7fo\xdd\xb2\xed\xc6+\xa7\xd4\x7f\xf2\x97eY\x1d\x7f\xd0\xe1\xaf\x8b\x1e\xef\xd4\xb9cEY\x85a\xb8f\xbf\xea\x9a3t\xa5T4\x1c5M3\x99L\x9a\x87Y\x87\xff\xcf\x92\xa6i\xed\xd9\xb5\xf7\xf5\xff\xae\xfc\xd3\xef\xff\xf2\x93\xe1WM\xb9\xf6\xb6\xcf&gt;\xdd\xe7\x0f\xf8\xed\xc7N9\x93\x994\xf3\x0b\xf3\xde\\\xfe\xf6]\xb7\xde\xc39\xb3o\xb8\xb5L\xeb\xa6\xdbo\x1c;a\x8c\xd3\xb6\xde\xf4\xab\xbf\xdb\xb9\xab\x7f\xd2\x84"\xcey\xbc.^&lt;\xe9\x17\xe1PX\x18B\x91\xb2,k\xc0\xf9\xfd_X\xbe\xa4}\xc7\xb3\xab*\xaa\\\xb4\xf7\'W\x9c\x01\xd8\xcf\x99\xc9\xca\xce\x9a\xff\xc2?\x92I\x93\x11)"\xd34c\x91X\xd9\xa1\xf2}{?\xdf\xfa\xd1\xd6-\x1fn\xb5g\x9c9\xe7\xa6i\xbe\xf6\xef\xe5\xef\xafY\xf7\xd7\x85\x8f\x0f\xbdhp\xc8\x91\x9f\xcfi&amp;\xcd`~p\xd3\xba\x0fo\x19\x7fG&lt;\x1e\xe7\x9c\t\xc1M\xd3\x1c5z\xc4\xb4G\xee\r9i\xea6-\xeb\xefv.\xea\x9ftbI+/?o\xc1\xdf\x17\x95l\xdd.\x0c\xa1\xa4\x92R\xf6\x1f\xd2o\xd1\xd2\xb9B\x88h8fx\\\xb0G=\x9a;\x86k_\x87\x1cr\xe1\xa0\xa3\xe64\x99\xbd\xd4\x81H\xd5\xd6\xd4\xed\xd9\xbd\xf7\xb9\xa7^\x98\xff\xb7E\xf6\x07\x0c\t\xc1\xab+\xab\xa7\\{\xdb\xcbo\xbe\xd0\xbec\xbb\xda\x9aZG]\x8d4M3\x90\x17(\xd9\xba\xfd\xc6+\xa7\x84\xaa\xc3\xf6\xe7\xe2\x99\xa6\xd5oP\x9f\xbf\xcc\xffc\xbc.\xae\x94r\xd4\xcdkiV\x7f\xb7s]\xff\xa4\r\xc6X"\x91\xf8\xcf\x8b\xaf2\xc6\x18cR\xc9\x96\xadO\xfb\xeb\xc2?\x19\x1e\xa3\xb6\xa6\xd6\x8d\xa7\\\xae\xd9,\x95R\x91P4T\x1d&gt;\xf2\xbfPuUueyeeyU\xbc.\xde\xb6\xfdY\x0f\xfe\xe9\xfe\x85/\xce\xc9\xf5\xe72\xc6,K\x1a\x86\x11\x8b\xc6\xee\xff\xd5\x83N\xdb\xf5\x98\xa6\xe9\xf7\xfb?\xdd\xf9\xe9u\x97O,+-\xe3\x9c3\xceL\xd3\xea\xda\xb3\xcb\xdcg\x9f\xe4B8\xf3\xb3\xd4\xd3\xa6\xfen\xe7\xd2\xfeI\x03\xf6\xd3\xad\xcb\x0f\x95\xef\xda\xbe[)e\x7fB\xe7\xa4;&amp;\xb6&gt;\xbdU,\x1as\xe9)\x97\x9b\x1a\xc5~\xfa\xf9\xffa\x08a\x08\xc6Y]m\xdd\xc1\xfd\x07\x7fx\xe9\xa8_\xff\xeen\xfb3I,\xcb\xe4\x9c\xbf\xf3\xd6{\x1fm\xd8\x9c\x95\x9d\xe5\x90\xc7N\x99\xa6\xe9\xf7\xe7~\xb6w\xdf\xf8Ko\xdc\xff\xe5\x01!\x04\xe3\xcc2\xad\xce]\x7f\xb0h\xe9\xdc\xec\x9c\xecx]\xdc\xb1[o\x1a\xd4\xdf\xed\\\xdd?n\xa7\x942\x84QY^\x19\x0eE\x88\xc8\xb2,!D\xff\xc1}kb.^\xec\x90&amp;\xbd\xc29\xf7x&lt;ee\xe5\x97^\xf9\xe3VmZJK2\xc6\xec\x15\xebk\xdf]\xe7\xf5fJ\x99\xfa\x05\x89\xa6i\xe5\xe6\xe6|\xf1\xf9\x97\x13.\xbd\xf1\x8b}_\xda\x0b(-\xd3:\xaf[\xe7\xc5/\xcf\x0f\xe4\x05jk\xdd\xdaI\xae\xa8\xbf\xdb\xa5q\xff\xb8\x05\xe3\xac\xb66n\xef\xfa\x19c9\xfe\x9c\xfc\xc2|\xcb\xb2\xdc\xbb\xdc6M\x02\x80\x88\xec\xfb_\xfc\x01\x7f\xa7\xce\x1d\x89\x0e?\x98\x9b\x88\xf6\xee\xfeLJ\x95\xf27\xc82\xad\x9c\xdc\xec\xfd_\x1d\x1c\x7f\xe9\x8d\x9f\xed\xd9W\xbf\xf5v\xeb\xd9\xf5\x9f\xffY\x18\xcc\x0f\xba}\xd1\xa4\xc3\xeb\xefvi\xdf?\xae\xc0\x88,\xcb:\xfc\x99\xd8R\xc6k\xe3\xf6B\xa0T\x8f\xeb\xe4\xb9\xe3"p\xc3q\xcerrs\x0e\xff\x8b""\x8aFc)\xfcLZ\x9beYY9Y\x87\x0e\x1e\x9ap\xd9\x8d{v\xed\xad\xdfz\xbb\xf7\xee\xb6\xe8\xa5\xb9\xb9\xfe\xdc\xb4\xd9z\x9dY\x7f\xb7\xd3\xa7\x7f\x9c\x8c1\x16\x8f\'\xcel{\xfa\xa2\x97\xe6\xd9k\xe1&lt;\x1e#+\xcbg\x9f\xef\xa6zt\')\xcd\x02\x80I\xa9\xa2\x91\xe8\xd1_\xca\xcc\xc8H\xed\xe3\x94-\xcb\xca\xca\xca\xaa(\xab\x98p\xd9\xc4]\xdbw\xd7o\xbd=\xfat_\xb4tnNnN\x1am\xbdN\xac\xbf\xdb\xe9\xd4?\x8ef?g)\'7\xe7\xa2\x8b/\xb0\xbf\xa2\x94\xaa\x89\xd5\xba\xfa\xe9\xd6i\x15\x00B\xf0h$\xf6\xe9\xce\xc3\x8fD\xe7\x9c1\xc6\x9a\x9f\xd6L\x08\x9e\xaa\xf7\xc8\xb2,_\x96\xaf\xba\xaa\xfa\xba\xcb\'n\xffdG\xfd\xd6\xdb\xb3o\xf7EK\xe7e\xe7d\xa7\xd3\xbc\xad\x03\xeb\xefvZ\xf5\x8f+HKVU\x86\xec\x93Z\xc6\x99\xe7\xf0g\xae\xb9\x95\xa3\x03\xc0\xbe\xba\xd2\xc0U\r\xa6i\x06\x82\x815o\xbe\xf3\xd9\x9e}\xf6\x8d\x91D\\)un\x97s-K\xa6\xe4\x18\xd4\xb2,\x9f\xcf\x17\x0eE&amp;\\&gt;\xf1\x93-%\xf62a\xcb\xb4z\xf5\xeb\xb9p\xe9\x9c\xec\xec,\x87o\xbdn\xaf\xbf\xdb\xb9\xbd\x7f\xd2\x92T2\xd7\x9f\x93\xe9\xcdd\xc4\x92\xc9D4\x12#\x07|\xf6\xf8Ist\x00\x04\xf3\x02\x89D\xb2\xb6\xa6VI\xc5\xb8}\xef\xc5\xb7\x14Z)e\x99V\xa67\xd34\xcd?\xfc\xeeq\xa5\x14</t>
        </is>
      </c>
    </row>
    <row r="133">
      <c r="A133" s="1" t="n">
        <v>131</v>
      </c>
      <c r="B133" t="inlineStr">
        <is>
          <t>circle_size_number</t>
        </is>
      </c>
      <c r="C133" t="inlineStr">
        <is>
          <t>What is the missing number of the part denoted with a question mark?</t>
        </is>
      </c>
      <c r="D133" t="inlineStr">
        <is>
          <t>[1, 6, 3, 4]</t>
        </is>
      </c>
      <c r="E133" t="inlineStr">
        <is>
          <t>3</t>
        </is>
      </c>
      <c r="F133" t="inlineStr">
        <is>
          <t>There are 6 numbered circles with varying sizes arranged in a ring with number [6, '?', 5, 6, 3, 5] in a clockwise order.</t>
        </is>
      </c>
      <c r="G133" t="inlineStr">
        <is>
          <t>We observe that the size of the circle is related to the number in the circle. The circle with the largest value 6 seems to be the biggest and the circle with the smallest value 3 seems to be the smallest. Thus, the pattern is that the larger the number the larger the circle.</t>
        </is>
      </c>
      <c r="H133" t="inlineStr">
        <is>
          <t>Based on the pattern that the larger the number the larger the circle, the missing number of the circle denoted with a question mark should be 3.</t>
        </is>
      </c>
      <c r="I133" t="inlineStr">
        <is>
          <t>b'\x89PNG\r\n\x1a\n\x00\x00\x00\rIHDR\x00\x00\x02\x00\x00\x00\x02\x00\x08\x02\x00\x00\x00{\x1aC\xad\x00\x00\x96\xb2IDATx\x9c\xed\xbdw@\xd3\xd7\xf7\xff\x7f_\xd9\x81\x00\ta\x88[AE\x01A\x10DE\xdc\xb5.\xc4\xaduTmk\xeb\xa8\xa3\xdaa\xeb\xbb\xad\xad\xa3V[\xb5\xb6j\xadZG\xeb\xa0Z\x15w\xad\x1b\x15E\x96\x0b\x10\xf7BV\x12\x08+\xc9\xeb\x95\xd7\xef\x8f\xf35?&gt;\xdaZe$\xafWr\x1e\x7f\xb5\x18\xc2M^\xf7\x9c\xe7\xb9\xe7\x9e{.\xc5\xb2,A\x10\x04A\x1c\x0f\x81\xad\x07\x80 \x08\x82\xd8\x06\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x05\x05\x00A\x10\xc4AA\x01@\x10\x04qPP\x00\x10\x04A\x1c\x14\x14\x00\x04A\x10\x07Ed\xeb\x01 \x08R]X\x96%\x84\x98\xcd\xe6\xca\xff\xfb&lt;\x14EY\xfe\x03\xb0\xce\xf0\x10\xceB\xfd\xdb\\A\x10\x84\x9b\xb0\x95\x00?.\x10Tq)o6\x9bA6\xe0MP\x12\x1c\r\x14\x00\x04\xe1\x01,\xcb\x9a\xcdf\xf0\xf8B\xa1\xf0\x99\x7f\xd5h4F\xa3199\x99a\x18\x9a\xa6\xcf\x9e=K\xd3\xf4\xf3\xef\x10\x16\x16\xa6R\xa9X\x96\r\x0c\x0ctuu\xf5\xf4\xf4|\xe65\xa0\x07(\x06\x8e\x03\n\x00\x82p\x17p\xfa\x84\x90\xcaN_\xaf\xd7ggg_\xbe|9555##\xa3\xa8\xa8\xa8\xa0\xa0\x80eY\xa5R\t\xf2\x10\x18\x18(\x12\x89*\x9b6\xcb\xb2B\xa1033S\xaf\xd7\x0b\x85\xc2\xa2\xa2"\x9a\xa6\x95J\xa5\x93\x93Sppp\xb3f\xcdBBB\x82\x82\x82\xd4ju\xe5?m6\x9b\x05\x02A\x95\x97\x17\x08\xf7A\x01@\x10\xce\x01\xf1~\xe5\xdcNiiiRR\xd2\xc9\x93\'\xcf\x9d;\xf7\xe0\xc1\x03\xa1P\xe8\xed\xed\xed\xe7\xe7\x17\x14\x14\xe4\xed\xed\x1d\x18\x18(\x95J\xeb\xd7\xaf\x0f:\xf1\xfc\x12\x01\xb0\x04\xf8\x8f\x1f?6\x1a\x8d\x19\x19\x19\xf9\xf9\xf9)))\xf7\xee\xdd\xbbw\xef^ii\xa9\x97\x97Wxxx\xb7n\xdd:t\xe8`Y\x1f\xc0`pM`\x97\xa0\x00 \x08\x87\x00\x1f-\x12\xfd\xbf\xea\x8c{\xf7\xee\x9d&lt;yr\xdf\xbe})))nnn\xadZ\xb5\x8a\x8a\x8aj\xdf\xbe}\x83\x06\r,\xd1\xba\xd9l.//gY\xd6`0X~\xf2\x8fon\xd9\xf8\x15\x8b\xc5\x02\x81@&amp;\x93\t\x85B\xf8III\xc9\xa3G\x8f.]\xbat\xea\xd4\xa9\xb4\xb4\xb4\xdc\xdc\\__\xdf\x98\x98\x98.]\xba\x84\x84\x84\xc0\xaf3\x0cC\xfe]]\x10&gt;\x82\x02\x80 \x9c\x80a\x18K\xc8_\\\\\xbc\x7f\xff\xfe\xb5k\xd7\xde\xb8q\xc3\xcf\xcf\xafO\x9f&gt;\xd1\xd1\xd1!!!NNN\x84\x90\xb2\xb22\xa3\xd1H\xd34l\t\x10B\xe0\xb7^&gt;B\x07\xab\xaf\xbc\x93,\x14\n%\x12\x89\x93\x93\x13EQ4Mgdd\x9c={\xf6\xd0\xa1C\xa9\xa9\xa9*\x95j\xcc\x981C\x87\x0em\xd4\xa8\x11\xc1\x05\x81}\x81\x02\x80&lt;\xcb\x7f\x16\x11"5\x0b\xc30\x16\x7f\x9a\x9a\x9a\xbaz\xf5\xea#G\x8e\xf8\xf8\xf8\x0c\x1e&lt;\xb8o\xdf\xbe\xfe\xfe\xfe\x02\x81\xa0\xa2\xa2\xa2\xac\xac\xcc"\x12\xb5\xf1,,\xfb\xcc\x02\x81@.\x97\x83\xd8&lt;|\xf8\xf0\xe8\xd1\xa3;w\xeeLKK\x0b\x0f\x0f\x9f0aBLL\xcc\xf3\xc3Fx\n\n\x80\xe3R\xb9\x9a\x90T\xca\x0f\xfc\xdb\xa6\x9f%\xb1`)\x1c\xc4r\xf2jR\xd9\x87\xc6\xc7\xc7\xafX\xb1\xe2\xce\x9d;\xaf\xbf\xfe\xfa\xd8\xb1c\xdb\xb4i#\x95JKKK!\xbdc\xe5\xcdX\x10\x03B\x88D"quu%\x84ddd\xfc\xf9\xe7\x9f[\xb6lqqq\x19;v\xec\xbb\xef\xbe+\x91H\x08\xca\x00\xcfA\x01p,^\\M\x08\x94\x94\x94\x94\x97\x97S\x14e\x11\x06\xa8!qww\xff\xc7\xd7[\xb6\x16\xabS\x90\xeehX\xbe1B\xc8\x9e={V\xacX\x91\x93\x933a\xc2\x84\xd1\xa3G\xd7\xad[\xd7`0\x94\x94\x94\x98\xcdfK\x8e\xdeVX\x94@.\x97;;;\xeb\xf5\xfa\x83\x07\x0f.[\xb6\xac\xbc\xbc|\xc2\x84\t\xef\xbd\xf7\x9eT*%\x840\x0c\x83{\x03|\x04\x05\xc0!\xb0\xf8\xe8\xcaV\xca0\xcc\xed\xdb\xb7322n\xdf\xbe\r\xff\xa1\xd7\xeb\t!Z\xad\xd6d2=31\x04\x02\x81Z\xad\x16\x08\x04B\xa1088\xd8\xdb\xdb;$$\xa4A\x83\x06\xcd\x9b7W(\x14\xcf\xff!\x8c\n\xff\rp\xa9\xf0 \xf6\xed\xdb\xf7\xfd\xf7\xdf3\x0c3y\xf2\xe4\xbe}\xfb\xba\xb8\xb8\x14\x17\x17\x1b\x0c\x06\x0e\x16_\xb2,\xcb0\x8cH$rssc\x18\xe6\xdc\xb9s\xcb\x97/\xbfs\xe7\xce[o\xbd5i\xd2$\x91H\x04:\xc1\xb5a#/\x06\x05\xc0\x9e\x01\xa3\xad\x1cE\x16\x15\x15\x9d&gt;}\xfa\xd4\xa9S\x97/_\xce\xc9\xc9\xa1iZ\xa1P\xd4\xa9S\xa7~\xfd\xfa\xf5\xeb\xd7\xf7\xf3\xf33\x1a\x8d\xadZ\xb5R\xa9TP\xf2\x01\xc0\xc6`jj*!D\xa3\xd1\\\xb9rE\xa7\xd3\xdd\xbe}\xbb\xac\xac\xccd2yzz\x06\x07\x07\xb7k\xd7.::\xbaq\xe3\xc6\x96\xdf\xa2i\x9a\x83\x8e\xcc\xb6X"\xe5\xb4\xb4\xb4\xa9S\xa7&gt;y\xf2\xe4\x8b/\xbe\x189r\xa4@ \x80\xda|\x9b\x87\xfc\xff\t\xecC\xb8\xb8\xb8H$\x923g\xce|\xf4\xd1G\x85\x85\x85\x8b\x17/\x1e8p !\x84\xa6iK\t\x13\xc2}P\x00\xec\x10\xcb\xb2\xdd\x12\xef\xa7\xa7\xa7\x9f8q\xe2\xd0\xa1Cw\xef\xde\x15\x89D\xc1\xc1\xc1\x9d:u\n\x08\x08\xf0\xf3\xf3\xf3\xf2\xf2\xb2X,\x04\xef\x15\x15\x15\x95\xbd?@Q\x94\\.\xaf\x9c\xf1g\x18\xa6\xa8\xa8\xe8\xee\xdd\xbbW\xaf^={\xf6lRRRAAA\xfd\xfa\xf5\xbbv\xed\xda\xabW\xaf\xa8\xa8(p\xfdX4\x02\xc0^\x8b@ (..\x9e&gt;}\xfa\xd1\xa3Gg\xcc\x98\xf1\xf6\xdbo\xbb\xb9\xb9i4\x1aH\xb2\xd9z\x8c\xaf\x00,\xf5\xdc\xdc\xdc\x04\x02\xc1\xde\xbd{\xbf\xfa\xea+gg\xe7\r\x1b6\xf8\xfb\xfb\xc3\xbf\xa2\xf0\xf3\x02\x14\x00\xbb\xa2rz\x81\x10r\xf7\xee\xddu\xeb\xd6\xed\xdb\xb7O\xab\xd5\xb6i\xd3\xa6w\xef\xde\x91\x91\x91-Z\xb4\x90\xcb\xe5\x84\x10\x83\xc1`0\x18 \xdbc)($\x95v\x83\x9f\xa1r\xaf1x\x8dP(\x94J\xa52\x99\x0c\x96\x08w\xee\xdcIJJ:r\xe4\xc8\xd9\xb3g)\x8a\xea\xdc\xb9\xf3\xc4\x89\x13#""\xe0\xb7\x1cy\xb7\xd0\x12\xf8\xef\xde\xbd{\xfa\xf4\xe9\x9d:uZ\xb4hQ\xc3\x86\ru:\x1dD\xfd\xb6\x1e`\x15\x81)\xa1R\xa9\xca\xca\xca\x96.]\xban\xdd\xbaI\x93&amp;\xcd\x993G \x10\xe0R\x80\x17\xa0\x00\xd8\t\x95]\xbf\xd9l\x8e\x8f\x8f\xdf\xb8q\xe3\x95+W\x02\x02\x02bcc{\xf5\xeaU\xaf^=BHYY\x19\x04\xf85U\xc3S\xb9vP*\x95:;;S\x14\xa5\xd3\xe9\xce\x9c9\xb3k\xd7\xae\xc4\xc4D\xb5Z\xfd\xc6\x1bo\x8c\x1e=\xda\xcd\xcd\x8d\x10\xc2\x8b,G\xcd\x02\xae\xb0\xb8\xb8x\xc2\x84\t\x99\x99\x99\xf3\xe7\xcf\x8f\x8d\x8d\x85\x9dv\xfbp\x91 o*\x95*--m\xf6\xec\xd9yyyqqq\xfe\xfe\xfe\x8e,\xf9|\x01\x05\xc0\x1e\xb0\x04\x98\x06\x83a\xcd\x9a5?\xff\xfc\xb3\\.\x1f8p\xe0\x88\x11#\xfc\xfc\xfcX\x96\xd5\xeb\xf5F\xa3\x91\x10R\xab\x06i\x11\x03\xb1X\xacP(D"Q~~~||\xfc\x96-[\xee\xdf\xbf?`\xc0\x80\xd9\xb3g\x83\x0e9\x88\x0cXT\xf9\xe4\xc9\x93c\xc6\x8c\x89\x89\x89Y\xbcx\xb1\x93\x93Saa\xa1\xfd}|\xd8O\x92\xcb\xe5\xabW\xaf\x9e7o\xde\x9c9s\xa6O\x9fN\xb0@\x88\xdb\xa0\x00\xf0\x1bK\x90e2\x99~\xfc\xf1\xc7\xcd\x9b7+\x95\xca\xf7\xde{/66V*\x95Z\n:\xad\x1f\x88A\x8e\x18\xaa\xc8)\x8a:{\xf6\xec\xb2e\xcb\xb2\xb2\xb2z\xf6\xec\xf9\xe1\x87\x1f\xfa\xf8\xf8\x10{\xdf0\xb48\xbe\xaf\xbe\xfaj\xe5\xca\x95?\xfe\xf8\xe3\xf0\xe1\xc3\xb5Z\xad\x1d\x7fjx\xe8\x9e\x9e\x9eiii#G\x8e\x0c\x08\x08\xd8\xb4i\x93\xb3\xb3\xb3\x1d\x7fd\xbe\x83\x02\xc0W*\xe7|V\xae\\\xf9\xd3O?\xf9\xfb\xfb\xcf\x9a5\xabS\xa7N\xb0=\xfbL\xfd\x8f\r\x07I\x08Q(\x142\x99,;;{\xe5\xca\x95\x87\x0f\x1f\xee\xdf\xbf\xff\xe7\x9f\x7f\xee\xe6\xe6f\xaf\xb5\x83\xe0\xf2\x8a\x8a\x8a\x86\x0c\x19RXX\xf8\xc7\x1f\x7f\xf8\xfa\xfa\xe6\xe5\xe5\x89D";\x0b\xfc\x9f\xc7d2A\xa9\xe8\xdbo\xbf\x9d\x94\x94\xb4u\xeb\xd6\xf0\xf0p\xd4\x00nbo\x86\xe7 @\x12_(\x14\x1e&lt;x\xb0S\xa7N\xbf\xfd\xf6\xdb\x82\x05\x0b\xf6\xec\xd9\x13\x11\x11QPP\xa0\xd5j)\x8a\xe2\x82\xaf\x81A\n\x85\xc2\xd2\xd2\xd2\xfc\xfc|\x1f\x1f\x9f\x1f~\xf8a\xeb\xd6\xad7o\xde\x8c\x8c\x8c\xfc\xf1\xc7\x1f\xa1N\xf4\xf9\xe6\xf5\xbc\x06\x9c]FFFDDD\x93&amp;M\x92\x92\x92|||\xf2\xf3\xf3\xc5b\xb1\xcd\x9f\x88\x15\x10\x8b\xc5z\xbd\xde`0l\xdd\xba\xf5\x83\x0f&gt;\xe8\xd3\xa7\xcf\xee\xdd\xbbE"\x91\xc9d\xb2\xf5\xd0\x90g\xc1\x15\x00\xcf\xb0\x9c\xc7\x81j\xc2\xbf\xff\xfe{\xce\x9c9\x93&amp;M2\x9b\xcd\x1a\x8d\x86\xe3u\xf7,\xcb\xd24\xed\xe2\xe2"\x97\xcb\xff\xfa\xeb\xaf9s\xe6H$\x92\xf5\xeb\xd7\xb7j\xd5\xaa\xf2\xc9X^\x03\xde\xff\xdc\xb9s\xfd\xfb\xf7\x9f3g\xce\xec\xd9\xb3\x0b\x0b\x0b\x89=\xaer^\x0c&lt;k//\xaf\x13\'N\x0c\x1d:\xf4\xb3\xcf&gt;\x9b9s&amp;n\x0bs\r\xc7\x9a\x94|\x07\xbc\xa4H$\xda\xbbwoXX\x18\\\x025y\xf2\xe4\xc2\xc2B\xadV+\x12\x898\xeee(\x8a\x12\x8b\xc5eee\xf9\xf9\xf9]\xbbv\xbdp\xe1B\xaf^\xbd\xfa\xf5\xeb\xb7h\xd1"\xf0\x0b\xcf\x9f?\xe0\x17\xe0\xfd7o\xde\xdc\xbf\x7f\xff\xed\xdb\xb7CI\x0c\xc7U\xb9\x96\x80g\x9d\x97\x97\xd7\xa9S\xa7\xf4\xf4\xf4\x9f~\xfai\xe6\xcc\x99B\xa1\xd0\xd2{\n\xe1\x02\xb8\x02\xe0\r\xe0\\X\x96}\xfb\xed\xb7\x0f\x1d:\xf4\xcb/\xbf\xf4\xed\xdb\xb7\xa8\xa8\xc8h4\xf21\xbb\nY,\xb5Z}\xe3\xc6\x8d\x11#FH$\x92?\xff\xfc\xb3n\xdd\xba\xfcM\x16\x9bL&amp;\xb1X\xbcb\xc5\x8a\x8f&gt;\xfa\xe8\xf0\xe1\xc3]\xbbv\xcd\xcd\xcd\x85\x8ei\x8e\x0c\xac\xf9t:]dddxx\xf8\x1f\x7f\xfc\x81\xeb\x00\xee\xe0p\x81\tO\x01\xb7\x98\x95\x95\xd5\xbau\xeb\xfc\xfc\xfc\xcb\x97/\xbf\xfe\xfa\xeb\xf9\xf9\xf9\x90\x0e\xb2\xf5\xe8\xaa\x82P(\x14\x08\x04\xf9\xf9\xf9\xf5\xeb\xd7OJJ\xea\xd6\xad[HHH||&lt;t\x95\xe1]\\\x02\xde\x7f\xe9\xd2\xa5P\xec\xd4\xa9S\xa7\xfc\xfc|\xf4\xfe\x84\x10\x91HTRR\xe2\xec\xec|\xe3\xc6\r\xbd^?h\xd0 \xa1P\xc8\xc7Gl\x97\xa0\x00p\x1dK\xd2\x7f\xd3\xa6M\x9d:u\x1a3fL||\xbcD"\xd1h4\\\xd8\xe6\xad&amp;"\x91\xa8\xbc\xbc\\\xa7\xd3-\\\xb8p\xd3\xa6M\xef\xbe\xfb\xee\xacY\xb3 &lt;\xfc\xb7k\xad8\x08x\xff\xe5\xcb\x97\xaf\\\xb9\xf2\xfc\xf9\xf3&gt;&gt;&gt;\x90\x91\xb3\xf5\xb8\xb8\x82P(4\x1a\x8d\xe5\xe5\xe5\x87\x0f\x1f.++\x1b:t\xa8P(d\x18\x065\xc0\xe6`\n\x88\xd3Xj=\xe7\xcf\x9f\xbfb\xc5\x8a\x1d;vt\xeb\xd6-??\xdf\xe6\xf5\x9d5\x8e\xc9d\xf2\xf0\xf0x\xf2\xe4I\xaf^\xbdZ\xb4h\xb1q\xe3F\x85B\xc1\x8b\x962\xb08[\xbdz\xf5\x87\x1f~\x98\x9d\x9d\xadR\xa9\xf4z=z\xff\xe7\x81\x1d,ww\xf7v\xed\xda5l\xd8\xf0\x8f?\xfe\xe0o\xba\xcfn\xe0\xbau92\x16\xef?t\xe8\xd0\r\x1b6\\\xbe|9::\xda^k\xc9\xc5bqaa\xa1\x8b\x8b\xcb\x95+Wh\x9a\x0e\r\r\xd5\xe9t\x02\x81\x80\xe3\xdb\xc2\xb08KHH\x98={\xf6\xfe\xfd\xfb===\xd1\xfb\xff\x1b\x02\x81\x00\x0e\xa5\xef\xdb\xb7\xef\xfc\xf9\xf3K\x96,\xc1\xdaP\x9b\x83\x02\xc0Q,\xde\x7f\xd0\xa0Az\xbd&gt;##\xc3\xc5\xc5E\xab\xd5\x8a\xc5b[\x0f\xad\xb6\x10\x89DF\xa3Q\xa3\xd1\xec\xd9\xb3g\xd4\xa8Q\xe1\xe1\xe1Z\xad\x16r\x05\xb6\x1e\xda?\x03G\xedRSScbb\xf6\xee\xdd\xdb\xa5K\x17\xcc\xfc\xbc\x18\x81@`0\x18\x14\n\xc5\xa5K\x97V\xae\\\xb9j\xd5*\xb1Xlg\xa7@\xf8\x05NV.R\xd9\xfbC\xe6\x14\x9a\xc5\xdb\xbds\x81 1??\xff\x8b/\xbe\xa0(*&lt;&lt;&lt;))\t.\'\xe0Z?\x19h\x89ZXX\x18\x13\x133\x7f\xfe\xfc\x1e=z`\xcd\xcf\xcb\x00\xa7\x02=&lt;&lt;\xf6\xed\xdb\x17\x15\x15\x15\x12\x12\xd2\xa1C\x07^\xe4\xfa\xec\x12\xdc\x03\xe0\x1c\xcfx\xffC\x87\x0ei\xb5ZG\xb3\x10\x93\xc9\xe4\xe5\xe5\xf5\xd5W_m\xde\xbc\x99\x9b\x1a\x00z\x1c\x16\x16\xd6\xb5k\xd7\xa5K\x97\xe6\xe5\xe5\xd9\xf1\xe2\xac\xc6\x81-\x9f\x83\x07\x0f\xbe\xf1\xc6\x1b7n\xdc\xf0\xf6\xf6\x86\x86\xb2\xb6\x1e\x97\xc3\x81\x02\xc0-,\xd7\x868\xb2\xf7\x07,\x1a\xb0e\xcb\x96\x0b\x17.\xb8\xbb\xbbs\xe7{\x00\xef?s\xe6\xcc\x0b\x17.\x9c;w\xae\xb0\xb0\x90#\x03\xe3\x11\xf0|?\xf9\xe4\x93\xa3G\x8f&amp;\'\';\xc2\x02\x97\x83\xa0\x00p\x0b0\x83\xe1\xc3\x87\x17\x17\x17;\xb2\xf7\x07\xc0G\xcc\x9b7o\xfb\xf6\xedg\xcf\x9eU*\x95\\h\x17\x01k\x91\xfd\xfb\xf7\x8f\x1d;\xf6\xda\xb5k\n\x85\xc2h4:\xec3\xaa\x0ef\xb3\xd9\xdd\xdd\xbdc\xc7\x8e\xed\xda\xb5[\xb6l\x19j\x80\xf5A\x01\xe0\x10PN&gt;s\xe6\xcc\x03\x07\x0e\xdc\xb8q\xc3\xc1\xbd?\x00\x1a\xf0\xd6[o]\xbat)==\xdd\xe6\x17\t@-c~~~\xb3f\xcd\xb6o\xdf\xfe\xdak\xaf\xc1\x81\x0c[\x8d\x87\xd7@\xc3\xf0\x92\x92\x92\x80\x80\x80-[\xb6\xf4\xed\xdb\x97k\x89&gt;\xbb\x07\x05\x80+\xc0\xd4_\xb5j\xd5\x82\x05\x0b\x92\x93\x93\x9d\x9c\x9cL&amp;\x93\x83{\x7f\xf2tG\xc4\xdd\xdd\xbdO\x9f&gt;nnn;v\xec\xb0m\x9c\x08\n\xf4\xdak\xaf\xb5i\xd3\xe6\xdbo\xbf\xc5\xd4\x7f5\xa1iZ\xadV\x1f&lt;xp\xd2\xa4I\xc9\xc9\xc9j\xb5\x1a\xbbDX\x13\x14\x00N\x00\x91~jjj\xc7\x8e\x1d\x8f\x1e=\xda\xae];,(\xb4\x00q"\xc30\x01\x01\x01\x9f~\xfa\xe9\x94)Sl\xa5\x01\xf0wW\xadZ\xf5\xe3\x8f?^\xbdzU\xab\xd5\xa2BW\x1fX\xe4\xbd\xfd\xf6\xdb\x85\x85\x85\xbbw\xef\xc6D\x905A\x01\xb0=\x10\xe4VTT\xb4l\xd9\xf2\xd3O?}\xef\xbd\xf7\xf2\xf2\xf2$\x12\t&gt;\x1a\x0b\x0c\xc3\xb8\xba\xbafffv\xe8\xd0\xe1\xcc\x993m\xda\xb4\xb1~r\x0c\x92?yyy-[\xb6&lt;x\xf0`\x9b6m\xf4z=\xe6+\xaa\x0f\x14\xd4\x8aD"\x7f\x7f\xff\x9f\x7f\xfe\xb9_\xbf~\x98\x08\xb2\x1a(\x00\xb6\x07B\x9e\xc1\x83\x07\x0b\x85\xc2\xb8\xb88\xcc*\xfc#\x10\'\xae^\xbdz\xf1\xe2\xc5W\xaf^\x95\xcb\xe5V\xce\x15\x80Wz\xfd\xf5\xd7\x1b5j\xf4\xf3\xcf?\xe7\xe7\xe7c\xa0ZS0\x0c\xa3R\xa9\xe2\xe2\xe2f\xcd\x9a\x95\x91\x91\xa1P(0\x11d\x1dP\x00l\x0c\xb8\x95_\x7f\xfdu\xee\xdc\xb97o\xde\xac\xa8\xa8\x80\x80\xc8\xd6\xe3\xe2"\xa0\x01\xb1\xb1\xb1r\xb9|\xdb\xb6m\xd6\xcc\x15\xc0c:r\xe4\xc8\x981cn\xdd\xba\xc50\x0c,\x08\xac\xf3\xd7\x1d\x01\x9a\xa6==={\xf6\xec\x19\x18\x18\x88\x15AV\x03\x05\xc0\x96@\xc3\xcb\xdc\xdc\xdc6m\xda\xc4\xc5\xc5\xb5k\xd7\x0e\xb3\n/\x80eY\xa1Ph2\x99\xc2\xc2\xc2V\xadZe\xb5\xa2\x118\x9cA\xd3tHH\xc8\x9c9sF\x8d\x1a\xa5\xd1h\xf01\xd5,,\xcbJ$\x92G\x8f\x1eu\xee\xdc\xf9\xe4\xc9\x93\xcd\x9b7\'\x8ew\x8d\x9a\xf5\xc1\xef\xd7\x96\xc0\x99\xaf\xb1c\xc7\x0e\x192$::\xba\xa8\xa8\x08\xdd\xca\x0b\xa0(\xcah4\xaa\xd5\xea\xe5\xcb\x97\x8f\x1f?^\xaf\xd7S\x945"\x18\xd8oX\xbbv-\xcb\xb2\xa3F\x8d\x82\x0eE\xb5\xfdG\x1d\r\x8a\xa2\xca\xca\xcaZ\xb4h\xd1\xaf_\xbf\xd9\xb3gCS\x10[\x0f\xca\xfe\xc1\x15\x80\xcd\x80\xe8u\xd3\xa6M\x9f\x7f\xfe\xf9\xd5\xabWM&amp;\x13\xa6\x14^\x06\xc8\x15\x0c\x1a4\xc8\xd9\xd9y\xcb\x96-\xb5\xbd\x08\x80\xf0\xdf`0\x04\x07\x07\xafX\xb1\xa2{\xf7\xee\xc5\xc5\xc5(\x00\xb5\x01\xcb\xb2p{L\x87\x0e\x1d\xe2\xe3\xe3\x83\x82\x82\xb0?Dm\x83_\xaem\x80D\xbf\xd1h\x9c;w\xee\xf7\xdf\x7f\xef\xec\xec\xcc\xa3\xfbOl\x8bP(\xd4\xeb\xf5\xcb\x97/?p\xe0\xc0\xd5\xabW\x05\x02A\xad~u\x96\xf0\xdf\xd7\xd7\xb7w\xef\xde\xb8J\xab=(\x8a2\x18\x0cu\xeb\xd6\x9d8q\xe2\xe7\x9f\x7fn\x9d\xe5\x9d\x83\x83_\xb1m\x80\xb8\xf5\xa3\x8f&gt;\xba|\xf9\xf2\xe1\xc3\x87\xb1\xa4\xe4\x95\x80E\xc07\xdf|\xb3{\xf7\xee\x0b\x17.\xd4^I\xa8%\xfc\x0f\x0b\x0b[\xb3fMDDDii)\xc6\xa4\xb5\nEQ\x0c\xc3t\xec\xd8q\xc7\x8e\x1d\xad[\xb7\xc6E@\xad\x82\xdf\xac\r\x809\x9d\x9f\x9f\xbfv\xed\xda/\xbe\xf8\xa2\xa2\xa2\x02\xa7\xf8+!\x12\x89\xb4Z\xed\xa4I\x93\xee\xdf\xbf\x7f\xe8\xd0\xa1\xda\xbb7\x06\xa4\xe5\x97_~Q(\x14\xd1\xd1\xd1%%%\xf8\xa4j\x1b\x93\xc9\xa4V\xab\xfb\xf4\xe93w\xee\\\\\x04\xd46\xf8\xfd\xda\x00\x08\xffg\xcc\x98QTT\xf4\xeb\xaf\xbfb\xf8_\x05\x18\x86Q\xab\xd5\x9b6mZ\xb3fMbbb--\x02\xe0\x8c^\xf3\xe6\xcd\xe7\xcf\x9f?t\xe8P\x9dN\x87\xf9\x9f\xda\x06\xca\x81\x9e&lt;y\x12\x19\x19y\xee\xdc\xb9\xe6\xcd\x9bcG\xac\xda\x03\xbfVk\x03\xe1\xff\x93\'O\xf6\xef\xdf\xff\xd9g\x9f\x95\x96\x96\xa2O\xa9\x02B\xa1P\xa3\xd1\x8c\x1a5\x8aa\x98\xfd\xfb\xf7\xd7\xc6"\x80a\x18\x8a\xa2\x0e\x1c8 \x91H\x06\x0f\x1e\x8c{\xbf\xd6\x81\xa2\xa8\xf2\xf2r??\xbf^\xbdz\xfd\xf0\xc3\x0f\x84\x10\x0cRk\x0f\x14\x00k\x03\x07\x88\x16-Z\x14\x11\x11\xe1\xe7\xe7WZZ\x8a\xc5?U\xc3l6\x8bD\xa2\x89\x13\'~\xf9\xe5\x97\x84\x90Z\xfa\x1a\x97.]:z\xf4hhFT\x1b\xef\x8f&lt;\x8f@ \xa8\xa8\xa8x\xef\xbd\xf7v\xef\xde\xad\xd7\xeb\xb1$\xb4\xf6@\x01\xb0*\x96\xec\xff\xef\xbf\xff&gt;y\xf2\xe4\x8a\x8a\n\x0c*\xab\x8cH$***\x1a&lt;xpNN\xce\xe1\xc3\x87kv\x11\x00\x97\xb2]\xbf~\xfd\xe6\xcd\x9b\x13&amp;L\xc0\xf0\xdf\x9a\x08\x04\x82\x92\x92\x92N\x9d:5h\xd0\xe0\xb7\xdf~\x83ma[\x0f\xca&gt;A\x01\xb0*\x90U\xd8\xb8qcHHHTT\x14D7\xb6\x1e\x14\x8f1\x99L\xee\xee\xee\x13\'N\x84\\A\r\x02\xa5\xa5[\xb7n\r\r\r\xf5\xf1\xf11\x18\x0c\xb8P\xb32,\xcb\x0e\x1a4h\xdb\xb6m\x04\x8f\x04\xd7\x1a\xf8\xb5Z\x15(Z\xdf\xbcy\xf3\xf8\xf1\xe3A\x0cl="~#\x14\nKJJF\x8d\x1a\x95\x9e\x9e\xfe\xe0\xc1\x03\xa1PXS\xb9\x02\xe89\x11\x17\x177q\xe2D\x9a\xa6\xf1IY\x19X\x04\x8c\x1a5\xea\xf6\xed\xdb\xd7\xaf_\xaf\xed\xd3\x1e\x0e\x0b\n\x80\xf5`\x18F \x10$$$\x94\x95\x95\xf5\xef\xdf\x1f\xb3\n\xd5\xc7\xb2a\x18\x16\x16\xb6v\xedZBH\x8d\xe4\n@\x9b\xcf\x9c9S^^\x0e\xd5\x9f\xf8\xa4\xac\x0cEQ\x15\x15\x15\xf5\xea\xd5\x83\xcb\xc2\xc8\xd35\x19R\xb3\xa0\x00X\x9b\x1f~\xf8a\xc0\x80\x01\xae\xae\xae4M\xdbz,\xf6\x00EQ4M\xbf\xfd\xf6\xdb\xdb\xb7o7\x1a\x8d5\xe2\xa9a\x19\xb1w\xef\xde\xe8\xe8h\xa5Ri2\x99\xaa\xff\x9e\xc8\xab\x02\x87\x00\x86\x0c\x19\xf2\xf7\xdf\x7f\x13\xcc\x02\xd5\x0e\xf8\x9dZ\t\xe8dY\\\\\x9c\x90\x900h\xd0 \x83\xc1\x80\x13\xbaF\x80,PtttEE\xc5\xf9\xf3\xe7kd\xc3\x10\x12\x0e\xe7\xcf\x9f\x1f2d\x08\xe6\x7fl\x05d\x81z\xf5\xeaUTTt\xff\xfe}\xac\x05\xaa\r\xd0\x07Y\tX\xc0\x1e&lt;xP\xa5R\xb5m\xdb\x96\x9b\x1d\x05\xe0\xdc\x13\xc30\xf4\xff\x85a\x18.\xdb\x9e\xc9dR*\x95\x9d;w\xde\xbcy3\xa9v\xd98\x1c;\xba~\xfd\xfa\xc3\x87\x0f\xdb\xb7o_VV\xc6\xc1\'\xf5&lt;\xec\xabc\xeb!\xff\x07\xd0\x1a\xa8A\x83\x06\x9e\x9e\x9e{\xf7\xee%5\x94\xdfC*\xc3\x83\x99m\x1f\x80\xbd\x1d:t\xa8W\xaf^2\x99\x8ckS\x99a\x188\x9f\xacP(\xdc\xdd\xdd=======&lt;&lt;\xe0?\x94J%\x14\xc2sm\xd8\x00d\x81\x06\x0f\x1e\x9c\x94\x94\x04\xe5\x9b\xd5y7\x90\xea\xbf\xff\xfe;88\xd8\xdb\xdb\xdbh4r\x7f\x05@Q\x94\xf8\x15\xe1\xc5\xe1s\xe8\x99\xf8\xfa\xeb\xaf\x1f?~\x9c\xd4\xdaQ\x0fG\x86\x07\x93\xc0&gt;\x10\n\x85\x06\x83!))i\xf5\xea\xd5F\xa3\x91;A%lM\xbb\xba\xba\x8aD\xa2\xbc\xbc\xbc\xf4\xf4\xf4\xec\xec\xec\x07\x0f\x1e\x14\x17\x17\x9bL&amp;\xb9\\\xee\xe1\xe1\xe1\xeb\xeb\x1b\x14\x14\xd4\xa4I\x13\x96e\x8b\x8b\x8b\xb9v]\x1fd\x81:w\xeel0\x18\xae^\xbd\xda\xbau\xeb\xea4\x0f\x80\x8fv\xea\xd4\xa9\xa8\xa8(^\xf4\xa2\x01\xfd\xd3\xe9t\xaf\xf4[\x02\x81\xc0\xc5\xc5\xa5vFTc\x08\x04\x02\xa3\xd1\x18\x1d\x1d\xbdu\xebV\x83\xc1 \x91Hl="{\x03\x05\xc0\x1a\x80?\xca\xc8\xc8\xa0i\xbau\xeb\xd6\x1c\xc9*@\xc2\xc7\xcd\xcd\x8d\xa6\xe9\x93\'O\xee\xd8\xb1\xe3\xe4\xc9\x93\xb7o\xdf\xfe\xc7\x17\xbb\xbb\xbbGGG\xbf\xfb\xee\xbb={\xf6\xd4\xeb\xf5\\\xbb\x10\x91\xa6i\x10\xaac\xc7\x8eUS\x00\x04\x02\x81\xc1`\xc8\xcc\xcc\x9c1c\x06\xa7\xa4\xfa\x1fa\x18F\xa9T\xc6\xc7\xc7O\x980\xe1%\x97&gt;\xb0\xc3\xd1\xb8q\xe3\xc3\x87\x0f\x8b\xc5b\xae=\xca\xca\x08\x04\x82\xb2\xb2\xb2\xa0\xa0 \x86a233\x83\x83\x83\xb1/P\xcd\x82\x02`\r`\xd6\xee\xde\xbd\xbbi\xd3\xa6*\x95\xaa\xa0\xa0\xc0\xe6e\x85,\xcbJ\xa5R\xa9Tz\xf8\xf0\xe1e\xcb\x96\xc1\x12\x9b\x10"\x91H\x9a5k\xd6\xb0aC\xb5Z-\x16\x8b\xcb\xca\xca\x1e&gt;|x\xfd\xfau\x8dF\xb3g\xcf\x9e\xbd{\xf7N\x9a4i\xf1\xe2\xc5\x90\x0e\xe2\x8e\xe3\x808=***&gt;&gt;~\xe6\xcc\x99U\x1e\x98E\xaa\xcdfsPP\x10G\xa4\xfa\x05@q\xc1\xe3\xc7\x8f\x8b\x8a\x8a^\xe9\x17m&gt;\x03_\x12\x90\xf6f\xcd\x9a\x1d?~\x1c\x05\xa0\xc6A\x01\xb0\x06\xe0\x8f\x12\x12\x12\xbaw\xefN8\xd0\xdc\n\xae^z\xf0\xe0\xc1\xa2E\x8b`\xe3\x94\x10\xd2\xb9s\xe7!C\x86DEE5l\xd8\xd0\xc5\xc5\x05\xf2&lt;\xd0\r\xff\xf1\xe3\xc7G\x8e\x1cY\xbe|\xf9\xcd\x9b7W\xadZ\x95\x9b\x9b\xbby\xf3fN\xed\x07@\xd8\xde\xa9S\xa75k\xd6\x94\x95\x95999A\xfa\xf8U\xdf\x07\x1eMJJ\x8a\x8f\x8f\x8fJ\xa5*,,\xe4\xbe\xa3\xa4(J\xa3\xd1P\x14\xd5\xa4I\x93\x05\x0b\x16\xbc\xcc\xebY\x96uvv\x86ss\xdcQ\xf1\x7f\x04\x9eHPPPJJ\x8a\xad\xc7b\x87\xa0\x00X\x03hn\x95\x93\x93\xd3\xb1cG.d\x15\xccf\xb3\x93\x93\xd3\xd9\xb3g\xc1\xfbw\xe9\xd2e\xf6\xec\xd9\xdd\xbau\x93\xc9d\xe5\xe5\xe5\x06\x83\xa1\xb8\xb8\xd8\xa2R\x02\x81\xc0\xdb\xdb{\xca\x94)\x83\x07\x0f~\xf3\xcd7\xff\xfa\xeb\xaf]\xbbv\xb5i\xd3\xe6\xd3O?\xe5\x8e\x7f\x14\x08\x04\xe5\xe5\xe5\x01\x01\x01NNN\xd9\xd9\xd9\xc1\xc1\xc1\xd5\x11\x80\xa4\xa4\xa4\xc0\xc0@\xc2\x01\xa9~I\n\x0b\x0bY\x96\xad_\xbf\xfe\x88\x11#L&amp;\xd3\xcbL0\xb3\xd9\\RRb\x85\xb1U\x13\x8a\xa2\xccfshh\xe8\xb1c\xc70\xfc\xafqP\x00j\x1d\x98\xb5\x0f\x1f&gt;4\x1a\x8d\xcd\x9a5+//\xb7y\xcc\x05\'\x12F\x8f\x1e}\xe1\xc2\x05___\xc8\x99\x14\x17\x17\xc3\x85\'@\xe5\xd7\x9bL\xa6\xbc\xbc&lt;WW\xd7\xad[\xb7FEE\xdd\xb8qc\xf9\xf2\xe5\xa3F\x8drww\xe7N\x99&lt;M\xd3j\xb5\xbaN\x9d:\xc9\xc9\xc9 \x00Ux\x13\xf8\xe0\xd7\xae]\x1b3f\x0cEQ\x1c\xf9h/\x00\xce=\x14\x14\x14\x10B\x94J\xa5\xc1`x\xf9K\x0b8"\xde/\x06\xa4\xbdU\xabV\x85\x85\x85z\xbd\xde\xcd\xcd\x8d\xfb\xab\x16\x1e\x81rZ\xeb\x80\'JMM\xf5\xf0\xf0\xf0\xf6\xf6\xe6\x88\xc7\xa4(\xaa\xac\xac\xec\x87\x1f~\xf8\xe0\x83\x0fJKK\x8b\x8a\x8a\x04\x02\x81H$\xfa\xc7\x08\x0b\xaa\x0c\xf5z\xbdZ\xad\x9e9s\xa6\xd9l.((\xf8\xfb\xef\xbf\x15\n\x05w\x0e\xe8\xc3\xf7\x1c\x18\x18\x98\x94\x94D\xaa\x14\xbc\x83g)--\xd5h4\xcd\x9b7\xe7E\x03\xb8\xca\x02\xe0\xe1\xe1!\x16\x8b\x85/\x8d\xad\xc7\xfeRP\x14e2\x99\xea\xd4\xa9#\x93\xc9n\xdd\xbaE\xf8\xb3,\xe3\x05(\x00\xb5\x0e\xcc\xd7K\x97.5o\xde\x9ck=\xad\xc0\xf5\x93\x97\x0b\x06\xc5b1\x9c\xb9uqq\xa1(*99\x99SU\x92\x10\xb0\x87\x84\x84\\\xbdz\x95T\xb5s\x004\x17\xd2\xeb\xf5\xf5\xeb\xd7\xe7\xcb\t\x00\x83\xc1\xa0\xd5j\t!j\xb5\xda.\x8f\xcb2\x0c\xe3\xee\xee.\x93\xc9\x1e&lt;x@P\x00j\x14\x14\x80Z\x07\x9c\xc8\x93\'O|||\xb8\xe6P\x04\x02\xc1+E\x824M\xbb\xbb\xbb\xd7\xa9S\x87e\xd9\'O\x9ep\xaa\x10\x08\xca\xe1\xeb\xd4\xa9SRRR5\xdf\r\x9e\xe5\xea\xd5\xabJ\xa5\xd2\xcb\xcb\x8b#k\xb5\x17\x00\xd7K\x94\x97\x97\xc3!\x00\xb5Zm\x97\xce\x11&gt;T\xf3\xe6\xcd\xd3\xd2\xd2\x08\n@\x8d\x82\x02P\xeb\x80\x13\xc9\xca\xca\x82}E\x8e\xfb\x94\xffD(\x14\xc2y\x1c\x9a\xa69e\x8a\xd0?\xb2E\x8b\x16Z\xad\xb6\xa4\xa4\xa4\n\xab\x13x=tiuvv\xe6\xd4Z\xed\xdf\x10\n\x85eee\xb0\x02\xf0\xf0\xf0\xb0\xcb\xfc8\xe8\x9c\x8b\x8bKaa\xa1\xad\xc7bo\xa0\x00\xd4:\x90U\xd0j\xb5*\x95\x8a\xfbA\xe5\x8b\x81\x84\x83^\xaf\'\x84\xa8T*\xae\xe5\x91\xa1\xba\x89e\xd9\xaa\xe5\n,\xbb5\xcd\x9b7\xe7Tv\xeb\xdf\xb0t\x18,--%\x84\xa8\xd5j^\x88\xd6\xab\x02\xcf\xa2u\xeb\xd6YYY\x04\xdb\x82\xd6(\xf8U\xd6.\x10\x91\x15\x17\x17WTT\xb4j\xd5\x8a\x0b%@U\x86eY\x89D\xf2\xe0\xc1\x83\x9c\x9c\x1cBH\xcb\x96-9\x95q\x86\xddB\x1f\x1f\x1fOO\xcf\x9b7o\x92\xaa\xe6\n\xf2\xf2\xf2\x94J%/\x04\x80\x10"\x14\nu:]EE\x05!D\xa9Tr*)W\xb3xzzj4\x1a[\x8f\xc2\xde@\x01\xb0\x06R\xa9\x94\xa2(.\x9c\x00\xa8\x0e4M\xcb\xe5\xf2={\xf6\x98L&amp;\x89D\xd2\xbd{\xf7\xf2\xf2r\xae}"\x86aL&amp;\x93\xb3\xb3s\x95\xdfA*\x95\x1a\x8d\xc6\x1a\x1cR\xed\x01+\x00\xadV\xcb\xb2\xacL&amp;\x03\x01\xb0\xf5\xa0j\x05Xz\x8a\xc5b[\x0f\xc4\xde\xe0\x96\xf5\xda\x1f\x10E\xde\xb9s\xc7\xc9\xc9I\xadV\xf3\xf7\x12\x18\xa3\xd1\xa8V\xabSSS\xe1\xe2\xad\x01\x03\x06\x84\x85\x85q\xad\xa958\xc4\x06\r\x1a@\xae\xe0U\x81\xd8\xf9\xea\xd5\xab\xa1\xa1\xa1|I\xa6\x0b\x04\x02\xc8\x8c;;;\xbb\xb8\xb8\x18\x8dF\xe6)\xe6\xa7@\x7fo\x8e\xf7\xf4~\x01\x90D\r\x0c\x0c,,,\xd4\xe9t|Y\x9c\xf1\x02&lt;\x08V\xbb&lt;#\x00\x1a\x8d\x86ky\xf3\xca&lt;oWf\xb3\x19\xbc\xaa\xb7\xb7wVV\xd6\x981c4\x1a\x8d\x8f\x8f\xcf\xc2\x85\x0b9\x98\xce\x82\xddB\x8b\x00\xbc\xaa\x9b\x80\x8f\xa3\xd5j\xd5ju\xad\x8c\xaf\xa6\x81\xcf\x0b\x87\x00\xdc\xdc\xdc\xdc\xdd\xdd\xdd\xdc\xdc\xe0\xe7\x95\xdd=T\xfd3\x0cSVV\x06\x87\x1b8%\xdb\xff\t\xd4w\xa9T*\x83\xc1\x00\xf5](\x005\x05\n\x805\x10\x8b\xc5`\x93\\\xf3\x98\x95y\xc6/P\x14\x05\x05?p\x04l\xcb\x96-\x1f\x7f\xfcqNNN\xbdz\xf5\xe2\xe2\xe2\x1a6l\xc8\xd9;\x8dM&amp;\x93B\xa1\xa8\xf2\xaf\x8bD"~-\xd4\xa0\x11\x90\x9b\x9b\xdb\xe3\xc7\x8f\x8f\x1d;\x96\x99\x99y\xff\xfe\xfd\xbc\xbc\xbc\xd2\xd2R\x86a$\x12\x89Z\xadn\xd4\xa8Q\xeb\xd6\xad#""\x1a5jd4\x1aKJJxq\x1f\x80\x05\xd0\x00^\x9c\xcd\xe6\x17|\x9a\x04\xfc\x05\x02\x16.\xcf]\xd8A\xad\\\xa4D\xd3tQQ\xd1\xdd\xbbw\xcf\x9f?\x1f\x17\x17\x97\x9d\x9dM\x08\x194h\xd0\xc2\x85\x0b\x9b4i\xc2Y\xefO\x9e\x16\x8dT\xf9\xd7\xf9\x92\xfc!O\xfb\xe4\xdc\xbe}\x9be\xd9\x1b7n\x84\x84\x84\xbcX\xba\xbc\xbd\xbd{\xf7\xee=e\xca\x94\xd0\xd0P\xadV\xcb/\x7f\xca\xa3\xa1\xf2\x08\x14\x00\xe4\xffu\xd1Y\xb4h\xd1\xda\xb5k\xc5b1l$B\xb9\'\xf4\x0bk\xdc\xb8\xf1\'\x9f|2l\xd8\xb06m\xda\x14\x17\x17\xebt:\x89D\x82\xcbp\x9b\x03qqXX\xd8\x1f\x7f\xfcQZZ\xaaR\xa9\x9a5k\xd6\xb4i\xd3z\xf5\xea)\x95J\x99L\x06\x1d\xdf\x1e?~|\xed\xda\xb5\xf4\xf4\xf4\xdc\xdc\xdc\x8d\x1b7\xfe\xf1\xc7\x1f\x9f~\xfa\xe9\x87\x1f~\xa8\xd7\xeby\xa4vHm\x80\x02\x80\x10B\x88@ \xc8\xc9\xc9\xb9\x7f\xff\xfe?\xfe\xab\xc9d\xba{\xf7\xee\xa9S\xa7\x0c\x06Chh\xa8H$*++\xe3\xec\n\xc0q\x80k\xd3g\xce\x9c\x19\x1c\x1c\x0cw\r\xb9\xbb\xbb\xcb\xe5rx4\x16\xe7n6\x9b\xcb\xcb\xcbo\xdd\xba\x15\x17\x17\xf7\xd3O?\xe9t\xba\xcf&gt;\xfb\xec\xd1\xa3G\xcb\x97//..F\x01pdP\x00\xac\x01\xc7mL(\x14\xea\xf5\xfaw\xdey\xa7W\xaf^P\xda\xcf\xb2\xac\xd1h,**z\xfc\xf8qvv\xf6\xf9\xf3\xe7\xb7o\xdf\xbe}\xfbv\x91H\x14\x1b\x1b;w\xee\xdc\x80\x80\x80\x97\xef:i}\xaa\xf3\x85\xf3k\x8f\x91\xa2(\xbd^\xdf\xb5kWh9n4\x1a+**\x9e\x19?\xec\xee\xf8\xfa\xfa\xce\x9f?\x7f\xd0\xa0A\xa3F\x8d\xca\xcc\xcc\\\xb5jU\xb3f\xcd\xa6M\x9bVXX\xc8\x8b\xfd\x00\x1e=\x14\x1e\xc1\x83\x07o\x07p|\xff\n6\x00\x9a5k\x16\x10\x10P\xf9\xe7\xd0\x17\x1a\xd2\x08\x19\x19\x19\x9b7o^\xbbv\xed\xce\x9d;\xff\xfe\xfb\xef\xf5\xeb\xd7\xc7\xc4\xc4pS\x03\x04\x02Auvq\xe1\x94C\r\x8e\xa7\xb6\x81u\x00T\x04\xc1\xd6\xfd?\xbe\xac\xa2\xa2\xa2\xa4\xa4$88x\xf7\xee\xdd]\xbbv\xcd\xcb\xcb\xfb\xf2\xcb/\xfb\xf6\xed\xeb\xe3\xe3\xc3\xfd\xb6w,\xcb\xc2\xed\x95vy\xd4\xd9\x86\xf0\xa9\x1a\x8c\x8f\x80]\x05\x05\x05\x15\x17\x17?~\xfc\x18\xca\x81l=\xa8\x7f\x00\x1a\xe9\xe8\xfe/\x1a\x8d&amp;??_\xa3\xd10\x0c\x13\x1c\x1c\xfc\xd3O?\x1d9r\xa4a\xc3\x86:\x9dn\xe4\xc8\x91g\xcf\x9euqq\xe1\xd4\xc9#\x81@\xc00LVVVxx8y\xf5u\x00&lt;\x9a\xc6\x8d\x1b\xdf\xbcy\x93\xe3\x0e\xf1\x19\xa0\xa9\xdf\x8b\xc7,\x10\x08$\x12IAA\x81\xbf\xbf\xff\xbcy\xf3\xccfsQQ\xd1\x96-[\x14\n\x05\xa7\x1e\xe2\xf3\xc0\xf5\xa5\xf7\xee\xddsuuuqq\xc1}\x8b\x1a\x04\x05\xa0v\x81\x99\xea\xee\xeen2\x998xn\xb62\x10&lt;&gt;\x83H$\x82\x88\xb2\xb4\xb44//\xaf[\xb7nqqqJ\xa5\xd2h4\xce\x9c9\xd3h4rm\x05\xc0\xb2lQQ\x91\xa7\xa7g\xd5~\x97\x10\xd2\xb8q\xe3\x1b7n\x10;\xcd9H$\x12\xadV;x\xf0`___\x8a\xa2\x8e\x1c9RZZ\xca\xb5\x87\xf8\x0c\xd0\x83\xe4\xce\x9d;\xae\xae\xae\xd0\xeb\xc9\xd6#\xb2\x1f\xb8\xeb\x8f\xec\t^\x9f\xc3\x04\x04\x02\x81X,~\xf2\xe4I\xbbv\xed\xde\x7f\xff}BHjj\xea\xd1\xa3G\xb9\xb6\x08\x80,Auz9\x94\x96\x96V\xa7\x93\x04\xf7\x81CU\x9d:ubY\xf6\xd6\xad[999\xdc\xaf\xe9\x82K\x8c\xa1\xe5\x11R\x83\xa0\x00\xd4.\xb0\xa3\xe8\xee\xee\xee\xea\xeaz\xf9\xf2e\'\'\'^\'1\xc5bqii\xe9\xe0\xc1\x83\xe5r9EQ\xc7\x8f\x1f\x87\x8b\xc5m=.B\x9e\xc6\x89\x8f\x1e=*,,l\xdd\xba5y\xf5\x14\x10\xbc\xde\xdf\xdf\xff\xfe\xfd\xfb\x1c?\xb5WM(\x8a\xf2\xf7\xf7\'\x84\x14\x15\x15\xe5\xe5\xe5\x89D"\x8e&lt;\xc4\x17p\xe3\xc6\x8d\xa6M\x9b\x12;]\x99\xd9\n\x14\x80Z\x87eY\x91H\xa4V\xab\xf5z=\xdf}\nl\x17\xd7\xabW\xafa\xc3\x86,\xcbfgg\xbf\xe4\x15\xe4\xd6\x01nG\x91\xc9d*\x95\x8aT\xb5\x16\xa8i\xd3\xa6\x8f\x1e=\xe2\xf2\xa6}5\x81\xa0\x04\xbe"\x9a\xa69\x9e\x99$O\xebY\xef\xde\xbd\xeb\xe3\xe3CP\x00j\x14N?x\xfb\x00B\xfe\x96-[\xa6\xa4\xa4\xf0\xab\xc4\xf0y\xe0\xe8\xa9\\.W*\x95\x84\x90\xa2\xa2"\x93\xc9\xc4\x11G\t\x03\xbbv\xed\x9aR\xa9tss3\x9b\xcdU[\x01\xd4\xabW\xcfh4Bq$\xaf\x1f\xd6\x8b\x81i\t\x1b?\x1c\xff\x980\xebrssa\x05\xc0\x91\xf9f\x1f\xa0\x00X\x89:u\xea\xe4\xe7\xe7\xdbz\x145\x83\xa5\x1a\x0f\xea\x0em=\x9c\xff\x1f\x8a\xa2rssU*U\xd5.*\x80\xcf\xd2\xb8q\xe3\x92\x92\x12\xadV\xcb\xf1\xad\xd1*\x03\x05\xa3\xd0C\x94\x17M\xa4!lz\xf0\xe0A\xb3f\xcdl=\x16{\x03\x05\xa0\xd6\x01\xb7\xd2\xbe}\xfb\xac\xac,\x83\xc1\xc0k\xb7\x02\x9dAKKKA\xcc\xd4j\xb5D"\xe1\xc8\xae\x06x\xfc\xa4\xa4\xa46m\xda\x90*%\n\xc0\xd1(\x14\n\x95Ju\xf3\xe6M\x99L\xc6\xf1\xd0\xb8j@@}\xfd\xfauB\x88\xb7\xb7w\x9d:u\xb8\xb3\x8c{\x1e8\x01\x90\x9b\x9b[ZZ\n\x02\xc0\xd9\xa1\xf2\x11\x14\x80Z\x07\x12\xacAAAz\xbd\x9e\xcbG\x01^\x06\xa8\xc8\xbe}\xfb\xf6\xa3G\x8f\x08!\xadZ\xb5\xe2N\x9e\x04\xce\xacU\xf9\x10\x00`6\x9b%\x12\x89\x97\x97\xd7\xcd\x9b7\xb9\xf3\xd1j\x10\xf0\xa7yyy\t\t\t\x14E\x05\x07\x07{xxp_\x00\x1e?~L\x08\x81=\x00\xce\x0e\x95\x8f\xa0\x00\xd4:\x10Wzyy)\x14\x8ak\xd7\xae\xc9\xe5r\x8e\xb8\x95*\x0c\x83a\x18\x99L\xb6s\xe7N\x93\xc9D\x08\xe9\xd6\xad\x1bG|\x87%N\xcc\xcf\xcf\x87\x15@\xd5F\x05\xdfIHHHrr2\xb4\xc4\xa8\xe1\x81\xd64\xaf:B\x93\xc9\xe4\xe6\xe6\xf6\xc7\x1f\x7f\xdc\xbf\x7f\x9fe\xd9\x81\x03\x07r\xe1\xf1\xbd\x00\xb8\xec,==\xbdN\x9d:...U\xd8\xdaA^\x00\n\x8050\x9b\xcd"\x91\xa8q\xe3\xc6\xa7N\x9d\x12\x89D\\\xc8\x99\xc0\xee\x1fM\xd3/?\x18\x93\xc9\xa4R\xa9RSS\xd7\xaf_OQT\xdb\xb6m;v\xec\xa8\xd7\xeb\xb9\x90\xd4bY\xd6\xc9\xc9)55\x95eY\xa8P\xaaZe\x0b8\x97\xf0\xf0\xf0\xac\xac,\xb3\xd9\xcc\xf1\xf2\x18B\x88H$\x82\xcb\xbf^\xe6\xc5F\xa3Q\xa5Reff.X\xb0\x80\x10\x12\x10\x100`\xc0\x00.w\xf6&amp;OK\x80RSS\x03\x03\x03\xc9\xd3\xbdk\xa4\xa6\xe0\xfa\xfc\xb6\x0f L\xeb\xd1\xa3\xc7\xf9\xf3\xe7\xb9\x10\xc2@5gEE\x85\xa7\xa7\'\x1c\xad\x84\xa3jp\xff\x97%\xa8\x84\xff6\x9b\xcd\xf0\xaf\x1e\x1e\x1e999o\xbe\xf9fqq1\xcb\xb2_|\xf1\x85T*\xe5\x88A\x82\xc4\x9e:u*$$\xa4:\xdb\x12\xf0hBCC\x0b\n\n\x9e&lt;y\xc2\xf1|\x1d\xcb\xb2:\x9dN\xa9T:;;[\x1e\x13\xfb\x1c\xf0Of\xb3\xd9\xdb\xdb\xfb\xc1\x83\x07#F\x8c\xc8\xcd\xcd%\x84,Y\xb2\xc4\xd9\xd9\x99\xfb;\xc0f\xb3\xf9\xea\xd5\xab\x11\x11\x11\x04\xf3?5\r\n\x805\x80\x08\xab_\xbf~\x8f\x1f?~\xf2\xe4\x89m\x0f^\xc2Fnyyyll\xec\xa7\x9f~z\xed\xda5\x89D\xe2\xe1\xe1\xa1R\xa9\x9c\x9c\x9c\xc4b\xb1%\xec\x85\xd3\xbf\xce\xce\xcej\xb5\xda\xc5\xc5\xe5\xe0\xc1\x83={\xf6\xbcr\xe5\n!\xe4\x7f\xff\xfb_\xef\xde\xbd\x8b\x8a\x8a8\x12&lt;B\x9e-11166\xb6:\xef\x03\xe5C\x8d\x1b7V(\x14)))\\n&lt;\x00\x8b\x9ei\xd3\xa6M\x9a4\xe9\xea\xd5\xabr\xb9\xdc\xd3\xd3\xd3\xcd\xcdM*\x95\x8aD"h\xe4\'\x14\n\xc5b\xb1B\xa1\xf0\xf0\xf0\x90\xc9d\xbf\xff\xfe{\xf7\xee\xdd\xd3\xd3\xd3\t!K\x96,\xe9\xd5\xab\x17w\x9e\xe0?\x02\x87\xfbrrr\x1e&lt;x\xd0\xa5K\x17\xf2tG\r\xa9)\xb0\x1b\xa85\x80(\xa6a\xc3\x86j\xb5\xfa\xc2\x85\x0b\xfd\xfb\xf7\xb7m\x1fM\xc8\x90$%%%&amp;&amp;.Y\xb2$44\xb4C\x87\x0e\xe1\xe1\xe1\xcd\x9a5\xf3\xf2\xf2\x02\x19 \x84\x98L&amp;\x9dN\xf7\xf8\xf1\xe3\x94\x94\x94\xf8\xf8\xf8\xa3G\x8f\x12B\x84B\xe1\xe7\x9f\x7f\xfe\xe9\xa7\x9fr\xa7\x15(lM?x\xf0 \'\'\'::\x9aT\xcfM0\x0c#\x12\x89BBB\xce\x9c9\xd3\xbf\x7f\x7f\xce&amp;\x82\xe0\x80\xe1\xfd\xfb\xf7\xf7\xee\xdd\xbby\xf3\xe6v\xed\xdau\xed\xda\xb5m\xdb\xb6M\x9a4qww\x97H$\xd0\x15\xb5\xa4\xa4\xe4\xfe\xfd\xfb\x17.\\\xd8\xb3gObb"!\xc4\xc9\xc9i\xf1\xe2\xc5\x93\'O\xe6\xf8\r\xd5\xe4\xa9\xc8\x9d&gt;}\xda\xc5\xc5\x052{\xb8\x02\xa8YP\x00\xac\x04\xe4(:t\xe8\xb0s\xe7\xce\x81\x03\x07\xda0\xae\xa4(\x8aa\x18gg\xe7\xaf\xbe\xfa\xea\xb7\xdf~\xcb\xc8\xc8\xb8x\xf1\xe2\xc5\x8b\x17\xe1\x9f\xd4j\xb5\xbb\xbb\xbbL&amp;\xa3(\xaa\xbc\xbc\xbc\xb0\xb0\x10\n\xc6\x81N\x9d:\xcd\x9d;\xb7G\x8f\x1eZ\xad\x96;n\xd1l6+\x14\x8a\xed\xdb\xb7+\x95\xca\xc6\x8d\x1bW\xd3e\x83\x8b\xe9\xd6\xad\xdb\xea\xd5\xabi\x9a\xe6\xce\xc7|\x1e\x93\xc94y\xf2\xe4\xef\xbe\xfb.33\xf3\xcc\x993g\xce\x9c!\x84\xc8\xe5rwww\x17\x17\x17\xa1Ph0\x18\n\x0b\x0b\xb5Z\xad\xe5Wz\xf7\xee\xfd\xbf\xff\xfd\xaf]\xbbv\xdc\xf7\xfe\xe4\xa9\xd5\x1c=z488\x18\xb6\xacxqu\x01\x8f\xe0\xf7\xc1T\x1e\xc10\x8cP(&lt;~\xfc\xf8\xf8\xf1\xe3a\rn\xf3o\xde\xcd\xcdM\xa3\xd1\\\xbat\xe9\xe4\xc9\x93III7n\xdc\xc8\xcd\xcd\x85\xf2\x9e\xca8;;\xfb\xfa\xfaFFF\xc6\xc4\xc4t\xe9\xd2E,\x16sm\xdb\x90\xa6iOO\xcf\xde\xbd{\xb7i\xd3f\xe1\xc2\x85\xd5t\x13\x10f\xde\xbf\x7f?22\xf2\xcc\x993\xde\xde\xde\x9cm\x97\xcf\xb2\xac\xab\xab\xabF\xa39u\xea\xd4\xd1\xa3G/]\xbat\xfb\xf6\xed\xa2\xa2\xa2g^\xe6\xec\xec\xdc\xacY\xb3N\x9d:\xc5\xc6\xc6v\xec\xd8\x91eY\xbd^\xcf\x0bOj6\x9b\xdd\xdc\xdc\xda\xb6m\xfb\xf1\xc7\x1f\x8f\x1c9\x12\x8c\xc8\xd6\x83\xb2+P\x00\xac\x07\xec\xb5\xfa\xf9\xf9\xad\\\xb9\xb2O\x9f&gt;6O\xa1@\xae\xc3\xd9\xd9Y,\x16WTT\x14\x16\x16\xe6\xe5\xe5\x15\x14\x14\xe8\xf5z\x83\xc1@\x08\x91\xcb\xe5nnnu\xea\xd4\xf1\xf1\xf1quue\x18F\xaf\xd7\x9b\xcdfN\x19!dB\xf4z}\x9b6mN\x9c8\x11\x10\x10P\xfd\xa4\r\xbcC\xf7\xee\xddG\x8c\x18\xf1\xd6[oq9X\x86\x87\xa8P(\x84Baqqqnnnnn\xaeV\xab-++3\x9b\xcd2\x99\xcc\xcd\xcd\xadn\xdd\xbau\xeb\xd6uuu5\x99Lz\xbd\x9e\xf0$\x93\x0e\x05\xa0\xb7n\xdd\x1a2dHbb\xa2J\xa5\xc2\x14P\x8d\xc3\x83(\xc0n`\x18F,\x16\xc7\xc6\xc6\xee\xd8\xb1#&amp;&amp;\xc6\xe6\xd2+\x14\n\xe1V\x10\xd8\x12pqqQ\xa9T\x01\x01\x01\x96\x06\x0fP@b2\x99\x8cF\xa3F\xa3\x81_\xe1\x9a+\xb4\xe4\x7f\x1a7n\xdc\xaaU\xab\x1aI\xd9\xc3\x9bt\xea\xd4i\xd7\xae]\xef\xbc\xf3\x8e\xcd\x9f\xd4\x0b\x80\x87\xa8\xd3\xe9@\x08\xeb\xd6\xad\xdb\xa8Q#\xcb\xe50\x95\x9f`AA\x01\xec\x0c\xdbz\xc8/\x0b\xc30NNN\xfb\xf6\xed\xab[\xb7\xaeJ\xa5\xc2\xf0\xbf6@\x01\xb0\x1e`{\x93&amp;M\xea\xd1\xa3\xc7\xa3G\x8f\\\\\\\xe0\xaaH\x1b\x0e\xa9\xf2\r\x824M\x9bL\xa6\xe7\xaf\x93\x058n{\xbf\xfe\xfa\xeb[o\xbd\x05\xdb\x1b\xd5\xf7q\xf0\x0e\x83\x07\x0f^\xb5j\x15G\x9e\xd4\x0b\xa8\xfct\x8cF\xa3\xc1`\xa8\xfc\x10-O\x90\x179\x9f\xca@\xe9\xc4\x9e={F\x8d\x1aE8\x902\xb5Kx\x13\x0e\xd8\x01\xd0\xab\xc0\xdf\xdf\xdf\xd7\xd7w\xdb\xb6m\x90T\xb1\xf5\xa0\xfe\x7f\xe0\xea\xf0gn\x04\xe3Z\xbb\xb7g\x80\xf0\xff\xd2\xa5K\x0f\x1f&gt;\x1c9r$T\xb8V\xffm\xe1I\x05\x06\x066i\xd2\xe4\xe0\xc1\x83\n\x85\x82#\xc7\x1d\xfe\x93\xe7\x1f"\xc7\x9f\xe0\xbf\x01\xf5?\xd7\xaf_\x7f\xf2\xe4\xc9\xf0\xe1\xc3\xc9\xd3Zj\xa4fA\x01\xb0*\x10\xc5L\x9a4i\xcb\x96-\x9c\xea\xa4\xcfS \xcd\xbdv\xed\xda\x9e={\x82\xa0\xd6\x94\xb3\x83\xf3zc\xc6\x8c\xf9\xe5\x97_j\xe4\r\x91W\x02\xf2?\xeb\xd7\xafo\xd3\xa6M\x9d:u\xec\xfb~\x1e\x1b\x82\x0e\xc8\xaa\xc09\xa3\xd8\xd8X\x8dF\xf3\xe7\x9f\x7f\xba\xb9\xb9qj\x11\xc0/X\x96\x95\xcb\xe5\xb7o\xdf\xfe\xf3\xcf?g\xce\x9cIjto\x13\xba\xe4\x0f\x1e&lt;\xf8\xf1\xe3\xc7\x99\x99\x99\\&gt;\x11f\x97@\r\xeb_\x7f\xfd\xf5\xf6\xdbo\xe37_{\xa0\x00X\x15Hk\xcad\xb2\x0f?\xfc\xf0\x97_~\xb1\xcb~\x93V\x83a\x18\x85B\xb1y\xf3\xe6\xe8\xe8\xe8\xa0\xa0\xa0\x1a\xc9\xfe[\x80\'\xe5\xe3\xe3\xd3\xbe}\xfb\x1f~\xf8\xc1\xc9\xc9\t\xa5\xdaj0\x0c\xe3\xea\xea\xbag\xcf\x9e\x8a\x8a\x8a\xde\xbd{\x13\xcc\xff\xd4\x1a(\x00\xd6\x06\xf2\xcb\xef\xbc\xf3\xce\xa3G\x8f\x12\x12\x12\xe0\xee*[\x0f\x8a\x97\x88\xc5b\x9dN\xb7u\xeb\xd6y\xf3\xe6\xd5F\x81 \xb4\x97\x983g\xce\xa1C\x874\x1a\x8dD"\xa9\xd9\xf7G\xfe\r\xa8h\xfa\xe5\x97_&amp;M\x9a\x04\xdd\xeel="\xbb\x05\x05\xc0\xda\x80[\x91\xcb\xe5\x93\'O\x9e;w.\xf7/\xe4\xe3&amp;4M+\x95\xcao\xbf\xfd600088\xb86\x1a6@\xbe.44\xd4\xd3\xd3s\xcd\x9a5\xae\xae\xae4M\xd7\xec\x9f@\x9e\xc7l6\xbb\xb8\xb8$$$\xa4\xa5\xa5\xbd\xf9\xe6\x9b5\xb5\xb1\x8f\xfc#x\x10\xcc\x06@\x8fF\x9a\xa6\x1b5j\xb4|\xf9\xf2\xa1C\x87r\xf9\xa8\x11\x07\x81\x1ea\x05\x05\x05\x81\x81\x81\x17.\\h\xd5\xaaU\x95\xfb?\xbf\x18\xa8=\xdf\xbf\x7f\xff\xec\xd9\xb3/_\xbe\\RR\x82[\x91\xb5\x8d\xc9d\xf2\xf2\xf2z\xe3\x8d7&lt;==W\xacX\x81\xe5\xff\xb5\n\xae\x00l\x00,\x02$\x12\xc9\xa2E\x8b\x16.\\\xc8\x91;Ux\x04d\xff\xbf\xfe\xfa\xeb\x81\x03\x07\xd6\xc8\xd1\xdf\x7f\x03\x8eY\xf5\xeb\xd7\xcf\xdd\xdd=..\x0e7\xedk\x1b\xa8\xfe\xbcq\xe3\xc6\xc5\x8b\x17\xe7\xcc\x99SK\xba\x8eX\xc0/\xd76\x08\x85B\x86a\xc6\x8d\x1bGQ\xd4\xb2e\xcb\xd4j5\xa6\x17^\x12\x86a\xdc\xdc\xdc\xce\x9f?\xff\xc7\x1f\x7f\xacX\xb1\xa2\xb6\xbbu\xc2\x12y\xce\x9c9\xcb\x96-#\xd8\x8f\xbe\x96\xa1iZ\xa1P,]\xba\xb4o\xdf\xbeu\xea\xd4\xe1\xc2\xe5\x19\xf6\r\xa6\x80l\x06L\xee\x0b\x17.\xbc\xfe\xfa\xeb\x97.]\xf2\xf6\xf6\xc6\xa5\xc0\xcb\x009\xe2\xb6m\xdb\x8e\x1e=\xfa\xa3\x8f&gt;\xb2B\x8a\x004&amp;</t>
        </is>
      </c>
    </row>
    <row r="134">
      <c r="A134" s="1" t="n">
        <v>132</v>
      </c>
      <c r="B134" t="inlineStr">
        <is>
          <t>size_grid</t>
        </is>
      </c>
      <c r="C134" t="inlineStr">
        <is>
          <t>What is the size of the missing part denoted with a question mark?</t>
        </is>
      </c>
      <c r="D134" t="inlineStr">
        <is>
          <t>['small', 'medium', 'large']</t>
        </is>
      </c>
      <c r="E134" t="inlineStr">
        <is>
          <t>medium</t>
        </is>
      </c>
      <c r="F134" t="inlineStr">
        <is>
          <t>There are circles arranged in a grid formation with varying sizes in the image. The sizes in the first row are ['medium', 'large', 'medium'], the sizes in the second row are ['large', 'small', 'large'], and the sizes in the third row are ['medium', 'large', '?'].</t>
        </is>
      </c>
      <c r="G134" t="inlineStr">
        <is>
          <t>We observe that the circles at the corners are medium size, while the circles directly adjacent to the center are large size. Only the center circle is small size. Hence, the pattern is that the circles alternate in size depending on if they are at the corner or adjacent to the center.</t>
        </is>
      </c>
      <c r="H134" t="inlineStr">
        <is>
          <t>Based on the pattern that the circles alternate in size depending on if they are at the corner or adjacent to the center, the size of the missing part that is at the corner should be medium.</t>
        </is>
      </c>
      <c r="I134" t="inlineStr">
        <is>
          <t>b'\x89PNG\r\n\x1a\n\x00\x00\x00\rIHDR\x00\x00\x02\x00\x00\x00\x02\x00\x08\x02\x00\x00\x00{\x1aC\xad\x00\x00n\x9dIDATx\x9c\xed\xddy|\x14E\xfa?\xf0\xa7\xba{f2\xb9\'\x07\xb7\\\x92\x03C\x08\x04\xc2-\x12n\x16]\xdd\x059\x94+\x11"?\x147(\xa2\xb8\xae\xb7\xbb\xca!\xe8\n*A\x82"\xc2\x17\xd7\x15\x14\x16\xc2!\xca)F\x02&amp;\x81\xc0\x10\x8e@\xc8\x05\xe4\x1ar\xcdtU\xfd\xfe(\x99\xcd\x02*W2=\xd3\xcf\xfb\xf5}\xf9\xdao2\x19:\x93\xa7\xebSU]]M8\xe7\x80\x10BH\x7f$W\x1f\x00B\x08!\xd7\xc0\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xc2\x00@\x08!\x9dR\\}\x00\x0856\xce\xf9u\xbfN\x08i\xe4#A\xc8\xb50\x00\x90\'\xe3\xf5\x00\x80$I\xce\xff^\x8b1\xe6\xfc/\xa9\xa7\x11\x8f\x17\xa1FE~\xad7\x84\x90\x9b\x12\xcd=c\x8c\x10"\xcb\xf2\xb5/`\x8cUTT\x10\xf2K\xf1\x8b\xff\xe1\xe5\xe5e6\x9b\xaf\xfbb\xf1V\x92$a\x18 \x0f\x83\x01\x80&lt;\x84h\xf49\xe7\x8a\xf2\xdfq-\xa5\xb4\xa0\xa0 777++\xf3\xe2\xc5\x8b\xe9\xe9?\xa9\xaaZ\\TTT\\D\x80p\x10\xc5O\x00\xb8\xaf\x8fo\x87\xb0\x0e\x9cCtttHHH\xf7\xee\xdd\xef\xba\xeb\xae6m\xdax{{\xd7\x7f7\x00\xc0$@\x1e\x03\x03\x00\xb9=\xce9\xa5\xd4\xd9\xeeSJ\xadVkZZ\xda\x9e={\xacVk^\xde\x99\xcaJ\xdb-\xbc\xad\xc9dl\xd1\xa2EDDD\xaf^\xbd\x87\x0e\x1d\x1a\x13\x13\xe3\x0c\x03UU%I\xfa\xb5\xa9$\x84\xdc\x05\x06\x00rc\xa2K.\xe6y(\xa5\x07\x0e\x1cX\xbf~\xfd\xe6\xcd\x9bO\x9c\xb0\xd6\xd5\xd9\xeb\xbf\xd2\xcf\xcf\xc7\xc7\xc7\xfb\x9e\xf0\xb6\x92"\x07\xf8\xf9t\xee\x1c\xce)\x13\xddx\xce9Q\x0cyg\xf2\xcf\xe6\x17\x11Y\xce\xcd=[Yy\xf9Ri\xf9U\xffV\xbbvm\xe3\xe3\x07&gt;\xf8\xe0\x83\x03\x06\x0c\xf0\xf7\xf7\x87+c\x0e\x1c\x10 \xf7\x85\x01\x80\xdc\x12\xa5\xd4\xd9\xf2\xe6\xe7\xe7\xaf]\xbbv\xf5\xea\xd5\x87\x0f\x1f\xfe\xef+\x08i\xdb\xa6e\xb7\xae\x1dcc"\xbaw\x89\xec\x18\xd1\xde?\xc07 \xd4\x02\x92\x0c\x12\x010\x00\xd4\xaf|\x02\xa0\x02\xa3@H\xcd\xc5\xb2\xaa\xaa\x9a#\xd63\x872\xadY\xd9\'\xd2\x0f\x1e9\x91\x9bW[[\xe7|i\x9b6m\xc6\x8c\x193a\xc2\x84\xce\x9d;;\x0f\xe6\xba\x17\x1b\x10\xd28\x0c\x00\xe4f\xc4D\xbfhp\xf7\xed\xdb\xf7\xf1\xc7\x1f\x7f\xf5\xd5\xbf\xcb\xca\xca\xc5w-\x16\xff\xee\xb1Q\xc3\x06\xf5\xea\x7fo\xf7\xa8\xc8\xb6\xde!A\x00\n\x80\nuv\xa0\x8c9\x1c\x00\xc09p\xce\x00\xeaw\xdb\xf9/\x0b~8H\x06\x05d\tLF \n\x00\xa7\x956\xeb\xc9s\x07\xd237\xa6\xed9x\xf0\xe8\x99\xbc\xf3\xe2\x07\x8cF\xe3\x80\x01\x03f\xcc\x981b\xc4\x08\xa3\xd1(F\x03\x18\x03\xc8\xbd`\x00 \xb7Q\x7f\xae\x7f\xc7\x8e\x1d\xf3\xe6\xcd\xdb\xbau\xab\xf3\xbb\xfd\xfat}\xf0\x81\xf8q\xa3\x87\xb5j\xdf\n$\x030\x07\xd4\xd4Q\x87\xca9w\xae\xe7\xbc\x91\xb9\x1aqF0\xc69\xe7\x84\x80\xac\xc8`2\x81\xc1\x08\xc0l\xc5\xa5\xeb7\xed\xfc\xf7\xfao\xb7}\xbb\xbf\xaa\xaaF\xbc\xbestt\xf2\xacY\t\t\t\xf0\xbf\xe3\x12\x84\xb4\x0f\x03\x00\xb9\x071\xdb\x0e\x00V\xab\xf5\xed\xb7\xdf^\x99\x9a\xca8\x07\x00\xb3\xd9\xeb\x911#\x12\xa7\xfc\xa9O\xef\x180\x99\xa1\xae\x86\xd5\xd61\xc6\x89D\xa4;\xb1\x8a_\x0c\x17\x18\xe7\x04@6\x1a\xc0\xdb\x078;\x96m\xfd\xbf/\xd2\x96-\xff\xa2\xa0\xf0\x82x\xd9\xe0\xc1\x83\x9f\x7f\xfe\xf9A\x83\x06\x01\xce\x08!\xf7\x81\x01\x80\xdc\x80\xaa\xaa\x8a\xa2\xd8\xed\xf6y\xf3\xe6-Z\xf4Nii\x19\x00\x04Y\x02\x12\x13\xfe4y\xfc\xc8N\xddc\x809\xf8\xe5jJ\x99,7`\x07\xfc\x97\xdb\x0b\x00$\x1f3\x18\xcc\xc5ygW\xad\xdd\xbc"\xf5\xcb\x9c\xe3\xa7\x01\x80\x10\x92\x90\x90\xf0\xfa\xeb\xaf\xb7h\xd1\x02\x87\x02\xc8-`\x00 M\x13\xf7\xe5J\x92\xb4w\xef\xde\xe9\xd3\xa7ggg\x03\x80\xd9d\x1a?n\xc4\x9c\xa7\x13#:G\x81\xa3\x8aV\xd5\x10 \x92\xdcx\x8b2\x19c\x8cq\xc5\xcb\x08f\xff\x8a\x92\xa2\xc5\xef\x7f\xf6Q\xca\x17\x85E\x17\x01\xa0Y\xb3\xa6\xaf\xbf\xfe\xc6\xd4\xa9S\x01\x87\x02H\xf30\x00\x90v9\x1b\xd0W^y\xe5\xad\xb7\xfe!Vv\x0e\x8e\xef\xf9\xc6k3{\xf6\xeb\t\xf6\x1a\xf5r\xb5$\xbbl=&gt;\xe7\x9c\xaaT1\x19\xc1\xc7\xbf\xe0\xd4\xe9\xbf\xbd\xbad\xe5\xaa\rbbj\xdc\xb8q\xef\xbf\xff~pp\xb0\x18\xbb\xb8\xe4\xf0\x10\xfa]\x18\x00H\xa3D\xeb_XX\x98\x90\x90\x90\x96\x96\x06\x00\x96@\xbfW_zb\xe6\x93\x13@"\xb4\xd2F\xb4q+\xd6/\x97\xa6\xcd^\xe0\xe5\x93\xf6\xcd\xf6\xbf&lt;\xf3\xd6\xf1\x13y\x00\x10\x1e\x1e\xbeb\xc5\x8a\xbe}\xfb\xe28\x00i\x16\x06\x00\xd2"\xd1q\xde\xbbw\xef\x981c\n\n\n\x00\xa0_\xef.\x1f\xa7\xbc\x1e\x1e\x15\xc9*\xca\x81\xf3\xc6\x9c\xf0\xb9\x11\x9csJ\x99b\t\xa8\xb8T&gt;{\xf6\xdb\xcbW~\x05\x00&amp;\x93\xf1\xddw\xdf{\xfc\xf1\xc7\xf1\x92\x00\xd2&amp;m\x9dE\x08\xc1\x95\xd6?%%%&gt;&gt;^\xb4\xfe\xc9O&gt;\xbas[jxx[\xb5\xec\x92$5\xeat\xff\r"\x84(\x8aL\xcb*\x02\xcc\xc6\x94\xd4\xb7R&gt;x%\xd0\xdf\xb7\xae\xce&gt;}\xfa\xf4\xe9\xd3\xa7\xcb\xb2,n_p\xf5a"\xf4?p\x04\x80\xb4\xc5\xd9\xfa\'%%\x01@\x80\x9f\xcf;\x0b\xe6$&amp;M\xe0\xb62N\x99\x06\x9b\xfe\xabp\xce\x19e\xb2%\xf8\xc7=\x07&amp;Ny\xdez\xf2\x1c\x00L\x9b6m\xd9\xb2e8\x0e@Z\x83\x01\x804\xe4\xaa\xd6?\xd8\xe2\xbf\xf9\xeb\x0f\xe2\xfa\xf5TK/\xca\x8a\xecFM\xa7\xeaP\x95@\xff\xd2\x92\xd2\x11#\x93~\xcc8\n\x98\x01H\x93\xb4\xde\x9fB\xfaqU\xeb\xdf#\xf6\x9e\xfd{\xd7\xc4\xf5\xe9\xaa\x96^T\x0c\x8a{5\x9a\x8aA\xa1\x15\xb6 \x8b\xdf\xf6\xed+\x13\'\xfc\x11\x00\xc4\xef\x85sAHSp\x04\x804\xe1\xda\xd6\x7f\xcb\x7fR,\xa1\x81\xb4\xc2&amp;\xbb\xed2JF\x99d4\x80\xd9+)an\xca\'\xeb\xe1\xca8@&lt;a\xc6\xbd"\ry$\x0c\x00\xe4zb\xa1\xa4\xb3\xf5\x8f\xeb\xda1m\xf3r\x8b\xc5\x8fV\xd5\xc8\x8a{/\xa0d\x8cqI\x92}}\xae\xca\x00\\\x1b\x8a\xb4\x00\x03\x00\xb9\x98h\n\xf7\xef\xdf\xdf\xaf_?\xc6XP\xa0\xffO\xfb\xd6\xb4\x8bhK+.\xbb{\xeb/p\xc6\xb8,\x13\x83\xa1\xef\xbd\x8f\xecO\xcf\x06\x80E\x8b\x16%\'\'\xe3=b\xc8\xe50\x00\x90+\x89\xc9\x90\x92\x92\x92\x98\x98\xce\xc5\xc5%&gt;\xde\xe6\x9di)q}bi\x85\xcd3Z\x7f\x811\x06\x06C\xb9\xad:~\xe0\xa4\xcc\xa3\'\x01`\xeb\xd6\xadC\x86\x0c\xc1q\x00r-\xbc\x08\x8c\\Il\xf53q\xe2\xc4\xe2\xe2\x12\x00X\xf2\xcesq\xfdz\xa9\xe5\x95\x9e\xd4\xfa\x03\x80$I\xbc\xce\x1e\x14j\xf9l\xe5[A\x16\x7f\x00\x984ibqq\xb1$I\xe2\x13@\xc8%0\x00\x90\xcb\x889\x90\xd7^{m\xdb\xb6m\x00\x90\xfc\xff\xc6M~|\xa2\xa3\xf4\xa2b\xf0\xc0\x89\x11Y\x91\xd5\xf2\xca\xe8\xb8\xae\xcb\xde{\x11\x00\x8a\x8a\x8a\'N\x9cH\x08\x0e\xc1\x91+a\xfd!\xd7\x10\xfb\xfb\xff\xf0\xc3\x0f\xfd\xfb\xf7w8\x1c\xbd\xbaw\xda\xb3\xeb3\xeePe\xe0\x1e\xbc&lt;FUU\xc5\x12&lt;k\xc6\xdf\x16\x7f\xb0\x16\xae\\\x0c\xc0\x89 \xe4*\x18\x00\xc8\x05\xc4\xc6\xfa\x94\xd2\xe8\xe8h\xab\xd5\xea\xe7\xe7sx\xff\xda\xf6\xe1mYU\x8d\xf6\xef\xf5\xbd\x1d\x9csF\x08(J\x8f\xdec3~\xb6*\x8a\x94\x9d}$&lt;&lt;\x9cs\xae\x85\x8d\xed\x1a\x1a\xaf\xe7\xaao\x91z\\rl\xfa\xe4\xf95\x874H&lt;&gt;w\xc1\x82\x05V\xab\x15\x00\xdez\xf9\x89\xf6Q\x91\xaa\xad\xca\xb3[\x7f\x00 \x84\x00e\xb2\xc1\xb0|\xc9K&amp;\x93\x81R\xf6\xd4SOy\xfcD\x90\xd80\x95RJ\x08\x91$I\x96e\xe5\x1a\xb2,\x8b{\xa4)\xa5\xaa\xaa\xe2\xa5\x91\xc6\xe1\xe1\x95\x874H\xac\xfc9u\xeaT\xb7n\xdd***\xfa\xf7\xed\xfa\xfdw\x9f\xd1\xaa*Y\x07]`AUU\xc5\x12\xf2\xe2\xec7\xdf\\\x98\n\x00\xeb\xd6\xad{\xf8\xe1\x87=r"H\xdc\xf6\xec\xfc\xbd(\xa5\xe7\xcf\x9f?y\xf2d^^\xde\xd9\xb3y\x84\x10\xce\x01\x80\x07\x06Z\xa2\xa3\xa3\x9b5k\xd6\xb6m[\xb3\xd9\\\xffgq\xe7\x8c\x06\x85\x01\x80\x1a\x9bh\xe9&amp;O\x9e\xfc\xe9\xa7\x9fzy\x99\xf6n\xfb8\xb6W\x17v\xb9\xda\xe3\xbb\xffN\x9cs&amp;\xcbU\xd5\xb5\xdd{\x8f;y\xfa\\\x87\x0eaYYY\x8a\xa2x\xd2\x04H\xfd\xbb\x9d\x8b\x8b\x8b\xf7\xee\xdd\xbbi\xd3\xa6\xf4\xf4\x1f\xf3\xf2\xceVVV^\xf7GL&amp;c\xcb\x96-cccG\x8e\xbc\xbfW\xaf^\x91\x91\x91\xe2\xeb\x1e\x19\x8d\x1a\x81\x01\x80\x1a\x958\x99w\xed\xda5p\xe0@J\xe9\xe4\xf1#W~\xfe.-\xbb\xe8\xbe\xfb=\xdc\x1aU\xa5\x8a%\xe8\xd3\x8fVO\x9e\xfe\n\x00\xbc\xf9\xe6\x9b/\xbc\xf0\x82g\xb4t\xe2\x02\x8f\xf8E233\x97,y\x7f\xe3\xc6Mb[\xef\xfaBC\x83\x813\x0e@\x88TQa\xb3\xdb\xed\xf5\xbf\xeb\xe3\xe3=d\xc8\x90\x193\x9e\x188p\xa0\xd8@\t\x00\xf4p\x99\xa4\x91a\x00\xa0F%\xce\xe4\xc1\x83\x07\xef\xdc\xb938(\xe0\x87\xefW\xb5\x0fk\x0b\xb5u\x92\xe4!=\xdf\x1b\xc4\x018\x80\x03H\xff\xf8I\xe9\x19G\x83\x82\x82\x8e\x1e=\x1a\x1a\x1a\n\xe2:\x81\xdb\x12\x8b\xbb\x00 ;;\xfb\xb9\xe7\x9e\xdb\xbe}\xbb\xb3eo\xd3\xbaE\xf7\xeeQ\xb11\x11\xddc"-\x16\xff\x0ew\xb7\x061\xd1/+E\x05\xc5\x85\x17J\xb3\x8e\x9e\xca\xcc\xb2\xa6\x1f&lt;\x92\x95mu\xbeaLL\xcc?\xfe\xf1\x8f\x11#F\x00\x0e\x05\x1a\x00\x06\x00j&lt;\xe2\x04\xfe\xe9\xa7\x9fz\xf4\xe8\xc19\x9f=s\xc2\xfc\xf7^SKK&lt;r\xe1\xff\xef\xa2*\x95-\x81[\xbe\xdc2b\xf4_\x00`\xe1\xc2\x85O?\xfd\xb4[\xef\x0f!\x0e\xdef\xb3\xfd\xf5\xaf\x7f]\xbe&lt;\xa5\xa6\xa6\x16\x00\xbc\xcd^\x0f\x8f\x1a\xfa\xe7\x87\x06\x0f\xe8\x17\xeb\xdf4\x04@\x06P\x811\xa8\xb3\x03\x88\xa8\xe3`P@Q\x00d\x00Nm\xb6\x03\x07\x8f\xac\xfff\xe7\xea5\x9b\n\n/\x88w\x1e1b\xc4\xe2\xc5\x8b\xc3\xc3\xc3\xdd\xfa\xf3\xd1 \x0c\x00\xd4xD\x00$&amp;&amp;\xa6\xa6\xa6zy\x193v\xaf\x8e\xec\x1c\xc1kt\xd7\xfd\x178\x00\'P\xab\xb2n\xbd\xc6\x1c\xb7\xe6\xdds\xcf=\xe9\xe9\xe9^^^\xe0\x9e\x83\x00\xd14gddL\x9b6-##\x03\x00\xcc^\xa6\xf1cG\xcc\x9a9\xb1S\xb7N\x00\x1c\xaa\xab\xa9\xdd\xc19\x10B\x80\x80T\xefw\x14\xebB9\xe7\x84\x80,\xcb\xe0c\x06\xc9T|\xee\xdc\x87)\xeb&gt;J\xf9\xa2\xb0\xe8"\x00\x84\x84\x84,Y\xb2d\xcc\x981\xb8\x97\xea\x1d\x84sj.\xe0\\\n-\xd69\xe8$\x83\xc5j\x90\xc2\xc2\xc2\x7f\xfd\xeb\x0b\x00\x18?zx\xc7\xee1\xac\xbaF\x9f\xad?\x00\x10\x00\xee\xa0\xde\x81\x81sgM\xe1\x9c\x1f9rd\xc7\x8e\x1d\x84\x10w\\\x01)Z\xff\x15+V\xc4\xc7\xc7\x8b\xd6\x7f\xf8\xe0&gt;\xe9\xfb\xd6|\xbc\xf2\xedN\x9d\xc3iY9-\xaf\xe0*\x95eY,\xf8\x94%\xa9\xfe\xc2\x7fI\x92dYR\x14Y\x96e\x0e\xc0lUj\xd9\xc5\xa6!\x96\x97_\x9bu8\xfd\xcb\x99\xffo\xbcD\xc8\xc5\x8b\x17\xc7\x8e\x1d;k\xd6,I\x92\xf4s\xd644\x0c\x80F"\x9a{UU\xc5jhg\xdd\x8b\xff\xc19\x17\xdf\xf2\xe0\xb2\xa6\x94\x02\xc0\x9a5kl\xb6\xcb\xb2,\xcf\x98:\x9a3\xc7\x95I\x00\x9d\x92d\x89W_\x1e\xf5\xe7\xa1\xadZ6%\x84\xa4\xa4,\x037\xec\xfe;\x9f\xe5\xf0\xd8c\x8fUVV\x9a\x8c\x86Eo\xcf\xde\xbc9%*:\x9c\x96\x95\xb3\xea\x1aY\x91e\xf9F\x1f\xe8F\x00$IR\x14\x85;\x1cjYi\x93\xe0\x80\xf7\x96\xbe\xfa\x9f\rKZ6\x0b\x01\x80\xc5\x8b\x17\'%%\x89=\x94&lt;\xf8di4\x18\x00\rN4\xee\xa2\xb9\x177\xbc\x00\x80\xcdf+..&gt;w\xee\\QQ\x91\xcdf#\x84\x88o\x89\x1ba\\}\xc8\rB\x96e\xbb\xdd\xfe\xc9\xca\x95\x84\x90\x1e\xdd\xa2b{\xc5\xf0\xcb\xd5\xb2n\x96~^\x17!\x84\xd69|BC\xc6\x8f\x1a\xca9\xdf\xb1c\xc7\x89\x13\'\xdck\x87\xb8\xab\x9e\xe4\x13\x14\xe8\xb7c\xcb\xf2\xe49\x8f\xb3\xaajv\xb9ZV\xe4[^\xba#N\n\xeep\xa8ee\xc3\x1e\x18\x98~`]\\\xd7{\xa0\xde\xb3\xd5&lt;\xbb\xc3\xd48t}\xfa5\x02\xce\xb9\xa8c\x00\xc8\xc8\xc8X\xb8p\xe1\xe8\xd1\xa3\xbbt\xe9\x12\x16\x16\x16\x16\x16\x16\x19\x19)\xfeG\\\\\xdc\xe3\x8f?\xbeq\xe3F1K\xeey\x19 \xc6=\x87\x0eedegs\xceG\xfd1^2y3\xea6\xcd\\\xc3!\x84\x00s\x8czp\x90$IUU\xd5\xeb\xd7\xaf\x87+k\xa5\xb4\x8fR\xaa(\xca\'\x9f|"Z\xff{"\xdam\xdf\x9a\xda7\xbe\x97ZzI\x92\xc8\x1d\xb9\xb1\x83\x10\xa2(\xb2ZZ\xde\xbcy\x93\xb4-)\x0f\x8d\xbc\x0f\x00RRR\xa6O\x9f\xae(\x8a\xe7\x9d)\x8d\x0c/\x027 \xd1\xfa\x17\x14\x14\xacZ\xb5j\xed\xda\xb5\x87\x0f\x1f\xfe\xdd\x1f\xe9\xd6\xad\xdb\xdf\xff\xfe\xf7\xa1C\x87z\xd8\x8a7\xd1O|\xee\xb99\xf3\xe6\xcd\x0f\xb2\x04d\xff\xb8\xae\xf9]My\x9d\xc3\xed\xa6;\x1a\x02\xe3\x1cL\xa6\xfb\xe2\'\xed\xfd\xe1\xe7&gt;\xbd{\xef\xda\xbd\x1b\xdca\xcd\xbbX\xf1\x99\x95\x95\xd5\xbbw\xaf\xaa\xaa\xea`\x8b\xff\xce\xad+\xa2\xbbwVK/)\x06\xc3\x1d\xff\xe7\xa8Je\x1fsm\xad\xbd\xff\x80\x89\xe9\x87r\x00`\xc5\x8a\x15\t\t\t\x1ev\xa642\xad\x17\x99\xfb\x12}\xde\xd5\xabWGGG?\xff\xfc\xf3\xa2\xf57\x18\x0c&amp;\x93\xc9h4:7?\x91e\xd9`0\x18\x0c\x06\xf1\x95\x83\x07\x0f\x0e\x1b6l\xf1\xe2\xc5\x1e6\x0e\x90e\xd9\xe1\xb0o\xdc\xb8\t\x00\xbat\x0eo\xde\xfe.Vk\xc7\xd6_`\x94I&amp;\xf3\xe0\xf8\x1e\x9c\xf3\x83\x19\x19\xb9\xb9\xb9\xda\x9f\x05\x12\x97am6\xdb\x84\t\x8fVUU+\x8a\xbc\xf1_\xefEw\x8fVK/)\xc6;\xdf\xfa\x03\x80\xac\xc8\xac\xba\xc6\xcb\xa8\xa4mNi\xdf\xb6%!d\xe6\xcc\x99\x99\x99\x99\xce\xdb\xc4\xd0-\xc0\x00hX\xadZ\xb5*--5\x1a\x8d\x06\x83A\x96e\x87\xc3QWWg\xb7\xdb\xc5%_\xb1#\xa6\xc3\xe1p8\x1c\xe2\xff\x95eY\x96\xe5Y\xb3f\xad[\xb7\xcec2@\xac\xdb;y\xf2\xd4\xa9S\'\x01`\xf8\xe0&gt; )\x8c\xe1\xd0\xf3\x17\x84\x10`\xf6\xa1\xf1\xbd\x14Y\xae\xad\xad\xdd\xbbw/h~\x16H\xd4\xea\xdc\xb9s33\xb3\x00`\xfe\xeb\x7f\xe95\xb0\x9f\xa3\xb4L1\x18\xa0\xc1\xfe\xb0\x92,\xd3\x9a:K\x93\xe0\xcfW\xbciP\xe4\xaa\xaa\xaa)S\xa6\x88\x1b\xcdp&amp;\xe3\xd6`\x004\x14\xd11\xb9\xef\xbe\xfb\x86\x0f\x1fn\xb7\xdbE\x13\xdf\xb4i\xd3\x87\x1f~x\xe1\xc2\x85\xdf|\xf3\xcd\xee\xdd\xbb\xf7\xef\xdf\xbfm\xdb\xb6\xc5\x8b\x17\x0f\x1c8Pt\xa9\xc4u-B\xc8\x93O&gt;y\xe9\xd2%\xb1\xe2\xcd\xd5\xbf\xca\xed\x12m\xd9\x96-\x9bkk\xeb\x14Y\x1et_\x1c0\x9c\xfc\xf9/I"PS\x1b\xd3\xb5c\xcb\x96M\x00\xe0\x9bo\xbe\x06m\xaf\x05\x12\xad\xff\xf1\xe3\xc7\x97-[F\x08\x19\x1c\xdf#\xf9\xd9\xa9jE\xa9\xa1\xe1o\xe8\x93\x15Y-\xab\xe8\x19\x7f\xef\x0b\xcf$\x00\xc0\xa1C\x87\xd6\xacY\xa3\xfd\x01\x93f\xe15\x80\x06D)\x95$i\xdb\xb6m\xc3\x86\r\x1b4h\xd0\x94)SF\x8c\x18\x11\x1c\x1c|\xdd\x17\xaf]\xbb611\xb1\xae\xaeN\xac\x97WU\xf5\xddw\xdf}\xea\xa9\xa7&lt;\xe0\xd6G1K;\xfa\xe1\xd1_\xfe\xeb\xcb6w5?r\xf0_&gt;\xde^\x9c2-\xb7q\x8d\x8cR&amp;\x07\xf8\x8dzh\xc6\xbf\xbf\xde\xd9\xb6M\x9b#G\x8fz{{\x8b\xae\x80\xab\x0f\xed:\xc4\x90n\xc4\x88\x11iii^^\xc6\x9f\xf7\xad\r\x8f\x0eo\xb4\xed\xfc\xc43\x15\x18\x91:w\xfb\xb35\xf7l\xd3\xa6M333\xc5i\xa5\xcd\x8fK\xcbp\x04\xd0\x80\xc4\xb2\xce\x01\x03\x06\x1c&lt;xp\xfb\xf6\xed\x13&amp;L\x08\x0e\x0e\x16\xdb\x9d\xd3zTUUUu\xdc\xb8q\xf3\xe7\xcf\x17\x17\xd6\xc4\x99\xbfi\xd3&amp;p\x87\x8b\x81\xbfK\x92$\xbb\xdd~,\'\x07\x00\xe2\xbaE\xf9\x84\x04Q\x07\xc5s\xb5&gt;\xce9\x10y@\xbfn\x00P\\R|\xee\xdc9\xd0\xea\xb4\x86h\xfdsrrv\xec\xd8\x01\x00c\xff&lt;4\xbck\'\xda\x88\xcfr \x84p\x95\x1a|}\xe7\xce\x9a\xc2\x18+,,\\\xbf~\xbd\x07\xaf\x9fnPn\xdf\xb8h\x9f\xd1h\x8c\x8d\x8duN\xef\x88\xa7a\xc8\xf5(\x8a"I\x12\xa54!!\xa1i\xd3\xa6\xa2\x8e9\xe7\xb9\xb9\xb9v\xbb\xdd\xddg\x81D{QXXx\xf6\xecY\x00\xe8\xd6%\x12\x88\xe2\xd6\xbfQC \x84\x00W\xbb\xc6DJ\x92TSS\x9b\x99\x99\tZ\r\x00\xd1;Y\xbcx\xb1\xaa\xaaf\xb3\xd7\xdc\xd9\t\xdcQG\x1a\xf7vnY\x91\xd9\xe5\xca\xb1\x8f\xdc\x7fOd;B\xc8\xbb\xef.VU\x15\xd7\x02\xdd\x02\x0c\x80\xc6 \x1a\xc1\xdf\xb8\x19R\x92$I\x92\xbc\xbd\xbd;t\xe8\x00WF\xb2\x15\x15\x15555\x8dz\xa0\r@\xb4b\xa7O\x9f\xb6\xd9.\x03@\x97\xce\x11\x00\xd8\xfd\xbf\x9a$\x11\xa8\xb3Gth\x13\x18\xe0\x07\x00\xc7\x8e\xe5\x80&amp;\x03@\xf4`\x8a\x8b\x8b7l\xd8@\x08\x8c~p`D\xd7hv\xb9\xba\x91\xc7\xa9\x04\x809\xa8\xc9\xdf\xff\x99\'\'p\xce\x8f\x1e\xcd\xf9\xfe\xfb\xefq\x10p\x0b0\x00\x1a\xc3\x8d\x9c\x1e\xe2l\xaf\xdf2z\xc6\xb3\x90\xc4\xef\x95\x95\x95\t\x00\x01\xfe~Q\x1d\xdbC]\x9d\x07\xfc^w\x16!\x84\xdb\x1d\x96\x16\xa1a\x1dZ\x03@VV6hrF[\xb4\xb0\xfb\xf7\xef/))\xe1\x1c\xc6\x8d\x1a\xc69\x03W\x1c\xa7,K\xbc\xb6z\xe4\xf0{\x03\x03\xfc\x18c\xe2\xca\xb9\x06#S\xe30\x004A&lt;\xfa\xce\xe1p\x9c?\x7f\xde\xf9E\x8b\xc5\xe2\xed\xed\xed\xc2\xa3\xba\x83\x8a\x8a\x8a\x00\xc0\xdb\xdb+ \xc0\x0f(\xd5^\xcb\xe6z\x9cs\xc5d\x0c\x0e\n\x00\x80\xe2\xe2bm^\x01\x16\x87\xb4q\xe3FBH\xab\x96M\xfb\xdd\x1bKj\xaa]\xb2\x9d\x1f!\x84\xd7\xda\x9b\xb6k\xd5\xbfo,\x00\xec\xd8\xf1\xad\xddn\xc7Y\xa0\x9b\x85\x01\xa0\tb\x11[zz\xfa\x993g\xc4p\x81\x10\x12\x19\x19)nv\xd7`Cp\xe3\xc4\xaf\x93\x91q\x08\x00"#\xda\xfa\x86Z\x98Cu\xeb\xdf\xa8\x810\xc6\x81(\xddb"\x01\xc0j=^^^\xae\xc1\xcb?\xe2z\xfe\xbe}\xfb8\xe7\xbd{D\xfb7\r\xa5v\x97\xad\xe8e\x9c\x83\xa4\x0c\x89\xef\x01\x00\xb9\xb9\'N\x9f&gt;\xed\xa6{\xa9\xba\x10\x06\x80\xeb9K\xf6\xf9\xe7\x9f\x17\'\xbc\xb8\'`\xd4\xa8Q\xe0)\xa3\xda_&amp;\xb8&lt;bQSC"\xa27\xed|\xa4\xa2\xa6\x88KY\x05\x05\x05\xf9\xf9\xe7\x00 6&amp;\x12@vay\x8a+\xe7]:GH\x92T[[\xa7\xe5+\xe7\x9a\x85g\xa3\x8b\x89\xd6_\x96\xe5\x193f\xec\xde\xbd[\xcc\xfbSJ#""\x1e~\xf8aq\xcd\xcd\xd5\xc7x[\x08!\xb5\xb5\xb5\x05\xe7\xcf\x03\x80%\xd0\x1f\x80\xe0\t\xfa\xeb\xb8%\xd0\x1f\x00\xaa\xaa\xaa\xc4d\xa0\xa6\x9a3q0g\xcf\x9e\xfd\xe5z~t\xb8k\xaf\xe7\x8b+\xe7\xe1\x1d\xda\x04\xf8\xfb\x01\x80\xd5z\x1c4\xf6\x89i\x1f\x06\x80+\x89;\xc5\x08!\xd3\xa6M\xfb\xe0\x83\x0f\x9cm=!\xe4\xa3\x8f&gt;2\x9b\xcd\xa2\xcf\xe5\xda\x83\xbc\x1db"\xbb\xba\xba:\xff|&gt;\x00t\xed\x1c\x0e\x92\x81\xe3&amp;\x10\xd7C\x08\x01\xa0]c"\x00\xa0\xaa\xaa:??\x1f4\xd9\x9c\x9d&gt;}\n\x00\x0c\x06CH\x88\x05\x98\x8b/\xe7p\xca\xbc\xfd\xbc\x03\x03}\x01\xe0\xf4\xe9\xd3\xa0\xc9+\xe7Z\x86\x01\xe02\xe2\xfe\xd8\xb2\xb2\xb2\x07\x1ex`\xf9\xf2\xe5\x8a\xf2\xcb\xeaxJ\xe9\xb2e\xcb\xee\xbb\xef&gt;\x8f\xd9\xe6\x90\x10b0\x18\x00@Uq~\xf6w8?"C\x03l\xa8y\x9bD}\xe6\xe6\xe6\x02\x80%\xd0?\xec\xee\xd6P\xe7\xca\x1d\xfd\x08!\\U}C,aw\xb7\x06\x80\xdc\xdc\x93\x80\x01p\x93\xdc{\x8f\x01\xf7%\x1a\xf7\x9c\x9c\x9c\xd1\xa3G\x1f=zT\xb4\xfeb\xe6w\xe5\xca\x95\x93\'O\xf6\x80\x1d \xea\xbb\xb2\xc8\xd5\xd5\xc7\xa1y\xce\x8fH\x83}\x7f\xc1h4\xc2\x95\'\xdc\xb9\xfaX\x00\x00\xe0\xca\x91\x88\x03C7\xc5s\x9a\x187"\x1a\xfa\x1f~\xf8\xe1\x81\x07\x1e\xb8x\xf1\xa2h\xfd)\xa5!!!\x9f}\xf6\xd9\xb0a\xc3&lt;\xac\xf5G\x1eI;\x11\xa5\x9d#q;\xd8\xca46\xb1\xdbONN\xce\xc8\x91#KKK\xc5$\x0f\xa5\xb4K\x97.k\xd7\xae\x8d\x88\x88\xf0\xc8\xd6_\x0c\xcc\xf1D\xfd]\xce\x8fH\xb3S\x19\xaa\xaa\x02\x80$\x11\x83\xa2\x80\x16\xfe\xa0\x92dP\x14\xb8r`\xe8\xa6\xe05\x80F%N\xef\xba\xba\xbaG\x1f}\xb4\xb4\xb4T\xb9R\xb8C\x87\x0e\xfd\xee\xbb\xef&lt;\xb5\xf5\xe7\x9c\xabT\x05\x00\xa3\xf6\xe6\xb5\xb5\xc6\xf9\x11i\xb69\x0b\x0e\x0e\x01\x80\xcb\x97\xab\xcf\x9d/\x06\xa3\xc1\x85\xa1\xce9\'\xb2\\Sn\xcb/(\x01\x80_\xdbg\x17\xfd\x06\x0c\x80F%\x96\xfd|\xfe\xf9\xe7\x87\x0e\x1dR\x14E&lt;\x10f\xf0\xe0\xc1_\x7f\xfdu@@\x80x\xc2\xaa\xab\x8f\xf1\x0e\xe3\x9c\x1b\x0c\x86\x00\xff\x00\x00\xc8=}\x0e\xb8{\xdf\xd7\xd6\xc0\xa4\xdc\xd3\xe7\x00\xc0`0\x04\x04\x04\x80\xc6\xc6\x01\xe2`:u\xea\x04\x00U\xd55\x85E\x17@Q\\;\x06 \xb2T[y\xb9\xa0\xf0"\x00t\xea\x14\x05\x9a\x7f\x90\x8e\xd6`\x004*q\x1b\xd4\xaaU\xab\x08!\x84\x10\xcey\xeb\xd6\xad\xd7\xad[g2\x99&lt;f\xcdO}\xe2w\xf4\xf3\xf3\x0b\x0f\x8f\x00\x80\x93\xa7\xcf\x03W\xb5\xd4\xa6i\x08\xe7\x1c@:y*\x1f\x00,\x96\xc0\xf0\xf0p\xd0d\x004k\xd6\xd4l\xf6\x02\x80\xe3\'\xf2\x00d\xd7\x8e\x00\xc0d8s\xae\xf0rU\x15\x00\xb4ju\x97\xab\x8e\xc4}a\x004\x1e\xb1\xe1\x8f\xcdf;r\xe4\x88\xf3\x8e\xdf9s\xe6X,\x16\x87\xc3\xe1y\xad\x7f}\xe2\xb9}^^F Xr\xbf\xc5\xece\x02\x00\xf1\xa0\x08W\x1f\xcb\xd5D\x00\xb4k\xd7\xbei\xd3\xa6\x00p\xf0\xf01\x00\xee\xc2\x84b\x8c\x83d\xcc\xca&gt;a\xb7;\x14E\x89\x8d\x8d\x05\xbc\xd5\xfc&amp;\xe1\x87\xd5xD\xa3_\\\\\\VV\x06\x00b\x07\xf3A\x83\x06y\xc0\xed\xbe\xbfA\x0c\xc9cbb\x00\xc0\x9a{\xee\xf2\xc52\xa2\xe0\xf3\x00\xaeCllp(\xcb\n\x00\x1d:\x84\xf9\xfb\xfbkm?8q\x8f\xba\xd9l\xee\xda5\x96\x10\xb2\xff\xc7,\xbb\xcd&amp;).+]\xb1\xb0`\xe7\x9e\x83\x00\xd0\xa2E\x8b\xb0\xb00\xd0\xd8\x98I\xfb0\x00\x1a[MM\x8dX\x06J\x08\t\x08\x08h\xd2\xa4\x89\x98\x0er\xf5q5\xac\xe6\xcd\x9b\x01@y\xb9\xad\xdaVM\x1a\xeb\xd1Q\xee\x85H\xc0\xa8Z|\xa1\x14\x00BCC\x15M\xc6\xa48\xa4\x07\x1e\xb8\x9fsn\xcd\xcd;\xf4c\x16\x98\xcd\x94\xba`\xda\x9ds.\x19\r\x95\xc5%\xdbw\xfe\x08\x00\xf1\xf1\x03|}}\xdd}\xe7\xc4\xc6\x87\xa7bcs&gt;\t\x921V[[\xeb\xc1}\x7fA\x9c\x90\xd1\xd1\x9d\x01\xa0\xa2\xd2f\xcd\xcd\x03\x93\x91\xe1n\x10\xff\x8bs.)\x8a\xad\xa4\xf4\xe4\xc9|\xd0\xf0\xf5L1\xc1r\xef\xbd\xfd}||(\xa5_~\xb3\x93\xc8&amp;\x97\x04\x15\xa3\x9cx{\xef\xd9\x9d\x91\x7f\xbe\x18\x00\x86\x0e\x1d\x06\xb8\xce\xf8\xe6a\x004\x1e\xd1\x14v\xe8\xd0\xe1\xdb+\xd2\xd2\xd2|||\xc0\xa3\xc7\xad\xe2Wk\xdb\xb6\xad\x97\x97\x17c\xecp\xa6\x15\x1f\ty-\xce9x\x99N\x9d:w\xe1b)\x00\x88k\xe6\x1a$\x9e]\xda\xa1C\x87\xf8\xf8x\x00X\xb5v\xd3\xa5s\xe7d/c\xe3\xffA\x89\x04\xa0\xd2EKW\x13B\x9a7o\xfe\xc7?\xfe\x11\x00&lt;\xbe;u\xc7a\x004\x1e\xd1\x14\xfa\xfa\xfa\xc6_\xd1\xaf_?\xcf[\xf7y\x15g\x00\xb4h\xde\x1c\x00\x0ee\x1ew\xed\x95Cmb\x8c\x83\xa4d\x1d\xc9u\xa8\xaa\xc1`\xe8\xd2\xa5\x0bh\xfbzfrr\xb2DHQ\xf1\xa5\xf7?XC\xcc\xbe\x8d&lt;\x0bD)#~\xbe\xdf\xa5\xed\xde\xbe\xf3G\xce\xf9\xb4iI8\xffsk\xb4[a\x9e\x8as\xeep8\xea\xea\xea\xea\xea\xea\xc4\xda\x18\xcf&amp;\x9e\xd1a6\x9b\xc3#"\x00\xe0\x87\xf4,\xbb\xcd&amp;aO\xed\x7f\x89\x86\xeb\xbb=\x07\x01 88\xa8}\xfb\xf6\xa0\xd5q\xa1,\xcb\x9c\xf3\xfb\xee\xbb/\xb2c$!dI\xca\x17e\x05\x05Rc\x0f\x028!\xe4\xb5y\xcb\t!&amp;\x93i\xf2\xe4I\xa0\xd5\x8fK\xe30\x00\x1a\x9b\xb81\xcad2\x99L&amp;\xa3\xd1\x05c\xe7\xc6\'\xe6\xb2\xe3\xe2\xe2\x00\xe0\xd4\xe9\xf3gN\xe4\x11\xb3\t/\x03\xd4\'\xc9\xb2\xc3f;\xf0\xd3\x11\x00\xe8\xd8\xf1\x1e???-\xef\x04\xce\x18S\x14e\xd1\xa2\xc5\x9c\xf3\x0b\x17\xcb\xfe\xf6\xca\xfbR#\x0e\x02\xa8J\xe5@\xcb\x17\x9f\xae\xffn\xf7A\xce\xf9\xec\xd9\xb3\xdb\xb7o/n\xb1l\x9c\x03\xf0$\xf8\x915*q+\xc0\xe1\xc3\x87\x17.\\\xf8\xe6\x9bo~\xfb\xed\xb7\x9a=\xc9\xef \xf1;\x8e\x181BQ\x94\xda\xba\xba\xbd\x07~\x06\xc5\xa8\xc1+\x9c\xae\xc2\x18\'f\xd3\xc9\xe3gN\x9d9\x0f\x00\x7f\xf8\xc3\x08I\x92\xb4\xfc\xf9\xc8\xb2\xcc\x18\x1b:t\xe8\xd0!C\x00`\xe9\xf2\x7fm\xfbz\xabb\tP\x1d\r\xbe}\x05cL2\x9b\x8a\xcf\x9c{\xf2\xd9\xf9\x9c\xf3&amp;MB\x9f~\xfaiqZ5\xf4?\xed\x91\xf0Sk&lt;\xa2O\xb7d\xc9\x92\xee\xdd\xbb\xcf\x9e=\xfb\xc5\x17_\x1c4h\xd0\xb4i\xd3\x18cZ&gt;\xdbo\x9f89cbb\xc4e\x80o6\xef\x06\xcet\x10|7\x8a1\xc6\x15S\xda\x8e\xfd\xb5\xb5u\xb2,\r\x1c8\x08\xdcaB\x83s\xbe\xf4\x83\x0f\x82\x82,\x9c\xf3I\xd3^*9[\xa0\xf8\xf9P\xb5\x01\xef_\xe3\x8csI"&amp;\xd3\xc4\xc4\xb9%\x17J\x01`\xc9\x92\xa5AAAZ\x1e-i\x1c\x06@#\x11\x9d\x94\x8a\x8a\x8a\x17_|\x91Rj4\x1a\x15E\x91ey\xf9\xf2\xe5\xfb\xf7\xef\x17\x8b+\\}\x8c\rE\xdc@\xe4\xed\xed=p\xd0 \x00\xf8\xe9P\xce\xe5\x8b\xa5\xb2K\xf7\x11\xd3\x14\x89\x00\xe1t\xe7\xee\x83\x84\x90\x88\x88\x88\xa8\xa8(\xed\xdf\x1b(\xc6(w\xdf}\xf7\xb2e)\x00PTr\xe9\x81?=Y^V){\x9b\x1b\xa8\x929\xe3L"\xb2\xafOR\xc2\xdcm;\x7f\x04\x80\xe4\xe4\xe4\xd1\xa3G{\xe4\x1e*\x8d\x06\x03\xa0\x91\x88\xc6\xee\xf4\xe9\xd3\x15\x15\x15\x84\x10\xbb\xdd\xae\xaa*!D\x92\xa4\x9f\x7f\xfe\x19\xf4\xb1\x84\xf9\xe1\x87G\x03\xc0\xb9\xfc\xa2\r\x1b\xbe\x05\xb3\x0f\xc5\xcb\x00\x00\x8cq\xc9\xc7|\xe2\xe7c\xdbw\x1e\xe0\x9c\x8f\x1cy\xbf\xd8\x18\xca\xd5\xc7\xf5\xfbdYVUu\xd4\xa8Q\xc9\xc9\xc9\x00\xf0c\xc6\xd1\x84\xc4\x17l\xb5v\xd9\xcb\xeb\x8e\x8f\x03\x18e\xa2\xf5\x7f\xf3\xa5\xf7R&gt;Y\x0f\x00\xbd{\xf7^\xb0`\x01N\xfd\xdf&amp;\xfc\xec\x1a\xd5u\xbb*z\xa8`\xe7\rD\xadZ\xb5$\x04\xd6~\xb9\x15\x80I\x80\x01\x00\x8c10\x987l\xfa\xae\xaa\xbaF\x96\xe5Q\xa3F\x81;\xcc\xff\x08"\x03\x16-Z4m\xda4\x00X\xbf\xe9\xfb\xc1\x03\'\x95\x96\xdb\xe4@\x7f\xd5\xa1\xde\xa9&gt;\x8d\xaa\xaa\x92\x97I\xf4\xfd_|\xe3\x03\x00\x88\x8b\x8b\xdb\xb8q\xa3$I\xe2\x91\xdaw\xe4_\xd1\'\xcfoz4B\xec\x8b\xd9\xae]\xbb\xd0\xd0P\xce\xb9\xd1h4\x18\x0cb\xf6\xbf{\xf7\xee\xe0\xe91@\x08QU\xd5\xcf\xcfo\xdc\xd8q\x9c\xc3\xce\xdd?\x9d\xca\xb6\x12\x1f3\xae\x05\x92\x15I\xad\xb2\xadZ\xfb\x1fBH\\\\\xf7\xb8\xb88\xb1S\x88\xab\x8f\xeb\x86\x10B\xc4\x05\xe1e\xcb\x96\x89\x0c\xf81\xe3h\xef~\x8f\xec\xfd\xeeG%(\x84\x10\xa2\xaa\xf4vR\x80R\xca(S,A\x85\xc5\x17\x86\x0fI\x10}\xff\xb8\xb8\xb8\xb4\xb4\xb4\xa0\xa0 \xad\xed\x95\xe4\x8e&lt;\xb9\xd1\xd1\x14\xb1\x1c\xde\xd7\xd7w\xc1\x82\x05F\xa3\xd1n\xb7;\x1c\x0e\xc6\xd8\xd3O?\xdd\xbd{w\xf1\x980W\x1fc\xc3\x12\xbf\xe0\x94\x84\x04\xa3\xc1PUU\xf3\xe9\x9aM\xc4\xe0\xcd=\xfa\xea\xf7\xef\xa2\x94\x11_\xdf\xdd;\x0fd\x1d\xc9\xe5\x9c\'&amp;&gt;\xa6\xf1\xf5?\xd7\x12;YQJ\x97-[\xf6\xf8\xe3\x8f\x03\x80\xf5\xe4\xd9A\xc3\xa7\xbd\xfa\xe2\x02;!\x8a%\x90H\xa0\xaa\xf4\xa6F\x03\xe2\t\xa9\x8c19\xc0O\xf2\xf7]\xbb\xea\xab\xb8\xde\xe3\xd3v\xfc\x00\x00}\xfb\xf6MKK\xb3X,z8e\x1a\x01\xd1\xc3\xd4\xb3v\x88&gt;\xcb\x91#G\xd2\xd2\xd2jjj\xee\xbd\xf7\xde\xfe\xfd\xfb\xeb\xa7##N\xda!C\x86\xec\xd8\xb1#$$0;\xfd_\xa1M\x82\xc0\xa1\xea\xe4\xd7\xbf\x16c\x8c{\x99\x87\x0eK\xfc\xf6\xfb\xf4fM\x9bfeg\x8b\xc7Z\xb9\xdd\x07"\x9e\x11/\x165&lt;;{vyE\x05\x00DGu\x98\xf5\xd4\xc4G\xc7\x8e4\x06\xf8Cm5\xab\xb53\xce\t!\x92D\xe0\x7f\x7fG\xd1\n1\xce9\xe3\x04@6\x1a\xc0\xc7\x1b(\xdd\xb6u\xcf\x82wVn\xdd\xbe_\xbc,99y\xfe\xfc\xf9\xe2IJ\xd8\xfa\xdf\x11\x18\x00\x8d\xed\xaa\xda\xd5O\xeb\x0f\x00b\xc1\xc6\x7f\xfe\xf3\x9f\x91#G\x02\xc0\xc27\x93\x9f~a\xa6ZzA1x\xf8~\x18\xd7E)\x93\x03|3v\x1f\xec&gt;`\x12\xe7\xfc\x99g\x9eY\xb0`\x81[?\x13T\xfc}322\x9exb\xc6\x0f?\x1c\x10_\xec\xdc)|\xe6\x8c\xf1\xc3\x87\xf4muw+ \np\x15\xea\xec@\x19s\xa8 \n\x9f\x83\xa4\xc8 K`4\x82\xac\x00@e\xf1\x85\xef\xf6f,\xfdpm\xda\xb6}\xe2MZ\xb6l\xf9\xce;\xef\x8c\x193\x06tv\xca44\x0c\x00\x17p.\xfc\x17S\xa8\xae&gt;\x9c\xc6#\x8a\xad\xb6\xb6666\xd6j\xb5\x86\xdd\xdd\xfa\xc0\x9e\xd5~&gt;f\xa2\xcb]\\(c\xb2\xaf\xef\xb8\xb1\xc9\xeb\xfe\xbd\xcdd4f\x1c:\x14\x19\x19\xe9\xee\xf74\x89\x0cPU\xf5\xd3O?}\xe5\xe5\x97\xcf\xe5\xe7\x8b\xaf[,\x01\xf7\xdd\xdbm@\xff\xee]\xa3\xc3\xef\to\xeb\xe3c6\x87X\x80s\xe0\x00\x92D+l\x95\x97\xabs\xcf\x9c?\x92sr\xcf\xbeC;v\xfex&amp;\xef\xbc\xf8A\xb3\xd9\xfc\xcc3\xcf\xcc\x9c9\xb3I\x93&amp;b\xcd\x8f\x0eK\xa5\xe1`\x00\xa0F%\x1a\x88O?\xfdt\xf2\xe4\xc9\x00\xf0\xca\xf3\xd3^\xfe\xc7sj\xd9E\xf7\xed\xf6\xde\x1aJ\x99\x1c\xe0\xf7\xdd\x7f\xbe\x8f\xbf\x7f:\x00L\x992%55\xd53\x96\xb4;\xc7\xb8%%%\x1b6lX\xbat\xe9\xe1\xc3\x87\xeb\xbf 8(\xd0\xdf\xdf\xe7\xee\xbb[\x03c\xc0\x01\x14\xb9\xa8\xa0\xa4\xf8B\xe9\x85\x0bePoaX\x9b6\xad\x13\x12\x12\xc7\x8e\x1d\x1b\x19\x19\tW*\xa7q\x7f\x15\xcf\x87\x01\x80\x1a\x9bX\xe4&gt;h\xd0\xa0]\xbbv\x85\x04\x07f\xfe\xb8\xaeI\xb3Pp8$=\xf5\xec(c\xc4l\x1e4x\xca\xf7{2\x82\x83\x82\xb2\xb2\xb3\x9b6m\xea\xee\xdd\x7f\'\xe7%\x01\x00\xa0\x94\xee\xd8\xb1c\xcb\x96\xcd\xdb\xb7\xef\xb0Z\x8f\xd7\xd5\xfd\xce\x06\x88\xed\xdb\xb7\x1b0 ~\xc0\x80\x01\x0f&gt;\xf8\xa0\xbf\xbf\xbfx\x07\xec\xf87\x10\x0c\x00\xd4\xd8DWn\xd7\xae]\x03\x07\x0e\xa4\x94Ny\xe4\xfe\xd4\xd5\x8b\xd4\xb2K\xfa\x19\x04\xa8\xaa\xaaX\x82?\xf9\xf0\xb3)\xff\xefU\x00x\xf3\xcd7_x\xe1\x05\xcf\xeb\xe1\xd6\x8f\x01\x00\xa0\x94Z\xad\xd6\x9c\x9c\x9c\xec\xec\xec\xb3g\xf3\xf2\xf2\xce\x8a6\x9ds\x1e\x18\x18\x18\x1d\x1d\xdd\xbau\xeb\xa8\xa8\xa8\xa8\xa8(ooo\xe7\x8f\x88\x9b%]\xf6;x:\x0c\x00\xe4\x02\xa2\xb1KHHX\xb9r\xa5,\xcbi\xeb\xff9\xe8\xfexZV)\xbb\xee\x01\xb3\x8d\x861\x0eF\xc3\xc5\x92\xd2.\xbd\xc6\x14\x97\x94\x86\x87\x87\xfd\xfcs\xa6\xa2(\x9e\xfadP\x11\x03\x9c\xf3\x1b\x0fxJ\xa9\xd8\x0c\xc3#?\x10M\xc1\x00@. \xae\x81\x97\x94\x94t\xec\xd8\xb1\xbc\xbc\xbcC\xfbV\x87\x7f\xfa\xd2\xcbh\x90tp5XU\xa9b\xb1\x8c\xfd\xf3\x8cu_m\x07\x80\xb4\xb4\xb4\xa1C\x87z^\xf7\xffZ\xbc\x9e\xab\xd2N|\x11\x00D\x7f\xdf\xe3k@;pl\x85\\@\x92$\xcey\xb3f\xcd\x16.\\\x08\x00\xb9\xa7\xf2\x9fz\xea\r\xd9\xa7\xb1\x1f,\xd5\xf8T\x87\xaaX\x82R\x97\xae\x12\xad\x7fbb\x82NZ\x7f\xb8\xd2\xb8\xcb\xb2,\xb6A\x94\xea\x11_\x14_\xc7\xd6\xbf1\xe1\x08\x00\xb9\x8cX\xf3&gt;v\xec\xd8u\xeb\xd6\x01\xc0\x8a%/%\xcc\x98\xa4\x96^\xf4\xd4\xdb\x02\xa8J\xe5\x00\xbf\xac\x83Gz\xc7O\xaa\xae\xaei\xd7\xae}ff\xa6\xd9l\xf6\xd4\xc9\x1f\xa4}\x18\x00\xc8e\xc4\xecpEEE\\\\\xdc\xe9\xd3\xa7\xbd\xbd\xbd\xbeK[\xde\xbdwWZa\xf3\xbc\x8b\x01\x8c10\x18*.W\x0f\x1889\xf3\xc8IE\x91\xf7\xec\xd9\xd3\xb3gO\xbc\xa9\x15\xb9\x10V\x1er\x19\xd1\xf3\r\n\n\xfa\xfc\xf3\xcf\t!UU5c\x1f}\xb6\xecB\xa9l\xf6b\x9e5\x17\xc49g@$os\xd2\xb4\x173\x8f\xe4\x02\xf0\xf9\xf3\xe7\xf7\xec\xd9SUUl\xfd\x91\x0ba\xf1!W\x92$IU\xd5\x9e={~\xf0\xc1\x07\x00p*\xaf`\xd8\x1f\x92\xaak\xeb\xc0hp\xaf=\xd1~\x1beL\t\x08\x98\x9e8\xf7__\xef\x04\x80\xc9\x93\'\'\'\'\xbb\xf5\xae\x0f\xc83`\x00 \x17S\x14EU\xd5\xa4\xa4$\xb1\x97dz\xc6\xd1\'f\xbc*y\x9b9\x91\xb8Gl\x16\xedPU%0\xe4\xa3wS?J\xfd\n\x00\xe2\xe2\xe2\x96.]\xeaF{&gt;#\x0f\x86\x01\x80\\O\xec\x1e\xf3\xe1\x87\x1f\x8a=\xe5W\xae\xd9\x944\xe5y\xd9\xcf\x07d7\xdb\x1b\xf9j\x9cSJ\r\x96\xd0\x94\xf7S\xa7\'\xff\x03\xae\xece/nt\xc2\x0b\xbf\xc8\xe50\x00\x90\xeb\x89M\xf1\xc4\x9e\xf2"\x03R&gt;Y\x9f\x940\x97*\x8ad04\xe8s\xc6\x1b\x0ec\x8cr\x90\x03\x03?zoE\xd2\xcc7\x00\xa0G\x8f8\xdc\xcb\x1ei\n\xae\x02BZ\xe1\xdc9 )))%%\x05\x00\xfa\xf6\xec\xfc\xcd\x86\xa5\x96&amp;AjY\xa5{\xad\r\xa5*\x95\xbd\x8c`6O\x9f\xfa\xd7\x8f&gt;\xfe\x12\x00z\xf4\xe8\xb1e\xcb\x16l\xfd\x91\xa6`!"\xad\x107\n\xd5\x1f\x07\xec=\x909h\xe8c\x87~:\xa2\x04\x85\xdc\xc1g\xcc64\xd5\xa1\xca\x81\xfee\x95\xd5c\xff\xfc$\xb6\xfeH\xcbp\x04\x80\xb4\xe5\xdaq@\xb0\xc5\x7f\xe9?\xff6\xe6\xd1\x87\xb8\xad\x82i\xfb\xa6Y\xce8\xe3L\x0e\x0c:\x94~x\xea\xd4\x1732\x8f\x03\xb6\xfeH\xc3\xb0\x1c\x91\xb6\x88q\x80x\xce\xf8\xa2E\x8b\x00\xe0RY\xe5\xd8\t\xcf\xce\x9a\xf9\n\x95e\xd9\xcfWU5:\x14P\x1d*1\x19\xe4@\xcb\xf2\x0fW\x0f\x1c\x9c Z\xff\xc4\xc4\xc4\xed\xdb\xb7c\xeb\x8f\xb4\tG\x00H\x8b\xc4\xee`\x92$\xa5\xa5\xa5=\xf6X\xe2\xf9\xf3\x05\x00\xd0+.z\xf1;\xcf\xf7\xec\xd7\x13\xaa*U\xbb];\x8b\xe8\x7f\xd9\xb58\xc0Rp\xe6\xec3s\xe6\xaf\xfdb\x0b\x00\x98L\xa6\xb7\xdez+99\x19\xaey\x0e(B\x1a\x81\x01\x80\xb4K\xdc*UXX\x98\x90\x90\x90\x96\x96\x06\x00^&amp;\xe3\xb3\xb3\xa6&lt;\xf3\xf4\xe4\x80\xd0&amp;`\xab\xa0*\x95\x14\xd9\x85\xab))e\x04@\n\xf4\x83:G\xea\'_\xbd\xf4\xea\x92\xfc\x82\x12\x00\x88\x88\x88\xf8\xf8\xe3\x8f\xfb\xf6\xed\xcb\x18\xc3\xad~\x90fa\x00 Ms\xee\x94\xb9x\xf1\xe2\xb9s\xe7\xd6\xd6\xd6\x02@\xc7\x88v\xcf&gt;\x930a\xecH\x83\xbf/\xd8lT\xa5\x92\xdc\xa8{\x08s\x00&amp;z\xfd\xfe\xbe\xc0a[\xda\xee\xf9\xf3S\xb7\xed\xfcA|w\xea\xd4\xa9\x0b\x16,\x08\x08\x08\xc0{}\x91\xc6a\x00 \xadsv\xa2\xb3\xb3\xb3\xe7\xcc\x99\xb3y\xf3f\xf1\xf5\xde=:?\xff\xdc\xb4a\x03{\x98\x02-PuY\xb5;\x08!\xb2\xdc\xb03-\x8c1\xc6\xb8\xa2\xc8\xe0\xe7\x03v\xc7\xfe\x1f2\xff\xb9d\xf5\x9au\xbf\x1cRtt\xf4\xdbo\xbf=b\xc4\x08\xc0g\xd8"w\x80\x01\x80\xdc\x83\xb3=]\xbbv\xed\xdf\xff\xfe\xf7\xac\xac,\xf1\xf5\xce\x9d\xc2\x92gN\x18\xf5\xd0\x10\xff&amp;!\xc0\x1c\xfcr5\xa5\xf4\x97\xa7\x8a\xdc\xa11\x01\x07\xe0\x8c1\xc6%B$\x1f/0\x98i\x95\xed\xdb]\xe9\x0b\xdf\xf9$m\xfb&gt;\xf1\x9a\xe6\xcd\x9a\xcdx\xe2\x899s\xe6\x18\x8dF\x9c\xf6A\xee\x02\x03\x00\xb9\r\xb1-\x84$Iv\xbb}\xde\xbcyK\x97.),,\x12\xdfj\xd3\xba\xc5\x98QC\x1e\xfa\xe3\xc0&gt;}\xba\x82\xd1\x0c\xcc\x0e5u\xd4\xa1\x8a\x87O\x894\xb8\xa9\x7f\x8bs\xce8\xe7\x8c\x13\x02\xb2"\x83\xc9\x04\x06\x13\x00=\xf6\xf3\xb1\x8d\x9bw\x7f\xfe\x7f\x9b\x0f\x1d\xce\x11\xaf4\x9b\xcd\xe3\xc7\x8f\x7f\xed\xb5\xd7Z\xb6l\t\xd8\xf1Gn\x05\x03\x00\xb9\x19g\x0b[\\\\\xbcj\xd5\xaaU\xabVeff:\xbf\xdb\xafo\xec\xe0\xf8\x9eC\xe3{\xc4\xc4Dz\x07\x07\x02\xc8\xc0U\xa8\xb3s\xbb\x833\xce8\x07\xe0b#\xea\xab\xde\xf6\xca\x89\xc0\t\x91\x08\x01\xc9`\x00\x93\x11d\x05\x00\xa8\xcdf=\x91\xb7u\xe7\x81\xefw\x1dL\xdb\xbe\xaf\xba\xbaF\xfcH\x8b\xe6\xcd\x1fy\xf4\xd1\xc9\x93\'w\xea\xd4\t\x00TU\xc5\x07Z!\xf7\x82\x01\x80\xdc\x8f\xf3f1\x00\xb0\xdb\xed[\xb6lIMM\xdd\xbaukuu\xb5\xf35\xed\xda\xb5\x8a\xed\x12yo\x9f\xae]c"\xee\tk\x1b\xd2,\x04\xbcL\x00\xe2\x92,\x07\xb8v\x7f!\xe9\xcam1*\xa8jyI\xa9\xf5d\xfe\x91\x9c\x93{\xf6\x1dJ?x\xc4z"\xaf\xae\xae\xce\xf9\xd2~\xfd\xfaN\x9e&lt;\xe5\x81\x07\x1eh\xda\xb4)\x00PJ\xf1I\xb6\xc8\x1da\x00 w\xc59\xa7\x94:\x97\xd9\x1c;vl\xe3\xc6\x8d\x1b6lHOO\xaf\xdfX\x03@pP`X\x87\xd6\x81\x16\xff\xb8.\x91\x8a\xa2\x04\xf8\xf9t\x8e\x89\xe0\x94\x12 \xe2}\x88\xa2\xe4\x9d\xc9\xcf;WD\x149+\xd3z\xa9\xb4\xe2\xd8\x893\x85\x85\x17\xae\xfa\x17\xa3\xa3;\r\x1f&gt;\xfc\xa1\x87\xfe\xd4\xa7O\x1f\xf1\x15\xf1D\x17\\\xe3\x8f\xdc\x14\x06\x00rob4 \xee\x1f\x16_\xc9\xc9\xc99p\xe0\xc0\xc6\x8d\x1b322\n\n\xce\xd7\xd5\xd9o\xe7\xfd\x9b5k\x1a\x1d\x1d=l\xd8\xf0\xfe\xfd\xfb\xc7\xc6\xc6\x8aa\x87\xf8G\xb1\xd7\x8f\xdc\x1d\x06\x00\xf2\x10\x8c11/\xe4l\x94\xab\xab\xab\xf3\xf2\xf2\x8e\x1d;\x96\x95\x95\x95\x95\x95u\xe9\xd2\xa5\x9c\x9c\xa3\x94\xd2\xca\x8a\xca:\xfbuR!44\x04\x00\xee\xbe\xbb\x83\xc5b\xe9\xde\xbd[\xfb\xf6wGEE\x85\x85\x85\x05\x06\x06:_\xa3\xaa\xaa\xd8\xbc\xbaQ~\'\x84\x1a\x16\x06\x00\xf24"\t\xae\xdbLWTT0\xc6\x8a\x8a\x8a\x8a\x8a\x8a\x08\x81\xfa\xb5\xef\xeb\xeb\x1b\x16\x16\xc69\xb7X,\xbf\xf6\x86\xd8\xe5G\x1e\x06\x03\x00y,^\x8fX\x98\x7f#\x93\xf5bzG\x9c\x17\xd8\xe8#\xcf\x86\x01\x80tDT\xbb\x88\x84k\xbf+\xe2\x01\x9b{\xa4\x1f\x18\x00\x08!\xa4S\xb8|\r!\x84t\n\x03\x00!\x84t\n\x03\x00!\x84t\n\x03\x00!\x84t\n\x03\x00!\x84t\n\x03\x00!\x84t\n\x03\x00!\x84t\n\x03\x00!\x84t\n\x03\x00!\x84t\n\x03\x00!\x84t\n\x03\x00!\x84t\n\x03\x00!\x84t\n\x03\x00!\x84t\n\x03\x00!\x84t\n\x03\x00!\x84t\n\x03\x00!\x84t\n\x03\x00!\x84t\n\x03\x00!\x84t\n\x03\x00!\x84tJq\xf5\x01\xe8\xd1\xaf=\x87\x19\x1fG\x8e\xf4\x00\xeb_;0\x00\x1a\x16\xaf\x07\x00$Ir\xfe\xf7Z\x8c1\xe7\x7fI=\x8dx\xbc\x08\xddIX\xff\x1aG~-\x8d\xd1-\x13\xe5\xce\x18#\x84\xc8\xb2|\xed\x0b\x18c\x15\x15\x15\x84\xfc\xf2\xe1\x8b\xff\xe1\xe5\xe5e6\x9b\xaf\xfbb\xf1V\x92$\xe1\xc9\x80\xb4\x0f\xeb\xdf\x8d`\x00\xdc1\xa2\xe89\xe7\x8a\xf2\xdfq\x15\xa5\xb4\xa0\xa0 777++\xf3\xe2\xc5\x8b\xe9\xe9?\xa9\xaaZ\\TTT\\D\x80p\x10\x1f&gt;\x01\xe0\xbe&gt;\xbe\x1d\xc2:p\x0e\xd1\xd1\xd1!!!\xdd\xbbw\xbf\xeb\xae\xbb\xda\xb4i\xe3\xed\xed]\xff\xdd\x00\x00\xcf\x04\xa4AX\xff\xee\x08\x03\xe0\x0e\xe0\x9cSJ\x9duO)\xb5Z\xadiii{\xf6\xec\xb1Z\xadyyg*+m\xb7\xf0\xb6&amp;\x93\xb1E\x8b\x16\x11\x11\x11\xbdz\xf5\x1e:thLL\x8c\xf3dPUU\x92\xa4_\x1bJ#\xd4\x98\xb0\xfe\xdd\x17\x06\xc0m\x11]\x121\xce\xa5\x94\x1e8p`\xfd\xfa\xf5\x9b7o&gt;q\xc2ZWg\xaf\xffJ??\x1f\x1f\x1f\xef{\xc2\xdbJ\x8a\x1c\xe0\xe7\xd3\xb9s8\xa7Ltc8\xe7D1\xe4\x9d\xc9?\x9b_Dd97\xf7le\xe5\xe5K\xa5\xe5W\xfd[\xed\xda\xb5\x8d\x8f\x1f\xf8\xe0\x83\x0f\x0e\x180\xc0\xdf\xdf\x1f\xae\xf4\xb9\xb0C\x84\\\x05\xeb\xdf\xdda\x00\xdc"J\xa9\xb3\xf2\xf2\xf3\xf3\xd7\xae]\xbbz\xf5\xea\xc3\x87\x0f\xff\xf7\x15\x84\xb4m\xd3\xb2[\xd7\x8e\xb11\x11\xdd\xbbDv\x8ch\xef\x1f\xe0\x1b\x10j\x01I\x06\x89\x00\x18\x00\xea\x7f\xf2\x04@\x05F\x81\x90\x9a\x8beUU5G\xacg\x0eeZ\xb3\xb2O\xa4\x1f&lt;r"7\xaf\xb6\xb6\xce\xf9\xd26m\xda\x8c\x193f\xc2\x84\t\x9d;wv\x1e\xccu\'[\x11j X\xff\x9e\x01\x03\xe0\xa6\x89\x89NQp\xfb\xf6\xed\xfb\xf8\xe3\x8f\xbf\xfa\xea\xdfee\xe5\xe2\xbb\x16\x8b\x7f\xf7\xd8\xa8a\x83z\xf5\xbf\xb7{Td[\xef\x90 \x00\x05@\x85:;P\xc6\x1c\x0e\x00\xe0\x1c8g\x00\xf5\xbb-\xfc\x97\x05\x0f\x1c$\x83\x02\xb2\x04&amp;#\x10\x05\x80\xd3J\x9b\xf5\xe4\xb9\x03\xe9\x99\x1b\xd3\xf6\x1c&lt;x\xf4L\xdey\xf1\x03F\xa3q\xc0\x80\x013f\xcc\x181b\x84\xd1h\x14\xbd!&lt;\rPC\xc3\xfa\xf7$\x18\x007\xa1\xfe\\\xe7\x8e\x1d;\xe6\xcd\x9b\xb7u\xebV\xe7w\xfb\xf5\xe9\xfa\x</t>
        </is>
      </c>
    </row>
    <row r="135">
      <c r="A135" s="1" t="n">
        <v>133</v>
      </c>
      <c r="B135" t="inlineStr">
        <is>
          <t>circle_size_number</t>
        </is>
      </c>
      <c r="C135" t="inlineStr">
        <is>
          <t>What is the missing number of the part denoted with a question mark?</t>
        </is>
      </c>
      <c r="D135" t="inlineStr">
        <is>
          <t>[6, 2, 3, 1]</t>
        </is>
      </c>
      <c r="E135" t="inlineStr">
        <is>
          <t>6</t>
        </is>
      </c>
      <c r="F135" t="inlineStr">
        <is>
          <t>There are 6 numbered circles with varying sizes arranged in a ring with number [5, 6, 3, 3, '?', 5] in a clockwise order.</t>
        </is>
      </c>
      <c r="G135" t="inlineStr">
        <is>
          <t>We observe that the size of the circle is related to the number in the circle. The circle with the largest value 6 seems to be the biggest and the circle with the smallest value 3 seems to be the smallest. Thus, the pattern is that the larger the number the larger the circle.</t>
        </is>
      </c>
      <c r="H135" t="inlineStr">
        <is>
          <t>Based on the pattern that the larger the number the larger the circle, the missing number of the circle denoted with a question mark should be 6.</t>
        </is>
      </c>
      <c r="I135" t="inlineStr">
        <is>
          <t>b'\x89PNG\r\n\x1a\n\x00\x00\x00\rIHDR\x00\x00\x02\x00\x00\x00\x02\x00\x08\x02\x00\x00\x00{\x1aC\xad\x00\x00\xad\xd2IDATx\x9c\xec\xbdw\\S\xd7\xff\xf8\x7fo&amp;$\x84\x0c\x02\x88\x14\'(S\x96\x0c\x05\xdc[\xdf\xb8\xb5\x0e\xac\xa3Vq\xb4\xdaZ\xab\xadU\xdbj\xb5Vk\xb5\xd6U\xb5\xee=\xc0\xbd\xb78\x90)K\x147\xca\xcc\x82\x90u\xef\xcd\xef\x8f\xd7\xd7\xfc\xf8\xb8\x8a\n\xc9M8\xcf?\xfa\xb0\x9a\xc0I\xce\xb9\xaf\xfdz\x1d\xdch4b\x08\x04\x02\x81\xa8\x7f0,\xbd\x00\x04\x02\x81@X\x06\xa4\x00\x10\x08\x04\xa2\x9e\x82\x14\x00\x02\x81@\xd4S\x90\x02@ \x10\x88z\nR\x00\x08\x04\x02QOA\n\x00\x81@ \xea)H\x01 \x10\x08D=\x05)\x00\x04\x02\x81\xa8\xa7 \x05\x80@ \x10\xf5\x14\xa4\x00\x10\x08\x04\xa2\x9e\x82\x14\x00\x02\x81@\xd4S\x90\x02@ \x10\x88z\nR\x00\x08\x04\x02QOA\n\x00\x81@ \xea)H\x01 \x10\x08D=\x05)\x00\x04\x02\x81\xa8\xa7 \x05\x80@ \x10\xf5\x14\xa4\x00\x10\x08\x04\xa2\x9e\x82\x14\x00\x02\x81@\xd4S\x90\x02@ \x10\x88z\nR\x00\x08\x04\x02QOA\n\x00\x81@ \xea)H\x01 \x10\x08D=\x05)\x00\x04\x02\x81\xa8\xa7 \x05\x80@ \x10\xf5\x14\xa4\x00\x10\x08\x04\xa2\x9e\x82\x14\x00\x02\x81@\xd4S\x90\x02@ \x10\x88z\nR\x00\x08\x04\x02QOA\n\x00\x81@ \xea)H\x01 \x10\x08D=\x05)\x00\x04\x02\x81\xa8\xa7 \x05\x80@ \x10\xf5\x14\xa4\x00\x10\x08\x04\xa2\x9e\x82\x14\x00\x02\x81@\xd4S\x90\x02@ \x10\x88z\nR\x00\x08\x04\x02QOA\n\x00\x81@ \xea)H\x01 \x10\x08D=\x05)\x00\x04\x02\x81\xa8\xa7 \x05\x80@ \x10\xf5\x14\xa4\x00\x10\x08\x04\xa2\x9e\x82\x14\x00\x02\x81@\xd4S\x90\x02@ \x10\x88z\nR\x00\x08\x04\x02QOA\n\x00\x81@ \xea)H\x01 \x10\x08D=\x05)\x00\x04\x02\x81\xa8\xa7 \x05\x80@ \x10\xf5\x14\xa4\x00\x10\x08\x04\xa2\x9e\xc2\xb2\xf4\x02\x10t\xc1h4\xc2\x7f\xe1\x0f\xaf\x83\xe38\x8e\xe3\xa6?\x9boe\x08\x04\xa2n\xc0\xdf\xf6\xb4#l\x18c50\x0cc0\x18\x0c\xc6\xfb\xf9\x82\x14E\xc1\xdbA\x130\x18\x0c\xa4\x12\x10\x08\xab\x03)\x80\xfa\x82Id\xbfM\xdc\x97\x96\x96\xe28\xaeR\xa9\xb2\xb2\xb2^\xf9\'\x1c\xc7)\x8aj\xd2\xa4\x89\xbb\xbb;EQNNNL&amp;\xf3\xf5\x9f@\x92$\xfc\xfc\xea\xbe\x02\x02\x81\xa0-H\x01\xd82F\xa3\x11\xe4&gt;\x8b\xf5\x7fb}r\xb9\xfc\xe1\xc3\x87\x0f\x1e&lt;\xb8q\xe3FYYY^^\x9e^\xafW(\x14F\xa3\x91 \x08\'\'\'\x16\x8bEQTu!\xce`0JJJ@y\xf0x&lt;&gt;\x9f\xef\xee\xee\xfe\xc9\'\x9f\x04\x05\x055k\xd6\xcc\xd7\xd7\xd7\xd9\xd9\xb9\xfa\xaf I\x12\xc30\x1c\xc7\xdf\xd7\xb7@ \x10f\x03)\x00\x1b\x04\xe4&gt;\x86a\xd5\xed\xf4\xfb\xf7\xef_\xbdz\xf5\xe2\xc5\x8b\xd9\xd9\xd9\xc5\xc5\xc5\x02\x81@(\x14\xb6l\xd9\xd2\xc5\xc5%((\x88\xcf\xe7\xfb\xfb\xfb\x93$\xc9b\xb1\xdc\xdd\xdd\x99L\xe6+\x07\x03\xc7\xf1\xa2\xa2"\xb5Z\xcdf\xb3\x1f=zT\\\\\\PP\xf0\xe4\xc9\x93\xfb\xf7\xef\x97\x95\x95\xa9T*\x81@\xe0\xe9\xe9\xd9\xae]\xbbv\xed\xda\x05\x04\x04\xb0\xd9lx#EQ\x14E}@\x94\tQs`\xb3`\xd3M\xff\xfb:\xd5S8\xc8KC`H\x01\xd8\x18\x10\x841\xd9\xfb*\x95\xea\xe2\xc5\x8b\x89\x89\x89\xa9\xa9\xa9\x1a\x8d\xa6a\xc3\x86~~~\xad[\xb7\x0e\x0c\x0cl\xd4\xa8\x91H$\x02\xa1l4\x1aI\x92\xd4j\xb5\xf0.\x9dN\xf7\xc6\x1f\xcef\xb3\x19\x0c\x86\xd1h\xe4r\xb9l6\xdb$&gt;*++\x9f={\x96\x95\x95\x95\x9a\x9a\x9a\x93\x93SPP\x80\xe3\xb8\xa7\xa7glll\xc7\x8e\x1d\x1b7nlZ\x1b\x86\xb2\x05\xb5A\xf5\x14\x0e\xc8\xf1\x0fV\xae\xa0\x9e\xb1\x97\xbe\x1a\xda\x9a\xfa\x06R\x00\xb6\x00\x98\xfc\xa6\x07X\xa9T\x1e=z\xf4\xe0\xc1\x83\xb7o\xdf\x16\n\x85QQQ\xdd\xbau\x8b\x88\x88pss\xc3q\xdch4j4\x1a\xbd^O\x10\x04\xec\xfe+\xf6\xe0\xdb\xa4\x80\xe9\xa8\x98\xb2\xc7 \x80\x98L&amp;\x87\xc3\xb1\xb3\xb3\x03\x87C&amp;\x93eee\x9d&lt;y\xf2\xea\xd5\xab\xf7\xef\xdf\xf7\xf6\xf6\x8e\x8d\x8d\xed\xdf\xbf\xbfI\x13\x10\x04\xc1d2\x91\xacy/L\xd1&lt;\xf8\xc2_\xf9W\x99L\xa6\xd7\xebSRRH\x92$\x08\xe2\xda\xb5k\x04A\xbc\xfe\x13BCC\xc5b\xb1\xd1h\xf4\xf7\xf7wtt|%j\x87\xbd\xd4\x07H\x19\xd4\x1f\x90\x02\xb0n@.\x98$\xc2\xf9\xf3\xe7w\xef\xde}\xea\xd4)77\xb7\xfe\xfd\xfb\xc7\xc4\xc4\x84\x84\x84\xd8\xd9\xd9\x11\x04QUU\xa5\xd7\xebA\x82\xd4\xfa\xe3]]&lt;\xb1X,{{{.\x97k4\x1a\xb3\xb3\xb3\xaf]\xbb\x96\x98\x98\x98\x9e\x9e\x1e\x1e\x1e&gt;t\xe8\xd0\x81\x03\x07r8\x1c\x0c\xc3H\x92D\x19\x82\xff\x04\xbeU\xec\xffF\xf3***\xee\xdd\xbb\x97\x99\x99\x99\x96\x96\x96\x9b\x9b\xabT*\xcb\xca\xca\x8cF\xa3H$\x02\xf5\xe0\xef\xef\xcfb\xb1\xaa?\xdaF\xa3\x91\xc9d\xe6\xe5\xe5UTT0\x99L\xa5RI\x10\x84H$\xe2\xf1x\x81\x81\x81^^^AAA\x01\x01\x01NNN\xd5\x7f5\x8a\xdd\xd9&lt;H\x01X+\x10\xb7\x81h\x8fV\xab\xdd\xb8q\xe3\xae]\xbb\n\x0b\x0b{\xf5\xea5r\xe4\xc8\x90\x90\x10.\x97\xab\xd5j\xab\xaa\xaaH\x924se\x8e\xc9\x90\xb4\xb7\xb7\xe7\xf3\xf9\x18\x86\xe5\xe6\xe6\x1e8p`\xcf\x9e=\x04A\x0c\x1a4h\xe2\xc4\x89\xee\xee\xee\x18R\x03o\x01\x14j\xf5oF\xadV\'\'\'_\xbcx1))\xe9\xe9\xd3\xa7L&amp;\xd3\xd5\xd5\xd5\xd3\xd33  \xc0\xd5\xd5\xd5\xdf\xdf\x9f\xcb\xe5~\xf2\xc9\'\xa0\'\xdeX\xa3\x85U\xdb\x97\xe7\xcf\x9f\xeb\xf5\xfa\xdc\xdc\xdc\xd2\xd2\xd2\xd4\xd4\xd4\xc7\x8f\x1f?~\xfcX\xadV\xbb\xb8\xb8\x84\x85\x85u\xea\xd4\xa9m\xdb\xb6&amp;\xff\xe0\x15\xff\x12aK \x05`}T\xb7\xfa\x8b\x8a\x8a\x96,Yr\xf6\xecY\x89D\x12\x17\x17\xd7\xaf_?\'\'\'\x9dNWYYI\x07\xf3\xcd\x94\x8e\x06M\xa0\xd5j\xcf\x9d;\xb7i\xd3\xa6\xfc\xfc|__\xdf\xd9\xb3g\x07\x05\x05a\x18fRQ\x16\\*M\x00\x19m\xca\xe2&lt;~\xfc\xf8\xe2\xc5\x8bG\x8e\x1cIMM\x15\n\x85\xbe\xbe\xbe\xd1\xd1\xd1m\xda\xb4\xf1\xf0\xf00Y\xeb\x14Ei4\x1a\xa3\xd1hJ\xde\x98\xb2\xc1\xaf`2\x02 \x9d\x03Q;\xf8\x9b\xca\xca\xca\xc2\xc2\xc2\xdb\xb7o_\xbat)==\xbd\xb8\xb8\xb8y\xf3\xe6\xb1\xb1\xb1\x1d:t\x80=\xc2^fq\xde\xa6]\x10\xd6\x08R\x00V\x06I\x92\xf0\x04\x16\x17\x17/Y\xb2d\xef\xde\xbd\xa1\xa1\xa1\xdf|\xf3MLL\x8c\xd1hT*\x95\x06\x83\xc1\xe2r\xffu\xc0_a2\x99\x8e\x8e\x8e,\x16\xeb\xde\xbd{+W\xaeLHH\x88\x88\x88\x983g\x0e\x88\x98z\x9e\x1b\xa8\xee\x0c\xa9T\xaa\xa3G\x8f\xae_\xbf&gt;??\xdf\xd3\xd3\xb3W\xaf^\xed\xda\xb5\x0b\n\n\xe2\xf1x\x18\x86A4\x0fR8\xa6F&lt;\xec}\xda\xb3\xabw}WO\xe4\xf0x&lt;\x1c\xc7\t\x82\xc8\xcd\xcd\xbdv\xed\xda\x89\x13\'\xd2\xd2\xd2\xc4bq\\\\\xdc\xe0\xc1\x83!\x8b\x83\x1c\x02[\x02)\x00\xab\x01\xcc:\x06\x83A\x10\xc4\xec\xd9\xb3w\xed\xda\xd5\xbau\xeb\xef\xbe\xfb\xaeM\x9b6:\x9d\xae\xa2\xa2\x02\xb3\x86\x1a\x1b\xb0p\xed\xed\xed\x1d\x1c\x1c\x1e&gt;|\xf8\xc7\x1f\x7f\x1c:t(22\xf2\xcf?\xff\xfc\xe4\x93O\xb0j\x1a\xae\xfeP\xdd\x01JKK[\xb3f\rdq\x06\x0e\x1c\xd8\xbbwoooo\x06\x83a\x8a\xe6\xd5]\x86\xd6\x94\xc8a0\x18\xf6\xf6\xf6\xa0l\x9e={v\xe6\xcc\x99\xfd\xfb\xf7\xa7\xa7\xa7\x87\x85\x85\x8d\x1d;666\xf6\xf5e#\xac\x14\xa4\x00\xac\x03\x82  ,\xf0\xef\xbf\xff.Z\xb4\xc8\xd7\xd7\xd7$\xfaU*\x15\rM\xfew\x03\x0e\x81I\r,_\xbe\xfc\xf8\xf1\xe3\xfd\xfb\xf7_\xb4h\x11\x8b\xc5\xaa?\xae@u\x19z\xf8\xf0\xe1\x15+V&lt;|\xf8\xb0G\x8f\x1e\xa3F\x8d\n\x0e\x0e\xe6r\xb9j\xb5\x1a\xc2;f\xdebS\xec\x8e\xc3\xe18::b\x18\x96\x9b\x9b{\xf0\xe0\xc1m\xdb\xb6\t\x04\x82Q\xa3FM\x980\xc1\x94\xccGj\xc0zA\n\x80\xee\x80\xbb\x8daXnn\xee\xb8q\xe3***~\xfa\xe9\xa7\x01\x03\x06X\xa9\xe8\xaf\x0e\xa8\x01;;;\x81@\x90\x9a\x9a\xfa\xddw\xdf=~\xfc\xf8\xf7\xdf\x7f\xef\xdb\xb7/f\xeb\xae\x00$cAn&amp;$$\xacX\xb1\xe2\xc5\x8b\x17c\xc7\x8e\x1d9rd\xc3\x86\rMY\x1c\x8b+\xc2W\xb28\x15\x15\x15\xc7\x8f\x1f_\xbe|\xb9F\xa3\x19;v\xec\xc4\x89\x13\xb9\\.f\xeb\x9be\xc3 \x05@k\xc0\xf0\xa7(\xea\xbb\xef\xbe;p\xe0@\\\\\xdc\xcc\x993\xed\xed\xed\xcb\xcb\xcb\xadZ\xf4W\x07\xe6O8::\xda\xd9\xd9\xed\xdc\xb9s\xee\xdc\xb9AAA+W\xael\xd8\xb0\xa1M\xba\x02\xd5s\xf8G\x8e\x1c\xf9\xe3\x8f?H\x92\x9c4iR\xef\xde\xbd\x05\x02\x81J\xa5\xd2\xe9t4\xdc\\S\xd5\x99P($I2))\xe9\xcf?\xff|\xf8\xf0\xe1\xb8q\xe3\xe2\xe3\xe3\xe1\x94b/\xb3\x11\x08k\x01)\x00\x9ab\x12\x13yyyC\x86\x0c\x91J\xa5\xeb\xd6\xad\xf3\xf2\xf2\x92\xcb\xe56imA\xf4Y"\x91TVV\xce\x9c9\xf3\xe0\xc1\x83\xeb\xd7\xaf\xef\xd7\xaf\x1fV\xcd\x07\xb2\x01L{\x97\x9e\x9e&gt;e\xca\x94\xa2\xa2\xa2y\xf3\xe6\r\x1b6\x8c\xc1`@m&gt;\xfd\x15\x1e\xe4!\x04\x02\x01\x87\xc3\xb9r\xe5\xca\xcc\x993\xcb\xcb\xcb\x7f\xfb\xed\xb7\xfe\xfd\xfbc\xd5b\x95\x08\xab\x00)\x00:b\x12\x13+V\xacX\xb4h\xd1\xbcy\xf3\xe2\xe3\xe3\xd5juUU\x95m?]`c\x8aD\xa2\xf3\xe7\xcfO\x980!::z\xd3\xa6MP\x97b\xed\x1f\xdc4\x8aU\xa5R}\xf5\xd5Wg\xce\x9c\x996m\xda\xe7\x9f\x7f.\x14\ne2\x194jYz\x8d\xef\x01$\xf3\x85B!\x83\xc1HLL\xfc\xf9\xe7\x9f\xf9|\xfe\xa6M\x9b\xbc\xbd\xbd1\xdb\xd2\xd9\xb6\r\xda$\xda\x01f\xa0Z\xad\x1e4h\xd0\xda\xb5kO\x9e&lt;\x19\x1f\x1f_ZZ\xaa\xd5j\xad]\x08\xfe\'L&amp;\x93\xa2\xa8\x92\x92\x92\xf6\xed\xdb\xdf\xbcy\xb3\xbc\xbc\xbcU\xabVw\xef\xde\x85\xcc\xb0\xa5W\xf7\xe1\x98\xaaw\x0e\x1d:\xe4\xef\xef\xaf\xd7\xeb\x93\x92\x92f\xcc\x98\x81a\x18D\xf3\xacK\xfac\x18\xc6`0X,VEE\x85R\xa9\xec\xdf\xbf\xff\xb5k\xd7\xbau\xeb\xd6\xa5K\x97\x85\x0b\x17\x82\xf4\xb7\xea\xfd\xaa? \x05@/\xc0\xd4MNN\x0e\n\n\xe2p8)))&gt;&gt;&gt;%%%,\x16\xab\x9e\x98T8\x8e\xb3\xd9l\x99L\xc6b\xb1\x0e\x1f&gt;\x1c\x17\x17\x17\x1d\x1d\xbdy\xf3f\x882[\xa3\xc3\n\x1a]\xa5R\r\x1a4\xe8\xc7\x1f\x7f\\\xb9r\xe5\x8e\x1d;$\x12Iii\xa9\xd5\x19\xfe\xaf\x00\xb9\n\x99Lf0\x18\xe6\xcf\x9f\x7f\xf4\xe8\xd1\x0b\x17.\x04\x05\x05\xe5\xe5\xe5\xb1X,\x18Mh\xe95"\xdeE\xbd\x90)\xd6\x02H\xffC\x87\x0e\xf5\xea\xd5\xeb\xeb\xaf\xbf\xde\xb9s\'\x14\xf8\x9bF+\xd7\x1f\xc0\xe4/--\x9d9sfBB\xc2\xfc\xf9\xf3\xe7\xcf\x9f\x0f\xb3H\xdf\xd6\xe6JCL\x89\xd3\x8b\x17/\xfa\xf9\xf9\xb9\xba\xba\xde\xb8q#66\xb6\xb4\xb4T\xaf\xd7\xdb\x8c?\x07:\xac\xb4\xb4\xb4e\xcb\x96g\xcf\x9e\x8d\x8f\x8f\xef\xd0\xa1\xc3\x8a\x15+ \x9f\x01\xfd\xc3\x08z\x82r\x00\xb4\xc0\x94\xf2]\xbe|\xf9\xc2\x85\x0b\xf7\xed\xdb\xd7\xb1cG0\xfci\x9e\x12\xack\x0c\x06\x83\x93\x93Siii\xd7\xae]}||\xf6\xee\xdd\x8bYI\x88\xd9\x94\xc8\xf9\xf9\xe7\x9f\xff\xfa\xeb\xafU\xabV\r\x1d:T.\x97\xdb@&gt;\xe3m@b\xc0\xd9\xd99==}\xd8\xb0a~~~[\xb6l\xe1\xf3\xf96\xfc\x91\xad\x1d\xba?E\xf5\x01H\x0f2\x99\xccQ\xa3F\xadZ\xb5*333&amp;&amp;\xa6\xa4\xa4\xa4\xfa\xcc\xfdz\x0b\x84\x83\xf8|~ff\xa6V\xab\r\x0e\x0eV*\x95\x0c\x06\x83\xe6v%\x84}\x94Je\xd7\xae]\x13\x12\x12n\xdc\xb81t\xe8\xd0\x92\x92\x92\xd7og\xb3% 1PRR\xe2\xe3\xe3\x93\x92\x92\xc2\xe1p\x82\x82\x82\x92\x93\x93\xad=\x85c\xc3 \x05`aL\x93U\x06\x0f\x1e\\PP\x90\x94\x94$\x16\x8b\xe5ry=\x0c\xfb\xbc\r\x16\x8b\xa5\xd7\xeb\x95J\xe5\xa1C\x87\xc2\xc3\xc3#""\xe4r9\x93\xc9\xa4\xad\x0e\x00\x837777&lt;&lt;\xbci\xd3\xa6\xc9\xc9\xc9nnn\xa5\xa5\xa5\xf5D\xa3\xb3\xd9\xec\x8a\x8a\n\x9dN\xb7s\xe7\xce\xaf\xbf\xfe\xbaW\xaf^\x87\x0e\x1db\xb1X\x06\x83\xc1\xd2KC\xbc\nR\x00\x96\xc4\x14\xf9\x190`@EE\xc5\xb5k\xd7x&lt;\x9eZ\xad\xb6a#\xf1\xc3`0\x18\x14E\xc9\xe5\xf2u\xeb\xd6\r\x1b6,&lt;&lt;\x9c\xb6:\x00\xa4\x7fRRRtt\xf4\xf8\xf1\xe3\xd7\xaf_\xafP(4\x1aM\xbd\xdaS\xb8R\xb4\xa4\xa4$&gt;&gt;~\xef\xde\xbd\xe3\xc7\x8f_\xbe|9\x9b\xcdFia\xba\x81r\x00\x16\xa3\xba\xf4\xd7h4\'N\x9c\x90\xcb\xe5V\x11\xdd\xb6\x14\xd03\xec\xe2\xe2\xf2\xf3\xcf?o\xdb\xb6\xed\xd6\xad[b\xb1\x98V\xdf\x18H\xff\xad[\xb7N\x9f&gt;}\xf7\xee\xdd]\xbbv\x85P\x9e\xa5\xd7e1\x0c\x06\x83D")..n\xdf\xbe\xfd\xff\xfe\xf7\xbf\xe5\xcb\x97W\x9f\x81\x81\xb08H\x01X\x06S}\xc8\xc0\x81\x03\xab\xaa\xaa\x90\xf4\xaf9\x06\x83\x81\x9e:\xc0`0\xb0\xd9\xec\x15+V\xcc\x9c9\xf3\xe4\xc9\x93\x1d;v,..\x86\x89i\xf5\x19\x82 \x04\x02\x81B\xa1\x88\x8c\x8c\x0c\x0b\x0b\xdb\xb7o\x1f\x9a\x1fG\x1f\x90\x02\xb0\x0c`*\x0e\x192\xa4\xac\xac\xec\xfc\xf9\xf3H\xfa\xbf\x17\xa0\x03\xe6\xce\x9d\xbbc\xc7\x8e\xec\xecl\x0e\x87cq\xa3\x12\xa4\xff\xd2\xa5KW\xadZu\xf1\xe2\xc5O&gt;\xf9D.\x97\xd7\xab\xb0\xcf; I\x92\xcb\xe5r\xb9\xdc\xd8\xd8X\x1e\x8fw\xf0\xe0A\xa4\x03h\x02R\x00\x16\x00\x84\xc5\xb2e\xcb\xfe\xfc\xf3\xcf\xac\xac,\x1c\xc7\xe1\x16\x17K\xaf\xcb\x9a \x08\xc2\xd9\xd9\xf9\x7f\xff\xfb\x1f\x86aG\x8e\x1c1\x18\x0c\x16,\x99\x85\r\xfd\xf3\xcf?\x97/_~\xe3\xc6\r\x89D\xa2R\xa9\x90\xf4\xaf\x0e\\s&amp;\x14\n{\xf4\xe8!\x10\x08\xf6\xed\xdbg\x15\x83\x8fl\x1e\xa4\x00\xcc\r\xd8\xfe[\xb6l\xf9\xf6\xdbo333\x05\x02\x81F\xa3\xb1\xeavP\x8b\x00\xb5\xb3NNN\x9d:uj\xd4\xa8\xd1\xe6\xcd\x9b-Ul\x0e\xbfw\xcd\x9a5\xdf~\xfb\xed\xbd{\xf7\xc4bqEE\x05\x92\xfe\xaf\x03\xd1\x7f\x89D\x12\x11\x11\xd1\xa8Q#\xd0\x01\xe8\x8b\xb2,\xc8\xea4+`\x07\xdd\xb8q\xe3\xeb\xaf\xbfNHH\x90J\xa5UUUH\xfa\x7f\x00`9\xaaT\xaa\x03\x07\x0e\\\xb9re\xe5\xca\x950{\xc0\xcc\xcb\x80D\xce\xd5\xabWg\xcc\x98q\xf4\xe8Qggg$\xfd\xdf\x064rWTT\x1c9r\xe4\xfa\xf5\xeb\xbf\xff\xfe;\xaa\r\xb58\xe8\xa4\x9a\x0fp\xb6\xe4ry\x9f&gt;}\xfe\xfa\xeb\xaf\xb6m\xdb\x96\x94\x94p8\x1c\xe4\x84}\x18\x0c\x06C\xaf\xd7\xf3\xf9\xfc3g\xce\xf8\xfb\xfb\x87\x84\x84DGG\x9bsV6\xfc\xae\xb4\xb4\xb4\xd8\xd8\xd8\xc4\xc4\xc4\x0e\x1d:\x94\x96\x96"\xe9\xff\x0e\x18\x0c\x86N\xa7spp\xb8}\xfbvxx8\x9f\xcf\x9f4i\x12\xf2\x03,\x08\n\x01\x99\x0f8\xe8\x9d:u\xf2\xf2\xf2Z\xb7n]=/\x10\xac- !\xbc{\xf7\xee\xa9S\xa7\xe6\xe7\xe7\x0b\x85B\xf3$\x84!\x06%\x97\xcb\x83\x82\x82f\xcf\x9e=i\xd2$T\xf3SC\x08\x82\x10\x8b\xc5\xd9\xd9\xd9\xd1\xd1\xd1\xa7N\x9dj\xdb\xb6-\xaa\x80\xb0\x14H\x01\x98\t\x90\xfe\x0b\x16,\xd8\xbd{wzz:\xcc3\xb0\xf4\xa2l\x04\xd0\x01_|\xf1\xc5\xfd\xfb\xf7\xcf\x9f?\x0f)\xd9\xba\xfe\xa5\xb0\xa1\xa1\xa1\xa1\x1d;v\\\xbat)R\xe7\xef\x85\xc1`\x90J\xa5\xc7\x8f\x1f\x1f&gt;|x~~\xbe\xab\xab+\\\x96`\xe9u\xd5;\x90\x020\x07`\xe0\xdc\xbau\xabs\xe7\xce\xe9\xe9\xe9\r\x1a4\xd0j\xb5\xe8\xb8\xd7"\x14E\x89D\xa2V\xadZ\x8d\x1a5\xea\xbb\xef\xbe\xab\xeb\xa8\x02\xfc\xfc\xe9\xd3\xa7\xdf\xbcy3))\tf\xfa\xd7\xdd\xaf\xb3I@m\xcf\x9a5\xeb\xcc\x993)))(\x10d\x11\x90\x02\xa8s\xa0\xe3\xb7\xaa\xaa*00p\xc1\x82\x05\xc3\x87\x0fG\x91\xe2Z\x87\xa2(;;\xbb\xe7\xcf\x9f\xb7m\xdb\xf6\xc4\x89\x13\xad[\xb7\xae\xbb\xa8\x02\x84\xfe\x8f\x1e=:j\xd4\xa8\xec\xecl\x07\x07\x07\xbd^\x8f\x14\xc0\x07@Q\x94D"\x89\x8a\x8a\x8a\x88\x88X\xbe|9\xd2\x01\xe6\x07)\x80:\x07\xe4E\\\\\x9cJ\xa5JLLD\xd2\xbf\x8e\x80\xce\x80\x95+W\xaeX\xb1"??\x1f\xc3\xb0\xbah5\x82Z\xc6\xd2\xd2R//\xaf\xdd\xbbww\xeb\xd6\r\xee\xae\xa9\xdd\xdfRO\xa0(\x8a\xc3\xe1TVV\xfa\xf9\xf9m\xdb\xb6\xadw\xef\xde6y\xdf5\x9dA\n\xa0n\x01;\xf4\xfa\xf5\xeb\x03\x06\x0c\xc8\xc8\xc8\xb0\xb3\xb3#\x08\x025\xbf\xd4\x11$IJ\xa5\xd2v\xed\xda\xf5\xec\xd9s\xf6\xec\xd9u!M\xa0}\xa9[\xb7n\xc1\xc1\xc1K\x96,A\xa1\xff\x8f\x84 \x08\'\'\xa7\xe3\xc7\x8f\xc7\xc7\xc7\xa7\xa4\xa4899\xa1\x0eas\x82\x14@\x1db\xba\xbe\xaae\xcb\x96\xd3\xa7O\x9f&lt;y22\xff\xeb\x14\x8a\xa2x&lt;\xde\xdd\xbbw\xdb\xb5k\x97\x92\x92\xe2\xe9\xe9Y\xbb\xa9E\x88Q\xac^\xbdz\xd5\xaaUYYYr\xb9\x1cE~&gt;\x1eH\x06|\xfe\xf9\xe7\xe5\xe5\xe5\x87\x0e\x1dB\x81 s\x82\x14@\x1d\x02\x16\xe8\xe2\xc5\x8b\xf7\xec\xd9\x93\x9a\x9aZ^^\x8e\xdc\xdb\xba\x06\xa4\xc9\x94)S\xee\xde\xbd{\xe6\xcc\x99Zt\x02 \xf8\x03\xb7\x9d\x1c?~&lt;88\xb8\xa2\xa2\x02m\xe8\xc7c4\x1aq\x1cg\xb1X\xde\xde\xde\xeb\xd6\xad\xeb\xd3\xa7\x0f\n\x04\x99\r\xa4\x00\xea\n\xa8\x13W(\x14M\x9a49u\xeaTpp\xb0Z\xadF\x06\xa3y`2\x99^^^[\xb7n\xed\xde\xbd{mI\x13\xf89=z\xf4h\xdc\xb8\xf1\xbau\xeb\x903W\x8b\x90$)\x16\x8b\xf7\xee\xdd\xfb\xcd7\xdf\xe4\xe6\xe6:88\xa0@\x90y@\n\xa0\xae0\xe5~9\x1c\xce\xc6\x8d\x1b\x91\xbc0\x1b$IJ$\x92\x1d;v\xfc\xfa\xeb\xaf\x19\x19\x190$\xee#\xa5\t\xec\xe6\xa9S\xa7\xe2\xe2\xe2\n\n\nH\x92\x04\x87\xa0\xb6\xd6\x8c\x80\x1c~\xd7\xae]\xfd\xfd\xfdQE\x90\xd9@\n\xa0N\x00\xe9\x90\x93\x93\xd3\xa6M\x9b\xcc\xccL\xa9T\xaa\xd7\xeb\x91\xbc0\x1b\x14E\x89\xc5b\x7f\x7f\xff\xc9\x93\'O\x9e&lt;\xf9#\x9d\x00p\xe6\x08\x82\x80\xa6\xdf\x11#F\xc8d2\x14\xa3\xa8]\x8cF#\x87\xc3),,l\xdf\xbe\xfd\xc5\x8b\x17[\xb4h\x81a\x18\xf2\x98\xeb\x1a\xf4\xfd\xd6\t\x10\xd6\xfc\xfe\xfb\xef\x87\r\x1b\xd6\xa4I\x13\x8dF\x83\xa4\xbf9\x81\xf4\xfb\xfc\xf9\xf3\x17/^\x0c\xaa\xf7c\x0c\x1d(\xe5Z\xbf~\xbd\xd1h\x1c1b\x04\xdcFY\x8b\xabE`\x18\x86\xe3xUUU\xcb\x96-\xfb\xf4\xe93c\xc6\x0c\x98\x1cg\xe9E\xd9&gt;\xc8\x03\xa8}@^\xc0\xa8\x93\xd4\xd4Tgggd\xfe\x9b\x1f\x8a\xa2\x84Bapp\xf0\xc4\x89\x13?\xc6\t\x00\xf3_\xa7\xd3\x05\x06\x06\xaeX\xb1\xa2s\xe7\xce*\x95\n)\x80\xba\xc0h4\xb2X\xac\xca\xca\xca\xb6m\xdb\x1e&gt;|8  \x00\xcd\x87\xa8k\xd0\x97[\xfb\x80N\x9d={\xf6\x90!C\x9a6m\x8a\xcc\x7f\x8b\x00N\xd8\x9c9s\x16/^\xac\xd1h&gt;\xd8\xa24\x99\xff\xcd\x9b7\xef\xd9\xb3\xa7R\xa9D\xd2\xbf\x8e\xc0q\\\xa7\xd35l\xd8\xf0\x8b/\xbe\x98;w\xeeG\xfam\x88\x9a\x80\x14@-\x036KaaaJJ\xca\xcc\x993+++\x91\xbc\xb0\x08L&amp;S\xa1P\x0c\x180@*\x95\x1e9r\x04\xc7q\xe8\xc9x/@\x8bh4\x9au\xeb\xd6\xcd\x9e=\x1bMp\xaakX,\x96B\xa1\x980aB^^^FF\x06\x83\xc1\xf8\x80]C\xd4\x1ct\x9ak\x19H\xff.]\xba\xb4c\xc7\x8e\xcd\x9b7G\xe6\xbf\x05\x81\xebw&amp;O\x9e\xbcl\xd92\xec\xe5\x1d2\xef\xfb\x13\x18\x0c\xc6?\xff\xfc\xe3\xe0\xe0\xd0\xae]\xbb\xca\xcaJ\xa4\x00\xea\x1a\x83\xc1\xe0\xe4\xe4\xd4\xabW\xaf9s\xe6 \'\xa0\xaeA\xa7\xb96\x01\xf3_\xa3\xd1$$$\x8c\x193F\xa7\xd3!yaAX,\x96J\xa5\xea\xdb\xb7\xef\x8b\x17/\xd2\xd2\xd2&gt;\xc0\x9cd0\x18$I\xaeX\xb1b\xfa\xf4\xe9\x04A\xd4\xd1:\x11\xd5a2\x99\x95\x95\x95\x93&amp;M\xba~\xfdz~~&gt;\x93\xc9DN@\xdd\x81\xc4SmB\x92$\x8e\xe3[\xb6lqttD\x06#\x1d\xd0\xeb\xf5\xce\xce\xce={\xf6\\\xb0`\x01\xf62=SC`7\x8f\x1d;\xc6\xe1p\x06\x0e\x1c\x88r\xbf\xe6\x01bn\x9e\x9e\x9e\xdd\xbbw_\xb9r%\xf6\x9e\xbb\x86x/\x90x\xaaM@\xdc\xef\xdc\xb93..\x8e\xcdf#\xcb\xc5\xe20\x18\x0c\xadV;v\xec\xd8\x9b7o\xc2\xe4\x86\xf7\x95&amp;K\x97.\x1d9r$\x87\xc31\xff\x85\xc3\xf5\x16\xd8\xb5\x89\x13\'\x1e:t\xa8\xa2\xa2\x02\x95\x84\xd6\x1dH\x01\xd4\x1a\x10/\xce\xc9\xc9\xb9\x7f\xff\xfe\xb0a\xc3\x90\xc1H\x07\x18\x0cFeeeXX\xd8\'\x9f|\xb2}\xfbv\x0c\xc3j(\xc7)\x8ab2\x99\xb0\x9bc\xc7\x8eE\xbbiN`\xd7bbb&lt;&lt;&lt;\xb6o\xdf\x8e\xe38\xd2\xbeu\x04R\x00\xb5\x06\xd8\xfb;v\xec\x08\t\tqww\xd7\xe9t(\xfdK\x13p\x1c\x1f0`\xc0\xce\x9d;\xb1\x1a7\x97\xc2n\xee\xdc\xb93$$\xc4\xcd\xcd\r\xed\xa6\xf91\x1a\x8d\x03\x06\x0c\xd8\xb5k\x17\x86Z\x82\xeb\x0c\xf4\xb5\xd6\x1a\x90c&lt;u\xea\xd4\xe7\x9f\x7f\x8e\x86\xfe\xd3\x070\'\x87\x0f\x1f\xfe\xe2\xc5\x8b\'O\x9e\xd40\x9e\xc0d2\r\x06\xc3\xde\xbd{\xbf\xf8\xe2\x0b\xb4\x9b\xe6\x07vm\xc4\x88\x11\x0f\x1e&lt;\xc8\xc9\xc9A\xf5\xa0u\x04R\x00\xb5\x03\xc4\x7f\xb2\xb2\xb2\x9e?\x7f\x1e\x19\x19YUU\x85l\x16\x9a\x00\xedE\xee\xee\xee\xae\xae\xae\x87\x0e\x1d\xc2j\x10\x05\x82\xf4\xef\x95+W4\x1a\r$\xf3Q\xfc\xc7\xcc\xe08\xae\xd5j\xdd\xdd\xdd\xe1\xb20\xec\xa5O\x86\xa8]\x90\x90\xaa\x1d\xe0t\x1e:t\xa8U\xabV\xae\xae\xaeh\xf6\x03\xad\x80~\xae^\xbdz%&amp;&amp;b5h\x08\x00\x17!11\xb1]\xbbv"\x91\xc8`0\x98c\x95\x88\xff\x0b4\x01\x0c\x1a4\xe8\xec\xd9\xb3\x18\x8a\x02\xd5\r\xe8;\xad\x1d\xe0t\x9e?\x7f&gt;66\x16\x89~\xba\xc1d25\x1aM\xef\xde\xbd\x1f&gt;|\x08\xa3\xdc\xde\x1d\x05\x82\x80\xc3\xf5\xeb\xd7\x07\r\x1a\x84\xe2?\x96\x02\xa2@\xdd\xbbwW*\x955\x8f\xdd!\xde\x0b\xa4\x00j\x01\xe8\xff*---((\x88\x89\x89\xb1\xde\xf8\x0f\x0c\xd1$I\x92\xf8\xbfP\x14e\xd5\xcf\x1e\x94\x96\xb7l\xd9\x92\xc7\xe3]\xbdz\x15{g&lt;\xc1T\xcd\xf5\xec\xd9\xb36m\xdaX\xcbn\x1a\xdf\x1fK/\xf9?\x80\xd8\x9d\x87\x87\x87\xb3\xb33\xb8n\xa8\x16\xa8\xd6\xb1\x82\x93M\x7f@\x9a$%%\xb9\xb9\xb9\xf9\xf8\xf8X\xdd\xf8\x07\xa3\xd1H\x92$\xcc\xcbtpp\x90H$\xce\xce\xce\xce\xce\xceR\xa9\x14\xfe+\x10\x08\x98L&amp;A\x10\xf4\x97\x1ao\x83$I{{\xfb\xe8\xe8h\x88\'\xbc\xe3\x83\xc0n\x9e={600\xd0Z\xa2y8\x8e\xb3\xdf\x13\xab\xb8n\x05bw=z\xf48\x7f\xfe&lt;\xf6A\xc3&lt;\x10\xef\xc6\n\x0e\x01\xfd\x01ir\xe1\xc2\x85\xe0\xe0`\x16\x8b\x05&amp;\xa4\xa5\x17\xf5\x1e0\x18\x0cGGG\x06\x83Q\\\\\x9c\x96\x96\x96\x9f\x9f\xff\xec\xd9\xb3\x8a\x8a\n\x82 x&lt;^\xc3\x86\r}|| \xb7QQQ\xa1\xd7\xeb\xad1#\n\xc3\xe0bbbV\xaf^\xfd\xee!\xc3 e.]\xba\x14\x1d\x1dm\x15\xb3hp\x1c\'\x08B\xa1P\xbc\xd7\xbb\x18\x0c\x86@ \xa8\x9b\x15\xd5\x1a\x0c\x06C\xaf\xd7\xb7k\xd7n\xe7\xce\x9d:\x9d\x8e\xc3\xe1XzE\xb6\x06R\x00\xb5\x00D\'\xaf_\xbf\x1e\x1f\x1f\x0f6\x8b\xa5WTS@\x14\x92$y\xe4\xc8\x91C\x87\x0e]\xbdz\xf5\xe1\xc3\x87o|\xa5\xa7\xa7\xe7\xe0\xc1\x83\'O\x9e\xec\xec\xecl\x8d]Q0\xa3\xa9u\xeb\xd6\x85\x85\x85%%%\xae\xae\xaeo\xdb)\x06\x83\xa1\xd3\xe9\xf2\xf2\xf2\xa6M\x9b\xa6\xd7\xebi\xae\xcbI\x92\x14\x89D\x87\x0f\x1f\x1e;vl\r7\x052\x1cM\x9a49y\xf2$\xf4\xab\xd3\xf6\xc42\x18\x8c\xaa\xaa\xaa\x80\x80\x00\x92$\xf3\xf2\xf2\x02\x03\x03\xad\xce\xba\xa29H\x01|, C\x15\n\xc5\xb3g\xcf\x02\x02\x02\xb4Z-m\x1f\xa7W0\x1a\x8dL&amp;S\xab\xd5\xf6\xeb\xd7\xef\xc6\x8d\x1b\xf0\x97,\x16\xabY\xb3f\x9f|\xf2\x89H$b0\x18*\x95\xea\xd1\xa3G\xf9\xf9\xf9\xf7\xef\xdf_\xb4h\xd1\xbe}\xfb6n\xdc\xd8\xa6M\x1b\xab\x1b\x8b\x8f\xe3\xb8^\xaf\xf7\xf0\xf0\xe0r\xb9\x19\x19\x19\xdd\xbau\x83^\xdfW^\x06\xf2%77\x97\xa2\xa8\x80\x80\x00\xfa\'\x00`\x13\x9f?\x7f\xaeT*\xdf\xeb\x8d\xd6\xb2}\x04AH\xa5R//\xaf\xf3\xe7\xcf#\x05P\xeb \x05\xf0\xb1\x80!\x99\x93\x93\xc3\xe1p\x9a5kfE\x13@q\x1c\x87\xd1\xbb\xce\xce\xce\x18\x86u\xe9\xd2\xa5O\x9f&gt;\xd1\xd1\xd1\x8d\x1b7\x86\xa0?\x86a\x14E\xa9T\xaa\x9c\x9c\x9c\xf5\xeb\xd7\xef\xdc\xb9\xf3\xfe\xfd\xfb\xb1\xb1\xb1g\xcf\x9e\xf5\xf3\xf3\xa3\xbfp|\x05\x92$\xf9|~\xf3\xe6\xcdo\xde\xbc\xd9\xad[\xb77\xc6v\xe0/SSS\xdd\xdc\xdc\xc4bqyy9\xfd\x05%\x8e\xe32\x99\x0c\xc7\xf1\xa6M\x9b.\\\xb8\xb0&amp;\xaf7\x1a\x8d|&gt;\x1f\xaa\xa1hn\xaf\xc0\x8e\x04\x04\x04\xa4\xa6\xa6Zz-6\x08R\x00\x1f\x0b\x1c\xd0\xdc\xdc\xdc\xa6M\x9b\x8aD"\xab\x10\x19&amp;@\x07\xcc\x9b7o\xc2\x84\t]\xbbve\xb3\xd9Z\xadV\xa7\xd3UVV\xc2\xe7\xc2q\x9c\xc5b\x85\x87\x87\xb7k\xd7\xaec\xc7\x8e\x93\'OV*\x95S\xa7N=w\xee\x1c\xcd\x05\xc7\xeb\xc0\'\n\n\n\xca\xcf\xcf\x7f\xf7k\x92\x93\x93\xfd\xfd\xfd1\xeb\x99CY^^n4\x1a?\xf9\xe4\x93O?\xfd\xd4`0\xd4D1S\x14UYYi\x86\xb5}$\x90\xbc\t\t\t9w\xee\x1c2\xffk\x1d\xa4\x00&gt;\x16\x90\x11\x99\x99\x99\xcd\x9a5\xb3\x8a\x9cau 2\xee\xed\xed\x1d\x10\x10PQQ\x01\x0f\x18\x8e\xe3\xd5\x1f3\x90\x14*\x95j\xdc\xb8q\x8f\x1e=Z\xb0`\xc1\x8d\x1b7\xce\x9e=ku\xf7#\xc2\xee\xf8\xf9\xf9AI\xc9\x1bE\t\xfcevvv\\\\\x1c\x8e\xe3\xf4Wr0(\xad\xac\xac\x0c\xc30\x91H\xa4\xd3\xe9\x14\nE\r7\xc5*\xf6\x0e\x8e\xa8\xaf\xafoyyyEE\x85P(\xa4\xbf\xd7bE u\xfa\xb1\xc0Y\xcc\xcb\xcbk\xd5\xaa\x955\x1eM\xe8\xb9W\xa9T\x0c\x06\x83\xc5b\x81\x02x\xe5\x05L&amp;\x93\xc9d\xaaT\xaa/\xbe\xf8\xc2\xd5\xd5\x15\xc7\xf1\xd3\xa7O\xb3\xd9l\xeb\xd2v\xf0I\xbd\xbd\xbd\x15\n\x85R\xa9|][\xc3\xf6\xa9\xd5j\x99L\xd6\xa2E\x0b\xab\x18\x00W]\x01H\xa5R6\x9b\xcd\xac1\x96^{\x8d\x00\'\xb5A\x83\x06vvv\x05\x05\x05\x98\xf5\xb8eV\x01R\x00\x1f\x0b\xb8\xa8\xe5\xe5\xe5nnnVz4\x19\x0c\xc6\x7f\x8a\x03(\xc8suu\r\x0e\x0e6\x1a\x8dyyy\xf4\xaf\x90y\x05(\x97\x94J\xa5z\xbd^\xadV\xbfQ\xb8C\xcbXEE\xc5\'\x9f|b-\x1d\x00:\x9dN.\x97c\x18\xe6\xe4\xe4d\x93\xed\xb2$IJ$\x12;;\xbb\xa7O\x9fbH\x01\xd4*\xd6\xf4\x00\xd3\x10(\x01\x92\xcb\xe5r\xb9\xdc\xcf\xcfO\xa3\xd1X\x97L|_X,V\xc3\x86\r1\x0cS(\x14VwC:\xd8\x92nnn"\x91(##\x03{\xad\x1f\x18$KVV\x96H$rqq\xa1\xff\x10\x08\xd3\x15\xa4\xd0\x04\xe0\xe4\xe4d\x93\xc2\x11&gt;T\x8b\x16-\xd2\xd3\xd31\xa4\x00j\x15kz\x80i\x8b^\xaf7\x1a\x8dvvv\xf5a`\xa1u\t\xfdW0\x1a\x8d,\x16\x8b\xc3\xe1TUU\xbd\xf1_1\x0c\x83.\x07&gt;\x9fo\x15\xbb\xc9d2\xab\xaa\xaa\xc0\x03\x90J\xa5\xd6\x18\x84\xfcO@\xcf\t\x04\x82\xf2\xf2rK\xaf\xc5\xd6\xb0\xe2\x87\x99\x0e\x80\x8cHKK\x13\x89D\x9f|\xf2\x89\xc1`\xb0\xbd\xc7\xaf:\x14E\xc9d2\x0c\xc3\x04\x02\x01\x87\xc3\xb1\n\x11Y\x1d\xa8\xfd\xf7\xf3\xf3KJJ\xc2^\xb3%\xe1\x7f\xd3\xd2\xd2Z\xb4ha\x15\xf9|h\x02P\xa9Tj\xb5\x1a\xc30\'\'\'\xab\xdb\x91\x9a\x00{\xd1\xaaU\xab\xbbw\xefbVn\x82\xd0\r\xf4U\xd6\x02\x04A@\x18\x9d\xfe"\xe3c`2\x99\x15\x15\x15\xb9\xb9\xb98\x8e{zzr\xb9\\+\x157,\x16\x8b \x88\xb7\xfdkII\x89H$\xb2\n\x05\x80a\x18\x93\xc9\x84p\x1c\x86a"\x91\x08n2\xb0\xf4\xa2\xea\x04ggg0&gt;\x10\xb5\x08R\x00\xb5\x00\x8c\xcc\xb4\ny\xf1\xc1\x10\x04\xe1\xe0\xe0p\xfd\xfa\xf5\xbbw\xef\x1a\x8d\xc6\x0e\x1d:\xd0y\x84\xc0\xbb\x81\xfdz\xdb\xbfr\xb9\\\xbd^o\xce\xf5|0\xe0\x01\xc8\xe5r\x88@\x82\x02\xb0\xf4\xa2\xea\x04\xc8u\xb3\xd9lK/\xc4\xd6@\n\xe0\xa3\x00\xa1\x9f\x94\x94\xd4\xb2eK\x1b\xf6\x00 rB\x10\xc4\xc2\x85\x0b)\x8aj\xd9\xb2e\x8f\x1e=***\xac\xa5\x94\xd0\x04\xd8\xf5\xa1\xa1\xa1iii\xd8k\xc1\x04\xd0gYYY!!!\xd6\x12Lg0\x18\x10\x19\xe7\xf3\xf9\x02\x81@\xaf\xd7\x93/\xa1^\x02\xf3\xbdI\x92\xb4\xd2\xf3\t\xa5Y\xfe\xfe\xfe\xe5\xe5\xe5\n\x85\xc2Z\x9c3\xab\x005\x82\xd5\x02z\xbd^,\x16\xdb\xea\xb9\x04K_"\x91L\x9a4\tB\xe7?\xfd\xf4\x93P(\xacy\xc3\x11\xdd\x90H$o\xb4\x94A\xe2\xcb\xe5r\'\'\'\xb3/\xeaC\x80\xec(4\x01\x08\x85B\x89D"\x14\n\xb1\x97\xf3\xbdM\xa7\x11\xaa\xfeI\x92\xac\xaa\xaa\x82\xe6\x06\xeb\n\xa3C\xfd\xaeX,\xd6\xe9tP\x9bk\x93\x0f\x9aE@\n\xa0\x16\x80\x03j\xe9U\xd4\t$Ir8\x1c;;\xbb)S\xa6\xacY\xb3\x06\xc3\xb0\xaf\xbf\xfez\xd0\xa0Ap\xaf\x96\xa5W\xf7\x81\xbc\xbb\xbe\xf3\xdd\x19\x02\x1a\x02\x83\x80\x84B\xe1\xf3\xe7\xcf\xcf\x9d;\x97\x97\x97\xf7\xe4\xc9\x93\x92\x92\x12\xb5Z\r\xdb\xe7\xe4\xe4\xd4\xb8q\xe3V\xadZ\x85\x87\x877n\xdcX\xaf\xd7WVVZ\xc5}\x00&amp;\xe0\x11\xb3\x8a\xdel\xeb\xc2\x9a\x0e\x01\x9d\xb1\xc9sI\x10\x84\xa3\xa3\xa3R\xa9\xfc\xec\xb3\xcf\x12\x12\x120\x0c\x9b2e\xca\xe2\xc5\x8b\xadk\x02\xc4\xeb\xbc{\xb3\xac%\xf8\x83\xbdlB|\xf0\xe0\x81\xd1h\xcc\xcf\xcf\x0f\n\nz\xb7\xearuu\xed\xd9\xb3\xe7\xe4\xc9\x93CBB\xe4r\xb9u\xc9S+Z\xaa\x15\x81\x14\x00\xe2\xcd\x10\x04!\x91HRRR\xc6\x8d\x1b\x97\x95\x95\x85a\xd8/\xbf\xfc2{\xf6\xec\xf7\x1d;\x8c\xa8;\xc0.\x0e\r\r\xdd\xb7o\x9fZ\xad\x16\x8b\xc5^^^\xcd\x9a5sww\x17\x89D\xd0\x98RYY\xf9\xfc\xf9\xf3\xec\xec\xec\x8c\x8c\x8c\xe2\xe2\xe2\xcd\x9b7\xef\xdb\xb7\xef\xfb\xef\xbf\xff\xf6\xdbo+**\xacH\xdb!\xea\x02\xa4\x00\x10o\x80 \x08\'\'\xa7\x84\x84\x84\xb1c\xc7*\x95Jgg\xe7U\xabV\r\x192\xa4\xbc\xbc\xdc\xba\xccF\xdb\x06\xaeM\x9f&gt;}z`` A\x10\xadZ\xb5\x92H$\xf6\xf6\xf6\xe0\x9f\x99\x84;EQ\x1a\x8d\xa6\xa0\xa0`\xef\xde\xbd\x7f\xff\xfd\xb7B\xa1\xf8\xe1\x87\x1f\n\x0b\x0b\xff\xfc\xf3O\x95J\x85v\xb3&gt;\x83\x14@-`cY)\x92$\xc5b\xf1\x91#G`\xb6pPP\xd0\xb6m\xdb|}}KKK\xad+p\xfc6\xdem\xf6Z\xd7n\xe28^QQ\xd1\xb1cG\x06\x83\xa1\xd5j\xf5z\xbdV\xab}e\xfd\x90\xf5m\xde\xbc\xf9\x82\x05\x0b\x06\x0c\x180b\xc4\x88\xbc\xbc\xbc\xd5\xabW{yy}\xf9\xe5\x97\xe5\xe5\xe5V\xb1\xadV\xb4)V\x845\x15\x03\xd0\x16\x83\xc1`3\x15\xca\x14E\xd9\xd9\xd9=x\xf0`\xdc\xb8q\x06\x83!,,\xec\xf8\xf1\xe3^^^eeeV!&amp;j\x02\x87\xc3yG\xac\xdc`0X\xd7\xdd\xb3\xe0\x07(\x95JhDg2\x99\xac\xff\x0b\x93\xc9\x84I\xa8\xc5\xc5\xc5\x81\x81\x81\x87\x0e\x1dj\xd0\xa0\x01\x83\xc1\x98?\x7f~AA\x81\xbd\xbd=\xfde\xab\xd1h\x84\xdb+\xad\xb4\xf7\x90\xb6 \x05P\x0b\xb8\xb8\xb8&lt;~\xfc\xd8z\x1b\xa3\xaaCQ\x14\x9f\xcf_\xbe|9\xcc7\xdd\xbe}\xbbX,V\xa9T6\xa3\xe1p\x1c/((0\x95KV\xff\'\xf8\xdf&amp;M\x9a\xdc\xbf\x7f\xdf\xba\xb6\x12\x1a\xd1\xdf\xbdf\x06\x83\xc1\xe1p\xca\xca\xca\xbc\xbd\xbd\x7f\xfa\xe9\'\x8a\xa2\x94J\xe5\xb6m\xdb\x1c\x1c\x1ch\xde&gt;f4\x1a\xb9\\\xee\xe3\xc7\x8f\x1d\x1d\x1d\x05\x02\x01\xca[\xd4"H\x01|\x14p\x10\xc3\xc2\xc2\n\x0b\x0bm\xa0\x0b\xdfh4r8\x9c\xa2\xa2\xa2\xe3\xc7\x8fc\x186u\xea\xd4\x16-Z\xa8T*\x9b\xb1\xfdA\xc4\xe7\xe7\xe7\xb7j\xd5\n{\xbb\x02\x80+\xc3\xe8o\x17\x7f\x00\x1c\x0eG.\x97\x0f\x1c8\xb0y\xf3\xe68\x8e\x9f:uJ\xadV\xd3\xbc\xa6\x0b\x8e\xe5\xc3\x87\x0f\x1d\x1d\x1dy&lt;\x9eM\xee\x8b\xa5@\n\xa0\x16\xd0j\xb5\x1c\x0e\x87\xe6OQM\x00S\xeb\xc1\x83\x07O\x9f&gt;\xe5r\xb9}\xfa\xf4Q\xab\xd56#\xfdM\xd8\xdb\xdb\xebt\xba\xb7\xfd\xabZ\xad\xe6\xf3\xf9\xe6\\\x8f\x99\x81\xa6\xaa\x98\x98\x18\xa3\xd1XPP\xf0\xe2\xc5\x0b\x0e\x87Cs\xa9\n\x97\x18\xc3\xc8#D-\x82\x14\xc0G\x01&amp;\xbf\x93\x93\x13\xdc1b]\r\x96\xaf\x03\xd3\x92\x8b\x8a\x8a\x8cFc\x93&amp;M\xdc\xdc\xdc\x0c\x06\x83\xa5\x17U\x9b@\x82W.\x97\xbb\xb8\xb8\xbc\xf1_1\x0c\xf3\xf6\xf6~\xf2\xe4\x89\r\xf8s\xef\x00\xc7qooo\x0c\xc3\x94JeII\t\x8b\xc5\xa2\xb9\x02\xc00,??\xbfY\xb3f\x98\x8dzf\x96\xc2\xba\x05\x96\xc5\x01\x19\xe1\xe7\xe7\xa7P(\x8a\x8b\x8b\xad\xee\x96\xc4\xd7a0\x18\x15\x15\x15,\x16\xabA\x83\x060\x13\xdf\x96\xe4 (\x80\xfc\xfc\xfc\xe0\xe0`\xec-\xbdE\xcd\x9a5+,,\xb4\xe1jW\xf8\x12\xc4b1\x86a\x04A\xd0\xff\x16#\x08\xfa?z\xf4\xc8\xcd\xcd\rC\n\xa0V\xa1\xf5\xc6[\x05`5\xdb\xdb\xdb\xc3l\x1ck?\x9dPVH\x10\x84V\xab\xb5\n\xc3\xf0\xbd`0\x180 \xc1\xd1\xd1\x11{M\x01\xc0\xff\xba\xbb\xbb\xeb\xf5z(\x8e\xb4\xb1\x8f_\x1d(\xa7\x81\xaa!\x9a\x7fLhx...\x06\x0f\xc0V\x15\xb3E@\n\xe0\xa3\x00cJ$\x12\t\x04\x82\xfc\xfc|;;;\x9a?K\xef\x06\xee\x17\x0c\x0e\x0e\xfe\xee\xbb\xef\xc6\x8d\x1bg\x15\xb7\xa2\xd7\x1cP\xd5%%%\n\x85\xc2\xdf\xdf\x1f{\x8b\x02h\xd2\xa4Iee\xa5U\x0f;z70B\x0ef\x88Z\xc5\x10ix\xca\x9e&gt;}\xea\xe5\xe5e\xe9\xb5\xd8\x1a\xb6\x96\xdf3? \xf1=&lt;&lt;\x1e=z\x84Y\xb9\x7f\n\xd5\xe2\xc1\xc1\xc1\xd1\xd1\xd1\x04A\xd8X\x9b(\x14\x93&lt;{\xf6L \x10\xbc\xb1\xf8\x1d\x04\x8d\x83\x83\x83X,\xbe\x7f\xff~\xb3f\xcdlL\x05\x02`P\xe7\xe4\xe4`\x18\xe6\xea\xea\xda\xa0A\x03:\xdfd\x07\x1d\x00\xc5\xc5\xc5j\xb5\x1a\x14\x00m\x97j\x8d \x0f\xe0c1\xddX\x9d\x9b\x9bk\xe9\xb5\xd4\x02p\xf3Fii)\x0c^\xb7\xf4rj\x13\xa8q\xca\xcf\xcf\x97H$|&gt;\xff\x8d\xe5\xe4\x14Eq8\x1c\x17\x17\x97\xfb\xf7\xef\xdbd\x08\x08\xe4iII\xc9\xd5\xabWq\x1c\x0f\x0c\x0c\x94J\xa5\xf4W\x00\xcf\x9f?\xc70\x0cr\x00\xb4]\xaa5\x82\x14\xc0\xc7\x02\xc71888??\x9f\xa2(\x9a\xe7\xd3j\x08\x83\xc1\xb0\xbd\xc7\xcch4\x1a\x8d\xc6\x8c\x8c\x0c\x1f\x1f\x1f\xece\x10\xfc\xf5\xd7`\x18\x16\x14\x14\x94\x92\x92\x02\xaf7\xf7*\xdf\x93\xf7]\xa1\xc1`\x10\n\x85\xfb\xf6\xed{\xf2\xe4\x89\xd1h\xec\xdf\xbf?\xcd7\x1a.;\xcb\xc8\xc8h\xd0\xa0\x81@ \xb0\xb1\xaa\x04\x8bc\x0b\xd2\xca\xb2\x98j\x07_\xbcx\x01\xd3r\xe8/5\xde\x01\xd8\xc5\x02\x81\x80\xc7\xe3\xd9X\xdb=\xec\xd4\x9d;w@\x01\xbc\xe35aaaw\xef\xde\xb5\nu\xceb\xb1\xe0\xf2\xaf\x9a\xbc\x18n.\xca\xcb\xcb[\xb8p!\x86a~~~}\xfb\xf6U\xa9Tt\xcev\xc0\x81LKK\x83\xb4\x8d\x8d\x9dI\x8bC\xf7\xf3M\x7f@d@t\xf2\xde\xbd{V\x9d\x07\x864\xa9\xd1h\xbc|\xf9rVV\x96\xbd\xbd\xbd\xa5WT\x9b\xb0X,\x85B\xf1\xf8\xf1\xe3\xf0\xf0p\xec\xb5\xfb \x01\xd8\xcd\x90\x90\x90\xb2\xb2\xb2\xa2\xa2"\x9a\xd7\xf5\x1a\x8dF\x85B!\x12\x89\xa0`\xd7t\xef\xe3+\xc0?Q\x14\xe5\xea\xea\xfa\xf4\xe9\xd3O?\xfd\xb4\xb8\xb8\x18\xc3\xb0\xdf\x7f\xff\x9d\xcf\xe7\xd3?\x03LQTVV\x16\xec\x1a2\xffk\x17\xa4\x00&gt;\x16\x1c\xc7I\x92\xe4\xf1x^^^\xe9\xe9\xe9\\.\x97\xce"\xe3?\xc1q|\xf4\xe8\xd1]\xbbv\x8d\x8a\x8a\xda\xbcy3\xfd\x07\xc5\xd4\x10\x8a\xa2\xa0\xc9\x99\xc9d\xbe\xb1\x04\x08`0\x18\xd0\x04\xe7\xe0\xe0\x90\x9a\x9aJ\xe7\xc1\x03F\xa3\x91\xc7\xe3}\xf9\xe5\x97\xf1\xf1\xf1\xa0\xad\x9d\x9d\x9d\x85B!\x97\xcbe\xb1X\x0c\x06\x03\x06\x04\xb1\xd9l\x07\x07\x07\xa9Tjgg\xb7c\xc7\x8e\xce\x9d;gdd`\x18\xf6\xfb\xef\xbfw\xef\xde\x9d\xe6w\xfb@\xde\xfe\xc5\x8b\x17O\x9f&gt;\xed\xd0\xa1\x03\xf6\x16\xb5\x8d\xf8`\xd0\xb7Y\x0b\x80\x8c\x88\x89\x89\xb9z\xf5*f\xb5\x85@\x14E\xd9\xdb\xdb\xe7\xe6\xe6\x1e9r\x84\xc1`\x18\x0c\x86\xcd\x9b7\xdbLC,\x84\x92\xaf_\xbf\xde\xacY3GG\xc7w|.\x92$\x99LfPP\xd0\x95+WX,\x16mc\x0e\xe0\xae=y\xf2d\xc3\x86\rQQQ=z\xf4\x987o\xde\xc9\x93\'\x1f&gt;|XYY\t&amp;?\xe4\xf3\xaf_\xbf\xbed\xc9\x92.]\xba\x8c\x1c9\xf2\xf1\xe3\xc7&lt;\x1e\xef\xaf\xbf\xfe\xfa\xfa\xeb\xafe2\x19\x9d\xa5?\xf6R\xc9\xa5\xa5\xa5\t\x04\x82F\x8d\x1a\xa11p\xb5\x0e*\x03\xad\x05\xc0*\xe9\xd4\xa9\xd3\x81\x03\x07\xaa\xaa\xaah\xfeP\xd5\x04\xdb{\xcc@v\\\xbdz5**\n{\xa7\x92\x86\xcf\xde\xa9S\xa75k\xd6\x10\x04Ag\x93\xd3`0L\x9a4i\xd9\xb2eyyyW\xae\\\xb9r\xe5\n\x86a\xf6\xf6\xf6\x12\x89D \x100\x99L\x9dNW^^.\x97\xcbMo\xe9\xd9\xb3\xe7\x8f?\xfe\x18\x11\x11A\x7f\xe9\x8fa\x18EQ,\x16\xeb\xcc\x993\x81\x81\x81L&amp;\x93 \x08\xdb\x9bLeY\xe8{\xb8\xad\x08S\xe0X\xa1P\xa4\xa5\xa5A@\xd6\xd2\x8bzo\xa0\x0b\xcc\xc7\xc7\xa7g\xcf\x9e$I2\x18\x8c\xb8\xb88k\xcfi\x9b`\xb3\xd9\n\x85\xe2\xe6\xcd\x9b]\xbat\xc1\xde\x19I\x80\x7f\xea\xd0\xa1\xc3\xe3\xc7\x8f\x1f?~L\xdb\x98\x1e\xec\xd7\xe8\xd1\xa3/]\xba\xb4w\xef\xde\xf1\xe3\xc7\x07\x07\x07\x0b\x85B\x8dFSXX\x98\x97\x97\x97\x9d\x9d}\xff\xfe}\xb9\\\xce\xe7\xf3\x83\x82\x82\xa6N\x9dz\xee\xdc\xb9C\x87\x0e\x05\x07\x07\x97\x97\x97\xd3_\xfac\x18\xc6`0\x08\x82\xb8t\xe9R\x8f\x1e=0[\xb4K,\x0eR\xa7\xb5\x00\xa4\x01\x1c\x1c\x1cBBB.\\\xb8\x10\x15\x15\xa5R\xa9\xe8l9\xbe\x9b\xad[\xb7\xde\xbauK(\x14\x06\x07\x07WTTX\x85\xa4x7\x14E\t\x04\x82\xeb\xd7\xafs8\x9c\xd6\xad[C+\xec\xdb^\x0cY\xc7F\x8d\x1a\xf9\xf8\xf8\x9c?\x7f~\xdc\xb8qZ\xad\x96\x9e_\x02\x8e\xe3\n\x85\x82\xc3\xe1\xf4\xef\xdf\x7f\xd0\xa0A*\x95\xaa\xb8\xb8\xb8\xb8\xb8X.\x97WUU\xc1\xdd&gt;B\xa1\xb0a\xc3\x86\r\x1b6ttt4\x18\x0c\x15\x15\x15\x18\x86Y\x85\x1dm4\x1a!&amp;\xa9\xd1h@\x01X\xef3E[\xac\xe0\x1cX\x05`$v\xed\xdau\xeb\xd6\xad\xb3f\xcd\xb2\xd2\x93\x8a\xe3\xb8\xc1``\xb1X]\xbbv%I\xb2\xaa\xaa\xca6l.h\xef:x\xf0\xa0\xaf\xaf\xaf\x9d\x9d\x1dD\xf9\xdf\xfdz\x06\x83\x11\x13\x13s\xe0\xc0\x81\xf1\xe3\xc7\xd3\xd3\x03\x00\x98L&amp;EQ\n\x85\x02R\x02\r\x1b6l\xdc\xb8\xb1\xe9r\x18(\x012\x18\x0cz\xbd\xbe\xac\xac\x0c2\xc3\x96^rM\x81\xda\x8a#G\x8e4l\xd8P,\x16\xff\xe7\xae!&gt;\x00\xab9\r4\x07\x8ef\xdf\xbe}\x0b\x0b\x0b\xe9\x1c7\xf8O\xc0\xfeU*\x95j\xb5\xda6\xa4?\xf62\x92p\xf9\xf2\xe5\xa1C\x87\xd6\xf0\xf5\x18\x86\r\x1c8055\xb5\xb0\xb0\x90\xe6\xbbi\xba\x06\x12\xc30\xbd^_YY\xa9P(\xe4r\xb9\\.W(\x14\x15\x15\x15p\xf9\x01\x94\x06Yz\xb1\xef\x01\x1c\xc5\x84\x84\x84~\xfd\xfaaV[[As\xac\xe9@\xd0\x198\xac\x1e\x1e\x1e-[\xb6&lt;w\xee\x9c\x95\xa6\x01\x00\x10(\xd6%,\xde\x81)\x92PYY\xd9\xbd{w\xac\x06\x91\x04\x06\x83AQ\x94\xbf\xbf\x7f\xd3\xa6M\x8f\x1f?\xee\xe0\xe0`-\xbb\t\xf7\xbf3\xaba\xa5M\xddP\xff\x93\x93\x93STT\x04j\x1b\x99\xffu\x81\x8d&lt;\xe4t\x00dD\xbf~\xfd6l\xd8\x80\xac\x15\xfa\x00\x91\x84M\x9b6y{{C$\xa1&amp;\x02\x11F\x0e\xc4\xc5\xc5\xfd\xf3\xcf?fX$\xe2\x15`\xd76n\xdc\x18\x1c\x1c\xdc\xa0A\x03\x9b)G\xa6\x1bH\x01\xd4\x1a`\xa1\x0c\x192\xa4\xa8\xa8(\'\'\x87\xce=D\xf5\n&amp;\x93\xa9\xd1h\xce\x9c9\xf3\xc5\x17_\xbc\xd7\xbb\x8cF\xe3\xc0\x81\x03\x9f?\x7f\x9e\x97\x97\x87v\xd3\xcc@\r\xeb\xe9\xd3\xa7?\xff\xfcs\xf4\xcd\xd7\x1dH\x01\xd4\x1aP\x0b\xd4\xa0A\x83\xa0\xa0\xa0\x8d\x1b7\xf2x&lt;\xdb\xe8\xa1\xb5jH\x92\x14\x08\x04g\xcf\x9e\xad\xa8\xa8\xe8\xd9\xb3\xa7\xd1h\xaca$\x01bznnnm\xda\xb4Y\xb9r%\xdaMs\x027\xf6$$$h\xb5\xda\x9e={b(\xfeSg \x05P\xcb\x18\x8d\xc6\x89\x13\'&amp;&amp;&amp;\xc2\xc5\x8a\x96^N}\x07\x86\to\xd8\xb0a\xc0\x80\x01\xef\xdb\xd6\x0b\xd7\x03\xcc\x9e=\xfb\xc4\x89\x132\x99\x8c\xc3\xe1\xd4\xdd:\x11\xd5\x81\x8a\xa6\x7f\xfe\xf9\'&gt;&gt;\x1e\xa6\xddYzE6\x0bR\x00\xb5\t\xc4\rz\xf5\xea\xc5\xe3\xf1\x0e\x1f&gt;\x0c#\x07,\xbd\xa8\xfa\x0b\xa4\x7f\xef\xdf\xbf\x7f\xeb\xd6\xad\x193f`\xefYH\x0es\x81BBB\x9c\x9d\x9d\xd7\xae]\xeb\xe8\xe8H\x10D\x9d-\x16\xf1\xff\x80\xa6\x8d\xabW\xaf\xa6\xa7\xa7\x7f\xf6\xd9g5w\xda\x10\x1f\x00R\x00\xb5\x0c\xc4+?\xff\xfc\xf3\xad[\xb7\xd2\xff\xb6U\xdb\x06\xba\xf3v\xee\xdc\x19\x19\x19\xe9\xee\xee\xfe\x01\x89D\xd8\xbe\xf9\xf3\xe7o\xdd\xba\xd5`0 Id\x06H\x92\xb4\xb3\xb3[\xbdz\xf5\x88\x11#\x9c\x9d\x9d\xd1\x05\x00u\n\x8e$T\xed\x02\xdf\'\\_\xb7\x7f\xff\xfe\xd0\xd0P\xb5Zm3%\x95\xd6\x05\x08\x8e\x80\x80\x80]\xbbvEGG\x7fX\'\x114\x85\xb5m\xdbv\xd2\xa4I\xc3\x86\r\xb3\xe1\xbb\x82\xe9\x00\x8c\xff|\xfe\xfcy\xaf^\xbd\xae^\xbd\xea\xea\xea\x8a\xa1\t\x10u\t\x12L\xb5\x0c$\x0f\x1d\x1c\x1c\x86\x0e\x1d\xfa\xf3\xcf?\xdb\xd9\xd9YK\t\xb9\x8dA\x10\x84H$Z\xbbv\xad\xb3\xb3sTT\x14EQ\x1f&amp;\xb8A\xa3\xcf\x9e={\xf9\xf2\xe5\x18\x12Fu\x0cA\x10\x0e\x0e\x0eK\x97.\xed\xdd\xbbw\x83\x06\r\x90\xf9_\xd7 \x0f\xa0\xf6\x81\xaf\xb4\xbc\xbc\xbcE\x8b\x16\xc7\x8e\x1d\x0b\x0e\x0eFN\x80\xf9\xc1q\x1c\xc7q\x1f\x1f\x9fM\x9b6\xf5\xe8\xd1\xe3c\x06\t\x80\x13\x10\x1e\x1e&gt;r\xe4\xc8)S\xa6\x94\x97\x97\xa3\xf4~]\x00\x03\xc9srrbcc\xd3\xd2\xd2\\\\\\0\xa4q\xeb\x18$\x95j\x1fp\x02\xa4R\xe9g\x9f}\xf6\xd3O?!\'\xc0\xfc\x98\xcc</t>
        </is>
      </c>
    </row>
    <row r="136">
      <c r="A136" s="1" t="n">
        <v>134</v>
      </c>
      <c r="B136" t="inlineStr">
        <is>
          <t>size_grid</t>
        </is>
      </c>
      <c r="C136" t="inlineStr">
        <is>
          <t>What is the size of the missing part denoted with a question mark?</t>
        </is>
      </c>
      <c r="D136" t="inlineStr">
        <is>
          <t>['medium', 'large', 'small']</t>
        </is>
      </c>
      <c r="E136" t="inlineStr">
        <is>
          <t>small</t>
        </is>
      </c>
      <c r="F136" t="inlineStr">
        <is>
          <t>There are circles arranged in a grid formation with varying sizes in the image. The sizes in the first row are ['medium', 'small', 'medium'], the sizes in the second row are ['small', 'large', 'small'], and the sizes in the third row are ['medium', '?', 'medium'].</t>
        </is>
      </c>
      <c r="G136" t="inlineStr">
        <is>
          <t>We observe that the circles at the corners are medium size, while the circles directly adjacent to the center are small size. Only the center circle is large size. Hence, the pattern is that the circles alternate in size depending on if they are at the corner or adjacent to the center.</t>
        </is>
      </c>
      <c r="H136" t="inlineStr">
        <is>
          <t>Based on the pattern that the circles alternate in size depending on if they are at the corner or adjacent to the center, the size of the missing part that is adjacent to the center should be small.</t>
        </is>
      </c>
      <c r="I136" t="inlineStr">
        <is>
          <t>b'\x89PNG\r\n\x1a\n\x00\x00\x00\rIHDR\x00\x00\x02\x00\x00\x00\x02\x00\x08\x02\x00\x00\x00{\x1aC\xad\x00\x00O\xa0IDATx\x9c\xed\xddyx\x14U\xba?\xf0\xf7TUw\xa7\xb3w\x16Ve\'\x01B\x80D\x02(\x88\xa0\x08FA\x9c\x11A\x07\x14\x83\x80\xfep\x0b\xca\xcc\x80\xcb(\xea\x9dQ\xc1\xc1\x99+\x88\x89\x82\x8a\x0e\\\x1d\x1d\x04\xb9\x12\x08\xe0\xb0\x8aH\xc0\x04\x12\t\x01\x04B\x16\x96,t\xd6\xee:u~\x7f\x1c\xe9\x9bq\x07\x92\xf4R\xdf\xcf\xe3s\x9f;\xa1\x93Tw\xde:\xdfsN\x9d:\xc5\x84\x10\x04\x00\x00\xe6\xa3x\xfb\x00\x00\x00\xc0;\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cd\xdb\x07`.\xa2\x89\xef\xfd\x13k\xc2+\xc7\x06\xd0\xd2P\xff\xbe\x86\xfd\xf0/\x01\xcdN\x08a\x18\x06\x11\xa9\xaa\xfa\x8b/\xe6\x9c\x0b!\x14EQ\x14\x8c\xcf \x10\xa0\xfe}\x16\x02\xa0e\x19\x86!\x84\xf0\xd4=\xe7\xfc\xd4\xa9SG\x8e\x1c9~\xfc\xf8\x89\x13\xc7\x19cB\x10\x91\x88\x8ct$&amp;&amp;\xb6k\xd7\xaeK\x97.v\xbb\xbd\xe9\xf7*\x8a\x82&gt;\x11\xf8)\xd4\xbf\x8fC\x00\xb4\x14\xc30&lt;\xe3\xd9\xf2\xf2\xf2\x1d;v\xac[\xb7n\xcf\x9e/\x8f\x1f?q\xfe\xfc\xf9\x1f\xfd\x16\x9b\xcd\xda\xb1c\xc7\xe4\xe4\xe4[n\x19;d\xc8\x90^\xbdz\xc9\xafs\xce\x7fM\xd7\t\xc0w\xa0\xfe\xfd\x02\x02\xa0\xf9\xc9\x01\xaf,\xd9\xdc\xdc\xdc\xc5\x8b_\xfb\xf4\xd3u%%%\xdf{Yll4\tC\x101\xa6TW;].W\xd3\x7f\r\t\t\xbe\xf1\xc6\x1bg\xcdz\xf0\xfa\xeb\xafWUU\x8e\xa01(\x06\xdf\x87\xfa\xf7#\x08\x80ff\x18\x86,\xd3\x03\x07\x0e\xfc\xf1\x8f\x7f\xcc\xce\xce\xf6Tv\xe7N\x1d\x06\x0eLH\xee\x1f?\xb0\x7f/\x87#\xbcG\xf7Nd\x18DD\xaaVVR^z\xa6"/\xffhn^\xe1\x9e\xbd\x07\xf3\x0e\x14z~`\xff\xfe\xfd\xff\xf2\x97\xbf\xa4\xa6\xa6\x12\xbaB\xe0\xf3P\xff\xfe\x05\x01\xd0\x9ct]\xd74\xcd\xe9t&gt;\xf9\xe4\x93o\xbe\x99Y_\xdf@D\xc1\xf6\xa0;n\x1f\xfd\xdb\xdbF\x8d\x18\x96\x1c\xde6\x86H%\xd2\xc90\xa8\xd1E$\'7\x05Y4\xd24"\x95Hp\xa7s\xf7\xde\x83\xab\xd7ny\x7f\xe5\xba\x92\xd23\xf2\'\xa7\xa6\xa6\xbe\xfa\xea\xabqqq\xf2Wx\xef-\x02\xfc$\xd4\xbf\xdfA\x004\x1bY\x9a9993f\xcc\xc8\xc9\xc9!"{\x90\xed\xaeI\xa9\xb3\x1f\xbe\xbb\xefU}\x89\x04\xd5\xd5q\x97[\x08b\x8c\x11#\xa5\xc9\xa5-\xb9.N\x08\xc1\x18\xa9\xaaJ!vRl\xe5\'O.\xcd\xfc\xe0\x8d\xcc\x0fK\xcb\xce\x12QLL\xcc\xe2\xc5\x8b\'N\x9c\xd8tv\x15\xc0G\xa0\xfe\xfd\x11\x02\xa0y\xc8\xea_\xb6l\xd9\xec\xd9\xb3\xe55\xae\x9bF]\xb3\xf0\xe59\tI\t\xe4v\xf1\x9a:b\xf4+\xd73\x08"a\x18\x86ahAAd\x0f&gt;]\\\xfa\xc2\x9f\x97.^\xba\xca\x10\x82\x88\xd2\xd3\xd3\x17-Z\x84s\xe0\xf25\xad||\x92\x97\t\xf5\xef\xa7\x10\x00\xcd@V\x7fff\xe6\xcc\x993\x89\xc8f\xb5\xbc\xf8\xfc\xa3\xe9\x8f\xa5\x11\t\xee\xace\n\xbb\xb4\x8bWB\x08\xce\xb9&lt;\r\xb2\xd6f\xdf7\xf3O\xa7\xca\xce\x12\xd1\x8c\x1932228\xe7X!w\xb1\x0c\xc3\xf0\xb4\x1dM\xff(\xf2\xba%\x96\x9f_\x1a\xd4\xbf\xffB\x00\\\xae\xefU\x7fTd\xd8\x9a\x8f_\x1b:\xf2\x1a\xa3\xba\x8a\x84P\xd4\xcbmM\x84\x10\x9c\x1b\x9a#\xa2\xf4D\xc9\xf8\xdb\x1e\xda\xb3/\x9f.\x9c\x03\xba\xae\xab\xaa\x8as\xe0\xd7\xe0\x9c\xd3\x7f\xde\x88T]]-\xc3\x80\x88"##=_o\xba\x88\x05~\x11\xea\xdf\xaf!\x00.\x8b\\\x96\xf0\xce;\xef\xdc{\xef\xbdD\xd4\'\xbe\xeb{+\x16$\xa5$\xea\x15\x95\x9a\xa59/U\xe9n]\x0b\x0b\xad\xac\xac\x9e6\xed\x89\xd5\xeb\xfeMD\xf7\xdf\x7f\xff\xd2\xa5KqM\xec\x175m\xd0\x8b\x8b\x8b\xb3\xb3\xb3\xb7o\xdfv\xec\xd8\xb7\x05\x05\xf9\xba\xae3b\x82\xa8G\x8f\xee\x1d;^1t\xe8\xd01c\xc6\xf4\xee\xdd\x9b.lZ\x80\xd1\xc0\xcfC\xfd\xfb;\x04\xc0\xa5\x93+\xde\xf2\xf2\xf2\xae\xbezHmm]\xb4#|\xcb\x86e\x89\x03\xfb\xe9\x15\xe74\x8b\xa5\xd9\x7f\x1d\xd7\xb9\x1abohp\r\x1fq\xf7\x9e}\x05D\xb4l\xd9\xb2\xb4\xb44\xac\x8d\xfb\x19\x9e\x0fg\xd3\xa6M\xef\xbe\xfb\xee\xda\xb5k+++\x7f\xe6\xf56\x9b\xed\xba\xeb\xae\x9b&lt;y\xf2=\xf7\xdcCXw\xf8\xb3P\xff\x01\x00\x01p\x89d\xbf\xb2\xae\xaen\xd8\xb0\xa1\xb9\xb9y\x9a\xa6n\xcbzk\xc8\xf5W\xeb\x15\x15\x9a\xd5B-\xf3\xa1\x1a\x9c+A\xb6\xca\xea\x9a\x81C&amp;\x1d;^\x12\x1c\x1c\xbcs\xe7\xce~\xfd\xfay\x16_CS\xb2i())y\xfa\xe9\xa7\x97/_\xee)\xf5\xce\x9d:\xf4\xec\xd9\xb9o\xaf\xae\x8e\xa8H\xe2\xdc\xed\xd6\xbf\xca-,..;p\xb0\x88.\xfc\xe5F\x8d\x1a\xf5\xc2\x0b/\x0c\x1e&lt;\x18\xd7\x1b\x7f\x14\xea?0 \x00.\x91l\\\x1ez\xe8\xa1\xc5\x8b\x17\x13\xd1\xa2\xbf&lt;\x96&gt;w\x96\xbb\xe2\xac\xa5YG\xbe?\xf2{u\xaeF\x86\xef\xfe|\xf7\xf01\xd3]n=))\xe9\x8b/\xbe\xd04\r\x8d\xd4\xf7\xc8\xc9\x81\xac\xac\xac\xfb\xee\x9bv\xeaT\t\x11\xd9\x83l\xbf\x9bt\xf3]w\xde\x9c\xd2?&gt;\xbc},\x91"\x17\x9e\x13\x11\t]w\xd6\xe4\x1c8\xbc&gt;k\xfb\xd2\x8c\x0fK\xcb\xce\x10\x91\xd5j}\xe9\xa5\x97\xd2\xd3\xd3\x91\x01?\x84\xfa\x0f\x0c\x08\x80K!{\x1c\x87\x0e\x1dJLL\xd4u\xfd\x86\x11)\x1b7\xbe\xad\xd7\xd4h\xad\xd2\r\xd1\xdd\xba\x16\x15;\x7f\xde\x8b\xcf\xbe\x98IDo\xbf\xfd\xf6\xd4\xa9S1\x10nJ~\x1a\x9e+\x93D4\xed\x9e\xdb\x1e{\xf4\xee\x84\xe4\xbeD\x06\xd5\xd5\x1b.\xdd\x10\x82H\xc8{\x91\x14\xc6\x14U\xa1`;\xa9\xd6\xf2\x93\xc5K3?\xfc\xdb\xdfWTV;\xe9\xc2\xf5Fd@S\xa8\xff\x80\x81\x00\xb8\x14\xb29HMM\xcd\xca\xca\n\n\xb2~\xbdsU\\b\x9cQSw\xf9k\x1e~\r!\x84\xc1\x98\xc1\x94~W\xfd\xb6\xb0\xe8D\xdb\xb6msss\xa3\xa3\xa3\t\xeb\xd9\x89\xe8\x07\xad\x7f\xb4#b\xc9\x7f?5q\xf2o\xc8]\xcfk\xeb\x88\x98\xa2\xfcHS~a\xf9\xb9\xd0lV\n\x8e\xc8\xd9\xb3w\xc6\xf4\xa7rr\x0fQ\x93u\x87hb$\xd4\x7f\xc0\xc0\xc4\xd9E\x93\xd5_PP\xb0i\xd3&amp;"\x9a\xf4\xdb\xd1qI}\xb9\xb3\xb6u\xaa\x9f\x88\x18cB\xe7\x96\xd0\xd0y\xb3\xef5\x0c\xa3\xb4\xb4t\xf5\xea\xd5\x8c1\xb9\xd2\xd1\xe4d3\x9d\x9d\x9d\xedY\x95\xf8\xd9\x9a%\x13\'\xff\xd6]q\xd6\xa8\xabWUUU\x7f|\xf18#R\x14E\xd3T\xa1\xeb\xees\xe5\xc9\x03\x13\xb27.KI\xeaMD\x99\x99\x99\xf3\xe7\xcfWUU\xd7\xf5\xd6~?\xbe\x07\xf5\x1fH0\x02\xb8h\xb2\x89\x999sfff\xa6\xdd\x1e\xb4o\xc7\xfbq}\xe3D]}k^\x86\x12D\x82\x91\xdb\xa0\xe4\xc1w\x14\x1c\xfa6!\xa1\xcf\xbe}\xfb\xb1&amp;Z\xee\x19y\xfa\xf4\xe9\xa4\xa4\x01ee\xe5Q\x8e\xf0\xf5k^O\x196\xd0}\xae\xc2b\xbd\xb8u)\\\xd7\xd5\x90\xe0\xca*\xe7\xe8\x9b\xa6\x7f\xb5\xaf\x801\xb6a\xc3\x86Q\xa3Fa\x1c\x80\xfa\x0f$\x18\x01\\\x1c\xf9t\x8b\xf2\xf2\xf2O&gt;\xf9\x841\x9a0\xfe\xfa\xf8\xa4D\xa3\xa6\xae\x95\x17!0"\xc3\xcdm\xe1\xe1\x8f?4E\x08\x91\x9f_\xf0\xef\x7f\xff\x1b\x9d \xb9r\x7f\xde\xdc\xb9ee\xe5\x9a\xa6f\xfc\xfd\xc9\x94aC.\xa1\xf5\'"U\xd3xm\xbd#&amp;\xf2\x83\xf7\x16\xc6DG\x12\x89\x87\x1ez\xc8\xe5r1f\xea&gt;\x13\xea?\xc0 \x00.\x8e\xac\xb0]\xbbv\x9d&gt;}Z\x08\xba\xf3\xf61B\x18\xe4\x8d~\x87\xaa*\xa2\xa1\xee\x96\x9b\xae\x8d\x8c\x083\x0cc\xed\xda5\xf4\x9f\xfb\xdb\x98\x8d\xec\x99n\xdd\xbau\xc5{\xef\x11\xd1\xe4\x89\xa9\xb7O\x99\xe0\xae8s\t\xad\xbf\xa4j\xaa\xbb\xd2\xd9\xb5O\xfc\xc2\x17\x1e\x15\x82\x0e\x1d:\xb4p\xe1BEQ\xe48\xc3\x9cP\xff\x01\x06\x01pq\xe4\x18\xf3\xd3O?e\x8c]\xd1\xb1\xed\xb0k\x93Y}\x9d\xa2x\xe1\x04`\x8c\x89\x06W\xdb\xaeW\x0c\x1f\x9aLD\x9b6mv\xb9\\&amp;\x9f\x9d \xa2\xa5K\x97r\xcem6\xeb\xbc9i\x86\xabV\xbd\xbc\x89i\xcd\xaaqg\xd5\x9d\xbf\x1b\xd7+\xae\x0bcl\xd9\xb2e\xf5\xf5\xf5\x8a\xa2\x98\xb6\xa1A\xfd\x07\x18\x04\xc0\xc5Q\x14\xc5\xe5r\xed\xdc\xb9S\x08q\xf5\xa0\xc4\xf0\xb6\xb1\xdc\xe5\xf6\xd6\xcc\xa3!\x04)\xda\x8d#\x07\x11QQ\xd1\xe1c\xc7\x8e1\xc6\xcc\xd9?\x95S\x13\xa5\xa5\xa5\xff\xbbn\x1dcl\xca\xa4\xd4\xf8\xa4\xbe\x97?1\xcd\x88H\xe7\xb6\xf0\xb0\'\x1eO#\xa2#G\x8el\xde\xbc\xd9\xb4\x1f2\xa1\xfe\x03\x0e\x02\xe0"\xc8\xf5\x0f%%%\xc5\xc5\'\x89(\xb9\x7f/"\xd5\x8b}A\xc6\x18\t}@\xbfxEQ\x1a\x1a\x1asss\xc9\xac\xa3`95\xb1q\xe3\xc6\xea\xf3\xe7\x85\x10\xf7\xdcu\x8b\x10\xc6\x85\xe7\x8d\\\x16EUD}\xdd\xf8\xb1#\xa2\x1c\x11\xc4\xd8\xc7\x1f\x7ft\xf9?\xd3O\xa1\xfe\x03\x0f\x02\xe0"\xc8\xda:q\xe2\x84\xd3YCD\x03\x12\xe3\x88\xb8\x17\x17\x1e(\n\xa3FW\\\x8f\xce\x11\xe1aDTXx\x88\xccz\x02\xc8\xbf\xc2\xe6\xcd\x9b\x88\xa8K\xe7\x0e\xfd\xfa\xf7\xa2\xfa\xfaf\x99\x9a`\x8c\t\x97;\xb4M\xcc\xf0\xa1I$\xc4\xae\x9d\xbb\x1a\x1a\x1a\xcc\xb9\xf1\x00\xea?\xf0\x98\xb1\x8e/\xd3\xb1cG\x89\xc8b\xb1\xc4\xc48\xc8\xe0\xde]x&amp;\xb8\x11\x1c\x16\x1c\x19\x19JD\xc7\x8e\x1d#\xb3\xde\x0b#\x17\xe7\x1c=z\x8c\x88\xbaw\xbb2\xb2}\x8cp\xeb\xcd\xf5Q\x18\x86P4[Rb\x1c\x11\x95\x95\x979\x9dN3\xaf\x05B\xfd\x07\x12\x04\xc0E\x90\xe7|QQ\x11\x119"\xc3{v\xefD\x8d./\x16\x1ccL\xe8zh\x8c\xa3g\xf7NDTTt\x84Ly\x02\xc8\xd5\x9f\xd5\xd5\xd5EE\x87\x89(\xb1Ow\x12j36\xd0\x8c1"=\xa1O\x0f"\xaa\xae&gt;_PP@\x17\xee90\x15\xd4\x7f\xe0A\x00\\4\xab\xd5J\x17vC\xf4\xf6\xb1\x10\x11\xd1\x85#\x91\x07fZB\x08\xb7\xdbMD1Q\x11\xc4\x94\xe6\xee\xa0\x8b\x98\xe8\x08"2\x0c\xc3\xe4\xf7\x03\xa3\xfe\x03\t\x02\xe0\xd2\xf9\xce$\x80\xef\x1c\x89w\xc9\xa9y\xce[\xa4a\xf2\xfcXs^\x00\xf8!\xdf\xa9:\xdf9\x12\xbf\x83R\xbeh\xb2\x03\xa8(\xcc\xa2i\xe4\x0b\x95\xa7(\x16M\xa3\x0b\x07fZ\xf2\x11\xb2D\xe4v\xeb-\xf1wq\xbb\xbf\xfbxM~\xbb)\xea?\x90 \x00.Ztt\x0c\x11\xd5\xd4\xd4\x9d&lt;UNV\x8b\x17{\x1fB\x08\xa6\xaa\xf5U\xce\xe2\x92\xd3D$7D4!yI6&lt;&lt;\xbc[\xb7\xeeD\xb4/\xef\x101\xde\x8cw\'\t!\x88\xb4\xfd\xb9\x87\x88(&lt;&lt;\xacg\xcf\x9ed\xe2\xb9f\xd4\x7f A\x00\\\x04y\xce\xf7\xed\xdb\x97\x88j\xeb\xeaK\xcb\xce\x90\xa6y\xb7\x0f\xc4T\xa5\xe1|MI\xe9Y"\xea\xdb7\x81Lyq\x92\x88\x0c\xc3\xd04\xadS\xa7NDt\xfcDYCu\rk\xbe\xcd)\x19#\x12\xbc\xf0\xc8\t"\x8arD\xc5\xc4\xc4\x90)\x03\x00\xf5\x1fx\x10\x00\x17A\x9e\x00\xed\xda\xb5\xb5\xdb\x83\x88\xe8\xd0\xe1\xe3D\xcd\xb9\xda\xe4b\t!\xc8f\xf9\xf6diMm-\x11]q\xc5\x95\xde:\x12\xaf\x93\x7f\x85a\xc3\x86\x11Q\xfe7G\x0b\xf2\n\xc9n\xe7\xcd\xd1\x16\x08!\x14\x8b\xd6PY\xb5a\xf3n\xc6XRrRpp0\xe7\xde\\\xff\xee-\xa8\xff\xc0\x83\x00\xb8\x08\xf2\x04\xe8\xda\xb5[\xdb\xb6m\x89h\xef\xfeo\x88\x84\x17\xdb\x01\xc3\x10\xa4X\xf3\x0e\x1cv\xb9\xdc\x9a\xa6%\'\'\x93Y/Q\xcaw}\xd3M7Y\xadV\xc30\xd6~\xb6\x95\xa9V2\x9a\xa1m2\x0c\xc1\xec\xc1_\xec\xda_ZvF\x081n\xdc\xadd\xd6\xab\x8e\xa8\xff\xc0\x83\x0f\xeb"\xc8\xfdf\xedv{RR2cl\xd7\x97y.\xa7S\xd1\xbc\xb6\xff\x14cD$\xb6l\xdfKD\x1d:t0\xf3\xdc\xb4\xdc\xa43&gt;&gt;~\xd8\xb0a\x8c\xb1\xd72&gt;8{\xb2\x98\xd9\x9ae\x86Z\x90a&lt;\xbf\xe0-]\xe7mbc\xc7\x8e\x1dKD\xe6\xdct\x0c\xf5\x1fx\x10\x00\x17G6(\xe3\xc6\x8d\x15B\x14\x16\x1d\xdf\xf7e\x1e\xd9\xed-\xb4\xee\xf0\x17\x8fD\xb1Z\xce\x97\x9f\xce\xde\xf2%\x11\x8d\x1c9"44\xd4\x9cS\x13\x92\xdc\xa9f\xfa\xf4\xe9B\x883g+\x17\xbf\xbeR\t\x8e\xd4\xdd\x97\xb52\x84\xeb\\\x8d\x8c\xd8\xbaq\xc7\x96\xad_\x11\xd1\xf8\xdbn\x8b\x8d\x8d5\xf3\x87\x8c\xfa\x0f0\x08\x80\x8b#\x07\x98\xd7^;&lt;$$\x84s\xfe\xd1\xda-L\xb5yeB\xc0\xe0\x82\x05\x07o\xdf\x96S|\xaa\x9c\x88F\x8f\x1eCf\x9d\x9a\x904M3\x0c\xe3\x8e;\xee\x18&gt;|8#z\xf5\xf5\x95y{\xbe\xb28"\xf8\xa5\xae\x0e4\x0c\x83\xd9,u\x95\xe7\x1f\x9d\xbb\x901\x16\x15\xe5\x98?\x7f\xbe\xbc\xeb\xb8y\x8f\xdc\x8f\xa0\xfe\x03\x8cyK\xf9\xd2(\x8a\xc29\xef\xd1\xa3\xc7\xc8\x91#\x89h\xc5\xaau\xe7N\x9eT\x83\xac\xad_yL!\xd2\xf9\xa2%\xef3\xc6\xda\xb7o\x7f\xeb\xad\xb7\x92Y\xa7&amp;\x9a\xd24m\xd1\xa2E\xaa\xa6VU9\xa7\xa4=Qy\xa6R\r\t\xe6\xfaE\xaf\xdc7\x0cC0E\t\x0e\x9e\xf5\xe0\xfc\xfd\xb9\x85\x86a&lt;\xf7\xdc\xf3\xed\xdb\xb7\x97\xe3\x8c\x968r\xbf\x80\xfa\x0f0\x08\x80K\x94\x9e\x9e\xae0VV~\xee\xb5\xd7W2{h+\x8f\x8297XX\xe8\xe7Y\xdb\xb2\xb7|)\x84\x981c&amp;\xc6\xbft\xa1yJNN^\xb0`!\x11\xe5\x1e,\x1a\x93:\xbd\xb2\xd2\xa9F\x84\xb9\xdd\xee_\xdfDq]W,\x165,d\xe6\xbds\xdfY\xb9\x8e\x88&amp;L\x98\xf0\xe0\x83\x0f\xea\xba\x8e&amp;FB\xfd\x07\x06\xf3njx9\xe4M\xa7\xfd\xfb\xf7+(\xf8&amp;&amp;:\xf2\xd0\xd7\xab#\x1c\xe1\xac\xf9\xb6\x9f\xfcE\x9cs5"\xfc\xfa\x11w\x7f\xbem\xaf\xd5j\xcd\xcf\xcf\xef\xd6\xad\x9ba\x18f\x9e\x9d\xf0h\xfa\xd4r"JI\xee\xf3\xfe\x8a\x05=\xfb\xc4\x93\xb3\x8a\xeb\\Q\x95\x9f\xfa3\tA\x86\xc1\x191%2\xc2YY\x9d\xfe\xc8\x0b\xcb\xde[CD)))YYY\x11\x11\x11\x8c141\x84\xfa\x0f \xf8\xbc.\x85\xbc\xedh\xd1\xa2W\xe5\xf5\xc6\xa7\x9f}Mi\xc5N\x10\xd7\xb9\x1a\xe9\xf8\xf0\xdd\xd5\x9fo\xdb+\x84\x983gN\xb7n\xdd8\xe7\xa8~I\xae\x08\xca\xc8\xc8\x981c\x06\x11\xed\xc9\xc9\x1f:|\xf2\xf2\x8c\x7f\xb8\x0cR\x1d\x0e\xa6irC7\xce9\xe7\x86\xfcO\xfe/\xa6052\\\t\x0b\xde\xb8~\xeb\xc8\xeb\xa76m\xfd\x1d\x0e\x07a\x85\xc9\x05\xa8\xff\x80\x81\x11\xc0%\x92\xdd\x8d1\xa3Go\xd8\xb8\x911\x96\xb5\xfa\xb5\x1bo\xbdA\xaf\xa8\xd2,ZK\xff^f\xb3\x9e.;\xd7o\xd0\x1d\xa7\xcfT\xb4i\x13[P\xf0\r\x9a\xa7\xef\x11B\xc8\xab\xb5\xcf&gt;;\x7f\xfe\xfcg\xe5\x17\x13\x13z\xce~d\xca\xad\xb7\x8c\x88n\x1fC\x8a\x8dH\'\xf2\x14\xbfF\xc4\xeb*\xaav\xec\xfe\xfa\x95E\xefdm\xdc)\xbf:q\xe2\xc4\xa5K\x97:\x1c\x0e\xf4.\xbf\x07\xf5\x1f\x18\x10\x00\x97H^\x0c&lt;z\xf4\xe8\xa0A)\x15\x15\x95\xed\xdaD\x7f\xbd\xe7\xc36\xedcyM\x9d\xdab+\xa3\x85!\x0c\x85\xa9\xa1!\xa3o\x98\xbaq\xcb\x97D\xf4\xe1\x87\x1fN\x980ANz\xb4\xd0/\xf5S\x9e\x0c\xc8\xca\xca\x9a3g\xce\x81\x03\x07\xe4\xd7\xdb\xc4F]3\xa4\xff\x80\x01\xbd\x13\xe3\xbb:\xa2#\x88\x1bn\xb7\xbe\'\xf7\xd0\xd1\xa3\'\xb7l\xfd\xea\xd8\xb1b\xf9\xb2v\xed\xda&gt;\xf1\xc4\x93\x0f?\xfc0]h\xec\xbc\xf6N|\x12\xea?0 \x00.\x9d,\xbb\x8f&gt;\xfah\xc2\x84\tD4(\xb9O\xd6g\x99\x91\x11a\xbc\xbe\xbe%\xca\xd1S\xfd3\xd3\xe6e\xbe\xb3\x9a\x88\xd2\xd3\xd3\x17-Z\x84\xea\xff\x19\xba\xaek\x9a\xe6r\xb9^~\xf9\xe5\x95+\xff\x91\x9f_\xf0\x8b\xdf\xd2\xbe}\xfb\xb1c\xc7&gt;\xf3\xcc3\x1d;v\x94\xcd\x1c\xba\x96?\n\xf5\x1f\x00\x10\x00\x97E\xb6/\xb3g\xcf~\xf5\xd5W\x89\xe8\xb6[\xae{\xf7\xfdW\xc2l\x16^\xdf\xd0\xbc\xfd \x83\x1bBU\xd4\xd0\x90\xff\xfa\xd3\xdf\x9fz\xe1u"\xba\xfa\xea\xab\xb7m\xdbFD\x8a\xf2\x93W5\x81.\xb4SD\xd4\xd8\xd8\xb8~\xfd\xfa5k\xd6\xec\xd9\xf3eii\xe9\xd9\xb3\xe7&lt;\xaf\t\x0f\x0f\x8f\x89\x89NJJ\x1e;v\xec\xcd7\xdf\xdc\xa6M\x9b\xa6\xdf\x08?\x05\xf5\xef\xef\x10\x00\x97E.\x87\xd04\xcd\xb3\xe6dPr\x9f\xcf\xd6eD\xb5\x8d\xd6+\xabUMm\x96\xd2\xd4u]\xb3\xdb\xc9f\xf5\xf4}RRR\xd6\xaf_\x8f\xa9\xcf_I&gt;\xbe\xca\xd3\x9as\xce+++\xf3\xf3\xf39\xe7\x8c\x91\x10\xd4\xa3G\x8f\x98\x98\x18\xbb\xdd\xeey\x01\x9a\x95_\x03\xf5\xef\xef\x10\x00\x97\xcb3\xd7\xec9\x07\xe2\xbawZ\x96\xf9\xfc\xd0\x91C\xc9Y\xa5\xeb\\U\xd5K.Q\xce\xe5\xaa\xc4\xc8\xd2\xe3\'\xd2\xee{*k\xd3\x17\xd4d]\n\xe6\xa6/\x8a\xe7)\x86?\xd5\xaf\xe7\x9c\x0b!T\xb5y\x9a-\x93@\xfd\xfb5\x04@3\xf0t0\x1fx\xe0\x817\xdex\x83\x88lV\xeb\xbc\xdfO\x9b7w\x8654\x94j\x9c\xba\x9b\xab?\xbd\xfc\xfc\xa7~ cL\t\x0f%A\xab\xde_;\xe7\x8f\x0bO\x95\x9e!\xa2\xa1C\x87\xae]\xbb\x16\xd5\x7f9d\xcd7\xdd8\x9e]\xe0\xbd\x83\xf2c\xa8\x7f\xff\x85\x00h\x1e\x9es\xe0\xcd7\xdf\xfc\xfd\x9c9U\xd5\xd5D\x94\x98\xd0c\xf6#wO\x9et\x8b5"\x9c\x1a\xea\x8c\x06\x97!\x04cL&gt;\xac\xaa\xe9\xf9\xf0]\x93$\x840\x04#R\xad\x16\n\t&amp;\xce7n\xd8\xbe\xf0\xafoo\xc8\xde%_\x96\x9e\x9e\xbe`\xc1\x02\xb9\xe9\r\xaa\x1f|\x07\xea\xdfO!\x00\x9a\x93\xbcl\x98\x93\x93\xf3\xe0\x83\xb3\xbe\xf8b\xb7\xfcb\xbf\xbeq\x0f\xcf\xba\xeb\xa6\x1b\x87^\xd1\xfd\nb\x1a\t\x9d\x1a]\xc4\r\xc3\xad\x93&lt;\x05\x04)\x9aJ\xaaBV+\xa9\x1a\x11\x9d/?\xf3\xf9\x8e\x9c%KWy\x16\xa4w\xec\xd8\xf1\xaf\x7f\xfd\xeb\xc4\x89\x13I&gt;\t\x0f}U\xf0=\xa8\x7f\xbf\x83\x00hf\xf2\x1c\xd0u\xfd\xddw\xdf}\xf6\x99gN\x16\x7f\xb7\xae\xdc\xe1\x88\xb8\xee\xda\xabF\x0c\x1f\x98\x94\x18\xd7\'\xaeKH\x88\xdd\x1e\xe3 !H\x10)\n\xafv\x9e\xaf\xa9+\xfa\xf6\xd4\xc1\x82#\xdbw\xee\xdb\xb4\xe5\xcbo\x8f\x9f\x92\xdfh\xb7\xdb\x1f\x7f\xfc\xf1\x87\x1f~\xb8M\x9b6\xb88\t&gt;\x0e\xf5\xef_\x10\x00\xcd\xcf3&gt;=}\xfa\xf4\'\x9f|\xb2d\xc9\x92\xfd\xfb\xf77}AtTdxxH\xf7\xee\x9d\xc80H\x10ijY\xc9\xe9\xf23\x15g\xceT6\xb97\x95:w\xee\x94\x966m\xd2\xa4I\xbdz\xf5"\xacJ\x04?\x81\xfa\xf7#\x08\x80\x16\xd1t\xdd!\xe7|\xd3\xa6M\xeb\xd7\x7f\x96\x9d\xbd\xa9\xb0\xf0Pc\xa3\xeb\xe7\xbf\xb7[\xb7\xae#F\x8c\x1c1b\xc4\xf8\xf1\xe3\xc3\xc3\xc3\t\xab\x12\xc1\xdf\xa0\xfe\xfd\x05\x02\xa0\x05\xfdp\xf9yaaaAA\xc1\x81\x03\x07N\x9c8~\xfc\xf8\tY\xd3B\x88\xc8\xc8\xc8\xc4\xc4\xc4N\x9d:%$$$$$\x04\x07\x07{\xbe\x851\x86\xeb]\xe0\x8fP\xff\xbe\x0f\x01\xd0\xe2\xe4i \x84\xd0\xb4_\xbbO\x16\x16\xa4C\xc0@\xfd\xfb2\x04@\xeb\x11M|o\xd5\xb9\xfc"\x11\xc9\xfe\x0e\xea\x1e\x02\x0f\xea\xdf\x07!\x00\x00\x00L\n\x93k\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9a\xb7\x0f\x00\xa0\xb5\t!~\xf4\xeb\x8c\xb1V&gt;\x12\x00\xefB\x00@ \x13M\x10\x91\xa2(\x9e\xff\xfbC\x86ax\xfe/k\xa2\x15\x8f\x17\xa0U\xb1\x9f\xea\r\x01\xf8)\xd9\xdc\x1b\x86\xc1\x18SU\xf5\x87/0\x0c\xa3\xba\xba\x9a\xb1\xef\x8a_\xfe?AAAv\xbb\xfdG_,\x7f\x94\xa2(\x08\x03\x080\x08\x00\x08\x10\xb2\xd1\x17Bh\xda\xff\x8dk9\xe7%%%EEEyy\xb9g\xcf\x9e\xdd\xb3\xe7+]\xd7\xcb\xcb\xca\xca\xca\xcb\x181A\xb2\xf8\x19\x91\x08\r\t\xed\xd1\xb3\x87\x10\x94\x98\x98\x18\x13\x133p\xe0\xc0+\xaf\xbc\xb2s\xe7\xce\xc1\xc1\xc1M\x7f\x1a\x11!\t ` \x00\xc0\xef\t!8\xe7\x9ev\x9fs^XX\x98\x95\x95\xb5}\xfb\xf6\xc2\xc2\xc2\xe3\xc7\xbf=\x7f\xdey\t?\xd6f\xb3v\xe8\xd0!&gt;&gt;~\xc8\x90\xabG\x8f\x1e\xdd\xbf\x7f\x7fO\x18\xe8\xba\xae(\xcaOM%\x01\xf8\x0b\x04\x00\xf81\xd9%\x97\xf3&lt;\x9c\xf3\xdd\xbbw\xaf^\xbd\xfa\xb3\xcf&gt;;|\xb8\xb0\xb1\xd1\xd5\xf4\x95aa!!!\xc1}\xe2\xba(\x9a\x1a\x11\x16\xd2\xaf_\x9c\xe0\x86\xec\xc6\x0b!\x98f9\xfem\xf1\x89\xe22\xa6\xaaEE\'\xce\x9f\xaf9WQ\xf5\xbd\xdf\xd5\xb5k\x97\x91#\xaf\x1f?~\xfc\x88\x11#\xc2\xc3\xc3\xe9\xc2\x98\x03\x03\x02\xf0_\x08\x00\xf0K\x9csO\xcb[\\\\\xbcj\xd5\xaa\xf7\xdf\x7f\x7f\xff\xfe\xfd\xff\xf7\n\xc6\xbat\xeexUR\xef\xe4\xfe\xf1\x03\x07\xf4\xea\x1d\xdf-&lt;"4"\xd6A\x8aJ\n#\xb2\x105\xad|F\xa4\x93\xc1\x89\xb1\xfa\xb3\x95\xb5\xb5\xf5\x07\x0b\xbf\xdd\x97[\x98w\xe0\xf0\x9e\xbd\x07\x0f\x17\x1dohh\xf4\xbc\xb4s\xe7\xce\x13\'N\x9c2eJ\xbf~\xfd&lt;\x07\xf3\xa3\x17\x1b\x00|\x1c\x02\x00\xfc\x8c\x9c\xe8\x97\r\xee\xce\x9d;\xdfz\xeb\xad\x7f\xfd\xeb\xe3\xca\xca*\xf9\xaf\x0eG\xf8\xc0\xe4\x8417\x0c\x19~\xed\xc0\x84^]\x82c\xa2\x884"\x9d\x1a]\xc4\r\xc3\xed&amp;"!H\x08\x83\xa8i\xb7]|\xb7\xe0G\x90b\xd1HU\xc8f%\xa6\x11\t~\xdeYx\xe4\xe4\xee=\xb9\x9ffm\xdf\xbb7\xff\xdb\xe3\xa7\xe47X\xad\xd6\x11#F\xcc\x9a5+55\xd5j\xb5\xca\xd1\x00b\x00\xfc\x0b\x02\x00\xfcF\xd3\xb9\xfeM\x9b6\xbd\xfc\xf2\xcb\x1b6l\xf0\xfc\xeb\xb0k\x92\xc6\x8f\x1by\xe7\x841Wt\xbb\x82\x14\x0b\x19n\xaao\xe4n]\x08\xe1Y\xcf\xf9k\xe6j\xe4\x19a\x18B\x08\xc1\x18\xa9\x9aJ6\x1bY\xacD\x86\xb3\xbcb\xf5\xba-\x1f\xaf\xde\xbcq\xf3\xae\xda\xdaz\xf9\xfa~\x89\x89\xe9\xb3g\xa7\xa5\xa5\xd1\x7f\x8eK\x00|\x1f\x02\x00\xfc\x83\x9cm\'\xa2\xc2\xc2\xc2\x97^z\xe9\xed\xe5\xcb\r!\x88\xc8n\x0f\xfa\xdd\xc4\xd4i\xf7\xfe\xe6\x9a\xab\xfb\x93\xcdN\x8d\xf5FC\xa3a\x08\xa60\xa59V\xf1\xcb\xe1\x82!\x04#R\xad\x16\n\x0e!a|s\xa0\xf0\x7f&gt;\xcc\xcax\xf3\xc3\x92\xd23\xf2e\xa3F\x8d\x9a;w\xee\r7\xdc@\x98\x11\x02\xff\x81\x00\x00?\xa0\xeb\xba\xa6i.\x97\xeb\xe5\x97_^\xb4\xe8\xaf\x15\x15\x95D\x14\xe5\x88\x98\x96\xf6\x9b\xa9w\xdd\xd2w`\x7f2\xdc\xa2\xa6\x8esCU[\xb0\x03\xfe\xdd\xed\x05DJ\x88\x9d,\xf6\xf2\xe3\'V\xac\xfal\xd9\xf2\x8f\n\x0e\x1d#"\xc6XZZ\xda\xf3\xcf?\xdf\xa1C\x07\x0c\x05\xc0/ \x00\xc0\xa7\xc9\xfbr\x15E\xd9\xb1c\xc7\x03\x0f&lt;p\xe0\xc0\x01"\xb2\xdblw\xdd\x99\xfa\x87\xc7\xa6\xc5\xf7K w-\xaf\xadg\xc4\x14\xb5\xf5\x16e\x1a\x86a\x18B\x0b\xb2\x92=\xbc\xfat\xd9\xab\xaf\xbd\xf7F\xe6\x87\xa5eg\x89\xa8]\xbb\xb6\xcf?\xff\xc2\xf4\xe9\xd3\tC\x01\xf0y\x08\x00\xf0]\x9e\x06\xf4\xd9g\x9f}\xf1\xc5\xbf\xc8\x95\x9d\xa3F\x0e~\xe1\xb9\x87\x07\x0f\x1bL\xaez\xbd\xa6NQ\xbd\xb6\x1e_\x08\xc1u\xae\xd9\xac\x14\x12^r\xf4\xd8\xd3\xf3\x17\xbf\xbd\xe2\x1391u\xe7\x9dw\xbe\xf6\xdak\xd1\xd1\xd1r\xec\xe2\x95\xc3\x03\xf8E\x08\x00\xf0Q\xb2\xf5/--MKK\xcb\xca\xca""Gd\xd8\xfc?=\xf8\xf0CSHa\xfc\xbc\x93\xf9\xc6\xadX\xdf]\x9a\xb6\x07QPH\xd6\xda\xecG\x1f\x7f\xf1\xd0\xe1\xe3D\x14\x17\x17\xb7l\xd9\xb2\xa1C\x87b\x1c\x00&gt;\x0b\x01\x00\xbeHv\x9cw\xec\xd81q\xe2\xc4\x92\x92\x12"\x1av\xf5\x80\xb72\x9f\x8fK\xe8eTW\x91\x10\xad9\xe1\xf3k\x08!874GD\xf5\xb9\xaa9s^z\xf3\xed\x7f\x11\x91\xcdf\xfd\xdb\xdf\xfe~\xff\xfd\xf7\xe3\x92\x00\xf8&amp;\xdf:\x8b\x00\xe8B\xeb\x9f\x99\x999r\xe4H\xd9\xfa\xa7?4y\xcb\xc6\xe5qq]\xf4\xcas\x8a\xd2\xaa\xd3\xfd\xbf\x12cL\xd3T^Y\x1da\xb7f.\x7f1\xf3\xf5g#\xc3C\x1b\x1b]\x0f&lt;\xf0\xc0\x03\x0f&lt;\xa0\xaa\xaa\xbc}\xc1\xdb\x87\t\xf0\x1f0\x02\x00\xdf\xe2i\xfdg\xce\x9cID\x11a!\x7f]\xf8\x87i3\xa7\x08g\xa5\xe0\x86\x0f6\xfd\xdf#\x840\xb8\xa1:\xa2\xbf\xdc\xbe\xfb\xee{\xe7\x16\x1e9ID3f\xcc\xc8\xc8\xc8\xc08\x00|\r\x02\x00|\xc8\xf7Z\xffhG\xf8gk^O\x196X\xaf8\xabj\xaa\x1f5\x9d\xba[\xd7"\xc3+NW\xa4\xde2\xf3\xcb\x9c|B\x06\x80O\xf2\xf5\xfe\x14\x98\xc7\xf7Z\xffA\xc9}v\xedX\x99rM\x92^qV\xb3h\xfe\xd5hj\x16\x8dW;\xa3\x1ca\xd9\xd9oO\x9br+\x11\xc9\xf7\x85\xb9 \xf0)\x18\x01\x80O\xf8a\xeb\xbf\xfe\x7f3\x1d\xb1\x91\xbc\xda\xa9\xfa\xed2J\x83\x1b\x8a\xd5B\xf6\xa0\x99i\xf32\xdfYM\x17\xc6\x01\xf2\t3\xfe\x15i\x10\x90\x10\x00\xe0}r\xa1\xa4\xa7\xf5OI\xea\x9d\xf5\xd9\x9b\x0eG\x18\xaf\xadW5\xff^@i\x18\x86P\x1454\xe4{\x19\x80\xb5\xa1\xe0\x0b\x10\x00\xe0e\xb2)\xdc\xb5k\xd7\xb0a\xc3\x0c\xc3\x88\x8a\x0c\xffj\xe7\xca\xae\xf1]xu\x8d\xbf\xb7\xfe\x920\x0c\xa1\xaa\xccb\x19z\xed\xefv\xed9@D\x8b\x16-JOO\xc7=b\xe0u\x08\x00\xf0&amp;9\x19r\xfa\xf4\xe9\xfe\xfd\xfb\x95\x97\x9f\x0e\t\xb6o\xc9\xcaL\xb9&amp;\x99W;\x03\xa3\xf5\x97\x0c\xc3 \x8b\xa5\xcaY7\xf2\xfa{r\xf3\x8f\x10\xd1\x86\r\x1bn\xbc\xf1F\x8c\x03\xc0\xbbp\x11\x18\xbcIn\xf5s\xf7\xddw\x97\x97\x9f&amp;\xa2\xc5\x7f\xfdc\xca\xb0!z\xd5\xf9@j\xfd\x89HQ\x14\xd1\xe8\x8a\x8au\xbc\xf7\xf6\x8bQ\x8ep"\xba\xe7\x9e\xbb\xcb\xcb\xcb\x15E\x91\x9f\x00\x80W \x00\xc0k\xe4\x1c\xc8s\xcf=\xb7q\xe3F"J\xff\x7fwN\xbd\xffnw\xc5Y\xcd\x12\x80\x13#\xaa\xa6\xeaU\xe7\x13S\x922\xfe\xfe\x14\x11\x95\x95\x95\xdf}\xf7\xdd\x8ca\x08\x0e\xde\x84\xfa\x03\xef\x90\xfb\xfb\x7f\xf1\xc5\x17\xc3\x87\x0fw\xbb\xddC\x06\xf6\xdd\xbe\xf5=\xe1\xd6U\x12\x01\xbc&lt;F\xd7u\xcd\x11={\xd6\xd3\xaf\xbe\xbe\x8a.\\\x0c\xc0D\x10x\x0b\x02\x00\xbc@n\xac\xcf9OLL,,,\x0c\x0b\x0b\xd9\xbfkU\xb7\xb8.Fm\xbd\xef\xdf\xeb{9\x84\x10\x06c\xa4i\x83\xae\x9e\x94\xf3u\xa1\xa6)\x07\x0e\x1c\x8c\x8b\x8b\x13B\xf8\xc2\xc6v`6\xa89\xf0\x02\xf9\xf8\xdc\x85\x0b\x17\x16\x16\x16\x12\xd1\x8b\xcf&lt;\xd8-\xa1\x97\xee\xac\r\xec\xd6\x9f\x88\x18c\xc4\r\xd5bys\xf1\x9fl6\x0b\xe7\xc6#\x8f&lt;\x82\x89 \xf0\x96\x00?\xdf\xc0\x07\xc9\xc9\x9f#G\x8e\xbc\xfc\xf2\xcbD4|h\xd2\xacG\xa7\xf2\xea\xca\x80\x9c\xfa\xff!UUt\xa73i\xe8\xe09\x0fM\x16Bl\xd8\xb0\xe1\xc3\x0f?TU\x95s\xee\xedC\x03\xd3A\xd7\x03Z\x9b\x9c\xf2\x9e:u\xea\xbb\xef\xbe\x1b\x14d\xdb\xb1\xf1\xad\xe4!\x03\x8c\x9a\xba\x80\xef\xfe{\x08!\x0cU\xad\xadk\x18x\xf5\x9dG\x8e\x9d\xec\xd1\xa3g^^\x9e\xa6i\xb8=\x18Z\x99YN9\xf0\x11\xb2\xf5\xdf\xbau\xeb\xfb\xef\xbfOD\x93~3*y\xd8\x10\xee\xac1O\xebOD\x8c1\xe1r\x87\xc7\xc6&gt;\xf5\xfbi\x86!\n\x0b\x0b\x17.\\\x88%\xa1\xd0\xfa0\x02\x80V%\xdb\xb8Q\xa3Fm\xd9\xb2%:*\xe2\x8b\x7f\xaf\xe8\xd6\xb3\x0b54*\x8a\xb9z\xbe\x82H\x10\xb9\x89\r\x1fy\xcf\x9e\x9c\xfc\xa8\xa8\xa8\xfc\xfc\xfc\xd8\xd8X\x92\xd7\t\x00Z\x85\x89\xba]\xe0ur3\xe4\x9c\x9c\x9c\xcf?\xff\x9c\x88\xd2&amp;\x8f\xeb\xd1\xb7\xafQ[g\xb6\xd6\x9f\x88\x18\x91\xd0\xb9-,t\xfe\xbc\x99B\x88s\xe7\xce\xbd\xf7\xde{\x8c1\\\t\x80\xd6\x84\x00\x80\xd6\xb6d\xc9\x12!DP\x90u\xda=\xe3\x85\xabF1\xeb\x12xES\x8d\x1a\xe7\xf0\x1b\xae\xee\x15\xdf\x851\xb6l\xd9\xb2\xfa\xfazUU1(\x87V\x83\x00\xf0\x02q\x81\xdc\x1a\xde$\'\xbc\x10B&gt;\xe4\xfd\x9f\xff\xfc\x90\x88\xee\x9apS\xef\x81\xfd\x8d\xbaz\x13v\xff%F$\xdc&lt;82r\xde\xec{\x85\x10\x07\x0f\x1e\xdc\xb4i\x13c\xcc$W\x02D\x13\xde&gt;\x16\xf3B\x00\xb4\x12\xd9\xdc\xeb\xba\xce9g\x17\xc8\x87C\xc9e\xe0\xf2\x9f\x02\xf8d\x90\x93\x1b+W\xaet:kTU\x9d5}\x820\xdcD&amp;m\xfd%EUD]\xcd\xed\xbf\x1d}E\xc7\xb6\x8c\xb1\xcc\xcc\x0c\n\xe8k\x00\x9eS\xc0\xf3D\x04O\xfds\xceu]7I\xf8\xf9\x0e\x04@\x8b\x93\x8d\xbbl\xee5M\x937\xfd;\x9d\xce\xf2\xf2\xf2\x93\'O\x96\x95\x959\x9dN\xc6\x98\xfc\xa7\x00\x9e\x05VU\xd5\xe5r\xbd\xf3\xf6\xdb\x8c\xb1AW%$\x0f\xe9/j\xeaT3-\xfe\xf9!\xc6\x18ot\x87\xc4\xc6\xdcu\xfbh!\xc4\xa6M\x9b\x0e\x1f&gt;\x1c\x90\xcb\x818\xe7\xf2\n\x90\xacsEQ\xaa\xab\xab+++\xab\xaa\xaa\xaa\xaa\xaa\x18c\xaa\xaaj\x9a\xa6(\x8a\x0c\x03o\x1f\xafY\x98\xe2\xd6\x1b/\x12B\xc8\xc6\x9d\x88rrr\xb6l\xd9\xb2k\xd7\xae\xa2\xa2\xa2\xb2\xb2\xb2\xba\xba:yJ\x84\x84\x84\\y\xe5\x95\xc9\xc9\xc9\xe3\xc6\x8dKMM\x95\xf7\x04\x05\xd8\xe60\xf2\x1d\xed\xdb\x97\x93w\xe0\x80\x10\xe2\xf6[G*\xb6`\xbd\xaeA\t\xac]?/\x01c\x8c\x0c\xf7\xed\xe3ox\xe5\xb5\xf7kk\xebV\xaf^\xfd\xfb\xdf\xff^\xde+\xe7\xedCk\x1er\xec+\xeb\xb9\xb8\xb88;;{\xfb\xf6m\xc7\x8e}[P\x90\xaf\xeb:#&amp;\x88z\xf4\xe8\xde\xb1\xe3\x15C\x87\x0e\x1d3fL\xef\xde\xbd\xe5\x85\x10l\x8f\xd1\n\xb0\x0c\xb4\x05\xc9\xd6\xbf\xa4\xa4d\xc5\x8a\x15\xabV\xad\xda\xbf\x7f\xff/~\xcbUW]\xf5\xe7?\xffy\xf4\xe8\xd1\x01\x96\x01r\xe3\xcf?\xfe\xf1\x0f/\xbf\xbc \xca\x11q\xe0\xcb\x0f\xda_\xd9V4\xba\x03x\xba\xe3\xd73\x84 \x9b\xed\xba\x91\xf7\xec\xf8\xe2\xebk\xae\xbez\xeb\xb6mD\x14\x18m\x9f\xa7\x8c7m\xda\xf4\xee\xbb\xef\xae]\xbb\xb6\xb2\xb2\xf2g^o\xb3\xd9\xae\xbb\xee\xba\xc9\x93\'\xdfs\xcf=M\xbf\x1dZ\x08\x02\xa0\xa5\xc8\xda}\xff\xfd\xf7\x1fy\xe4\x91\x8a\x8a\n\xf9E\x8b\xc5"\x07\xb9\x9e\xcb\xbfrj\x88.\\\x13\x93\x83\xdf\xc0\xdb$R\x08\xa1\xeb\xee\x01\x03\x92\xf2\xf3\xf3\xaf\xbf.e\xd3\xe6w\x0cgM`\xb4q\x97O\xd7\xb9\xe6\x88\x9a\xff\xe4\x82g\xff\x9c\x11\x14\x14\xf4\xf5\xd7_\xc7\xc5\xc5\x05\xc0 @\x16pII\xc9\xd3O?\xbd|\xf9rOS\xd3\xb9S\x87\x9e=;\xf7\xed\xd5\xd5\x11\x15I\x9c\xbb\xdd\xfaW\xb9\x85\xc5\xc5e\x07\x0e\x16\x11}\xf7\x9aQ\xa3F\xbd\xf0\xc2\x0b\x83\x07\x0f\xc6\xf3\x93[\x14\xa6\x80Z\xd6\x15W\\QQQa\xb5Ze\xa3\xefv\xbb\x7f\xf8\x1a\xd9\xe8\xcb\x12\x97-\xfe\xec\xd9\xb3;t\xe80q\xe2\xc4\xc0\xc8\x80\x0b\x9b\xff\x1c=z\xf4\x08\x11\xdd4\xea\x1aR4\xc3\x10~\xde\xbe5\x1b\xc6\x18\x19\xae\xd1#\x87\xbc\xf0\xd2[\r\r\r;v\xec\x08\x80\x00\x90c\xbe\xac\xac\xac\xfb\xee\x9bv\xeaT\t\x11\xd9\x83l\xbf\x9bt\xf3]w\xde\x9c\xd2?&gt;\xbc},\x91B\xa4~\xd7\xe2\x0b]w\xd6\xe4\x1c8\xbc&gt;k\xfb\xd2\x8c\x0fK\xcb\xcedggo\xdd\xba\xf5\xa5\x97^JOO\x97WD\x90\x01-\x01#\x80\x16$\xcf\xe1\xd4\xd4\xd4\xf5\xeb\xd7\xcb\xaf\xb4m\xdbv\xf8\xf0\xe1C\x86\x0c\x89\x8b\x8b\x8b\x8c\x8c\xd44\xad\xa6\xa6\xe6\xe0\xc1\x83k\xd6\xac\xd9\xbcy\xb3|\x8d\x1c"\xc4\xc4\xc4\x14\x14\x14DEE\x91\xff\x97\xbel\x0b^}u\xd1\xec\xd9\x8fi\xaa\xba{\xcb;\xc9C\x93\xf8\xf9Z\x93_\x01\xf6\x10B0U\xa9kp\xf5I\xfe\xed\xf1\x13\xa5\xbf\xf9\xcdm\x1f\x7f\xfc/\xbf\xce~y\xf0\x99\x99\x993g\xce\x94_\x99v\xcfm\x8f=zwBr_"\x83\xea\xea\r\x97n\x08y74#"\x851EU(\xd8N\xaa\xb5\xfcd\xf1\xd2\xcc\x0f\xff\xf6\xf7\x15\x95\xd5N"\x9a1cFFF\x06\xc6\x01-\x04\x01\xd0\x82\xe45\xde\x8d\x1b7\x8e\x193\xe6\x86\x1bn\xb8\xf7\xde{SSS\xa3\xa3\xa3\x7f\xf4\xc5\xabV\xad\x9a6mZcc\xa3\\/\xaf\xeb\xfa\xdf\xfe\xf6\xb7G\x1ey$\x00\x1e\x1d.\x9b\x83\twL\xf8\xe8\x9f\x1fu\xbe\xb2\xfd\xc1\xbd\xff\x0c\t\x0e\x12\xdc\xc0\xf9\xec\xc1\xb9\xa1F\x84\xdd~\xdb\xac\x8f\xd7l\xe9\xd2\xb9\xf3\xc1\xfc\xfc\xe0\xe0`9C\xe8\xedC\xbbh\xdfk\xfd\xa3\x1d\x11K\xfe\xfb\xa9\x89\x93\x7fC\xeez^[G\xc4\xe4\xe2\xe7\xef}\x97 \x12\x86a\x18B\xb3Y)8"g\xcf\xde\x19\xd3\x9f\xca\xc9=D\x172\xc0\xaf\x13\xd1g\xa1\x0b\xd6\x82\xe4\xb2\xce\x11#F\xec\xdd\xbb7;;{\xca\x94)\xd1\xd1\xd1r\xbd3oB\xd7u]\xd7\xef\xbc\xf3\xce\x05\x0b\x16\xc8A\x83&lt;\xf3\xd7\xad[G\x01q1PQ\x14\x97\xcb\xf5MA\x01\x11\xa5\\\x95\x10\x12\x13\xc5\xdd\xdc\x1f\x9b\xb6\x96#\x84 \xa6\x8e\x18v\x15\x11\x95\x9f.?y\xf2\xe4w_\xf47\xb2\x99\xce\xce\xce\x96\xad\x7fTd\xd8gk\x96L\x9c\xfc[w\xc5Y\xa3\xae^UUUU~\xf4O\xcf\x88\x14E\xd14U\xe8\xba\xfb\\y\xf2\xc0\x84\xec\x8d\xcbR\x92z\x13Qff\xe6\xfc\xf9\xf3e\xaf\xa8\xb5\xdfO\xa0\xf3\xfb\xc6\xc5\xf7Y\xad\xd6\xe4\xe4dy\x81W\xf6\xee\xe5Rh\x0f\xb9\xfc\x99s\x9e\x96\x96\xd6\xb6m[yI@\x08QTT\xe4r\xb9d\x1ex\xfbM\\:9x/--=q\xe2\x04\x11]5\xa0\x171\xcd\xaf\xdfQK`\x8c\x91\xd0\x93\xfa\xf7R\x14\xa5\xbe\xbe!77\x97\xfc0\x00\xe4\xdf\xba\xac\xac\xec\xee\xbb\xa7\x10Q\x94#|\xfd\xda\xa5)\xc3\x06\xba\xcf\x9d\xb6X\xb4_\xd9\x95a\x8cY\xac\x16^u\xde\x11\x19\x96\xb5\xfe\xcd\x81I\xbd\x89h\xfe\xfc\xf9\xd9\xd9\xd9\x9a\xa6\xe1\x16\x81\xe6\x85\x00h\r\xf2\xc4\x90\x03\x82\x1f}\x81\xa2(\x8a\xa2\x04\x07\x07\xf7\xe8\xd1\x83.L\xfaWWW\xd7\xd7\xd7\xb7\xea\x81\xb6\x00\xd9\x8a\x1d;v\xcc\xe9\xac!\xa2\x01\xfd\xe2\x89\xd0\xfd\xff&gt;Ea\xd4\xe8\x8a\xef\xd192"\x8c\x88\xbe\xf9\xa6\x80\xfc0\x00\xe4\xca\xfdys\xe7\x96\x95\x95k\x9a\x9a\xf1\xf7\'S\x86\rq\x9f\xab\xb0X-\x17\xfb\xa3TM\xe3\xb5\xf5\x8e\x98\xc8\x0f\xde[\x18\x13\x1dI$\x1ez\xe8!\x97\xcb\x85\xa7\xa75/\x04@k\xf85}\x1fY\xd6M[F\xb9QD\x0b\x1eV\xab\x90\xef+//\x97\x88"\xc2\xc3\x12zw\xa3\xc6\xc6\x00x_\xcdK&gt;!\xc0\xd1!\xb6g\x8fND\x94\x97w\x80\xfc\xed\xe2\xbf\xe7I\x0f+\xde{\x8f\x88&amp;OL\xbd}\xca\x04w\xc5\x99Kh\xfd%US\xdd\x95\xce\xae}\xe2\x17\xbe\xf0\xa8\x10t\xe8\xd0!&lt;5\xa1\xd9!\x00|\x82\xec:\xb9\xdd\xeeS\xa7Ny\xbe\xe8p8\x82\x83\x83\xbdxT\xcd\xa8\xac\xac\x8c\x88\x82\x83\x83""\xc2\x88s\xbfj\xd9Z\x89\x10B\xb3Y\xa3\xa3"\x88\xa8\xbc\xbc\xdcO\xaf\x00/]\xba\x94sn\xb3Y\xe7\xcdI3\\\x97\xbb\xd0K\xb3j\xdcYu\xe7\xef\xc6\xf5\x8a\xfb\xbf\rS\xfd}R\xd4\xa7 \x00|\x82\xec\xd4\xec\xd9\xb3\xe7\xdbo\xbf\x95\xc3\x05\xc6X\xaf^\xbd\xe4\xa4\xa7?6\x04\x1e\xf2\xed\xe4\xe4\xec#\xa2^\xf1]Bc\x1d\x86[\xf7\xebw\xd4B\x0cC\x10\xd3\xae\xea\xdf\x8b\x88\n\x0b\x0fUUU\xf9QK\xe7\xd9\xea\xf5\x7f\xd7\xadc\x8cM\x99\x94\x1a\x9f\xd4W\xd4\xd5_\xe6\x12\x06FD:\xb7\x85\x87=\xf1x\x1a\x11\x1d9rd\xf3\xe6\xcd\xe6\xd90\xb5\x15 \x00\xbc\xcfS\xcds\xe7\xce\x95\'\xbc\xbc+\xf8\xf6\xdbo\'?\x9c\x08\xfeQ\xdfMp\x05\xc4\xa2\xa6\x96\xc4\xe4\xe6\xd8\x9e\xcds\xfc\x85\xbc6\xbbq\xe3\xc6\xea\xf3\xe7\x85\x10\xf7\xdcu\x8b\x10F\xb3l\xf5\xaa\xa8\x8a\xa8\xaf\x1b?vD\x94#\x82\x18\xfb\xf8\xe3\x8f.\xffg\x82\x07\xceF/\x93\xad\xbf\xaa\xaa\xb3f\xcd\xda\xb6m\x9b\x9c\xf7\xe7\x9c\xc7\xc7\xc7\xdfq\xc7\x1d\xb2c\xe5\xedc\xbc,\x8c\xb1\x86\x86\x86\x92S\xa7\x88\xc8\x11\x19N\xc4\x02!\xd0Z\x8apD\x86\x13Qmm\xad\x9c\x0c\xf4\x97\xf8\x97C\xba\xcd\x9b7\x11Q\x97\xce\x1d\xfa\xf5\xefE\xf5\xcd\xf3\xa4\x07yu$\xb4M\xcc\xf0\xa1I$\xc4\xae\x9d\xbb\x1a\x1a\x1a\xd0\x8dh.\xf8\x1c\xbdI\xde)\xc6\x18\x9b1c\xc6\xeb\xaf\xbf\xeei\xeb\x19co\xbc\xf1\x86\xddn\x97\xcb\x87\xbc{\x90\x97CNd\xd7\xd5\xd5\x15\x9f*&amp;\xa2\xa4~q\xa4X\x84\xe1\x1f\x8dZ+c\x8c\x11\xf1\xa4\xfe\xf1DT[[W\\\\L~\x15\x00B\x88\xa3G\x8f\x11Q\xf7nWF\xb6\x8f\x11\xcd7\xd1g\x18B\xd1lI\x89qDTV\xfe\xdd\xf6\xe9\xfe\xf2\xc9\xf88\x04\x80\xd7\xc8U\x13\x95\x95\x95\xe3\xc6\x8d{\xf3\xcd75\xed\xbb\xd5\xf1\x9c\xf3\x8c\x8c\x8c\xeb\xae\xbb.`n}d\x8cY,\x16"\xd2uL\xdd\xfe\x02\xcfG$?1\xbf \x970TWW\x17\x15\x1d&amp;\xa2\xc4&gt;\xddI4\xe7\x83-\x19cDzB\x9f\x1eDT]}\xbe\xa0\xa0\x80\x9aL\x9c\xc2\xe5\xf0\xef=\x06\xfc\x97l\xdc\x0b\n\n&amp;L\x98\x90\x9f\x9f/[\x7f9\xf3\xfb\xf6\xdboO\x9d:5\x00v\x80h\xea\xc2"Wo\x1f\x87\xcf\xf3|D~\xd7\xc3\x15B\xc8\xbd\x0ec\xa2"\x88)\xcd}\xf8"&amp;:\x82.&lt;S\xacy\x7f\xb4\x99\x05N\x13\xe3GdC\xff\xc5\x17_\x8c\x1b7\xee\xec\xd9\xb3\xb2\xf5\xe7\x9c\xc7\xc4\xc4\xbc\xf7\xde{c\xc6\x8c\t\xb0\xd6\x1fLBN\xcds\xde"}s\xcf\x8f\xc5\x05\x80f\x84V\xa6\xb5\xc9\xdd~\n\n\nn\xb9\xe5\x96\x8a\x8a\n9\xc9\xc39\x1f0`\xc0\xaaU\xab\xe2\xe3\xe3\x03\xb2\xf5\x97\xd3\xc1~\xd7\xabm}\x9e\x8f\xc8\xef\xae\xfdx\x9ef\xe1v\xeb\xd4\x02\x7fh\xb7\xfb\xbb\x8e?v\x83hF\xc8\xd2V%O\xef\xc6\xc6\xc6\xc9\x93\'WTT\xc8\x86^\xd7\xf5\xd1\xa3G\x7f\xfe\xf9\xe7\x81\xda\xfa\x0b!t\xae\x13\x91\xd5\x7f\xe6\xb5\xbd\xc5\xf3\x11\xf9\xd1D\x87\xbc$\x1b\x1e\x1e\xde\xad[w"\xda\x97w\x88\x18o\x96%@\x92\x10\x82H\xdb\x9f{\x88\x88\xc2\xc3\xc3z\xf6\xecI~\x18\x90\xbe\t\x01\xd0\xaa\xe4\xb2\x9f\x7f\xfc\xe3\x1f\xfb\xf6\xed\xd34\xcd0\x0c\xce\xf9\xa8Q\xa3\xd6\xacY\x13\x11\x11\xc19\x0f\xc8\xd6\xdfb\xb1D\x84G\x10Q\xd1\xb1\x93$\xfc\xfb\xbe\xb6\x16\xa6\x14\x1d;ID\x16\x8b%""\x82\xfc\xa7\x993\x0cC\xd3\xb4N\x9d:\x11\xd1\xf1\x13e\r\xd55\xac\xf9\x1e\xf6\xc0\x18\x91\xe0\x85GN\x10Q\x94#*&amp;&amp;\x86\xfc\xe7\x93\xf1q\x08\x80V%\xa7/W\xacX!\x9fn!\x84\xe8\xd4\xa9\xd3\x07\x1f|`\xb3\xd9\x02f\xcdOS\xf2=\x86\x85\x85\xc5\xc5\xc5\x13\xd1\x91c\xa7H\xe88s\x7f\x94\x10\x82H9r\xb4\x98\x88\x1c\x8e\xc8\xb8\xb88\xf2\x9ffN\x0em\x87\r\x1bFD\xf9\xdf\x1c-\xc8+$\xbb\x9d7\xc7B\x1d!\x84b\xd1\x1a*\xab6l\xde\xcd\x18KJN\n\x0e\x0e\xf6\xf7\xdb\xe3}\x07\x02\xa0\xf5\xc8\xd5rN\xa7\xf3\xe0\xc1\x83\x9e;~\xff\xf0\x87?8\x1c\x0e\xb7\xdb\x1dx\xad\x7fS.\x97\x8b\x88\x82\x82\xac\xc4Pr?\xc7\x1ed#"\xf9\xa0\x08o\x1f\xcbE\x90=\x9b\x9bn\xba\xc9j\xb5\x1a\x86\xb1\xf6\xb3\xadL\xb5Rs\xdc\xf0a\x18\x82\xd9\x83\xbf\xd8\xb5\xbf\xb4\xec\x8c\x10b\xdc\xb8[\t\x17\x93\x9a\x0f\xce\xc6\xd6#\xab\xb6\xbc\xbc\xbc\xb2\xb2\x92\x88t]WU\xf5\x86\x1bn\x08\x80\xdb}\x7f\x86\\\xaf\xdd\xbf\x7f\x7f"*,:Ys\xb6\x92ix\x1e\xc0\x8f\x90\x8f\x04\xd8\x97WHD=z\xf4\x0c\x0f\x0f\xf7\xa3\xfd\xe0\xe4&amp;\x9d\xf1\xf1\xf1\xc3\x86\rc\x8c\xbd\x96\xf1\xc1\xd9\x93\xc5\xccfi\x8e?\xb4 \xc3x~\xc1[\xba\xce\xdb\xc4\xc6\x8e\x1d;\x96.&lt;:\x1b.\x1f\x02\xa0\xb5\xd5\xd7\xd7\xcbe\xa0\x8c\xb1\x88\x88\x</t>
        </is>
      </c>
    </row>
    <row r="137">
      <c r="A137" s="1" t="n">
        <v>135</v>
      </c>
      <c r="B137" t="inlineStr">
        <is>
          <t>color_grid</t>
        </is>
      </c>
      <c r="C137" t="inlineStr">
        <is>
          <t>What is the color of the missing part denoted with a question mark?</t>
        </is>
      </c>
      <c r="D137" t="inlineStr">
        <is>
          <t>['orange', 'red', 'blue', 'purple']</t>
        </is>
      </c>
      <c r="E137" t="inlineStr">
        <is>
          <t>orange</t>
        </is>
      </c>
      <c r="F137" t="inlineStr">
        <is>
          <t>There are circles with different colors arranged with a grid formation in the image. The colors in the first row are ['purple', 'orange', 'purple'], the colors in the second row are ['?', 'green', 'orange'], and the colors in the third row are ['purple', 'orange', 'purple'].</t>
        </is>
      </c>
      <c r="G137" t="inlineStr">
        <is>
          <t>We observe that the circles at the corners are purple, while the circles directly adjacent to the center are orange. Only the center circle is green. Hence, the pattern is that the circles alternate in color depending on if they are at the corner or adjacent to the center.</t>
        </is>
      </c>
      <c r="H137" t="inlineStr">
        <is>
          <t>Based on the pattern that the circles alternate in color depending on if they are at the corner or adjacent to the center, the missing color of the part that is adjacent to the center should be orange.</t>
        </is>
      </c>
      <c r="I137" t="inlineStr">
        <is>
          <t>b'\x89PNG\r\n\x1a\n\x00\x00\x00\rIHDR\x00\x00\x02\x00\x00\x00\x02\x00\x08\x02\x00\x00\x00{\x1aC\xad\x00\x00raIDATx\x9c\xed\xddy|U\xd5\xb9?\xfeg\xad=\x9c!9\x99HHB\x18\x03I\x18\xc3 \x83\x82"\x93(\xb6V\xbd\x0e`\x85RP\xc0[\xad\x15\xeb\xf5\xda\xe1\xb6\xfd\xd1Z\x0b\xa2\xa5~\x9d\xaa\x05\xadsU\x84*\x16\x02\xa28\x00*\x12\xa60%\x10\xa6\xccdN\xce\xbc\xf7Z\xbf?\x16\x1cc\x02!HNr\xb2\xd7\xf3\xbe\xaf\x97/.\xe74\x9c&lt;\xe7\xb3\xf7\xb3\xf6\xdak\xefM8\xe7\x80\x10BH&gt;\xb4\xb3?\x00B\x08\xa1\xce\x81\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85\r\x00!\x84$\xa5v\xf6\x07\x90\x11\xe7\xfc\x9c\x7fO\x08\xe9\xe0O"\'\xac\x7f\xe7\xc2\xfaG\x0el\x00\xe1\xc5\x9b\x00\x00Ji\xe8\xbf-1\xc6B\xff%Mt\xe0\xe7\xb5\x1a\xac\x7f\xe7\xc2\xfaG8r\xben\x8c\xbe7\x11w\xc6\x18!DQ\x94\x96o`\x8c\xd5\xd5\xd5\x11r\xa6\xf8\xe2\x0fv\xbb\xdd\xe1p\x9c\xf3\xcd\xe2GQJqch\x0b\xac\x7f\xe7\xc2\xfaw!\xd8\x00\xda\x8d\x08=\xe7\\U\xbf=\xae2M\xb3\xa4\xa4\xe4\xc8\x91#{\xf7\xee\xad\xac\xac\xdc\xb1\xe3\x1b\xc30\xca\xca\xca\xca\xca\xca\x08\x10\x0e\xdf\x16?:::c\xc0\x00\x0e\x90=lXbR\xe2\xe8\xd1\xa3{\xf5\xea\xd5\xa7O\x1f\xa7\xd3\xd9\xf4\xa7\x01\x00n\t\xe7\xd4z\xfd\xf7\x89\xfa\x7f\xb3\xc30\x8c\xf2\xb2\xb2\xb2\xb2R\x00\x02g\xeaO\x00xt\xb4k\xc0\x80\x01\x9c\xc3\xb0\xeca\x89\x89IX\xff\x8b\x85\xf9\xef\x8a\xb0\x01\xb4\x03\xce\xb9i\x9a\xa1\xdc\x9b\xa6\x99\x9f\x9f\x9f\x93\x93\xf3\xc5\xe7_\x1c&gt;|\xf8\xf8\x89\x13\x8d\x8d\r\xdf\xe3\xc7j\x9a\xde\xa3G\x8f\x81\x03\xb3\xae\xb8\xe2\x8a\xe9\xd3\xa7\x0f\x1f&gt;&lt;\xb41\x18\x86A)=\xdf\xa1\xb4l\xce[\xff/&gt;\xcf?|\xf8\xc4\x89\x13\xf5\r\x8d\xdf\xe3\xc7\xdat\xb5G\x8f\xb4\xac\xac\x81\x97c\xfd[\x85\xf9\xef\xba\xb0\x01\\\x121$\x11\xc7\xb9\xa6i~\xf5\xd5Wk\xd6\xac]\xbf~}~~~0\x18h\xfaN\x87=\xcafsvO\xe8M\xa9b\xd3\x9di)\x19\x8c\x99\x00b \xc3\x15\xaaV\xd6\x16\xd7\xd6WPBOW\x17\xf9\xfc\x8d\x8d\xee\xbaf\xffV\xdf&gt;}\'O\x99r\xd3M7N\x9a4)&amp;&amp;\x06\xce\x8e\xb9d\x1e\x10\xb5\xac\xff\xda\xb5k\xd6\xaf__\x90\x9f\xef\x0f\x04\x9b\xbe\xd3\xe5\xb4G9\xb4\xac\x9eq*\xa5.\xa7\x96\xdd/\x911&amp;\xea\xcf9WT\xe5DY\xdd\xa9\xd3\x8d\x8aB\x0bJj\xeb\xdd\x81\xeazO\xb3\x7f\xab_\xdf&gt;\x93\xa7L\xb9\xf1\xc6\x9b\xb0\xfe!\x98\xff\xae\x0e\x1b\xc0\xf7d\x9af(yEEEo\xbd\xf5\xd6k\xaf\xbd\xbeg\xcf\xee\xd0\x1b(%\tq=z\xa6f\xf5L\xceLK\xc9LN\xec\xeb\xb0GGG\xc5QB\x01\x88\xaaj\xd0\xb4\xf0\x04\x98i\x9a\xcc$\x844zj\x02\x01oE\xd5\xc9\x92\xf2#%\x15GO\x96\x1c8]}*\x10\xf0\x87\xde\xdb\xbbw\xef\xdbo\x9f9g\xce\xec\xec\xec\xec\xd0\x879\xe7d\xab\x85\xb5\xac\xff\xeb\xaf\xbf\xb6{\xf7\x9eo\xdfAh\xdf\x94\x98Q\xfd\x93F\xf4O\x1c\x99\x9e4\xb0W|L\x94\xad{\xac\x03(\x01B@\xa3\xcd\xea\x0f&amp;\x03\x93\x03\x81\x9a:\xaf\xdbg\x1c.\xaa\xd9}\xac2\xefx\xf57\xf9\xe5GJ\xea|\xfeowg}z\xf7\xba\xfd\xf6\x99\xb3\xe7\xcc\xc1\xfac\xfe\xbb:l\x00\x17MLt\x8a\xc0m\xdb\xb6m\xe5\xca\x95\xabW\xbfWWW+^\x8dr\xc6\xf4J\x1d\x98\x95&gt;\xb6\x7f\x9f\x91\xc9\x89}]Q\xf1\nULf\x1aF\x80qf\x9a\x06\x00\xe7p\xe6?!\x1c\x80\x9c]\x06G\xa9J\tUU]QT\xce\xb9\xd7\xd7PY]t\xbcx\xff\x81#\xdb\x8aJ\x0fUV\x97\x88\xff\x89\xa6\xe9\x93\'O\xfa\xd9\xcf~6c\xc6\x0c]\xd7\xc5hH\x86\xcd\xa0e\xfd\xd7\xbc\xb7\xba\xa6\xf6\xcc\x801\xde\xe5\x18\x95\xd1\xfd\x9a\x11=\'f\xf7\x1c\xd83&gt;&gt;\xce\x01\n\x05\x93\x99A\xd34Y\xd0d\xc0\x81\x9fk%\xa2Xn\xc2\x014\x95*\x94\xa8\x9a\x02\n\x05\x00w\xa3\xffHI\xdd\x8e\xc3e\x1b\xbe9\xf1M\xc1\xe9\x13e\xb5\xe2\xfd\xba\xa6N\x9a&lt;\x05\xeb\x8f\xf9\xef\xd2\xb0\x01\\\x84\xa6s\x9d\x9b7o^\xbat\xd9\xa6M\x1b\xc5K\x84@z\xef\xe1C3\'\x8e\x1c2-)!\x8dR\xd54\x83A# \x12\x7ff\xf7"\xfe\xafM\xff\x0ep\xe0pf\xe5\x9c\xa2\xa9\xba\xaa\xea\x9c\xf3\x06w\xf5\xbeC\x9f\xef=\xbc%\xbf\xf0k\x9f\xdf+\xde=l\xd8\xb0\xc5\x8b\x17\xcf\x9b7\x0f\xbe;.\xb3\x9ef\xf5_\xb6l\xe9\xc6\x8d\x9b\xce\xbcF\xe8\x84\xc1\xa97\\\xde\xef\xf6\x89\x19\xfdRcA\xa5`0\x7f\xc0\x08\x1a\x8csN\xce\x96\xbf-\x85\x11\xfb\'\xc6\x81sN\x00T\x85\xdat\x95h\np^Y\xebY\xb7\xfd\xd8\x9a\xedG7\xef*r{\xcf\x8cI\xa5\xad?\xe6\xdf\x02\xb0\x01\xb4\x95\x98m\x04\x80\xfc\xfc\xfc\xa5K\x97\xaeZ\xf5\x92XC\xa2\xeb\xf6\xcb\x86\\s\xf9\xa8\x1f\xf5\xeb9L\xd7\x1d\xfe\x80\xd70\xfcgw:\x04\xda\x94\xf8\x0b\x10\xcb\xea\x00\x88\xa2\xa8v\x9b\x93s^\\^\xb0k\xffG\xdbv\xae\xa9\xad\xaf\x14\xef\x996m\xda#\x8f&lt;2u\xeaT\xb0\xe8\x11q\xb3\xfa\xbf\xf4\xd2*\x91\\\x87M\x9f9)c\xfe\xb5\x83\xc7\x0fJU\xec\x9a\xe9\r\xf8\x02&amp;\xe3\x9c\xb6\xd3"r~f\xae\x99\x13Bt\x95\xea\x0e\x1d8\xdf_X\xf9\xf6g\x05/\xae\xcf+\xad:szY\xb6\xfac\xfe\xad\x01\x1b@\x9b\x18\x86\xa1\xaaj \x10X\xb6l\xd9\x93O&lt;YS[\x03\x00Q\xce\x98\xcbG\xfeh\xf4\xb0\xeb\xfa\xf6\x1cj2\xc3\xef\xf7p\xce\x08\t\xeb\x00\x84\x8bS\x97\xban\xb7i\xf6\x8a\xeaS\xb9\xfb6m\xdf\xf5\xef\xb2\xd3\xc7\xc5\xcb\xf3\xe7\xcf\xff\xe3\x1f\xff\xd8\xa3G\x0f\x8b\r\x85\x9a\xd6\xff\xafO&gt;Q]S\x0b\x00\t.\xc7\xbck\x07\xdf99k\xe4\xa0\x140\x98\xc7\x1b0\x19Wh\x18/\x1d\xe2\x1c\x18c@H\x94]%6\xad\xa8\xb8\xf6\x8dO\xf3Wm\xd8\x7f\xf8T5\x00\x10\x80y\x12\xd4\x1f\xf3o%\xd8\x00.@\\\x97H)\xdd\xbau\xeb=\xf7\xdc\x93\x97\x97\x07\x00\xban\x1b5d\xfa\xb4\tsz\xf7\x18\xec\x0f\xb8\xfd\x01/\x10BI\xc7-J\x13c"U\xd5\x9dvWM}\xf9\x96/\xff\xb5m\xe7{u\rU\x00\x90\x9c\x9c\xfc\xa7?\xfd\xe9\xee\xbb\xef\x06K\x0c\x85\xceY\x7f\xbb\xae\xcd\x9a\x94\xf1\xd0m\x97\r\xc9L\xe6\xde\x80\xdb\x1b\x04B\x14\xdaq[;\xe3\x9c1n\xd7U-\xcaVu\xba\xe1\xa9\x7f\xef~\xe1?\xfb\xcb\xaa\x1b\x01 %9\xf9\x8fV\xaf?\xe6\xdf2\xb0\x01\xb4&amp;\x14\xa0?\xfc\xe1\x0f\x8f=\xf6X \x10\x00\x80\xac\xf41?\x98rOV\xbf1\xfe\xa0\xd7\xef\xf7PJI\x07F\xbf)\xce9\xe3\xa6\xaa\xe8N\x87\xab\xbc\xf2\xc4\x87\x9f\xfc}\xc7\x9e\xff\x88-v\xd6\xacYO?\xfdt\xb7n\xdd\xc4\xd8\xadS&gt;\xde\xa5kZ\xff\xbf&lt;\xf6\x98?\x10\x00\x80)#z\xfdq\xee\xf8\xf1#z2_\xb0\xd1\x1bT\x14B;i\xa0\xc79\x98\x8c\xe9\x9ab\x8b\xb6\x9d8U\xf3\x87W\xbf\xfc\xe7G\x8793\xc1\x8a\xf5\xc7\xfc[\x126\x80\xf3\x12\xe9/--\x9d7o^NN\x0e\x008\x1d\xae\xeb\'-\x9ct\xf9,\x00\xf0\xfa\xdd\x94\x90\xce\x8a~S\x1c8c\xa6\xae\xdam6\xe7\x9e\x83[V\xaf\x7f\xa2\xa2\xea$\x00dff\xaeZ\xb5j\xc2\x84\t]t\x1c\xd4\xb2\xfeq\xd1\xf6\xdf\xcf\x19w\xffM#(!\rn?\xa5\x9d\xb6\xeboJ\xb4\x01\x87\xae\xaaN\xfd\xc3\xadG\x1e|\xee\xb3\xfc\xe2\x1a\xb0b\xfd1\xff\xd6\x83\r\xe0\xdc\xc4\xc0a\xeb\xd6\xad\xb7\xdf~{II\t\x00\xf4\xeb\x95=\xfb\xa6\xffKK\xc9t{\xea8\xf0\x8e&lt;\xe0m\x0b\xce9\xe3,\xca\x11\xe3\xf1\xd6\xbf\xbb\xfe\xc9/w\xbd\x0f\x00\xba\xae?\xf5\xd4S\x8b\x16-\xearS\xa2-\xeb?~p\xea?\x1e\xbcfP\xff$w\xbd\x97s\xe8\xc8\t\x9f\xb6\xe0\x9c\x9b\x8c\xbb\\\xf6\x9a\x06\xdf/\x9f\xff\xec\xa5\x9c\x03\x00\xdc\xa6\xeb\x7f\xb3J\xfd1\xff\x96\x84\r\xe0\x1cD\xfa_|\xf1\xc5{\xef\xbd7\x18\x0c\x12\x02\x13\xc7\xce\xbc\xf9\xda_(T\xf5\x05\xdc\n\x8d\xdc#J\xc6LU\xd5lz\xd4g_\xbf\xbdv\xe3S^_#\x00,Z\xb4\xe8\xf9\xe7\x9f\xefB\xdb@\xb3\xfa\x03!?\xff\xd1\xf0e\x0b\xaf\xb2)\xb4\xd1\x1bP\x95\xc8\xda\xf54e\x98L\xd7\x14\x9bC\xff\xfb\xfb{\xfe\xf7\x1f[\xeb\xdc&gt;\xe8\xfa\xf5\xc7\xfc[\x186\x80\xe6B\xe9_\xb8p!\x008\xecQ7_\xbbx\xd2\xb8\x99\x8d\x9eZ\xc6Y\xa4\r|Z\x12\xe7\xc7\\\xd1\xdd\xf2\x0bw\xbc\xf2\xde\xefNW\x17\x01\xc0\x82\x05\x0b^x\xe1\x85.\xb1\r4\xab\x7f\x8c\xd3\xb6|\xd1U\x0bn\x1c\xe1\xad\xf72\xc6i\x84\r\xfc[\xe2\x9c3\x06\xd1\xf1\xcem\xbbO\xcd]\x96s\xa4\xa4\x16\xbar\xfd1\xff\xd6\x86\r\xe0;\x9a\xa5\xdf\xe9\x88\xf9\xef;Wd\xa6\x8f\xaeo\xacR\xa8\xd2.\x8b\x9a;\x86i\x1aN\x87\xab\xc1]\xf3\xcc\xab\xf7\x9f*9\x08]d\x1bhV\xff\x04\x97\xfd\x83?\xde8~D\xaf\xfaj\xb7\xaaD\xc2\x84\x7f[\x05\r\x16\xe3\xb2U\xd4z\xaf\xff\xf5\x9a\x9d\x05\x15\xd05\xeb\x8f\xf9\xb7&lt;l\x00\xdfj\x96\xfe^=\x06\xce\xbb\xf5\xd1\xe4\xc4\xbe\x1eo\xbd\xa2D\xeea\xef\xf90f\xea\x9a=h\xf8\xff\xb5n\xe9\xd7{\xfe\x03\x11\xbf\r4\xab\xffe\x19\xdd_\xfb\xd5\x8c\x81\xbd\xe2\x1b\x1a\xfc\xaa\x1a\xe9\x03\xcf\x96\x0c\x93\xd9m\x9a\'`\xdc\xff\xf4\'\xaf|\xd4\x05\xf6A\x98\x7f\ta\x038\xa3e\xfa\xef\xfb\xc9\xd3\xd1\xce8\x8f\xafQ\xa1]u\t\x01\xe3LU4]\xb3\xbf\xf2\xde\xef\xbf\xdc\xf5\x01\x9c\xdd\x06\xc4\x136"j\x1bh\xb9\xf7\xdf\xf0\xe7\x9b\x13c\x1d\rn\x7f$O\xfa\xb7\x8e1\xae\xa9T\xb7k\xf3\x97\xe5\xbc\xb4\xf1\x00t\x9d\xfac\xfe%\x81\r\x00\xe0\xec\x8a\xb7o\xd3\x9f:\xf0\xbe\xb9O;\xec.\x7f\xc0\xdbu\xd3/\x88\x8b3\xed\xb6\xa8\x7f\xae\xfe\xddW\xbb\xd7A\x93qP\xe4\xac\x8dkV\xffQ\x03\xbao\xf8\xcb\xcd\tQ6\x8f/\xd8u\xf7\xfe\x02c\x9cP\xe2t\xea\xf3\x96\xe6\xbc\xbc\xe9\xdb\x1e\x10\xc9\xf5\xc7\xfc\xcb\x03\x1b\xc0\x99\xf4o\xdf\xbe}\xc2\x84+9gN\x87\xeb\xa1\x05/\'\'\xf6\xe9\xd2c\x9f\xa68g\x94*\x8a\xa2-\x7fq\xde\xc9\xe2\x03\x00\xf0\xd7\xbf\xfe\xf5\x81\x07\x1e\x88\x90kdB\xf5\xbf\xf2\xca\t\x8c\xf1\xf8h\xdb\x97O\xcd\xca\xe8\x19\xdf\xd8\x95\xc7\xfeM1\xce\x15J\x15\x95^\xf9\xc0\xbf\xbe&gt;\\\x0e\x91Z\x7f\xcc\xbf\x84do\x00\xe2`\xb0\xa2\xa2";;\xbb\xa2\xa2B\xd7\x1d\xf7\xfd\xe4\xe9\xfe\xbdGx|\r\xd6H\xbf\xc09S\x14\xcd\x1f\xf0\xacX\xb5\xb0\xf4t!p\xd8\xb8q\xe35\xd7\\\xd3\xe9\xe3\xa0P\xfd\x87gg\x97WTD\xd9\xb5\x8d\x8f\xdd&lt;~h\x8f\x86F\x8b\xec\xfd\x05\xc6\xb8\xaa)\xf5\x9e\xc0\xe4\x87\xde\xdd\x7f\xa2\x1a\x80GZ\xfd1\xffr\xb2\xce6\xf6\xfd\x88\x0b\xc7\xe7\xcc\x99SQQ\x01\x00\xb7\\\xf7`V\xfaX\x8f\xaf\xdeJ\xe9\x07\x00B\xa8a\x04\xa2\x9d\xf1?\xf9\xaf%N{\x0c\x00\xcc\x993\xa7\xbc\xbc\x9cR**\xd0YB\xf5/\xaf\xa8\x00\x80\x15\xf7L\x1c?\xb2wC\x83\xa5\xf6\xfe\x00@)\t\x06\x8c\xa48\xc7+\x0f_\x1b\x1fm\x03\x80\x9fDX\xfd1\xffr\xb2\xd4fv\xb1\xc41\xe0\x92%K6m\xda\x04\x00\x13\xc7\xde6\xf9\x8a;\xea\x1b+#\xf9R\x97\xef\x8dR\xc5\xe3\xadO\xef\x9d}\xfb\x0f\x1e\x06\x80\xf2\xf2\xf29s\xe6\x10\xd2\x99\x87\x80\xcd\xea\x7f\xef\r\xc3\xef\xbeyd}\xb5\xbb+\xae\xf9\xb9 E\xa1\xf5\r\xfeQCR\x9f\xb9o2\x00\x94E^\xfd1\xff\x12\xb2\xe0\x96\xd6F\x8c1UU\xbf\xfc\xf2\xcbG\x1f}\x14\x00\xfa\xa4\r\xbee\xc6\x83\x8d\xee\x1aJ,5\xf6iJQ\xd4\xfa\xc6\xaa+F\xfdh\xe2\xd8\xdb\x00`\xd3\xa6M+V\xacP\x14E&lt;\xd9\xb5\x835\xab\xff\x98\xac\x94\'\xee\x99\xe8\xa9\xf3Zl\xec\xdf\x94\xa6\xd2\x86j\xcf\x1d\xd7\x0e\xbe\xf7\x86\xe1\x10a\xf5\xc7\xfc\xcbI\xd2\x06(\x1e g\x9a\xe6\xd0\xa1\xc3\n\n\xf2\xed6\xe7\xff,\xfcg\xf7\xc4&gt;\xfe\x807\xf2\xafu\xbc\x14\xe2I\x1d\x8a\xa2&gt;\xfe\xf7\xb9\xc5\xe5\x05\x94\xd2\xfd\xfb\xf7gffr\xce\xc5\xe3&gt;:\xecc\x88\xfa\x0f\x1b64?\xbf\xc0\xe5\xd4\xbf~jVF\xcfx\xaf/\x18i7\xf9i_\x9c\x03\x10P\x14z\xf9\xfdo\xed.\xacT)\xcd\xeb\xd4\xfac\xfe;%\xff\x91C\xc6\xdf\x19\x00\xc4\xe3C\x97/_^P\x90\x0f\x00?\x98\xbc\xa8gJ\x96\xcf\xef\xb6v\xfa\x01\x80\x10\xc2\x18S\x14m\xe6\x0f\x1fQ\x15\xcd4\xd9\xfd\xf7\xdf\xdf\xf1\x07\xc2\xa1\xfa\xe7\xe7\x17\x00\xc0\x929\x97\x0f\xec\x9f\xe4\xf1\x04\xac\xbd\xf7\x07\x00B\x801\xaei\xcas?\x9fb\xd3\x14\x93\x99\x9d[\x7f\xcc\x7f\xa7\xd4?rX\xfc\xfb&gt;\'\xf1p\xbb\xa3G\x8f.[\xb6\x0c\x00\xfa\xf7\x1e1y\xfc\x9d\x8d\x9e\x1aKN}\xb6D)\xf5\xfa\x1a\xb2\xd2\xc7\\=n\xa6X\x8e\xf2\xce;\xeft\xe4\x81p\xb3\xfaO\x18\x9av\xff-\xa3\xdcu^KN\xfd\xb7\xa4P\xe2n\xf4_&gt;\xa2\xd7/n\x1c\xc19tz\xfd1\xff\x1d\\\xff\x88"\xc5&amp;\xd7\x8c8\x0c\\\xb2dI]]\x9d\xa6\xd9n\x9c\xfes\x90l\x00@\xa9\xe2\xf6\xd6O\xbf\xea\xa7I\xddz\x11B~\xfb\xdb\xdf\x06\x02\x81\x0e\x1b\x075\xad\xbf\xdd\xa6&gt;~\xd7\x04\x10\x8f\x97\x95\x86\xa2P_\xa3\xef\x7fg\x8e\x1e\xd0#\x8evj\xfd1\xff\x1d\x9f\xff\x88"]\x03\x10+\x7f?\xfb\xec\xb3\xd7_\x7f\x1d\x00F\x0c\x9a\x9c\x95&gt;\xd6\xe7o\xb4\xfc\xc1oS\x04\x88a\x06c]I\xd3&amp;\xcc\xe1\x9c\xe7\xe7\xe7/_\xbe\xbcc\x96\xc45\xab\xff-\x13\x06\\1\xb2\x97\xdb\xed\xb7\xfc\xe4OS\x84@0h&amp;t\x8b\xfa\xdf\xdbF\xb3N\xad?\xe6\xbf\x83\xf3\x1fi$\xfa\xd6\x051\t\xf8\xfb\xdf\xff\xc14\xcd(g\xec\xb5\x13\xe7\xfb\x03\x1eb\xdd\x95\x0f\xe7\xa3P\xc5\xed\xad\x1b;\xfc\xfa\xdei\x83\t!O&gt;\xf9dEE\x05\xa54\xdc\x83 Q\xff?\xfc\xe1\xf7\xa6i&amp;\xc48~3kL\xd0\x1b\x8c\xfc\x9b&lt;\xb7;U\xa1\xde\x06\xdf\x1dS\x07\x8e\xceL\xee\xf8\xfac\xfe;+\xff\x91F\xae\x06 n\x04\x98\x9b\x9b\xbbe\xcb\x16\x00\x18\x9b}}\x9f\xb4\xc1\xfe\x80G\xce\xdbB1f:l\xd1\xd7^5\x8fs^UU\xf5\xdak\xaf\x11B\xc2:\x13\xda\xac\xfes\xa6\x0e\x1c\x94\x95\xec\xf3\x06\xbb\xd2\x8d\x9e\xdb\x8fa\xb2\xa8h\xfd7\xb3\xc6tV\xfd1\xff\x1d\x9c\xff\x08$W\x03\x10\x9ey\xe6Y\x00\xaei\xfa\xd8\x11\xd7\xfb\xfcn\x0b/|n\x1d\xa5\x8a\xc7\xd7\x90\xd5\x7flrR_B\xc8\xca\x95\xab\xbc^\xaf\xa2(\xe1\x1e\x04=\xfb\xec3\x9c\x83]W\x7f:m\x90\xe1\rRE\xc6\xbd\x0f\x88\x83\x80F\xff\x94Q\xbd\xb3z%\x10BV\xadZ\xd91\xf5\xc7\xfc\x0b\x9d\x95\xff\x88"Q\x03\xe0\x9c\x8b\x87\\\xbf\xfb\xee;\x000j\xc85\xfdze\xfb\x03^9\x87?\x02cf\xb43n\xca\x15wr\xce\x0f\x1c\xd8\xbfy\xf3f1E\x10\x8e\x7f\xeb\xdb\xfa\xbf\xf3\x0e\x00\xdc&gt;1s\xc4\xa0\x14\x9f7 \xe7\xf0_0L\x16\x13\xebx\xe8\x96Q\x9c\xf3\xfd\xfb\x0ftP\xfd1\xffgud\xfe#\x93D\r@\x1c\xdc\xbd\xf9\xe6\x9b\x8d\x8d\x8d\x94*\xe3G\xddh\x9aA\x908\xfd\x00@\x08\xf5\xfa\x1aG\x0e\x9e\x12\x1f\xdb\x9d\x10\xf2\xc2\x0b/\x00@\x98\xf6\x08\xa1\xfa74\xba\x15J\x17\\7\x84\x99L\xf2\xfa+\x94\xfa\xdd\xfe[\xae\x1c\x90\x96\xe4"\x84\xbc\xd8!\xf5\xc7\xfc\x87td\xfe#\x93D\r@Q\x94@ \xf0\xd2K/\x13B\xfa\xa4\r\xea\xd7;\xdb\xe7\xf7H\xb5\xf8\xa1%B\x88i\x06c\\\x89#\x06O\xe3\x9co\xde\xbc\xb9\xa0\xa0 L\xcb!D\xfd_~\xf9%B\xc8\xe8\xac\xe4qCR}\x12\\\xf9\xd5:B \x104\xe3\x13\xa2n\xbb*\xa3c\xea\x8f\xf9o\xaa#\xf3\x1f\x99d\xf9\xfaM\xd3$\x84\xec\xda\x95\xbb\x7f\x7f\x1e\xe7|X\xd6\xd56\xcd\xc9\xb9,_sk\x081\xcd`\xf6\xc0\x89\x94R\x8f\xc7\xb3v\xedZ8{\x93\xc8vt\xa6\xfe\xb9\xbb\xf2\xf2\xf6s\xceo\xbc&lt;]\xb3k&amp;\x93h\xb2\xf5|\x08!\xdc4o\xbe"\x9dR\xea\x0ew\xfd1\xff-uH\xfe#\x96,\r@\x9c\xd8Y\xbd\xfa=\xcey\xb43\xf6\xb2\xa1\xd7\xf8\x02n"\xf7\xf0G\xa0\x84\xfa\xfc\x9e\xfe}F\xf6\xeb5\x8c\x10\xb2f\xcdZq\xa5h\xfb\xfe+\xa2\xfe\xef\xbd\xb7\x9as\x1e\x1f\xe3\xb8cR\xa6\xe1\r*R\xde}\xa5\x19\x85\x12\xaf\'0~h\x8f\xcb\x07\xa5\x12B\xd6\xae]\x13\xbe\xfac\xfe[\xea\x98\xfcG,Y~Oq\xfc\xbbn\xdd\x87\x00\xd0#%\xa3[BO\xc3\x08H5\xd9\xd7\n\xce\x99Msd\xf4\xb9\x8cs\x9e\x9b\x9b{\xe4\xc8\x91v?\nV\x14%\x18\x08\xac\xfbp\x1d\x00\x0cOO\xec\x9b\x1a\xeb\x0f\x18X~\xc1d\\\xb5kS\xb2\xd3\xc2Z\x7f\xcc\xff\xf9t@\xfe#\x96\x14\r@&lt;\xf6\xa8\xb0\xb0\xb0\xb0\xf0(\x00d\xf5\x1b\xabRM\xaa\xc5^\x17@\x88a\x062\xd3\xc7(T\xf1\xfb}[\xb7n\x85v=\n\x16\xf5?ZXXx\xf4(\x00\\3\xa27\xa8\x94a\xfd\xcf"\x84\xf0\xa09eD/E\xa1&gt;\x9f?L\xf5\xc7\xfc\x9fW\x98\xf3\x1f\xc9di\x00\x00\xb0~\xfdz\xbf\xdf\xafP%\xa3\xef(\x83\xc9\xbe\xfe\xa1)\x02$\x10\xf4\xf5L\xcd\x8a\x8b\xed\x0e\x00\xef\xbf\xff&gt;\xb4\xebZ\x08Q\xff\r\xeb\xd7\xfb\xfc\x01E\xa1\x93\xb2\xd3\xb8\xc1p\xf8\x19B\t\t\xf8\x8d\x91\x03\x92\xd2\x12]\x00\xf0Ax\xea\x8f\xf9?\x9fp\xe7?\x92I\xd1\x00\xc4w)\x1a{llRrR\xdf`\xd0G@\x8a/\xb8-\x08!bAtZJ&amp;\x00\xe4\xe6\xee\xf2x&lt;\xedxEL\xd3\xfa\xf7Ht\r\xea\x1d\x1f\xf0\x1b2/\xffo\x86\x10\x08\x9a,.\xd61\xb2\x7f"\x00\xe4\xee\xca\r_\xfd1\xff-\x85;\xff\x91L\x8a\x06@)\r\x04\x02\x07\x0e\x1c\x04\x80\xde\xa9\x83\\Q\t\x8c\x99\x92t\xf86\xe2\x9cS\xaa\xf4\xef=\x12\x00**\xcaO\x9d:\x05\xd0n\xf7\x88\x14\xf5?x\xf0\x00\x00\x8c\xce\xe8\x1e\x1f\xe7\x0c\x9a\x0c\xcb\xdf\x14\xe7\x1c(\xbdjH\x1a\x00T\x94\x87\xa5\xfe\x98\xffV\x845\xff\x91\xcc\xfa\r@L\x80\x96\x96\x96\x9e&lt;y\x12\x00\xd2R\xb2\x14\xaa\xca\xf0\xd5^\x1cBLf\xf4L\xc9 \x84\xf8|\xbe\xbd{\xf7B;m\x00M\xea\x7f\x02\x00F\xa6\'\x81"\xdd-\xb7.\x88\x10\x02&amp;\x1b\xd1?\x91\x12\xe2\xf5\xf9\xc3S\x7f\xcc\xff\xf9\x85-\xff\x11\xce\xfa\r@|\x8b\xc7\x8e\x1ds\xbb\x1b\x01 -y\x80\xc9L\x9c\x00m\x86\x001\x82\x81\xa4n\xbd\xa2\x1c.\x008x\xf0 \xb4\xd3\x06\x10\xaa\x7fC\xa3\x07\x00\x86\xf7\xeb\x06&amp;\x9e\x00h\x8e\x12b\x04\x8d\x8c\xb4\xb8X\x97\x03\x00\x0e\x85\xa1\xfe\x98\xffV\x84/\xff\x11N\x96\x06 Z\xba\xd3\x11\x9d\x92\xd4\xcf0\xfc8\x01\xda\x0c!\xc4d\xc1XWRb\xb7^\x00\xb0o_\x1e\xb4\xd3y0Q\xff}{\xf7\x02@L\x94}p\x9f\x04#\x88\xf3\x0f\xcd\x11\x02\x81 KI\x88\xca\xe8\x11\x0b\x00\xfb\xf2\xf6A\xbb\xd6\x1f\xf3\xdf\xba\xf0\xe5?\xc2Y\xbf\x01\x08eee\x00\xa0kv\x87=\xda\xe4r\xdd\xf1\xb5\x8d8\xe7\xaa\xaa;\x1d\xb1\x00P^^.\x9e\x1b\xd5^?\\\xd4\xdfi\xd7b\xa3l\xcc\xe4\xd6\xdf\xb0.\x1e\xe7\\\xd7\xd5\x04\x97\x1d\xc2V\x7f\xcc\x7f+\xc2\x9a\xff\x88e\xfd\x06 .\xea\xcb\xcd\xdd\x05\x00\xdd\x13\xfbDG\xc53\xd3\x90\xe1\xab\xbdX\x9cs\x85\xaa=\x933\x01 ?\xffpmmm\xbb&lt;\x1f\xe3L\xfdw\xe5\x02@V\xcf\xb8n\xb1\x8e\xa0ab\xf9[b\x9c\x83BG\xa4\'\x02@\xfe\xe1\xf6\xae?\xe6\xffB\xc2\x94\xff\x08g\xfd\x06 \x84\xbeH\xbc\xfc\xbd\x15\x04\x88\xd85\x98&amp;S\x94\xf6\xbcM\xbc\xa8?\x01\x90\xf0\xe1_\x17\x81\x80X\x1d\xcb\x98\x19\x8e\xfa\x03\xe6\xbfU\xe1\xcb\x7f\xc4\xb2~\x1a\xc4i\xfd\xe2\xe2b\x00p\xd8]8\xf6i\x05\xe7\xdcaw\x01\x80\xc7\xe3\x16\x15\xbb\xf4\x11P\xd3\xfa\xc7E\xdb\xf0\xf4ck8\x8f\x8f\xb6\x01\x80\xdb\xed\tG\xfd1\xff\xad\x0bG\xfe#\x9c\xc5\x1b\x80\x98\xc8\xf3x&lt;EEE\x00\xd0\xa3{\x06^\x04\x7f^\x840n\xa6%g\x00@\xa8b\x97X\xabP\xfd\x8b\x8bN\x01\xc0\xf0~\x89x\x13\x88\xf3!\x84\x00\xe3\xc3\xd3\x13\x01\xc0\xed\xf1\xb6o\xfd1\xff\x17\x16\x86\xfcG&gt;\x8b7\x00\x81\x10\xa2i\x1a\x00\xe0\xfdo/(T"Q\xb1v\x11\xaa\xbf\x81\xf7\x7f\xbe\x90P\x89\xc2Q\x7f\xcc\xff\x05\x85#\xff\x91L\x8a\x06\x00\x12t\xf2v\xd7\xbe\x15\x0b\x9d\x03@\xad\x0b\x95(\x1c\xf5Gm\'I\xc5di\x00\x08!\x84\x9a\x91\xa5\x01\x88s_\x1c\xa4\xe8\xea\x97\xa2\xc9r\x91\xf6\x1c\xaf\x9f\xa9?\x96\xffBB%\nK\xfd1\xff\x17\x12\xa6\xfcG,)\x1a\x00\xe7\xdc0\x0c\x00P\xa9\x14\xf3z\x97BUT\xf1\x07Q\xb1v\xc197\r\x03\x004U\x8a\xbc]\x8aP\x89\xda\xb7\xfe\x98\xff6\nG\xfe#\x99\xf57H\xce\xb9\xa6i\xb1\xb1\xb1\x00PY[d\xe2}\x10\xcf\x8f\x10ZYS\x02\x00\xa1\x8a]z\xadD\xfdcb\xe3\x00\xa0\xb0\xac\x0eo\x04\xd4\x1aB\n\xcb\xea \x0c\xf5\xc7\xfc\xb7E8\xf2\x1f\xe1,\xde\x00\x08!\x9cs\x97\xcb\x95\x95\x95\x05\x00U\xb5%&amp;\x97\xa2\xb1\x7f\x1f\x9cSB+k\x8b\x01 66.33\x13.y\x03\x08\xd5?3+\x0b\x00\x8e\x95\xd7\x03\xde\x07\xe2&lt;8\xe7@Iai=\x00\xc4\xc7\xc5\xb4o\xfd1\xff\x17\x16\x86\xfcG&gt;\x8b7\x80\x90@ \x00\x00\x9a\xa2S\xbc\x12\xb2U\x9aj\x03\x00\xd34M\xb3=\xef\x18#\xeao\xd7\x14\xc0+\x81[e\xd7\x15\x08[\xfd1\xff\x17\x14\xa6\xfcG,\xeb\xa7A&lt;\x0fo\xf8\xf0\xe1\x00PY]\xd4\xe8\xae\xa1x?\xf4s!\x84\x98\xcc(\xa9(\x00\x80\x8c\x8c\x8c\x98\x98\x98v\xb9\x1fV\xd3\xfa\x17\x94\xd4U\xd7yT\x95b\xf9[\x12\x8f\x04\xd8w\xbc\n\x00\x06\x84\xa7\xfe\x98\xffV\x84)\xff\x11\xce\xfa\r@HMM\x01\x00\xaf\xaf\xc1\xef\xf7\x88\xdbc\xa1\x96Lf4\xb8k\x00 ))IU\xdbs7\x91\x9a\x92\n\x00\xb5\x8d\xfeFOP\xc1\x83\x80s\xa1\x00\xcc`\x15u\x1e\x00HJ\xea\xde\xce\xf5\xc7\xfc\xb7A\xf8\xf2\x1f\xb1\xac\x1f\x05\xd1\xc3\xb3\xb3\xb3\x01\xc0\xedm&lt;]}JUt\\\x0f\xd7\x0c\xe7\\Q\xd4Fwuuu1\x00\x0c\x1d:\x04\xce\x0e\x1e/\x91\xa8\xff\xb0\xecl\x00\xa8o\xf4\x15\x94\xd4\xaa\x9a\x8aw\x83h\x86sPU\xa5\xb2\xd6s\xb4\xa4\x1e\x00\x86\x0e\x19\n\xedZ\x7f\xcc\x7f\xeb\xc2\x97\xff\x08\'K\x03\xe8\xdb\xb7\xaf\xcdf\xe7\x9c\x15\x97\x1fQ\x14\x15W\xa47\xc3\x81\xab\xaa\xad\xb2\xba\xb8\xde]\x03\x00\xe2\x9ca\xbb\x08\xd5\xdfn\xb71\xce\xf7\x16V\xe2#![\xe2\x9ck\xbar\xb4\xb4\xeet\x9d\x1b\x002\xc3P\x7f\xcc\x7f+\xc2\x97\xff\x08\'Q\x03HMM\x05\x80\xe2\xf2\x02\xdc\xfb\x9c\x03\xe7*UK*\nM\xd3PUm\xc4\x88\x11p\xf6V\xf2\x97\xa8I\xfdS\x00`\xcf\xb1J\x00\\\x08\xd4\x1c\xe3\x9c\xa8t\xff\x89j\xc3`\x9a\xa6\x86\xa7\xfe\x98\xff\xf3\x0b[\xfe#\x9c\xf5\x7fCB\x08c\xcc\xe1p\x0c\x1c\x98\x05\x00\'\x8b\xf7{}\xf5\x94*x\x10\xdc\x0c\x07(&lt;\xb9\x1b\x00\x12\x12\x12\xd2\xd3\xd3\xa1\x9d\xd6\xc0\x85\xea\x9f\x955\x08\x00\xbe\xca/\xf74\xf8U\xc5\xfa\xc1\xbb(\xa2\xd0\x9f\xe5\x95\x00@\xb7\xf0\xd4\x1f\xf3\xdf\xba0\xe5?\xc2I\xb1\x1d\x8a\xb9\xbc1c\xc6\x00@eM\xf1\xe9\xaaS\x9afc\xb8\x05\x84p\xa0T\xf1\xfa\x1aN\x96\x1c\x00\x80\xc1\x83\x07\xbb\\.\xc6\xda\xed\x8a\xad\xa6\xf5?VZw\xa4\xb8V\xb7\xa9xc\xd0\xa6T\x85z\x1a\xfd;\n\xca\x01`P8\xeb\x8f\xf9?\x870\xe7?\x92I\xd1\x00\xc4\x179c\xc6\x0cEQ\x83\xc1\xc0\xb1\xa2&lt;M\xd1\x01\xac\x7f\x86\xa7\x8d\x18pM\xb3UT\x1e\x17\x97A^\x7f\xfd\x0cJi;\x9e\x01\x0b\xd5_U\x15\x7f\xc0\xd8~\xa8\x8cj\x8a\x0cg\xd8\xda\x88q\xd0mj\xfe\xa9\x9ac\xa5u\x00p\xfd\x8c\xeb\xc3T\x7f\xcc\xff9\x85;\xff\x91L\x8a\x06 \xe6\xf2\x86\x0f\x1f.\xa6A\x0f\x1c\xd9\xc68\'8\x00\n\xe1LWm\x87\nw\x04\x83~J\xe9\xd4\xa9S\xa1]\x8f\x7f\x9b\xd5\x7f\xfd7\xc7\x81q\x827\x87&gt;\x8b1Fu\xf5\xa3]\xa7\xfc\x01C\xa1tJ\x98\xeb\x8f\xf9o.\xcc\xf9\x8fdR4\x00B\x88i\x9aN\xa7s\xda\xb4\xa9\x00PTz\xa8\xc1]E\x15|4\xd2\x19\x84\x80\xc9\xcc\xa3\'w\x01\x90\xcc\xcc\xac!C\x86p\xce\xdb\xf1\x99\xa8\xa1\xfaO\x9d:\r\x00v\x1e9]]\xe3\xd15\xbc\x1c\xec\x0cq\t\xd8\xa7y%\x84@VVf\xf8\xea\x8f\xf9?\xa7p\xe7?\x92I\xd1\x00Bn\xbd\xf5V\x00\xa8\xae-\xdf{\xf0S\xbb-\n7\x00\x00\xe0\x9c\xeb\x9a\xa3\xa8\xf4p~\xe17\x00\xfc\x86\x1b~h\xb3\xd9\xc2t\x1d\xfcm\xb7\xde\n\x00E\x15\xf5\xff\xde^\xa8;t\x13\xeb\x0f\xc088\xecZ\xde\x91\xd3\x1f\xef&gt;\xc59\xfc\xe0\x877\x84\xaf\xfe\x98\xff\x96:2\xff\x11H\x96\x06 \x8e\x82\'N\x9c\x98\x96\x96\x06\x00\xbb\x0f~\xcc9\x03&lt;\x0f\x06\xc09\xd35G^\xfe\x17\xfe\x80WQ\x94[n\xb9\x05\xc2p\xfc+\xea\x7f\xd5\xc4\x89=\xd3z\x10\x80w\xbe8\x028\x0b\x01\x00\x00\x8c1\xc5\xa6~\xf0\xd51\x8f/\x10\xee\xfac\xfe[\xea\x98\xfcG,Y\x1a\x00!\xc40\x0c\x97\xcb5k\xd6,\x008r&lt;\xb7\xb8\xac\xc0\xa6;p\x10D)\xf5\xf8\x1av\xe6\xe5\x10BF\x8f\x1e=f\xcc\x18\xc6X\xbb\x1f\xff\x86\xea?s\xd6\x1d\x1c\xe0\xb3}\xc5\x07\n+\xed\x0e\r\xd7\x02\xa9\n\xf55\xfa\xdf\xdc\x92O\x08\x19\x13\xfe\xfac\xfe\x9b\xe9\x98\xfcG,Y\x1a\x00\x9c\x1d\x04\xcd\x9b7O\xd34\x7f\xc0\xfb\xcd\xbe\x1c]wH\xfe\x98l\xc6\x99\xdd\x16\x9d\x7flGI\xf9Q\xce\xf9]w\xdd\x15\xbe\xf5\x0fM\xea\xaf\xba\xbd\x817&gt;9\xac\xdaUI\xd6Z\x9c\x8f\xc9\xb8\xc3\xa9o\xd9S\x94w\xbc\x92s&gt;\xbf\x83\xea\x8f\xf9?\xa3#\xf3\x1f\x99\xe4j\x00\x8c\xb1!C\x86\\}\xf5\xd5\x84\x90m;\xd7TT\x9dTU]\xe6A\x10\x010Mc\xf3\xd6W9\xe7\xc9\xc9\xc97\xdf|s\xf8N\x7f5\xa9\xff$B\xc8\x0b\xeb\xf3\x8a\x8ajm\xba*q\xf9\x81\x00\x04\r\xb6\xf4\x9d\x9d\xd0\xa1\xf5\xc7\xfc\x9f\xd1\x91\xf9\x8fL\x125\x008\xfb\xc0\xcf\xc5\x8b\x17s\xce\x1b\xdc5;\xf6lp\xdac\x18\x97\xe5\x84O3b\xf8SxjO\xc1\xf1\\\x00\x98={vbb\xa2i\x86\xf1\x89QM\xeb\x7f\xba\xd6\xf3\xfa\xc7\x87\xf4h\x9biJ4\xe0j\xcad\xdc\x19e\xdb\xb1\xbf\xf4\xd3\xbdE\xbc\xc3\xeb\x8f\xf9\xef\xf8\xfcG \xb9\x1a\x00\xa5\x94s&gt;y\xf2\xe4\xac\xac\x81\x84\x90\xafv\x7fPS_\xa6\xc9}s\xc4-_\xbe\x05\x006\x9b\xed\xae\xbb\xee\xe2\x9c\x87\xf5\xfe\'\xa1\xfa\x0f\x1c\x98E\tY\xb5\xf1@UE\x83\xa6+r\x8eA\t\x00\x07\xfe\xd7\xb5\xbb\xa0\xc3\xeb\x8f\xf9\x0f\xe9\xc8\xfcG \xb9~\xdb\xd0}Q~\xfd\xeb_q\xce\xcb+O|\xbc\xf5u\xa7#\x861\xe9\x06A\x8c1\xa7\xdd\xb5?\xff\x8b]\xfb7s\xce\xef\xb8\xe3\x8eA\x83\x061\xc6\xc2\xba\x01\x84\xea\xff\xab_\xfd\x9aq\x9e_T\xf3\xe4\xea]\xf6h\xbb)\xd3\xac\xab`2\x1e\x15m\xdb\xf4\xd5\xf1w?/\xe8\xf8\xfac\xfe;%\xff\x11H\xae\xdf\x16\x00\x14E1M\xf3\xce;\xef\xbc\xfa\xea\xab\x01`[\xee\xda\xb2\xca\xe3\xbaj\x97m&amp;\x94\x100Mc\xe3\x17/\x13B\xbau\xeb\xf6\xd8c\x8fu\xcc\xf3\x8f\x9a\xd6\x9f\x00\xbc\xb8!\xef\xe4\xa9j\x9b.\xdd\xad\x81\x08\x80a\xb0G\xff\xf5\r\xed\xbc\xfa\x03\xe6\xbf\xc3\xf3\x1fi\xa4k\x00\x82\xa2(K\x96,Q\x14\xa5\xc1]\xf3\xc1G\xcf\xda\xedQ\\\xa6\x99P\x93\x19\xd1\xce\xf8m;\xd7\x1e9\xbe\x8bs\xfe\xe0\x83\x0f\xa6\xa4\xa4t\xe4\xf0G\xd4\x9f*\xca\xe9Z\xcfo^\xde\xae;u\xa9\x96^\x18&amp;\x8b\x8au\xbc\xb4&gt;\xef\xf3}E\xac\xf3\xea\x8f\xf9\xef\xac\xfcG\x0e\xe9~a8;\x08\x9a8q\xe2\xec\xd9s\x00`g\xde\xc6\xdd\xfb?v:b%9\x10\xe6\x9c\xeb\xaa\xfdt\xf5\xa9\x0f\xb7\xbc@)\xcd\xca\xcaz\xe8\xa1\x87:x\xef#\xea?g\xcel\x00xs\xcb\xe1\xf5_\x1cq\xb9\xec\x86\x1cg\x83\x19\xe76]-*\xa9\xfb\xdd\xab_RJ\x07v^\xfd1\xff\x9d\x92\xff\x88"\xe3\xef\x0cg\'C\xff\xf2\x97\xc7bc\xe387\xdfY\xff\xb8\xc7[\xaf\xcaqw\x14\xce\x99\xcd\xe6|w\xfd\xf2\xfa\x86J\xc6\xd8SO=\xa5\xebz\x07\x1f\xff\x8a\xfa?\xf6\xd8_\xe2\xe2bM\x93\xdf\xf7\xec\x96\xba\x06\xbf\xa6Iq6\x981\xae;\xf4_&lt;\xb7\xa5\xac\xda\xcd\x18\xfb[\xe7\xd5\x1f\xf3\xdfY\xf9\x8f\x1c\x926\x00\xb1\x1c"%%\xe5\xc9\'\x9f\xe0\x1c*\xab\x8b\xdf\xfep\x99\xdd\x16e\xf9\xebbL\xd3pE%l\xd9\xfe\xe6\xee\x03\x9f\x00\xc0\xbcy\xf3\xa6O\x9fn\x9af\x07\xaf}\x0e\xd5\xff\x89\'\x9e\x04\xe0\x85\xa5u?\x7f\xfa\x13\xbbS\xb7\xfc\xd9`\xc3`\xae8\xe7\xdf\xd7\xecz\xef\x8b#\x000\xbf\xb3\xeb\x8f\xf9\xef\x94\xfaG\x0e"C\xcf?\x1f\xc30TU\x9d9s\xe6\xdbo\xbf\r\x003\x7f\xf8\xc8\xd4\xf1w\xd65T*\x8a\xda\xd9\x1f-,\x183\x1dv\xd7\xc9\x92\x03+V-\xf4\x07\xbc\xe9\xe9\xe9{\xf7\xeeu8\x1c\x84\x90N\x19\xfe4\xab\xff\xf3?\x9f\xb2\xe8\x96Q\r\xd5nU\xb5\xe6\xb8\xc44Yt\xb4-7\xbfb\xe2/\xdf\xf1\xf8\x82\xfd"\xac\xfe\x98\x7f\tYsKk#1\x19\xfa\xdcs\xcf\xa5\xa7\xa7\x13B\xd6n\xfc\xdb\xe1\xc2\x1dN\x87\xcb\x92\x93\xa1\x9c3U\xd5\xdd\x9e\xdaW\xde\xfbC \xe8SU\xf5\x8d7\xde\x88\x8a\x8a\x82\xce\xbb\xf5U\xb3\xfa\xff\xf2\xc5\xcf\xb7\xef&gt;\xe5r\xd9,y2\x801\xae\xe9je\x9d\xef\'\x8f\xe7\xb8\xfd\x86\x12y\xf5\xc7\xfcKH\xea\x06 :\x7fBB\xc2\x1bo\xbcA\x08\t\x04\xbd/\xbf\xfb\x9b\x06w\xad\xae\xd9\x99\xb5\x8e\x859p\x00b\xd3\x1d\xaf\xad]RZq\x94s\xfe\xf8\xe3\x8f\x8f\x1b7\xce0\x8cN&lt;\xf7\xd5\xac\xfen\x9f\xf1\xe3\xc7\xd6\x9f\xae\xf5\xdam\x1a\xb3\xd6\xb2P\xce\x01\x08\xd8\xec\xda\x82\'6\xed?^\x05\x11Y\x7f\xcc\xbf\x84\xa4\xfe\xe5\x01\x80Rj\x18\xc6\xb8q\xe3\x9e{\xee9\xce\xa1\xaa\xb6\xf4\x99W\xee\x0b\x1a\x01U\xd1\xac4\x1f\xca\x19\x8br\xc6\xbc\xf2\xde\xef\xf7\x1e\xfa\x14\x00\xe6\xce\x9d\xfb\xc0\x03\x0f\x88\x19\x80\xce\xfd`M\xeb\x0f\xc0\x8f\x977\xcc\xf8\xd5\x1ao\xc0PUj\xa5\x1e\xc0\x18\x8fr\xd9\xef^\x96\xb3v\xfbQ\x88\xd4\xfac\xfe%${\x03\x00\x00UU\r\xc3X\xb8p\xe1\xa2E\x8b\x00\xe0T\xe9\xa17?\xf8\xb3Ms\x10B\xadq\x82\xc4dF\x8c+\xf1\xa3\xad\xafm\xcf}\x1f\x00\xc6\x8c\x19\xf3\xec\xb3\xcfF\xce=o\xbf[\x7f\xbe\xf3H\xc5\xcf\x9e\xfa\xd8f\xd7\x08%\xcc\x12\xf57L\x16\x9d\xe0\xfc\x7f\xef\xe4\xae\xcc\xd9\x0f\x91^\x7f\xcc\xbf\\\xb0\x01\x00\x00(\x8ab\x18\xc6\xf3\xcf?\xbf`\xc1\x02\x00\xf8f\xef\x86\x7f\xbe\xf7;\xbb-\x8aR\xda\xa5\x8f\x859p\xc6\xcc\xd8\xe8\xc4\x8f\xbexu\xf5\xfa\xe5\x000f\xcc\x98\x9c\x9c\x1c\xa7\xd3\t\x914\xf5\xd9\xac\xfe\xaf\x7f|h\xfe\xb2\x1c\xa7CWh\xd7&gt;\x0e\xe0\x1cL\x93\xbb\x12\xa2\x9e}g\xe7\xfd\xcf\x7f\n]\xa4\xfe\x98\x7fyH\xbd\n\xa8)\xce\xb9\x18\x14,\\\xb8\xf0\xc5\x17_\x04\x80\xcbG\xde\xf0\xe3\x1f\xfd\x86qf\x18\x01J\xbb\xde`\x81s\x06@\xa2\x1c1\x9b\xb7\xbd\xfe\xee\xfa\xc79?\x93\xfe\xf8\xf8\xf8\x08\xbc\xec\xa5e\xfd\xe7M\x1f\xfc\xfc\xe2i\xc0x `(Jd}\xda\xb6`\x8c\x03\x81(\x97\xfd\xe9\xd5\xb9?\x7f\xe6S\x00&gt;v\xcc\x98\r]\xa7\xfe\x98\x7f\x19`\x03\xf8V\xcbm\xa0o\xcfa\xff}\xe7\x93\xd1Q\t\x1eo}\xd7Z\x1b\xc7\x98\xa9\xaa\xba\xae\xd9_[\xb3d[\xeeZ\x00\x18;v\xec\x86\r\x1b"9\xfd\xe7\xd8\x07\rJy\x7f\xc9\x8dIq\xce\xfa\x06\x9f\xd6\xa5\xd6\x86\x9a&amp;\xd3uU\xb7\xa9\x0b\x9e\xd8\xf4\x8f\xf5y\x000v\xec\x98\r\x1b"z\xef\x83\xf9\x97\x106\x80\xefh\xb9\r\xa4\xa5d\xcc\xbe\xe9\xf7\xe9\xbd\xb3\xeb\x1b\xab\x14\xaa\x00t\x81\xc3F\xd34\x9c\x8e\x98Fw\xcd\x1b\xef?\xba\xe7\xe0\'\x000f\xcc\xd8\x9c\x9c.\x90\xfe\x16\xf5\'\xc3\xd3\xbb\xad\xfc\xe5\xf4\xcb\x86\xa4\xd6\xd7xTJ\xbb\xc4Q{\xd0`1.\xfb\xe9Z\xcf=+6\xbf\xb7\xf5\x08\x00D\xf2\xd8\xbf)\xcc\xbfl\xb0\x014\xd7r\x1bp:bf\xfe\xe0\x7f\xc7\x8d\xfc\xa1\xc7[\xcf\x98\x19\xc9\x87\xc3\x9cs\xce\x99+*\xa1\xf0\xd4\x9e\xd7\xd6.).+\x80\xae6\xf6iY\xffx\x97\xfd\x99\xfb&amp;\xdf1}\xb0\xb7\xc1g2\xae\xd0\xc8\xdd\x071\xce9\xe3\xd1q\xceo\x0e\x94\xde\xfd\xc4\xa6=\x85\xa7\xa1\xeb\xd7\x1f\xf3oa\xd8\x00\xce\x81s.\x1e\r\xb1b\xc5\x8a\xc5\x8b\x17\x03\x00\x10\xb8z\xec\xcc\x9b\xaf\xfd\x85\xaa\xea^_\x03%J\x04\x9eA2\x99\xa1kv\x9b\xe6\xf8\xf4\xeb\xb7\xd7n\xfc\x9b\xd7\xe7\x06\x80\xf9\xf3\xe7\xafX\xb1\xc2\xe5ru\xa1\xf4\x9f\xa3\xfe@~~\xd3\xf0e\x0b\xae\xb2kJ\x83\xdb\xafD\xe4\xa1\x80a2\xbbM\xd5\xec\xda\x0b\xef\xef\xf9\x9f\x17\xbf\xa8w\xfb\xc12\xf5\xc7\xfc[\x146\x80s\x0bm\x03999\xf3\xe7\xcf/))\x01\x80&gt;iCn\x9d\xf1\xcb\xcc\xf4\xd1\x1eo\x83a\x06\x14\x1a)\xb3\xa2\x8c\x99\x84\xd0(gleu\xd1{9+r\xf36\x01\x80\xae\xdb\x96.\xfd\xcb\x03\x0f&lt;\x00\x00].\xfdM\xeb\x7f\xd7\xfc\xf9\xc5%%\x0006+\xe5\xaf\xff}\xf5\xf8\x11=\xfd\x8d\xfe@\xd0T#\xe6\xcc\xb0\xc98!\x10\x15\xe38YR\xfb?/|\xfe\xf6\xa7\x05\x00\xdc\xa6\xeb\x7fY\xba\xd4\x02\xf5\xc7\xfc[\x186\x80\xd6\x88KEJKK\xe7\xcd\x9b\x97\x93\x93\x03\x00\x9a\xa6O\xb9\xe2\xce)\xe3g\xc7\xba\x12#\xe1\x88X\xac\xd2s\xda]\xa6\x19\xdc\xbe\xeb\x83\xff|\xf2\xf7\xda\xfa\xd3\x00\x90\x95\x95\xb5r\xe5\xca\t\x13&amp;0\xc6\xba\xee\xadNZ\xd6\xdf\xa6k\x0f\xde2\xe2\xa1[.K\xe8\x16\xe5m\xf0\x19&amp;S:uJ\xc8d\x1c\x00\xa2\xa3mF\xd0|y\xe3\x81\xdf\xbf\xfaeIe#\x00dee\xae\\\xb9\xcaz\xf5\xc7\xfc[\x0c6\x80\x0b\x08\xdd)p\xc5\x8a\x15\x8f&lt;\xf2+\xbf\xdf\x07\x00\xc9I}\xa6\x8d\xff\xc9\xe8a\xd7\xda\xed\xd1^_\x03c&amp;\xa5\xb4\x83\xcf\x8f1\xc6\x08\x01\xbb-\x1a\x80\x1f(\xd8\xfe\xd1\xd6W\x0e\x17\xee\x10/\xdd}\xf7\xdd\xcb\x97/\x8f\x8d\x8d\xb5\xc0\xb5\x8eM\xeb\xff\xabG\x1e\xf1\xf9\xfd\x00\x90\xd5+\xe1\xa1\xdbF\xdd1)+*\xca\xe6s\xfb\x83&amp;\xeb\xf8I\xa13\xa3~\xa7\x0e\x1cr\xbe9\xb1\xec\x9d\x9d\x1f\xef:)^\xb2j\xfd1\xff\xd6\x83\r\xe0\xc2B\x83\x88\xbc\xbc\xbc\x87\x1f~x\xfd\xfa\xf5\xe2\xef\xfb\xf6\x1a:\xfd\xcay\x99\xfdFGG\xc5z}n\xd3\x0c\x12B\x08\t\xef\x91\xa68\xcdE\xa9b\xb7E\x19f\xf0xQ\xde\xa7_\xfekg\xdeF\xf1\xea\xd0\xa1\xc3\x96-[:c\xc6\x0ch\xb2\xe9vu\xe7\xab\xff\xb8A\xa9\x8f\xcc\x1c=uD/W\x8c\xdd\xef\t\x04\x82&amp;!$\xdc\xc7\x03\x8cs\xc6\xb8\xaaP\x87SgAs\xdb\xa1\xb2\xa7\xff\xbd\xe7_[\xf2\x018\x00\x0c\x1b6t\xe9\xd2e\x92\xd4\x1f\xf3o\x01\xd8\x00\xda*\x94\xa7\xb7\xdez\xeb\xcf\x7f\xfe\xf3\xbe}\xfb\xc4\xdf\xa7%\x0f\xb8\xfa\xf2Y#\x06M\x8e\x89\xeef0\xc3\xef\xf7p\x1e:\xeal\xb7\x9d\x11\xe7\x8csqC+\xbb\xa6\xd9\xbd\xbe\xc6#\xc7w~\xbc\xfd\xf5C\x85_\x89K5\x93\x93S\xee\xbb\xef\xde\x87\x1f~X\xd7uK\x1e\xf6~\xb7\xfe\x8f\xee\xdb\x97\'\xfe~h\xbf\xa4\xfbo\x1a\xfe_\x13\x06tK\x88\x02\xc3\xf4x\x03&amp;\xe3\x94\xb4g\x01\xf8\x99\xb51\x9c\x10\x12eW\x89M\xf3\xb9\xfd[\xf6\x16=\xb9z\xd7\xa6\xdcS\xc0\x19\x00\xa4\xa6$\xff\xec\xde\xfb\xa4\xa9?\xe6\xdf"\xb0\x01\\\x04\xf1\xdcZJi \x10X\xb6l\xd93\xcf&lt;SVV&amp;^\xea\x16\x9f:b\xd0\x94a\x03\xafN\xef=\xdc\xa69\x82f \x18\xf4\x9b\xa6\x01\xc0\x81\x10\x02\x17\x1dG\x0e\\\x8cv\x00\x80RESm\x9afc\xcc,*\xcb?P\xb0mg^\xce\xa9\x92\xc3\xe2\x9dv\xbb\xfd\xc7?\xfe\xf1\x92%K\xd2\xd2\xd2\xc0\xd2\x03\x9ff\xf5\x7f\xf6\x99\xa7K\xcb\xca\xc5K\xbd\x93co\xbbr\xc0\x8f\xae\xe8w\xe5\x90\x1e\xd4\xaeA\xd0\xf4\xfb\x8d\xa0\xc9\xc4\x93\x9e(\xb9\xe8\xeb\xfe9\x07\xce9\xe3\x9c\x00\xa8\n\xb5\xe9*\xd1\x15`&lt;\xef\xe8\xe9\x0fw\x1c\x7fkK\xc1\xee#\x15b\xd4\xef\xb0\xdb\xee\xf8\xf1\x9d\x12\xd6\x1f\xf3o\x01\xd8\x00.Z(a\xe5\xe5\xe5\xaf\xbe\xfa\xea+\xaf\xbc\xbao\xdf^\xf1\x12\xa1\x90\xdekDf\xbf\xd1\x99\xfdF\xa7\xa5dF;\xe3(UL\xd30\x8c\x80\xc9\x82\x8cs\x08U\xbb\xe5\xf6\xd0\xe4%\x02DQTU\xd1\x14E\x03\x00\xaf\xaf\xa1\xa2\xead\xfe\xb1o\x8e\x9e\xd8u\xb8\xf0+\x9f\xdf+\xde\x98\x92\x92:{\xf6\x9ds\xe7\xce\x1d:t(\x00\x18\x86\xa1(\x91\xb8&gt;\xaf}5\xab\xff\xab\xaf\xbe\xb2w\xef\x99\xd1(\x10:aH\xea\x94\xe1=\xa7\x8e\xe89\xbc\x7fR\\\x8c\x03(\x05\xd34\x82f \xc8\xd8\xd9\x1d\n\x9c\xeb&gt;0M_"\x044\x85\xea\xba\n*\x05\x0e\x1e\xb7\xbf\xa0\xb8\xf6\xe3\xdd\xa7&gt;\xcd+\xd9\x94{\xca\xe3\xf5\x8bw\xa6\xa6\xa6\xdcy\xe7l\xc9\xeb\x8f\xf9\xef\xd2\xb0\x01|\x1f\xa1\x8be\x00 \x10\x08l\xd8\xb0a\xd5\xaa\x976n\xdc\xe8\xf5z\xc4\x1b\x08\x81\xc4\xf8\xb4\xb4\x94\xcc\xf4\xde\xc3\xd3\x923\xbbw\xeb\x15\x13\x9d\xa8\xaa\xba\xa2\xa8\x04\x08\x07\xce\x98\xd1\xf4\x00\x99sN\xa9B\t\x05\x00\x93\x19&amp;3\x1a\xdd5\x95\xd5\xc5e\xa7\x8f\x15\x9e\xdas\xb2\xe4\xe0\xe9\xea\x93\x81\x80?\xf4\xfe\t\x13&amp;\xfct\xeeOo\xf8\xd1\r\xc9\xc9\xc9\x00`\x9a&amp;\xa5T\x9e\xe8\xb7\xac\xffK\xabVm\xdc\x98\xe3\xf1\xfa\xce\xbe\x85\xf4K\x8d\x1d\xd9?q\xc2\xe0\x1e\xc3\xd3\x13\xb3z\xc6\xa7$8UM\x05q?\t\xce\xc1\xe4\xdf\x99\x9f\xe0\x00\x94\x808\x7f`20XE\x9d\xa7\xa0\xb4\xee\xe0\xc9\x9a\xad\xfbK\xbe)8]PT\xe3\x0f\x04Co\xbfr\xc2\x84\xb9?\x9d{\xc3\r?\xc2\xfac\xfe\xbb4l\x00\xdf\x1f\xe7\xdc4\xcd\xd02\x83C\x87\x0e\xad[\xb7n\xed\xda\x7f\xef\xf8zG \xe8o\xfaNWt\\b|O\xa7#&amp;-9SQ\x14\x9b\x1e\x95\x96\x92\xc1\x18\x13\x81\xe5\xc0\x15E\xab\xaa.\xae\xa9/\xa3T)\xa98\xe2\xf1\xd4UT\x9f\xaak\xa8\xe4\xdf\xbd\x17\xe6\x90!Cg\xcc\xb8\xee\xe6\x9bo\x1e?~\xbc\xf8\x1b\xf1D\x0b9\xd78\x9f\xb3\xfe\xff\xfe\xf7\xda\x1d_\x7f\xddtg\r\x00\xddb\x9d\x03z\xc4\xc5E\xdbF\xa5\'\xaa*\x8dq\xea\xd9\xfd\x12\x19cb\x1f\xc4\x81+\xaar\xbc\xb4\xee\xd4\xe9\x06E\xa1\xfb\x8eUU\xd5\xfb\xf2\x8bkK\xab\xdd\xf0\xdd{a\x0e\x1b:\xe4\xba\xebf\xdc\x84\xf5\x07\x00\xcc\xbf%`\x03\xb8Tb4D\x08\t\xa5\xf0\xe0\xc1\x83_}\xf5\xd5\x07\x1f\xac\xcb\xcd\xddY\\\\\x12\x0c\x06.\xe5\xe7w\xef\x9e\x9c\x9d=\xec\xba\xeb\xae\x9b8q\xe2\xa8Q\xa3\xc4\xb0K\xfc\xa38\xea\x81\xf3\xd7\x7f\xdd\xba\x0frw\xee,))i\xd6\x0c.VJr\xf7a\xc3\xb2\xaf\xc5\xfa\x9f\x07\xe6\xbfK\xc3\x06\xd0n\x18c\xe2\xb88\x14J\x8f\xc7s\xe2\xc4\x89C\x87\x0e\xed\xdb\xb7o\xef\xde}UUU\x07\x0e\x1c0M\xb3\xbe\xbe\xfe\x9c[E\xb7n\x89\x000`\xc0\x80\xf8\xf8\xf8\xd1\xa3/\xeb\xdf\xbf\xff\x90!C222\xe2\xe2\xe2B\xef1\x0c\x83\x10\x82\xa7\xb9Zj\xbd\xfe\xfb\xf6\xee\xad\xaa\xaa&lt;x\xf0\xa0i\x1auu\xf5\x81\xa0\xd1\xf2\'$%v\x03\xe0\xfd\xfb\x0f\x88OH\x18}\xd9\xe8t\xac\xff\xc5\xc0\xfcwE\xd8\x00\xda\x9f\xd8\x12\xce\x19\xd3\xba\xba:\xc6XYYYh\xf9DHtttFF\x06\xe7&lt;&gt;&gt;\xfe|?\x10\x87&lt;m\xd1\xc6\xfa\x13\xb1\x88\xe7,\xac\x7f{\xc1\xfcw!\xd8\x00\xc2\x887!\x16&amp;\xb7e\xb2R\x1c\xde\x8a\xef\x05C\x7f)\xb0\xfe\x9d\x0b\xeb\x1f\xf9\xb0\x01t(Qm\xded=bSb\xf3\xc0\xb8\x87\x0f\xd6\xbfsa\xfd#\r6\x00\x84\x10\x92\x14.\x9fB\x08!Ia\x03@\x08!Ia\x03@\x08!Ia\x03@\x08!Ia\x03@\x08!Ia\x03@\x08!Ia\x03@\x08!Ia\x03@\x08!Ia\x03@\x08!Ia\x03@\x08!Ia\x03@\x08!Ia\x03@\x08!Ia\x03@\x08!Ia\x03@\x08!Ia\x03@\x08!Ia\x03@\x08!Ia\x03@\x08!Ia\x03@\x08!Ia\x03@\x08!I\xa9\x9d\xfd\x01dt\xbe\xe70\xe3\xe3\xb0;\x06\xd6\xbfsa\xfd#\x076\x80\xf0\xe2M\x00\x00\xa54\xf4\xdf\x96\x18c\xa1\xff\x92&amp;:\xf0\xf3Z\r\xd6\xbfsa\xfd#\x1c9_7F\xdf\x9b\x88;c\x8c\x10\xa2(J\xcb70\xc6\xea\xea\xea\x089S|\xf1\x07\xbb\xdd\xeep8\xce\xf9f\xf1\xa3(\xa5\xb81\xb4\x05\xd6\xbfsa\xfd\xbb\x10l\x00\xedF\x84\x9es\xae\xaa\xdf\x1eW\x99\xa6YRRr\xe4\xc8\x91}{\xf7VVV\xee\xf8f\x87a\x18\xe5eeee\xa5\x00\x04@\x14\x9f\x0</t>
        </is>
      </c>
    </row>
    <row r="138">
      <c r="A138" s="1" t="n">
        <v>136</v>
      </c>
      <c r="B138" t="inlineStr">
        <is>
          <t>shape_size_hexagon</t>
        </is>
      </c>
      <c r="C138" t="inlineStr">
        <is>
          <t>What is the size of the missing shape denoted with a question mark if it is a pentagon?</t>
        </is>
      </c>
      <c r="D138" t="inlineStr">
        <is>
          <t>['large', 'small', 'medium']</t>
        </is>
      </c>
      <c r="E138" t="inlineStr">
        <is>
          <t>medium</t>
        </is>
      </c>
      <c r="F138" t="inlineStr">
        <is>
          <t>There are 7 shapes with different sizes in the image, of which there is a missing pentagon in the center. The other shapes are arranged around the center, which are ['square', 'pentagon', 'hexagon', 'square', 'pentagon', 'hexagon'] in anti-clockwise order. Their corresponding sizes are ['small', 'medium', 'large', 'small', 'medium', 'large'].</t>
        </is>
      </c>
      <c r="G138" t="inlineStr">
        <is>
          <t>We observe that the squares are small size, the pentagons are medium size, and the hexagons are large size. Hence, the pattern is that each shape appears with a distinct size.</t>
        </is>
      </c>
      <c r="H138" t="inlineStr">
        <is>
          <t>Based on the pattern that each shape appears with a distinct size, the size of the missing pentagon should be medium.</t>
        </is>
      </c>
      <c r="I138" t="inlineStr">
        <is>
          <t>b'\x89PNG\r\n\x1a\n\x00\x00\x00\rIHDR\x00\x00\x02\x00\x00\x00\x02\x00\x08\x02\x00\x00\x00{\x1aC\xad\x00\x00T\xadIDATx\x9c\xed\xdd{x\x14E\xd6?\xf0\xea\xaa\x9eI\x08\xe4\xc65\xb0\xea*\x04XWtMxu\x051\xc4\x0b$\xde@\xe5&amp;\xa2\xab\xbe^\xf0\xa7,\x02\xc2\x8a\xab\xa8\x80\xac\xa8 \x08\xeaza_QT\x14DW\x015(\x10`AP\x08\xab\xa2\x08\x08*\xea\x82`\xc8\x95\xc0\xcctU\xfd\xfe8Io\x0c \x90d\xa6{\xba\xbf\x9f\xe7}\xdegI0tf\xa6\xebT\x9f\xaa:\xc7\xd0Z3\x00\x00\xf0\x1f\xee\xf4\x05\x00\x00\x803\x10\x00\x00\x00|\n\x01\x00\x00\xc0\xa7\x10\x00\x00\x00|\n\x01\x00\x00\xc0\xa7\x10\x00\x00\x00|\n\x01\x00\x00\xc0\xa7\x10\x00\x00\x00|\n\x01\x00\x00\xc0\xa7\x10\x00\x00\x00|\n\x01\x00\x00\xc0\xa7\x10\x00\x00\x00|\n\x01\x00\x00\xc0\xa7\x10\x00\x00\x00|\n\x01\x00\x00\xc0\xa7\x10\x00\x00\x00|\n\x01\x00\x00\xc0\xa7\x10\x00\x00\x00|\n\x01\x00\x00\xc0\xa7\x10\x00\x00\x00|\n\x01\x00\x00\xc0\xa7\x10\x00\x00\x00|\n\x01\x00\x00\xc0\xa7\x10\x00\x00\x00|\n\x01\x00\x00\xc0\xa7\x10\x00\x00\x00|\n\x01\x00\x00\xc0\xa7\x10\x00\x00\x00|\n\x01\x00\x00\xc0\xa7\x10\x00\x00\x00|\n\x01\x00\x00\xc0\xa7\x10\x00\x00\x00|\n\x01\x00\x00\xc0\xa7\x10\x00\x00\x00|\n\x01\x00\x00\xc0\xa7\x10\x00\x00\x00|\n\x01\x00\x00\xc0\xa7\x10\x00\x00\x00|\xcat\xfa\x02\x00\x801\xc6\xb4\xd6J)\xa7\xaf"\xea\x0c\xc3\xe0\x1c\xf3N\xb70\xb4\xd6N_\x03\x00\xf8\x88\xd6\xda0\x0c\xa7\xaf\x02\x18\xc3\x13\x00\x80\xe3h\x12V^^^TT\xe4\xf4\xb5D\x97\xd6:55\xb5k\xd7\xae\x88\x01.\x81\'\x00\x00\x87I)\x85\x107\xdex\xe3\xec\xd9\xb3\x9d\xbe\x96\xa8\x13Bl\xde\xbc933Sk\x8d\\\x90\xe3\x10\x00\x00\x9c\xa4\x94\xe2\x9c\x17\x15\x15u\xeb\xd6M)\xa5\xb5\xf6\xf0-)\x84\x88D"\x03\x06\x0c\x987o\x1e\x85=\xa7\xaf\xc8\xef\x10\x00\x00\x9c$\xa5d\x8c\x9d\x7f\xfe\xf9\xabV\xad\x12BH)97\x0c\xc3{Sc-\xa5b\x8c\xd1\xefXPP\xd0\xbbwo\xc4\x00\xc7!\x00\x008\x86F\xc09s\xe6\xfc\xe9O\x7f2M\xd3\xb2,\x831\xaf\xde\x90\x86aP\xdaGk\xdd\xa9S\xa7M\x9b6q\xce\r\xc3\xc0b\x80\x83\x10\x00\x00\x9cA\xd9\x9e\x8a\x8a\x8a\xae]\xbb\xee\xd8\xb1\x83\xc6G\xadu\xbb6\xad:\x9f\x9a\xa9Bao\xa4\xc8i\xd0\x0f\x87\xc2\xff\xfa\xe4\xdf\x14\xde\xe8!\xe0\xc9\'\x9f\xbc\xe3\x8e;\xf0\x10\xe0,\x04\x00\x00gX\x96e\x9a\xe6\xf8\xf1\xe3\x1f|\xf0A\x9a\xfes\xceMS\xac~g\xf6\xff\x9c\xdf\x9dU\xeeg\x9e\x08\x00\x8c1\xa65KL\x180\xf0\xb67\x16}(\x84\xa0\xe3\x0eiii\xdb\xb7oOMM\xc5C\x80\x83\x10\x00\x00\x1c\xa0\x942\x0c\xe3\x9bo\xbe\xc9\xce\xce\xae\xac\xacTJ\t\xc1-K\xfei\xc0\xe5/\xbe8\xfd\xe0O{\x84\xe9\x9d-\xdaR\xaa\x84\xe4\xa6[7\x7f}\xc6\x05\x03,K*\xa5\xe8!\xe0\x8e;\xeex\xf2\xc9\'\xf1\x10\xe0 \x04\x00\x00\x07\xd0\xa87`\xc0\x807\xdex\x83&amp;\xc5\x86\xc1\xd2RS&gt;_\xb1\xa0M\x9bV*\x12\xe1\xde\x9a\x14K\xcb\n\xb6l\xfe\xd7\xb1\x0f?&lt;\xf3\xffj\xd6\xba9\xe7|\xed\xda\xb5\xd9\xd9\xd9\xd8\x12\xea\x14\xbc\xe8\x00\xb1F\xa3\xff\x8a\x15+h\xf4\x97R\n\xce\x95\xd2#o\x19\xd2.\xf3dy\xf0\xa0\xc7F\x7f\xc6\x18\x17BU\xee\x1fu\xc7\rmZ\xb7\xa0\xa7\x1f\xc30,\xcb\xba\xeb\xae\xbbh\xf1\xc3\xe9\x0b\xf4)\x04\x00\x80\x98\xa2C\xb0\xa1P\xc8\x1e\xfb8\xe7R\xa9N\x1d~;f\xc4\xcdVI\x19\x17\xdeI\xfe\xd8\x0c\xc3\x88\x1c\x0c\xb5&lt;\xb1\xed\xc3\xf7\xfc\xb9\xfaW\xae\x89\x82\xf3\xe7\xcf\xa7(\xe8\xf45\xfa\x11\x02\x00@L\xd1\xc9\xaf\xd7^{m\xc3\x86\r\x9csJ\xfeh\xad\x9f\x988&amp;\xa1Y\x92\x92\xd2s\xb3\xffj\xa6iF\xf6\x95\xfe\xe9O\xfd\xcf;\'[J)\x04\xa7\x89\xff\xbd\xf7\xde\x1b\x0e\x87YMI\x0c\x88%\x04\x00\x80\xd8\xa1\xe9\x7fII\xc9\xd8\xb1ci\xf4\x17\x82K\xa9z\xf5&lt;\'\xff\x92\x0b#e\x15\xde^\x0e\xd5Z\x0b\xd3\x9c0\xe6\xff\t\xc1\x193\x94R\xa6in\xdb\xb6m\xca\x94)\xf6\xee \x88%\x04\x00\x80\xd8\xa1\xe9\xff\xb8q\xe3v\xef\xde]\xb3\xf1\x9f\x99\xa6xb\xe2_\xb4\x0fr B\x88piYn\xfe\xf9\x83\xaf\xbcXJi\x9a\xd5\xab\xc1\x8f&lt;\xf2\xc8\xf6\xed\xdb)":}\x8d\xfe\x82\x00\xe0_Ty\x06\xb9\xd7\x98\xa1\xd1\x7f\xcb\x96-\xcf&gt;\xfb\xac\x9d\x04WJ\xddzm\xbfS\xb3\xbbD*\xab\xfc\xb0\x13\xc6\xe0B\x1d8p\xff\xe8\xdbR\x92\x9b)\xa5\x19c\x9c\xf3\xf2\xf2\xf2\t\x13&amp;`58\xf6\xbc\xff\x81\x83\xc3\xa2\x99\x97a\x18\xb4\xfe\x86\x1b/\x06(\xff3|\xf8p\xcb\xb2h\x1b\x8c\xd6\xbaM\xeb\x16\x13\xee\xf9\xb3\xda_\xc5\x85/nF\xce\x8d\xc8\xfe\xaa\x8e\x7f\xf8\xfd\x98\xdb\xffTs\xfa\xc1\x12B\xbc\xf2\xca++W\xae\xc4jp\x8c\xf9\xe23\x07\xb5\xd1\xac_\x08\xf1\xef\x7f\xff\xfb\x92K.\x99;w\xae\x10\xc20\x0c&lt;}G\x15\xbd\xe6K\x96,Y\xb2d\x89\xbd\x11^)\xf5\xb7\xb1\xc3Z\x9c\x90\x119\x18\xf2\xcfiXa\x9a\xd6\xbe\xd21w\xde\x9c\xd9\xfe$\xcb\x92\xf4\xdc#\xa5\x1c7n\x1c&gt;\x841\x86\x00\xe0/RJ\x9a\xf5\xcf\x9c9\xb3g\xcf\x9e\xef\xbd\xf7\xde5\xd7\\3|\xf8\xf0\x8a\x8a\n\xce\xb9eYN_\xa07\xd1\xdc?\x1c\x0e\x0f\x1f&gt;\xdc\xde\xfa\xa9\x94\xca&gt;\xe3\xd4k\x06\xf7\xb5J\xcb\xbct\xee\xf7\xa8\x0c\xc6\x94%\x13\x92\x9b&gt;\xf4\x97\xdb\x19c\x86aPt\\\xb9r\xe5\x9c9s\xf0\x10\x10K\x08\x00&gt;B\xcf\xda\xc5\xc5\xc5\x83\x06\r\x1a&gt;|xyy\xb9\x10\x82s&gt;s\xe6\xcc\xdc\xdc\xdc\xa2\xa2"\xd34\x91\x0e\x8a\x06\xca\xfeO\x992e\xcb\x96-5\xe7~\r\xad\xf5\x94q#\x13\x9b6UR\xf9e\xf2_C\x98"RZ6\xe8\x9a+r\xbau\xb5\xd7B\x0c\xc3\x18;v\xec\xbe}\xfb\xb0\x18\x103\x08\x00\xbe\xa0\x94\xa2-w\xabW\xaf\xee\xde\xbd\xfb\xbcy\xf3L\xd3\xa4\x99\x17}\xbd\xa8\xa8(77w\xe6\xcc\x99\x94\x0e\xc2\x14\xac\x11\xd1\xd0\xb6{\xf7\xee\xa9S\xa7\xdak\xbfR\xca~\x97^\x98\xdb\xeb\xbcHi\x99\xb7\xb7~\x1e\x89f\x86\xb6\xe4\x94\x07F\x99\xa6\xa02\xa8\x9c\xf3\xdd\xbbw?\xfe\xf8\xe3\xd8\x0e\x143\x08\x00\xdeGe&amp;9\xe7\xe3\xc7\x8f\xcf\xcd\xcd\xdd\xbauku\xe9y\xc30\x0c\x832?\x9c\xf3\x8a\x8a\x8a\xe1\xc3\x87\x0f\x1a4\xa8\xb8\xb8X\x08\x81tPc\xa1\xa1\xed\x9e{\xee\xd9\xb7o_\xf5&gt;\x1f\xadSS\x92\'\xdf?\x92I\xc9|\x93\xfa\xafCp\x1e\xa9\xd8\x7fV\xce\x1fo\xbd\xb6_My8\xc59\x7f\xec\xb1\xc7\xb6m\xdb\x86\x18\x10\x1b\x08\x00^\xa6\xb5\xa6\x9a\xc3\xbbv\xed\xca\xcf\xcf\x7f\xf0\xc1\x07i\xac\xb7,K\x08N\xdb@\x95R\x9c\x1b\x94\xa46Ms\xde\xbcy\xdd\xbbw/((0M\x93\x9e\x1b\x9c\xfe%\xe2\x1b\rmEEE\xaf\xbe\xfa\xaa\xfd\xcaK\xa5\xee\xbcyp\xe6\x1f~\x1f\xae\xd8\xef\x87\xad\x9fG\xc2\x05\x97\x15\x95\x13\xc6\x0eKOK\xa1\x13\xd1\xb4Rr\xef\xbd\xf7"\x0b\x14\x1b\xfe\xfd\xf0y\x1ee\x1ehL\xef\xda\xb5+\x8d\xe9T\xff\x95s.\xa5:\xa7\xeb\x19\x1f-\x7f\xe3\xe6k\xfbQ\'Zn\x18\x14-\xb6n\xdd\x9a\x9f\x9f?~\xfcxzn\xc0\xa3@C\xd0\x9e\xab\x11#F\x84\xc3a\xc3087\xa4T\x1dN&gt;q\xc4\x1d7X%\xa5\xc2\xf4c\xf2\xc7f\x18\x86&lt;\x18nqB\xc6\xf8\xd1\xb7\xd5.\x104\x7f\xfe|{\xaf\x94\xd3\xd7\xe8q\x08\x00\xdeD\xbb\x0c-\xcb\x1a9r\xe4\xa0A\x83v\xed\xdaEY\x1d*\xc0\xa2\x94\x1a1\xf4\xda\x15\x8b_:\'\xbb\xcb\xf3O&gt;\xf4\xeas\x8f6OK\x91J\xd9mI8\xe7\x0f&gt;\xf8`~~\xfe\xb6m\xdb\xe8\x8b\x98\x8e\xd5\x03\rg\xaf\xbe\xfa\xea\xaaU\xabh\x81\x9d\x1b\\k}\xdf\x88\x9b\xd3\xdb\xb6\x96\xe1\x88\x7f\xb6~\x1e\t\x17\xc2*\xab\x18z\xd3\xe0N\x1d~KK\xe5uNK\xe0\x83\x17Ux}\xbd\x86\xc6w!\xc4\xd6\xad[\xff\xf7\x7f\xffw\xf5\xea\xd5B\x08\xfa\xa2)\x84%e\xdb\xd6-\xffo\xe6\xc4\xfcK/\x92\xe5\xe5\xd2\x92\x06c\x81\x16\xe9[\xbf\xd8z\xe3\x1d\x7f]\xf3\xc9\xa7\x9cs\xa6\xb5\xd2\x9a\xc6\xfd\x16-Z&lt;\xfd\xf4\xd3\x03\x07\x0ed5[Y\x9c\xfe\xfd\xe2\xc6\xa1\x1d\x1f\r\x83I\xa9z\xfc1\xab\xf0\xdd9\xaa\xea\x00^L"\xa5\x0c\xa6\xa6\xbc\xbf\xe8\xc3\x8b\x87\x0c\xa3\xcaH\xe8\x19\x193\xf8\x08z\x8a\xbd\xcd\x7f\xd6\xacYg\x9f}\xf6\xea\xd5\xabi\xe2I\xdf\xb5\xa4\xec\x9d\xdbm\xfd\xd2\xd7\xf3/\xb9 T\\\xa2\x95\x16Bp!B?\xef\xeb\xd4\xe1\xb7\x85\xef\xcc\xbe\x7f\xf4mJ)\xa5\xb5Y\xfd\xb8\xf0\xdf=\xa38(p\xbc\xe8!l\xfa\xf4\xe9\xdb\xb7o\xa7m\x8eZ\xb3`00m\xfch\xc19\xe6]6!D\xa4\xac&lt;\xff\xf2\x8b\xfa_v\x11\x8d\xfe\x94\xbd\x1c7n\\II\t\x1e\x02\xa2\n\x01\xc0;h\xc8\xae\xa8\xa8\xb8\xe5\x96[n\xb9\xe5\x96\xb2\xb22J\xfb\x98\xa6\xa0\xe9\xff\xd4\tc\n\xde\xfaG\xbb6\xadB\xfb\xcaLS\xd8\xf9\x07\xd34#\xfb\x0fp\xa5\xc6O\x18\xfd\xde\xeb\x7fo\xdb\xba\xa5%\xa5)D\xedSc8(p\\\xe8!l\xc7\x8e\x1d\xd3\xa6M\xa3\xf9,\xbd\x0bW\xf7\xcd\xff\x9f\x9cs\xc2\xe5\x15\xc2\x1f\x85\x1f\x8e\x95ah\xcbzh\xec\xb0`0`o\t-))\x197n\x1c\xb6\x03E\x15&gt;\x85^`o\xf3_\xb7n]nn\xee\xacY\xb3\xec\xea\x0e\xd4i\xb6\xe3)\'.\x7f\xe7\x85Q\xa3\x87F*\xf7GB!\xf3\x90\xb5G.\xb8\xd6:\xb4\xb78\xff\xe2\x0b\xd6/\x9f?\xe0\xf2^\x96\x94\xb4OTJ\x89\x83\x02\xc7\x8b\x12\xd9w\xdf}wYY\x19}E)\xd5&lt;=\xf5\xe1qw\xca\x8aJ\x039\x8d_\xe2\x9cG*\xf6w\xce:\xed\xae\xa1\xd7\xd9\x1d\x839\xe7\xcf&gt;\xfb\xac\xdd5\xc1\xe9k\xf4&amp;\x04\x80\xb8g\xb7W\x9d&gt;}z\x8f\x1e=\x8a\x8a\x8a\xaa\xef\x1f\xc3\xd0ZK\xa9\x06]\x91\xbf\xa6`n\x8f\x1eg\x87\xf6\x16\xd3\xdf&lt;\xec\xcf\xa1-C\xa1\x92\xb2v\xadZ\xcc\x9b3c\xea\x841\x82S\x08\x118(p\\|\xd8\xf1\xb1\xe1\xd03\xd2\x11\x08\x00\xf1\x8d\xd2&gt;\xbbv\xed\x1a4h\xd0\xc8\x91#)\x18TWZW*\xb9i\xd2s\xd3\xc7\xbf\xf6\xf2\x8c\x16)\xcd\xc2e\xe5\xe61\x14\x9c1M\x11\t\x85"\x15\x95\xa3F\xdd\xba\xea\xfdW\xb2\xba\xfc\x8e\x863\x1c\x148F\xfe\xec\xf8\xd8p\xe8\x19\xe9\x08\x04\x80xe\xa7}\n\n\n\xbav\xedJ\xd5\x1d(\x7fJi\x9f\xac.\xbf[\xbe\xe8\xc5[n\x1d\x12\xdeW*-\xeb\xd8\xb7R\xd0SB\xa8x\xdf9g\x9dY\xf8\xeeK7\r\xb9\x8a\xf2\xfe8(p,|\xdb\xf1\xb1\xe1\xd032\xf6\x10\x00\xe2R\x9d\xdd\xfa\xbbv\xed\xa2]\x9b4U\x97R\r\xbbyp\xe1\xa2\x17\xbbf\x9d\x16\xdaSLY\xfb\xe3\xfd\'L\xd3\x0c\x97W$\x07\x03\xb3\x9e\xfe\x1b\x0e\n\x1c#\x9fw|l8\xf4\x8c\x8c1$\xd7\xe2\x0c\x9d,\xa5\xbb\xe2\xcf\x7f\xfesAA\x01\xe5\xf4U\xcd\xe8\xdc&lt;-\xe5\xe9)\xe3\x06]s\xa5.+\x8fD\x8ec\xe2\x7f\xa4\x7fN)\x15&lt;\x86\x83\x02\xf6\xe6\x8dF\xfaE\xe3\x12e-\x86\r\x1b\xf6\xd4SO\xd9+\x99\x9c\x1b\x9f-\x9b\xff\xbb\xd3:Y\xd8\xfb\x7f\x0c\xa4e\x05[\xb6\xb8\xee\xfa;_~c\xb1i\n)\x95a\x18\xcd\x9a5+**j\xdf\xbe=&gt;c\x8d\x0b/e&lt;\xa1\x19\x10%\xe2\xbbu\xebf\'\xe2\x99\xd6\x94\x8a\xe9\x9d\xdb\xed\xa3\x82W\x07\r\xbe"\xb4\xb7\x98\xb6T7\xf0_\xa4m\xa0G=(P{\xf9\xa11~\xd1\xb8\x84\x8e\x8f\x8d\x02=#c\t\x9f\xc8\xb8a\x8f\xb0T\xdd\xc1\xde\x8ac\n\xa1\xb4VJ\xdd?\xfa\xb6\x82\x05\xcfw\xca&lt;9\xf4\xf3&gt;\xaa\xf6\xdcX\xff\xf4\xaf\x1f\x148t\x03\x92?\xefRt|l\x14\xe8\x19\x19K\x88\xa8q\xc0\xae\xeePTTt\xfb\xed\xb7\xaf[\xb7\x8eJ\xa6h\x9a\x89\xdb\xd5\x1d.\xefe\xed+\x8d\xde32e\x9f\x12\xd2\xd3\xfe\xf3\xfd\x7fF\x8c\xfd\xdb\xfc\x85\x1f\xd00gg\x9f\x92\x93\x93\x1f\x7f\xfc\xf1\x9bo\xbe\x99\xd5$C\xa2q\x19\xeedw|\xcc\xcb\xcb\xab\xde\xfa)\x84\x94\xf2\x1f\x8f?\xf0\xbfC\xaf\xa5\x90\xec\xf45\xc6\r\x1a\x92\xa4at\xe9q\xc5\xd7;vR\xf3j)eNN\xce\xf2\xe5\xcb\xb5\xd6\xbe\xfahE\x15f%nW\xbb\xbaCnn\xee\xbau\xeb(\xedS\xbdQZ\xca\x01\x97\xf7Z\xbf|~\xfe\xc5\x17\x84\xf6\x16\xd3|&lt;JW\xf2\xeb\x07\x05\xecC\xc8\x83\x07\x0f\xf6\xdbA\x01t|l\\\xe8\x19\x193\x08\x00\xaeF\x03kYY\x19Uw\xa8\xa8\xa8\xb0G[\xa5\x94\xe0|\xea\x841\xf3\xe6\xcch\xd7\xaaE\xa8\xa4,6s\xcc#\x1d\x14\xa0\x98$\x84x\xed\xb5\xd7\xbaw\xefNe\x88|rP\x00\x1d\x1f\x1b\x1dzF\xc6\x06\x02\x80K\xd5n\xe2x\xf6\xd9g\xd7\xa9\xee \xa5\xec\xd8\xfe\xa4\xea\xea\x0e\x15\x95\x87\xad\xee\x10=\xbfrP\x80v(m\xdd\xba577\xd7\'\x07\x05\xd0\xf11J\xd032\x06\x10\x00\xdc\xa8vu\x07j\xe2X\xb3\xa7\xb0\xba\xba\xc3MC\xae\xfax\xf9\xfc\x1e\xe7\x9e\xf5\xeb\xd5\x1d\xa2\x8a\x0e\n4\x0b\x04f=3\xf9\xb9i\x0f\xa64k*\xa9\xe2tM\xd3\xb1:g\x14\xbc:eC\xc7\xc7(A\xcf\xc8\x18@\x00p\x17j\xe2H\xd5\x1d\xf2\xf3\xf3G\x8e\x1cI\xe3iuu\x07Y]\xdda\xd63\x93S\x83\xc1py\x85\xb3K\x8bB\x08%e\xb8\xa4\xf4\x96[\xae\xf9x\xe9\xeb\xdd\xcf\xfa\x83%%-P3f\xd49\xa5\xccj\xb6\xb1z\t:&gt;F\x15zFF\x1b&gt;\x9d.b7q\xa4q\xb3\xa6\x89#\xd3Z\x0b\xce-K\x9e\x9d\xd5e\xf9\xa2\xd9\xb7\xdc:$\\R\xea\x92m6\xd5\x07\x05\x8aK:g\x9e\\\xb8\xf0\xc5;o\xbd\x96Z\r\xdb\xbb\xf7\x0e\xadS\xe4\xf4%7&amp;t|\x8c*\xf4\x8c\x8c6\x04\x00\xb784sb\xaf\xf7j\xad\xa5Rw\x0e\xbd\xf6_\xef\xbf\xdc\xf5\x0f\xa7\x85\xf6\xd6\xb3\xbaC\xf4T\x1f\x14\x90r\xfa\xe3\x0f\xd0A\x01YsP\xe0\xb0\x95J\xbd1wC\xc7\xc7\x18@\xcf\xc8\xa8B\x00p\x1e\xa5}\xa8\xbaC\xed\xb5\xd3\x9a\xb4\x8fl\xdb\xba\xe5k\xcf?6}\xda\x83\xdc\x92\xe1\xca*w\xee(\xaf\xee(P\\\x92\x7f\xc9\x05\xeb\x97\xbe\xde;\xb7\x9bU3;;l\xaf\x82x\x9f\xbb\xd10TVV6~\xfc\xf8\xff\xb6^\x90\xb2\xc7\x1f\xb3\xae\xbb\xae_\xa4\xb8\xc4\x9doS\xdc1\x0c\xa6\xa4\x0c&amp;5yb\xc2\x18\xad\xb5a\xd4=q\xed\xbd\xbcb,!\x008\xccN\xfbPu\x07{\xf7$c\x8csnY\xd5M\x1c\x07\r\xee\x1b\xda\xbb\x8fR+N_\xf2\x11\x19\x86a\x9a"\xb4\xaf\xac]\x9bV\x05o\xfdc\xea\x841&amp;mW\xf5\xe2A\x01t|\x8c\x19\xf4\x8c\x8c\x1e\xf7\x8e&amp;~p\xa4F+4n\xda\xd5\x1d\xdae\xb4\n\x15\x97\xd4n\xe2\xe8f\xd5\x07\x05*\xf7\x8f\x1a=t\xf9;/tl\x7f\x12\x95\xf6\xf5\xd2A\x01t|\x8c5\xf4\x8c\x8c\x0e|L\x9da\x17\xf5&lt;\xb4\xd5\xa2i\nK\xca\xccSN|o\xde3\xe3\'\x8c\xb6\x0e\x1c\x8c\x1c\x0c\xc5W&gt;\xa1\xfa\xa0\xc0\xde\xe2\x1e\xe7\x9e\xf5\xf1\xf2\xf97\r\xb9JJ\xe5\xa5\x83\x02\xe8\xf8\x18c\xe8\x19\x19%\x08\x00\x0e8R\xb3\xf5\x9a6xr\xc0\xe5\xbd&gt;Z27\x06\xd5\x1d\xa2\x8a\x0e\n\xa4\x06\x83\x1e;(\x80\x8e\x8f\x8e@\xcf\xc8h\x88\xcb\x91%\xae\xd5\xae\xa2&lt;|\xf8\xf0\x8a\x8a\x8a\x9a\xfd\xe3T\xdd\xc1\xa0\xea\x0e-S\x9a\x85\xf6\xc5\xfdB"\x8d\x8f^:(\x80\x8e\x8fNA\xcf\xc8h@\x00\x88)\xbb\xbaC\xf7\xee\xddi\xd4\xa3A\x84&gt;\xbeY]~\xb7\xea\xfdWF\x8d\xba5RQ\x19\tG\xe2}\xf4\'\xc7{P\xc0\xe51\x00\x1d\x1f\x1d\x84\x9e\x91\x8d\x0e\x01 F\xe8\xa3\xc99\x1f?~&lt;Uw\xa8n\xafhPu\x07y\xd3\x90\xab\n\xdf}\xe9\x9c\xb3\xce\x0c\x15\xefs\xaa\xbaC\xf4\x1c\xe3A\x81\x8d\x1b7\xba9\x06\xa0\xe3\xa3\xe3\xd03\xb2q!w\x16#Z\xebp8\xdc\xbf\x7f\xffE\x8b\x161\xc6j&amp;\x8f\x86\xd6\xbayZ\xea\x93\x8f\xde;xP\x1f}\xe0@$\x1c\xf1\xf0 B\x85\x8c\x12\x9a\xa7\xfe\xe7\xdb\x1fn\xfc\xf3}K\n?\xb2\xbfew\x14x\xe5\x95W.\xbb\xec2Z\xe8s\xf0R\x0f\x0b\x1d\x1f\xdd\x00=#\x1b\x11^\xa9\x18\xd1Z\x07\x02\x01\xaa\xe7L\xdb\x1fi\xe6{\xee\xd9g~T\xf0\xca\xe0!W\x86\xcb\xca\xa5\xe5\x8a\xea\x0e\xd1S\xf7\xa0\xc0\xf8\xbb\x9a5M\xa2\xdb\x95\x8e\xc2UTT4m\xda\xd4\x9d\xbb]\xd1\xf1\xd1%\xd03\xb2\x11\xe1#\x1b#4|\xdc|\xf3\xcdT\x08\x81\xce\x8e\xb6m\xd3\xb2\xe0\xf5g:un\x1f\xda\xbb\xcfm\xd5\x1d\xa2\x87\x0e\n\x84\xca+G\xdd?\xf2\xfe\xbb\x86\xd2d\x9fV\xc2;w\xee\xdc\xb3gOw\xb6|B\xc7G\x97@\xcf\xc8F\x84Om\x8c\xd0\x88v\xd1E\x17\xa5\xa6\xa6\xd2\x07\xd40\x8c\xbd\xc5%\xdf\xff\xf0\x1f\x15\xb1\xb8\xfb\xc6\xbb\xa8\xe2\x9c3\xa6UE\xe5W_\x7f\xc3\x183\x0c\xfa\n\xbb\xe2\x8a+\xdcy\x03\xdb\x1d\x1f\xed\x1ad\x94\xc4\xfb\xdb\xd8a-N\xc8\x88\x1c\x0c\xf9$x\xbb\x840Mk_\xe9\x98;o\xcel\x7f\x92eI\xfa\xf0H)\xc7\x8d\x1b\x87e\x80\xe3\x82\x00\x10#4\xe5\xcf\xc8\xc8\xc8\xca\xcab\x8cq\xce\x85\x10\xa1P\xf8\xed\x82\x15&lt;)I)\xd7\ryQ\xa5\xb5\x0e&amp;\x04+~\xfay\xf1\x07\xab\x18cRV\x9f\x07\xce\xcf\xcfg\x8c\xb9m0E\xc7G\xb7A\xcf\xc8\xc6\x82\x00\x10;4\xc6]|\xf1\xc5\x8c1\xc30\xb4V\x8c\xb1\xb7\xde]\xa6\x0e\x1c\xf0[\xe5\x00\xa5\x94\x91\x94\xb4r\xcd\xfa\x9f\xf6\x16s.\xe8+\xb5\xa3\xa3\xd3\x17\xf8\x0b\xe8\xf8\xe8B\xe8\x19\xd9(\xdcu\xa7y\x9b\x9d\xe5\x08\x06\x83RJ\xa5\xb4a\x18E\x9fo\xde\xf2\xe5V\xb3I\x13Z\xce\xf2\x11n,X\xbc\x941\xc6yu~,??\x9f\xf2c\xaez\x02@\xc7G\xd7B\xcf\xc8\x86C\x00\x88\x1d\xfaPffffgg\xd3\x87U\x08\x11\x89X\x0b?X\xc9\x12\x13\xfd\x93\x05\xd2Z\x07\x82\x81\xb2]{\n\n\xd7\xb0Z\xf9\x9f\x01\x03\x068}i\x87\x81\x8e\x8f\xae\x85\x9e\x91\r\x87\x00\x10S\x94L\xe8\xd7\xaf\x1f\xab\x95\x05zs\xb1\xbf\xb2@v\xfeg\xf7\x9e_\xe4\x7fz\xf4\xe8\xc1\\\x96\xffA\xc7G\x97C\xcf\xc8\x06\xc2\xc77\xa6h\xbc\xe8\xd3\xa7\xcf!Y\xa0m\xfe\xca\x02q~h\xfe\'%%\xc5m\xf9\x1ft|t9\xf4\x8cl \x04\x80\x98:\\\x16\x88G"\xd6\xdb\x05\x85,1\xc1\x0fO\xac\x94\xff)\xf9q\xb7\xfb\xf3?\xe8\xf8\x18\x17\xd03\xb2!\x10\x00b\xed\x90,\x90f\x8c\x15,_\xc3\xc2\x11\xce\xbd?\xa0(\xa5\x8d&amp;M\x8a&gt;\xfdb\xf7\x9ebz\x1eRJ\xb5m\xdb\xd6m\xf9\x1ft|\x8c\x17\xe8\x19\xd9\x10n\xb9\xdf\xfc\x83\xc6\xb8\xcb/\xbf\xdc\xce\x021\xc66n\xfa\xea\xc7\xef~\x08$\x04=?[\xd1Z1S\x14\xacX\xcb\x18\xe3\xdc\xa0\xfcO\xef\xde\xbd\xdd\x96\xffA\xc7\xc78\x82\x9e\x91\xf5\x86\x00\x10k\xf4\x88z\xca)\xa7\x9cr\xca)4\xcd\x14B\x94\x95W\x16,_\xc3\x92\x92\xa4\xf4\xf8l%\x100C%\xe5o\xbf\xb7\x9c1Fu\xa1\x19c\x17\\p\x01sS-_t|\x8c?\xe8\x19Y/\xf8\x1c;@J\x19\x0c\x06\xfb\xf4\xe9\xc3j%=\x16,^\xca\xa4\xf4v\x12HJ\xc5\x93\x926\x14}\xb6\xed\x9b\x9d\x9cs\xad\x99\x94299\xb9W\xaf^\xac\xa6Z\x86\x1b\x1c\xda\xf1\xd1\xb2dzj\xca\xe4q#\xd0\xf1\xd1\x9d~\xa5gdQQ\x11*E\x1f\t\x02\x80\x03(\xd1\xd1\xaf_?\x9a\x9b\xd0Gs\xd5\xda\r?\xee\xd8\x19HLp\xcfD\xb8\xd1i\xadX \xf0\xd6{\xcbi\x82F\xc1/\'\'\xa7m\xdb\xb6\xf4\xcc\xee\xf4\x052V\xb3\xf6[PP`w|\xa4\x9a\xcf\x7f\x19vC\xdb\x0e\'\xa1\xe3\xa3kQ\xcf\xc8\x91\xb7_\x7f\xf2I\xedj\xf7\x8c\x1c9r$\xb5\x8b\x81C!\x008@\x08\xa1\xb5\xce\xca\xca\xca\xcc\xcc\xa4O\xaa\x10\xa2\xa2\xb2\xaa\xa0\xd0\xe3Y\xa0@\xc0\x0c\x95\x94\xbd\xb3d\x05c\xcc&gt;\xf8F\xfb\x7f\xdc3A\xa3\x00Lm\x1bh\x10QJ5IL\xbc\xb6\xdf\xa5\xaa\xea\x80\xc11\xfdw)\xc30"\x07\x0e\xb6:\xf9\x84\xcb.\xca\xa1\x82\xb2\xb4\x1a\xbcn\xdd\xba={\xf6\xd44"\x85_@\x00p\x06e\x81\xfa\xf6\xed\xcb|\x93\x05\xaa\xc9\xff|\xbem\xc7/\xf2?yyy\xccM\xf9\x1fz;n\xbf\xfd\xf6`0Ha\x89s\xbe\xbf\xea\xc0}\x93\x9f\xe4M\x93\xb4o\x0el\xc7\x1d\xa5TBJ\xf2W\x1b&gt;\xfb\xc7\xabo\xd1\xdc\x9f\x9e\xb0\x07\x0f\x1e|\xc2\t\'\xb8j\x8b\x81{ \x008\xc3\xce\x02\xd1\x04\xd3\xce\x02\xfd\xb0\xfd\xbb@b\xa2\'\xa7*Z+\x160\x17\xbc\xbbLk\xcd\xb9a\xe7\x7f222\xdc\x93\xffa\x8c\xd1a\xa2SO=u\xf4\xe8\xd14\x85\xa4,\xd0\xdc\xb7\xde\xffd\xe5\xba@r3\xe9\x9a\x87\x15\xf8\x05\xad5\xe7\xe3&amp;?u\xe0`\x88sN\x9b\x7f\xd2\xd3\xd3\x1f~\xf8a\xe6\xbe\x12\xb3.\x81\x00\xe0\x0c;\x0b\xd4\xb9s\xe7\xdaY\xa0\x8f7nbM\x12\xdd\x93\x0fiDB\x08Uu\xa0p\xcd\'\xac\xd6\x86\x1f\xb7\xe5\x7f\x08\xcd\x1c\xef\xbe\xfb\xee\x0e\x1d:P\x0c0\x0c#\x1c\x89\x8c\x1e\xff\xb8!\x84\xe1\xc5\xf0\x1c\xef\xa4\x94\x81\xb4\x94\xc2\x0fW\xbd\xb1\xe8\xc3\xda\r\x1b&amp;N\x9c\x98\x91\x91A\x7ft\xfa\x1a\xdd\x08/\x8ac(\x0bD\x15\xf09\xaf^Y\\\xb8d\x05\xf3\xe2LE)m6I\xdc\xb2\xf9\xeb/\xbe\xfa\xda0\x0c\xa5\xb4\x942))\xc9m\xfb\x7f\x08=\x96\xa5\xa4\xa4&lt;\xf0\xc0\x03\xb4#\xa8\xba\xdc\xfcG\x1b\xe6\xbd\xf6v\xa0y\xba\xb4,\xa7\xaf\x11\xfeKk\xc6\x85\x08\x1f88z\xc2\xb4\xda\r\x1b:w\xee&lt;t\xe8P\n\xe1N_\xa3K\xe1uq\x0c=\x93^x\xe1\x85\x8c1\xa5\x14\xad\xfd\xbe\xbf|u\xd9\xae=\x81`\xc0cY \xa5$KL\\\xf8\xc1\x8aP8B\r \x19c\xa7\x9f~z\x9b6m\\\x95\xff\xb1Q\xed\x87k\xae\xb9&amp;\'\'\x87F\x7f\x8a\x04c\xff6\xa3\xe4\xa7\xbd\xdcsoP\\SR\x9a\xa9\xc9\xcf&gt;\xf7j\xd1g\x9bi\xe8\xa700c\xc6\x0c\xd34\xe9\x8ds\xfa\x1a]\n\x01\xc014\x08\xf6\xec\xd9\x93\x92\xe0\x8c1\xce\xc5\xee=\xc5+\xd7\xac7\x92\x92\xdc\x96\x15i !\xb8:p\xe0\xcd\xc5\xcb\x18cZW\x8f\xf8\xfd\xfb\xf7w\xf9\x06m!\xc4\xc4\x89\x13\xed\x92\x15B\xf0o\xbe\xfbq\xfaS\xb3\xcd\xf44ia5\xd8\x15\xb4\xd6fb\xb0\xf8\x87\xdd\x0fL}\x86F\x7fJ\x01\xf5\xee\xdd\xbbw\xef\xde\x14\xbc\x9d\xbeF\xf7B\x00p\x0c%\x16\x92\x93\x93)\x0b$\x84\xa0\xe7\xd4\x05\x8b\x972o\xed\x04RJ\x9bM\x9al\xf9rk\xd1\xe7\x9b\xed\xfc\xcf\xa1G\xe1\xdc\x86\xc6\x91\x9c\x9c\x9c\xeb\xae\xbb\xae\xa6\x0f\x8c\xe2\x9c?1k\xee\xb6\x8d_\x04\x9a%\xf9\xa8z\xab\x8b)\xa9xR\xd2\xfd\x93\x9f,)-7\x0cCk\xa6\xb5\x0e\x06\x833f\xcc\xc0\xdc\xff\xa8\\z\xef\xf9\x8a\xbd\x10JY\xa0\x82\xc25\x1e\xcb\x02\xd5\xe4\x7fVF"\x16\xe5\x7f\xb4\xd6\xd9\xd9\xd9t\x0c\xc2\xb5\x01\x80\xd5T\xeb\x9b&lt;yr\xf3\xe6\xcd\xe9\xed0\x0c\xa3\xac\xbcb\xc2\xd4gx\x93Dl\tu\x9cR*\xd0,i\xf3\xc6M\xcf\xbd\xbc\xa0\xa6\x164WJ\x8d\x193\x86\xb6W\xb8\xf9\xd3\xe5\x06xu\x9cD\x9f\xce\x1e=zx;\x0bt\xd8\xfc\x8f}\x10\xda\xe9\xab\xfb5t\x85\x19\x19\x19w\xddu\x97\x9d[\x10B\xcc}\xeb\xbd\x15\x05+\x82\xe9\xa9(7\xef8\xc34\xef\x1c\xf7\xa8eI\xea\x06\xa3\xb5\xce\xc8\xc8\x185j\x14F\xffc\x81\x17\xc8I\x94\x05JII\xa9\x93\x05zc\xf1R\xcf\xf4\x1a\xa4\xfc\xcfW\x9b\xb6\xc4W\xfe\xc7F1`\xf4\xe8\xd1\x1d;v\xa4\xdd\x84Zk)\xd5\xc8\x07\xa6\x1c\xdc\x7f\x80\x0b\xee\x91\xc7\xb48$-\x19HKy}\xee??X\xb1\xd6N\xd0)\xa5\xec\'6\xe4\x7f\x8e\xca\xed\xb7\x9fO\xd4\xc9\x02}\xb0bm\xe5\xde\xe2@\xc0\xf4@\x16\x88\xf2?\x05+\xd6\xd6\xce\xff\xd8e0\xdc\x1f\x00hR\x19\x0c\x06\'M\x9aDc\n=\nl\xfc\xfc\xabW\xe7\xfe\xd3LK\xc3\x96PGh\xcd\xb8)B\x15\xfb\xef{\xe4i{\xeb\xa7\x942;;\xfb\xea\xab\xaf\x8e\x8b\x8f\x96\x1b\xe05r\x98\x9d\x05j\xd7\xae\xba\x82\x15\xe7|\xcf\xde\xe2\xcf\xbe\xd8b$&amp;z`\x99\x91s\x83Y\x91e\xff\xfa\x98\xd5T\xd9d\x8c\r\x180\xc0\xfd\xf9\x1f\x1be~\x06\x0c\x18`\xef*\xa1\xf1\xe5\xaf\x93\x9f\xfc\xf9\xfb\x1f\xbd]\xbf\xcf\xb5\xa4\xb4\xcc\xf4\xd4\xc7\xa6\xcf\xfa\xfa\x9b\x9d\xa2f\xeb\xa7\x10b\xfa\xf4\xe9\t\t\t\x98\xfe\x1f#\x04\x00\x87\xd9Y\xa0\xb3\xce:\x8b\xfe\xc89\x97J\xbd\xf9\xee2\x16\x0cR\xd7\xf8\xf8\xa5\xb5\x0e$$\xfc\xb8\xe3\xfb\x15\x1f\xadg\xd5\x8f8\x92s\x9e\x9b\x9b\xcb\xe2\xeat~\x9d}\xe54\xbe\xfc\xb4\xa7\xf8\xf1\xa7^\xe4\xcd\x9a)\xac\x04\xc4\x96\xd2:\xd0$q\xd7\xd7\xdfM{\xfe\x15n\x18\xb2fyf\xc8\x90!\xe7\x9dw\x9eeY\xd8\xfay\x8c\x10\x00\x9cG\xf3\xc7+\xae\xb8\x82\xfeHe2\x17.Y\x11*)\x0b\x04\xe2\xbb\xef\xa0\x94\x8a%%\x15\x14\xae\xa9\xa8\xac\x12B\xd00\x9a\x99\x99\xd9\xa5K\x17\xaa\xd7\xe8\xf4\x05\x1e\xab:\'K\xedb\x03S\x9f\x9d\xb3\xb9\xe8\xb3@\xb3\xa6\xf1\xf24\xe3\rZJ\xde4i\xec\xc4i\xfbJ\xca\x0c\xce\x19cZ\xeb\xd4\xd4\xd4\xfb\xef\xbf\x9frAN_`\xdc\xc0+\xe5&lt;\x1a\x07\xf3\xf3\xf3\x93\x93\x93\xa5\x94Z3\xce\xf9\xb6\x1d;7\x14}\xc6\xe3\xbc:47\x18\x93r\xc1\xe2\xa5\xd5\x7f\xe4\x9c1\xd6\xb7o\xdf\x84\x84\x84\xb8\xdb?C\xab\x17\x13\'NLOO\xa7\'\x00\xc3`\xe1p\xe4\xce\xfb\x1eE\x8b\x98X\x92R\x06\xd3R\x0b\xdf/|y\xc1\xbb\xf6\xbe,\xa5\xd4\xc8\x91#;t\xe8\x80\xb2?\xc7\x05\xaf\x94\xf3h]1###\'\'\x871F\x9dR\xb4\xd6o\xbd\xb7\x9c\x05\x02\xf1\x9b\x05\xd2Z\x07\x12\x13~\xdc\xb1s\xd5\xda\r\x8c1*z\xca9\xef\xd7\xaf\x1f\x8b\xab\xfc\x0f\xa1\xb7)==}\xe2\xc4\x895UB\x95\x10\xfc\x83\x15k\xdf\x7fwi %9\xeeBZ\x9c2\x0cCF\xac\xfb\x1f\xfb\xbbR\x8a\xb1\xea\xb5\xdf\xf6\xed\xdb\x8f\x181\x02\xe7~\x8f\x17\x02\x80+P\x02\x81\xf6\x02\xb1\x9a,\xd0;q\x9e\x05:4\xff\xa3\x94\xca\xcc\xcc\xcc\xca\xca\x8a\xaf\xfc\x8f\x8d\x12AC\x87\x0e\xed\xda\xb5+\xc5\x00\xad\x99a\x18w\x8e{,\\u\x80\x0b\x81\xb5\xe0h\xb3,+\xd0"}\xce\xcb\x0bV\xad-\xa2\xad\x9f\x94W|\xe4\x91GRSSY\x1cN,\x9c\x85\x00\xe0\n4\x1a\xe6\xe5\xe5\x1d\x92\x05\xfa&lt;~\xb3@G\xca\xff\x04\x83\xc18\x9d,\xd3Xc\x9a\xe6\xd4\xa9S\xed-\xa1\x9c\xf3\xad\xdb\xbf{\xf6\x1fs\xcd\xb4\x14\x85\x02A\xd1\xa4\xb5\x16\xc1`\xe9\xee\xbd\x0fM\x9fe\x18\x86\xd6\xd5\x8b1={\xf6\xec\xdf\xbf?\xa6\xff\xf5\x80\x00\xe0\n\x87\xcb\x02\x19Z\xeb\x05\xef.c\x013\x1e\xb3@Z\xeb@b\xe2\x0f\xdb\xbf\xab\x9d\xff1\x0c#N\xf3?6{\xc4\x190`@\xad-\xa1\xc6\x03S\x9e\xf9\xcf\xf6\x9d"1\xa8\xb0%4j\x94\x94fJ\xb3G\xa6=\xb7\xfd\xdb\xef9\xe7Ji\xaduBB\x82\x1d\x8f\x9d\xbe\xc0\xf8\x83\x00\xe0\x16u\xb2@\xb45\xa8p\xcd\'\xaa\xea@&lt;\xcek\x94R\xacI\xe2\xc7\x1b7\xd5\xce\xfft\xee\xdc9~\xf3?6\x1ah&amp;M\x9a\x14\x0c\x06\x19\x9dH\xe2\xbc\xa4\xb4\xfc\x9e\x89\xd3Er\xb2\x8e\xcf\x87\x1b\xf7SJ\x05\x93\x9bm\xd9\xf8\xc5\xe3\xcf\xbe,8\x97R\x9a\xa6I\x1d\x1f\xed\x8c\x9c\xd3\xd7\x18\x7f\xf0\x92\xb9\x05\x8d\x89\xbdz\xf5JJJ\x92R*\xa5\r\xc3\xf8\xe2\xab\xaf\xb7l\xfe\xdal\x12\x9f\'\xc2\x0c\xb6p\xc9\n\xc6\x98aT\xe7\x7f\xf2\xf3\xf3\xe37\xffc\xa3U\xc7\x8e\x1d;\x8e\x1e=\x9a\xaa\x8fY\x96\xe4\x9c\xbf\xf6\xf6\xfb\x9f\xac\\\x8b\x9e\x91\xd1\xa2\xb5\xe6\xfc\xbe\xc9O\x86\xc3\x11f\x18\xf6\x9a\xfc\xc3\x0f?\xec\xce\x96\x12q\x01\x01\xc0-\xe8\x03\xdd\xa6M\x9b\xd3O?\x9d1\xc69\x17B\x84\xc2\x91\x85\x1f\xac`\x89\x89*\xae\nOj\xad\x03\xc1@\xd9\xae=\xef/_\xcd\x18\x93\xb2\xba\xe91u\xbf\xf1\xc0\xbdz\xf8\x9e\x91a\xf4\x8c\x8c\x96_\xef\xf8\x88\xbd\xff\xf5\x86W\xcdE\xe8\x84Q\xff\xfe\xfdY\xf5z\xa3b\x8c\xbd\xb9x\x99:p@\x88xz\xa7\x94RFR\xd2\xca5\xebw\xef)\xe6\\\xd0W222z\xf6\xec\xc9\xe2\xa1\x00\xdcQ\xa1gd,\xa1\xe3c\xf4\xe0\x85s\x11\xfa\x1c\xf7\xe9\xd3\x87\xf2$\x94\x05*\xfa|\xf3\x96/\xb7\x9aM\x9a\xc4Y\x16\x88\x1b\xb4\xff\x87\xf3\xba\'\xdd&lt;\xf0\x04\xc0\xd032\x86\xd0\xf11z\x10\x00\\\x84&gt;\xdc\x99\x99\x99\xd9\xd9\xd94\xcd\x11BD"\xd6\xc2\x0fV\xc6Q\x16\xc8\xce\xff\x14\x14\xaea\xb5\xf2?\xf6\xfa\xb6\x97\xa0gd\xb4\xa1\xe3cT!\x00\xb8K\x9d\xb3\xb2\xbf\xcc\x02\xc5\xc7\x07\x9d\xf2?+\x0e\xc9\xff\xf4\xe8\xd1\x83y"\xffcC\xcf\xc8\x18@\xc7\xc7\xa8\xf2\xce\xdd\xe8\rG\xce\x02m\x8b\xa7\xbd@\xdcx\xeb\xdde\xacV\xfe\'///%%\xc53\xf9\x1f\x1bzFF\x15:&gt;F\x1b^&gt;w\xb1\xb3@\xff\xf3?\xffCY \xcey$b\xad\xd9\xf0)KH\x88\x8b\x92\x93\xa6)B\xa5\x15\xab?\xf97cL)M\x19\xdb\x81\x03\x07:}]Q\x81\x9e\x91\xd1\x86\x8e\x8fQ\x85W\xd0u\xe8\x93\xdd\xbbwoVk\xc7\xe4[\x8b\x971)\xb9\xebg\xcfR*\x9e\xd4dC\xd1\xe7_\x7f\xfb=\x95\xb4SJ\xa5\xa5\xa5u\xeb\xd6\x8dy+\xffcC\xcf\xc8(A\xc7\xc7\x18\xf0\xe0\r\x19\xef\xe8c\xdd\xbbwo\xfa\xb8\xd3\xac\x7f\xe5\xda\r?\xee\xd8\xe9\xfe\xe6SZ+\x16\x08\xbe\xf5\xde2\xad\xaa\x1f_\x18c\xdd\xbauKKK\xf3\xeai\x1d\xf4\x8c\x8c\x06t|\x8c\r\xbc\x88\xaeC\x1b\n\xbbv\xedJ]s\xa9\xd1]EeUA\xe1\x1a\xe6\xfa\xc2p\x81\x80\x19*){g\xc9\nVS\xd3\x9416p\xe0@\x1a\x16\x1d\xbd\xb4(B\xcf\xc8F\x87\x8e\x8f\xb1\x81\x00\xe0FR\xca`0\xd8\xb7o_V+m\xb2`\xf1R\x97g\x81\xa4T&lt;)iC\xd1g\xdbv\xec\xa4R\xc9R\xca\xe4\xe4\xe4\xbc\xbc&lt;VS\xeb\xc2\xab\xd03\xb2\x11\xa1\xe3c\xcc \x00\xb8\x11\xcdn\xfa\xf5\xebW;\x0b\xb4\xca\xf5Y \xad\x15\x0b\x04\xdezo\xb9\xbd|\xcd\x18\xcb\xc9\xc9\xc9\xc8\xc8\xf0j\xfe\xc7\x86\x9e\x91\x8d\x08\x1d\x1fc\x06/\xa5\x1bQ\x16(++\xeb\xd0,\x90NjbYR\xbb\x920E\xa8\xb4n\xfe\x87\xce\x7f\xf9a\xf8C\xcf\xc8F\x81\x8e\x8f\xb1\x84\x97\xd2\xa5\x0e\x9f\x05Z\xf4\xa1\xa1YBB\xc0\x0c\x98n\xfb?\xc1\xb9\x99\x9a\xb2~\x83\x1f\xf3?\x04=#\x1b\x05:&gt;\xc6R\xbc\xb6\x1b\xf4&lt;;\x0b4u\xeaT\xa5\x94\xd6\x9a1\xb6f\xfd\xa7\xdf|\xb9--=YF\\w\xa2\xca\xb2\xac c\x0b?X\xa5\xb5\xa6\'\x18:%K\xf9\x1f\x9f\xcc\xda\xec\x9e\x91/\xbc\xf0BQQQ\xed\x9e\x91\x9f\x9f\x7f.\xf5\x8ct\xd7\xdb\xe62\x96e%\xb4j1\xfb\xb9Wj:&gt;VO\xff\xa9\xe3\xa3\xf7\x0e\x12:\xce\xd0nM(\x83\xd6:\x12\x89\x9c~\xfa\xe9[\xb7n\xb5k`\xa5$7\xe5\x06\xd7\xcc\x8d\xef\x9aa\x18\x07\x0e\x1c&lt;\x18\n\xb3\x9a\x8d1/\xbc\xf0\xc2\r7\xdc`Y\x96i\xfae\xaaAc\xd6\x8a\x15+rss\xed!LJ9\xe3\xa1\xbf\xfcy\xe4-\xe1\x9fK\x84\x899\xec\xe1i\xad\x99\x10\x95\x07\x0e\xfe\xcf\x05\x03w|\xf7\x83a0\xc3\xe0\xd4\x7f\xad\xb0\xb0\x10\xd3\xffh\xf0\xcbm\x19\x8f\x94R\xc1`\xf0\xdcs\xcf\xb5\x03\x80\xd6\xba\xac\xbc\xd2\xe9\xeb:&amp;t\xf1\xdd\xbbwg\x1e=\xffu$\xb5{F\xce\x9f?\xbfv\xcf\xc8~}\xf2\xda\xb4i\xa1"\x16\xc74\xf6p\x94\x94\xc1\xf4\xd4G\xfe6c\xfb\xb7\xdf\xd7\xac\xa2\xa3\xe3ct\xf9\xe8\xce\x8cST\x18\x8e1j\x82dp\xd73\x0c\x83\xe6\xfb\xd9\xd9\xd9\xb4\x88\xcd\xfd\x14\x00\x18zF\xd6\x0b:&gt;:\x02\xaf\xa9{\xf1\x9am\x94\xadZ\xb5\xb2,\x8bv\xda(\xd7\xd3Z\xd3\xd5^u\xd5U\x9cs\xe5\x83\xfd?up\xf4\x8c\xac\x07\x8d\x8e\x8f\x0e\xc0\x1a\x80\xabQ\xdes\xd8\xb0a\xaf\xbc\xf2\nu q\xfa\x8a\x8eUBB\xc2\xca\x95+;v\xec\xa8|9w\xa3h]YY\x99\x9d\x9d\xbdc\xc7\x0ezz\x93R\xe6t\xeb\xba\xe2\xfdW"e\xe5\x1c\xe9\xecZ\xa4\x94\xc1\xb4\x94\xe5KV^\xd0\xff\xd6\xda\x0b\'O&gt;\xf9\xe4\x1dw\xdc\x81\xec\x7f\xf4 \x00\xc4\x01\xcb\xb2*++\x19\xad\x92\xb9\x1e\x9d\x89\x15B\xa4\xa4\xa48}-N\xa2\xa5\xef9s\xe6\xfc\xe9O\x7f\xaa=\xa8\xbd\xfe\xec#\x03\x87\\\x15.\xde\'|\xb30\xfe\xeb\xb4f\xcc`\xca\x14\xddz\r\xde\xf8\xf9W4\xd9\xd7Zw\xea\xd4i\xd3\xa6M\x94T\xc4\x13@\x94 \x00@\xb4`\xe1\x8e\x9e\xd8.\xb8\xe0\x82\x95+W\xd2\xd6X\xad\xf5\xc9\'\xb5\xdb\xb0l~rR"\x93\xc8l0\xc6\x98\xb4d\xb0E\xda\xcci\xb3\x86\x8f{\xb4v\xa4,((@\xcf\xafh\xf3\xdd\xb3y&lt;\x8a\xfe\x19\xde\xa8\xc0\xe8\xc6\xd03\xf2h4:&gt;:\n\x01 \x0e\x18\xf1\xc9\xe9\x97\xcdy\xe8\x19yT\xe8\xf8\xe8,\x04\x00\x80(2\xd03\xf2\xc8\x14:&gt;:\r\xaf/@\x14q\xf4\x8c\xfcU\xe8\xf8\xe8,\xbc\xc4\x00\xd1\xc5\xd13\xf2p\xd0\xf1\xd1\r\x10\x00\x00\xa2\xcb@\xcf\xc8C\xa0\xe3\xa3K\xe0U\x06\x88:\xf4\x8c\xac\x03\x1d\x1f]\x02\x01\x00 \x16\x0c\xf4\x8c\xac\x81\x8e\x8f\xee\x81\x00\x00\x10\x0b\x1c=#k\xa0\xe3\xa3{\xe0\xb5\x06\x88\x11\x8e\x9e\x91\xe8\xf8\xe82x\xad\x01b\xc4@\xcfHt|t\x19\x04\x00\x80\xd8\xe15=#\xed\x1a\xf7v\xcf\xc8p\xd5\x01\xea\x19\xe9a\x96e\x05Z\xa4\xcfyyAM\xc7GEK#\xd4\xf1\x91\xd5\xb4R\x80\x98A\x00\x00\x88\x1d\x1a\xefL\xd3\xb4\xbb\\Q\x18\xd8\xba\xfd\xbbg\xff1\xd7LKQ\xde-\x10\xa4\xb5\x16\xc1`\xe9\xee\xbd\x0fM\x9fe\x18\x86\xd6\xca\xee\x9e\xd6\xbf\x7f\x7fL\xff\x1d\x81\x00\x00\x10S\xb5{F\xd6\xda\x12j&lt;0\xe5\x99\xffl\xdf)\x12\x83\xca\xa3[B\x95\x94fJ\xb3G\xa6=\xb7\xfd\xdb\xef9\xe7Ji\xad\xd1\xf1\xd1a\x08\x00\x00\xb1f\xf8\xafg\xa4B\xc7GW\xc2\x8b\x0e\x10kG\xed\x19iY2&amp;\x15\xbbcH)t|t!4\x84\x01p\x00\x8d\x8a\x87\xef\x19\xb9d.\xab\xdc\xcf\xb8g\xc6DCI\xc9\xd3S\x97/^\x8a\x8e\x8fn\x83\x00\x00\xe0\x8c#\xf5\x8c\x9c\xfd\xc4\x84\xbeW\xe6\x87\xcb*\xbc1,j\xa6\x19c\x11\x83_6\xe86t|t\x1b\x04\x00\x00\xc7\xd4\xe9\x19I\x7f4\x0c#5-\x85I\xc5\xbc2*\xd2\xde\xff\xf2\xfdU\xf4Gt|t\x0f\x04\x00\x00\xc7\xd0\xf0\xb7r\xe5\xca\xf3\xcf?\x9fR@N_Q\x14\xd1\x16X\xbb\xe3cAA\x01F\x7f\xc7!\x00\x008\x89\x06\xc1\x1bn\xb8\xe1\xc5\x17_\x0c\x04\x02\x96ey5\x1f\xa2\xab\xab_\x18B\x88\xcf&gt;\xfb\xacS\xa7N\x1a\x95\x7f\x9c\x86\x00\x00\xe0$\xda\x03\xf3\xd3O?\x9dv\xdai\xfb\xf6\xeds\xfarb\xe1\xde{\xef}\xe8\xa1\x870\xfdw\x03\x04\x00\x00\x87\xd1P8y\xf2\xe4G\x1ey\xc44M\xaf&amp;\x82(\x05\xd4\xb2e\xcb\xb5k\xd7\xa6\xa7\xa73\x14~p\x01\x04\x00\x00\xe7Qz\xa4\xb4\xb4\x94\xfe\xb7\xd3\x97\x13\x15\x14\x00\x12\x13\x13\x9b4i\xe2\xf4\xb5@5\x04\x00\x00\x88)\x8d\xc2\x0f\xaea:}\x01\x00P\xcd\'\xb31\x8c\xfe\xee\x81\'\x00\x00\x00\x9f\xc2\x1e,\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04\x00\x00\x00\x9fB\x00\x00\x00\xf0)\xd3\xe9\x0b\x00\x88\x05\xad5\xfd\x7fR\xe7\xbbF-N\\\x1d\x803\x8cCo\x06\x00\xcfPJ)\xa5\x0c\xc3\x10B\x1c\xfb\xdf\xe7\x9cs\x8e\x87c\xf0&gt;\x04\x00\xf0 \x1a\xc7M\xf3\x17\x0f\xb8{\xf6\xec\xf9\xf1\xc7\x1f\xf7\xee\xdd\xfb\xf3\xcf?\x97\x97\x97\x87\xc3a\xadu0\x18LMMm\xdd\xba\xf5\t\'\x9cp\xd2I\'%%%\xd9?\x811\x860\x00\xde\x86\x00\x00\xde\xa1\xb5\xa6\xf9\xbe=p\x7f\xf9\xe5\x97\xabV\xad\xfa\xd7\xbf\xfe\xf5\xf9\xe7\x9f\x7f\xfb\xed\xb7eeeG\xfaoM\xd3l\xdb\xb6\xed\x99g\x9e\xd9\xabW\xafK.\xb9\xa4C\x87\x0e\x8c1)%\xe7\x1cy!\xf0*\x04\x00\xf0\x08)\xa5\x9d\xe7\xd9\xbcy\xf3\x82\x05\x0b\xde~\xfb\xed\x8d\x1b7J)k\xff5\xfa;\xb5\xc7tZ\x15\xa0)?IJJ\xea\xd3\xa7\xcf\xe8\xd1\xa3\xbbv\xed\xca\x18\xa3\xa4P,~\x07\x80\xd8B\x00\x00/\xd0Z\x1b\x86\xa1\x94z\xe7\x9dw\x9e{\xee\xb9\x0f&gt;\xf8\xc0\xb2,\xfa\x16%\x82\x94R\x87]\xfe\xb5\xd5^\x07\xa6\xff\xd64\xcd\x11#F&lt;\xf4\xd0C\t\t\t\x88\x01\xe0I\x08\x00\x10\xf7\xe83&lt;w\xee\xdc\xa9S\xa7\x16\x15\x15\xd1\x17M\xd3&lt;\xea\xa0\x7f$\x94D\xa2\xff\xfc\xbc\xf3\xce\x9b7o^FF\x06b\x00x\x0f\x02\x00\xc4=\x1a\x9a{\xf5\xea\xf5\xe1\x87\x1f\x06\x83A)%\x8d\xdd\x87\xfe\xcd\xc3\xee\xf5\xfc\x95\xbd\xa1\xa6iF"\x91\xd3O?}\xd9\xb2e-Z\xb4`\xbf\xcc\x1d\x01\xc4;\x04\x00\x88{\x94\xfd_\xbbvm\x8f\x1e=\xead\xf3Y\xcdt\xde0\x0c)\xe5\xaf|\xda\x85\x10\x87\xfe\xb7\x8c\xb1@ \x10\x89D.\xba\xe8\xa2\x82\x82\x02\xad5\xd6\x84\xc1K\x10\x00\xc0\x0b\xe8! \'\'g\xd5\xaaUB\x08Z\xf8\xa5\xf5\xde\xda\x8b\xc0\xcd\x9b7o\xd7\xae]\x8b\x16-\x92\x93\x93\x83\xc1`$\x12)++\xfb\xe1\x87\x1fv\xee\xdcIy\x7f!\xc4\xa1O\x0f\x14\x03\xa6N\x9d:j\xd4\xa8\xdaK\xcd\x00\xf1\xce;\x01\xe0HO\xfd\xd1P{\xa3!\xb8\x81eY\xa6i\xbe\xfd\xf6\xdbW\\q\x85\x10\xc2^\xc8e\x8c\xa5\xa6\xa6\xf6\xec\xd93//\xef\xec\xb3\xcfn\xdf\xbe}zzz\x9d)|(\x14\xfa\xe6\x9bo\x96.]\xfa\xc2\x0b/l\xd8\xb0\x811f\x18\xbf\xb8/\xe8\xbdNMM\xfd\xea\xab\xafZ\xb5j\xc5\x90\x08r\x1f\xdc\xfe\xf5\xe3\x9d\x00\x00&gt;\xa7\xb5\x96Rfeem\xda\xb4\x89\xber\xdey\xe7\r\x192\xe4\xd2K/=\xe1\x84\x13j\xff\xcd\xda\x83E\xed\x9bYJ\xf9\xd4SO\x8d\x193&amp;\x12\x89\xb0\x9a\xb5eb\x9a\xa6eY\x8f&gt;\xfa\xe8\x981c(\xd8\xc4\xe2W\x02\x882/\x04\x00\xda\x02\xb8q\xe3\xc6\xd2\xd2\xd2\xd8\xfc\x8biiiYYY\xf4\xef\xc6\xe6_\x84\xa3\xa2q\xf9\xf9\xe7\x9f\x1f&gt;|\xf8\xe0\xc1\x83o\xbe\xf9\xe6\xee\xdd\xbb\xd3\xb7\xec\x02\x0f\xf4~\x1dv\x11X)E\x8f\x0e\x8b\x16-\xba\xea\xaa\xabh\xc1\xc0\xbe;(5\xd4\xb5k\xd7\x8f?\xfe\xf8\xd0\x9f\x00\x0e\xc2\xed\xdf :\xfe\xd1\xbdz\xce9\xe7\xc4\xecE;\xe7\x9cs\xec\x7f\x17\\\xa5\xb2\xb2r\xcb\x96-\xf4\xbf\x95R\x91H\xc4\xde\x0czTJ\xa9P(\xa4\xb5\x1e7n\x1c\xabYB t\xab\'$$|\xfb\xed\xb7\x1ao\xbd\x9b\xe0\xf6o\x08\x8fd\xb2\x18cM\x9b6\xe5\x9c\x07\x02\x01\x1eM\xf4\xf3\x9b6m\xea\xf4\xaf\x0b\x87\xd7\xb4i\xd3N\x9d:\xd1NP\xda\xc7y\xec\xd34\xfa\xfbJ\xa9Q\xa3F\xb5h\xd1BJi\xff\xb7Zk\xcey(\x14\xfa\xe2\x8b/\xd8/\xb3C\xe0\x06\xb8\xfd\xeb\xc7;\x01@\xfd\x12\xfb\xe5\xd9\xce\x06:\xec\xcf\x07\x17\xd25\xc9\x1c^\xafe:\xce\xb9\xd6:---\'\'\x87\xfd\xf2!\x80~\xe0\xb7\xdf~\xcb\x10\x00\xdc\x07\xb7\x7f\xfdxv-\xcbKo\x12\x1c;\xfb\x8e\xad7z4\xee\xd2\xa5\xcb[o\xbdu\xe8w\xf7\xed\xdb\xd7\x90\x1f\x0e\xb1\x81\xdb\xff\x18y0\x00\x18\x86\xa1\xb5&gt;\xb3K\xe7\xf4\xe6i\xda\x92\r\x1f\x0e\x0cS\x94\xec+\xfd\xf7\xa6-\r\xfcQ\x10/\x0c\xc3HMM=\xec\xb7h\x83\x10\xb8\x16n\xff\xe3\xe2\xd9\x000\xf3oc{\\r!+-g\xa2ai.\xa9XZ\xca\xbf\xde]z^\x9f\x1b=\xf9\t\x80\xc3:\xd2@\x1f\x0c\x06c|%p\\p\xfb\x1f\x17\x0f\x06\x00RUuPUT\x86+\xf7\x8b\x86}\x02\xa4TA\xc1\xab\xaa\x0e6\xd6\x85\x81\xfbi\xadw\xed\xdau\xd8oQE p9\xdc\xfe\xc7\xc8\xb3\x01\x80s\xc3^\xbbo\xc8\xcf\xd1\x9aq\xce9\xf7`\xf0\x87\xc3\xe2\x9c\x1b\x86\xf1\xe9\xa7\x9f\xb2_.\xf6RZ\xf9\xe4\x93Of8\x07\xe0z\xb8\xfd\x8f\x91wv\x01\x014\x1cm\x1e\xfd\xfe\xfb\xef?\xf9\xe4\x13\xc30\xec\xb5D\xfa\xdf\x89\x89\x89\xbf\xff\xfd\xef\x19\x02\x00x\x05\x02\x00\xc0\x7fQ\x00\x98&gt;}zUU\x15\xd5\x07\xa5\xaf\xd3c\xc1\x19g\x9cq\xe2\x89\'\xd2\x99\x00g\xaf\x13\xa0Q\xe0s\x0cP\x8d\x8aI\xac_\xbf\xfe\xa9\xa7\x9e\xe2\x9c\xd7\xe9%\xa9\xb5\x1e&lt;x\xb0a\x18u\xbe\x0e\x10\xbf\x10\x00\x00\x18cLJi\x9a\xe6O?\xfdt\xf5\xd5W\x87B!Vk\x01\x80N\x87\xb5n\xdd\xfa\xfa\xeb\xaf\xd7Z\xa3\x1c4x\x06\x02\x00@uK\x99={\xf6\\r\xc9%\xdb\xb7o\xa7\xd2o\xf6w9\xe7J\xa9\t\x13&amp;\xa4\xa7\xa7S\x8e\xc8\xc1K\x05hD\x08\x00\xe0w\x96e\t!\xbe\xfd\xf6\xdb\x0b/\xbc\xb0\xa8\xa8\xc8\xee\'C\xa8\x10t^^\xde\xad\xb7\xde\x8an0\xe01\x08\x00\xe0k\x94\xf7\xff\xe4\x93Oz\xf6\xec\xb9i\xd3&amp;\xd34\x0f\x1d\xfd;t\xe80g\xce\x1c\x86\xcd?\xe09\x08\x00\xe0SZk\xca\xfb/X\xb0\xe0\x82\x0b.\xd8\xb9s\xa7\x10\xc2\xee#\xc6jF\xff\xdf\xfc\xe67\x8b\x17/n\xd5\xaa\x156\xff\x80\xf7\xe0\x03\r~D\xa9|!\xc4\xa4I\x93\xfa\xf7\xef_YYYg\xdb\x8f=\xf7_\xb6lY\xe7\xce\x9d\xa5\x94\x18\xfd\xc1{&lt;{\x12\x18\xe0H\xa8;\xd8\xc1\x83\x07o\xba\xe9\xa6W_}\x956\xf9\xd4^\xf5\xa5\xd1\xff\xac\xb3\xcez\xf3\xcd7O8\xe1\x04\xa4\xfe\xc1\xab\x10\x00\xc0_h\xf4/))\xb9\xea\xaa\xab\n\x0b\x0b)\xe9\xaf\x7f\xd9"\xd8\xb2\xac+\xaf\xbc\xf2\xc5\x17_LNN\xc6\xe8\x0f\x1e\x86\xa7Z\xf0\x11\xad\xb5a\x18\xa5\xa5\xa5\xf9\xf9\xf9\x85\x85\x85\x81@\xc0\</t>
        </is>
      </c>
    </row>
    <row r="139">
      <c r="A139" s="1" t="n">
        <v>137</v>
      </c>
      <c r="B139" t="inlineStr">
        <is>
          <t>shape_size_grid</t>
        </is>
      </c>
      <c r="C139" t="inlineStr">
        <is>
          <t>What is the size of the missing part denoted by a question mark?</t>
        </is>
      </c>
      <c r="D139" t="inlineStr">
        <is>
          <t>['large', 'medium', 'small']</t>
        </is>
      </c>
      <c r="E139" t="inlineStr">
        <is>
          <t>medium</t>
        </is>
      </c>
      <c r="F139" t="inlineStr">
        <is>
          <t>There are 9 shapes arranged in a grid with different sizes in the image, of which there is 1 missing shape. The first row is ['large triangle', 'large hexagon', 'large square'], the second row is ['medium triangle', 'medium hexagon', '?'], and the third row is ['small triangle', 'small hexagon', 'small square'].</t>
        </is>
      </c>
      <c r="G139" t="inlineStr">
        <is>
          <t>We observe that the rows contain large shapes, medium shapes, and small shapes respectively. On the other hand, the columns contain triangles, hexagons, and squares respectively. Hence, the pattern is that the shapes within each column are the same, while each row progresses the size of the shapes.</t>
        </is>
      </c>
      <c r="H139" t="inlineStr">
        <is>
          <t>Based on the pattern that the shapes within each column are the same, while each row progresses the size of the shapes, the size of the missing square should be medium.</t>
        </is>
      </c>
      <c r="I139" t="inlineStr">
        <is>
          <t>b'\x89PNG\r\n\x1a\n\x00\x00\x00\rIHDR\x00\x00\x02\x00\x00\x00\x02\x00\x08\x02\x00\x00\x00{\x1aC\xad\x00\x00Z\xfdIDATx\x9c\xed\xdd{\\Tu\xfe?\xf0s&gt;\xe7\x80\x8a\xc3\xcd\x1bV\x96\x02\x91\xbb\x89\xd6B\xb5\xa9\xe5\xed[\xd2\xe6\xd7\xfa\xea\x82V*ZnQ^Q0 $Q$5A\xc9nk\xbbm\x8a+\x9aPV\xfe\xda\xdd\xa8\xf5\x9a\xd5\xee\x06\xeb\x96\xb6\xab\x08Zm\xbbx\x1bf\x98A\x04\xce\xe7\x9c\xdf\x1fo=M\xa0\xa60\xcc\x99\x99\xf3z&gt;\xf6\xd1c%c\xce\x9c\x99\xf3~\x7f.\xef\xcf\xe7#j\x9a&amp;\x00\x00\x80\xf90\xa3/\x00\x00\x00\x8c\x81\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x00\x00&amp;\x85\x04\x00\x00`RH\x00F\xd24MUU\xa3\xaf\x02\x00LJ\xd44\xcd\xe8k\x00\x00\x00\x03\xa0\x07`\x0cUU5M;p\xe0\xc0[o\xbd%\x08\x02\xe7\xdc\xe8+\x02\x00\xd3A\x0f\xc0\x18\x8a\xa2\xc8\xb2\x9c\x98\x98\xb8{\xf7\xee\xda\xdaZ\xc6\x98(\x8a\xa2(\x1a}]\x00`"\xe8\x01\x18\x80s.\xcb\xf2\xbe}\xfb\xde}\xf7\xdd3g\xce&lt;\xff\xfc\xf3\x8c1L\x06\x00\x80\x87\xa1\x07\xe0i\x9a\xa6i\x9a\xd6\xd2\xd22l\xd8\xb0\xca\xcaJ\xc6XXX\xd8\xa1C\x87\xfa\xf4\xe9#\x08\x02cH\xc9\x00\xe0!\x087\x9e\xa6\xaa*cl\xeb\xd6\xad\x95\x95\x95\x92$1\xc6\xacVkVV\x16c\x0c\xc9\x18\x00&lt;\t=\x00\x8f\xa2\xe6\xbf\xcdf\x1b4h\xd0\xc9\x93\'\xe9\'\xa2(\xca\xb2\xfc\xe9\xa7\x9f\xc6\xc5\xc5Qz0\xfa2\x01\xc0\x14\x10k&lt;\x8a\xe2\xfb\x9a5kjkkEQ\xa4Z Q\x14\x9b\x9b\x9bSSS9\xe7\xc8\xc7\x00\xe01\xe8\x01x\x8e\xaa\xaa\xa2(\x1e=z466VQ\x14\xea\r\xd0\xbf\x92eYQ\x94\xe2\xe2\xe2i\xd3\xa6q\xce%I2\xf6R\xbd\x81?\xcd\x8a\xa3W\x07\xde\t\t\xc0s(\xb2O\x9a4\xa9\xb4\xb4T\x92$\xce9\xd5}j\x9aF\x13\x00QQQ\x15\x15\x15\xc1\xc1\xc1(\t\xa5\x8e\x91\xd1W\xe16~\xf6v\xc0o \x01x\x08E\xff\xf2\xf2\xf2\x84\x84\x04\x8a\xfe\xfa\xbf\x12EQ\xd34\xea\x04\xe4\xe6\xe6.Y\xb2\x84V\t\x18x\xb5\xc6\xa2\x81\xb2\xdc\xdc\xdc\xbd{\xf7\xb6\xbaW\xbe\x85.~\xc4\x88\x11\xb9\xb9\xb9\x98\xdd\x01/\x84\x04\xe0\t4\xda\xa3\xaajll\xec\x91#G\xf4\x86\xff\xe0\x9f\xc5\x0e\x1f5\xf4\xd55\xafI\x92D\x03D\xc1\xc1\xc1\x15\x15\x15QQQ\xd4-0\xfa\xc2\r@\xf7\xe1\xc8\x91#?\xf9\xc9O\x8c\xbe\x16\xb7\xf9\xd7\xbf\xfeu\xd3M7\x99\xf63\x05\xaf\x85\xaf\xa3\'P\xebo\xfd\xfa\xf5\x87\x0f\x1f\xa65_\xd4\xeaO\xcd\x9a\xbbdE\xf6\xf5\xfd\xfb\xa9*\xa7a\x1f\xbb\xdd\xbel\xd92\xfa\xb7F_\xb51h\xb4d\xde\xbcy\x82 \x04\x06\x06J&gt;.00P\x10\x84y\xf3\xe6\x99\xf93\x05\xaf\x85/e\xa7\xa3;l\xb3\xd9\xa2\xa3\xa3m6\x9b \x08\x8c1\xce\xf9}\x0f\x8c}\xad\xe4\x15&amp;\x8ae%\xdbS\x1fO\x97$I\x9f\xfe\xdd\xb9s\xe7\x88\x11#L8\x1b|\x91\x812Q`\x8c\t\xbe\xf8%\x15\x05UU\x05\xed\xfc@\xd0\x07\x1f|0v\xecX\x13~\xa6\xe0\xcd\x90\x00:\x1d=\xf3s\xe6\xccy\xf9\xe5\x97)\x160\xc6$Yz\x7f\xdf;\x03o\xbe\xc9Q\xef\x08\xef\x19&gt;at\xd2_?\xfd\x9cB\x03\x8d\x1a\xef\xdc\xb9S\x10\x04S\x05\x0b\x1a(S\x14e\xc8\x90!4P\xe6\x1f\x85@4\xc3\x7f\xd3M7}\xf1\xc5\x17\xb2,c\x86\x1f\xbc\x07\x12@\xe7\xd2G\xb4cccUUUU\x95r\xc0\x93\xa9\x8f\xe7\xae\xce9s\xea\x0cc\xac\xbb\xa5\xfb\xe7\x9fU&lt;t\xff4EQ\xf4\xbf@%\xa1\xa6\x9a\r\xa6L\xf9\xdcs\xcfegg\xcb\xb2LUR\x92,\xadz1\xbf\xef\xb5\x11\xcd\xcd-\xbe\x1275M\x0b\x0c\x0c\xa8\xfd\xcf\x89\x8c\xb9\xd9\\\xe1\x9a\xa6I\x92\xa4(J~~\xfe3\xcf&lt;\x83N\x00x\x0f$\x80\xceEO{BBByy\xb9ta\xa6\xb7g\xaf\x1e\x7f\xfatGXxXKK\x8b(\x8a\x8a\xa2\xf4\x8e\xe8\x95\xf2\xc8\x9c\xedo\xbe+I\x125\x84\xa3\xa2\xa2*++-\x16\x8bI\x1a\x8c\xd4\xd8?y\xf2\xe4\xa0A\x83l6\x1b\xcd\x97r\xceS\xe6\xffju\xd1\n[\x83\xcd\xb7\x82&amp;\xe7&lt;\xac{\xd8\xa2\xd4\xac\xf5/\xfcV\xff\xdc\xb1\xe9\x13x\x1b$\x80ND\xd1\xbf\xb4\xb4t\xd2\xa4I\xfa\x10?\xe7|\xc5\x0by\x8f\xcd\x9a~\xfa\xd4\x19j\xddk\x9a\x16\x10\x18p\xaa\xf6T\xc2\xd0\xff\xad\xafw\x08\xda\xf9I\x82g\x9ey&amp;??\xdf$\rFz\x9b\x8f&gt;\xfa\xe8\x86\r\x1b\xf4,x\xc3\x80\xeb\xff\xdf\xbe\xed]\xbat\xa1Li\xf45^\x05M\xd3\x02\x02\x02\x9a\x9a\x9a\xfe\xf7\xee\t\xdf\x1c\xff\x96\xb28\xe7|\xc6\x8c\x19o\xbc\xf1\x86I&gt;S\xf0~H\x00\x9dE\x1f\xd1\x8e\x8d\x8d=z\xf4(\xc5/UU\x07\r\xb9\xf9\x9d\x9d\xa5\xadF\xb7\x15E\xe9\xd5\xbb\xe7K\xab_\xcd{f\x055\x18\x19c\x92$\x1d&lt;x0&amp;&amp;\xc6\xefK\xc8\xa9\x81\\YY9|\xf8\xf0\x96\x96\x16}\x1cl\xd5\x8b\xf93\x9eJ&gt;}\xf2\xb4/\x8e\x83)\x8a\xd2\xabO\xaf\r\xaf\x16g\xcc\xcd\xd6\xe7~\x02\x02\x02\xf6\xef\xdf\x1f\x17\x17gTI(N!\xbd\x0c:\x96\xc3\xe8\xab\xf0($\x80\xce\xd2jD[Q\x14I\x924A\xdb\xb4\xfd\x8dQcG\xd8\xeb\xecm\xdb\x80Lbc\x7f&gt;\xeex\xf5qQd\xd4`LJJ\xda\xb6m\x9b\xdf7\x18\xe9\r\x8e\x1a5j\xcf\x9e=\xfaL\xf8\xedC\xe3K?\xd8\xd2x\xb6\xd1w\x93\x9f\xaa\xaa\xdd\x82\xba%%&lt;\xfc\xb7O+\xf4\xf75r\xe4\xc8\xdd\xbbw\xfb\xfdg\n&gt;\x01\t\xa0SP\x93\xf6\xc4\x89\x13\xadF\xb4\x1fL\x1a\xffZ\xc9\xcb\xfa\xe0\x8f+\xceyhX\xc8\x9f\xde\xfbp\xe6\xe4\x14\xd7\xf1\xa2\xdd\xbbw\x8f\x1c9\xd2\x8f\xe3\xc5E\x07\xca4A+~\xfbw\xa3\xc7\x8e\xb0\xdb\xea}\xf7\x8d\xd3g\xba\xab|o\xf2\xc4\xc7DA\xd4?\xd3m\xdb\xb6%%%y\xf83\xa5\x05\x16uuu\x07\x0e\x1c\xf0\xd8\x8b\xfa\x96[o\xbd5&lt;&lt;\xdcT\xfbv \x01t\nz\xb6g\xcc\x98\xb1q\xe3F}\x0e\xb0\xbb\xa5\xfb;;K\xa3c"\x1b\x1b\xcf]\xb4U\xab\xaajp\x88e\xf2\xfd\xd3\xf6\xef\xfeD\x1f\x07\x8f\x8b\x8b\xdb\xbf\x7f\x7f@@\x80_\xce\x06\xd3\x88\x04\xe7&lt;66\xb6\xaa\xaa\x8a\xfa\xe0\x97\xcf\x94\xbe\x85\x06\xf7\x9exd\xf6\xbb\xa5;\xe83UU5&amp;&amp;\xe6\xe0\xc1\x83\x92$yr\xcc\x81\xbe\x93\x1f}\xf4\xd1\xbd\xf7\xde\xeb\x99W\xf49\x1f~\xf8\xe1=\xf7\xdc\xe3\xc7\x8d\xad\xb6|\xb5s\xed\xcd\xe8\x0b\xb4w\xef\xdeM\x9b6\xe9MZUU\xa7?1uH\xdc`\xa7\xb3\xe12c\x1a\x9c\xab9+\xb2dY\xa6H\xc1\x18\xab\xa8\xa8\xd8\xbau\xab\xbf\x9e\x19I\xc3\xfd\x05\x05\x05UUU\xf4\xae5M\x0b\x0e\t\x9e\x971\xdb\xa7\x07\x7ft\x8c\xb1\xc6\xb3\x8d\xf32f\x07\x87\x04\xd3\xbb\x93e\xb9\xaa\xaa\xaa\xa0\xa0\x80\xbe\x15\x1e\xbe\x1eY\x96\x19c\xf4O\xd0\xe9\xb7\xc5\xc3\x1f\x87\xe1|\xfe\x01\xf3N\x9c\xf3\x9c\x9c\x1cz\xbc\x19c\x9c\xf3\xeb\xfb\xf7{b\xfeL\x9b\xd5v\x99/\x19c\xcc\xe9h\xb8%~\xf0\xe4\xe4D\x8a\x8c\x94\x03233\xadV\xab\xff\xed%@\xef\xae\xba\xbaz\xd5\xaaUt\x97\xae&lt;S\xfa\n\xc6\x98\xd3\xd90$n\xf0\xf4\'\xa6\xea\x93\xdb\x8c\xb1U\xabVUWW3\x8f\xe7ujX\xe8h\xb8\xc3\xb4\xda\xde\rO~\x16\xde\xc0\xe7\x1f0oCQ\xac\xa4\xa4D\xdf\xc9\x92\xbeg\xe99\x0b\xfaD\xf4nnn\x16/\xdb\xe5\x97$v\xd6\xd9\xb8p\xf1\xfc\xd0\xb0\x10\n\r\xa2(\xd6\xd6\xd6\xaeY\xb3\xc6\xf3\xc1\xa2\xb3Q\xf4Y\xb6lY}}==\x90W\x98)}\x8b,\xcb6\xab\xed\x89\xf93\xaf\xef\xdf\x8f\xbe\x0f\xa2(\xd6\xd7\xd7{\xc3\xa6O\x9a\xa6q\x133a\xc4o\xc5\xdf\x1a\x95\xc6\xa2&gt;\xbe\xc3\xe1\x88\x8f\x8f\xaf\xa9\xa9\xd1\x83\xda\x1dCo\xdb\xbes\xdb\x15\xceg*\x8a\xd2\xa3W\xf8+\x05\xeb\xf5\x92PQ\x14eY&gt;x\xf0\xe0\x8d7\xde\xe87;J\xf2\x0b\x03ec\xc6\x8c\xd1\xff\xc89\x7f\xe1\xb7\x85\x93\x93\x13\xcf\x9c\xb6\xfaM\x02\x10\x04AQ\x94\x9e\xbdz\xbcY\\6\xffWiFm\xfaD\xaf\xb2k\xd7\xae1c\xc60\xc6\xe8\xbb\x1a\x12\x1a\x12{\xeb\xcd\\Q\xfdnv\xe9Gh\x9a \xc9\xec\xe0\x81\xaf\xea\xed\xe7\x1b\x1f\xaa\xaa\xee\xdc\xb9s\xf4\xe8\xd1\x9e\xf98\xbc\x84\xff&lt;c\xde\x80s.\xcbrQQQuu5\x95~2\xc6\x02\x03\x033\xf3\x16q\xae^\xbe\xed\xaf\x93d\xc9aw$\xa7L\xfd\xfd\xef\xb6\x1c\xaf\xfe\x9a\xbe\x9d\xcd\xcd\xcd\xd9\xd9\xd9\xdb\xb6m\xf3\xa7N\x00\xe7&lt;\'\'\x87\x9e7\n\x8bw\x0c\xbd-q\xca\x04\xeb\x99:\x7f\x8a\xfe\x82 \xc8\xb2l=S\x978e\xc2\xe6\xd7\xb7\xb8n\xfa\x94\x93\x93C\x9b&gt;y\x1e\x8d\xb9\r\xbe\xf5\xe6\xf7v\xbf\xedt8\x99\xe4\x0f\xad\x8a+\xa7r\xd5\x12ly`\xd4\xc4\xfd{&gt;\xa3th\xf4\x15\x19\xc3\xaf\x1e3c\xd1\x08oMM\xcd\xda\xb5k)\x9cQ\x0e\x187\xe1\x17w\x8d\x1ev\xea\xc4\x95\xaef\x12\x05QQxhX\xf7\xc5\xf9\x993\'?\xa9\x0f\x8e\x97\x96\x96\x96\x97\x97\xfb\xc7\x8e\x92\xf4\x166m\xda\xa4\x0f\x94\xb5#S\xfa\x16Q\x149W3\xf3\x16\xb9n\xfa\xb4w\xef\xde\x92\x92\x12\x03\xcf\x01U\x14\xeet:\xfdc\xba\xe5\xaa\xa8\xaa*\x88\x82\xa2\xf8\xeaYC\xeeb\xaeO\xbdS\xd1\x88vFF\x86\xddn\xa7\x9fp\x95\x87\x85\x87&gt;\x9d\x9b\xe6\xa8w^\xd5\xe3-I\x92\xddV\x7f\xdf\x83\t\xf7=p&gt;\xdc\xeb\xbb\xe4+\x8ab\xf8\xc0q\x07\xd1{\xb1\xdb\xedK\x97.\xa5\xf7B#]\x94)\x1d\xf5\x0e\xbf\x0cF\x8c1G\xbd\xe3\xae\xd1\xc3\xc6M\xf8\x05E\x7f\xba\x0fK\x97.\xb5\xdb\xedF}\xa6\xa2(z\xb2\xd8\xc6\xdb\xf8eS\xe3\xaa\xf8\xe1\x93f\x08\n\xd3{\xf6\xec)++\xd3\x9b\xb4\x9a\xaa\xcdx29:&amp;\xf2\\\xe3\xb9\xab\xfd\xaa\x89\xa2\xa8\xb4(\x0b\xb3\xe7\x07\x04\x06\xd0p-c\xec\xf0\xe1\xc3\xeb\xd7\xafg&gt;&gt;\x1bL7\x87\x06\xca\xce\x97\xc6kj\xfb2\xa5o\x91$\xc9Q\xef|:7-,&lt;T\xd5T\xca|\xd5\xd5\xd5EEE\x8c1\xee\xb3\'_\x82\xefB\x02p\x03j\xca555\xa5\xa5\xa5QS\x8ebt\xe4\x8d\x03f-|\xa2\xce\xda\x9e\x9d,\x19cN\x87sH\xdc\xe0\x99\xb3fP\xb9$\xcd\x06\xe7\xe4\xe4\xd4\xd5\xd51\x9f\x1d\xb5l;Pv&gt;S\xa6\xb43S\xfa\x10Q\x14\xcf5\x9e\x8b\x8e\x89\x9c\x91\x92\xac\xa9\xe7\x17\x87K\x92\xb4v\xed\xda\x9a\x9a\x1aC\x96\x05\x80\xc9!\x01\xb8\x01\x05\xe8\xad[\xb7VTT0\x97\x13\x1f\x17\xe7gu\xb7X8\xe7\xed\x0bj\x92$58\x1a\x1e\x9f\xfbX\xef&gt;\xbd(\xdc3\xc6\xea\xea\xearrrD\x9f=,\xa5\xd5@\x19\xbd\x91\x01Q\xfdg\xa5\xa5\xb4/S\xfa\x16I\x92\xea\xac\xb6Yi)\x03\xa2\xfa\xd3\xf7D\x10\x04\xbb\xdd\x9e\x91\x91\xe1\xeb#{\xe0\x8b\x90\x00:\x8a"\x9a\xd5j\xcd\xcc\xcc\xa4\xe8O\r\xdb\xe1\xa3\x86%\x8c\xbf\xa7\xde\xde\xfe\xadlDQ&lt;w\xee\\\xbf\x1b\xae[\x98=\x9fr\x0c\xb5\x97]\xcf\x16v\xef{\xe9lm\x07\xca\xc4\x0bg#[B,4\xbda\xf45v.Q\x14\x15E\xb1\x84XR\xb3\xe6\xd27\x87\xeeIYY\x19m\x84\x87\x81 \xf0$$\x80\x8e\xa2\xd0\xbcf\xcd\x9a\xda\xdaZ\ng\xb4\xdc?gE\x16\xe7\x1d\r\xd0\xb2,\xdb\xea\xec\x89S&amp;\x0c\xba\xe5fz!\x8a \xbex\xc8x\xdb\x812=S&amp;M\x9dh\xaf\xb3\xfbY\xe9\xe7\xa5\xc8\xb2l\xaf\xb3\'M\x9d8|\xd40\xd7\x19\xfe\xb4\xb4\xb4\xa6\xa6&amp;\x9f\xfbX\xc1\xa7!\x01t\x08\x05\xe5\xc3\x87\x0f\xaf^\xbd\x9a\xb9lf099\xf1\x96\xf8\xc1N\x87\x1b\xaa\xeb8\xe7\xdd-\x96\xcc\xdct\xd7\x06cyy9\x1d1\xe6C\r\xc6\xb6\x03ez\xa64a5\x9e\xa2pSm\xfa\x04\xde\t\t\xa0C\xf4\xeaL\xda\xe3\x81\x9ao\xa1a!\x0b\x17\xcf?\xebl\x94\xdc\xb1\xb8F\x92$[\x9dmt\xc2H\x9f.\t\xbd\xe8@\x99{3\xa5\x0fa&amp;\xdb\xf4\t\xbc\x96\x89\x9e:\xb7k\xdb\x18\xa7\xd06\xef\xe9\xd9\xd7\xf6\xbb\xe6\xdc9\xb7\x15\xb4\x88\xa2\xa8r\xd5\xa7KB[\r\x94\xd1O\xdc\x9b)}\x8b\xa96}\x02\xafe\xba\x07\xcf]\xa8I\xeb:\x1cO\xcf\xed\xa0[n\x9e\xf1\xe4\xb4z\x9bC\x92\xddV\xd0\xc2\x18s8\x9cC\xe2\x06?\xf6\xd4t\xbd$\x941\x96\x93\x93C\xf1\xd4\xcb\xe3\x05]mUU\x15\r\x94\xd1\x1f5Ms{\xa6\xf4!4\xc3\x7fm\xbfk\xe6==[\xff\xf20\xc6V\xaf^M\xe7"x\xf9g\n\xfe\x01\t\xa0\x9d\xe8qu-\xc8\xa14\x90\x99\x9b\xde-\xa8\x1b\xe7\\\x14\xdc\x19\xd4$Ir\xd4;\xe6,z\xaa\x7f\xe4\r\xf4Z\xa2(\xd6\xd5\xd5eeey\xff\x9a\x00J\x96\xd9\xd9\xd9\xfa@\x99\xaa\xf2\xc8\x1b\x07$\xa7Lu\xd8\xdd\x99)}\x8b\xbe\xe9S\xe4\x8d\x03T\x95\xbbn\xfa\x84Q \xf0\x0c$\x80\xf6\xa0\x10\\[[\x9b\x93\x93\xe3Z\xfay\xdf\x03cG\'\x8c\xb4]\xec\xbc\xdf\x0e\x12E\xb1\xb9\xa9\xb9O\xdf&gt;\xb3\x16\xa6\xe8\xb3\xc1\x8c\xb1-[\xb6\xe8s\xaa\xee}Ew\xd1\x07\xcaJKK]J?\x85\xc5\xf9YAA\xdd\x14\xc5\xcd\x99\xd2\x87\xd0\xa6OAA\xdd\x16\xe7gi\x9a\xa0\xcf\xf0\xd3\xa6O\xbe5\xc3\x0f&gt;\n\t\xa0=\xa8\xcf\x9e\x95\x95\xa5/\xca\xd54- 0`a\xf6|\xb5\xd3\xf62\x93e\xd9z\xda:yz\xd2\xedC\xe3)R\xb4\xaa\xaa\xec\x8c\x17\xed\xa0\xb6\x03e?\\$\xe1\xf0\xfb\x95_\x97\'IR\xbd\xdd\x910\xfe\x9eV%\xa1\xbe5\xc3\x0f\xbe\x0b\t\xe0\xaa\xe9E{[\xb6la\x8c)\x8aBU\x1c\x8f=5}H\xdc`\x87\xc3\xd9y\x05-\x9a\xa6\x05\x04\xc8\xf33\xe7\xd2\xe6\xbd\xfa\xba*\xbdq\xddI\xaf\xdbn\xad\x06\xca\xf4L\xe9\x96E\x12~\x83\xce\x01\xf5\xdd\x19~\xf0]H\x00W\xad\xd5\xb2\x1dzJ\xfbG\xde0g\xd1S\x8e\xfa\xcem\xd2J\x92d\xab\xb3\xdf{\xff\x98\xf1\x13\xc7\xe9\rFA\x10\xf4\xe1u\xafj0R,s\xdd\xbb\x82\xee\xd5\xccY3~v\xdb-\xce\xce\xcc\x94&gt;\x846}\xfa\xd9m\xb7\xf8\xd9\xa6O\xe0\x13\xf0\x04^\x1d}\x94V_\xb8Oaw\xd6\xc2\x94&gt;}\xfb47\xfd\xc8\x89\x8f\x1d\xc7.}\xc8\xb8\xb75\x18[\x052A\x104M\xeb\xdd\xa7\xd7\xe3s\x1fs:\x1aL&gt;\xf8\xe3J\x92$\xa7\xdfm\xfa\x04&gt;\x01\t\xe0*\xd0\xc3Iu\x1a\xf4G\xca\x01\xb7\x0f\x8d\x9f&lt;=\xc9\xea\x91S\x0c\xd9%\x0e\x19/,,\xf4\xaa\x92P}\x8d4\re\xe8\x8b$\x16f\xcf\xefw\xc3u\xe6,\xfd\xbc\x14\xff\xdb\xf4\t|\x05\x12\xc0U\xa0\x80[PPPUU%\xcb2=\x96Lb\xf33\xe7\x06\x04\xc8\x1e\xeb\xaa\x9f?d|\xde\xcc\xfe\x917\xf0\x0b\x87\x8c[\xadV\xaf*\tm5\x99\xa9/\x92H\x9c2\xc1f\x9am\x7f\xae\x9c?m\xfa\x04&gt;\x04\t\xe0J\xd1cY]]\xbdj\xd5*j\xa3\xc9\xb2\xcc9\x1f?q\xdc\xbd\xf7\x8f\xe9\x8c\xd2\xcfK\xa1j\xf1\x88k#Z\x95\x84\x96\x94\x94TVVz\xc3\xb6\xf2m\xd7H\xeb\x8b$h\x7flc/\xcf;\xf9\xcd\xa6O\xe0C\x90\x00\xae\x14=\x96\xcb\x96-\xab\xaf\xaf\xa7\x11mUU-\xc1\x96y\x19\xb3\x1b\xcf6zx&gt;S/\t\xbd\xed\xce\xefKB\x9b\x9b\x9bSSS9\xe7\xc66\x18\xe9F577\xb7*\xfd\xbc\xb0H\xc2\xff7\xfdo\x9f\xcbl\xfa\xe4\x853\xfc\xe0\x1f\x90\x00\xae\x08=\x90{\xf7\xee\xdd\xbcy\xb3$I\x8a\xa20\x89\xa9\xaa\xfa\xab9\x8f\x0e\xfeYlC\xc3Y\xcf\x17\xb4P`\xcd^\x9e\x11\x18\x18\xa0i\x1a\xf5H\xf6\xed\xdbWRRbl\x83\x91\xbaJ\x05\x05\x05\x87\x0f\x1f\xa6(\xe6\x81E\x12\xfe\xa1\xed\xa6O\x92$\x1d&gt;|\xd8\x0bg\xf8\xc1? \x01\\)\xceyNN\x0e\x05V\xc6\x18W\xf8\x80\xa8\xfe\xb3\x16\xa6\xd4\x9d\xa93dD[\x92\xa4z{\xfd\xf0\xd1C\xc7M\xb8_\xdfQ\xd2\xf0C\xc6\xf55\xd2\x85\x85\x85\xaes\xbf\x1eX$\xe1\x07\xdan\xfa\xe4\x9d3\xfc\xe07\xf04\xfe8Z\xeaURR\xb2w\xef^}D[\x10\x04\xfd\x1c+\xa3.\xcc\x0b\x0f\x19\xd7\xd7H\xd3\xb6\xc6\x14\xb3&lt;\xb3H\xc2?\\t\xd3\'o\x9b\xe1\x07\xbf\x81\x04\xf0#(\xa2\xd5\xd7\xd7/]\xba\xd4uD\xfb\x8e\xa1\xb7%M\xfb\xa5\xddjdA\xcbE\x0f\x19g\x8c\xad]\xbb\xb6\xba\xba\xda\xf3\xb3\xc1\xad\xd6H{~\x91\x84\x1f\xf0\xddM\x9f\xc0\x17!\x01\xfc\x08\nj\xabV\xad\xaa\xae\xaev=\xc7*3o\x11W\xb8\xe1\xfb\x98\xb9\x1e2\xae\x97\x84\xda\xed\xf6e\xcb\x96y~\x14\xa8\xd5\x1ai\xcf/\x92\xf0\x0f\xbe\xb8\xe9\x13\xf8($\x80\xcb\xa1\xb1uZgK\xe1L?\xc7j\xf8\xa8\xa1\x8ez\x87\xe1#\xda\xae\x87\x8c\xd3\x1f\xe9"7o\xde\xac\x0fXy\xe6J\xda\xae\x91\x16\x8cX$\xe1\x1f|n\xd3\'\xf0QH\x00\x97\xe3\xba\xd3\x8e@E\x1a\x17\xce\xb1r\xd6{\xcbf\x06\xb2,\xdb\xad\xf6\xa4i\x13\xef\x18z\x1bE\n\xe1\x87S\xd6\x1ep\xa95\xd2\x9e_$\xe1\x1f.\xbf\xe9\x93p\xe1\x86\x03t\x10\x12\xc0%\xb5mvy\xef9V\xa2\xc0\x1553oQ`` \x95\x84R\xd1*\x95\x84z`\x9a\xba\xd5\x1ai*a\x0c\x0e\t6d\x91\x84\x7f\xb8\xcc\xa6O\xde\xb0\xd6\x0f\xfc\x03\x9e\xcc\x8b\xd37\xb2\xd7\x07^\x19c^{\x8e\x15c\xccQ\xef\xb8k\xf4\xb0q\x13~A\xb1\x98\xae\x7f\xe9\xd2\xa5\xb4l\xadS\x1b\x8cm\xd7HS\x84\x9a\xfe\xc4\xd4!q\x83\x9dNs\x1d\xf8\xee.\x97\xda\xf4\xc9u:\xca\xe8k\x04\x9f\x87\'\xf3\xe2\xf4\x8d\xec\xf5\xd2\x0b/?\xc7\x8aJB3r\xd3B\xc3B\xa8$\xd45(wj\xb0p]#M\xb3\xd0\x9c\xf3\xeb\xfb\xf7{b\xfeL\x9b\xd5\x86\xb9\xdfv;\xbf\xe9\xd3\xfc\x99\xd7\xf7\xef\xa7\xcf\xf0\xd7\xd7\xd7\x1b2\xc3\x0f~\t\t\xe0"\\7\xb2w=\xf1\xd1\x9b\xcf\xb1\xa2\x92\xd0\xc8\x1b\x07\xcc{z6\x95\x84\xba\x0e\xcbt\xde\xa0A\xab5\xd2z\xe9gz\xce\x82&gt;\x11\xbdi\x0f\x83\xcex]3\xa0\x1d5\xfaD\xf4N\xcfY\xe0\xbaA\x90\xe7g\xf8\xc1_!\x01\\\x84\xebF\xf6\x14\xce|\xe2\x1c+\xdaQ\xd2\xf5\x90q\xe1\x87\x13\xb3\x9d\xf4\xba\xae\x13\xce\xfa"\x89\xc4)\x13\xac\x06\xad\x91\xf6\'\xb2,[\xcf\xd4%N\x99`\xe0\x0c?\xf81$\x80\xd6\xdandO\xcdg\x9f8\xc7\x8a\xf3\x8b\x1f2\xeeZ\x9a\xe9\xde\x97k\xb5FZ\xd3\xb4\xc0\xc0\xc0\xcc\xbcE\x1c\xdb\xfe\xb8\x89(\x8a\x9c_r\x86\x1fi\x00:\xc2{c\x99QZmdO=\x00_9\xc7\xeaR\x87\x8c\xeb\x8b\xb3\xdc\xd8\x0f\xa0\xdfl\xb7\xdb]\xd7H\xab\xaa:n\xc2/\xee\x1a=\xcc\x1b\x16I\xf8\x87\xcb\xcc\xf0\x1b\xb8\xe9\x13\xf8\x07&lt;\xa2?\xd0v\x13v_&lt;\xc7\x8a\x0e\x19\xa7rL}{\x86\xad[\xb7\xbaw6\x98nNQQ\x11m;\xa1i\x9a\xaa\xa9a\xe1\xa1O\xe7\xa69\xea\x9d^\x9e)}\x8b\x17n\xfa\x04\xfe\x01\t\xe0{m7\xb2\xf7\xc5s\xac\x18cNG\xc3-\xf1\x83\'\'\'\xea\xbb\x842\xc6233i\x836\xb74\x18\xe97\xd7\xd4\xd4\xac]\xbb\xf6\xfbE\x12\xaa6#%9:&amp;\xf2\\\xa3odJ_q\xd1M\x9f$IZ\xbbvmMM\r\x96\x05@\xbb!\x01|\xaf\xd5F\xf6\x17J?}\xef\x1c+Ibg\x9d\x8d\x0b\x17\xcf\x0f\r\x0b\xa1\xd0@[4\xafY\xb3\xc6]\x9d\x00J\x96\x19\x19\x19v\xbb]\xb8\xb0Fz@T\xffYi)uV\x1c\xf9\xe2~\xae\x9b&gt;\xd17S\x10\x04\xbb\xdd\x9e\x91\x91\x81Q h7$\x80\xf3\xdandO\r\xdb\x84\xf1\xf7\xfa\xdc9Vt\xc8\xf8\xb5\xfd\xae\x99\xf7\xf4l\xbd\x1f\xc3\x18[\xbdzuUUU\xc7s\x80\xbeF\xba\xac\xac\xcc\xb5\xf4S\xdf\x1f\x1b\xcd\x7f\xb7s\xdd\xf4\xc9\xb5$\xb4\xac\xac\xac\x93f\xf8\xc1\x0c\x90\x00\xces\xdd\xc8\x9ef/i3\x83\xcc\xa5\xe9\x8a\xc2}.\xa2I\xb2\xe4\xb0;.\x94\x84\x9e\xdfV\x9eJB;\xd8`\xa4\xe8\xd3\xd2\xd2\xa2\xaf\x91\xa6\xe83l\xe4\xd0\xa4\xa9\x13\xed&gt;2P\xe6\x8bdY\xb6\xd7\xd9\x93\xa6N\x1c6rh\xab\x19\xfe\x96\x96\x16\xf4\x03\xa0\x1d\x90\x00\x04\xe1\xc2\x88veeeII\tc\x8cN\x80\xa1\xcd\x0cbo\x1d\xe4\xe5\xa5\x9f\x17%\n\xa2\xa2PIh\xa6k\x83\xb1\xb4\xb4\xb4\x83\x87\x8cSg\xe2\xf5\xd7_\xd7\xd7H\xab\xaa\xda\xb5[\xd7e\x05\xcf\xb6\xb4\x18v6\x8ey\xb4\xb4(\xcb\n\x9e\xed\xda\xad+\xddy\x9a\xe1\x7f\xfd\xf5\xd7\xb19\x04\xb4\x83\x8f\xc5\xb5NB\xe5\xd5\xa9\xa9\xa9\xb4r\x95\x86\x80\xfaG\xde\xf0\xc4\xbc\x996C\x8f|\xe9\x08I\x92\xec\xb6\xfa\xfb\x1eLh{\xc88\x8d\xd2\xb4\xaf\xc1H\xff\xd5w\xdf}\'\x08\x82k\xc7\xc8\xe9p\xfa\\?\xc9\x17\x89\xa2\xe8t8]\xff(\\\xf88\xd0\x03\x80\xab\x85\x04\xf0\xfdj\xa6}\xfb\xf6\xc9\xb2\xecz\x8eU\xc4\xb5\x11&gt;\xbd\x99\x81(\x8aJ\x8b\xe2z\xc8\xb8\xeb\x1a\xb7\xf65\x18)\x91\xa4\xa6\xa6\xf6\xed\xdb\x97\xee\x15c\xec\\\xe3\xb9\xfc\xec\x95r\x80, \x04u*M\x90\x03\xe4\xfc\xec\x95\xe7\x1a\xcf1\xc6\xa8c\xd7\xb7o\xdf\xd4\xd4T\x1a\x8b3\xfa\xfa\xc0\xc7\x98=\x01\xb4Z\xcd\xa4o\xfbs\xdb\x9d\xfep\x8e\x15c\xcc\xe9p\x0e\x89\x1b&lt;s\xd6\x0c\x1a.p\xdd\xe5\xa2}\xbb\x84\xd2]\xea\xd9\xb3\xe7\xca\x95+)\xa3P\x06\xfd\xdb\xa7\x15\xa5\x9b\xde\n\xed\x11j\xe0!\xc9\xfeMQ\x94\xd0\x1e\xa1\xa5\x9b\xde\xfa\xdb\xa7\x15\xae\xfb\x93\xaf\\\xb9\xb2g\xcf\x9ezi\x10\xc0\x953{\x02h\xb5\x9a\x89N|\x0c\x0c\x0c\xc8^\x9e\xa1\x9f\xc2\xe1\xd3$Ijp4&lt;&gt;\xf7\xb1\xde}z\xd1\xdb\xd1\xf7\xb9\xa3P\xde\xbe\xdf\xc99\x9f6m\xda\x88\x11#\\\x8f+)Z\xf1\xa2\xb3\xde\xe9\xd3)\xd3\x9b\xc9\xb2\xec\xacw\x16\xadxQp9rg\xc4\x88\x11\xd3\xa6M\xd3\xb7\t\x02\xb8*\xa6N\x00\xd4\xde\xaf\xae\xae^\xbbv-\xb5deYVUu\xdc\x84\xfb\x87\x8f\x1eZo\xaf\xf7\x83\x87\x8aJB\xfb\xddp\xdd\xc2\xec\xf9\xd4\t\xa0\x9c\xb7~\xfd\xfa\xc3\x87\x0fwd\xe6\x901\x96\x97\x97G\xb7HUUI\x96\x8e\xd7|\xfd\xca\x9a\xf5\xe1=\xc3\xd1\tp;EQ\xc2{\x86\xbf\xb2f\xfd\xf1\x9a\xaf%\xf9\xfc\xca/I\x92\xf2\xf2\xf2|\xaeB\x01\xbc\x87\xa9\xbf:\xd4k^\xb6l\x19\xed\xa9"\x08\x02\xe7\xdc\xff63\xa0]B\x13\xa7L\x18t\xcb\xcd\x94\x03\xa8\xa8\\_\xf0\xdc\x8e\xdf\xa97?\xa7L\x99r&gt;qr\x951\xf6\xdb\x97\xde\xf8\xf2\xef\x07\xbbw\x0fBE\x8a\x1b\xa9\xaa\xda\xbd{\xd0\x97\x7f?\xf8\xdb\x97\xde`\x8c\xa9\\\xa5\xc9\xaa)S\xa6\xe8\x9d0\xa3\xaf\x11|\x92y\x13\x00\x85\xad}\xfb\xf6\xe9\x1b\xd9\xd3\x88\xaa_nf\xc09\xefn\xb1d\xe6\xa6\xbb\x96\x84\xbany\xd4\x8e\xdfI\xc9\xe3\xd9g\x9f\r\t9\xbf\xde\x98\xa6\x1c\xd6\xadz\xb9[P7$\x007RU\xb5[P\xb7u\xab^\xd6+\x92UU\r\t\ty\xf6\xd9g\xe9\x035\xfa\x02\xc1W\x994\x01\xd0c\xd3\xd4\xd4\x94\x9a\x9aJ\x9b\x18\xd3`\x88\xbfnf I\x92\xad\xce6:a\xa4\x1bKB\xe9\x8eEGGgdd\xd0`\x1a\xad\x9f\xd8\xf1\xf6\xfb\x1f\xfeagXx(\xd6\xa6\xba\x05\xf5J?\xfc\xc3\xce\x1do\xbf\xaf\xdfdUU322\xa2\xa3\xa3\xa9Kg\xf45\x82\xaf2\xe9W\x87\x1e\x9b\xad[\xb7VVV\xban\xfb\xe3\xc7\x9b\x19\x88\xa2\xa8r\xd5\xbd%\xa14\xa3\x90\x9e\x9e\x1e\x13\x13\xa3(\xca\xf9\xc6)W_X\xf9bK\x8b\x1f\xdeCC\x88\xa2\xd8\xd2\xa2\xbc\xb0\xf2E\x95\x9f\xeff)\x8a\x12\x13\x13\x93\x9e\x9eN\xddV\xa3/\x10|\x98\x19\xbf=\xd4\xf8\xb5Z\xad\x99\x99\x99\xadN|\xf4\xe3\xcd\x0c\x18c\x0e\x87sH\xdc\xe0\xc7\x9e\x9a\xae\x97\x842\xc6rrrjkk\xdbW\x11D!&gt;000??_\x10\xbe?\x82\xe6o\x9fV\xbc\xb9\xb1\xb4G\xaf\x1e\x98\r\xee EQz\xf4\xea\xf1\xe6\xc6R\xbd\xf4\x93\xeey~~~``\xa0\xf0\xc3\xb5x\x00W\xcb\x8c\t\x80\x02\xdf\x9a5k(\xf0QsX\x96\xe5\x9c\x15Y\x8a\xe2\xcf\xa3\x16\x92$9\xea\x1ds\x16=\xd5?\xf2\x06}\x83\xa0\xba\xba\xba\xac\xac\xac\xf6\xad\t\x10.\xcc\x06\'%%\x8d\x1c9\xd2up\xe9\x955\xebO\xd6\x9e\x0c\xec\x12\xe8\x07\xa5\xb4F\xd14-\xb0K\xe0\xc9\xda\x93\xaf\xacY\xef\xba\xed\xd2\xc8\x91#\x93\x92\x920\xf7\x0b\x1dg\xba\x04@\xd1\xbf\xaa\xaaj\xf5\xea\xd5\xae\'&gt;NNN\xbc%~\xb0\xd3\xd1\xe0\xc7}jQ\x14\x9b\x9b\x9a\xfb\xf4\xed3ka\x8a&gt;\x1b\xcc\x18\xdb\xb2e\x8b\xbe\xb1O\xfb~\xad\xa6i\x85\x85\x85]\xbat\xd1\x8f\xa0\xf9\xfa\xd87/\xad~58$\x183\x01\xed\xc69\x0f\x0e\t~i\xf5\xab_\x1f\xfb\x86&gt;\x1dM\xd3\xbat\xe9RXX\x88\xb9_p\x0b\xbf\rv\x97BONvv6\xed\xf1@C\x1f\xa1a!\x0b\x17\xcf?\xebl\x94$?\xbf!\xb2,[O[\'OO\xba}h&lt;%?\x9a\x0c\xd7\xb7\xf6l\xc7\xef\xa4\xd8\x14\x1f\x1f\xff\xf0\xc3\x0f\xab\xea\xf9\nE\xc6\xd8\xef^\xdd\xf8E\xe5\x97\xc1\xc1\x16T\x04\xb5\x83\xaa\xaa\xc1\xc1\x96/*\xbf\xfc\xdd\xab\x1b]\x17\xa9&lt;\xfc\xf0\xc3\xf1\xf1\xf1\x98\xfb\x05\xb70\xd7wH/\x7f,--u-\xfd\x9c\xf7\xf4\xeck\xfb]\xe3+\'&gt;v\x90\xa6i\x01\x01\xf2\xfc\xcc\xb9Lb\x82\xcb\xe6\xfe\xfa=i\xc7\xef\xa4&lt;\xbab\xc5\x8a\xf0\xf0p}p\xa9\xa5\xb9eM\xfe\x0bLj\xe7\xe0\x92\xc9i\x9a\xc6$\xb6&amp;\xff\x85\x96\xe6\x16\xbd\xa5\x12\x1e\x1e\xbeb\xc5\n\xec\xfa\x00\xeeb\xa2\x04@m\x7f\xd7\x05P\xd4t\x8d\xbcq@r\xcaT\x87\xdd!\xc9\xa6\x18Q\x95$\xc9Vg\xbf\xf7\xfe1\xe3\'\x8es\xdd\xc8A\xef\x15\xb5\xaf$T\xd3\xb4\xbe}\xfb\xe6\xe5\xe5\xe9\xeb\x8d%I\xfa\xd3{\xe5\xbb&gt;\xd8\x83\x92\xd0\xabE\xa5\x9f\xbb&gt;\xd8\xf3\xa7\xf7~p6u^^^\xdf\xbe}\xe9\xabk\xf45\x82?0\xd1\xd7\x88\x02\x93\xeb\x16\x08\x14\xec\x16\xe7g\x06\x05uS\x14.\nfiU1\xc6\x1a\xcf6\xce\xcb\x98\x1d\x1c\x12\xac\xcf\x81WUU\x15\x14\x14t\xa4$TU\xd5\x94\x94\x94\x81\x03\x07\xd2\xad\xa6\x8c\xbb2\xb7\xa0\xf1l\xa3$I\x1av\n\xbd2\x9a\xa0I\x92\xd4x\xb6qen\x81kKe\xe0\xc0\x81)))\x18\xfc\x0172\xcb7\x89\x82\x91\xeb&amp;h\xd4\xb0\xba\xef\x81\xb1\xf7=\x98`\xb7\xf9\xc3\xb6?W\x8e1\xe6t6\x0c\x89\x1b&lt;\xfd\x89\xa9\xfa\xad`\x8c\x15\x16\x16v\xa4$\x94\x12\xc9\xbau\xeb\xe8nS\xa8:\xf4\x8f\xaf6\xfczSHX0\xf7\xeb\n+7\xe2\n\x0f\t\x0b\xde\xf0\xebM\x87\xfe\xf1\x95kKe\xdd\xbau\xb2,c\xfa\x17\xdc\xc8,\t@\xafy\xd7\xb7A\xd64- 0`a\xf6|\xc5\x94K\x96dY\xb6YmO\xcc\x9b\xd9?\xf2\x06\xaa.\xa7\xb5\x11\x1d/\t\x1d;v\xec\xd8\xb1c\xf5\xf2*\xc6\xd8\xba\xe7_\xfe\xcf\xbf\xff\xdb\xb5kWL\x06\xfc(M\xd3\xbav\xed\xfa\x9f\x7f\xffw\xdd\xf3/\xbb.Rq\xbd\xabF_#\xf8\x0fS$\x00\xfd\xe4&lt;Z\xf5\xaa\xc7\xa6\x99\xb3f\x0c\x89\x1b\xec\x8b\'&gt;v\x1c\x1d\x11\x1cqmD\xab\x92\xd0\x92\x92\x12}ut\xfb~-\xb5U\x03\x03\x03)\xcb\x8a\xa2h\xb7\xd5\xafY\xfeB\x90\xa5\x1b\xe7(\x07\xfa\x11\x9c\xabA\x96nk\x96\xbf`\xb7\xd5\xeb\x8bT\x02\x03\x03\xf5~\x95\xd1\x17\x08~\xc5\x14\x81O?;\x9b\xf6x\xa0\xd1\x89^}z=&gt;\xf7\xb1\x06G\x83i\x9bTzI\xe8mw~_\x12\xda\xdc\xdc\xac\xef\x8f\xd4\x8e\xdf\xa9\x8fV/Z\xb4\xc8up\xe9\xcd\xe2\xb2\x7fT|i\t\xee\x8e\x92\xd0\xcbPU\xd5\x12\xdc\xfd\x1f\x15_\xbeY\\\xe6\xdaRY\xb4h\x91&gt;\xb3b\xf45\x82_\xf1\xff\xef\x93~\x18\xfa\x9e={\\K?\xd3\x16\xa7\xf6\xbb\xe1:\x93\x94~^\n-.\xcd^\x9e\x11\x18\x18@\x07#\xd3\x0e\xa9%%%\xed.\t\xa5\x1c\xb0p\xe1B\xaaW\xa1\x8c\xab(J^\xd6\n\xd9\x1cuV\x1d!\xcbR^\xd6\n\xbd\xa5B\xb5U\x0b\x17.D\xf4\x87\xce\xe0\xe7_)\n@\xcd\xcd\xcd\xd9\xd9\xd9\x82\xcb9J\xb7\x0f\x8d\x7f\xe4\xd1I\xd63u~\xb9\xed\xcf\x95\x93$\xa9\xde^?|\xf4\xd0q\x13\xee\xa7\x06;M9.]\xba\x94\xceHh\xdf\x99\x91\x9a\xa6\xf5\xe8\xd1c\xe5\xca\x95\xae%\xa1\xfbw\x7fR\xfa\xfb\xb7C\xc3qf\xe4\xc5)\x8a\x12\x1a\x1eZ\xfa\xfb\xb7\xf7\xef\xfe\xc4\xb5\xf4s\xe5\xca\x95=z\xf4\xc0\xf8\x0ft\x06?O\x00\x14\x80\n\n\n\xaa\xaa\xaah!\xa5 \x08Lb\xf33\xe7RA\x85\xd1\x17h&lt;I\x92\x1c\xf5\xce\xa7s\xd3\xc2\xc2CUM\xa5\x1cY]]]TTD\xb1\xbb\x1d\xbf\x93"\xd7C\x0f=\x14\x17\x17\xa7w\xb9DQ\xd4\xcf\x8c\xc4\x9do\x85\n\xa8\xe8\xc4G\xbd\xf4\x93s\x1e\x17\x17\xf7\xd0C\x0f\xa1\xf9\x0f\x9d\xc4\x9f\xbfU\xf4\xd8\xd4\xd6\xd6\x16\x16\x16\xea\xedP\xce\xf9\xf8\x89\xe3\xee\xbd\x7f\x8c\xad\xcen\xda\xd1\x7fW\xa2(\x9ek&lt;\x17\x1d\x139#%YS5\xfd\xcc\xc8\xb5k\xd7\xea\xe7$\xb7\xe3w\xd2\xae5EEE4\xb5@\x9f\xc5\xf1\x9a\xaf_)\\\x1f\xde#\x0c\xeb\xc2Z\xe1\x9c\x87\xf7\x08{\xa5p\xfd\xf1\x9a\xaf\xf5\xd2OI\x92\x8a\x8a\x8ah\x87%4\xff\xa13\xf8s\x02\xa0\xc7&amp;33\xd3j\xb5\xd2\xf3\xa3iZpH\xf0\xbc\x8c\xd9\x8dg\x1b\xd1\xa4\xd2I\x92Tg\xb5\xcdJK\x19\x10\xd5_/\t\xb5\xdb\xed\xcb\x96-\xeb\xc8\x99\x91\x8a\xa2\xdc}\xf7\xddtf\xa4&gt;\xb8\xb4a}qu\xd5\xb1\xae\xddP\x12\xfa=M\xd3\xbav\xebZ]ul\xc3\xfab\xd7E*S\xa6L\xb9\xfb\xee\xbb\xe9\x04\x18\xa3\xaf\x11\xfc\x93\xdf\x06A\n:{\xf7\xee\xdd\xb4i\x13=N\x14\x83\xa6?1uH\xdc`\xa7\xd3\x9fw\xfd\xbcZ4Ik\t\xb1\xa4f\xcd\x15\\\xb6\xf5\xdf\xbcy\xf3\xde\xbd{;2\x1bLgF\x86\x86\x86R\xb8\xa7](\x9e\xcf-\x0c\x0e\xb1\xa0\x13\xa0\xe3\x9c\x07\x87X\x9e\xcf-\xd4{\xa5\x9a\xa6\x85\x86\x86\xd2\x89\x8f\xf8\xa2B\xe7\xf1\xe7)P\xceyNN\x0e\xb5\xa7\xe8\x1c\xa5k\xae\xeb\xfb\xd8\xec\xe9\xa7O\x9e\x16\x04\x11S\x91\xad\x9c9yf\xe2\xc3\x0f\x16\xbf\xf6\xfb\xca\xbf\x1d\xa00D7p\xe7\xce\x9d\xed\xfb\x85t\xcf\xa3\xa3\xa3\x17,X\x90\x9b\x9b+\xcb2\x9d\x1a\xf6\xfe\xf6?\xec\xdf\xf5\xe9mC\xe3\x1d\xf5\x0e\xb4m9\xe7!\xa1!\xfbw}\xfa\xfe\xf6?\xd0\x1d\xa3\x1b\xb5`\xc1\x82\xe8\xe8h\xfa\xa3\xd1\xd7\x08~\xcb?\xbf[\xd4\x80\xdd\xb4i\x93\xde\x80\x95$)00p\xd5K\xcf\xdd&lt;\xe0\xa7g\x9a\xac\x01\xb2\x8c\x01\x88VT\xce\xbb\x07v_\xf3\xda\xf3\x0f\x8cJt:\x9c4\x1b\xbcw\xef\xde\x92\x92\x92i\xd3\xa6\xb5/\x12\xd1\xcdOMM-..&gt;v\xec\x18cL\x14\xc5\xe6\xe6\x96\xfc\xc5\xab\xca\xca\xb7`\\[\xb8\xd0\xdf\xca_\xbc\xaa\xb9\xb9\x85Z*\x9c\xf3\xa8\xa8(Z\x8d\x81\x04\t\x9d\xca\x0f\x13\xc0\xf9\xd5\xa7v\xfb\xd2\xa5Ki\x08\x9b\x9e\xb1\xd0\xb0\x90\xbf\xff\xed\xc0_\xf7\xffM\x14EM\xd0\xcc\xb3\xf5\xdb\x95\xa0\x1b\xa2\xaajP\xf7n\x96\xe0\xee\xf5\xf6z\xfd\xd6-]\xba\xf4\xc1\x07\x1f\xb4X,\xed\x98\x8a\xa4\xbf\x1f\x1a\x1a\xbaj\xd5\xaa\xa4\xa4$}*\xfe\xf3\xcf*\xde\xdcX:\xe3\xa9\xe4\xd3\'O\x9b\xb9\x85\xab(J\xaf&gt;\xbd6\xbcZ\xfc\xf9g\x15\xae\x03\x95\xabV\xad\n\r\r\xd5\x0f\x80\x04\xe8$~\xf8\xec\xd1j\xa6\xa2\xa2\xa2\xea\xeaj\xeaM\xd3\xcf\xadg\xea\xd6&gt;\xb7\xce\xd8k\xf3!\xb4\t\x01\x95\x84\xaeZ\xb5*??\xbf}\rR\x8ak\x89\x89\x89#G\x8e\xa4\xb5x\xfa\x99\x91\xbfx0\xa1[P7\xd3\x869\xda\xe3\xe1\xc4\x7fN\xb4=\xf1111\x11\xcd\x7f\xf0\x00\x7fK\x004\xe2_SS\xb3v\xed\xda\xb6\xb3\x97\xb2,\th\xf8\xff\x18\xd7} \xe8~\x16\x14\x14\xcc\x981#&amp;&amp;\xa6}\x05\xe9\xfa\x99\x91\xc3\x87\x0foii\xa1S\xc3\xbe&gt;\xf6\xcdk\xeb^_\xf2|\xf6\x89\xff\x9e\x0c\x08\x08p\xf7\x9b\xf0\x01\x8a\xa2\xf4\xec\xdd\xe3\x85\x95/}}\xec\x1b}\x82\x04\'&gt;\x82\'\xf9[\x81\x01=9\x8b\x17/v8\x1c\xb2,K\x92$\xbb@\xf4\xbf\x12\xae7\x8d\xfe?\xe7|\xc9\x92%\x82 \xb8\xf7\xcc\xc8\x8d\xaf\xfd\xfe\xe0\x81C\x16S\x9e\x19\xa9\xaa\xaa%\xd8r\xf0\xc0\xa1\x8d\xaf\xfd\x1e\'&gt;\x82Q\xfc\xaa\x07@\xbd\xe6\xed\xdb\xb7o\xd9\xb2E\x10\x84\xa6\xa6&amp;\xa3\xaf\xc8\x1f\xd0\x18\xda\x96-[\x92\x92\x92&amp;L\x98\xd0\xbe\xa1\t\xfd\xcc\xc8\xf7\xde{\xcff\xb3\xd1O\x1c\xf5\x8e\x95K\n^\x7f\xf3\xd7&amp;\\\x13\xa0i\x9a,K+\x97\x14P)\x94\xa6i\xaa\xaa\xf6\xe8\xd1\x03\'&gt;\x82\'\xf9U\x02\xa0\xc7\x86s\x9e\x9b\x9bK\x11\x07\x0fR\xc7Q):m\x15\'\\\xb8\xc9W\x8b\x1a\xb9}\xfb\xf6MKK\xcb\xce\xce\xa6\x11\x0fI\x92&gt;\xd8\xf1\xe1\xae\x0f\xf6\xfc\xcf/\xc6\xd8\xeal\xe6\x19\xf2\xe6\x9c\x87\x85\x87\xfd\xf9\x8f;?\xd8\xf1!\rT\xd2\rIKK\xeb\xdb\xb7/F\xff\xc1c\xfc*\x01P\xaf911111\xd1\xe8k\xf1[\xed\x1e\x9a\xa0\x81\xa0\xf4\xf4\xf4\xe2\xe2\xe2#G\x8e\xb8\x9e\x19y\xe7\xddw\x98*\xe4I\x92\xd4\xe0t\xba\x9e\xf8\xc89\x1f8p`zz:\x06\x7f\xc0\x93\xfc*\x01\x10UUM8\xa6\xec\x01\x8c\xb1\x8e\xc4&amp;\xea\x93\xd1\xd9&amp;\t\t\tzI\xe8\xa1\x7f|U\xb6y\xfb\xa3\xb3\xa6\x9f9u\xc6\x0c%\xa1\x8a\xa2\xf4\xec\xdd\xf3\x8dW6\x1e\xfa\xc7W\xae\xa5\x9ft\x8a\x0e\xcd\x8e\x18}\x8d`\x16~\xf8\xbcu0NA\xe7q=\xdd\xb0\xbc\xbc\\?3rM\xfe\x0b\t\xe3\xef\r\r\x0bmii\xf1\xefQ\xbb\xf3\'&gt;~\xfb\x9f5\xf9/\xe0\xc4G0\x1c\x02%xT\xab\xf3\xcdi\x14\xe8\xd4\xc9\xd3\x85\xcb\x8b\xccpf$\x9d\xf8X\xb8\xbc\xe8\xd4\xc9\xd3\xfa\x89\x8f\xb2,\xe3\xc4G0\x04\x12\x00x\x94~fdJJ\x8a\xd9\xce\x8c\xbc\xd4\x89\x8f)))8\xf1\x11\x0c\x81/\x1cx\x1a\xe5\x80\xbc\xbc\xbc\xb6gFJ\x92\x9f\x7f!%\x89\xb5=\xf11//\x0f\xd1\x1f\x0c\x81\xef\x1cx\x1a\x05\xbe\xf0\xf0\xf0\xb6gF~\xb0\xe3\xa3\x90\xd0\x10\xbf\xdc)\x9av\xfd\xfc`\xc7GmO|\x0c\x0f\x0f7j\xfc\x87\xd6\x1f\x98\x96\t\x17\xa0\xb4\xe2\x87\x93\xc0\xe0\xfd\xf43#_|\xf1\xc5\xca\xcaJ\xbd$ty\xf6\x8a\xbb\xc7\x0c\xd3\xf7\x0b2\xfa2\xdd\x86\xf6\xf9ip:\x97g\xaf\xd0K?UU\x8d\x8f\x8f7\xf6\xc4GY\x96,\x16\x8b\xa0\t\xcc\xdf\xfb^\xad\xa8\\\xb5X,\xb2l\xf6)w$\x000\x00\x95\x84\xd2\xbe7\xa3F\x8d\xd2;\x01\xc7\x8e\x1e\x7fe\xcdk\xcf\xe4=}\xca\xbfv\t\xe5\x9c\xf7\xee\xd3\xeb\xb9\x9c\xe7\x8f\x1d=\xeeZ\xfaYXX\xd8\xa5K\x17CJ?UU\x15\x04\xe1\xcb\x03_\x8d\x1f5\x91+\xaa\x1fe\xdb+\xa2i\x82$\xb3\x83\x07\xbe\x12\x04A5\xf1\x8aQ\xffy\xc6\xc0\xb7\xb8\xee|YVVv\xfe\xccH&amp;n\xf8u\xf1\xe4\xe4\xa4&gt;}{\xb74\xfbII\xe8\xf7\'&gt;\xfe\xbaXd\xdf\x9f\xf8H;\xa4\x1aU\xfaI\xa3\x1f\xf5\xf6\xfaO\xf6|\xe6\xf9W\xf7*~\xd6\xdd\xbc*H\x00`\x18\x1a\x0cY\xb5j\xd5\x87\x1f~\xe8t:\x05A\x90\xd8\xf93#\xd7\x97\xbct\xea\x84\x9ft\x028\xe7=B\xc2\xd3\x9f\xcc\xb4\xd5\xd9i#&lt;\xe1\xc2\x19\t\x86\x87\x1eQ\x14\xcd&lt;\xf9\x8ci\x00\xf3~\xf6`8\xfd\xf4\xab\x05\x0b\x16PC\xf8\xc2\x99\x91\x7f\xfcx\xd7\'\xc1!\xc1\xaa\xef\x97\x84\xaa\xaa\x1a\x1c\x12\xfc\xf1\xaeO\xde\xdf\xfeG:\xf1\x91\x9a\xff\x0b\x16,\x88\x8a\x8a\xf2\xfc\xe0\x0fE|\x9d\xbe\x16\xc1\x9c\xda\xde\rO~\x16\xde\xc0\x1fZX\xe0\xbbh\xe4\'55u\xd3\xa6M555\x17\xce\x8cl^\x99\xb3z\xfb\xcem\x9a\xef\xb7\xce4M\x93$\xb62guss\xb3~\xe2ctttjj*\x8d\x05y\xf8z\x14E\xa1\x02\x18\x0f\xbf\xae\x97\xa3\x1bb\xc2s\xc2E?x\xc6\xc0\xa7\xe9\x078\'\'\'\xeb\x13\xa4\x9c\xf3\x17~[899\xf1\xcci\xab\xef\x0e\x04)\x8a\xd2\xb3W\x8f7\x8b\xcb\xe6\xff*\xcd\xf5\xad\x15\x17\x17O\x9b6\xcd\xc3\xa3\xff\xd4\xe0\xad\xab\xab;p\xe0\x80\xc7^\xd4\xb7\xdcz\xeb\xad\x06\x96\xe4\x1a\x02\t\x00\x8cG\xc3\xe2c\xc6\x8c\xd9\xbbw/\xd5\x80j\x9a\xd6\xef\x86\xeb\xde\xff\xf8\x9dn\xdd|\xf5\xccHM\xd3$Ijll\x1cw\xd7\xff\xfd\xfb\x9b\xefh\xe5\x17\xe7|\xc4\x88\x11;w\xee\x14\x04\x01\xdb\xfe\x80\xe1|\xb5m\x05~F\x92\xa4\xbc\xbc\xbc\xd1\xa3G\x0b\x82\xa0\xaa\xaa,\xcb\xdf~\xfd\xef\xd7^x}\xc9\xf3\x8bO\xfc\xf7\x84/\x9e\x19I\xbb~\xbe\xf0\xf4K\xdf~\xfdo\xfd\xfc\x03\xc6X^^^\xdb\xc3J=F\xd34\x8c\xff\\\x8a\t\xa7\x01\xd0\x03\x00\xaf@\xe3!3f\xcc\xd8\xb8q\xe3\xf9\x92PQ\xecn\xe9\xfe\xce\xce\xd2\xc8\x1b\x07\x9cm8\xcb\x98$\x08\xbe\xf2]\x15U\x95\x07u\x0f:v\xf4\xf8\xff\x8dIjp6h\x176\xfd\x9f&gt;}\xfa\x86\r\x1b\xb0\xeb\'x\t$\x00\xf0\n\x14\xf1O\x9c81h\xd0 \x9b\xcd\xa6G\xcc\x07\x93\xc6o\xdc\xf6\xdb\xfa\x06\x87\xc4\x98\xcf\x9c\xe8\xac\t\\UC\xba\x07O\x9f\xf4\xabwKw\xe8\xf9,,,\xec\xd0\xa1C\x11\x11\x11\xf4\xee\x8c\xbeJ\x00\x0c\x01\x81w\xb8\xe8\x99\x91\x8c\xb1\x1do\xbf\xff\xe2\xdaWc\x06F\x9fk&lt;\'\xfaH\xd0\xd4T\xb5k\xb7\xaeU\x87\xabw\xbc\xfd\xbe~\xe0;N|\x04/\x84\x1e\x00x\x0b\x9a\xfbU\x14%66\xf6\xe8\xd1\xa3\xb4]\x84\xd1\x17\xe5\x06\xb4\xd3\xd1\x8d7\xdex\xf0\xe0AY\x96i6\xd8\xe8\x8b\x02\x10\x04\xf4\x00\xc0{\xe8gF\xe6\xe7\xe7O\x9a4I\x1f$\xf1\xdd\xd1\x12J`\xf4\xbe\xf2\xf3\xf3q\xe2#x\x1b\xf4\x00\xc0\xbb\xd0\x08IBBByy9EL\xa3\xaf\xa8C$Ijnn\x1e;v\xec\x07\x1f|\x80\xc1\x1f\xf06H\x00\xe0]h\xbe\xf4\xc8\x91#?\xf9\xc9O\x8c\xbe\x16\xb7\xf9\xd7\xbf\xfeu\xd3M7a\xee\x17\xbc\r\x86\x80\xc0\xbb\xe8gF.Y\xb2\x84\xd6\x85\xf9n\'\x80.~\xc4\x88\x118\xf1\x11\xbc\x13z\x00\xe0\x8d\xfcl9\xbe\x9f\xbd\x1d\xf0\x1bH\x00\xe0\xa5\xfc\xa3\x04\x88\xa0\xed\x0f\xde\t\t\x00\x00\xc0\xa4\xd00\x01\x000)$\x00\x00\x00\x93B\x02\x00\x000)$\x00\x00\x00\x93B\x02\x00\x000)$\x00\x00\x00\x93B\x02\x00\x000)$\x00\x00\x00\x93B\x02\x00\x000)$\x00\x00\x00\x93B\x02\x00\x000)$\x00\x00\x00\x93B\x02\x00\x000)$\x00\x00\x00\x93B\x02\x00\x000)$\x00\x00\x00\x93B\x02\x00\x000)$\x00\x00\x00\x93B\x020\x92\xa6i8\x92\x13\x00\x8c\x823\x81\x01\x00L\n=\x00\xc3h\x9a\xd6\xd4\xd4\xe4t:\xd1\x0f\x00\x00C \x01\x18CQ\x14Q\x14\xd7\xaf_?}\xfatQ\x14UU5\xfa\x8a\x00\xc0t0\x04d\x00j\xf2;\x9d\xce\x9f\xfd\xecg555\x95\x95\x95\xb7\xdez\xab\xa6i\x8c!\x1f\x03\x80\xe7 \xe2\x18@UU\xc6\xd8\xf3\xcf?_SS#\x08\xc2\x82\x05\x0bD\x11\x99\x18\x00&lt;\rq\xc7\xd3(\xfaWUU\xc5\xc6\xc6\xd2@\x10\xe7|\xdb\xb6mIII\x9csI\x92\x8c\xbe@\x9f\xe1=_]Q\x14\x8d\xbe\x04\x80\xf6@\x02\xf04\x8a\xf2\x93&amp;M*--\x95$I\xd34UUcbb\x0e\x1e&lt;(\xcb\xb2(\x8a\x88&amp;\x00\xe0\x19H\x00\x1eE\xd1\x7f\xcf\x9e=\xa3F\x8d\x92$\x89s.\x08\x02\xfd\x9f\xfc\xfc\xfcg\x9ey\x06\x9d\x80+\xa1i\x9a(\x8a6\x9bM0\xba\x1f@\xd9:,,\x8c.\xc9\xc0+\x01h\x07$\x00\xcf\xa1\xb9\xdf\x96\x96\x96\xe1\xc3\x87WVV\xea\xc5?\xd4\xea\x0f\x0b\x0b;t\xe8PDD\x04f\x83/\x8fr\xe4\xca\x95+W\xadZ%\xcb2%Q\xa3H\x92\xa4(JFFFff&amp;\x927\xf8\x1c$\x00\xcf\xa1\x00\xb1q\xe3\xc6\x193fP\xab_\x14EA\x144U\xa3?N\x9f&gt;}\xc3\x86\r\x88#\x97A)\xf3\xe4\xc9\x93\x83\x06\r\xb2Z\xadF_\xcey=z\xf48t\xe8P\x9f&gt;}\x04A@\xf2\x06\x1f\x82\x04\xe0!\xd4\xfc\xb7\xdb\xed7\xdf|\xf3\xc9\x93\'\xdb.\xfe\xa2\xf9\x80]\xbbv\x8d\x181\x029\xe0R\xe8\xce&lt;\xfa\xe8\xa3\x1b6l\x08\x08\x08\xa0Yt\x03\xafG\xd34Y\x96[ZZf\xcc\x98\xf1\xc6\x1bo\xe0\x83\x03\xdf\x82\x04\xe0!\x14\x1a\xe6\xcc\x99\xf3\xf2\xcb/\xeb\xcd\xff\xa0\xeeA={\xf5\xf8\xe6\xf8\xb7\xa2(2\xc68\xe7#F\x8c\xd8\xb9s\xa7 \x08\x88#m\xa9\xaa*\x8abee\xe5\xf0\xe1\xc3[ZZ\xbcg\xf5\x1cc,  `\xff\xfe\xfdqqq\x18\xc1\x03\x1f\x82\x04\xe0\t\x14\xb9\x8e\x1c9\x12\x1b\x1b\xab\xaa\xaa\xaa\xaa\x94\x03~5\xe7\xd1I\xd3\x12\xef\x1f\xfe\xa0\xeb\x0f\x8b\x8b\x8b\xa7M\x9b\x86\xb6d[tOF\x8d\x1a\xb5g\xcf\x1e}\n\x9d1\x16\x12\x1a\xac\xaa\xaa x\xb2+\xa01\xc6\xea\xed\x0eJBt1#G\x8e\xdc\xbd{7&gt;8\xf0!H\x00\x9e@A!!!\xa1\xbc\xbc\\\x92$\xca\x07=z\xf5\xf8\xc3\xc7\xef\xde\x18\x13\xfd\xe8\xa4\xc7\xdf-\xddAC@\x9a\xa6EEEUTT\x04\x07\x07\xa3$\xd4\x15\xdd\xc3\xb2\xb2\xb2\xa4\xa4$\n\xb8\xd4\xd0~\xa5x\xdd\xdd\xa3\x87;\x1dN&amp;y\xae\xdd\xadr\xd5\x12l\xd9\xb7k\xff\xac\xe4y\x82 \xe8\xc9\xbb\xb4\xb4411\x119\x00|\x05\x12@\xa7\xa3pP^^\x9e\x90\x90@a\x82\xfe\xb9\xe2\x85\xbc\x19O%\xd7\xdb\xea\xeb\xce\xd4\xdd7l\xbc\xdd^/h\xe7\xabJrss\x97,Y\xa2(\x8a,\xcbF_\xbeW\xa0\xd5\x12N\xa73..\xee\xd8\xb1c\x94\x1a9\xe7\x13&amp;=\xf0\xda\xd6W\xeb\xce\xd4y&gt;\xe0r\xce\xc3{\x86?\xf1\xd0S\xdb\xb7\xbd\xa7\'\xef\xc8\xc8\xc8\xca\xcaJ\x8b\xc5\xc2\x18C\xf2\x06\xef\x87\x04\xd0\xb9(.(\x8a2d\xc8\x90#G\x8ePP\xd04\xed\xe6!?}\xe7\xcf\xdbTUkii\xe9\x13\xd1\xfb\xb9\xc5\xcf\x17\xad|Q\xef\x1c\x04\x07\x07WTTDEEa@\x99P.\\\xbatinn\xee\xf9\xd2OQ\x08\r\r\xf9\xd3\';zG\xf4nnj\x16\x99\xa7\xa3\xad\xa6j\x81]\x02O\x9d8\x85\xe4\r\xbe\x0b\xc1\xa5s\xd1\xc6\x0f\x05\x05\x05\x87\x0f\x1f\xd6\xe3\xbb\xa6i\x99\xb9\xe9\xdd-\x16\xcey@@@\x9d\xd56+-e@T\x7f\x9a\x19\x16E\xd1n\xb7/[\xb6\x0c\x1b\x04\x11\x1a`\xa9\xae\xae^\xbbv-</t>
        </is>
      </c>
    </row>
    <row r="140">
      <c r="A140" s="1" t="n">
        <v>138</v>
      </c>
      <c r="B140" t="inlineStr">
        <is>
          <t>size_grid</t>
        </is>
      </c>
      <c r="C140" t="inlineStr">
        <is>
          <t>What is the size of the missing part denoted with a question mark?</t>
        </is>
      </c>
      <c r="D140" t="inlineStr">
        <is>
          <t>['large', 'medium', 'small']</t>
        </is>
      </c>
      <c r="E140" t="inlineStr">
        <is>
          <t>medium</t>
        </is>
      </c>
      <c r="F140" t="inlineStr">
        <is>
          <t>There are circles arranged in a grid formation with varying sizes in the image. The sizes in the first row are ['large', '?', 'large'], the sizes in the second row are ['medium', 'small', 'medium'], and the sizes in the third row are ['large', 'medium', 'large'].</t>
        </is>
      </c>
      <c r="G140" t="inlineStr">
        <is>
          <t>We observe that the circles at the corners are large size, while the circles directly adjacent to the center are medium size. Only the center circle is small size. Hence, the pattern is that the circles alternate in size depending on if they are at the corner or adjacent to the center.</t>
        </is>
      </c>
      <c r="H140" t="inlineStr">
        <is>
          <t>Based on the pattern that the circles alternate in size depending on if they are at the corner or adjacent to the center, the size of the missing part that is adjacent to the center should be medium.</t>
        </is>
      </c>
      <c r="I140" t="inlineStr">
        <is>
          <t>b'\x89PNG\r\n\x1a\n\x00\x00\x00\rIHDR\x00\x00\x02\x00\x00\x00\x02\x00\x08\x02\x00\x00\x00{\x1aC\xad\x00\x00d\xa7IDATx\x9c\xed\xddy|\x14E\xfa?\xf0\xa7\xba{f2\xb9\'\x07\xa7\xcbM\x12\x0c!$\x10\x0eA$\x80`VY\xdd\x05\xc1\x03\x85  _\x15\r\x8a\xae\xb8\xeez\xeez\x80\xc2\xba\x82J\x10TDX\xaf\x05\x85\x85\x00\x11\xe5\x14"\x01\x93@ \x84#\x10r\x01\t\xc9$\x93d\xa6\xab\xea\xf7G\xc9\xfc\xb2\x80\x98\xc0$\x99\x99z\xde\xaf\xef\xcb\xd7~\'\x93\xd0\xd3\xf3t}\xaa\xab\xab\xab\t\xe7\x1c\x10B\x08\xc9Gi\xed\r@\x08!\xd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xb4\xd6\xde\x00\x19q\xce\xaf\xf8:!\xa4\x85\xb7\x04\xa1\x96\x87\xf5\xef&gt;0\x00\x9a\x17o\x00\x00\x14Eq\xfe\xf7r\x8c1\xe7\x7fI\x03-\xb8\xbd\x08\xb9\x12\xd6\xbf\x9b#\xbf\x96\xc6\xe8\x9a\x89rg\x8c\x11BTU\xbd\xfc\r\x8c\xb1\xca\xcaJB~\xd9\xf9\xe2\x7f\xf8\xf8\xf8\x98\xcd\xe6+\xbeY\xfc)EQ\xf0`@\xee\x0f\xeb\xdf\x83`\x00\xb8\x8c(z\xce\xb9\xa6\xfd\xff\xf3*JiQQQ~~~vv\xd6\xb9s\xe722~\xd2u\xbd\xb4\xa4\xa4\xa4\xb4\x84\x00\xe1 v&gt;\x01\xe0\xfe~\xfe=z\xf6\xe0\x1cbbb\xc2\xc2\xc2\xfa\xf7\xef\xff\xbb\xdf\xfd\xaes\xe7\xce\xbe\xbe\xbe\r\xff\x1a\x00\xe0\x91\x80\xdc\x10\xd6\xbf\'\xc2\x00p\x01\xce9\xa5\xd4Y\xf7\x94\xd2\xbc\xbc\xbc\xb4\xb4\xb4\x1d;v\xe4\xe5\xe5\x15\x14\x9c\xac\xaa\xb2^\xc3\x9f5\x99\x8c\x1d:t\x88\x8c\x8c\x1c4h\xf0\xe8\xd1\xa3ccc\x9d\x07\x83\xae\xeb\x8a\xa2\xfc\xda\xa94B-\t\xeb\xdfsa\x00\\\x17\xd1%\x11\xe7\xb9\x94\xd2={\xf6\xacY\xb3f\xc3\x86\rG\x8f\xe6\xd5\xd7\xdb\x1b\xbe3 \xc0\xcf\xcf\xcf\xf7\xc6\x88.\x8a\xa6\x06\x05\xf8\xf5\xe9\x13\xc1)\x13\xdd\x18\xce9\xd1\x0c\x05\'\x0bO\x15\x96\x10U\xcd\xcf?UUU}\xbe\xfc\xc2%\xffV\xd7\xae]\x12\x13G\xdcy\xe7\x9d\xc3\x87\x0f\x0f\x0c\x0c\x84\x8b}.\xec\x10\xa1\xd6\x82\xf5\xef\xe90\x00\xae\x11\xa5\xd4Yy\x85\x85\x85\xabW\xaf^\xb9r\xe5\x81\x03\x07\xfe\xff;\x08\xe9\xd2\xb9c\xbf\xb8^\xf1\xb1\x91\xfd\xfbF\xf5\x8a\xec\x16\x18\xe4\x1f\x14n\x01E\x05\x85\x00\x18\x00\x1a\xeey\x02\xa0\x03\xa3@H\xed\xb9\x8a\x9a\x9a\xda\x83y\'\xf7g\xe5e\xe7\x1c\xcd\xd8w\xf0h~A]]\xbd\xf3\xad\x9d;w\x9e0a\xc2\xa4I\x93\xfa\xf4\xe9\xe3\xdc\x98+\x0e\xb6"\xd4L\xb0\xfe\xbd\x03\x06@\x93\x89\x81NQp\xbbv\xed\xfa\xf0\xc3\x0f\xff\xf3\x9f\xaf+*.\x88\x9fZ,\x81\xfd\xe3\xa3\xc7\x8c\x1c4\xec\xe6\xfe\xd1Q]|\xc3B\x004\x00\x1d\xea\xed@\x19s8\x00\x80s\xe0\x9c\x014\xec\xb6\xf0_&amp;&lt;pP\x0c\x1a\xa8\n\x98\x8c@4\x00N\xab\xacy\xc7N\xef\xc9\xc8Z\x97\xb6c\xdf\xbeC\'\x0b\xce\x88_0\x1a\x8d\xc3\x87\x0f\x7f\xe4\x91G\x92\x92\x92\x8cF\xa3\xe8\r\xe1a\x80\x9a\x1b\xd6\xbf7\xc1\x00h\x82\x86c\x9d\xe9\xe9\xe9o\xbe\xf9\xe6\xa6M\x9b\x9c?\x1dzS\xdc\x9dc\x13\xef\x19?\xe6\x86n7\x80b\x00\xe6\x80\xdaz\xea\xd09\xe7\xce\xf9l\x8d9W\x15\xdf\x08c\x9csN\x08\xa8\x9a\n&amp;\x13\x18\x8c\x00\xccZZ\xbef\xfd\xd6\xaf\xd7|\xb7\xf9\xbb\xdd55\xb5\xe2\xfd}bbRf\xcfNNN\x86\xff\xed\x97!\xe4ZX\xff\xde\x07\x03\xa0\xb1\xc4h#\x00\xe4\xe5\xe5\xbd\xf1\xc6\x1b\x1f-_\xce8\x07\x00\xb3\xd9\xe7\xbe\tIS\xa7\xfc\xf1\xa6\xc1\xb1`2C}-\xab\xabg\x8c\x13\x85(\xae\x98\xc5,\xbaK\x8cs\x02\xa0\x1a\r\xe0\xeb\x07\x9c\x1d\xce\xc9\xfb\xf7\x17iK\x96~QT|V\xbcm\xd4\xa8Q\xcf&gt;\xfb\xec\xc8\x91#\x01\xcf\x88Q3\xc0\xfa\xf7J\x18\x00\x8d\xa2\xeb\xba\xa6iv\xbb\xfd\xcd7\xdf\\\xb0\xe0\xed\xf2\xf2\n\x00\x08\xb1\x04MM\xfe\xe3\xe4{o\xef\xdd?\x16\x98\x83W\xdb(e\xaa\xda\x8c\x1d\x90_\xa6W\x03(~f0\x98K\x0bN\xadX\xbda\xd9\xf2\xafr\x8f\x9c\x00\x00BHrr\xf2+\xaf\xbc\xd2\xa1C\x07\xec\n!\x17\xc2\xfa\xf7V\x18\x00\xbfA\xdc\x97\xa8(\xca\xce\x9d;g\xce\x9c\x99\x93\x93\x03\x00f\x93\xe9\xde{\x92\x9eyrjd\x9fhp\xd4\xd0\x9aZ\x02DQ[nR\x1ac\x8c1\xae\xf9\x18\xc1\x1cXYV\xb2\xf0\xddO?H\xfd\xa2\xb8\xe4\x1c\x00\xb4k\xd7\xf6\x95W^\x9d6m\x1a`W\x08]7\xac\x7f\xef\x86\x01p5\xce\x02z\xf1\xc5\x17_\x7f\xfd51\xb3mT\xe2\xc0W_\x9e5p\xe8@\xb0\xd7\xea\xd56Em\xb5\xf9\xc8\x9cs\xaaS\xcdd\x04\xbf\xc0\xa2\xe3\'\xfe\xfa\xd2\xa2\x8fV\xac\x15\'\xe6\xf7\xdcs\xcf\xbb\xef\xbe\x1b\x1a\x1a*\xfan\xad\xb2y\xc8\xd3a\xfd{=\x0c\x80_%\xaa\xbf\xb8\xb88999--\r\x00,\xc1\x01/\xfd\xed\xd1Y\x8fM\x02\x85\xd0*+q\x8f[Q~\xb94g\xf6\x01\x1f\xbf\xb4o\xb7&lt;\xf1\xd4\xebG\x8e\x16\x00@DD\xc4\xb2e\xcb\x86\x0c\x19\x82\xfd t\r\xb0\xfee\x80\x01pe\xa2\xe3\xb0s\xe7\xce\t\x13&amp;\x14\x15\x15\x01\xc0\xd0\xc1}?L}%":\x8aU^\x00\xce[\xf2\x84\xb718\xe7\x942\xcd\x12Ty\xfe\xc2\x9c9o,\xfd\xe8?\x00`2\x19\xff\xf9\xcfw\x1e~\xf8a\x1c\x12EM\x82\xf5/\t\xf7\xfa\x16\xdd\x84\xa8\xfe\xd4\xd4\xd4\xc4\xc4DQ\xfd)\x8f\xdd\xbfu\xf3\xf2\x88\x88.z\xc5yEi\xd1\xe1\xceF"\x84h\x9aJ+*\x83\xcc\xc6\xd4\xe5\xaf\xa7\xbe\xf7bp\xa0\x7f}\xbd}\xe6\xcc\x993g\xceTUUL\xdfn\xed\xcdD\x1e\x00\xeb_\x1ex\x06p)g\xf5\xcf\x981\x03\x00\x82\x02\xfc\xde\x9e\xff\xcc\xd4\x19\x93\xb8\xb5\x82S\xe6\x86\xa5\x7f\t\xce9\xa3L\xb5\x84\xee\xdd\xb1\xe7\x81)\xcf\xe6\x1d;\r\x00\xd3\xa7O_\xb2d\t\xf6\x83\xd0o\xc2\xfa\x97\n\x06\xc0\xff\xb8\xa4\xfaC-\x81\x1b\xbey/a\xe8@\xbd\xfc\x9c\xaa\xa9\x1eT:\xbaC\xd7\x82\x03\xcb\xcb\xca\x93n\x9f\xb17\xf3\x10\xe01\x80\x1a\x01\xeb_6\xee\x9e\xe7-\xe9\x92\xea\x1f\x10\x7f\xe3\xee\x9d\xab\x12n\x8a\xd3\xcb\xcfi\x06\xcd\xb3\x8aF3h\xb4\xd2\x1ab\t\xd8\xb2\xe5\xa3\xa9\x93\xfe\x00\x00\xe2s\xe1\xb90\xfa5X\xff\x12\xc23\x80_\\^\xfd\x1b\xff\x9bj\t\x0f\xa6\x95V\xd5c\xa7\x911\xca\x14\xa3\x01\xcc&gt;3\x92\xe7\xa6~\xbc\x06.\xf6\x83\xc4\x136&lt;\xeb\x90F\xcd\n\xeb_N\x18\x00\x00\x17g\xbc9\xab?!\xaeW\xda\x86\xa5\x16K\x00\xad\xa9U5\xcf\x9e@\xc6\x18\xe3\x8a\xa2\xfa\xfb]r\x0c\xe0\xdc8\xe4\x84\xf5/-\x0c\x80_\xaa\x7f\xf7\xee\xddC\x87\x0ee\x8c\x85\x04\x07\xfe\xb4kU\xd7\xc8.\xb4\xb2\xda\xd3\xab_\xe0\x8cqU%\x06\xc3\x90\x9b\xef\xdb\x9d\x91\x03\x00\x0b\x16,HII\xc1{d\x10`\xfd\xcbM\xf6\x00\x10\'\x83eee\xb1\xb1}JK\xcb\xfc|\xcd[\xd3R\x13n\x8a\xa7\x95V\xef\xa8~\x811\x06\x06\xc3\x05\xab-q\xc4\x83Y\x87\x8e\x01\xc0\xa6M\x9bn\xbd\xf5V\xec\x07I\x0e\xeb_\xf2\xfa\x97\xfd"\xb0X\xea\xe4\x81\x07\x1e(--\x03\x80Eo\xff9a\xe8 \xfdB\x957U?\x00(\x8a\xc2\xeb\xed!\xe1\x96O?z=\xc4\x12\x08\x00\x0f&gt;\xf8@ii\xa9\xa2(b\x0f 9a\xfdK^\xffR\x07\x808\x07|\xf9\xe5\x977o\xde\x0c\x00)\xffw\xcf\xe4\x87\x1fp\x94\x9f\xd3\x0c^xb\xa8j\xaa~\xa1*&amp;!n\xc9;\xcf\x03@II\xe9\x03\x0f&lt;@\x88\xec\xa7\x802\xc3\xfa\xc7\xfa\x97\xf7\xf3\x8b\xf5\xcd\x7f\xfc\xf1\xc7a\xc3\x869\x1c\x8eA\xfd{\xef\xd8\xf6)w\xe8*p/\x9e\x1e\xa0\xeb\xbaf\t\x9d\xfd\xc8_\x17\xbe\xb7\x1a.\x0e\x86\xe2\x89\xb0\x84\xb0\xfe\x01\xeb_\xda\x00\x10\x0b\x8bSJcbb\xf2\xf2\xf2\x02\x02\xfc\x0e\xec^\xdd-\xa2\x0b\xab\xa9u\xff{\x1d\xaf\x07\xe7\x9c\x11\x02\x9a6`\xf0\xc4\xcc\x9f\xf34M\xc9\xc99\x18\x11\x11\xc19w\x87\x85\xbd\x9a\x1bo\xe0\x92\x1f\x91\x06Ze\xdbZ\x12\xd6\xbf\x9c\xf5\x7f9\x19?3\x00\x88\xc7\x87\xce\x9f??//\x0f\x00^\x7f\xe1\xd1n\xd1Q\xba\xb5\xc6\xbb\xab\x1f\x00\x08!@\x99j0,]\xf47\x93\xc9@){\xfc\xf1\xc7\xbd\xfeDX,\x18I)%\x84(\x8a\xa2\xaa\xaav\x19UU\xc5=\xa2\x94R]\xd7\xbd{h\x18\xeb_\xaa\xfa\xbf\n\x19?\xb9\x98\xf9p\xfc\xf8\xf1~\xfd\xfaUVV\x0e\x1b\x12\xf7\xc3\xf7\x9f\xd2\x9a\x1aU\x9a.\x80\xae\xeb\x9a%\xec\xf99\x7f\xff\xfb[\xcb\x01\xe0\xf3\xcf?\xbf\xfb\xee\xbb\xbd\xf2D\xb8\xe1\x13\xcc\x01\x80Rz\xe6\xcc\x99c\xc7\x8e\x15\x14\x14\x9c:U@\x08\xe1\x1c\x00xp\xb0%&amp;&amp;\xa6]\xbbv]\xbat1\x9b\xcd\r\x7f\xd7\xfbV\x0e\xc0\xfa\x97\xa7\xfe\x7f\x93\x8c\x01 \xbe\xe9\xc9\x93\'\x7f\xf2\xc9\'&gt;&gt;\xa6\x9d\x9b?\x8c\x1f\xd4\x97U\xdb\xbc\xbe\xfb\xe3\xc49g\xaaZc\xab\xeb?\xf8\x9ec\'N\xf7\xe8\xd13;;[\xd34o\x1a\x00ix\xb7gii\xe9\xce\x9d;\xd7\xaf_\x9f\x91\xb1\xb7\xa0\xe0TUU\xd5\x15\x7f\xc5d2v\xec\xd81&gt;&gt;\xfe\xf6\xdb\xef\x184hPTT\x94x\xdd\xcb\x9a\x06\xac\x7f\x19\xea\xbf\x91d\xf9\xca\x9dD\xf5o\xdb\xb6m\xe5\xca\x95\x000\xf1\x8f\xa3\xe2\x87\x0e\xa2\xd6jy\xaa\x1f\x00\x08!\xdc\xee\x08\x0c\x0f\x7f\xfe\xe9\xa9\x8c\xf1\xbc\xbc\xbc\xf9\xf3\xe7{\xcd\x9481\xe0#z\xeeYYY\x0f?&lt;#&gt;&gt;~\xdc\xb8q\xcb\x96-\xcb\xce\xceq\xb6\xfe\xe1\xe1\xa1\xe1a\x96\xb00Kxx\xa8\xd1h\x04\x80\xfaz\xfb\xf1\xe3\'\xbe\xfc\xf2\xab\xe4\xe4\xe4\xfe\xfd\xfb\xfd\xf1\x8fwm\xde\xbcY\x14\x0cc\xcc;v\x0e\xd6?x{\xfd7\x89tg\x00\xe2;\x1e5j\xd4\xd6\xad[CC\x82~\xfcaE\xb7\x9e]\xa0\xae^Q\xe4J~\x0e\xc0\x01\x1c@\x86%&gt;\x98\x91y($$\xe4\xd0\xa1C\xe1\xe1\xe1 \xc6I=\x96\x98\xdc\x02\x00999\x7f\xfe\xf3\x9f\xb7l\xd9b\xb7\xdb\xc5\x8f:w\xea\xd0\xbf\x7ft|ld\xff\xd8(\x8b%\xb0G\xf7N \x0exU+)*-&gt;[\x9e}\xe8xVv^\xc6\xbe\x83\xd99y\xce?\x18\x1b\x1b\xfb\xdak\xaf%%%\x81W\x9c\n`\xfd\x0b\xdeZ\xffM%W\x00\x88\x03\xf8\xa7\x9f~\x1a0`\x00\xe7|\xce\xacI\xf3\xdeyY//\xf3\xca\x89\xcf\xbf\x89\xeaT\xb5\x04o\xfcjc\xd2\xf8\'\x00\xe0\xad\xb7\xdez\xf2\xc9\'=\xfa\xfex\xb1\xf1V\xab\xf5/\x7f\xf9\xcb\xd2\xa5\xa9\xb5\xb5u\x00\xe0k\xf6\xb9{\xdc\xe8?\xdd5j\xf8\xd0\xf8\xc0\xb6a\x00*\x80\x0e\x8cA\xbd\x1d@\x1c\xea\x1c\x0c\x1ah\x1a\x80\n\xc0\xa9\xd5\xbag\xdf\xc15\xdfn]\xb9j}Q\xf1Y\xf1\x97\x93\x92\x92\x16.\\\x18\x11\x11\xe1\xd1\xfb\x07\xeb\xbf!\xef\xab\xffk c\x00L\x9d:u\xf9\xf2\xe5&gt;&gt;\xc6\xcc\xed+\xa3\xfaD\xf2Z\xe9\xba?\x02\x07\xe0\x04\xeat\xd6o\xd0\x84#y\x057\xdexcFF\x86\x8f\x8f\x0fxf\'H\x1c\xba\x99\x99\x99\xd3\xa7O\xcf\xcc\xcc\x04\x00\xb3\x8f\xe9\xde\x89I\xb3g=\xd0\xbb_o\x00\x0e6\x1b\xb5;8\x07B\x08\x10P\x1a|F1/\x94sN\x08\xa8\xaa\n~fPL\xa5\xa7O\xbf\x9f\xfa\xf9\x07\xa9_\x14\x97\x9c\x03\x80\xb0\xb0\xb0E\x8b\x16M\x980\xc1s\xd7\x92\xc4\xfao\xc8\xcb\xea\xff\xdaH4\xf0\'f\x83\x14\x17\x17\x7f\xf9\xe5\x17\x00p\xef\xf8\xdbz\xf5\x8fe\xb6Z9\xab\x1f\x00\x08\x00wP\xdf\xe0\xe0\xb9\xb3\xa7p\xce\x0f\x1e&lt;\x98\x9e\x9eN\x08\xf1\xc4\x91P\xd1\xfa/[\xb6,11Q\xb4\xfe\xb7\x8d\xba)c\xd7\xaa\x0f?z\xa3w\x9f\x08Zq\x81^\xa8\xe4:UUUL\xf8T\x15\xa5\xe1\xc4\x7fEQTU\xd14UUU\x0e\xc0\xac5z\xc5\xb9\xb6a\x96\x17^\x9e} \xe3\xabY\xffw\xafB\xc8\xb9s\xe7&amp;N\x9c8{\xf6lEQ\xaex\'\x81\x9b\xc3\xfa\xbf\x847\xd5\xff5\x93(\x00(\xa5\x00\xb0j\xd5*\xab\xb5ZU\xd5G\xa6\x8d\xe7\xccqq\x10@R\x8a\xaap[\xf5\xb8?\x8d\xbe\xa1c[BHj\xea\x12\xf0\xc0\xee\x8fs-\xfb\x87\x1ez\xa8\xaa\xaa\xcad4,xc\xce\x86\r\xa9\xd11\x11\xb4\xe2\x02\xb3\xd5\xaa\x9a\xaa\xaa\x8d}\xa0\x15\x01P\x14E\xd34\xeep\xe8\x15\xe5mB\x83\xdeY\xfc\xd2\x7f\xd7.\xea\xd8.\x0c\x00\x16.\\8c\xc6\x0cq\xc1\xd0\xb32\x00\xeb\xffr\xdeQ\xff\xd7C\xa2\x00PU\xd5n\xb7\x7f\xfc\xd1G\x84\x90\x01\xfd\xa2\xe3\x07\xc5\xf2j\x9b*\xd3\xe4\x87\xcb\x11Bh\xbd\xc3/&lt;\xec\xdeq\xa39\xe7\xe9\xe9\xe9G\x8f\x1e\xf5\xac\xe9\x10\x97&lt;\xc9$$8 }\xe3\xd2\x94g\x1ef56VmS5\xf5\x9a\xef\xf0$\x84\\\x8c\x81\x8a1cGd\xec\xf9&lt;!\xeeFh\xf0l)J\xa9\x07e\x00\xd6\xff\xe5\xbc\xa0\xfe\xaf\x93,_\xbf\xb8\x0bt\xff\xfe\xcc\xec\x9c\x1c\xce\xf9\xb8?$*&amp;_Fe\xf9\x9a\xaf\x82\x10\x02\xcc1\xee\xce\x91\x8a\xa2\xd4\xd4\xd8\xd6\xacY\x03\x17\xe7\x8a\xb8?J\xa9\xa6i\x1f\x7f\xfc\xb1h\xfdo\x8c\xec\xbae\xd3\xf2!\x89\x83\xf4\xf2\xf3\x8aB\\2\xb5\x91\x10\xa2i\xaa^~\xa1}\xfb6i\x1bS\xef\xba\xfd\x16\x00HMM\x9d9s\xa6\xa6i\xa2[\xed\xfe\xb0\xfe\x7f\x8dG\xd7\xff\xf5\x93%\x00DO\xed\xeb\xaf\xbf\xe6\x9c\x87X\x82\xee\x9b\xf8{\xa8\xaf\x91\xbc\xfb#\xa8\xaa\xc2\xaam\tC\xe2o\x1a\xd8\x87\x10\xb2v\xcd\x1a\xe7LJ7\'\xd63\xc8\xce\xce~\xf4\xd1G\x00 \xd4\x12\xb8\xfa\xd3yq\t}\xf4\xf2r\x97Ok\xd1\x0c\x1a\xad\xae\xb1\x04\x07\xac\xfa\xec\xad\x84\xb8^\x00\xf0\xc1\x07\x1f,_\xbe\xdcS2\x00\xeb\xff\xd7xn\xfd\xbb\x84,\x9fSUU\x87\xc3\xben\xddz\x00\xe8\xdb\'\xa2}\xb7\xdf\xb1:\xbbT\x83}W\xc1(SL\xe6Q\x89\x038\xe7\xfb23\xf3\xf3\xf3\xdd\xff,X\\\x86\xb5Z\xad\x93&amp;\xdd_Sc\xd34u\xdd\x97\xef\xc4\xf4\x8f\xd1\xcb\xcfkFCs\xfc\x8b\xaa\xa62[\xad\x8fQK\xdb\x90\xda\xadKGB\xc8\xacY\xb3\xb2\xb2\xb2\xc4mb\xcd\xf1/\xba\x10\xd6\xffUxb\xfd\xbb\x8a\x14\x01 \xe6\xed\x1d;v\xfc\xf8\xf1c\x00p\xdb\xa8\x9b@\xd1\x18\xf3\x98\xd1\xdb\xe6F\x08\x01f\x1f\x9d8HS\xd5\xba\xba\xba\x9d;w\x82\xdb\x9f\x05\x8b\xee\xff\xdc\xb9s\xb3\xb2\xb2\x01`\xde+O\x0c\x1a1\xd4Q^\xa1\x19\x0c\xd0l_\xac\xa2\xaa\xb4\xb6\xde\xd2&amp;\xf4\xb3e\x7f7hjMM\xcd\x94)S\xc4\x8df\xee|1\x00\xeb\xff\xea&lt;\xb1\xfe]E\x96\x00\x00\x80\x8d\x1b7\xd4\xd5\xd5k\xaa:\xf2\x96\x04`\x0e\xec\xfe8)\n\x81\xda\xba\xd8\xb8^\x1d;\xb6\x01\x80o\xbf\xfd\x06\xdc{.\x84h\xfd\x8f\x1c9\xb2d\xc9\x12B\xc8\xa8\xc4\x01)OO\xd3+\xcb\r\xcd\x7fC\x93\xaa\xa9zE\xe5\xc0\xc4\x9b\x9f{*\x19\x00\xf6\xef\xdf\xbfj\xd5*7\xef0b\xfd_\x9d\xc7\xd5\xbf\x0bI\x11\x00\xe2\xbb\xdc\xb1s\'\x00t\xec\xd0&amp;2\xaa+\xd4\xd6I;\xfd\xf9r\x84\x10\xea\xa0\xbe!\xc1\xfd\xfaF\x01\xc0\xfe\xcc\xfd6\x9bMUUw\xee\xd5r\xce\x9fx\xe2\t\x87\xc3a2\x19\x16\xbd\xf5,p\xa6\xb4\xd4\xc6\xaa\x9aJ\xad\x15\xcf\xfd\xe5\xff\xa2"\xba(\x8a2w\xee\xdcs\xe7\xce\x89\x9b\x03Zh\x0b\x9a\x08\xeb\xff\xea&lt;\xb1\xfe]E\x8a\x00P\x14\xc5n\xb7\x1f\xce\xcd\x05\x80\x84~\xd1~a!\xd4A%I\xf8F\xe2\x9c\x03Q\x87\x0f\xed\x07\x00\xa5e\xa5\xa7O\x9f\x06w\x1d\xd6\x10\x03\x1a\xb9\xb9\xb9\xe9\xe9\xe9\x000\xf1O\xa3#\xe2z\xd3\x16\\\xcb\x9e\x10\xc2uj\xf0\xf7\x9f;{\nc\xac\xb8\xb8x\xcd\x9a5\xe2A\x02-\xb3\x01M\x85\xf5\xff\x9b&lt;\xa8\xfe]\xcb\xfb\x03@\xb4\x17\xc5\xc5\xc5\xa7N\x9d\x02\x80~}\xa3\x80h2|\xb5MB\x08\x01\xae\xc7\xc5F)\x8aR[[\x97\x95\x95\x05\xeez\x00p\xce\t!\x0b\x17.\xd4u\xddl\xf6\x99;\'\x99;\xeaI\xcb\xf6gUMe\xd5U\x13\xef\xbb\xe3\xc6\xa8\xae\x84\x90\x7f\xfes\xa1\xae\xeb\xee\xb9N\x1c\xd6\x7fcxP\xfd\xbb\x96\xf7\x07\x80\xf8\x16O\x9c8a\xb5V\x03@\xdf&gt;\x91\x00\xd8\xfd\xb9\x94\xa2\x10\xa8\xb7G\xf6\xe8\x1c\x1c\x14\x00\x00\x87\x0f\xe7\x82[\x1e\x00b=\x83\xd2\xd2\xd2\xb5k\xd7\x12\x02\xe3\xef\x1c\x11\x19\x17\xc3\xaam-&lt;o\x8f\x000\x075\x05\x06&gt;\xf5\xd8$\xce\xf9\xa1C\xb9?\xfc\xf0\x83{\x9e\x04`\xfd7\x86\xa7\xd4\xbf\xcb\xc9\x12\x00\xd9\xd9Y\x00\x10\x14\x18\x10\xdd\xab\x1b\xd4\xd7\xe3\x01p\t\xb1B\xba\xa5Cx\xcf\x1e\x9d\x00 ;;\x07\xdc\xf2:\x98haw\xef\xde]VV\xc69\xdc3n\x0c\xe7\x0cZc;UU\xe1u\xb6\xdbo\xbb98(\x801&amp;\xae\x1c\xbaa\x93\x81\xf5\xdf\x18\x9eR\xff.\xe7\xfd\x01 \x94\x94\x94\x00\x80\xaf\xafOPP\x00P*\xc17\xdbd\x9cs\xcdd\x0c\r\t\x02\x80\xd2\xd2R1\xd2\xd2\xda\x1bu)\xb1I\xeb\xd6\xad#\x84\xdc\xd0\xb1\xed\xd0\x9b\xe3I\xad\xadU\xaeg\x12Bx\x9d\xbdm\xd7\x1b\x86\r\x89\x07\x80\xf4\xf4\xef\xecv\xbb{\x8e\x02\x01\xd6\x7f#xD\xfd\xbb\x9c\xf7\x07\x80\x18\x1c\xc8\xcc\xdc\x0f\x00Q\x91]\xfc\xc3-\xcc\xa1\xcb\xf0\xd56\x15c\x1c\x88\xd6/6\n\x00\xf2\xf2\x8e\\\xb8p\xc1\rg\xb6\x88\xeb\x99\xbbv\xed\xe2\x9c\x0f\x1e\x10\x13\xd86\x9c\xda[mF#\xe3\x1c\x14\xed\xd6\xc4\x01\x00\x90\x9f\x7f\xf4\xc4\x89\x13n\xb8\x96$\xd6\x7f#yD\xfd\xbb\x9c\xf7\x07\x80 \xbeHr\xf1x@\xbf\x82\x88\xde\xb4\x98h\xdf\xda\x1bs)q=\xb3\xa8\xa8\xa8\xb0\xf04\x00\xc4\xc7F\x01\xa8\xadx\x84\x8a+\x87}\xfbD*\x8aRWW\xef\xceW\x0e\xb1\xfe\x1b\xc7\xad\xeb\xbf9x\x7f5\x10B\xea\xea\xea\x8a\xce\x9c\x01\x00Kp \x00q\xc7\x03\xd4]pKp \x00\xd4\xd4\xd4\x9c9s\x06\xdc\xac9\x13\x1bs\xea\xd4\xa9_\xaeg\xc6D\xb4\xee\xf5Lq\xe50\xa2G\xe7\xa0\xc0\x00\x00\xc8\xcb;\x02n\xb6\xc7\x00\xeb\xbfi\xdc\xba\xfe\x9b\x83\x97\x07\x80\x18\xc8\xb3\xd9l\x85g\n\x01 \xaeO\x04(\x06\x8e7\xc1_\t!\x04\x80\xc6\xc5F\x02@M\x8d\xad\xb0\xb0\x10\xdc\xf2\x008q\xe28\x00\x18\x0c\x86\xb00\x0b\xb0V\x1e\xce\xe6\x94\xf9\x06\xf8\x06\x07\xfb\x03\xc0\x89\x13\'\xc0\xcd\xae\x1cb\xfd7\x9e\xa7\xd4\xbfkyy\x00\x08\x84\x10\x83\xc1\x00\x00\xba\xee^\xe3\xb3n\xc8\xb9\x8b\xc4\x1es+\xe2h\xcc\xcf\xcf\x07\x00Kp`\xcf\xee\x9d\xa0\xbe5W4#\x84p]\xf7\x0f\xb3\xf4\xec\xde\t\x00\xf2\xf3\x8f\x81\x9b\x05\x80\x80\xf5\xdfx\xee\\\xff\xcdA\x8a\x00\x00\xe7\x18\xa8\xdb\x1d\x9bn\xc7\xb9\x8b\xdc\xb6\xefc4\x1a\x01\x80s\xee.\x97[/n\x89\xd80\xf7\x84\xf5\xdfH\xee_\xff\xae%K\x00 \xef\xe3&gt;\x87\xa8\xfbl\tBM"K\x00\x88\x13s&lt;P\x7f\x93s\x17\xb9\xe1P\x86\xa0\xeb:\x00(\n1h\x1a\xb8\xc3\x17\xaa(\x06M\x83\x8b\x1b\xe6\x9e\xb0\xfe\x1b\xc9\xfd\xeb\xdf\xb5\xa4\x08\x00\xce\xb9Nu\x000\xca1\xaew=\x9c\xbb\xc8m\x9b\xb3\xd0\xd00\x00\xa8\xae\xb6\x9d&gt;S\nFC+6j\x9cs\xa2\xaa\xb5\x17\xac\x85Ee\x00\x10\x1a\x1a\xdaZ[ruX\xff\x8d\xe7\xfe\xf5\xefZ\xde\x1f\x00\x9cs\x83\xc1\x10\x14\x18\x04\x00\xf9\'N\x03\xc7\x85P\xaeB\xc9?q\x1a\x00\x0c\x06CPP\x10\xb8Y?HlL\xef\xde\xbd\x01\xa0\xc6V[\\r\x164\xadu;\xb5DU\xea\xaa\xaa\x8b\x8a\xcf\x01@\xef\xde\xd1\xe0~\x0f\x12\xc1\xfao\n\xb7\xae\xff\xe6\xe0\xe5\x01@\x08\xe1\x9c\x07\x04\x04DDD\x02\xc0\xb1\x13g\x80\xeb\xde\xfe\x9d^#\xce9\x80r\xecx!\x00X,\xc1\x11\x11\x11\xe0f\x07\x80\xd8\x98v\xed\xda\x9a\xcd&gt;\x00p\xe4h\x01@k.\xda\xce9\x07\x93\xe1\xe4\xe9\xe2\xea\x9a\x1a\x00\xb8\xe1\x86\xdf\xb5\xd6\x96\xfc\x1a\xac\xff\xc6s\xff\xfao\x0e^\x1e\x00N\xe2\xb9}&gt;&gt;F \xb2|\xe4kc\xf61\x01\x00\xa5\xd4\r\x17\xb6\x14Gc\xd7\xae\xdd\xda\xb6m\x0b\x00\xfb\x0e\x1c\x06\xe0\xadx\x842\xc6A1f\xe7\x1c\xb5\xdb\x1d\x9a\xa6\xc5\xc7\xc7\x83\xbb\xdej\x8b\xf5\xdfH\xee\\\xff\xcd\xc1\xfb\xabA\x9c\x92\xc7\xc6\xc6\x02@^\xfe\xe9\xeas\x15D\xc3\xf5\xd0\xaf@,l\xb0?;\x0f\x00z\xf4\xe8\x19\x18\x18\xe8n\xeba\x89\xf5\x96\xcdfs\\\\&lt;!d\xf7\xdel\xbb\xd5\xaah\xadv\xcb\xbe\xb8\xb0\xbau\xc7&gt;\x00\xe8\xd0\xa1C\xcf\x9e=\xc1\xfd\xfa\x8cX\xff\x8d\xe4\xfe\xf5\xdf\x1c\xbc?\x00\x84\xf6\xed\xdb\x01\xc0\x85\x0bV\x9b\xd5FZ\xea\xd1Q\x9e\x85(\xc0\xa8^z\xb6\x1c\x00\xc2\xc3\xc35\xb7l&amp;\xc4&amp;\x8d\x1d{\x07\xe7&lt;/\xbf`\xff\xdel0\x9b)m\x85aw\xce\xb9b4T\x95\x96m\xd9\xba\x17\x00\x12\x13\x87\xfb\xfb\xfbS\xea\xa6#\xecX\xff\xbf\xc9#\xea\xdf\xe5\xbc\xbf\x14\xc4\x01\x19\x13\xd3\x07\x00*\xab\xacy\xf9\x05`22\xbc\x1b\xfe\x7fq\xce\x15M\xb3\x96\x95\x1f;V\x08\xeez=\x13.\x0e\xb0\xdc|\xf30???J\xe9W\xdfn%\xaa\xa9U\x0eTF9\xf1\xf5\xdd\xb1=\xb3\xf0L)\x00\x8c\x1e=\x06\xdcr\x9e%\xd6\x7fcxJ\xfd\xbb\x9c,\x01\xd0\xa5K\x17\x1f\x1f\x1f\xc6\xd8\x81\xac&lt;|$\xde\xe58\xe7\xe0c:~\xfc\xf4\xd9s\xe5\x00 \xae\x19\xba!EQ(\xa5=z\xf4HLL\x04\x80\x15\xab\xd7\x9f?}Z\xf51\xb6\xfc\x17J\x14\x00\x9d.X\xbc\x92\x10\xd2\xbe}\xfb?\xfc\xe1\x0f\x00\xe0\x86KHb\xfd7\x86\xa7\xd4\xbf\xcbI\x14\x00\x1d\xda\xb7\x07\x80\xfdYGZ\xf7\xca\xa1{b\x8c\x83\xa2e\x1f\xccw\xe8\xba\xc1`\xe8\xdb\xb7/\xb8\xeb\xf5L!%%E!\xa4\xa4\xf4\xfc\xbb\xef\xad"f\xff\x16\x1e\x05\xa2\x94\x91\x00\xff\xef\xd3\xb6o\xd9\xba\x97s&gt;}\xfa\x0c\xb7\x1d\xff\xc1\xfao\x0c\x8f\xab\x7fW\xf1\xfeO(\x9e\xd1a6\x9b#"#\x01\xe0\xc7\x8cl\xbb\xd5\xaa\xb8_O\xadu\x89\x16\xe1\xfb\x1d\xfb\x00 44\xa4[\xb7n\xe0~\xd73\x05UU9\xe7\xb7\xdcrKT\xaf(B\xc8\xa2\xd4/*\x8a\x8a\x94\x96&gt;\t\xe0\x84\x90\x97\xdf\\J\x081\x99L\x93\'?\x08\xee\xba\xbb\xb0\xfe\x1b\xc3\x83\xea\xdf\xb5\xbc?\x00\xe0\xe2X^BB\x02\x00\x1c?q\xe6\xe4\xd1\x02b6\xe10hC\x8a\xaa:\xac\xd6=?\x1d\x04\x80^\xbdn\x0c\x08\x08\x10O_i\xed\xed\xba2\xc6\x98\xa6i\x0b\x16,\xe4\x9c\x9f=W\xf1\xd7\x17\xdfUZ\xf0$\x80\xeaT\r\xb6|\xf1\xc9\x9a\xef\xb7\xef\xe3\x9c\xcf\x993\xa7[\xb7n\x94R\xb7\xed0b\xfd\xff&amp;\xcf\xaa\x7f\x17r\xd3\x92u-\xf1E&amp;%%i\x9aVW_\xbfs\xcf\xcf\xa0\x19e\xb8\xc2\xd3H\x8cqb6\x1d;r\xf2\xf8\xc93\x00\xf0\xfb\xdf\')\x8a\xe2\xce\xfbGUU\xc6\xd8\xe8\xd1\xa3G\xdfz+\x00,^\xfa\xe5\xe6o6i\x96 \xdd\xd1\xec\xb7\xef3\xc6\x14\xb3\xa9\xf4\xe4\xe9\xc7\x9e\x9e\xc79o\xd3&amp;\xfc\xc9\'\x9f\xe4\x9c\xbbm\xeb\x0fX\xff\xbf\xc5\xe3\xea\xdf\x85\xdc\xb7j]H\x1c\x9c\xb1\xb1\xb1b\x18\xf4\xdb\r\xdb\x813\t\xd2\xbd\xb1\x18c\\3\xa5\xa5\xef\xae\xab\xabWUe\xc4\x88\x91\xe0\t\xe7\xbf\x9c\xf3\xc5\xef\xbd\x17\x12b\xe1\x9c?8\xfdoe\xa7\x8a\xb4\x00?\xaa7\xe3\xfd;\x9cq\xae(\xc4dz`\xea\xdc\xb2\xb3\xe5\x00\xb0h\xd1\xe2\x90\x90\x107\xef-b\xfd_\x9d\x87\xd6\xbfKH\x11\x00\xe2\x06"__\xdf\x11#G\x02\xc0O\xfbs\xab\xcf\x95\xab\xad\xba\x8e\x98[Q\x08\x10N\xb7n\xdfG\x08\x89\x8c\x8c\x8c\x8e\x8e\xe6\x9c\xbb\xe1\x84\x96\x86D\x1f\xad{\xf7\xeeK\x96\xa4\x02@I\xd9\xf9\xb1\x7f|\xecBE\x95\xeakn\xa6{89\xe3L!\xaa\xbf\xdf\x8c\xe4\xb9\x9b\xb7\xee\x05\x80\x94\x94\x94\xf1\xe3\xc7SJ\xdd|_a\xfd_\x9d\'\xd6\xbf\xabH\x11\x00Nw\xdf=\x1e\x00N\x17\x96\xac]\xfb\x1d\x98\xfd(\x0e\x83\x020\xc6\x15?\xf3\xd1\x9f\x0fo\xd9\xba\x87s~\xfb\xedw\x98L&amp;\x8f\xb8\x0f^UU]\xd7\xc7\x8d\x1b\x97\x92\x92\x02\x00{3\x0f%O}\xceZgW}|\\~\x1e\xc0(\x13\xad\xff\xdf\xff\xf6N\xea\xc7k\x00`\xf0\xe0\xc1\xf3\xe7\xcfw\xe7\xa1\xff\xcba\xfd_\xces\xeb\xdf%&lt;\xa6v\xaf\x93\xf3\x06\xa2\x1bn\xe8H\x08\xac\xfej\x13\x00S\x00\x0f\x00`\x8c\x81\xc1\xbcv\xfd\xf75\xb6ZUU\xc7\x8d\x1b\x07\x9es\xfe+2`\xc1\x82\x05\xd3\xa7O\x07\x805\xeb\x7f\x185\xe2\xc1\xf2\x0bV58Pw\xe8\xae\xea\xe1\xea\xba\xae\xf8\x98D\xdf\xff\xf9W\xdf\x03\x80\x84\x84\x84u\xeb\xd6)\x8a\xa2(\x8aG\xec+\xac\xff_\xe3\xd1\xf5\x7f\xfdd\t\x00B\x88\xae\xeb\x01\x01\x01\xf7L\xbc\x87s\xd8\xba\xfd\xa7\xe39y\xc4\xcf\x8cs!TM\xd1k\xac+V\xff\x97\x10\x92\x90\xd0?!!\x811\xe6)\xe7\xbf\x84\x10qAx\xc9\x92%"\x03\xf6f\x1e\x1a&lt;\xf4\xbe\x9d\xdf\xef\xd5B\xc2\x08!\xbaN\xaf\'\x05(\xa5\x8c2\xcd\x12R\\z\xf6\xb6[\x93E\xdf?!!!---$$\xc4\x83\xd6\x8a\xc1\xfa\xff5\x1e]\xff\xd7O\x96\x00\x80\x8b\x9d\xa0)\xc9\xc9F\x83\xa1\xa6\xa6\xf6\x93U\xeb\x89\xc1\x97\xcbq\xad\xff\xd7P\xca\x88\xbf\xff\xf6\xad{\xb2\x0f\xe6s\xce\xa7N}\xc8\xe3\xe6?\x10B\xc4\x18\xf7\x92%K\x1e~\xf8a\x00\xc8;vj\xe4m\xd3_z~\xbe\x9d\x10\xcd\x12L\x14\xd0u\xda\xa4\xb3\x01\xce9\xa5\x941\xa6\x06\x05(\x81\xfe\xabW\xfc\'a\xf0\xbdi\xe9?\x02\xc0\x90!C\xd2\xd2\xd2,\x16\x0bc\xcc\x83\x06\x7f\x00\xeb\xffJ\xbc\xa0\xfe\xaf\x13\x91\xeaB\x908ho\xbd\xf5\xd6\xf4\xf4\xf4\xb0\xb0\xe0\x9c\x8c/\xc3\xdb\x84\x80C\xf7\x94~\x9c\xcb1\xc6\xb8\x8fy\xf4\x98\xa9\xdf\xfd\x90\xd1\xaem\xdb\xec\x9c\x1c\xf1X+\x8f\xdb!\xe2\x19\xf1\xaa\xaa.]\xba\xf4\xe99s.TV\x02@Lt\x8f\xd9\x8f?p\xff\xc4\xdb\x8dA\x81Pgcuv\xc69!DQ\x08\xfc\xefg\x14G\x01\xe3\x9c3N\x00T\xa3\x01\xfc|\x81\xd2\xcd\x9bv\xcc\x7f\xfb\xa3M[v\x8b\xb7\xa5\xa4\xa4\xcc\x9b7O\xd34\x8fk\xfd\x05\xac\xffKxM\xfd_3\xcf+\xe2\xeb!\x8e\xf3\xd9\xb3gs\xce\xcf\x9e\xad\xf8t\xe5\xb7\xc4\x1c\xd8\xac\x13\x07\xdd\x19\xa5L\t\xf4\xffy\xcf\x81\xad\xdb~\x02\x80\xfb\'M\n\x0b\x0bs\xcf\xf5\x0c~\x93\x18\x0b\xa2\x94N\x9b6-\xfd\xbb\xef\x06\r\x1a\x08\x00\xd9\x07\xf3\xa7&gt;\xfcB\xc2\xd0\xfb\x96\xbe\xb7\xb2\xb0\xb0L\t\xf2\xd7,\x165\xc8\x9f\x18\rDU\x19e\xbf\xa0\x8c(\n1h\xaa\xbf\x9ff\tV-\xc1U\xd5\xb6o\xbe\xdet[\xd2\xf4\xd1\xbf\x7fX\xb4\xfe\x1d;v\xfc\xf7\xbf\xff\xbd`\xc1\x02\xb1H\xa4\'\xb6\xfe\x80\xf5\xff\xbf\xbc\xa9\xfe\xaf\x99\\g\x00\xe2\xc3\xd6\xd5\xd5\xc5\xc7\xc7\xe7\xe5\xe5\xf5\xec\xdei\xcf\x8e\x95\x01~f"\xd9\xb7.P\xc6T\x7f\xff{&amp;\xa6|\xfe\xf5f\x93\xd1\x98\xb9\x7f\x7fTT\x94\xe7\xb6n\x82\x98\x94\xa9\xeb\xfa\'\x9f|\xf2\xe2\x0b/\x9c.,\x14\xaf[,A\xb7\xdc\xdco\xf8\xb0\xfeq1\x117Ft\xf1\xf33\x9b\xc3,\xc09p\x00E\xa1\x95\xd6\xaaj[\xfe\xc93\x07s\x8f\xed\xd8\xb5?}\xeb\xde\x93\x05g\xc4/\x9a\xcd\xe6\xa7\x9ezj\xd6\xacYm\xda\xb4\x11s~&lt;\xb7T\xb0\xfe\x1b\xf2\xca\xfao*\xb9\x02\x00.6\x10\x9f|\xf2\xc9\xe4\xc9\x93\x01\xe0\xc5g\xa7\xbf\xf0\xda\x9f\xf5\x8as\x9a\xa6\xb5\xf6\xa6\xb5(J\x99\x1a\x14\xf0\xfd\x7f\x7fH\xbcc&amp;\x00L\x992e\xf9\xf2\xe5\xee?\xa5\xbd1\x9c\xe33eeek\xd7\xae]\xbcx\xf1\x81\x03\x07\x1a\xbe!4$80\xd0\xaf{\xf7N\xc0\x18p\x00M-)*+=[~\xf6l\x054\x98\x18\xd3\xb9s\xa7\xe4\xe4\xa9\x13\'N\x8c\x8a\x8a\x82\x8b\x95\xd3\xb2\x1f\xc5\xf5\xb0\xfe\x05/\xae\xff&amp;\x91.\x00\x00@L\xf2\x1d9r\xe4\xb6m\xdb\xc2B\x83\xb3\xf6~\xde\xa6]88\x1c\x8aL\x9d \xca\x181\x9bG\x8e\x9a\xf2\xc3\x8e\xcc\xd0\x90\x90\xec\x9c\x9c\xb6m\xdbzM\xf7\xc7yI\x00\x00(\xa5\xe9\xe9\xe9\x1b7n\xd8\xb2%=/\xefH}\xbd\xfd\xea\xbf\xdb\xad[\xd7\xe1\xc3\x13\x87\x0f\x1f~\xe7\x9dw\x06\x06\x06\x8a\xbf\xe0\xd1\x1d\xffK`\xfd\x83\xb7\xd7\x7f\xe3I\x1a\x00\xaa\xaan\xdb\xb6m\xc4\x88\x11\x94\xd2)\xf7\xdd\xb1|\xe5\x02\xbd\xe2\xbc&lt;\x9d ]\xd75K\xe8\xc7\xef\x7f:\xe5\xff^\x02\x80\xbf\xff\xfd\xef\xcf=\xf7\x9c\xf7u\x7f\x1a\xc6\x00\x00PJ\xf3\xf2\xf2rsssrrN\x9d*((8%\xdat\xceypppLLL\xa7N\x9d\xa2\xa3\xa3\xa3\xa3\xa3}}}\x9d\xbfB\x08\xf1\xb2F\x01\xeb_\x92\xfao\x0c\x19\x03\x00.\x1e\x03\xc9\xc9\xc9\x1f}\xf4\x91\xaa\xaaik\xfe5\xf2\x8eDZQ\xa5\xb6\xde\x03f[\x0cc\x1c\x8c\x86se\xe5}\x07M(-+\x8f\x88\xe8\xf9\xf3\xcfY\x9a\xa6\x89\xf9\x94\xad\xbdu\xae\'b\x80s\xde\xf8\x06\x8eR*\x16\x03\xf0\xca\x1d\x02X\xff2\xd5\xff\xd5I\x1a\x00b\xaaoYYY\xaf^\xbd.\\\xb8\xd0\xa3\xdb\r\x07~\xfa\xca\xc7hP$\xb8\x1a\xa6\xebT\xb3X&amp;\xfe\xe9\x91\xcf\xff\xb3\x05\x00\xd2\xd2\xd2F\x8f\x1e-C\xf7\x877p\xc9\xd1.^\x04\x00\xd1\xdf\xf7\xfa\x1a\xc0\xfa\x97\xb0\xfe\xaf\xc8\xab\xcem\x1bOQ\x14\xcey\xbbv\xed\xdez\xeb-\x00\xc8?^\xf8\xf8\xe3\xaf\xaa~-\xfd`\xa9\x96\xa7;t\xcd\x12\xb2|\xf1\nQ\xfdS\xa7&amp;\xcbS\xfd\xa2qWUU\xd34UU\x95\x06\xc4\x8b\xe2u\xafo\x01\x01\xeb_\xca\xfa\xbf"I\xcf\x00\x04]\xd75M\x9b8q\xe2\xe7\x9f\x7f\x0e\x00\xcb\x16\xfd-\xf9\x91\x07\xf5\xf2s\x9a\xc1;\x07C\xa9N\xd5\xa0\x80\xec}\x07\x07\'&gt;h\xb3\xd5v\xed\xda-++\xcbl6\xcby\xf2\x8b\xb0\xfe\xb1\xfe\xa5\x0e\x001:\\YY\x99\x90\x90p\xe2\xc4\t__\x9f\xef\xd3\x96\xf6\x1f\x1cG+\xad\xde7\x18\xca\x18\x03\x83\xa1\xb2\xda6|\xc4\xe4\xac\x83\xc74M\xdd\xb1c\xc7\xc0\x81\x03=\xf4\xa6Vt\xfd\xb0\xfe\xb1\xfe\xe5\xfd\xe4pq\x19\x99\x90\x90\x90\xcf&gt;\xfb\x8c\x10RSS;\xf1\xfe\xa7+\xce\x96\xabf\x1f\xe6]\xe7\xc2\x9cs\x06D\xf15\xcf\x98\xfe|\xd6\xc1|\x00&gt;o\xde\xbc\x81\x03\x07\xea\xba.s\xf5K\x0e\xeb\x1f\xeb_\xea\x0f\x0f\x00\x8a\xa2\xe8\xba&gt;p\xe0\xc0\xf7\xde{\x0f\x00\x8e\x17\x14\x8d\xf9\xfd\x0c[]=\x18\r\xde\xb4&amp;\x14eL\x0b\n\x9a9u\xee\x97\xdfl\x05\x80\xc9\x93\'\xa7\xa4\xa4\x88\x11\x80\xd6\xde4\xd4\x9a\xb0\xfe[{\xd3Z\x99\xec\x01\x00\x00\x9a\xa6\xe9\xba&gt;c\xc6\x0c\xb1\x96dF\xe6\xa1G\x1fyI\xf15s\xa2p\xafX,\xd7\xa1\xebZp\xd8\x07\xff\\\xfe\xc1\xf2\xff\x00@BB\xc2\xe2\xc5\x8b\xa5Z\xf3\x16]\x05\xd6\xbf\xcc0\x00\x00.&gt;W\xe4\xfd\xf7\xdf\x17k\xca\x7f\xb4j\xfd\x8c)\xcf\xaa\x01~\xa0z\xf8\xda\xb0\x9cSJ\r\x96\xf0\xd4w\x97\xcfLy\r.\xaee/nt\x92\xf6\xc2\x17\xba\x04\xd6\xbf\xb40\x00\x00\x1a\xac%\xe9|\xaeH\xea\xc7kf$\xcf\xa5\x9a\xa6\x18\x0c\x1e\xba\\"c\x8crP\x83\x83?xg\xd9\x8cY\xaf\x02\xc0\x80\x01\t\x1e\xba\x96=jVX\xff\xd2\x92z\x16\xd0%\x9c+\x07\xcc\x981#55\x15\x00\x86\x0c\xec\xf3\xed\xda\xc5\x966!zE\x95g\xcd\x8d\xa3:U}\x8c`6\xcf\x9c\xf6\x97\x0f&gt;\xfc\n\x00\x06\x0c\x18\xb0q\xe3F\xac~\xf4k\xb0\xfe%\x84;\xe2\xff\x137\n5\xec\x07\xed\xdc\x935r\xf4C\xfb\x7f:\xa8\x85\x84\xb9\xf0\x19\xb3\xcdMw\xe8jp`E\x95m\xe2\x9f\x1e\xc3\xeaG\x8d\x84\xf5/!&lt;\x03\xb8\xd4\xe5\xfd\xa0PK\xe0\xe2\x7f\xfdu\xc2\xfdwqk%s\xef\x9b\x069\xe3\x8c358d\x7f\xc6\x81i\xd3\x9e\xcf\xcc:\x02X\xfd\xa8)\xb0\xfe\xa5\x82\xbb\xe3R\xa2\x1f$\x9e3\xbe`\xc1\x02\x008_Q5q\xd2\xd3\xb3g\xbdHUU\r\xf0\xd7u7\xed\n\xe9\x0e\x9d\x98\x0cj\xb0e\xe9\xfb+G\x8cJ\x16\xd5?u\xea\xd4-[\xb6`\xf5\xa3F\xc2\xfa\x97\n\x9e\x01\\\x99X\x1dLQ\x94\xb4\xb4\xb4\x87\x1e\x9az\xe6L\x11\x00\x0cJ\x88Y\xf8\xf6\xb3\x03\x87\x0e\x84\x9a*\xddnw\x9fI\xc4\xbf\xacZ\x1cd):y\xea\xa9g\xe6\xad\xfeb#\x00\x98L\xa6\xd7_\x7f=%%\x05\x1a&lt;#\x05\xa1\xc6\xc0\xfa\x97\x04\x06\xc0\xd5\x88[E\x8a\x8b\x8b\x93\x93\x93\xd3\xd2\xd2\x00\xc0\xc7d|z\xf6\x94\xa7\x9e\x9c\x1c\x14\xde\x06\xac\x95T\xa7\x8a\xa6\xb6\xe2l2J\x19\x01P\x82\x03\xa0\xde\xb1\xfc\xe3\xff\xfc\xed\xa5E\x85Ee\x00\x10\x19\x19\xf9\xe1\x87\x1f\x0e\x192\x841&amp;\xf3R\'\xe8z`\xfd{=\x0c\x80\xdf\xe0\\)p\xe1\xc2\x85s\xe7\xce\xad\xab\xab\x03\x80^\x91]\x9f~*y\xd2\xc4\xdb\r\x81\xfe`\xb5R\x9d*j\x8b\xae!\xcc\x01\x98\xe8\xf5\x04\xfa\x03\x87\xcdi\xdb\xe7\xcd[\xbey\xeb\x8f\xe2\xa7\xd3\xa6M\x9b?\x7f~PP\x10\xde\xeb\x88\xae\x13\xd6\xbfw\xc3\x00\xf8m\xceNDNN\xce3\xcf&lt;\xb3a\xc3\x06\xf1\xfa\xe0\x01}\x9e\xfd\xf3\xf41#\x06\x98\x82-PS\xad\xdb\x1d\x84\x10Um\xde3M\xc6\x18c\\\xd3T\x08\xf0\x03\xbbc\xf7\x8fY\xffZ\xb4r\xd5\xe7\xbflRLL\xcc\x1bo\xbc\x91\x94\x94\x04\xde\xf2\x0c[\xd4\xea\xb0\xfe\xbd\x18\x06@c9\xebi\xf5\xea\xd5\xff\xf8\xc7?\xb2\xb3\xb3\xc5\xeb}z\xf7L\x995i\xdc]\xb7\x06\xb6\t\x03\xe6\xe0\xd56J\xe9/O\x15qQ\x9f\x88\x03p\xc6\x18\xe3\n!\x8a\x9f\x0f\x18\xcc\xb4\xc6\xfa\xdd\xb6\x8c\xb7\xde\xfe8m\xcb.\xf1\x9e\xf6\xed\xda=\xf2\xe8\xa3\xcf&lt;\xf3\x8c\xd1h\xc4\xd3^\xe4rX\xff^\t\x03\xa0\t\xc4m\xf1\x8a\xa2\xd8\xed\xf67\xdf|s\xf1\xe2E\xc5\xc5%\xe2G\x9d;u\x980\xee\xd6\xbb\xfe0\xe2\xa6\x9b\xe2\xc0h\x06f\x87\xdaz\xea\xd0\xc5\xc3\xa7\xc4\xd1\xd0\xa4\x7f\x8bs\xce8\xe7\x8c\x13\x02\xaa\xa6\x82\xc9\x04\x06\x13\x00=\xfc\xf3\xe1u\x1b\xb6\x7f\xf6\xef\r\xfb\x0f\xe4\x8aw\x9a\xcd\xe6{\xef\xbd\xf7\xe5\x97_\xee\xd8\xb1#`\xc7\x075\x1b\xac\x7f\xef\x83\x01\xd0d\xce\n+--]\xb1b\xc5\x8a\x15+\xb2\xb2\xb2\x9c?\x1d:$~T\xe2\xc0\xd1\x89\x03bc\xa3|C\x83\x01T\xe0:\xd4\xdb\xb9\xdd\xc1\x19g\x9c\x03p\xb1\x10\xef%\x7f\xf6\xe2\x17\xc1\tQ\x08\x01\xc5`\x00\x93\x11T\r\x00\xa8\xd5\x9aw\xb4`\xd3\xd6=?l\xdb\x97\xb6e\x97\xcdV+~\xa5C\xfb\xf6\xf7\xdd\x7f\xff\xe4\xc9\x93{\xf7\xee\r\x00\xba\xaeK\xf2@+\xd4\x8a\xb0\xfe\xbd\t\x06\xc0\xb5p\xde,\x03\x00v\xbb}\xe3\xc6\x8d\xcb\x97/\xdf\xb4i\x93\xcdfs\xbe\xa7k\xd7\x1b\xe2\xfbF\xdd|S\\\\l\xe4\x8d=\xbb\x84\xb5\x0b\x03\x1f\x13\x80\xb8$\xc5\x01.__E\xb9x[\x86\x0e\xba~\xa1\xac&lt;\xefX\xe1\xc1\xdcc;v\xed\xcf\xd8w0\xefhA}}\xbd\xf3\xadC\x87\x0e\x99&lt;y\xca\xd8\xb1c\xdb\xb6m\x0b\x00\x94R\x19\x9ed\x8b\xdc\x04\xd6\xbf\xd7\xc0\x00\xb8v\x9csJ\xa9s\x9a\xc1\xe1\xc3\x87\xd7\xad[\xb7v\xed\xda\x8c\x8c\x8c\x86\xc5\n\x00\xa1!\xc1={t\n\xb6\x04&amp;\xf4\x8d\xd24-(\xc0\xafOl$\xa7\x94\x00\x11\x7f\x87hZ\xc1\xc9\xc2\x82\xd3%DS\xb3\xb3\xf2\xce\x97W\x1e&gt;z\xb2\xb8\xf8\xec%\xffbLL\xef\xdbn\xbb\xed\xae\xbb\xfex\xd3M7\x89W\xc4\x13-p\x8e3jyX\xff^\x00\x03\xe0z\x89\xde\x90\xb8\x7fR\xbc\x92\x9b\x9b\xbbg\xcf\x9eu\xeb\xd6eff\x16\x15\x9d\xa9\xaf\xb7_\xcf\xdfo\xd7\xaemLL\xcc\x981\xb7\r\x1b6,&gt;&gt;^t\xbb\xc4?\x8a\xbd\x1e\xd4\xea\xb0\xfe=\x1a\x06\x80\xcb0\xc6\xc4y\xb1\xb3(m6[AA\xc1\xe1\xc3\x87\xb3\xb3\xb3\xb3\xb3\xb3\xcf\x9f?\x9f\x9b{\x88RZUYUo\xbf\xc2Q\x11\x1e\x1e\x06\x00\xdd\xbb\xf7\xb0X,\xfd\xfb\xf7\xeb\xd6\xad{ttt\xcf\x9e=\x83\x83\x83\x9d\xef\xd1u],\xde\xdb"\x9f\t\xa1\xc6\xc2\xfa\xf7D\x18\x00\xae\'\x8e\x84+\x96iee%c\xac\xa4\xa4\xa4\xa4\xa4\x84\x10h\xb8\xef\xfd\xfd\xfd{\xf6\xec\xc99\xb7X,\xbf\xf6\x07\xb1\xcb\x83\xdc\x1f\xd6\xbf\x07\xc1\x00hF\xbc\x0111\xb91\x83\x95\xe2\xf4V|/X\xf4\xc8sa\xfd\xbb?\x0c\x80\x16%\xf6\xb68$.\xff\xa98&lt;\xb0\xdc\x91\xb7\xc2\xfaw7\x18\x00\x08!$)\x9c&gt;\x85\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ad\xb57@.\xbc\x81K~D\x1ah\x95mC\x08\xc9\x86\\\xde\x12!\x97\xe3\x9c3\xc6\x00@U\xd5\xdf|3\xa5\x94s\xae(\x8a\xa2\xe0\xf9\x19B\xa8\x19a\x004/\xc6\x18\xe7\xdc\xd9\xeeSJ\xcf\x9c9s\xec\xd8\xb1\x82\x82\x82S\xa7\n\x08!\x9c\x03\x00\x0f\x0e\xb6\xc4\xc4\xc4\xb4k\xd7\xaeK\x97.f\xb3\xb9\xe1\xef*\x8a\x82\xe7\x04\x08\xa1\xe6\x80\x01\xd0\\\x18c\xce\xf1\x9c\xd2\xd2\xd2\x9d;w\xae_\xbf&gt;#coA\xc1\xa9\xaa\xaa\xaa+\xfe\x8a\xc9d\xec\xd8\xb1c||\xfc\xed\xb7\xdf1h\xd0\xa0\xa8\xa8(\xf1:\xa5\xb41\xa7\x0e\x08!\xd4$\x18\x00\xae\'\x06|D\x93\x9d\x95\x95\xb5h\xd1\xbb\xeb\xd6\xad/**\xba\xe4m\xe1\xe1\xa1\xc0\x19\x07 D\xa9\xac\xb4\xda\xed\xf6\x86?\xf5\xf3\xf3\xbd\xf5\xd6[\x1fy\xe4\xd1\x11#F\xa8\xaa*F\x90pP\x08!\xe4B\x18\x00.\xc6\x18\x13\xcdtNN\xce\x9f\xff\xfc\xe7-[\xb68[\xf6\xce\x9d:\xf4\xef\x1f\x1d\x1f\x1b\xd9?6\xcab\t\xec\xd1\xbd\x130\x06\x00\xa0j%E\xa5\xc5g\xcb\xb3\x0f\x1d\xcf\xca\xce\xcb\xd8w0;\'\xcf\xf9\x07ccc_{\xed\xb5\xa4\xa4$\xc0S\x01\x84\x90Ka\x00\xb8\x92\xae\xeb\x9a\xa6Y\xad\xd6\xbf\xfc\xe5/K\x97\xa6\xd6\xd6\xd6\x01\x80\xaf\xd9\xe7\xeeq\xa3\xfft\xd7\xa8\xe1C\xe3\x03\xdb\x86\x01\xa8\x00:0\x06\xf5v\x001\xb8\xcf\xc1\xa0\x81\xa6\x01\xa8\x00\x9cZ\xad{\xf6\x1d\\\xf3\xed\xd6\x95\xab\xd6\x17\x15\x9f\x15\x7f9))i\xe1\xc2\x85\x11\x11\x11\xe2\x9fh\xbd\x8f\x88\x10\xf2\x1e\x18\x00.#\x9a\xe6\xcc\xcc\xcc\xe9\xd3\xa7gff\x02\x80\xd9\xc7t\xef\xc4\xa4\xd9\xb3\x1e\xe8\xdd\xaf7\x00\x07\x9b\x8d\xda\x1d\x9c\x03!\x04\x08(\r.\xed\x8ay\xa1\x9csB@UU\xf03\x83b*=}\xfa\xfd\xd4\xcf?H\xfd\xa2\xb8\xe4\x1c\x00\x84\x85\x85-Z\xb4h\xc2\x84\t\r\xaf. \x84\xd05\xc3\x00p\r\xd1\xfa/[\xb6l\xf6\xec\xd9\xe2\x1a\xefm\xa3n\x9a\xff\xe6\x9c\xe8\xb8hp\xd8i\xb5\r\x084r&gt;\x0f\x07\xe0\x8c1\xc64\x1f\x1f0\xfb\x96\x15\x16\xbf\xfa\x8f\xf7\x17\xbd\xbf\x9aq\x0e\x00)))\x0b\x16,\xc0\x0c\xb8~\r+\x1f\xf7dKr\xeey\xce\xb9\xd8\xf3\xb8\xff[\x0b\x06\x80\x0b\x88\xd6?55u\xc6\x8c\x19\x00`2\x1a^\x7f\xe5\x89\x94\'\x93\x018\xb5\xd6\x10\x85\\\xdb\xc5[\xce9\xa5T\xc4@\xda\xb7[\x1e\x9a\xf1\xb73%\xe7\x00`\xfa\xf4\xe9K\x96,\xa1\x94\xe2\x0c\xd1\xa6b\x8c9\xb3\xb3\xe1\x97"\xae\xdb\xe3\xed\x17\xcdG\xdc\xfc(v\xfe\xe5\xd7\xb1D\xa9\x8b/\x05K\xba%a\x00\\\xafKZ\xff\x90\xe0\x80o\xbe~wH\xe2M\xac\xf2\x02p\xae\xa8\xd7\xdb\x9ap\xce)e\x9a%\xa8\xf8T\xd1\x9dw=\x96\xb1\xff\x10\\\xcc\x00]\xd7UU\xc5\x03\xa61(\xa5\xf0\xbf7\xe2UVV\x8a\xf6\x08\x00\x82\x83\x83\x9d\xaf7\x9c\xc4\x85\xae\xdf/\xfd\x98\xff\xbdpe\xb5Zm6\x9b\xddn7\x18\x0c~~~\x01\x01\x01\xce\x1f\xe1L\x87\x96\x84\x01p]D\xb1~\xfc\xf1\xc7S\xa6L\x01\x80\x1b#\xbb~\xbab^\\B\x8c^^\xa1\x19\\y\xa9Vw\xe8Z\x80\x7fEE\xe5\xd4\xa9\xcf\xadY\xff\x03\x00&lt;\xfc\xf0\xc3\xef\xbf\xff&gt;^\x13\xfeM\r\x1b\xf4\xc2\xc2\xc2-[\xb6\xec\xd8\xb1\xfd\xc4\x89\x93\xb9\xb9\x87t]\'@8@\x8f\x1e\xdd;v\xbca\xc8\x90!c\xc6\x8c\xe9\xd5\xab\x17\\\xec\xb1\xe2\xd9\xc0ur\x0e\xf2\x00@ff\xe6\xd6\xad[w\xef\xde\x9d\x9f\x9f_RRb\xb3\xd9\xc4Y\xac\x9f\x9f\xdf\xef~\xf7\xbb\xf8\xf8\xf8\xb1c\xc7&amp;%%\xa9\xaa\x8a\x19\xd0b0\x00\xae\x9d\</t>
        </is>
      </c>
    </row>
    <row r="141">
      <c r="A141" s="1" t="n">
        <v>139</v>
      </c>
      <c r="B141" t="inlineStr">
        <is>
          <t>shape_morph</t>
        </is>
      </c>
      <c r="C141" t="inlineStr">
        <is>
          <t>What is the missing shape of the part denoted with a question mark?</t>
        </is>
      </c>
      <c r="D141" t="inlineStr">
        <is>
          <t>['triangle', 'pentagon', 'circle', 'square']</t>
        </is>
      </c>
      <c r="E141" t="inlineStr">
        <is>
          <t>pentagon</t>
        </is>
      </c>
      <c r="F141" t="inlineStr">
        <is>
          <t>There are eight shapes arranged in a grid. The top left shape is a hexagon and the bottom right shape is a ?. The other shapes do not appear to regular shapes.</t>
        </is>
      </c>
      <c r="G141" t="inlineStr">
        <is>
          <t>We observe that from the top left to bottom right direction, the shapes look like a hexagon but gradually change shape into something like a pentagon. Hence, the pattern is the the shapes are morphing between hexagon and pentagon shapes.</t>
        </is>
      </c>
      <c r="H141" t="inlineStr">
        <is>
          <t>Based on the pattern that the shapes are morphing between hexagon and pentagon shapes, the missing shape at the bottom right should be a pentagon.</t>
        </is>
      </c>
      <c r="I141" t="inlineStr">
        <is>
          <t>b'\x89PNG\r\n\x1a\n\x00\x00\x00\rIHDR\x00\x00\x02\x00\x00\x00\x02\x00\x08\x02\x00\x00\x00{\x1aC\xad\x00\x00\xa6\x15IDATx\x9c\xec\x9dg|U\xc5\xf6\xf7g\xf6\xde\xa7\xf7\x93N\x08\x90F\xe8\x81\xd0\xd1P\x13P\x14\x90\x16\xba\n(U\x90\xa8\x08(\x1d\x14\xb0\x81\x85"\x88\xa0\xa2\xf7B\x00\x05\xc5KoA0\t\x90B(!!\x8d\x04\xd2Nrz\xdb\xedy1\x92\'\x7fD\x04\x05rr\xf6|_\xf8\x89!\x90}f\xcf\xac\xdf\x9a\xb5\xd6\xac\x81&lt;\xcf\x03\x0c\x06\x83\xc1\x08\x0f\xa2\xbe\x1f\x00\x83\xc1`0\xf5\x03\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X\x000\x18\x0cF\xa0`\x01\xc0`0\x18\x81\x82\x05\x00\x83\xc1`\x04\n\x16\x00\x0c\x06\x83\x11(T}?\x00\x06\x83\xc1\xdc\x0f\xfe\x0e\x00\x00\x82  \x84\xf5\xfdD\xde\x03D\xc3\x8a\xc1`\xee\xa2vi\xd4Z\x1f\x00\x00\x84\x90 \xf0\xbe\xf9q\x81\xc6\x99\xe38\xf45\x84\xf0\xcf\x03\xce0\x0cEa\xcf\xf5\xd1\x80\x05\xe0\xa1\xe18\xce3\x07\r\xdb\xa6\x07\xe4\x9e\x96\xbd\xae\x89G&gt;\xe6_\rf\xdd\t\x80\x1d\xd2\x7f\x03_\x07\x00\x00\x84\x90$\xc9?\xff\x98\xd9l6\x9b\xcdyyyV\x8b\xe5\xf9A\x83\xd0_dY\x16\xcb\xc0\xbf\x07\x0b\xc0\xc3\x81\xbc\x92\xfa~\x8a\xbf\xc4\xc3\x1f\xefqSw2\xd7z\x91\xb5\xdf\xa95\xe8\x0f(\x93\x1c\xc7\x99L&amp;\x08\xa1\xd5j\xcd\xcd\xcd\xe5y\xdel6w\xee\xdc988\xf8\xae\x1f\xe38\x8e \x08\xac\xbe\xf7\xa7\xd6\xbb\xff+\xd7\x1e\xfd\xa9\xd9d\xca\xcd\xcb\xbby\xf3fVVVQQ\xd1\xb5\x9c\x9c\xdc\xdc\\\xb3\xd9L\xbb\xdd\x00\x80n\xdd\xba\r\x1d6\xec\xed\xb9s\x01\x96\x81G\x01\x16\x80\x87\x00M\xdc\xac\xac,\x83\xc1\x00\xa1\x07\r\x1dz\x18\x1f\x1f\x9fv\xed\xda\tA\x03\x90\x11yp\x9f\xfd.\xccf3\xcb\xb2\x10\xc2\xb2\xb2\xb2[\xb7nA\x08\x8dFcff&amp;\x84\xd0\xe5r\x9d?\x7f\x9ea\x18\x8e\xe7\xcb\xcb\xca\xca\xca\xca \x84\x16\xab\x95\xa1i\xf4w\xd5ju\xeb6mZDE\r\x1a4(88\xb8c\xc7\x8e\xb5N\xab\x10F\xfe\xc1\xe1y\xfe\xfe\x91\x1c\x00\x80\xd9l6\x99L\xb9\xb9\xb9\x97.]\xaa\xa8\xa8HMK+*,,+/\xb7\x98\xcd\xb5?\x13\xa0\xd3\x99m\xb6\x96\x11\xe1%e\xe5n\x861\x9a\xcd2\x91\xa8}\xa7N/\x0c\x1d\x8ae\xe0\xdf\xe3AV\xcc\xc3A\x03e4\x1a\xc3\xc2\xc2\x8cFc}?\xce=\xd0j\xb5\xf9\xf9\xf9Z\xad\x16\x00\xe0\xc5\x96\xe8&gt;v\x96\xe78\xa3\xc9\x04!dY6;;\x9b\xe3\xb8\xa2\xa2\xa2\xc2\xc2B\x08\xa1\xc1`\xc8\xce\xce\x86\x10:\x9c\xce\xeb99,\xcbr\x1cg\xb5Z\x91\x91\xba\x0f\x04\x84]\xda\xb5\xfd=3\xab\xf6;\x81&gt;\xfa2C5\xfa\xbae\xcb\x96\x81\x81\x81111\xe3\xc6\x8d\xeb\xd0\xa1\x8305\xe0\xcf\x91\x9c{F\xc6\x9c\x0e\x87\xd5f\xbb|\xf9rAA\xc1\xfe\xfd\xfb\xcb+*\xae^\xbd\xea\xb0\xdb\x9dN\'\xfa\x01\x12\x00\x8dZEQ\x94\xd1b\x8b\xef\xd1=3\'\xa7]\xf3\xe6n\x9a\xbeVP0\xa2\x7f\xff3\xe9\xe9\xe5\x95\x95\x16\xbb=\xe1\x99\x01\x9bw%\xc9\xc4\xa2\xf6\x1d\xff\x8f\x0c\x08p\xe4\xff=X\x00\x1e\x14\x96eI\x92\x9c9s\xe6\x86\r\x1b\xa4Ri\xed\xac\xf5\x10\xd0#\xcd\x981c\xfd\xfa\xf5\xe8Q\xeb\xfb\x89\x1e\x0b(\xd8r\xe1\xc2\x85\xe2\xe2\xe2\xac\xac,\x00\x00\xcf\xf3YYYF\xa3\x91\xe7\xf9\xd2\xd2\xd2\xaa\xcaJ\x00\xa1\x9b\xa6mV\xeb=\xff\x05\x7f\xad\xd6`6\xb3\x1c\xe7\xa3\xd1X\x1d\x0e\x97\xdbM\x92\xe4\xd0~\xfdv\x1f&gt;\x0c\x00\x980d\xf0/\'O\xd5\x98L\xd1QQf\x9b\xb5\xa0\xa4\x14\x00\xb0t\xe6\x8c\xcf\xbe\xff!\xd0\xc7G\xa5\x90;\\\xee\xd6\x11\x11\xff9p`\xd4\xb3\xcf\xee9|\x98aY\xf4\xcf*\x95\xca\x8c\x8c\x8c\xf0\xf0p\xf4\x84Oj&lt;\xea\r\x96e\xef\xe3\xda\x03\x00\x8cFc^^\x9e\xc1`HKK\xcb\xcd\xcb+,,\xcc\xcb\xcb3\x9bL\xd6;\xef\xc5G\xa5\x02\x04\xe1p\xb9Z\x86\x87\x01\x00+\xaa\xab\xdd4=\xe0\xa9\x1e\xa9\x97.9]\xeei\xa3\x122s\xae\x0f\xea\xdd\xcb\xe6p\x847m\x1a\xe2\xef\xafT\xa9jjjn\xdc,yc\xcd\x9a\n\x83a\xf4s\x03\xbf\xdc\xb9K&amp;\x16G\xc7\xc4\x8c\x1e=z\xf6\xec\xd9\xc0\xab\xfd\x9e\xc7\x04\x16\x80\x07\x02\xad\xea\xbc\xbc\xbc\xe8v\xed\xec\x0e\x07\x00@.\x95J\xc4bO\x18=\x08\xa1\xcb\xed\xb6;\x9d\x00\x00\xb9L\x96\x99\x95\x15\x11\x11\xe1\x95f\x88\xa6i\x91H\xb4g\xcf\x9e\x11#F\xfc\xf9O)\x08\xb5ju\x95\xc9D\x12\x84\xafNWn0\x84\x85\x84T\xd5\xd4\x98\xadV\x00\xc0\x94\x84\x84\xcd\xbbv\x01\x00^\x199\xe2`\xf2\x99\x92\xb2\xb2n\xd1\xd1$A\\\xbe\x91G\x10\xe4\x92\xe9\xd3~9u\xda\xe5v\x8f\x1c0\x80\xe3\xf9\xb2\xca\xca\xf0\x90\x90\xf0\x90\xc6\x0e\x97\x0b\x00\xd02&lt;L"\x96HD"\x85LVa4\x9eNM\xbb\x9c\x97\xa7\xd7j\xe7}\xfc1E\x92\x00\x00H\x10.\x97+&gt;&gt;\xfe\xe0\xc1\x83&lt;\xcf{\xab\xfa"j\xdd\xfc\xda\xef\xa0HN^^^QQQ\xce\xf5\xeb\x17\xce\x9f\xaf\xae\xae\xc9\xcd\xbdn\xae\x13\xc9QH$b\xb1\x18B(\x91HbZ\xb5&lt;p\xea\xf4\xa4a\xc3\xd2\xaf^\xb59\xec-\xc3\xc2\xdbDFZl\xb6`\x7f\xff&gt;]\xbb0,\x1b\xec\xef\xafSk\x14r\x19\x04\x00R\x14`Y7Ms\x1cGQ\x14E\x91\x97so\x14\xde*M\\\xbd\xa6\xdc`\x18=p z\xad\xa7N\x9d\xea\xd9\xb3\xa7\x17\xbb&gt;\x8f\t,\x00\x0f\x04\xcb\xb2\x00\x80\xe1\xc3\x87\xa7$\'\xc7?\xfdT\xf1\xed\xdbk\xe7\xcd\x0b\x0e\x08p\xd3t\xfd:\x1d&lt;\xcf\x8bE\xa2\xd2\xf2\xf2\xc45k\x9a\x04\x05\x1d9\xf3[\xd7\xd8\xd8={\xf6\x00\x00\xbcl%\xa0\xb5\x9d\x96\x966`\xc0\x00\xb3\xc9\xc4\xde\t\xddtm\x1f\x9d\x92\x91\t\x00\xf0\xf7\xf5\x1d\xd2\xa7\xf7\x96\xa4\xdd\x00\x80\t\x83\x07\xef;~\xbcw\xe7\xce\xbe:\xed\x8d\x9b7!\x84\xd3G\x8d\xbe\x9a\x9f\xef\xa2\xdd=\xa2\xdbk4j\xb3\xc5\xa2\xd7hB\x02\x03\t\x08y\x00T\n\x85Z\xa9\x04&lt;O3\x8cH*\x05\x04\x01\x18\x86gYH\x92\x00\x00\x97\xcb\x05x\x9e\xe3y\x96eE\x14%\x91J\x01EYM\xe6\xab7\xf2j\xac\xd6\x9d\x07\x0e|\xbd\xf7G\x11E\xd1\x0c\xb3}\xfb\xf6\x97^z\xc9\x8b\xeb\x14k-\xec\xbe}\xfb.^\xbcXT\\\x9c\x93\x93\x93\x9b\x9bk2\x99j\xd3$\x88\xa8fMk,\xd6V\xe1\xe1&amp;\x8bE&amp;\x93\xd2n\xdaW\xa7+\xbau\x8b\x80pUb\xe2\xe9\x0b\x17zu\xee\xa4U\xab\xf5j\xb5N\xad\xf6\xd3\xebI\x92\x04$\xc9\xba\xdd\x04\x844\xc3\xd0\x0c\xf3\xff\xd3\xf8\x10\x12\x10\x02\x00x\x00x\x9eWH\xa5\x04I^\xcb\xcf\xbf\x92\x9f\xff\xfa\xfb\xab\\nw\xa0\x8f\xde\xb7q\xc8\x89\x13\'\xb0\x00&lt;,X\x00\xfe\x1e\x96aH\x8a\xfa\xe1\xfb\xef\xc7\x8d\x1f\xafV*E$\xf5\xdf\x8f?\x8a\xeb\x19k\xb7XH\x92\x04\xf5;\x80\x10\xb2,+W\xa9\x8e\x9eN\x1e\xfd\xe6[4\xcb\x98\xad\xd6\xefw\xec\x18;n\x1cz\xec\xfa|\xb6G\x07\xda\xd0\x9c?\x7f~\xc0\x80\x01\xd5\xd5\xd5\x00\x80\x16a\xa1\x01\xbe\xbe\x80\xe7\x9f\x8d\x8d\xa5i\xc6\xe9v)d\xf2\x01O?U^e\xe0y\xbey\xb3\xa6\x12\xb1X,\x12i\xd5j\x89H\x04\x00`X\x96\x92\xc9\x00\x00\xbc\xcb\x05!\x04\x04\xc1\xb1,\x8dl\x16\x84\x0c\xc3\xb0\x1c\x07\x01\x80\x10"i\x81\x00B\x08\xd0\xab%\xeeh&lt;J\xb6\xa3\x044E\x92R\x89\x84\x14Q.7\xddy\xf8\x88\xbc\xe2\xe2\xc8fM)\x99\xfclJ\nE\x92^Y\x1e\x8a\x84\xcdb\xb1$&amp;&amp;n\xdd\xba\x15}3@\xa73\xdb\xedQ\xa1\xa1f\x9b\xb5\xe8\xd6\xed!}\xfb\xe6\x14\x14\x94\x1b\x0cm##\x95ry\xe3\x80\x00@\x12a\x8d\x82\xb5*Ut\x8b(\x8a$\xfd\xf5z_\xbd^\xa2P\xf0.\x17\x80\x80aX\x96\xe3h\x9a\xe6\x01\x00w\xe2\xf8\xb5Y\xfd{\x82\xc6_&amp;\x91\x88d\xb2#\xc9\xc9\xd3\x96,-)/w\xd3\xf4\xda\xb5k\xe7\xcc\x99\x835\xe0\xa1\xc0\x02\xf07\xa0\xd4\x96\xddno\x17\x1d\xad\x97J\x1cn\xdaG\xa3\xfe\xe6\x83\x0f\x02u:\x86a&lt;a\x91\xf3&lt;OQTYM\xcdKo\xbfm0\x99ebQ\xb5\xd3\x95\x95\x99)\x97\xcb\xef\xbf\x90\x1a\n\xe8\x15\xd4\xd4\xd4t\xe9\xd2%??\x9f$I\xadJu\xf8\xab\xafb\xda\xb6\xe1i\x9aa\xd9?|v\x8ec].R$\x02\x00\xb8].\x00\x00\xc7q\x0c\xcb\xfe1\xc3!D\x1ee\xad/\t\xeb\xc41\xfe\xd9(q\x1c\xc7r\x9c\\\xa1\xb8\x9a\x9b\xfb\xcdO\xfbN\xa4\xa6f\\\xbb\xb6l\xe9\xd2\xc5K\x96x\x9f\x19B\x9f(77w\xc2\x84\t))):\x8dF\xa3T6m\xd4H"\x16]\xb9\x91?&lt;&gt;\xfe\xe2\x95+\n\x994\xae{\x0f\xb9B\xee\xabV7\xf2\xf7\x8fl\xda\x94\x80P\xaf\xd3\xa1h$\xc70&lt;\x00\x0c\xc3\xd0\x0c\xc3r\xdc\x1f\xb2\n!\xfcG\xe3\xcfq\x1c\x84\x90\xa0\xa8\x8e\xc3\x86\x97W\x1b\xc4"qyU\xd5\xd1\xa3G\xfb\xf5\xeb\xe7}\x83\xff\xf8\xc0\x02\xf07\xd4\xcd\xfd\x8a(J\xa3R\x9d\xfb\xe1\xfb\x88f\xcd\xccf\xb3\xe7L2\x96e\xd5ju^aa\xf7\xb1\xe3L\x16\x0b\xcd0^\x93\r\xae-\xf2\x8b\xef\x1f\x7f\xf4\xc8\xd1\x96\xe1\xe1yEE;?\xf9x\xe8\xb3\xcf\x1a\r\x06\x92  \x84\x7f\x9c\xcc\x82\x90 \x88?\x1a\x06\xfc;\xcb\xfeP\xb0,\xab\xd6j\x07L\x9ct\xf8\xecY\xb1H\x04 &lt;w\xee\\LL\x8c\xd7\xa4aj_\xc1\xe1C\x87\xc6\x8c\x1d[]]\xdd\xbcY\xb3\xeb\x85\x85\xdd\xa2\xa3g\x8d\x1fg\xb7;\xc2\x9b5\r\xf1\x0f\xd0\xa8\x94j\xa5\x92$\x08J"\x06\x1c\xcf\xb3\xac\xcb\xedF\x16\xbfn\xda\xe0\x11:%\x1c\xc7\x89\xa5\xd2\xe2\xd2\xd2\xc4U\xab\x8f\xa7\xa48\\\xae\xf0\x88\x88+\x97/S\x14\xe5\x1d\xae\xcf\x13\xc0\x1b&amp;\xe8\xe3\x83\xe38\xe4\xf5l\xdf\xb6\r\x00@3L\x8f\xf6\xed\x1b7jdA\xc1\x1f\x8f\x81$I\x8b\xc5\xd2\xb8Q\xa3\x1e\xed\xdb\xd3\x0c\x03\x00\xd8\xbem[nn.I\x92\x7f[\xe6\xe8\xe1 \xd3\x93\x98\x98x\xf4\xc8\xd1 \x7f\xbf\xf2\xaa\xaa\xcf\xdf}\xe7\xd9\xd8X\x8b\xd1(\xa2(\x14i!I\x92\xa2(\x8a$\t\x08I\x82@\xaa\xf0\xc4L\x00$\x08\xb7\xd3\xf9\xc9\xbc\xb75J\xa5\x9b\xa6\xddn\xf7\x9c9s\xc0\xff=\x83\xd6pA\xe5\xfc\x14Em\xd9\xb2e\xc03\xcf8\xed\xf6\xc6\x81\x81\x15\x06\xc3\xday\xf3\xfe\xf7\xe5\xa6\xb1\xcf?\xff\xca\xa8\x84&gt;\x9d:5\t\nT\xc9\xe54M;\\.\xb3\xd1d\xb6X\xacv;\xc3\xb2,\xcb\x12\x04A\x92$I\x92\xe8\xac\xdc#|)\x04A8\xed\xf6\xc8\xe6\xcd\x87\xc5\xc7;\\\xae\xa8\xd0PSe\xc5\xf7\xdf\x7fO\x10\x04{\xa7:\x0bs\x7f\xf0\x0e\xe0~ \x0fz\xc4\x88\x11\xe7N\x9d\xea\xdb\xbd\xfb\xcd\xb2\xdb\xdbV\xae\x0ci\xd4\xc8\xe1t\x12\x1e\xe6_p&lt;/\x93Jo\xde\xba5q\xe1\xc2\x90\xc0\xa0\xe3\xe7\xceu\xef\xd5k\xf7\xee\xdd\rz\x13\x80\x82\xce[\xb6l\x992e\x8a\\*\xf5\xd5\xeb\x9e\xef\xd5k\xe5\xec\xd92\xa9\xd4C\xe2o\x08\x86e5&gt;&gt;\x1fn\xdc\xf8\xf9\xf7?\x04\xfa\xfa\xa6eg\xaf_\xbf~\xc6\x8c\x19\rz\xf0A\x9d\x94obb\xe2\xbau\xeb\xd4J\xa5\xd9jm\x15\x1e\xbed\xe6\xcc\x84g\x068\x9c\xce\xda$\nq\xc7\xbb\x7f\xf2\x0f\xc9\xf1\xbcX,\xfaz\xcf\xdeSi\xe7\x7f&gt;qB\xa1Vg_\xba\xe4\xef\xef\xef5;\xb0\xc7\n\x16\x80\xbf\x04\xcd\xfe\xd3\xa7O\xf7\xea\xd5\x0b\x00\x10\xe8\xeb\xbbc\xcd\xea\xbe=zX&lt;)\xf8S\x17\x96eUj\xf5\xf1\xb3g\xc7\xcf\x9b_VU\x05\x1axm\x1c\xb2\xfeG\x8f\x1e\x8d\x8f\x8f\x87\x10\xb6\x8e\x88\xd0k\xd4\xff\xf9\xf0C\x7f\x1f\x1f\x87\xd3\xe9ik\x9b\xe39\xa9L&gt;w\xcd\x07\xdf\xee\xdbgw\xb9Db\xf1\xc5\x8b\x17\xc3\xc3\xc2\xc0\x03\x9fO\xf64\xd0\xf8WWW\x8f\x1e=\xe6\xc8\x91\xc32\x89D\xaf\xd56o\xd6t\xe9\x8c\x19={\xf40WW{H\xa2\x9b\xe58\xa5Bq6==v\xfc\x04\xbdFc\xb2X:w\xe9r\xfa\xf4i\x92$q \xe8oi\x90S\xf3\xc9\x00\x01\xe08n\xc9\x92%\xd1Q\xcd\xbbF\xb7\x93I\xa5\xa1!!.\xcf3=\xb5\x10\x04\xe1r:CCBdRi\xd7\xe8v\xd1Q\xcd\x97,Y\xc2q\\C\\\x01(\xecPPP\x900j\x94N\xa3\x11\x8bDF\xb3y\xff\x86\r:\x8d\xc6\x03\xad?\x00\x80\xe7\x01\x01\xe1\xa0\xde\xbdk\xccf\x97\xcbe\xb5X\xd6\xacZE\x10D\x03\r\xc1\xd14MQTZZZ\x97\xae]\x8f\x1c9\xac\x94\xcb\x03|}\xc3\x1a7NZ\xbb\xb6g\x97.&amp;\x83\x01\x99\xd7\xfa~L\x00\x00 \t\xc2f\xb3um\xdb\xf6\x93\xb7\xdfn\x12\x14$\x16\x8b\x7f\xff\xfd\xf7\xd5k\xd6\xe0@\xd0\x83\xe0q\x0b\xc9C`Y\x96 \xc9\xefv\xec8y\xf2d^\xf1M\x7f\x9d~\xdf\xfa/B\x83\x83\xe9\xfa.\xfc\xbf\x0f\x10B\x9a\xa6C\x83\x83\xf7\xad\xff\xc2_\xa7\xcf+\xbey\xf2\xe4\xc9\xefv\xec H\x92a\x98\xfa~\xba\x87\x00\x19M\xbb\xdd\x9e\x90\x90`5\x9bi\x86\xe9\xd2\xb6\xed\x86\xc5\x8bTJ\xa5\x9b\xa6=\xd0\xfa\x03\x00H\x82\xb0Z\xad\xfdz\xf5\\&lt;}\xfa\xb3\xb1\xb1\x03{\xf6\xdc\xb3{\xf7\xc5\x8b\x17)\x8ajX\x1a\x80R\xbe"\x91h\xdb\xb6mqqq\x85\xf9\xf9&gt;Z\xadN\xad\xee\xdd\xa5\xf3\xb1\xed\xdbd\x12\x89\xc9l\xf6\xb4S\x0e\x04A8]\xae\xc4W_\xd1(\x95\x0e\xa7\xd3O\xaf\xffj\xd3\xa6\x1a\xa3\x91$I\x1c\xe1\xb8?8\x04t\x0fP\xdd!M\xd3Ou\xef\xce\xd8\xedW\xf3\xf3\x83\xfd\xfd\xd3\x7f\xfa\x91\x82\x10\x95\x0fz,\xe8\xf1\x18\x9e\xef\xf0\xc2\xd0\xd2\x8a\x8a\x96aa\xa4Lv6%E\xd4p\xea"\xd0\xe0\x13\x041q\xe2\xc4\xed\xdb\xb7\xfbh\xb5!\x81\x81#\xfb\xf7\x7f\'q\x8e\xb1\xbc\\\xe4a\xa6\xe7.x\x9e\x97I\xa5c\xe7\xbe\xfd\xd3\xb1cn\x9a\xee\xd0\xa1Cjj\xea_\xf5\xc6\xf1@j\xa3\x85\x9f~\xfa)Je7i\xd4\x88\xe7\xb87\'\xbe\xfc\xfa\xc4\x97\xad&amp;3_\xa7\xc2\xca\xa3\xe08N"\x95^\xcd\xcb\xdb\xb4sW\xb9\xc1p099a\xf4\xe8\xed\xdb\xb7{\xf1\xa1\xbcG\x82\':S\xf5\x0eJ\x1f}\xf8\xe1\x87\x17\xd2\xd3I\x92\x9c9f\xcc\xbe\xf5_(d2\xcf\x0f\xa7\xa0\xb0\x95B&amp;\xdb\xb7\xfe\x8b\x99c\xc7@\x08/fd|\xb0zu\x03\x8aE\xa0\xba\x91iS\xa7n\xdf\xbe=80P"\x16wi\xdb\xf6\x9d\xd9\xb3&lt;\xdf\xfa\x03\x008\x9e\x87$\xd9*&lt;\x1c\xedT\xd2\xd3\xd3\xbf\xfc\xf2\xcb\x86R\x8b\x85\xac\xbf\xc5by\xf5\x95W\xe6\xcc\x99\xe3\xef\xe3\xa3U\xa9,V\xeb\x7f&gt;\xfe\xe8\xf5\x97^2\x1bM\xc0S\xad?\x00\x80 \x08\x87\xdd\x1e\xdd\xae]\xb0\xbf\xff\xc5+W\xd4*\xd57\xdf|\xb3a\xc3\x06\x8a\xa2p \xe8&gt;\xe0\x1d\xc0\xdd\xa0\x01\xa9\xae\xae\x8e\x89\x8e\xb6Z\xad\xd5&amp;S\xff\x1e=\x0em\xfb\xdal46\x94Tj\xdd\xcat\xf4\x9d\x9c\x9c\x9c\xc8\xc8H\xe4Y\xd7\xef\xb3\xdd\x1f\xe4\xaf-[\xb6l\xe9\xd2\xa52\xa9\xd4\xe1t\xbe;u\xca\xdb\xaf\xbc\x02!\x84\r\xa7\xdd\xa3T*MHL\xac6\x99/\xe7\xe5Y\x9d\xce\xecK\x97BCC=|\xf0Qg\xb7\xdc\xdc\xdc\xf1\xe3\xc7\xa7\xa6\xa6\x867\t)*\xbd5\xb0g\xcf/\x16/\n\xf6\xf3\xb3\xdal\x9e?\xf9Q\xa3\x08\x17M\xcf\\\xbe&lt;\xe9\xd0a\x89DLQ\xa2\x8b\xe9\xe9\r:\x15\xff\xb8\xc1\x83r7\xe8\x84\xe1\xe2%K\xca+*\xfa?\xf5\xd4\x8c1cV\xbf\xf1\x06\xedr\xc1\x863\x81\xfe\xa8L\x9f?O!\x93\x05\xf9\xf9\x857n\xbcz\xd5j\x8f\xba\xc0\xe0\x9e\xa0\x92\xff={\xf6,]\xba\xb4Q@\x80\xc3\xe9|\xbeW\xaf%\xb3f\x89H\xb2\x01Y\x7f\x8e\xe3X\x86Y\xb7`\xc1\x95\xbc\xbc\x1a\x93\xd9a\xb7\xbf:e\x8a\x87\x0f&gt;\xda\xa0\xa4\xa7\xa7w\xef\xde=555\xa2I\x93\x9b\xb7\xcb\xa6\x8c\x1c\xf9\xc9\xfc\xf9\xc1\xfe~\x96\x86`\xfd\x01\x00\x10\x00\x9e\xe7}u\xba\xe9\xa3\xc7\x10\x90p:]6\x9bmM\x83\xda\xfe&gt;y\x1a\x8cQ{2\xa0]prr\xf2\x86\xf5\xebY\x9e\xff\xef\xaf\xbf\x06\xf9\xfav\xe8\xd0\xden\xb7{\xec\xe6\xf7\xcf\x10\x10\xba\\\xae\x96\xe1\xe1?|\xf4\xe1\xb3\xb1\xb1.\x9a\xde\xb6}\xdb\x993gH\x92\xf4\xd8\xed0\xd2\xdd\xeb\xd7\xafO\x9b:U!\x93\xf1\x1c7\xa2\x7f\xffUo\xbe\t\x00\xf0\xe4\xc4\xfb\x9fA\t\xc9\xe0\xc0\xc0\x97\x87\x0eeXF\xa5P\xa4\x9d;{\xea\xd4)O\x1e|\xe4\xfe\xbf\xf3\xce;\x06\x83\x81\xa2(\x93\xc5\xf2\xde\xeb\xaf\xafy\xf3\x8d\xa6\x8d\x82\xacV\x1b\xd5\x10\xac?\x82$\x08\x93\xc9\xd4\xfb\xe9\x1e\xefL}\xf5\xd9\xd8\xa7\xe3\xbaw\xdb\x9d\x94t\xee\xdc\xb9\x06\x97\x8a\x7fbx\xb4c\xf2\x84A\x87\x1e9\x8e\xeb\xde\xbd{\xee\xb5k6\x87C\xabR\x9f\xf9\xe1\xfbf\x8d\x82&lt;\xea\xd8\xd1\x83\xc0\xf3&lt;I\x10\x0e\x9a\x0e\x8b\x8b7Y\xadj\xa522*\xea\xdc\xb9s\x8f\xfc4\xe6\xa3\x02\x05\x7f\xe6\xce\x9d\xfb\xd1G\x1f\xc9\xa4R\x9a\xa6\x7f\xdd\xfce|l\xac\xa9\xba\xba\xc1%\xf1Pw&amp;\x87\xcb\xb5\xf4\x8b/l\x0e\xe7\xbe\xa3G\x1b\x87\x85\xa5\xa6\xa4xfe:\xb2\xfeeeeQQQ\xe8\x86\x9c\xe5\xb3f-\x9a\xf3\xba\xad\xa6\xa6\x81\x9e\xa5\xba\x93\x8a\x9f{\xe1\xf2\x95\x9bee:\xbd&gt;33\xd3\xcf\xcf\x0f\xe0@\xd0\x9f\xc0\xc3\xf1\xffA\x8d\x1f\xd6\xacYs\xe1\xc2\x05\x7f\x1f\x9f~\xdd\xbamX\xbc\xb0ED\xb8\xdb\xed\xf6\xb4E\xfb\xb7@\x08i\x96\xd5\xa8\xd5\x9b\x97-\x1b\xf0\xd4S\xfez\xfd\x85\x0b\x17\xd6\xacY\xe3\x99\tI\xd4C\xbf\xbc\xbc\xfc\xc7={\xfav\xed\xda8\xc0\x7f\xe1\xb4i\xf1\xbdz\x19\x1b\xa0\xf5\x07\x00@\x08\xddn\xb7V\xa3y\xa1_\xdc\xd6={j\xac\xd6\x8c\xf4\xf4\xf7\xdf\x7f\xdf3c\x11h_r\xe8\xd0!\xb3\xd9\xcc\xf3|\x80\x8f\xcf\xeb\xe3\xc79\x8c\xc6\x06j\xfd\x11n\x9a\x1e3p\xa0X$b9\xae\xbc\xbc\xfc\xed\xb7\xdf\xf6\xcc\xc1\xafw\x1a\xea\x0b~\xe4\xa0\x1c\x9d\xc1`\xd8\xb2i\x93\x8fV\x9bW\\L\x91d\xc2\xe0\xc1\r(\xf7{\x17$A\xd8,\x96\x84\xc1\x83H\x82\xc8+.\xf6\xd1j\xb7l\xdad0\x18j;\xa6y\x0e\xe8\x86\xde\x1d;v\xdc((\xb8\x94\x9b\xfbll\xec\xacqc\xed&amp;S\x03\n&gt;\xdc\x05I\x926\xab\xb5S\xdb6\xbd:uB\x16v\xf9\x8a\x15\xd7\xaf_\xf7@\x01F\x96q\xd7\xae]\x04A\x90\x04\xd1\xff\xa9\xa7\xd4\x1a\x8d\x9ba\x1a\xae\xf5\x87\x10\xd2\x0c\xf3\xc2\xa0A]\xda\xb6eY6\xbaE\x8b\xff\xfd\xfc\xf3\xb5\x9c\x1c\x1c\x08\xfa3\r\xf5\x1d?rP\x0cz\xd1\xe2\xc5\x95\x95\x95\xfd\x9fzj\xfa\xe8\xd1+^\x9f\xedv8\x1aP\xee\xf7\xcf@\x82p;\x1c+^\x9f=c\xf4\xe8\xf8\x1e=\xca+*\x16/Y\x02\xef4F\xf6\x10\x90\xfb\xefp8v\xfe\xe7?\xed\xa2\x9aW\x9bL\x05%\xa5z\xbd\xbe\xc1\x85\xdd\xee\x82\xe7y\xb9T\xbaa\xc9b\x85L\xd64\xb8\x91R&amp;\x9d6m\x1a\xf0\xb0&amp;q\xc8\xef\xb1Z\xad\xbf\xff\xfe;\xea\x9e\xfdL\xec\xd3\x00B\xd0\x90G\x1e\x00@@\xe8\xa8\xa9\xf9`\xee[Kg\xce\xd4k\xd4v\xa7\xf3\xc5\t\x13,\x16K\xed\xc5\xc5\x18D\x03\xb6n\x8f\x10\xb4\xdb\xcd\xcd\xcd\xfdv\xdb6\x87\xdb\xfd\x9f\x03\x07\x82\xfd\xfdc\xda\xb7w4\xa8\xdc\xef\x9f! t\xd8\xed1\x1d:\x04\xf9\xf9\xfd\xf7\xd7_y\x087\xac_\x7f\xf2\xe4I\x8f:%\x8f\x9e\xe4\xc7\x1f\x7fL\xbbp\x01\x02\x98\xf8\xe2\x84\xb5\xf3\xe7\xbb\x1aT\xd9\xd5=!\x08\xc2f\xb3\xb5\n\x0f\xdf\xf6\xde{\x01z\x1f\x8e\xe3O\x9c8\xb1a\xc3\x06\x0f\xcc\x06\xa3\xd0\xff\xe0&gt;}\x96\xbc6\xb3C\xcb\x96n\xa7\x93l\xc8\xd3\x1e\xa0(\x1cM\xfb\xfb\xfb\xab\x14\xf2\xb2\xaa*\x85\\\x9e\x96\x96\xf6\xce\x82\x05\x1e\xb8\x03\xab_\x1a\xf6\x1a{T\xa0&lt;\xd8\xfc\xf9\xf3U2\xd9\x84\xc1\x83zw\xee&lt;\xb8O\x1fW\x03\xa9~\xbb?$I:\xcd\xe6\x91\xcf&lt;\xe3\xa3\xd5\xba\xddn?\xbd\xfe\x835\xab=\xca\xb3FI\xe9\xefv\xec\x00\x00d\xe6\xe4d\\\xbd\x16\xde\xb4\x89\xdb\xf3\xfa\xad\xfe\x03H\x92\xb4\xda\xed\xcf\xf7\xedc\xb6Z\xadv;\x00\xe0\xddw\xdf\xad\xae\xae\xf6\x9c\xaaP$EG\x8f\x1e5\x1a\x8dg32\xf2\n\x8b\x9a\x06\x055\xac\xb2\xab\xbf\x82"ISM\xcd\x1b\xaf\xbe\xda\xb3c\xc7\n\x83A.\x93}\xe1y\xdeO\xbd\x83\x05\xe0\x8f\xd2\xcf]\xbbv\xed\xdd\xbb\xb7\xdaj=z\xee\xf7\x85\xd3\xa6\xb6m\xd9\xc2\x85\xee\x0el\xe0\xa0\x84dTD\xf8\x86\xc5\x8b^\x1d1\xa2}\x8b\x16\xc7\x8e\x1d\xdf\xb5k\x97\x87\xf8\xa1h\xefu\xf9\xca\x95\xac\x0b\x17\xdaDF\x92$9uT\x02\x80\x90o\xf8#\x8f\xe08N"\x16o]\xb9\xc2_\xaf\x8f\xef\xd1CJ\x10\x1f~\xf8\xa1\xe7\xd8 \x14\xe8\xdf\xb5k\x17\x84\xb0\xaa\xa6\xc6l\xb5\xca\xe4r\xd6[|d\x82 \x9c6\xdb\xbcW_\xf5\xd1j\xed\x0e\x87\xbf\x8f\xfe\x83\xd5\x9e\xe5\xfd\xd4;B\x17\x00\xe4\xfb\xd34\xbd|\xd92\x00\x80\xdb\xed&amp;\t"\xbcI\x13\xa7\xc3\xe1\x05\x1e(\x82$I\xb3\xd1\x980p`\xf1\xed\xdbG\xce\x9eu\xd3\xf4\xf2e\xcb\x90\x97W\xef~(z\x80uk\xd7\x96UV\x06\xfa\xfa\xae~#\xb1w\x97.\x0e\x9b\xad\xe1f \xef\x82$\x08\x9b\xd5\xda\xb5}\xf4\xe6\xe5\xcblv\xbb\xd1f[\xbbv\xad\x874\x89C\t\x80\x92\x9b7O\x9d:\x85^\xc4\xa4\xe1\xc3\xbc\xc9&gt;\x12\x10\xba]\xae\xd0\x90\x90\x8d\x8b\x17O\x1a6\xaceh\xd8\xb1\xe3\xc77\x7f\xf9\xa5\x87x?\x9e\x80\x97,\xb3\x7f\x0c\xf2@7n\xdaTRT4\xe6\xb9\xe7\xfav\xed\xba~\xd1\xc2f\xcd\x9a\xb9\x1a`\xe9\xe7\xfd\x80\x90e\xd9\x89C\x87\xc6u\xef&gt;\xe6\xb9\xe7J\x8a\x8a6n\xda\xe4\t\x85q\x04A0\x0cs\xfc\xc4\t\x1e\x80\xa3\xe7\xceU\x18\xaa}\x03\x02\xdc\x0c\xe3EC\x0f\x00\x84\x1c\xcb\x85\x04\x06\xfe\x9e\x95\xe5t\xb9\\.\x97\x87\\\x19\x86\xde~\xce\xf5\xeb.\xa73,$$\xacq\xe3N\xad[\xbb\xbd\xc8\xf5\x01\xe8\xb2&lt;\xb3y\xe43\x03jL\xa6[\x95\x95\x04AL\x9d6-==\x1d\'\x03\x10\x82\x16\x00\xe4\x01UWW/]\xba\xc4d\xb3\xfdt\xec\xd8\x80\xa7\x9f\x1e\x1c\x1fo\xaa\xaen\xb8\x05\x88\xf7\x04\xf5L\x1f5xP|\x8f\x1e?\x1d;f\xb2\xd9\x96.]R\xef\xc1hT\xfd\x99\x9c\x9c\\SQ\x11\xd6\xb8qX\xe3\xc6\x83\xfb\xf4a\xbc"\xfa_\x17\x02B\xbb\xc3\x11\xd3\xa1\xc3\x07o\xbc\x11\x12\x18\xd8\xb9M\x9b\xe4\xe4dO\xc8\x06\xa3W\x7f\xe5\xca\x15\x92 zu\xe9\xfc~\xe2\x1c\xbdZM\xb3\xacW\xb9&gt;\x00@\x08mv\xfb\x9a7\xdf  t\xd34E\x92\x93\'Ov\xb9\\\xb8"\x08\x08\\\x00P\xe9\xe7G\x1f}$\x850\xbeG\x0f\x99D\xd2:&lt;\x8c\xa1i/3@\x08\x08\x00\xe3v\xb7\x0e\x0f\x93I$\xf1=zH\x00D\xc1\xe8z\xf4\x83\x90\xfc,Y\xba\x94"\xc9\xd8N\x1d\'\x0c\x19\xdc\xa1UKO\xber\xe7\x1fC\x91\xa4\xa5\xbaz\xf6\xcb/\r\x8b\x8f\xcf+.\x96H$\xf3\xe6\xcf\xcf\xcd\xcb\xab\xdf\x92\\4\xce\x87\x0e\x1d\xe2x~\xdb\x9e\xbd\xdb\xf6\xfe(W*\xbd&amp;\x01P\x0b\x84\x90\xe5\xb8\xc8\xc8\xc8I\xc3\x87\xa1R\xd7\xf4\xf4\xf4\xa4\xa4\xa4z\x17`O\xa0\xfe\xa3\xc0\xf5\x05ZxyyyQ-Z\x10\x10v\x8f\x8e~{\xf2\xa4\xc1\xfd\xfaY,\x16\xef3@\x08\x8e\xe3T*\xd5\xfec\xc7\xd6|\xb5\xf5\xe2\xd5\xab\x90 \x92\x93\x93;\xc4\xc4\x80\xfahT\x89\x82o\xd7\xae]\xeb\x14\x13cs8\x00\x00\xc7\xbe\xde\xda\xbb[7\xab\xd5Jz\xe3\xf8\xb3\x1c\xa7P(N\xfe\x9e\x127y2\xfa\xce\xe4I\x93\xbe\xda\xba\xb5\xbe\x1a\xd6\xd7v\x80\x88\x88\x88\xa0\x08\xa2\x91\xbf\xdf\xca\xd9\xb3\x87\xc4\xc7\xdb\xbct\xfcy\x9e\x97J\xa5\xc3f\xcdn\x16\x1cls8\x0e\xfc\xf6\xdb\xb9s\xe7\x9a5k\xe6\xe1]Z\x1f7\xc2\xfd\xe4&lt;\xc7\x11\x04\xb1j\xd5\xaa\xd0\xa0\xa0@_\xdf\xdf\xd2\xd3C\x82\x82h\x9an\xe8G`\xee\x07\x844M7\x0e\x0c\xfc=3\xd3\xe9r9\x1c\x8e7\xdf|\x93\xa8\xa7(\x10\xfa\xa5\xef\xbd\xff\xbeZ.\x1f\xfb\xdcs\xcf\xf7\xee\xd52,\xcc;\xaa?\xef\x89\xa7]\x19\x86\x9c\xdf\x83\x07\x0f\xda\xedv\xb3\xd5Zi\xa8\xee\xd9\xb1#\xed\xbd\xe3\x0f!t8\x9d\xfb7m\xec\xd0\xb2\xe5\xaeC\x87\xca\xcb\xcb\xa7x|\x97\xd6\'\x80@\x05\x80eY\x92\xa2\xbe\xf9\xe6\x9bo\xbe\xf9\x86 \x89&gt;]\xba\xfc\xb2qc\xfb\x96-\x9d\xde\xbb\x00@\x9d`\xf4Gs\xe7jU\xaai\xa3F\x15\xe4\\\xdbT\x1fE\x11\xe8\xf4oYY\xd9\xde={\xcakjN_\xb8\x90\xf8\xe2K\x01\xfe\xfe\xee\x06~\xfa\xf7\xfeP$i\xad\xa9Y&lt;c\xbaZ\xa18r\xf6\xac\xd1l\x9e\xf2\xea\xabn\xb7\xbb^\x82\xd1h\x9c\xf7\xed\xdb\x87~{\xbfn\xdd|\xfd\xfd]^q\x02\xe0\xaf@B\x9bq\xf5\xaa\xd5f\x93J$G\x8f\x1e\xf5\x84LL\xfd"D\x01\xa8\xcd\xfd\xce~\xfdu\x9e\xe7!A\xde\xaa\xa8\xe8\xd8\xaa\xa5w\x14\xfe\xdf\x1f\x8a$m55\x93G\x0cOM\xda%\xa2\xa8\xe2\xb2\xf2\x05\xf3\xe7WWW?\xe1\x06A\xb5\xee\'\xedvs\x1cWU]\x1d\x1c\xe0\xcf\xb8\xdd^\xac\xbe\x08\x8e\xe7\t\x92l\x11\x16F3\x8cT*\xbdp\xf1\xe2G\x1f}T/6\x08\xa5\x7f\xf2\x0b\n\xba\xb4i\xb3\xe0\xd5W\xc7\x0f\x1eL\xd3^&gt;\xfe\xa8$w\xcd\xdbo\xb5o\xd1\xc2\xe9r\x01\x00\xe6\xcf\x9fo6\x9b\x85\xbc\x0f\x10\xa2\x00\xd4\xe6~\x15\x14\x15\xd7\xbd\xbb\xc5j]\xbfh\xa1\x8fNG{\xb5\xfbY\x0b\xba3\xd2\xedr}\xb5{w\xbf\xee\xdde$\xf9\xd1G\x1f=\xc9l$r\xff\x9dN\xe7\xaaU\xab\xdaFF\x0c\x8d\x8f\x9b9nlTD\x84S\x00\x02\x8c\xca\xb1\x96\xcez\xadw\xe7\xceN\xa7\xd3W\xa7[\xb3f\xcd\x8d\x1b7\x9ep \xa86\x01\x90\x97\x9b\x9b\x9d\x97w\xe4\xdc\xd9@\x7f?\xc8\xf1\xde\x1c\xff\xbc\x93\r\x16\x8b\xc4\xeb\x17-T\xc8d#\x9fy&amp;*$d\xc6\xcc\x99\x9eP\x0f]_\x08N\x00P\xee\xf1\xfa\xf5\xeb\xabV\xaf.\xaf\xa9q8\x9d_.]\x12\xd6\xa4\xa9\xd3\xe5\xf2n\xf7\xa7\x16\x82 \xec\x0eGD\xb3f;?\xf9\xd8\xe9t\x96\xd7\xd4\xacZ\xbd\xfa\xfa\xf5\xebOl\x19 \x01&gt;v\xec\xd8\xf5\xeb\xd73\xaf\xe7\x16\x95\x94\xce\x1e?\xdei\xb7\x0b$\x17\xc7\xf3&lt;\xcd0\xeb\xdeY0\xb4_\xbff\xc1\xc1f\xb3y\xc6\xf4\xe9\x1c\xc7=\xf9\x1d\xd8\x91#G\xecv{\x80\xafo\x85\xa1ZJQ@\x00^0I\x10v\x9b\xadC\xcb\x16\x97~\xde\xdf\xafk\x97\xeb\xc5\xc5\xdf\xef\xd8!\xe4\x8a A,\xb9\xba \xdfg\xf5\xea\xd5a\xc1\x8d\xfc}|~KOo\xd2\xa8\x11I@!\xcc\xfe\xba\x90\x04\xd180\xf0\xb7\xf4t\x7f\x1f\x9f\xb0\xe0F\xabV\xadz\xc2\x1b\xe1\xdd\xbbwSh\xd5A\xe8\xab\xd35\xf4\xde\x9f\x0f\x0ej\x12\x17\xdd\xae]\xd7\xe8v\xe7\xb3\xb3E"\xd1\xe1#G\xbe\xfb\xee;\x92$\x19\x86yb\xcf\x00\x00HJJ\x82\x10\xde\xaa\xa8\x18\xd4\xbbw\x9b\x96-\xed\xdeu\x04\xec\xaf\x80\x10\xb2,\xd7\xd8\xdf\xff\xbd/7\x9b\xadV\x11E\xcd\x9a5\xab\xac\xac\xcc\xd3\xba\xe4&gt;\x19\x84%\x00,\xcb\x12\x04q\xea\xd4\xa9m\xdb\xb61,706\xf6\xe7\r\x1b:\xb4l\xe9p8\x04\xe2~"\x08\x82p8\x1c\x1dZ\xb6\xfcy\xe3\x86\x81\xb1\xb1n\x9a\xd9\xbe}\xfb\xf1c\xc7\x9e\x80\x1f\x84v`W\xae\\\xf9y\xdfO\xfd\x9f\xea\xf1\\\xaf\x9e\x89/\xbd\xe8\x95\xe5\xe7\xf7ADQ\xd6\xea\xea\x19c\xc7\xb6k\xde\x9c"\x88vQ\xcd?[\xb7\xce\xe5v?\x99L\xcc]\x1d \\nw\xaf\xce\x9d\x01\xef\xe5\xf1\x9f\xbap&lt;O\x92\xe4\xc6%\x8b!\x84&lt;\x00\xe5\xe5\xe5\xf3\xe7\xcf\x17f H@V\x0f\x01!\\\xb3j\x95\xbf^_|\xfb\xf6\x9e#Gz\xc4tp8\x1c\x02\xf1=\xeb\x02!t8\x1c=\xda\xb7\xff\xe9\xe8\xb1\x92\xf2r\x00\xc0\x94i\xd3\xd0\xddg\x8f\xd5\x06\xa1\xf8\xcf\xf6\xed\xdb\r5\xc6_O\'\xab\x15\xca\x84\x01\x03\xac\r\xf9\xee\x97\x7f\x06*K\xffv\xf5\xaai\xa3F\x11\x90\xb8\x98\x91\xf1\xc4\xae/\xffs\x07\x88\xee\xed\xa3]\xc2p\xff\x11\xa8$\xf7\xb9\xb8\xb8IC\x87\x92\x106o\xd6\xec\xbb\xef\xbe;v\xec\x18EQB\x0b\x04\tH\x00P\xd7\xcf\xa4\xa4\xa4\xa3\xc7\x8e\xb5m\xde|j\xc2\xc8-\xcb\x96\xa9U*\xef;\xfb\xfe \xa0[\x93tZ\xed\xbaw\xe6\x03\x00\xa2BC\x8d\x15\x15\xdf\xff\xf0\xc3c\xb5A\xb5W?\xeeI\xda\xd5\xb7k\x97\xe6\xcd\x9a\xf9h\xb5"\xa9\x94\x13X\xfc\r\xa0M\x98\xcd\x16\xdd\xba\xf5\xe5\xbc\xbc\x8ck\xd7\x00\x00\xcb\x96-\x7f2W\x86\xdd\xb3\x03\x04#\xb0U@\x10\x84\xddby\xff\xcd7\xc6\x0f\x1e\xcc\xf3&lt;\xe0\xf9i\xd3\xa6Y,\x16\xa1U\x04\tE\x00P\xe8\xbf\xaa\xaaj\xda\xf4\xe9\x0c\xcb\x1e\xfb\xfd\xf7\x82\x92\xd2\x91\xcf\rt\xd8l^y\xee\xf1A I\xd2n\xb3\x8d|\xe6\x99\r\x8b\x16uh\xd1\xc2\xcd0o\xbd\xf5VUU\xd5\xe3[\x03\xb5W?\xe6\x17\x16]\xc9\xcf\xef\xdf\xa3\xc7\xca\xd7g;\x1b\xf8\xad;\xff\x18H\x10n\xa7\xf3\xe3\xf9o\xab\x14\x8a\xa6\xc1\x8d\x94\xf2\'te\x98@:@\xdc\x1f\xd4\x03\xd8\xdf\xcf\xef\xe9\x98\x0e\xb9EE"\x91(//o\xc1\x82\x05B\x0b\x04\t\xc5\xf6q,K\x10\xc4\xa6M\x9b8\xb7\x1b]\xf32uT\x02C\xd3\x02\xd2\xfa{\xc1r\x9cH$j\x1b\xd5\xfc\xbf\xff\xfb\x9f\xd5\xe1\xe0\xdd\xeeM\xa8K\xe8\xe3\xd9\x08#\xd3\xb3;)\t\x00PVYUZQ\xa1\xd1h\xbc\xe3\xfa\x91\x7f\x00\x01\xa1\xd3\xe9l\x13\x11\xb9u\xc5\x8a\'ve\x18J\x00\x94\x97\x97\x9f:uJ)\x97\xb7\n\x0f\x9f\x920Rh\xd6\x1fA\x91\xa4\xb9\xa6\xe6\xe5\x11#\x86\xc7\xc7\xb9\xdcn\x89X\xbc~\xfd\xfa\xe4\xe4dAU\x04\tb\xbf\xc3q\x1c\x04\xe0F~~\xfb\xf6\x1d\xc2\x1a\x05uk\x1f\xdd48\xf8\xdd)S\xacVkC\xbfw\xf0\xdf\xc3q\x9cT*\xfdh\xdb\xf6\x82\x92\x92\xdf32\xf2o\xdf\xce\xcc\xc8\x08\r\r\x05w\xec\xf5\xa3\x02\x85\xe0\x8e\x1c=:f\xc4\x88Nm\xda\\/*\xfa\xe6\xfd\xf7\x9e\xee\xd4\xc9\xe2\xa5\xcdg\x1e\x10\x1e\x00\x92\xa2b\x86\x0e\xbbVP\x00\x00\xd0j\xb57n\xdc\xd0j\xb5\x10\xc2\xc7\xa1\x8b\xa8\xf5\xd0\xb6m\xdb&amp;M\x9a\x04\x00P\xc9\x15\xf9G\x0e)e2\xa1\x85\x80\x10\x1c\xcf\x8bE\xa2\xca\x9a\x9a\xe8\x17\x86\x1a-\x16\xa5\\\x16\xd9&lt;\xea\xdc\xef\xbf\x13\x04\x81.\xaa\xab\xef\x07|\xec\x08b\xe1\xf1&lt;\x0f\tb\xf5\xaaU6\x9b\xf5Rn\xee\xbec\xc7\xa7\x8e\x1c\xe9t\xb9\x84S\xf6p\x1f \x84,\xcb\xbe:b\xf8\xbec\xc7.\xe5\xe6\xda\xac\xd6\xe5\xcb\x97?\xber\x94uk\xd7\x1aL\xa6\xe2\xdb\xb7\xe7L\x98\xd0\xb1m[\x9b\x80Cp\x88z\xb92\xecZN\x8e\x9fV;\xa8O\x9f\x97\x87\xbe\xa0W\xab\x05r\x04\xf2\xcf\x10\x10\xba\\\xae\xe0\xa0\xa0\x8d\x8b\x17\xc5u\xeb\xe6\xa3\xd5]\xb8xq\xd5\xfb\xef\x0bg\x13\xe0\xfdk\x8f\xe38\x92$/^\xbc\xb8g\xcf\xee\x81={&gt;\xd7\xb3\xe7\xe4\xe1\xc3\xd5\x02\x8e&lt;\xdc\x05\n\x86\xaa5\x9a\xc9\xc3\x87?\xd7\xb3g|\x8f\x1e;w\xee\xcc\xca\xcc|\xb4\xd9H\x94\xfe\xad\xac\xacLNN\x86\x10^\xcd\xcfg9V\xaeP\x083\xf8P\x97;W\x86\xb5\xffr\xe9R\x8b\xd5Zc\xb5~\xf2\xc9\'\x99\x99\x99\x8f\xe9l0\x92\xf6\xe4\xd3\xa7\x1d.\x97B.\x1b\x16\x17G\x0b\xa9\x00\xf4\xcf\x90$i1\x99\x12\x06\x0f&amp;\x08\xa2\xa0\xa4D$\x12\xad|\xef\xbd\xc77\xfe\x9e\x86\xf7\x0b\x00\x00\x80\xa6\xe9\xd9\xb3f\x19M\xe6Cg\xce\xc8\xa4\x92\xe5\xb3^\xa3\xbd\xb1\xe9\xfc?\x86 \x08\xda\xe9\\&gt;\xeb5\x99Tr"%\xc5\xedv\x8f\x1d7\xced2=\xc2l0ZK;w\xee\xb4X,&lt;\x00M\x83\x82&amp;\x0e\x1b\xea\xb0X\x04\xee\xfe\xff\x01\x84,\xc3D6mr%?\x9fa\x18\xda\xed\x1e\xf7\xa8\xc7\x1f\x81\x0ea\x14\x14\x14dddX\x1d\x8e\xff\x1e\xf8\xb5\xd2X#\x11\x8b\x85\x10\x07\xbe\x0f\x90 \\6\xdb\xba\x05\xf3\x03}}9\x8ec\x18\xe61\x8d\xbf\x07\x82\x97\x1f\xe6\xff\xc3\xf3\x80\x07\x00\xb5\x87|\xb4\xa7R\xd1B\xaa\xa8\xa8x\x84\xff\xa6\xd7\x02\xe1#\x1f\xff\xba\xd8\xedv\x81\xc47\xfe1\x8fu\xfc=\nA\x08\x80H$\xfa\xec\xf3\xcf\xb5\x1a\xf5\x80\xa7\x9fv8]\x8b?\xffB$\x95\na\x7f\xf7\x80p\x1c\'\x92J\x17\x7f\xf1\x85\xdd\xe9\x0c\x0e\x08\xd0\xa8\xd5\xdf\x7f\xff\xbd\x8f\x8f\x0f\xaa\x9d}$\xbf\x02U^\xbd\xf6\xdak*\x95\n\x02Pt\xfb\xf6\xb6\xbd?\xcaT*\x1c\x02\x02\x00\x00\x9e\')*\xb7\xa8\xb8UX\x18EQ"\x91\xe8\x87\x1f~x\xb4\xe3\x8f@5\x8em\xda\xb4\xe9\xd8\xa9\x93B&amp;\x1b\xfd\xdc@?\xad\xce\xdb\xae\xbf~xx\x8e\x93(\x14sV\xad.\xab\xaa"\x08\x82\xa2\xa8\xc74\xfe\x1e\x88\xf7\x0b\x00\xca\xa7\xc5\xc4\xc4\x0c\x1f&gt;\xe2\xd7\xd3\xa7\x0f\x9c&gt;\xbdu\xcf\x1e\xb3\xc9$\x12\x89\xbc~\x7f\xf7 \xf0&lt;/\x12\x89\xcc&amp;\xd3\xd6\xdd{\xfe\x97\x9c\\|\xeb\xd6\x88\x11#\xda\xb7o\xcf0\xcc#\x8c\x92\xa1T\xb3\xbf\xbf\x7fll,\xcf\xf3-\xc3\xc2H\x82\xb4\x0b&gt;\x03\x0c\xd0MaJeJF\xc6\xd4\xa5KUJ\xa5N\xa9|\xe3\x8d7\xa2\xa3\xa3\x1f\xed\xf8\xd7\x82\xfc\x9e\xd8\xd8X\xb9Db\xb3;\xf6\x1e=*\x82\x82k\x84U\x17\x96eU\x1a\xcd\xae\xfd\xfb9\x8e\x0bm\xdc\x98\xa6\xe9\x85\xef\xbe\xfb\xf8\xc6\xdf\xd3\xf0\xfe \x17\xb8G\x19h\xfb\xd0\xc6\x8d\xdf\x9a\xf8\xb2\x13g\x02\xeeU\x06\x9a\x91\x9e\x1e\x1e\x16\xc6\xe32\xd0\'\x02.\x03\xadGp\x19\xa8 \x16\x1e\xda\xf9FDD\xcc\x9f?\xaf\xa4\xac\xec\xab\xdd\xbb\xdfY\xbb6%+\x0bW\xa1\xb0\x1c\'W(R\xb2\xb2\xdeY\xbb\xf6\xab\xdd\xbbK\xca\xca\xe6\xcf\x9b\x17\x11\x11\x81\xb2\x85\x8f\xf6w\xa1\xb2\xa2\xf8\xb8\xb8\xc8\x16-\x0e\xfd\xf6[AI\xc9\xdao\xbf\x83\x04!p\xf7S)\x97\xffr\xfc\x84Z\xa9T\xca\xe5\x00\x80\xf7\xde{O\xaf\xd7?\xbe\xe0\x03\x8a\xc5\r\x1c8P\xa9T\xea5\x9a\x90\xa0\xc0\xd3\xe7\xcf\x0b\xb3\x1b\x07@\xc1\x1f\x99l\xce\xfb\xefW\x9bL"\x8a2[mk\xd7\xad\x13\x89D\xe0\xce\x8di^\x8f \x04\x00\x00@\x90$\xc7q\xd3\xa6M\x83b\xb1R&amp;\x1b\xfd\xec\xb3\x97r\xae\xd34-d\xdf\x13\x00@\x12\x04M\xd3\x97r\xae\x8f~\xf6Y\xa5L\x06\xc5\xe2i\xd3\xa6q\x1cG&lt;\x9e\xd6l(\xfe0b\xe4H\x00@\xa0\x9fo\xb0\xbf\xbfI\xc0\xb18\x8e\xe7\xa5Riv^\xee\xe4E\x8b\xca\xab\r\x04\x01\xfb\xf4\xe93c\xc6\x0c\xb4UzL\xbf\x145=\x0e\x08\x08\xe8\xd5\xab\x97\xd5n\xbfr\xe3\xc6\xe6]I\xc2\\\x05\x0c\xcb\xaau\xba\xed\xbbw\xef9rT"\x16\xbb\xdc\xee\x993g\xc6\xc6\xc6&gt;\xd6\xf1\xf74\x84\xf2\xe2QE\x97\xaf\xaf\xefG\x1f}$\xa6\xa8\xf4k\xd7f\xacX\x91t\xf0\xa0\\\xa1\x10lE\x04\xcb\xb2r\x85"\xe9\xe0\xc1\x19+V\xa4_\xbb&amp;\xa6\xa8\x8f&gt;\xfa\xc8\xd7\xd7\xf7\xb1\xba\x9f&lt;\xcf\x8f\x1f?&gt;\xacY\xd3Vaa\x87\xcf\x9e]\xf8\xe9gR\xb9\\\xb0\xee\xa7X*}s\xf5\x07\x16\x9b\xad\xa8\xf4\x96\xd5\xee\xdc\xb4i\x13x\xfc\xbe\'\x92\xe1\x01\x03\x06\x10\x10N\x1c&gt;l\xe2\xb0\xa1v\xe1E\xe1P\xea\xab\xa2\xb2\xf2\xcc\xc5\xf4\xc8\xa6Mi\x9a\x8e\x88\x88X\xb5j\xd5\xe3\xd8\xfbz2B\xfa\xa8\x04\xc1q\xdc\xb8\xb1c\xb5\xfe\xfe9\x05\x05\x00\x809\xef\xaf\xae1\x1aE\x14%@\x0f\x94\xe7y\x11E\xd5\x18\x8ds\xde_\r\x00\xc8)(\xd0\xfa\xfb\x8f\x1b;\xf6\xb1.\x00\x94\n\x0e\x08\x08\x18&gt;2\xe1xJ\xea\xf5\xc2B\x83\xd1H;\x9d\x02l\x06\xc7q\x9cL\xa1\xc8\xbc|\xb9uDD\xfb\x16-\x00\x00K\x96,n\xde\xbc9\xba\xb2\xe2\xb1\xfej$0\xadZ\xb5b9\xeeTj\xda;k\xd7U\x9b\xcd\x14I\nj\x15p\x1c\'W\xa9\xde\xf9\xf8\x93\x1d\xfb\xf7C\x08\x01\x84\x9b6mR\xa9TB\xa8\xfc\xa9\x8b\x80\x04\x00m\x02\xc4b\xf1\xe6M\x9b\x00\x00\x8d\x03\x02^\x88\xebw6#C&amp;\x93\tj\xea#x\x9e\x97\xc9dg32^\x88\xeb\xd78 \x00\x00\xb0y\xd3&amp;\xb1X\xfc\xb8\x17\x00:\x89\xfa\xf2\xcb/\xfb\xe8\xb4\x03{\xc6\x9am\xd6]\x87\x0e)5\x1aF`\xfb0\x08\xa1\xd3\xe9|q\xfe\x82M;wr&lt;\x17\xd3\xbe\xfd\xbc\xf9\xf3\x9f\x8c\xfb\x89~ET\xf3\xe6\x12\xa94\xff\xe6\xcd\xfc\x92\x92s\x19\x99\x12\x99L8\xfb0\x96\xe3\x94J\xe5\x81\xa3G\xbf\xfe\xf1G\x96\xe7\xaf\x17\x16N\x980\xa1_\xbf~\x0c\xc3\x08\'\xf8\x83\x10\x90\x00\x00\x00P\x8b\x8f\xbe\xfd\xfa\xbd\xfc\xf2\xcbb\x11\xf5kr\xf2\xa0\xe93\xd2\xaf^\x95\xc9d\x82:\x16\xc0q\x9cL&amp;K\xbfzu\xd0\xf4\x19\xbf&amp;\'\x8bE\xd4\xcb/\xbf\xdc\xb7_\xbf\'\x10\xfdD\xfb\xb0V\xadZ\r\x1a\xf2\xc2\xe1\xdf\xce\x1e8uz\xed7\xdf\n-\x04A3\x8cR\xaf\xdf\xf0\xc3\x0fY\xd7\xaf3\x1c\x97\x95s}\xf6\x9c9\x12\xb1\x18\xdd\x96\xf3\xb8\x7f;J\x034\x0e\t\xe9\xd5\xab\x17\x84P"\x16\x9fJK\x03B*\x06% dYv\xfa\xb2\xe5&lt;\xcfC\x00\x02\x02\x02V\xaf^-\xb4\xe0\x0fBp\x1f\x18\xed\x03\x16,X\x90_z\xab\xc2`x\xaaC\x87\xe2[\xb7XNp\xedPX\x8e+)+{\xaaC\x87\n\x83!\xbf\xf4\xd6\x82\x05\x0b\x9e\xf0\xe6w\xc4\x88\x11\x0c\xd2\x1b\x9e\xaf\xaa\xa9\xa1\x04\x13\x88\xe38N\xa1Pdfe\xa5dfuj\xd3\x86\xa6\xe9\xfe\xf1\xf1\x13&amp;L`Y\x96\xa2\xa8\'\xf6\x0c\x00\x80\x91#G\xf2&lt;\xdf\xc8\xdf\xff\xe7\x93\'\xb3\xaf^\x95\x0bc\x13\xc0\xf3&lt;I\x12%\x15\x15\xefN\x9d\xa2V*i\x86\xf9\xfc\xf3\xcf\x03\x03\x03Q\xa3\xec\xfa~\xba\'\x8d\xf0&gt;0Ap\x1c\xd7\xbcy\xf3\x05\xf3\xe7\x07\xe8t2\xa9t\xea\xd2e\xf9\xc5ER\x89D\x08\xb3\x1f\xa0\xe8\xa7L\x96WX8\xea\x8d7\xa5Ri\x80N\xb7`\xfe\xfc\xe6\xcd\x9b?1\x0f\x08E\x81\xfa\xf5\xeb\xd7\xbcy\xf3\xe8\xe6\x91M\x1b\x07\x7f\xb6c\x87T.\x17\xc8&amp;\x0cB(\xa2\xa89\xef\xaf\xfa\xf1\xd8\xb1\xc2\xd2R\xb5Z\xbda\xe3\xc6\'\\u\x8e\xf6y\xf1\xf1\xf1r\xb9\xbc\xbc\xaa\xca\xdfG\xefd\x18!\xf8@\xa8\xee9\xfd\xea\xb5\xb6\x83\x06\x1fKIm\xde\xa4\xc9\xb8\xf1\xe3G\x8e\x1c)\xa8\xca\x9f\xba\x08\xe2 \xd8]\xa0\x8f\\SS\x13\x1a\x16f6\x99"\x9a6\r\t\x08\xf8\xe1\xc3\x0f\xb4j5#\x8c\xbe\xb8,\xc7\x95WW\x7f\xfe\xdd\x8e\xcf\xbf\xff\x1e\x9d&lt;\xd2\xe9t\xe0\t\xd6&gt;\xa3\xe3H\xdb\xb7o\x9f\xf2\xea\xab4\xc3H\xc5\xe2\x8c\x1f\xf7\x86\x06\x07\xbb\xbd\xbdE+\xcbq*\xa5r\xd9\x17\xeb\x97m\xd8 \x95J\x9dN\xe7{\xef\xbd\xf7\xce;\xef\xa0\x01y\x92O\x82:&gt;u\x88\x89\x91\xb2l\xbf\xee\xdd{t\xe80\xa0W\xac\xd3f\xf7b/\x18\xedqI\x11\xd5}\xd4\x18t\r\xa7J\xa5*))Q*\x95\x8f\xe9\xd8\x9d\xe7\xe3\xb5/\xfb&gt;\xa0\x18\xa8^\xaf\xff\xec\xd3O!\x84&lt;\xc76\xf2\xf7\xbfp\xe5\xaaD"\xf1z9dXV\xa1\xd3m\xdd\xbd\xa7\xcb\xc8\x04\x9aa\x9a\x04\x06\xacZ\xbdZ\xaf\xd7?\x99\xe8s-\xc8\xdbz\xe6\x99gDb1A\x10\xbez}iy\x05%\x16{\xfd&amp;\x8c\x80\x90c\xd9k\xf9\xf9"\x8ar:\x9d\x1dcb\xdez\xeb\xadzq?\xd1\x86/,445;{\xd5\x96-;\xf6\xef\x17\x89\xbc|\xfcQ\xd7\x8dy\x1f|\x94q\xed\x9aT"\x01\x00\xac^\xbdZ\xadV\x0b\xad\xf2\xa7.B\x14\x00\x80\xb2\xc1\x0c\xf3\xd2K/\xbd\xf4\xd2K\x1c\xcb\x9dHM}~\xfa\xf4\x8c\xabW\xa5^}$\x92\xe3y\xb9Lv1=\xfd\xad\x0f?4Z,\x9bv\xee\x0c\x8dj1m\xea\xd4\'o\x80P=h``\xe0\xb0\xe1\xc3\x03t\xba\x9e\x1d;\xae\xfd\xf6\x9b\xf2\x8a\n\xb1Wg\x02\x18\x96U\xeat\xcb7l4\xdbl\xf1=zh\xd5\xea\xcd[\xb6\x88\xc5\xe2zq?\xd18\x0f\x192\x04\xfd\xf6c\xbf\xff^UQ!\xf1\xeaCyhs\xd3\xbeeK\xa5B\xe1t\xb9\xe2\xe2\xe2\x1e\xf7\xb1;\xcfG\xa0\x02\x00\x00\x80\x04\xc1q\xdc\x82\x05\x0b\nn\xdf.\xab\xaaz\xaaC\x87\x9b\xb7o\x8bD"o\xae\x85\xe0y\x91HTRV\xd6-:Z*\x91\xc8d\xb2\x8f?\xfe\x98\xab\'\xf7\x07\xfd\xd2w\xdfy\xc7l\xb7\xffp\xe0\xc0/\'O]\xcd\xcf\x17{\xaf\x00\xa3\xd2\xc3c\xa7N/\xdf\xb8\xf1\x7f\xc9\xc9\xbf\x9e&gt;=|\xc4\x88\x98\x98\x98\xfaj:V\xbb\t\x93\xcb\xe5j\xa5\xd2\xcfG\x7f\xfa\xc2\x05/\xee\t\xc1\xf3\xbcL*\x1d&lt;mz\xfa\xd5\xab\t\x03\x06\x04\x04\x04l\xde\xbcY\xc8\xbe?B\xb8\x02\x80R\x91w\xb2\xc1Z\xb9L6\xf1\xdd\x85\x07</t>
        </is>
      </c>
    </row>
    <row r="142">
      <c r="A142" s="1" t="n">
        <v>140</v>
      </c>
      <c r="B142" t="inlineStr">
        <is>
          <t>triangle</t>
        </is>
      </c>
      <c r="C142" t="inlineStr">
        <is>
          <t>What is the missing number of the part denoted with a question mark?</t>
        </is>
      </c>
      <c r="D142" t="inlineStr">
        <is>
          <t>['0', '7', '6', '8']</t>
        </is>
      </c>
      <c r="E142" t="inlineStr">
        <is>
          <t>8</t>
        </is>
      </c>
      <c r="F142" t="inlineStr">
        <is>
          <t>There are three groups of numbers with a triangle arrangement in the image. The first group is [7, 3, 21], the second group is ['?', 6, 48], and the third group is [2, 5, 10].</t>
        </is>
      </c>
      <c r="G142" t="inlineStr">
        <is>
          <t>We observe that the number 21 is the product of 3 and 7. Similarly, the number 10 is the product of 5 and 2. Hence, the pattern is that the rightmost number in each group is the product of the other two numbers.</t>
        </is>
      </c>
      <c r="H142" t="inlineStr">
        <is>
          <t>Based on the pattern that the rightmost number in each group is the product of the other two numbers, the missing number of the group ['?', 6, 48] should be 8.</t>
        </is>
      </c>
      <c r="I142" t="inlineStr">
        <is>
          <t>b'\x89PNG\r\n\x1a\n\x00\x00\x00\rIHDR\x00\x00\x02\x00\x00\x00\x02\x00\x08\x02\x00\x00\x00{\x1aC\xad\x00\x00\xba.IDATx\x9c\xec\x9dwx\x14\xd5\xf7\xff\xcf\x9d\x99\x9d-)\xbb\x9bF\xef\x10j(\x81\xd0C/\x01QP:\x88\xd2Q\x10\x05\x94\xa6H\x13D\x10\x84\x8f\x80\x05\xa4)M\xa4)(\x84\xd0\xab\x10\x90\x92 -\xb4P\xd3\xb7\xd7\x99{\x7f\x7f\\\xd8_\xbe4\xd3\x08\x9b\xe4\xbe\x1e\x1f\x1f2;;{\xb7\xccy\x9f{\xee\xb9\xe7 B\x080\x18\x0c\x06\xa3\xe8\xc1\xbd\xea\x010\x18\x0c\x06\xe3\xd5\xc0\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c2\x04\x80\xc1`0\x8a(L\x00\x18\x0c\x06\xa3\x88"\xbc\xea\x010^:\x84\x10\xfa\x7f\xfa\x0f\x0f\xe81\xafh\\\x0c\x06\xe3\x15\x83\x9e0\n\x8c\xc2\x01!\x04cL\x08A\x08\xf1&lt;\x9f\xc539\x8ecz\xc0`\x14\x1d\x98\x00\x14*\x08!\xb2,s\x1c\xc7q\xff?\xb8\'\xcb\xb2\xd9l~\xf8\xf0\xe1\x83\x07\x0f\x00\x10\xc0\xa3o\xbcr\xe5\xca~~~:\x9d.\xf3\x15dY\x06\x00\xa6\x04\x0cFQ\x80\t@!\x01c\x8c1\x16\x84G1\xbd\xf4\xf4\xf4s\xe7\xce\x1d9r\xe4\xef\xbf\xff\xbe{\xf7\xee\xc3\xa4$\x93\xc9\xe4r:3?\xc5\xcf\xdf_\xa5TV\xaaT\xa9t\xe9\xd2\xcd\x9b7o\xda\xb4i\xcd\x9a55\x1a\r}T\x92$\x9e\xe7\x99\x0c0\x18\x85\x18&amp;\x00\x05\x1e\x1a\xc3\xa1q\x1e\xb3\xd9\xbc}\xfb\xf6-[\xb7\x9e8~"99)\xbb\x97\xaaP\xa1B\xeb\xd6\xad\xfb\xf4\xe9\xd3\xa6M\x1bzA:\x9f`2\xc0`\x14J\x98\x00\x14`2\x9b\xfe\xf8\xf8\xf85k\xd6l\xfa\xed\xb7\xc4\xdb\xb7=\'\xf8\xf9\xfbW\xacR\xbdX\xc9R\x95\xab\xd6\xf4\xf1\xf1\xadZ\xab\x0e\x96%\xba\xfa+\xb9\xdd\xff\xc6\xfd\xe3\xb0\xdb\xaf\\&lt;\xff\xf0\xfe\xbd\xdb7\xae93\xcd\x0f\xea\xd6\xad\xdb\xbf\x7f\xff\x01\x03\x06\x14+V\x0c\x00dY~\xf1B\x02\x83\xc1(\x880\x01(\xa8`\x8ci\xa0\xff\xde\xbd{S\xa7N\xdd\xb0a\x83\xddn\xa7\x0f\x95,]\xb6qd\x9b\x96\xed\xa3\xaa\xd5\xaaW\xaaLy\xa5J\x14\x04\xc0\x04d\xe9\xff\\AP\x00\x10\x90$\xb0Z\xcc\x897\x13\xe2\xce\x9e9\x10\xbd\xe3\xf4\x89#FC\x06=\xa1x\xf1\x12\xa3F\x8d\x9c0a\x82(\x8a\x18c\x962\xc4`\x142\x98\x00\x14H$I\x12\x04\xc1\xedv\xff\xf0\xc3\x0f_~\xf9\xe5\xc3\x87\x0f\x01@\x14\xc5\x88f-\xfb\x0e|\xaf~\xe3\xe6!\xc5C0\x06\xa7\xd3\xe5r:\x1f%\xf9\x00d6\xdf\x04\xc0s\x90\xe3\x05\xa5R\xa9T\t\x92\x04wo_?\xba\x7f\xcf\xc6\xd5?^\x8a?O\xcf\x0c\x0b\x0b\x9b;wn\xa7N\x9d\x80M\x05\x18\x8c\xc2\x05\x13\x80\x82\x07\xb5\xfe\xd7\xae]\x1b4h\xd0\xb1c\xc7\xe8\xc1\xceo\xf6\x1e\xfe\xd1\x84\xaa5j\x0b\n\xc1f\xb5\xb9\xdd.\x80\xac\xa7u\x12\x8c\t!\x18\x01\x12U*\x8dFi6\xdb\xce\x9c8\xfc\xedW\xd3\xcf\x9f9I\xcf\x18:t\xe87\xdf|\xe3\xe7\xe7G_\xfd\xa5\xbd9\x06\x83\x91\x7f0\x01(H\xd0\xcd\\\x1c\xc7m\xda\xb4i\xd4\xa8Q\xa9\xa9\xa9\x00P;\xbc\xe1G\x93g4k\xdd\x91\x10b\xb3Z\xe8\t9\x8e\xd5\x10B0\x969\x8e\xf7\xf3\xf7\xb3Z,;6oX&lt;wz\xf2\xc3\xfb\x00\x10\x1e\x1e\xfe\xd3O?\xd5\xabW\x8fi\x00\x83Q8`\x02P`\xf0X\xff\x193fL\x9f&gt;\x9d\x1e|\x7f\xdcg\xef\x8d\xfbL\xe3\xa36\x1a\x8ct\'W^\xbd\x1c\x8d\xf6hu\xbewn\xdd\x9e\xfd\xd9\xb8=;\xb6\x02@@@\xc0\xf7\xdf\x7f\xdf\xabW/\xa6\x01\x0cF!\x80\t@\xc1\xc0\x93\xf03|\xf8\xf0\xe5\xcb\x97\x03@p\xb1\xe2\xb3\x16.\xef\xf0z\x17C\x86\xe5\xe5\x85\xe6%\xc9\xadV\xfb\x88\xa2\xe2\xa7\xc5\xf3\x17~9\xc5\xedr\x01\xc0\xb2e\xcb\x86\r\x1b\xc64\x80\xc1(\xe80\x01(\x00\xd0\xfd\xbd\x82 x\xac\x7f\x8d\xda\xe1\xdf\xaf\xdbV\xb2tYC\x86\xe1eo\xd7\xc2\x18\x03@@\xa0\xff\xd1\x03\x07G\xbd\xf3\x96\xc9\x90\x01L\x03\x18\x8cB\x01\x13\x80\x02\x00\xb5\xb3\xef\xbd\xf7\xde\x8f?\xfe\x08\x005j\x87\xaf\xdc\xbcK\xab\x0b\xb0X\xcc\x82\xa0\xc8\x9f1\xb8\xdd\xee\xa0`\xfd\xa9c\xc7\x86\xf7\xe9b2\x1a\x00`\xf5\xea\xd5\xef\xbe\xfb.\xd3\x00\x06\xa3\xe0\xc2\x04\xc0\xdb\xa1\x16v\xd9\xb2e#F\x8c\x80\xc7\xd6\xdfO\xab\xb3[m|\xfeZ^\xc9\xed\xd6\x07\xe9O\x1f\x7f\xa4\x01&gt;&gt;&gt;\x07\x0f\x1el\xd0\xa0\x81gG\x02\x83\xc1(X0\x01\xf0j\xa8m=y\xf2d\xd3\xa6M1\xc6U\xaa\xd5\xfc\xe5\x8f\xfd~Z\x9d\xddf\x7f%\xf9\xf8\x92\xdb\x1d\x10\xa4?u\xec\xd8\x90\x9e\x1dmVk\x85\n\x15\xcf\x9c9M\xcb\xc9\xb1=b\x0cF\x81\x839n\xde\x0b\xd5\xe6\xb4\xb4\xb4~\xfd\xfa\x11B4\x1a\x9f\xaf\x96\xae\x0e\x08\n\xb2Ym\xafj7\x96\xa0P\xa4\xa5f4i\xd9l\xc2\xf4\xaf\x01\xe0\xe6\xcd\x1b\xc3\x87\x0f\xa7\x0b\xd4\xafd&lt;\x0c\x06#70\x01\xf0^\xa8\xfb\xff\xf1\xc7\x1f\xdf\xb8q\x83\x102~\xc6\xd7\xe1\r\x1b\x182\x8c\xaf6\xe6\xaeP(R\x93\x0c\x03\x86\xbf\xffF\xcf\xb7\x01`\xf3\xe6\xcd\xbf\xfc\xf2\x0b\xcf\xf3\xb4\x8e4\x83\xc1(@\xb0\x10\x90\x97B3;\x8f\x1c9\xd2\xbaukY\x96;ty\xeb\x87\xf5[\xd2S\r\xf9\x1c\xf7\x7f&amp;\x84\x10\x9e\xe7\xdd.\xd7[m\xea\xdfM\xbc\x15\x12\x12\xf2\xef\xbf\xffj\xb5ZV,\x88\xc1(X\xb0\x19\x807B\xfbs9\x9d\xce\xb1c\xc7\xca\xb2\xac\x0b\x08\xfct\xf6B\xab\xd5\x81\xbcc\xad\x15!\xe4v\xb9\xb4z\xdd\xa4Y\x0b1\xc6\x0f\x1f&gt;\x9c:u*\xc7q,\x10\xc4`\x14,\xbc\xc2\xa00\x9e\x80\x06\x7f6n\xdcx\xe6\xcc\x19\x00\xe8?dT\xb9\x8ae\x1dvGv\x92mH\x0e\xc8\xfa\x08yA0\x19Lm;ui\xd2\xa2-\x00\xfc\xf8\xe3\x8f\x97/_f\x1a\xc0`\x14,X\x08\xc8\x1b\xa1;\xbf\xea\xd4\xa9s\xf9\xf2\xe5\nU\xaan\x8e9\x05\x08\x00\x13\xc8r\x80\x85v\x85$\x00\xd9\x8a\xc8\xc8\xb2\x9c\xf5\xdf\x03\xc6X\xa3\xd1\\\xf97\xbeo\xe7\xe6v\x9bu\xe8\xd0\xa1\xcb\x97/g\xe5B\x19\x8c\x02\xc4\xab\x0f(3\x9e\xc0\x13\xfd\xbf|\xf92\xc6\xb8k\xcf\x01:\xbdoj\x8a!\xebk\xbf\x08!\xbb\xdd\xe6r8\x00!\xc8\x8e\xc0k|\xfd\x04A\xc8\xa2\x06p\x1cg\xb5Zk\xd5\xad\x1b\xd14\xf2\xf0\xde\xdd\x7f\xfc\xf1\xc7\x9c9s\x02\x03\x03i\xfc*\xeb/\xca`0^\x15L\x00\xbc\x94\x9f~\xfa\tc\x1c\x18\x1c\xf2z\x8f\xfe\x16\xb3#\xebn\xb5$I\x01A\xda\x95K\x17\xac\xfe~!/\x08\xb2$\xbd\xf8|j\xec\x11B@\xc8\x0f\xebw\x847lj\xb5\x9a9.K/\x87\x00\xb0\x8c\xfb\r\x1eut\x7fLrr\xf2\xb6m\xdbX}\x08\x06\xa3\x00\xc1nT\xef\x82&amp;\xd8&lt;x\xf0`\xe7\xce\x9d\x00\xd0\xbcu\xc7r\x15\xcb\xa6\xa5f\xc3\xfd\x07\x00\x84\x90\xc3f3\x19\r\x08e/\xc4\xe7v\xb9\xb2\xe5\xbcs&lt;o\xb5\xda\x9bD\xb6)_\xa9\xf2\xcd\x84\xab+W\xae\x1c2d\x08\xdb\x15\xcc`\x14\x14\xd8\xbd\xea]\xd0l\xfa={\xf6\x98L&amp;\x00h\xdb\xe9\rY~\xb9\x11\x15ZK\x0eq\x1cBH\xa5\xd6\x10\x92\xbd\x85\x03Ir\xfbi5\x91m;\x11B\xce\x9d;\x97\x90\x90\xc0\x96\x82\x19\x8c\x82\x02\x9b\x01x\x17\xd4\xd6\x1f:t\x08\x00\x8a\x97,\xdd\xa0I\x0b\xbb-[\xc9?\xc0\xf3\xbc\xc5l\xef\xfe\xf6\xe0fm:\n\x02\xff\x82\x19\x00! \x08\xfc\xe4\xd1Cn]\xbf\x8a\x00\xea\xd4oT\xb3N]\x9b\xcd\x9a\xad\x97\xe3\x10r\xbbq\xdb\xa87\xd6._\xecp8\x8e\x1f?\x11\x1a\x1a\xca\xaa\x031\x18\x05\x02&amp;\x00\xde\x05\xc7qn\xb7\xfb\xe4\xc9\x93\x00P\xb3N\xfd\xe0b!F\x831[y5\x08!\xc9-\x95*S\xae|\xa5*/\x08\xff`,\xfb\xf9\x0b\x87\xf7\x1e\xb9s\xeb\x06\xdd\xc7\xdbw\xf0\xfbj\x8d\xca\xe1p\xf0|v\xc2M\x1c\xe7\xb0;\xaa\xd6\xac\x1dR\xa2\xe4\x83\xbbw\x0e\x1f&gt;&lt;p\xe0\xbbl\x11\x98\xc1(\x100\x01\xf0"\xa8\xe3\x9c\x90\x90p\xfd\xfa\r\x00h\xd0$\x92\xe7![i&lt;\x14\x84\x90\xcb\xe5r:\x1d\xcf\x0f\xe6\x10Y\xc6\x1c\xf2\xfb\xfe\x9b\xd9\xb2,!\x84\xca\x94\xaf\xd4\xaeSW\xb3\xc9\x9a-\xebO_\xcb\xedv\xeb\x03\x03\xc3\xeaF&lt;\xb8{\xe7\xef\xbfO8\x1c\x0e\xa5R\x99\xdd13\x18\x8c\xfc\x87\xcd\xd3\xbd\x08\x1a\xae\xb9u\xeb\x96\xd3\xe9\x00\x80J\xa1\xd5%)\x87U6\x11B\x1c\xc7s\xcf\x01\x00\xf9\xf9\xfb\x9f\xff\xe7\xf4\x89C\xfbx\x9e\'\x84\xf4\x1a0T\x1f\xa8\x95\xdc\xee\x9c\r[\xa1\x80\x8aU\xaa\x01\xc0\x83\x07\x0fM&amp;Sv\x17\x9f\x19\x0c\xc6+\x81\t\x80\x17A\x8d\xe6\xb9s\xe7\x01\xc0_\xab-S\xbebv\xd3r\xb2\xfeB\n\x05\xbfn\xc5RY\x96\x08!Z}\xc0\x1b=\xfb[-\x0e.G{\xb88\x84$\t\xaaT\xaf\x05\x00&amp;\x93\xf1\xca\x95+\xf0\xb8\x8f\x18\x83\xc1\xf0f\x98\x00x\x1dV\xab\x15\x00x^\xf0\xf5\xf5\xc3\x18g}\xf7o\x16!\x18\xab\xd5\xea\xab\xff^\xda\xb3c\x0b\xcf\xf3\x18\xe3\xd7\xbb\xf7+S\xbe\x8c\xd3\xe1\xc8\xb1\xd8\x10\x02\xfeZ\x1d\x00`\x8c\xedv{^\x0e\x97\xc1`\xbc4\x98\x00x\x114s\xe6\xcc\x99\xd3\x00P\xa6|E\xad&gt;P\x92\xa4&lt;\x9f\x01`\x8cU\x1a\xf1\xd7\x9f\x979\xecv\x00P\x88\xca\x9e\x03\x86:\xec\xee\x1cW\x9a\xa3\xb5\xe1J\x97\xad\xe0\xe7\xaf\x05\x80\xd8\xd8\xd3\xf0x6\xc3`0\xbc\x19&amp;\x00^\x87\xdb\xed\x06\x00_?\x7f\xa5J\x95\xe7\x81\x14B\x88R\xa5\xba{\xeb\xee\xef\xbf\xfe\xc2q\x9c,\xcb\xad\xdaw\xaeQ\xbb\x8e\xcdf\xcby\xe2&amp;B\x18c?\x7f\x7fQ\x14\xe1\xf1\xf8\x19\x0c\x86\xf7\xc3\x04\xc0\xeb\xa0.?\xceN]\xb6\xac\x83e\xd9\xc7W\xb5\xfd\xd75\x86\x8c4j\xf1\xfb\x0e~\x1fc\x9c\xfbi\x86g\xc0,\x07\x94\xc1((0\x01\xf0:\xa8\x01})\x01\x14B\x04\x85\x98\x9a\x9c\xfe\xeb\x9ae\x88\xe3$Y\xae\xdb\xa0q\xe3\xe6-\xad\x16k\x16\x8b\xff\xbc\xe8\xda\x8f\xff\xc1\x04\x80\xc1((0\x01\xf0:$I\x02\x00A\x108.\x8f-\xa9,\xcb~\xfe\x9a\xdd\xbf\xffv\xffn"\xcf\xf3@H\xbf\xc1#E\xa5\x88qn\xbb9\x12B\x04A@\x88\x83\xc7\xe3g0\x18\xde\x0f\x13\x00/\x82\x86P\x02\x03\x03\x01 \xe9\xc1}\x93\xd1H\x93\xf4\xf3\xea\xfa\xbc X,\xb6\xb5?-E\x08\xc9\x92T\xb6B\xa5\xb6\x9d\xdf\xb0\x98\xb3\xbd\xf9\xeb\t\x08!\n\x85\xe2\xe1\x83{6\x9b\x05\x1e\x8f\x9f\xc1`x?L\x00\xbc\x08j\xebk\xd6\xac\x05\x00\xa9\xc9\x0f\xedVK\x1e6W\x91e\xd9\xd7\xcf\xf7`\xf4_W/\xc5\xf1\x82@\x08\xe95`\x98&gt; \x87\x9b\xbf\xfe\x0f\x84\xf0\x82\x90\x96\x9ab\xb7\xd9\x00\xa0v\xed0`\x81 \x06\xa3 \xc0\x04\xc0\xeb\xd0\xebu\x00\xe0r:SS\x92xA\xc8A)\x88g\x82\x10\x92$\xe9\x97\xe5\xdf\x02\x00\x96e\x9d&gt;\xf0\xf5\x1e\xfdr\xbc\xf9+3\x04\x80\xe3 \xe9\xde\x1d\x00\x10E\xd1\xd7\xd7\x17\x98\x000\x18\x05\x01&amp;\x00^\x045\x9au\xea\xd4\x01\x00\x9b\xcdz\xefN\xa2B\x91\xd5\xfe\\/\x06c\xd9\xd7\xcf\xf7\xe4\xd1C\xa7O\x1c\x15\x04\x05\xc6\xf8\xf5\x1e\xb9\xdd\xfc\xe5\x81\x10\xc2\xf3p\xeb\xfaU\x00\xf0\xf3\xf3\xafR\xa5\n0\x01`0\n\x02L\x00\xbc\x08j4+T\xa8\xe0\xe7\xe7\x0f\x00\xff\x9e?\xc3\xf3\x80\xf3B\x00\x08\x01\x8e\xe3\xd6._\x02@\x08\xc1\xa22\xb7\x9b\xbf2\xc3q\x9c\xc3!\xff\x1bw\x0e\x00*V\xac\xe0\xe3\xe3\xc3\xbaB2\x18\x05\x02&amp;\x00^\x04\xc7q\x84\x902e\xcaT\xaf^\x1d\x00\xfe9u\xcc\xe5"\xb9/\xac\x8f1\xd6\xf8\xf8\xc4\xfds\xe6`\xcc\x9f&lt;/\xc8\xb2\xdc\xaa\xc3k\xd5\xc3j\xe7j\xf3\xd7c\x08!\xa2(\xa6&amp;=\xbcr\xf1\x02\x004o\xde\\\xa1P\xd0\xb66\x0c\x06\xc3\xcba\x02\xe0]\xc8\xb2\xccq\\\x93&amp;M\x00\xe0R\xdc\xb9\xbb\xb7o*\x95\xaa\\F\x81\x08\xc6J\xa5\xb0a\xd5\xf7\x92\xdbM\xfd\xf2\xbe\x83\xf2f\xf3\x17\xd0\xc2\x12j\xe5\xb9\xd3\x7fg\xa4\xa7\x02@dd\x0b`\xf1\x1f\x06\xa3\x80\xc0\x04\xc0\xbb\xa0\xa6\xb3]\xbb\xb6\x00`4d\x1c;\x18\xa3\xd6\x888\x17\x0e5\xc1X\xa5\xd6\\\xbfz\xed\xaf\xed\xbfr\x1c/IR\xbd\x88&amp;\x8d\x9a\xb5\xb4\x9a\xf3`\xf3\xd7\xa31sh\xef\x9f\xdb\t!Z\xad\xb6Q\xa3\x86\xf0\xb8\xa8\xd1+\x81&lt;\xc5\xab\x1a\t\x83\xe1\xfd0\x01\xf0.\xa8\xe9l\xd9\xb2e\xa9R\xa5\x11B\xfbw\xffN\x08\xe4\xa6 (\xc6X\xe3#\xfe\xb6v\x85\xd5b\xe1\x05\x1e\x00\xfa\x0e\x1e)*\x15\x98\xe4A\x94\x86\xc6\x7f\xd2\x92\xd3N\x1c\xdd\x8f\x10j\xd1\xa2E\xc9\x92%1\xc6\xf99\x03\xc0\x18\xcb\xb2,I\x92,\xcb\xf4\xa5\x9f\xc0s\x82$I\x18c&amp;\t\x0c\x86\x07&amp;\x00\xde\x05M\xd6\xf4\xf3\xf3\xeb\xd3\xa77!\xe4\xd4\xb1\xc3\x17\xce\x9c\xd1h49\xab\nG\x08\x11\x95\xca\x07\xf7\x1en[\xbf\x9a\xe3x\xc9\xed.W\xa1r\xdbNy\xb0\xf9\x8b\x82eY\xe3\xa3\xde\xfd\xc7o\xc9\x0f\xee\x13B\x86\x0f\x1f\x0e\xf9U\x07\x94\xdatB\x08\xc7q&lt;\xcf\x0b\x82\xc0\xf3&lt;\xc7qv\xbb=##\xc3`0\x18\x0c\x86\x8c\x8c\x0c\xa3\xd1\xe89A\x10\x04\x8e\xe3\x10B\xb2,\xcb/\xa7\xd4\x12\x83Q\xb0`-!\xbd\x0e:\t\x184h\xd0\xb7\xdf.\xb6\xdb\xac\xdb\x7f\xfdyf\xe3\xffY-\xd9\xeb\xd5N\xc1\xb2\xec\xab\xf7[\xfd\xc3\xa2\xd4\x94$\xba\xc2\xdc\xeb\x9da\xba\x00\xff\x8cT\x03/\xe4\xc1W\x8f8N\x92\xf0\xe6\xb5+\x10B\x95*Uj\xdb\xb6-\xb5\xc8\xb9\xbf\xf2\xf3 \x84\xd0\xc6\x99\x9e-rw\xee\xdc9}\xfat\\\\\xdc\x85\x0b\x17\x8cF\xe3\xf5\xeb\xd7\xcdf\x0bB@\x00\x80\x00/\xf05\xaaWW\xa9T\r\x1a4\xa8X\xb1R\xa3F\r\xabT\xa9"&lt;~\xef\xb2,#\x84X\xffzF\x91\x85\xb5\xee\xf3F\xa8\x8dk\xdb\xb6\xed\x81\x03\x07\x02\x82B~\xdb\xf3wp\xb1\xe2n\xb7;\x9b\xa1\x15\x82\x10\'I\xeew\xbb\xb5\xbbs\xeb\x06 \xd0\xea\xf4kw\x1c\xd4\x07\x06K\xd9\xbe\xd43\x90e\xd9_\xeb\xbf\xf7\xcf?F\x0f\xec.\xcb\xf2\x8c\x193\xa6N\x9d*I\x92\x90\x17\xd2\xf24\xd4\xf4{\xec\xfe\xf1\xe3\xc7\xb7m\xdbv\xf4\xe8\xd1\x7f\xff\xfd\xd7d2e\xf1"J\xa5\xb2J\x95\xd0\x88\x88\x06]\xbbv\x8d\x8a\x8a\xa2\xbd\x8b\x99\x0c0\x8a,L\x00\xbc\x11Y\x96y\x9e?x\xf0`\xeb\xd6\xad\x01\xe0\x8d\x9e\xfd\xff\xb7rmj\x8a!\xbb\xb6\x15!$\xb9\xdd\x16\xb3\x89\xe38\x02 \x8a\xa2\xc6\xc7\x97\xda\xbb&lt;\x19\'\xc7q\xddZ\xd5\xbb\x99p5(((&gt;&gt;&gt;88\x98\x86\xdd\xf3\xe4\xe2\x99\xa1\x1f\x08\x00$%%\xfd\xf1\xc7\x1fk~\xfe\xf9\xd8\xd1\xa3\x99O\xd0\xe9\x03B\x8a\x97\x0c.V&lt;(\xa4D\xd9\xf2\x15\xdcn\t\x00xA0d\xa4\xdd\xbcv\xc5b6\xddM\xbc\x99\x9e\x9a\x92\xf9)5j\xd6\xec\xd5\xb3g\xef\xde\xbd\xabU\xab\x06\x00\x92$\xf1&lt;\xcf\xf2\x97\x18E\n&amp;\x00^\n5y\xbdz\xf5\xfa\xed\xb7\xdfD\xa5r\xcd\xb6\xfd\xe1\r\x1b\x99\xcd\xd9\xae\x0e\x84\x10\xf2\xd4\x93\xc0\x84\xc8y\xd4bLr\xbb\x03C\xf4?.\\0w\xea\'\x08\xa1\xf9\xf3\xe7\x8f\x1b7\x8e.\xb1\xe6a\xfd"x\x9c\xd5\xc3q\x9c\xd1h\\\xb8p\xe1\xb2e\xcb\x1e&lt;x@\x1f\x12\x95\xcaZu\xeb7\x8elS\xb7A\x93\xd0\xea\xb5\xfc\xb5:_\x7f\x7f\x84@P\x00!@\xdf$\xc6 K\xe0p8\x8c\x86\xf4;\xb7n\\\xf8\xe7d\xec\xf1\xc3\xa7O\x1c1\x1a2\xe8E4\x1aM\x9f&gt;}&amp;N\x9c\x18\x1a\x1a\n\x8f\xe7^y8~\x06\xc3\x9ba\x02\xe0\xa5\xd0\x84\x96\x9b7o\xd6\xabW\xcfd2U\xafU\xf7\xb7\x98\xe3n\xb7\x9c\x83M\xb6\x99\xbf\xe2&lt;\xb1\xfeX\x96\xd5&gt;&gt;\xb7\x12\xae\xf5\xec\xd0\xd0n\xb3a\x8c\xabU\xab6~\xfc\xf8w\xdeyG\x10\x04\xba^\x9d\'f\xd4\xe3\xf8o\xdc\xb8q\xc6\x8c\x19\x97/_\xa6\xc7\xab\xd6\x08{\xa3W\xfff\xad:V\xa9^C\xad\x11%78\x1dNY\x96dI"O\xbe_@\x08q\x88\xe3\x15\nQ\x14E\x91\x93\xdc\x90x+\xe1\xe4\xd1C\x7fm\xff\xf5\xd8\x81\x18z\x9a&gt; `\xdc\xd8\xb1\x13&amp;L\x10E\xd1\xf3\xa2\x0cF\xa1\x87\t\x80\xf7B-\xd1\x9c9s&gt;\xfd\xf4S\x00\xe87x\xe4\xec\xff-MM\xce\x10\x14\x8aW8*B\x08\x02\x10\x14B\xdf\xd7Z\xc4\x9f=\xed\xc9\xab\x01\x80&amp;M\x9a\xcc\x981\xa3}\xfb\xf6\x90\x17\x11\x15\xba\x9cp\xff\xfe\xfd\xa1C\x87\xee\xda\xb5\x8b\x1el\xd2\xa2M\xff\xa1\x1f4\x8el\x13\x18\xa4\xb5\xdb$\x87\xc3.\xcb2\x87\x10\xa2\xcd\x13\x9e\xffr\x8f6\x05`\x8c\x10R\xaaTj\x1f\xa5\xd3.\x9d\x8d=\xb6y\xdd\xaa\xed\x1b\xd7\xd0\x9b\xa0V\xadZ?\xfc\xf0C\xb3f\xcd&lt;\xe9\xa49\x1e&lt;\x83Q `\x02\xe0\xd5\xd0x}TTTLL\x0c\x00\xcc\xffam\xcf\x01\xfd\x93\x1e\xa4+D\xf1U\rI\x92\xdc\xc5\x8a\xeb\'}0j\xfd\xca\xef\x00\xe0\x8b/\xbe\xe8\xdc\xb9\xf3\xa4I\x93\xe8\x08\x01\xa0_\xbf~\x93\'O\xaeU\xab\x16&lt;6\xe2\xd9}\tO\xd8\'::z\xf0\x90!\xf7\xef\xdd\x03\x80\n\x95C\x87|\xf0\xc9\x9b}\xdfU*E\xb3\xc9*In\x8e\xe3r6\xcf \x84`YF\x1c\xe7\xeb\xeb\'(\xd0\xc1\x98\xe8\xe5\xff\x9b\xfb\xf7\x91\x03\x00 *\x95s\xbf\xfaj\xcc\x981\xc0\xc2A\x8c"\x00\x13\x00\xaf\x86\xda\xa0\xa4\xa4\xa4\xda\xb5\xeb$\'\'iu\xfa\x1f7\xech\xd0\xb4YF\xea\xab\x99\x07H\x92\x14\x1c\xa2[\xb1t\xc9\xacI\xa3\t\x81v\xed\xda\xed\xd9\xb3\x87z\xca\x1b7n\x9c3g\xce\x85\x0b\x17\x00@\xa3\xd1|\xfc\xf1\xc7\x1f\x7f\xfc\xb1V\xab\xcd\xee\xc2\x80\xc7\xfa/Z\xb4h\xec\xd8\xb1\xf4`\xbf\xc1#\xc7|:#($(#\xddD\x08\xcd\x05\xca\x8bX\x16\x96\t&amp;\xfe:\x9d,K\xbf,[\xf2\xedW\xd3,f\x13\x00\x0c\x1e&lt;x\xd1\xa2E~~~L\x03\x18\x85\x1b&amp;\x00\xde\x0e\r\x04\x9d8q\xa2y\xf3\xe6\x18c\x7f\xadn\xd9\xc6\x9d\r\x9a6KO\xcdP\xe4\xa7\x06\x10"IRp1\xfd\xca\xa5KgN\xfc\x00\x00*T\xa8\x10\x1b\x1b\x1b\x10\x10@\x03&amp;\x1c\xc7\xb9\\\xaey\xf3\xe6}\xf7\xddwt\x9d\xb6z\xf5\xea\xe3\xc7\x8f\x1f4h\x10d9\xd5\xd2\x93\xeb9|\xf8\xf0\xe5\xcb\x97\x03\x80V\x1f0u\xee\xb7o\xf5\xedo2\xda\\.\xd7\xcb\xc81\xa5c\x0b\x0c\xf2?s2\xf6\xb3\x8f\x86]\x8e?\x0f\x00\r\x1b6\xdc\xbd{\xb7^\xafg\x1a\xc0(\xc40\x01(\x00P\rX\xbe|9\xddjK5\xa0Qd\xb3\x94\xa4|\xd2\x00\x8c1\x10\x12\\L\xfb\xd3\xe2G\xd6?   ::\xbaA\x83\x06\x1e\xfb\xe8Y;\xbd\x7f\xff\xfe\xe7\x9f\x7f\xbez\xf5j\xba\x1a\xdc\xbe}\xfb\x89\x13\'\xb6m\xdb\x16\xfeka\xc0\xe3\xfb{\xac\x7f\x8d\xda\xe1\xdf,[[\xa5z\xf5\xf44\xc3\xcb\xce\xd1\x94\xdcn?\xad\xd6j1\xcd\x9c\xf0\xe1\xef\x9b~\x01\x80\x88\x88\x88\xe8\xe8h\xa6\x01\x8cB\x0c\x13\x80\x82\x01\r\xa6{4@\xab\xd3\xcf\xfb\xfe\xe7\x0e]\xbad\xa4\x9b\t\xc1yU\xd6\xedy/\xadR\xa9\x94*\xe5\xf2\xff}\xfd\xf5\x8c\x89\x00\x10\x10\x10\xb0{\xf7\xee\x88\x88\x88\'\x12f\x08!\xb2,S\'}\xdf\xbe}s\xe7\xce\xa5\x0b\x03\x1c\xc7\r\x1c8\xd0\x93j\xf9\xbc4\x1bz&lt;\xb3\xf5_\xb9y\x97&gt;0\xc8d0\xe6O\xbcK\x96%QT\xaa5\xea\t#\x07m\xdb\xb0\x1a\x1ek\x80N\xa7\x03V\xe2\x94Q\x18a\x02P`xB\x03\x00\xe0\xfdq\x9f}8i\x06\x01b5\x9byA\xc8s\x0b\x851\xc6X\xd6\x07\xe8\x93\x1f&gt;\x9c\xfe\xc9\xa8=;\xb7\x02@``\xe0\xae]\xbb"""\x9e\xb7\xc0\x9by\xcb\xee\xaaU\xab\xbe\xfe\xfa\xebK\x97.\xd1\'\x8e\x1e=z\xcc\x981ta\x00\xfeo\xaa(\xbd\x9a\'\xeeO\xad\xbf\x9fVg\xb3\xda^\xd2\xd6\xe2g\x821\xe68\xe4\xe3\xeb;q\xd4`\xaa\x01=z\xf4\xf8\xed\xb7\xdf^\xde\x0eg\x06\xe3\x15\xc2\x04\xa0 A\xcdPtt\xf4\xdbo\xbf\x9d\x9a\x9a\n\x00M[\xb6\xfb\xec\xcbE5\xeb\xd44\x1al.\x97+\xaf\xe2$\x04c\x19c\x8d\xc6G\xadQ\xec\xfdk\xe7\xecO\xc7\xde\xbe\x91\x00\x00\r\x1b6\\\xbbvm\x95*U\xfe3Y\xde\x13\xf47\x1a\x8d\x8b\x16-Z\xbcxqZZ\x1a\x00T\xaf^}\xea\xd4\xa9}\xfa\xf4\x81\xc7\xcd\x0fh\x16)\xcf\xf3111\x1d:t\x00\x80\x1aa\xf5Vn\xd9\xed\xa7\xd5\xd9m\xf6\xfcO\xc9\'\x18#\x0e\xf9\xfa\xfaM\x189p\xdb\xc65\x000}\xfa\xf4i\xd3\xa61\r`\x14&gt;\x98\x00\x140\xa8\xad\xbcv\xed\xda\xa0A\x83\x8e\x1d;\x06\x00Z\x9d\xfe\xeda\x1f\xbc=tt\xf1\x92\xc1f\x93\xc3\xe9t\xe4*?\x12c\x00Pk4&gt;&gt;\x8a\x8b\xe7\xe3~Z\xbc\xe0\xf7M\xbf\xd0\x83C\x87\x0e]\xb0`\x81\xbf\xbf\x7f\xd6\xb7Jy\xce\xbcz\xf5\xea\xbcy\xf3V\xadZE/\xd5\xa1C\x87\x993g6j\xd4\x08\x00\xdcn7\xcf\xf3\xc9\xc9\xc9u\xeb\xd6KJz\xe8\xaf\xd3o\xda}\xbcB\xe5P\x93\xc9\xf4\xaa\x0c.\x9d\xc1(\x14\x8a&gt;\x9d\x9a\xc5\x9d=\x8d\x10\x8a\x8e\x8en\xdf\xbe=\xdb#\xc6(d0\x01(xP3\xe4v\xbb\'L\x98\xf0\xfd\xf7\xdf;\x9dN\x00\xa8P\xb9\xea\xa0\x91cZ\xb6\xef\\\xa6|Y\x97\x93\xd8mVY\x92\xe0q\xe2\xcd\x0b\xa6\x05\x8f\xfb\xa6`\x00P(\x94\x1a\x1f5Bp)&gt;&gt;\xfa\xf7\xdf~Y\xbe\x98\x96L(V\xac\xd8\xacY\xb3\x86\x0e\x1d\n\xd9\xcf\x8e\x7fba\xe0\xf3\xcf??q\xe2\x04\x00\xa8T\xaa~\xfd\xfa\xcd\x9c9\xb3T\xa9R\x00\x10\x15\x15\x15\x1d\x1d\x8d\x10\xfa\xfa\xfb_\xde\xec\xd7?-%\x7fs\x9c\x9eB\x96e\x8dFs\xfbFB\x9fN\xcd\x8c\x86\x8cb\xc5\x8a_\xba\xf4\xafV\xabe\x1b\xc4\x18\x85\t&amp;\x00\x05\x12\x8f\x15&gt;y\xf2\xe4\x94)S\xf6\xee\xddK\x8f\x87\x14/\xd1\xa5{\xbf\xd6\x1d\xbb\xd4\xaa\xdb@\xab\xf3\x95ep:]\xb4\x19\n\x10\x92\xb9\xbf&lt;\x02@\x1cB\x80\x04\x85BP(D\xa5\x80\x00\x92\x1e&amp;\xff\xf3\xf7\x91\x98?\xb7\xef\xd9\xb1\xd5n\xb7\x01\x00Bh\xd0\xa0A_|\xf1\x85\xa7\xd3K\xce\xcc\x1f\xc6\x18c,\x08\x82$I\xbf\xfc\xf2\xcb\xb4i\xd3\xee\xdc\xb9\x03\x00\xc5\x8b\x17\x9f8qbpp\xf0\xdbo\xbf\r\x00\xbd\xde\x196\xf7\xbbe\xa9\xc9\xd9.{\xf72\x90\xdcR`\xb0\xee\xb7_~\x9e8\xea]\x00\xf8\xe0\x83\x0f\x16/^\xcc&amp;\x01\x8c\xc2\x04\x13\x80\x82J\xe6\xb5\xd6\x95+W.Z\xb4(..\xce\xf3hh\xf5ZMZ\xb4\xa9\xdb\xb0i\xcd\xb0p\xad&gt;@\x17\x10\x88\x10dv\xa9\t\x01\xb7\x1bdY\xcaHKIM~\x18\x7f\xee\xf4?\'O\xfc}d\xff\xbd;\xb7=\xe7t\xe8\xd0a\xc2\x84\t4\x833O\x0c\x9f\xe7"\xc9\xc9\xc9K\x96,Y\xb0`\x81\xcd\xf6Hf\x10B\xa5\xca\x96\xdf\xb2/V\xa9T\xe5a\xbd\xd2\\"\xcb\xb2N\xaf\x1d\xf9v\xf7=;\xb7*\x14\x8a\x13\'N\xd4\xaf_\x9fe\x852\n\rL\x00\n6\x1e\xaf\xdc\xe5r\xed\xde\xbd{\xe5\xaaU1{\xf6P\xabJ\xf1\xf5\xf3\xd7\x07\x04\x96)_Q\xe3\xe3[\xb5fmY\x96\x81\x00 \x90\xdc\xd2\xe5\xf8sN\xa7\xe3\xf6\xf5\xab\x06C\x86\xcb\xe9\xf4&lt;\xa5D\xc9\x92]\xbat\x19\xf8\xee\xbbM\x9b6\x85LK\xb5y2\xe0\xcc\x11\xa1\xf8\xf8\xf8\xb9s\xe7n\xdb\xb6\xcd\xe9rIn\xf7\x17\xdf,\xeb?tXZj\x96\xdc\xff\x1c\x14\xc5\xcb\x01\x18c\x8dF}\xed\xf2\xbf=\xda5r\xb9\x9c-[\xb6:x\xf0\x00\x13\x00F\xa1\x81\t@a \xb3{~\xe5\xca\x95\x1d;w\xee\x89\x8e&gt;\x7f\xfe|rrr\xd6/R\xa1B\x85\xf0\xf0\xf0.]\xbat\xee\xdc9$$\x04\x9e\xea\xc1\x92\x87\x10B$IR(\x14\x16\x8b\xa5R\xa5J)\xa9\xa9\x11\x8d#Wo\xdbc\xb7;^`[1\xc6\x84`\x04\x88\xe39\x848:&lt;B0B\xd9^\xf4\xf6\xb4\x84\xe48\xf4\xe2]\x14\x92$\x05\x04\xea\xbe\x9a2q\xf9\xe2y\x08\xa1\xfd\xfb\xf7\xb7j\xd5\x8a\x05\x82\x18\x85\x03&amp;\x00\x85\x04j\r3\x97[HOO?{\xf6\xec\xdf\'O^O\xb8~\xe7\xce\x9d\xa4\xa4\x87\x0f\x1e&lt;D\x08\xccf\x8b$I\x82\xc0\xd7\xad[\xd7\xd7\xcf/\xacV\xadr\xe5\xca5m\xda\xb4f\xcd\x9a\x1a\x8d\x86&gt;7\x1f\x9adI\x92\xc4q\xdcO?\xfd4b\xc4\x08\x00X\xbczs\xa7n\xdd\r\xe9\xcf\xeeU\xf987\xc9G\xa9\xe4e\x19\x1cv\x87\xdb\xed\xe2y^\xa5V+\x14\x9c\xdbM\xac\x163B\x80\xd0\x7f\x0f\x98.y\xfbk\xfd\xe9\xeb\xb8\\`\xb5\x98_\xbcH.\x8ab\xf2\xc3\x07\xafG\x86Y-\x96~\xfd\xfa\xad[\xb7\x8e\t\x00\xa3p\xc0\x04\xa0\xb0A\x97[\x9f\xce\x04\xc5\x18\x1b\x0c\x06\x8e\xe3\xde|\xf3\xcd\x83\x07\x0f\xb6j\xd5\xea\xc0\x81\x03O&lt;\x97\xfa\xc5\xf9\xd3\x18\x8b\xda\xf4\xa6M\x9b\x9e:u\xaaRh\xf5_w\x1f\xe3h\'\x97\xa7\x90e\xc9\xc7\xd7\x9f\xe3P\xfc\xf9\x7f\x8e\xee\x8b&gt;\x7f\xe6d\xd2\x83\xbbv\x9bMP(\x02\x83\x82k\xd4\xae\xdf\xba\xe3k\r\x9a\xb4p\xbb].\xa7\xf3\xc5\xa2%\xcb\xb2B\xa1Pk4[7\xac\xb9\x95p\x15\x00Bk\x84u|\xe3-\xa7\xc3\xf9\x82\xb7,\xcb\xb2V\xe7\xff\xc9\x88w\x7f\xdf\xf4\x8b\xbf\xbf\xff\xe5\xcb\x97K\x94(\x91?1(\x06\xe3\xa5\xf2\xeas-\x18y\x8b\xc7\xf4?\x8e\x90\x10\xbaH\xc0q\\@@\x00\x00\xd0\xf4J\x85BA\xc3\xf1\xf4Y\xf4\x84|\xf3j\xa9\x07}\xf2\xe4\xc9\xd3\xa7O\x13B\xde\xe8\xf9v@\xb0\xee\xe9\xe4\x1f\xaaF\xfeZ\xdd\x99\x93\'\x7f\xf8\xe6\xcbC{\xff\x92%\xe9\x89K\x9d8\xbc\x7f\xc5\x92\xaf;\xbe\xde\xfd\xd3/\x17\x06\x85\x14w\xd8\xed\xcf\xd3\x00I\x92|\xfd\xfc\xec6\xcb\xe4\x0f\x06oY\xbf\x8a\x1el\xdb\xe9\x8d7z\xf6y\xf1\x8e3\x04\x801\xe9\xf9\xf6\x90\x1d\x9b\xd7\x9bL\xa6\xf5\xeb\xd7\x7f\xfc\xf1\xc7\x9e\x95\x0c\x06\xa3\xe0\xc2\xd6\xb2\n-\x08!\x9e\xe7\x05A\xe0y\x9e\xe38j\xeei\x00\x04\x1e/\xa2r\x1c\'\x08\x02=\'?\xfdY:\x86\xcd\x9b7\xcb\xb2,*\x95\x91m\xa3\xec6\x89\x7f\xcaps\x089\x1d\x8eE_\xce\xe8\xffZ\x8b\xfd\xbb\xff\xc0\x8f\xe5\xea\xff\x82x\x9e\x8f\xde\xb1e\xd0[\xedS\x93\x1f\x8aJ\x91\xeeix\xe2\xe5dY\n\x08\xd4]\xbb\x14\xff\xf6\xeb\xad\xb7\xac_%\x08\n\xa5R)\x08\x82\xaf\x9f\xf6?\xe7\xc0\x1c\xcf\xdb\xac\xf6\x1au\xc2\xcbW\xaa\x0c\x00[\xb6l\xa1\x0b\xe39|\xf3\x0c\x86\xd7\xc0\\\x98\xa2\x02z\xcc\xab\x1e\x08\x00\x00\xcf\xf3\xb2,\x1f:t\x08\x00j\xd6\t\x0f\xadQ\xcba\xb7\xa3\'bV\xb2\xec\xa7\xf5;\xbac\xcf\xe2\xb9\xd3y^\x00\x00BHx\xc3\xa6m\xa2\xde\xa8\\\xad\xa6\x8f\xaf\xaf\xd5b9}\xe2\xf0\xc6\xd5\xcb,f\xa3(*o\\\xbb2s\xe2\xe8\xef~\xd9\xear\xba2\xbfK\x8c1\xc7sz\x9dn\xcb\xfa_fN\xf8\x80V\xfc\x97$7!\xbc,\xcb\x18?ST\x9eD\x92\xdc\x81A\xba\x96\xed_\xbbq\xedJ\\\\\xfc\xc3\x87\x0fK\x95*\xc5\xa2@\x8c\x82\x0e\xf3b\x18\xf9\r]\xac~\xf8\xf0\xe1\x95+W\x00\xa0Id[\x8dF!?\xe5\xdds&lt;o6Y\xda\xbd\xf6F\xff!#eY\xaa\\\xb5\xc6\xd2\x9f\xb7\xae\xddq\xf0\xfdO&amp;\xb6\x89\xea\x12\xd1\xb4e\xeb\x8e]&gt;\x9f;o\xed\x8e\x03\xc1\xc5\x8a\xbb\xdd.^\x10\xf6\xef\xfa\xe3\xfc\xe9S\x1a\x1f\x1f\xba\xc0\x00\x00\x04c\x1f\x1f_\x9e\xe3\xa6\x8f\xffp\xc2\xfb\xef\xd8lV\x00\xa8X\xa5Z\x99\xf2\x15=\xe7d\x05\x0e!I"M[\xb6C\x08Y,\xe6\xd8\xd8\xd3\xf0x\x19\x83\xc1(\xb80\x01`\xe474\xfe\xf3\xf7\xdf\x7f\x9bL&amp;\x8e\xe3\xeaF4q\xbb\t\xf7,W\x1a!\xe4vI\x1f}\xfa\xc5\xb8\xcf\xbf\\\xb3}_T\xb77\xedv{F\xaa\xc1l4Z-f\x8b\xc9\xf8\xe0^jx\xa3z#\xc6|JW\x0b\x08!\'\x8f\x1dR*y\x821\x00\x10\x82\x05Qq\xe5\xdf\xf3\x83{D\xfd\xb2l\xb1B\x14\xb1,G4i\xb1z[\x8cV\xa7\xcfV\xfa\x03\xe28\xa7\xc3\x19Z\xbdV`P0\x00\xec\xdf\xbf?\x8f&gt;\x0c\x06\xe3U\xc2\x04\x80\x91\xdfP\xcb\x1b\x1f\x7f\x11\x00|\xfd\xfc*W\xad\xe1r\xba\xd0\xb3B\xea\x08!\xb7\xdb\xad\x10\x95#?\x9e\xec\xeb\xaf\xcdH3p\x1c\xc7\x0b\x02\xc7\xf3\x1c\xc7q&lt;\xafP\x88f\xa3\xbbA\x93\xe6&lt;\xcfK\x92\x04\x00\xf7\xef\xde&amp;\xe4Q\xbfH\x8c\x89F\xa3&gt;\x18\xb3\xfb\xf4\x89#\nQt\xbb\\=\x07\x0c]\xb1e\xb7V\x17`\xc8H\xcf\xd6\x98\xe9V\xbb\x90\xe2\xa5\xcaV\xa8\x0c\x00\x97.\xfd\x0b\xacC\x00\xa3\xe0\xc3\x04\x80\x91\xdf\xd0\xe5\xd3\xb8\xb8\x0b\x00P\xbcd\x19\x9d&gt;@\x92\xa4\xe7\x19S\x84\x10`l\xc80\xca\x92DW\x02\xfe\xef\xa3@\x80(\x95*A\xa1x\xe4\xf5g\n\xcb\xf0&lt;o2\x9a\xdf\x1b;\xa1\xfdk\xdddI\x9e6o\xe9\x9c\xc5\xcb\t&amp;v\xbb\re\xbf\xa50!D!r\xe5*U\x01\x80\xeb\xd7\xaf\x9b\xcdf\x84X\x165\xa3`\xc3\x16\x81\x19\xaf\x06\x83\xc1\x00\x00\xfa\xc0 \x1f?\x7f\x8b\xd9\xf4\xa2\xa4\x1a\x84\x9e\x97\xa3I\x08\xf0\x1co6\x9b\\N\x17\xc7\xf3X\x96\x03\x83C\x10\x02\xc8d\x96%I\xfat\xf6\xa2\x01\xc3?l\xde\xbauz\x9aQ\x10\x04\x0eqOg\n\xfd\'\x84\x10A\x80\xe2%J\x03\x80\xd1h\xa2{\xe5\x98\x000\n4l\x06\xc0\xc8Wh\xe6\x8c\xd9l\xbeq\xe3\x06\x00\x14/Y\x86\xe3H\x8e\xcd(!XT\xf2\x97\xe2\xce\x11\x829\xc4\x11B\xaa\x87\xd5\x93\xa5\xff\x1f\x9cA\x089\x1d\xae\xc0\xe0\x90\x88\xa6-\xd3\xd3\x8c\xb9)j\x84\x10\x92$(V\xb24\x00X,\xe6\x84\x84\x04x\x1c\xceb0\n(l\x06\xc0\xc8ohd\xdf`0\x01@\xd9\xf2\x15\x15\x8a\x9c\xfb\xd1\x08q.\xa7D\xfbvI\xb2\x14R\xa2d\x83\xc6\xcdm\xb6\xff\x93Q\x8a\x10\x92$\x89\xb6\x9d\xc9\x8d\xbdF\x00\x18C\xd9\xf2\x15\x01\xc0\xe5r\xd1\x19\x0c\x13\x00F\x81\x86\xcd\x00\x18\xaf\x00\x84\x90 \xf0\x00\xe0v\xbbslB%\xb7[\x1f\xe0\xbf\xed\xd7_\xce\xc5\x9eP(D\x82q\xbfA\xef\x87\x14\x0fv\xbb\x9e\xac\xeb\x90\x87u\x8d\xdcn7\xfd\x07\xdb\x06\xcc(\x040\x01`\xbc\x1ar\xe9;\xcb\xb2\xec\xeb\xefw\xf5\xd2\xe5yS?\xe1y\xc1\xedvU\xacR\xed\x9d\xe1\xa3MF+\x97/\x05-\x98\xef\xcf(\x040\x01`\xbc\x1a\xa8\x01\xcd\x99\x1f\x8d\xb1\xacT)\xcdF\xe3G\x83{\x1b2\xd2\x11\x02\x85(\xce\xfa\xdfr\x1f_?\xf9\xf9\tEy\x82g\xc0L\x00\x18\x85\x00&amp;\x00\x8cW\x00B\x88ZRCF\x1a\xc6\xd9+\xa8\x801V(\x14X\x96?x\xb7\xc7\x95\x8b\x17DQ\x94$i\xfa\xd7\xdf5l\xd6\xdcl2\xbdT\xf7\x1f!0\xa4\xa7\x01\x00B\x1c\x0b\x011\n\x01L\x00\x18\xf9\nB\x08c\xac\xd5j\xabW\xaf\x06\x00\tW\xfe\x95\xa4lT(\xa2\x8d\x859\x8e\xffhp\x9fS\xc7\x0e\x8aJ\xa5\xcb\xe5\x1a7\xe5\xcb\xbe\x83\x86&lt;\xaf\x97@^\x81\tQ( \xe1\xca\xbf\x00\xa0\xd7\xebk\xd4\xa8\x01\x8f\xf740\x18\x05\x14\xe6\xc50^\x01\x08!\xb5Z\r\x006\xab\xd5\xe9xQ\x17\xb0\xcc`\x8c\x05\x81\x17\x14\xc2\x98\xc1}\x0f\xee\xd9)*U.\xa7\xe3\xfd\x8f\xa7\x8c\x1a?9=\xcd\xf8\xf46\xb1&lt;\x1f\xb3,\x13\xb3\xc9\x08\x00\xa2(*2wXf0\n&amp;\xcc\x7fa\xe47\xb4\x86Z\x9d:u\x01\xe0\xce\xad\xeb\x86\xf4TA\x10\xfe3\xa4N\x9bS*\x14\x8aq\xc3\xfa\xc7\xfc\xb9UT*]N\xc7\xfb\xe3&gt;\xfbd\xea\x17\x86\x0c\xd3\xd3\xa5\xa4\xf3\x1c\x84\x90\xdb\x8d\xae]\x8e\x07\x80*U*\xfb\xfb\xfb\xd3\xaav/\xfbu\x19\x8c\x97\x07\x13\x00\xc6\xab\xa1J\x95\xca\x00`1\x9b\xef&amp;\xdeR(\xc4\x17\x0b\x00\xb5\xfe\xa2R\xfc\xe4\xbdw\xa2\xff\xd8,*\x95.\xa7s\xf4\xc4\xe9\x9fL\x9fe\xc80!\x84\xe0%\x1bbB\x88 \x08\xc6\x8c\xd4\xfbwn\x03@\xc5\x8a\x15\xd96`F!\x80\t\x00#\xbf\xa1\x01\x9f\xe6\xcd\x9b+\x95*\xb7\xdbu.\xf6\x84\xa8\xe4^PZ\x99`\xcc\xf3\x9cR\xa5\x9c\xf0\xfe\xbb\x7fm\xfb\x95Z\xff1\x9f~1\xf6\xb3i\x864c\xfe49 \x84(U\xaa\xebW/\xdd\xbf\x9b\x08\x00\xad[\xb7\x06\x96\x08\xc4(\xf80\x01`\xe47\xb4=Y\xf9\xf2\xe5+V\xac\x08\x00\xa7\x8e\x1f\x92\xa4\xe7&amp;\x02\x11\x8c\x11\xcf\xa9\xd4\xea\x89#\x07\xed\xdc\xb2A\x14\x95.\xa7s\xdc\x94/?\x9c4%=\xcd\x88rQ\xda![`\x8cE\x91;}\xe2\xa8,\xcbJ\xa5\xaaq\xe3\xc6\xc0V\x80\x19\x05\x1f\xf6\x0bf\xbc\x020\xc6\xa2(6n\xdc\x08\x00\xce\xfc}4\xf1\xc6\r\x95J\xf5\xb4CM\x08\xe1xN\xad\xd1L\x1a5\xe4\x8f\xdf\xd6\xf2\x82\xe0r9\xc7}\xfe\xe5\xc8O&amp;\xa7\xa6\xa4\x03\x00!\x18\xcb\xf2\xff\xff\x0f\xcb\x18\xcb9(\xf4\xf6\x9f\xf0&lt;o\xb7\xb9\xf6\xed\xfe\x1d!T\xa9R\xc5\n\x15*\x10B\x98\x000\n:\xec\x17\\\x98\xa1}\x80%I\x92$I\x96e\x8c1m\x13O\x1f\xf2\x1c\xa7\xbd\x82\xf3\x7fx\xdd\xbbw\x07\x00\xb3\xc9x\xe2\xc8~\x8d\x8f\xf2\xc9\x96\xbf\x84 \x84\x94*\xd5\xa7\x1f\x0c\xdd\xfe\xeb\x1a\x85(*\x04\xc5\x8c\x05?L\x9c9\xd9\xed\x96\xb5\xba\x00\x7f\xad\xd6\xcf_\xeb\xa7\xcd\xf4\x9f\xbf\xd6\xd7O\xabT\xa9\xf3\xf6\xed\x10\x8c\xd5ju\xc2\x95K\x97\xe3\xce\x11B:w\xee,\x8a\xe2\xd3-\xcc\x18\x8c\x02\x07K\x03-l\x10B\xa8\x95\xe78\xda4\xe5\xc9\x8dQt\x07\x13\xed\x05\x9f\xf98\x95\x01\xfa\xac\x97=H\x1a\x05j\xd3\xa6M\x95*U\x12\x12\x12vnY\xdf\xbd\xdf\xbbO\xf6\x04&amp;\xc4\xd7\xd7g\xd6\xe4\xb1[7\xac\x12\x14\n\xb7\xcb\xa5\xf2\xd7\x9e&lt;\xb2\x7f\xff\xee?\x10zf\x031\xe08\xde\xedv\xb5j\xffZ\xff!\xefY,\x16\x8e\xcb\x9bMa\x18cQ)\xfc\xb5\xfdW\xa7\xd3)\x8a\xe2\xc0\x81\x03\x81\xc5\x7f\x18\x85\x02&amp;\x00\x85\x07\xea\xef\x0b\x82\xe01\xfaiii\x17/^\xbc~\xfd\xfa\x9d;w\x12\x13\x13o\xdd\xbe\xcd!t\xf6\xecY\x9e\xe7\xcf\x9c93n\xdc8\xadVW\xbbvX\xe9\xd2\xa5k\xd6\xac\xa9\xd1h&lt;\xd7\xc1\x18\xe7\xa6r\xf2\x7fB+t\xaa\xd5\xea&gt;}\xfa|\xf1\xc5\x17\xa7\x8e\x1d\xfa\xe7\xe4\xdf\x11\xcd\x9a[Lf\xcfV^\x84\x90\xe4\x96\xff\xf9\xfb\xa8B\x14\x11 A\x10,f\xf3_\xdb7\xfd\xe7\xc5C\x8a\x97T\x88\xffQ\xf8\x93\xe7\x1f\xe9\xdf\x7f\x8a\x04!D!\x8a\xa9\xc9i[\xd7\xafB\x085o\xde\xbcf\xcd\x9a\xf4\xf3\xc9\xf2\xdbe0\xbc\x14&amp;\x00\x85\x01\xea\xf2\xf3&lt;/\x08\x02\xc6\xf8\xe4\xc9\x93{\xf6\xec9v\xec\xd8\xb9\xf3\xe7S\x92\x93\x9f\xf9\x94\xd4\xd4\xd4\x85\x0b\x17z\xfe\xacP\xa1Bx\xfd\xfa\x91\xcd\x9bw\xe8\xd0\xa1z\xf5\xeaTBdY~y2@\r\xf4\xe8\xd1\xa3\xbf\xfd\xf6[\xa3\xd1\xf8\xdb\xda\xe5M[\xb5\xc0\x84\xfc_\xb3\x8a\\.\xa7\xdb\xe5\xca\xd6\x95\x9f\x0c%=\x0bCz*m!i1\x1b_\xfc\xfedY\xd6\xe9\xfd~\xff\xf5\x97\xd4\xa4\x87\x04`\xe8\xd0\xa1\x00\xc0\x04\x80Q8`\xb9\xcc\x05\x1b\xea\xadS{}\xf7\xee\xdd\x8d\x1b7\xae[\xb7\xee\xdc\xb9s\x99\xcfA\x08\x02\x02\x83UjM\xb9\x8a\x95\xe92\x00\x00\xc8\xb2|\xfb\xc65\xc9\xed~\xa2;\xaeR\xa9l\xd5\xaaU\xff\xfe\xfd\xbbv\xed\xea\xef\xefO\xcf|^C\xae\x9cA\x07\xc0q\x9c\xcb\xe5Z\xb6l\xd9\xf4\xe9\xd3\xcd\x16\x8b$I\xcb7\xfe\x15\xd9\xb6\x9d\xc9h\xa6/G\x08\x11\x04\xc5\x96\xf5+\x93\xee\xdf\xcbb\xd2=\xe28\x82q\xadz\r\xdaD\xbd\xe6\xb0;\x10zv\x9faY\x92~]\xb3\xccd4\x00@h\x8d\xb0\x8eo\xbc\xe5t&lt;YA\x9aB\xd3\xffM\x86\x8cn\xad\xeb\xa7\xa5$U\xa9R\xe5\xfc\xf9\xf3\xa2(\xe6O\xee)\x83\xf1\xb2a\x02P\x80\xf1\x98\xe6\xf8\xf8\xf8\x85\x0b\x17n\xdb\xb6-##\x83&gt;\xa4T*\xab\x87\xd5\xad\x1d\xde(\xbca\xd3b%K\x95.WQ\x10\x14\x01A\xc1\xf4\xebF\x08\xb0\x8c\xd3R\x93].g\xe2\x8dkw\x13o\x9d=u&lt;\xfe\xdc\x99\xab\xff\xc6y~\re\xcb\x96\x1b4h\xe0\xc8\x91#CBB\x08!y\x92\xf4\x92Y\xaev\xed\xda5i\xd2\xa4\x0b\x17.\xd0\x87\x10@\xbdF\xcd\xd6\xffy\xc8j\xb1fz!\xe2\xeb\xe7\'\x08\xf0\xb8\xcd\xfb\x7f]\x1f\x00\x018\x9d\xd8f\xb5\xbe\xd8@\xfbi}y\x0e\x00\xc0\xe5\x02\xab\xc5\xfc\xbc\x93%\xb7;\xb8\x98\xfe\x8bI\x13V,\xf9\x1a\x006m\xda\xd4\xb3g\xcf&lt;WD\x06\xe3U\xc1\x04\xa0@\xe2\xb1\xa4F\xa3q\xfe\xfc\xf9\x0b\x16,\xb0\xdb\xed\xf4\xa1\xf0F\xcd\xdat\xec\x12\xd96\xaar\xd5\x1a*\x8d\x88e\x90e\xecr\xb9\x08&amp;\x92\xe4\xcalH\x15\n\x11!$*\x95\xbc\x00\x08\xc0d\xb4\xc4\x9f;} z\xc7\xe1\xbd\xbb\x12\xae\\\xa2\xe7\x94.]z\xe6\xcc\x99\x83\x06\r\x82\xdcM\x05&lt;\xeb\x13\x00\x10\x1f\x1f?q\xe2\xc4\xbf\xfe\xfa\x8b&gt;\xd4\xabW\xafR\xa5J\xd1x\xd4\xa4/\x16\xbc7n\\\xca\xc3\x0c\xe1q\xa5\x9dle(\xd1f\xc0YY\xc7\x96e\x89^\x95\xe3\xd0\xf3\x96\x01dI\xf2\xd7\xfa\xffs\xea\xefw\xba\xb5q\xbb\\\xed\xdb\xb7\x8f\x8e\x8ef\xd6\x9fQ\x98`\x02P\xf0\xf0\x04\xa07m\xda4u\xea\xd4+W\xae\x00\x80R\xa9\x8a\xea\xda\xa3K\xf7\xbe\xcdZwP*\x05\xa7Sr\xd8\xedX\x96\x01!O\xbc\xe2\t?\xf7q&gt;(M\x0cE&lt;\xcf\xab5&gt;\xa2\x882\xd2\r{vn\xdf\xb9y\xfd\xb1\x831\xf4\xcc\xb6m\xdb\xce\x9b7/&lt;&lt;&lt;g\xab\x02\x1e\xa3\x99\x9c\x9c&lt;{\xf6\xec\xe5\xcb\x97S\xb9\xaa]\xbb\xf6W_}\xd5\xa9S\'BH\xb5j\xd5\xae]\xbb\xa6\xf1\xf1\xfdy\xfb\xfe\x9au\xebYL\xe6\x97Z\xda\xf3?!\x04\xf3&lt;/I\xee\xbe\x9d"\xaf]\xbe\xc8q\xfc\xc5\x8b\xf1\xa1\xa1\xa1,\xfd\x9fQ\x98`\x02P\xc0\xa0\xc6T\x92\xa4\xf1\xe3\xc7/Z\xb4\x88\x1el\xda\xb2\xdd\x07\x13\xa65i\xd1\xdc\xe5"V\xb3\x19c\x8cr\x94\xcdIW\x08\x14\n\x85\xaf\x9f\x0f\xc6\xe4\xf7Mk\x97-\x9a{\xed\xf2E\x00\xd0j\xb5\xf3\xe7\xcf\x1f:th\xb6\xc2A\x9ep\xbf\xdb\xed^\xbbv\xed\xf4\xe9\xd3\x13\x13\x13\x01\xa0D\x89\x12\x93\'O\x1e1b\x04\xad\xe6\xcf\xf3\xfc\xc9\x93\'###%I\xaaR\xad\xe6\xaf\xd1\xc7xA!\xb9\xa5WhjeI\n\x08\xd2\x8d\x192\xe0\x8f\xdf\xd6\x02\xc0\xc2\x85\x0b\xc7\x8c\x19\xc3\xdc\x7fF!\x83\t@A\x82\x1a\xa0\x07\x0f\x1e\xf4\xec\xd9\xf3\xd8\xb1c\x00\x10R\xbc\xe4\xf8is\xbb\xf6\xee/\xcb\xc4b6q\x08\xe5EG\x14"\xcb2B\x9c\xbf\xd6\xdfj\xb1\xfe\xb8h\xce\x8a\xc5\xf3].\'\x00\x8c\x181b\xc9\x92%4\xd7\xe8\xc5\xd69s\xcc\'&amp;&amp;f\xda\xb4i\'N\x9c\x00\x00\x95J5|\xf8\xf0\xcf&gt;\xfb,$$\xc4\xf3\x8e\xe8\xff\x17-Z4v\xecX\x00\xe8\xd2\xbd\xdf\xc2\x9f\xd6YLfB\x08z\x15\x1a IRH1\xdd\xb2\xff\xfdo\xf6\xa7c\x00\xa0G\x8f\x1e\xbf\xfd\xf6\x1b\xb3\xfe\x8c\xc2\x07\x13\x80\x02\x83$I\x82 \xc4\xc6\xc6v\xeb\xd6\xed\xfe\xfd\xfb\x00\xd0\xb4e\xbb\xd9\xdf\xfeT\xb6|9C\xba\x11\xd0\x7f\xa7\xb4g\x17Y\x96x^\xd0\x07\xf8\x1e\xdd\x7f\xf0\xd3\x8f\x86%\xdeL\x00\x80f\xcd\x9a\xed\xd8\xb1C\xaf\xd7\xbf@\x03\xe8P\x01 &gt;&gt;~\xce\x9c9\xeb\xd7\xaf\xa7\xc7;t\xe80s\xe6\xccF\x8d\x1a\xc1S9\xa6\xf4)\x03\x07\x0e\\\xb3f\r\x00\xbc\xd9w\xe0\xdc\xa5+\xad\x16k\xfe\'\\J\x92\x14\x1c\xa2[\xb9t\xe9\xcc\x89\x1f\x00@XX\xd8\xa1C\x87\xb4Z-\xcb\xfca\x14&gt;\x98\x00\x14\x0c\xa8\xfb\x19\x1b\x1b\x1b\x15\x15\x95\x9e\x9e\x0e\x00\xef\x8d\xfb\xec\xa3I3d,\xdbm\xb6\x97\xd7\x9e\x90\x10"K\x92V\xafOKy8\xf5\xe3Q1;\xb7\x02@DDDtt\xf435\xc0c\xd6\x93\x93\x93\x97,Y\xb2`\xc1\x02\x9b\xcd\x06\x00\xb5k\xd7\x9e&lt;yr\x9f&gt;}\xe09\xdb\x0bhd\xc9\xe1p\xb4j\xd5*66\x16\x1ek\x80\xcdj\xa31\xa2\x97\xf4\x06\x9f\x18\x03\xc68(D\xbbr\xc9#\xeb\x1f\x10\x10p\xf0\xe0\xc1\xb0\xb00\xe6\xfe3\n%L\x00\n\x00\xd4\xcef\xb6\xfeS\xe7.\x19\xf6\xe1\xa8\xe4$\x13\xe4KM\x02Y\x92D\x95J\xa3Q\x8d\x7f\x7f\xd0\xb6\r\xab\x01 ""b\xd7\xae]z\xbd\xde\xe3\x17{6\xa3\x01\xc0\xaaU\xab\xa6M\x9bv\xe7\xce\x1d\x00(Q\xa2\xc4\xc8\x91#\'L\x98 \x8a\xa2gI\xe0\x05o3##\xa3c\xc7\x8e\x1e\r\x98\xb5\xf0\x07\x848\xab\xd5\xfa\xb2{\xf0\xca\xb2\xacP(|\xfd5\xab\x96.\x9e5\xf9C\x00\x08\x08\x08\xd8\xbd{wDD\x04\xb3\xfe\x8c\xc2\n\x13\x00o\x87\xb6\x9dJII\t\x0b\x0bKNN\x06\x80\xa9s\x97\x0c\x1e5*%)\x83\x17\x84|\x0bJ`\x8c9\x84|\xfc|\'\x8e\x1aL5\xa0]\xbbv111\xd4\x9d\xf7\x84\xfb\xf7\xed\xdb7w\xee\xdc\x98\x98\x18\x00P\xa9T\xfd\xfa\xf5\x9b9sf\xa9R\xa5 kY\xa4Ok@\x9d\x06\x8d\xbfZ\xbc\xa2j\xcd\x1a\xe9iF\x84\xd0\xcbP;:\xcb\xf1\xd7\xe9\xcc&amp;\xc3\x97\x9f\x8e\xdb\xbaa5\x00\xe8\xf5\xfa\xe8\xe8\xe8\x88\x88\x08O8\x8b\xc1(|\xb0\x846\xaf\x86\x06F0\xc6\xdd\xbauKNN\xe68n\xea\xdc\xc5\x83G\x8dJI6\x08\nE~\x86\xa4i\xf</t>
        </is>
      </c>
    </row>
    <row r="143">
      <c r="A143" s="1" t="n">
        <v>141</v>
      </c>
      <c r="B143" t="inlineStr">
        <is>
          <t>grid_number</t>
        </is>
      </c>
      <c r="C143" t="inlineStr">
        <is>
          <t>What is the missing number of the part denoted with a question mark?</t>
        </is>
      </c>
      <c r="D143" t="inlineStr">
        <is>
          <t>['6', '9', '1', '4']</t>
        </is>
      </c>
      <c r="E143" t="inlineStr">
        <is>
          <t>4</t>
        </is>
      </c>
      <c r="F143" t="inlineStr">
        <is>
          <t>There is a 3x3 grid of numbers. The first row is [4, 6, 7]. The second row is [4, 9, 4]. The third and last row is ['?', 9, 4].</t>
        </is>
      </c>
      <c r="G143" t="inlineStr">
        <is>
          <t>We observe that [4, 6, 7] sums to 17, and [4, 9, 4] also sums to 17. Thus, the pattern is that the numbers in each row add up to the same value.</t>
        </is>
      </c>
      <c r="H143" t="inlineStr">
        <is>
          <t>Based on the pattern that the numbers in each row add up to the same value, the missing number of the row ['?', 9, 4] should be 4.</t>
        </is>
      </c>
      <c r="I143" t="inlineStr">
        <is>
          <t>b'\x89PNG\r\n\x1a\n\x00\x00\x00\rIHDR\x00\x00\x02\x00\x00\x00\x02\x00\x08\x02\x00\x00\x00{\x1aC\xad\x00\x00o\xdaIDATx\x9c\xed\xddw|TU\xda\x07\xf0\xe7\x9cs\xa7gJ\n\x04\x90^EQX\x10\x90\xb2b\xc3\xae\xaf\x05E\xc4\x8a\x14\xbb\xb8\x16\xd4]E\xd1]\x15\xdb\xae]Pq-\xe8*\xeb\xae]\xc0\xae\xa8 \xae4\t\xd2TJH\x02If2%\x99\x99{\xce\xf3\xfeq\x92\x88A\xfadnf\xe6\xf9~\xf6\xe3\xe2\xa4x\xf9\xcd\x9d\xfb\xdc{*CD \x84\x10\x92{\xb8\xd5\x07@\x08!\xc4\x1a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14\x15\x00B\x08\xc9QT\x00\x08!$GQ\x01 \x84\x90\x1cE\x05\x80\x10Br\x94a\xf5\x01\xb4\x08\x88h\xf5!X\x801f\xf5!\xd4\xa3\xfc\xadE\xf9\xe7\xac\x1c-\x00\x88\xa8\x94BD\xc6\x18c\x8c\xf3\\|\x12\xb20\x04\xca\x1f(\x7f\xabQ\x08\x00\xc0r\xaa\xf8\xeb\xb7\x1c\x00\x84\x10\xdb\xbf\x1e\n\x85\x94R\x8c\xe5J\x1a\xfa\xde\'\x10\x08l\xff\xa2\xfe0p\xce\x9b\xef\xce\x88\xf2\xd7(\x7fkY\x95\x7f\x0b\x94+o9"J)\r\xa3\xfe\x89\'\x1c\x0e/Z\xb4\xe8\x9b\x85\x0b\xbf\xff\xdf\xff\xaa\xaa\xaaJJJLS\x02\x03\xc8\x890\x00\x18\x00@\xf7n\xdd\x02\x81\xc0a\x87\x1d\xd6\xbf\x7f\xffA\x83\x06\x1dp\xc0\x01\xfa\x8b\xa6ir\xceS{CD\xf9\xff\x06\xe5o\xad\xb4\xe7\xdfra\x0e0MS\xff!\x1e\x8f\xbf\xf9\xe6\x9bg\x9duV\xa7N\x9d\xac\x0e\xbee\xc9\xcf\xcf\x1f9r\xe4\xcc\x993\xcb\xcb\xcbuV\xc9dR\xdf\x13Q\xfei@\xf9[\xabY\xf3o\xc9\xb2\xfc\t@\xff\xed\x18c\xa1Ph\xe6\xcc\x99/\xbe\xf8\xe2\xb2e\xcb\x1a\xbf\x9a\xe7\xf5\xb6k\xdf\xa9Uqq\xe7n\x07\x06\n\n\xa5i\xe6\xc2\xd3\x1f\x02r\xc6\x93\xc9\xc4\xaa\x15KC\xc1\xea\x8d?\xaf\xab\xae\xaal\xfcj\xdb\xb6\xed\xc6\x8e=o\xfc\xf8\xf1\xbdz\xf5\x02\x00\xa5\xd4\xfe\xdc\nQ\xfe;\xa2\xfc\xad\x95\xce\xfc[\xbel.\x00RJ\xdd\xd69k\xd6\xac\xe9\xd3\xa7\xafZ\xb5J\xbf\xde\xae}\xc7\xc3\x8f8z\xc4\xb1\'\x1e\xd8\xa7_\xeb\xe2\xb6\x9e&lt;\xaf0 \xab\xdf\xe5\xdf\x81\x08\xa6\t\xf1\xbax\xe5\xd6\xb25?\xae\xfc\xea\xd3\xf9\x0b&gt;\x99\xbf\xbad\x85\xfejAA\xc1\xd5W_}\xddu\xd7\xf9\xfd~\xd34\x1b\x9b\x0e\xf6\n\xe5\xbf\x0b\x94\xbf\xb5\xd2\x90\x7fF\xc8\xda\x02\xa0\xcf\xfe\xd2\xd2\xd2q\xe3\xc6\xcd\x9d;W\xbf\xd8\xb3w\x9f\x0b\']=\xf2\xe43\n[\xb5B\x84x&lt;\x91L$\x95\x92\x88*Kc\xd8)\x06\xa0\x87&gt;\xd8lv\x87\xd3a\x18\x10\xae\x89-\xfa\xea\xb3\xe7\x9fxx\xc1\xa7\xf3\xf5\xf7\xf4\xea\xd5\xeb\xd9g\x9f\x1d6l\x98\xee!\xdc\xab\xdbC\xca\x7f\xd7(\x7fk5w\xfe\x99";\x0b\x80.\xdas\xe7\xce\x1dw\xe9\xa5\xa5\x9b7\x03@\x97\xee=/\xbd\xea\x86\x93\xcf\x18\xed\x0b\xf8"\xe1X2\x99\x00`\x9cs\xc6\xa0\xbeK(W!"*\x85\x88\xc20&lt;yyR\xaa\x05\x9f\xcc{\xe6\xd1\xe9\xdf|\xf1\t\x00\xd8\x1d\x8e\xfb\xee\xbdw\xf2\xe4\xc9{\xf5\x19\xa0\xfc\xf7\x1c\xe5o\xad\xe6\xc8?\x83da\x01\xd0g\xff\xcc\x993\'N\x9c\xa8_9o\xdc\x15\x93o\xbd\xb3\xa8uQ(\x18\x91\xa6\xc9\x85\xc8\xbe72%\xa4\x94\x8c1\xaf\xcf\'\xa5\xf9\xe2\x8c\xc7\x1e\xb9wj$\\\x03\x00\x13&amp;L\x981c\x86\x94rO\x06\xc9Q\xfe\xfb\x8c\xf2\xb7VJ\xf2\xcf,\xd9V\x00\xf4\x93o\xe3\xd9\xef\x0f\x14\xdc&gt;\xfd\xd13\xc7\x9cW\x13\x8a%\x12\x89,n\xcbK!\xfd1(,\xf2}\xb7\xf0\xdb?_3a\xd5\x0fK\xa1\xe13\xb0\xdb\xfb \xca\x7f\xffQ\xfe\xd6\xda\x9f\xfc3NV\x15\x80&amp;g\x7fQ\xeb6\x8f&gt;?g\xe8\x88a\x15e\xd5\xc20\xb2\xe9mK\x83d2\x19\xc8\xcf\xaf\xdcZ~\xd9y\xff\xb7\xf4\xbb\x85\xb0\xdd}P\x93iD\x8d(\xff\x14\xa2\xfc\xad\xb5\x0f\xf9g\xa2\xec)\x00\xfa\x8d\xf9\xf0\xc3\x0fG\x8e\x1c\t\x00\xf9\x85E\xaf\xcd\xfd\xbaS\xd7\xee\xa1\xeaj\xc3f\xb3\xfa\xe82\x924M\xbb\xd3!\xb8\xb8\xe4\xac\xe3\x17-\xf8\x14\x00\xee\xb8\xe3\x8e\xa9S\xa7\xfe\xee\xb8\x08\xca?\xe5(\x7fk\xedU\xfe\x19*K\n\x80\x1e\xae[^^\xde\xb7o\xbf\x8a\x8ar\x9f?\xf0\xd4\xec\xb7\x06\x1c&gt;,\x14\x0c\x1a\x06\x9d\xfd\xfbNJ\xe9p:"\xa1\xd0\xa5\xe7\x9c\xb8r\xd9\xf7\x8c\xb1\xb9s\xe7\x8e\x1c9\xb2\xc9}\x10\xe5\xdfL(\x7fk\xeda\xfe\x99+KF\xff"\xa2\x94\xf2\x82\x0b.(//\x03\x80\xdb\xee}t\xe8\x88\xe1\xc1j:\xfb\xf7\x97\x10"^[W\xd0\xaa\xf5C3f\xfb\x03\xf9\x88p\xc1\x05\x17\x96\x95\x951\xc6\xf4\xaa2\x1a\xe5\xdfL(\x7fk\xeda\xfe\x99+\x1b\n\x80\xae\xc6\xb3g\xcf\x9e?\x7f&gt;\x00\x9c}\xc1\xf8\xb3\xce\x1f[^Vm\xa3\'\xdfT\x10\x86\x11\n\x06{\x1et\xe0\xad\x7f\xfd;\x00\x96\x97\x97\xddr\xcb-\x9c\xf3\xc6gG\xca\xbfYQ\xfe\xd6\xdam\xfe\x19-\xe3\x9b\x80\xf4\x8a\x16\xc1`p\xf0\xe0\xc1\xeb\xd7\xafo\xdf\xa9\xcb\x9c\x0f\x179\x1cN\xdd\x95o\xf5\xd1e\x0f)e \xdf\x7f\xc5\xf9g\xcd{\xe7\r\x87\xc3\xf1\xc5\x17_\x1cv\xd8a\x88\xa8\x97\x90\xa4\xfc\x9b\x1b\xe5o\xad\x9d\xe5\x9f\xe9\x0bEd\xf6\xd1\x03\x80\x1e\x9c;k\xd6\xac\xb5k\xd7*\xa5\xc6_}SQ\xeb\x82D"Ag\x7fj1\xc6\x92\t\xf3\xca\x1bow8\x9d\xf1x|\xea\xd4\xa9\xfa\xd2C\xf9\xa7\x07\xe5o\xad\x9d\xe5o\xf5q\xed\xaf\xcc.\x00\x88(\x84\xa8\xad\xad\x9d5k\x16c\xacK\xf7^\xa7\x8e\x1a\x13\xaa\x8edM\x1f}\xcb\xc19\x8fD"}\xfa\xf5=\xfe\xd4\xb3\x00\xe0\xf3\xcf?/))\x11Bp\xce)\xff4\xa0\xfc\xad\xb5\xb3\xfc3\xbd\' \xb3\x0b\x80\x9e\x97\xf1\xe1\x87\x1f\xfe\xf0\xc3\x0f\x88x\xc9\x15\x7f\xf2\xf9\xbd\xd24\xad&gt;\xae\xec\xc49O\xc4\x93\xe3\xae\xbc\xc1\xe5\xf6D\xa3\xd1g\x9eyF\xbfH\xf9\xa7\x07\xe5o\xad\xdf\xcd\x9f\n\x80\xf5\x9e\x7f\xfey\xc6X\xeb\xb6\xed\x8e;\xe5\xccH8\xc6\xb3bxV\x0b\xc49\x8fFc}\xfa\xf5\x1b4\xec\x08\xc6\xd8\x9c9s"\x91\x08\x00\xe8\xdbO\xca\xbf\xb9Q\xfe\xd6\xda1\xffX,f\x18FF7\x04ep\x01\xd0\xed?\xa1Ph\xd1\xa2o\x11q\xe8\x11\xc7\x16\xb5.J&amp;\x93\xd4\xfa\xd9\x8c\x10\x19\x83cN&lt;\x1d\x117o.]\xb9r\xa5i\x9a\x0b\x17.\xa4\xfc\xd3\x84\xf2\xb7\xd6o\xf3_\xbat)d\xf8C@\x06\x17\x00\x9d\xfb\xe2\xc5\x8b7m\xda\x08\x00#F\x9ed\xf5\x11e?.Dmm\xe2\xf0\xe1G\xe5y}R\x9a\x9f\x7f\xfe\xf9\xf2\xe5\xcbKKK\x81\xf2O\x0b\xca\xdfZM\xf2\x7f\xff\xfd\x0f\xa0a\xd7\x9d\x0c\x95\xc1\x05@\xe7\xbeh\xd1\xb7\x00\xe0\xf6xz\xf7\xe9\x1b\xafKd\xfa\xa8\xac\x16\x8e1\x96\x88\xc7\xdb\xb6\xef\xd8\xa9kw\x00X\xbat\xe9\x82\x05\x0b\x00\xc0\xe3\xc9\xa3\xfc\xd3\x80\xf2\xb7V\x93\xfc\x17/\xfe\x16\x002:\xf3\x0c&gt;t\xfd\xa8\xfb\xddw\x8b\x01\xa0}\xc7.\xc5m\x0f\xa0\xe7\xdf4PJ\xb9\xdc\x8e^\x07\x1f\n\x00K\x97-{\xef\xfd\xf7\x01\xa0]\xc7N\x94\x7fzP\xfe\xd6\xda&gt;\xff\x92\x92\x92H$\x92\xd1\x93\xc22x\xb8\x98\x1e\x87\xbbu\xebV\x00((j\xe5\xce\xf3F\xc25\x19]\x8d3\x02"\n\x01\xc5m\x0f\x00\x80\xea\xaa*\xdd\x10WPH\xf9\xa7\t\xe5o-\x9d\x7f\x9b\xb6\xed\x01 \x18\x0c\xd5\xd6\xd6\xe6\xe5\xe5Y}P\xfb.S\x0b\x80\x9e\x83\x17\x0c\x06W\xaf^\r\x00\xddz\x1ed\x18\x98\xb9u8\x83p\xc6L\x13\xba\xf5&lt;\x08\x00\xca\xcb\xcb\xb7m\xdb\x06\x94\x7f\x1aQ\xfe\xd6\xd2\xf9w\xed\xd9\x1b\x00jjB%%%\xadZ\xb5RJe\xe8\xdap\x99Z\x004DL&amp;M\x00\xc8/(\xe4&lt;\x1b&amp;\xe6e\x04D\xc8/(\x04\x00\xd34\xf5\x1d(\xe5\x9fN\x94\xbf\xb5\x1a\xf3WJ\x99\x19&gt;\xeb"\xe3\x1f\x18u\xa3g\xa6\xbf\r\x19G\x07\xde\xb8;\x12\xe5\x9ff\x94\xbf\xb5\x1a\x03\xcf\xf4N\x97\x8c/\x00Z\xa6\xbf\r\x19\xa7I\xe0\x94\x7f\x9aQ\xfe\xd6\xca\x9a\xc0\xb3\xa4\x00\x10B\x08\xd9[T\x00\x08!$GQ\x01 \x84\x90\x1cE\x05\x80\x10Br\x14\x15\x00B\x08\xc9QT\x00\x08!$GQ\x01 \x84\x90\x1cE\x05\x80\x10Br\x14\x15\x00B\x08\xc9QT\x00\x08!$GQ\x01 \x84\x90\x1cE\x05\x80\x10Br\x14\x15\x00B\x08\xc9Q\x99\xbd\x1f\x00!\xfb\r\x1b\x00\x00\x82^Q\xbf~\xa9G\xc6\x180\xc6\xb3f\xe9GB\x9a\xa0\x02\xd0R "\xa2j\xbc\xf6h\x8d\x0b\xbe\x93\xd4BD\xbd\x95\x8a\x10\x86\xdda\xb3\xd9\xec\x9c\x03\xe7\r\xf1# \x02"(\x89\x89d\xc2L&amp;\xad=\xda\x0c\xd2XK\x9b\x03}\x1cR\x8e\n@\x8b\xa0w\xb8t\xb9\xbdM&gt;&lt;R\x9a\xf1\xba::\xe9S\x08\x11\x95\x92v\xbb\xc3\xedq\x01@M(\xbc\xe9\x97\x9f\xcaJ7Un\xad\x08UW\xd5\xd5\xd5*%\r\x9b\xcd\xed\xf6\xf8\x03\x05\x05E\xad\xdau\xe8TP\xd8\xca\xea\xa3\xce\x0c\x88\xe8p8\x85\xd1\\W\x95d"N\x1b\xdf\xa7\x16\x15\x00\xeb\xe9\xab?"\xde0ilY\xe9&amp;\xc68\xa2\xe2\\(%\x07\r\x1dq\xf5\xcdS\xa3\x91(m\xf6\x9d\x12\xd24\x9d.\x97\xcb\xed(+-\x9b\xf7\xf6\x1b_~2w\xf9\x92\xef6o\xf8\xb9\xae6\xb6\xb3\x1f\xf1\x07\xf2_z\xe7\xb3\xae=\x0e\xac\xab\xad\xa5wa\x17\x94R\x9e&lt;\xcf\x93\x0f\xde\xf3\xd5g\xf3\xf5\xd9\x9b\xc2_\xae\x7f\xe1\xd8K\xaf&lt;\xf1\xf4\xb3"\xe1\x08\xe7\x19\xb9\x01o\x0bD\x05\xc0zR\xca@\x81\xf7\xbe\xdbo}{\xce\xec&amp;_\xca\xcb\xf3\x1a\x86\xa0\xbd^\xf7\x9fR\x8a1\x96_\x18\xf8y\xddO\xaf&gt;\xff\xd4[\xaf\xbf\\\xbees\xe3W\x19c\x8cs\x06\xb0]\x13\x1c"0T2\x14\xacN\xc4\xe3\x8c\xd1\xa5\x7f7\x10\xd1\xb0\x89U+\x96~\xfb\xd5\xe7\xcd\xf4\x9f8\xf2\xb8Sm6\xfa8\xa4\x12\x15\x00\x8bI)\xfd~\xff\x97\x1f}\xf2\xcc#\xd3\r\xc3@\xac\xef\x88\x14BH)]n\x0f\x9d\xed\xfbOJ\xe9t\xba\x80\xc1\x8c\x7f&lt;\xf0\xf4\xdf\xef\rVU\x02\x00\x17\x82m\xdff\x8d\x08\x8c\x01l\x1fw\xfd\x1bAm\x0e{\x08\x11\\n7\x17B\x08C\xcaTnS\xac?\x0ev\xbb\x9d&gt;\x0e\xa9E\x05\xc0J\x88h\xb3\xd9B\xa1\xe0\xed\xd7O\x92Rr\xceu\xcf$\x000\x00%e\xe3\xbf\x92}&amp;\xa5\xf4\xe4\xe5m-/\xbd\xe5\xea\xf1\x0b&gt;\x99\x07\x00B\x18JI%%\xe7\x9c1\x8e(w\xdduI\x05`\xcf!6t\xa0\xef\xdf\xa5\xba\xc9;\xc2\x00\x94Rt\xef\x9frT\x00\xac\xa4\xa4\xf4\xe7{\xa7\\~\xcd\xcf\xeb\xd6\xe8{\x1c\xab\x8f(\xdb\xe8\xab\xff/\xeb\xd7L&lt;\xf7\xd4\r?\xad\x15\x86\xa1\xa4\x94\xd2d\x8cq!\x94\x94\x00\n\x00|\x81\xfc6\xed\xda\xe7\x17\x16\xe5y}\x86a3\x93\xc9H8T]UY\xb6ycM(h\x9a&amp;\xd5\x80=\xc2 \x11\x8f+\xa5\x94J\xa4\xfe\x97#2\xea\x83I5*\x00\x96\x91\xd2\x0c\x14\x04\xde~\xfd\xb59/?\xab\xaf\xfe\x8c1\xba\xc7I!\xa5\x94\xd3\xe5\xac(+\x9d0\xfa\x94\x8d?\xaf3\x0c\xc34M\x00\xd0OZ(e\xc7.\xdd\x8e?m\xd4\x90#\x8e\xe9\xda\xa3W \xbf\xd0\xe9rs\xce\x18\x03DP\n\xebjc\xc1\xea\xca\xb5\xabV\xb6.n\x9bL$\xa8\x06\xec\x1acL\x99\xaaC\xe7\xae=z\xf71\x84!\xf7\xb9\x13\x18Q\x08QS\x13\xda\xbc\xe1\xe7\xfaO\x04cJ)\xa7\xcb}\xf8\xf0\xa3\xea\xea\x92\x9c\xfacR\x87\n\x805P)\x87\xd3\xb5y\xe3\xc6\xbbo\xb9V\x9f\xe5t\xf5O1=\xb6J\xa9\xeb\xc6\x8f\xd9\xfe\xea\xafkm~A\xd157\xdfy\xda\xd9\xe7\x05\n\x03f\x12\x12\xf1:\xd34\xa3\x910 \xa2\xee\x08f\x8cs^XT\xdc\xf6\x98\x8euu\xb5\xa6I\xa3\x0fw\x83s\x1e\x8b\xc6.\xbf\xe1/\x97_\xff\xe7\xfd\xc9JJ\x19\xc8\xf7\xddt\xc5\xa5\xff~\xf99\xce\xb9\x94Rp!\xa5y\xecI\xffw\xd0\xa1}\xaa\xabBB\xd0\x10\xa0\x94\xa1\x02`\r\x04p8\xecw\xdex\xe5\xb6\x8a2.\x84R\n\x10\x8f:\xe1\xd4\xaf?\xfbh\x17C\x12\xc9\x9e\x93R\xe6\x17\x05\xee\xbb\xed\xe6\xff-\\`\x186\xd3LB\xc3\xd5\xbf\xef\x80\xc1\x0f&lt;\xfdR\xb7^\xddk\x82\xd1\xeamA\xc6\x99\x9e\xee\xbb\xe3(\xcfd2\x91\x88\xd71N\x93\x81\xf7\x98\x9eQ\xbd\xaf\xb72\xa8\xd0\xe9t\xae.Y\xf5\xee\x1b\xaf0\xc6t\x1f\x98R\x92q~\xee\xc5\x97%\x93\x92\xde\x88\xd4\xa2\x87)\x0b\x98\xa6\x99_\xe0{i\xe6\x13\x1f\x7f\xf0\xb6\x10\x06 2\x80\xce\xddz\x8e\xb9\xf8\xb2x\x9c\xa6}\xa5\x80R\xca\xe3\xcd\xfb~\xd1\xe2\xe7\x9ex\x88\x0b\xa1G\xa4\xe8\xdb\xc9\xc3\x0e\xff\xe3so\xccm\xdf\xb1seE5*%\x0c\x83\xf3\x9d\x8e\xf3\xd1]\x05\xf4\x8e\xa4\x8dT\xa6\xd3m\x7f\xed\x85\x99u\xb5\xb5\x9c\x0bD\xe4B \xe2\xc0!\x7f&lt;\xec\xf0\xa14!&amp;\xe5(\xcdtSJ\xe5\xe5yV.[\xf1\xc0\xb4\x9b9\xe7J\xd57\xfdO\xb8f\x8a;/\x0f\x95\xa2\xcbM\n \x08!\x1e\xbf\x7f\x9a\x99L\xb2\x86\xa9vJ\xa9\x0e\x9d\xbb&gt;\xf2\xfc\xebN\x87+\x1a\x89\x186\x1bP\xd4-\t":\x1c\xae\xcd\x1b6\xff\xf7\xd5\x17\x18c\xf5S\xc9\x10\x01\xe0\xbcqW\x08\xc3\xa06\xd2\x94\xa3\x02\x90f\xc8\x19SJ\xdd\xf6\xa7I\xb1hDO@\x92Rv\xed\xd1k\xf4E\x17\x96m\xde\x08\x00tU\xdaOJ)w\x9e\xe7\xfbE\xdf|6\xff]\xc6y\xe3\xd8*\xce\xf9\x1d\xf7?\xd1\xaa\xb88\x16\x8b5\xdfr\x05d\x9f))\xf3\xbc\xce7_{\xb1\xbaj\x9b\x9e\x1b\xcf\xb9P\n\xbb\xf68p\xc4q\'E\xc2\x11j\xfdO9*\x00ie\x9a\xd2_\xe0}\xe2\xc1\xbf~\xbf\xe8+=$Q_\xed\xa7L{\xc0\x93g\x84C!h\xb2\x1a\x1c\xd9{\xa8\x94\xdd!\xfe\xf3\xea?\x95Rz\xc4\x88\x10B)u\xfc\xa9\xa3\x8e&lt;\xee\xf8`u\xd0\xa0\xab\x7fK\x84\x86\xcd^\xb9-\xf8\xaf\xe7g4\x0e\x88`\x0c\x00p\xf4E\x13}\xbe&lt;i\xa6rf\x19\xd1\xa8\x00\xa4\x8f\x94\xd2\xe7\xf7}\xfd\xd9\xe7O?|\xaf\x10BI\xa9\xfb$\xcf\x1f\x7f\xe5Q\xc7\x9f\x12\xae\x81D"n\xf51f&lt;D\xb4\xd9\x1d\x15[*&gt;z\xff-\x00\xd0\xcd\x08J)!\xc4\x85\x97]\x93LJN\x0fX-\x92\x942\xcf\xeb\x9e\xfb\xf6\x9cM\x1b~b\x8c+\xa5\xf4?\x0b\x8aZ\x9f|\xe6\xb9\xd1H-\xa7\xdb\xfff@\x05 M\x10\xd10\x8cH8|\xdbu\x93L3\xa9\xc7}J){\xf6\xees\xfd\xed\xf7\x84C!! ^W\x0b@M@\xfb\x05\x95r{\\\xff[\xb8`k\xf9\x96\xfaf\x04!\x10\xf1\xe0\xbe\x03\x0e\xed?0\x16\x8d\xd1u\xa4e\xe2\xdc\xa8\x8d\xd5\xbe\xfc\xcc\xe3\x00L?\x05\xeb\xb7\xef\xff\xce9\xbf]\xfb\xb6\x89x\x9c\xfa\xc6\x9a\x03\x15\x804QR\xfa\xfc\x9e\xfb\xa7NY\xbff\x95\x10B\x17\x00\x9b\xdd&gt;\xed\xe1\x19.\xb7\xc7\x94&amp;\xe3\x90\xa0u\xe7\xf7\x1b"r\x0e\x0b&gt;\x9d\xafG\xf2C\xc3\xe5\xe4\xa8\xe3Oq\xb9\xec\x8a\xe6Z\xb7HRJ\xaf\xcf\xf3\xf9GsK\x96/\xe1\x9c))\x811\xa5\xa4\xc3\xe9\x1a5v\\mm\x82\x06\xff4\x13\x8a5\x1d\xa4i\xfa\x0b\x02\xef\xfd\xe7?\xaf\xfe\xf3i!\x0c)%\x17BJy\xc5\xf5\xb7\r\x1a6$\\S\xa3\x97\xb7\xa5V\xce\xfd\'\x0c#\x1a\xa9\xfb\xfe\xdb\xaf\x01\x10\x1bF\x91\x03\x83\x81\xc3F$\x12\xaaq-\x01D\x94RJ\xd3\xd4\x0b.)\xa5\x94\x92\xf5\xaf(I\xa3M\xd2\x8c1&amp;\xa5zq\xc6\xa3\xd0\xb0\xf2\x92\xe0\x1c\x11\x8f9\xf1\xb4^\x07\x1f\\\x1b\xab\xa5E \x9a\t\xf5\x865;T\xca\xe1t\x96m.\x9d6\xe5*\xc6\x18\xa2\xe2BH\xd3\x1c4t\xc4\xa4\xeb\xa6\x04\xab\xc2z\x92*\x03\xd0\x17,z\xd0\xddg\x88\xca\xeep\x96n\xdc\xf0\xf3\xba5\x00\x80\x88\x8c3T\xd8\xbaM\xdbn=\x0e\x8c\xd7\xc5\xf5\xdc"Dt8\x9d.\x97\x83s0%\xa0\xd2\xcb\r0!\x80q0\x93P[\x1b3\x93\x89]\xcc\x0f )\xa47\x12X\xfc\xf5\x82\x85_~\xda8jK/\xdf}\xee\xc5\x97I\x93&amp;\x7f5#*\x00\xcd\x0e\x11\x9d.\xe7\xb4\x89WW\x94\x95r!P)\x06\xe0\xf5\xf9\xa7=\xfc\xb4^\xf2\x90\xce\xefTQ\x88v\x9b}\xc3OkjcQ=\x92Dp!Av\xed\xd1;\xbf\xa0(\x1a\r#\xa2\xdb\xe3\xb5\xd9\xc4\x86\x9f~\xfa\xdf\xa2\x05+\x97}_\xba\xf1\x97\x9aP\xb5iJ\xa7\xd3UT\\\xdc\xa5[\xcfC\xfe0\xf0\xe0~\x87\x15\x16\xe5\xc7\xa2u\xf1x\x9d\x10\xf4\x19i^\x88(\x0c\xf1\xf2\xb3\x8f!*\xc1\x85\x04\xd0\xeb\xf4\r8\xfc\x8f\x03\x87\x0c\x8b\xd0\xe4\xaf\xe6D\'w\xf32M\xb3\xb0(\xf0\xd2\xcc\x19\xf3\xdfyC7\xfe\x08!\xa44\xa7L{\xa0G\xef^U\xdbhHbJ!\n\x03~^\xbf\x16\x008\x17R\x9a\xbaG\xbdk\x8f\x03\r\x1bWJ\xe5\x17\xe6/]\xbc\xf8\x85\xa7\x1f\xf9d\xde;5\xc1\xea\x9d\xfd\x9a\x8e\x9d\xbb\x9dr\xd6\x98s/\x99\xd4\xae}\xfb`5-&gt;\xd3\x8c\x94Rn\xb7\xbbd\xd9\xb2\x8f\xde\x7fK7\x04\x01\xd4O\xfe\x1a{\xe9\xe5\x86\xcd\x86H+\xa34#*\xad\xcdH)\xe5\xf1x~\\Y2\xfd\x8e\x1b\xf5\xa4_.\xb8\x94\xe6\t\xa7\x8d\x1a}\xd1\xf8\xea\xca\x10]\xfdS\x0c\x811\xd8\xbc\xe1\'\x80\xc6\xed\xdd\x11\x00\x0e\xe8\xd8I\x08p\xba\xdc\x7f\xff\xeb\xd41\'\x0e\x7f\xf3\xb5\x17k\x82\xd5\\\x08a\x18B\x18\xe2W\x86\x10\x06cl\xc3\xcf\xeb\x9ex\xf0\xeeQ\xc7\x0e\xfe\xcf\xab/\x05\xf2\xfd\xa8\xd4~\xaenOv\x06\x95r\xbal\xff\xfa\xe7\xd3\x89x\x9cs\x01\xa0\xe7lc\xe7\xee=\x8f&lt;\xee\x94H8J\xd5\xb7YQ\x01hF\x8c1`p\xdbu\x97E\xc25\xc0\x18c\x0c\x95js@\xfb\xdb\xee{\xa4\xae\xb6\xae~\x0bB\x92B\x8cI\te\xa5\x9b\x01\x1aV%\x03\x00\x806\xed\xdas\x8e7]~\xe1c\xd3\xa7%\x12q\xc30\x0c\xc3`\xc0P))M)u\xaf/C@)MDd\x9c\x0b\xc3\xa8(+\xbd\xf1\xb2\x0b\x1e\xbc\xeb6\xaf\xdf\xa7\xa8\x004\x03Dt8]?\xaf\xfb\xf9\xad9\xb3\x1b\xd7~`\x8c\x01\xe0\xe8\x0b\'\xfa\xf3\xbd\xd2\xa4qq\xcd\x8b\n@s1M3P\xe0}\xea\xe1{\x17\x7f\xfdy\xc3\xa4_\x86\x88S\xa7?^\xdc\xa6m\xbc\xae\x8e\xb6\x99M9\xc6\x984UeE94\\\xfau\xbfz\xa7.=\xa6^\x7f\xfd\xfb\xff}\xcdf\xb3\t\xc30M\xd34M)\xcd\xc6\r\xd7\x94RR\x9az\xf4\xa1^DZ\x9a&amp;\xe7\\\x18\xc6\x93\x0f\xde\xfd\xd4\xc3\xf7\x06\xf2}4F+\xe5\x94\x94\x9e&lt;\xc7\x1b\xaf&lt;\x1f\x0e\x05\xf5\xd2ozrL~A\xd1\xc9g\x9e\x1b\r\xd7\xd1\xa4\x8d\xe6FM\x10\xcdBJ\xe9\xf5\xf9\x16-\xf8\xea\xc9\x07\xef\xde~\xd2\xef\xd8\xf1W\x1e\x7f\xeai\x95\xd4\xf4\xdf&lt;8\xe7\xf1x]\xb8&amp;\x04\xf0\xeb\xba\xc4v\xbb\xe3\x95YO\xfe{\xf6,\xfd\x16(\xa5\xdc\x9e\xbc#\x8e9a\xe0\xd0\x11\x9d\xbav\xcf\xf3\xfa\x14\xaa\x9a`p\xdd\xea\x92\x05\x9f\xcc\xfb\xea\xb3\x0fU\xc3\xcaqJ)\x86(\x84x\xf8\xee?\xffa\xe0\x90\x81C\x86\x87i9\x9a\xd4AD\x9b\xdd^Q\xb6\xed\xf5\x17\x9f\xd1\xa3\xe3\xa0\xa1\xe7\xe6\xb4s\xc6\x1e\xd0\xf1\x80\xeamAZ\xb2\xa9\xb9Q\xbe\xa9\xa7\'\xfd\xd6\xc6\xa2\xb7M\x9e\x94L$\xf4\xc6\xb3z\xd2\xef\r\xb7\xdfS\x13\xa2f\xcdf\xa1\x97\xfcL$\x12\xb1Xd\xfb\xd7\x13\x89\xf8\xbfg\xcfj\x1c_x\xe6y\x17O\x9a|s\xd7\x1e\xbd8\x07\xd3\x04T\n\x18p\xceG\x9er\xca\xf8\xabn\xf8\xe6\xcb\x8f\xef\xbc\xf1\xaa\xf5kV\xd5\xef\x1a\x86\x08\x00J\xa9\xe9So\x9a\xfd\xde\xe74\x1c%\x85\x94\x94\xfe\x80\xf7\xdf/\xcf*\xdf\xb2\xb9a{N\xa6\x94\xb4;\x1c\xa3\xc6^ZW\x9b\xa4\xb1\xffi@\x11\xa7\x9e\x94\xd2\xe7\xf7&lt;8\xed\xd65\xabV4L\xfa\x85_\'\xfd\xd2\x06\xb3\xcd\x861.\xcdd\xbc\xae\x0e\xe07\xbd\xb6\xba%\xc1fw\xdc\xfb\xf8\xf3\x0f&lt;5\xab}\xc7.\xa1`\xa8\xba*\x18\xa9\tE\xa3\x91h$\x12\x0e\x85\xaa\xb7\x05\xc3\xe1\x9aaG\x1e\xf3\xe2\xdb\x1f\xf78\xf0`\xa5\x94\xbe\xdcK)9\x17\xcb\xfe\xb7\xe8\xb3\xf9\xef\xe7y\xf3h\xdf\xe6T\x11\x86\x11\xae\x89\xbc\xfc\xdc\x13\xc0\x98n\xb0\x13\x82#\xe2\xd1\xc7\x9fz`\x9fCjc1*\xb7i@\x11\xa7\x984\xcd@~`\xde;o\xbf\xf4\xccc\xba\xcd\xa1~\xd2\xef\r\xb7\xebI\xbft\xfb\xdf|\x18\x03)\xa5Y\xdfs\xb8]\x05@\x04\x84\xfb\x9ex~\xcc%\x17Un\xab\xae\xab\xab\xd3c~\xb8\x10\\\xab\x1f\x11$\xaa*\xabZ\x15\xb7\xfd\xdb\xa3\xb3\x1cN\xa7\x9e\x1e\x06\xa0\xfb\xef\xd9;sf3ZI.E\xa4\x94y\xde\xbc\x8f?xw\xdd\x8f+yC\xf7\xafR\n\x80\x9d{\xc9eJ)\n:=\xa8\x00\xa4\x12\xa2r8\x9d[\xcb\xca\xee\xbc\xf1J\xdd\xe5[?\xe9w\xd8\x88I\x93o\xd2\x93~\xad&gt;\xc6,\x87\x08\x8d]\xbb\x9a\xdeq\xf3\x82\x89W\x9d5\xe6\xdc\xf2-\xd5\x86a\xdb\xc5\xad\xa5\xcdf\x0fUU\x0f8|\xe0)g\x8e\xd1\xf3\xc8\x00@\xa1B\xc4\xc5\xdf|\xb9\xb5\xbc\xc2\xb0\xd9i\xa1\x88\xfd\xc79O&amp;\x93/=\xf3(@\xfd\xea\x87z\xcd\xbe\xfe\x83\x86\x0c\x1avD4\x1c\xd5\x8b\xa3\x90\xe6F\x05 \x95\x94B\x97\xdby\xd7\xcd\xd7n\xd9\xbcQ\xafe\x88\x88^\x9f\x7f\xdaC\xf5\x93~\xad&gt;\xc0\xec\xc79\xdb\xfe\xda\xc1\x18SR\x06\n\n\xc7_}S(T\xbb\'\x05\x98s\x9e\x8c\xabS\xcf\x1e\x0b\r\xabI\xebm\xda\xb6\x96\x97\xfd\xb2n\x8d\xc3\xe9\xa0\xf7q?)%=y\x9eo\xbe\xf8\xf4\x7f\x0b\x170\xc6\xebW\xe8C\x04\x801\xe3.\xb7\xd9m\n\xa9\x9d-M\xa8\x00\xa4\x8c4\xcd\xfcB\xff\xbf^x\xee\xfd7_\x13\xc2\x90J1\xc6Q\xa9\x1b\xa6\xde\xd7\xadg\xafHM\x18\x00\xe5N\xe8\x85\xc8\xf4@\x88\xed\xd5\xafY\xf6[4)ig\x10Q\x18\x86\xdd\xe1\x00h\xb8\xaf\xe4\x02\x00\x86\x1fu|\xbb\xf6\x07$\xea\xf6hIa\xc6y]]\xbc\xc7\x81}\x8aZ\x177.\xd4\xc19\x07\xc0\x8d\xbf\xac7\x0cN\x05`?!\x02g\xec\xa5\x99\x8f\x01\x80\x9e\r\xa3\xbb\xdc;u\xed~\xf4\t\xa7E\xc3QZ~#m(\xe8\xd4PJ\xb9=\x9e\xb5\xabV\xdfw\xfb\xf5\x8cs\xdd\x85\xa8\xa4\x1cu\xc1\xa5\x13\xaf\x9d\x14\nbAQ\xe1.~&lt;\x99\x94\x01\xbfp8\\M^\xb7\xd9\xec\xfe\x80@\xc87\xc4\xafW\xaeX\xb4V)\x93V\x8dkB/\xf4f\xb7;&lt;\x9e&lt;\x00`\xba\x13\x80\x01\x00\xf4:\xf8\x10\xc6\xf7\xf4\xaa\xcd\x18\x93\xd2\x0c\xe4\x17\x1c\xd0\xa1\xf3\xb6\x8ar\xc69J\xa9\x7f\xd1\xd6\xf2-\x8c\x03\x15\xe0\xfd\xa1\xa7\xc7/\xfb\xdfw\x9f\x7f\xf4\xbe\x1e\xf5\x0f\r+\x80\x9e}\xc1\x84@\x81\x8fF\x7f\xa6\x13\x05\x9d\x1az \xf3\xb4\x9b\xae\xaa\t\x06\xb9\x10JI\x90\xc0\x18+\xdf\xbci\xfc9c\xccd\x921\xfe\x9bn\xc9\xdfBD\xbb\xc3^\xb2|)\x00\xe8\xe5PtC\xf6w\x0b\xbf\x9c0\xfa\xbcd"\xb1\xfd\xad\xeb5\xb7L\xeb\xd8\xa5\x1bm\x91\xb1#T\xca\xe5\xc9\xf3\xe7\x17\x004\xec\xab\x83\x00\x00\x0e\x87\x03\x90\xedy\xc5DT\x86\xcd\xe6\x0b\xe4Cc\x99e\x00\x00\xd1H\xb8a\xc4\n\xd9G\xa8\x94\xdda\xbc2\xebI3\x99\x14\xc2\x90\xd2\xd4e PPx\xea\xa8\xf3\xa2\x11\x9a\xfc\x95VT\x00R\x00\x11\x850B\xc1P\xc9\x8a%\x8c1T\r\x8b\x10 ~\xf1\xf1\xdc\xbd\xffmJ\xffN\x00\xd8\xb2y\xe3;\xff~\xa5\xc97\\4\xe9Z\xd1\xe3@\xac\xab\xa3\x02\xd0\x84B\xb4\xd9x\x9bv\x1d\xa0q[)\x06\x00\x10\xae\xa9al\x17\xf5w\x07\x08\x8c\xc1\xf6\x1d\x06:h\xa5\x14%\xbe?P)\xa7\xdb\xbd\xf6\xc75\xef\xfd\xf7\xb5\xc6\xb5\x1f\xf4\xe4\xafS\xcf:\xafC\xa7\xf6Ut\xfb\x9f^\x94u\xca0\xce\xecvg\x93\xe5\x9d\xf5,\xb0=\xbb\xf60\x85\n\x7f;\x82\x851\xdd\xa5\xf9\x9b\x1f\x17\x86A\xad\x10\xbf\x0f\x91s\xe8\xda\xa3\x17@\xe3bp\x00\x00\x9b7\xfe\xacpo\xda\xcc\x18 \x82\x9eO\x00\xbf\xfe\x1a\xb0\xdb\x1d{\xf5kH\x13J)\xb7\xdb&gt;\xe7\xa5gc\xd1\x88\xbe\xfd\x07\x00\xa5\xa4\xdd\xee\x18u&gt;M\xfe\xb2\x00\x15\x80Tb\x8cq!\x18\xe3\x88\xbf^%p\xcf\xee&lt;\x19\xe0N.\xebM_\xa5k\xffN1f\x9ap`\x9f\xbe\xd0\xb0\n\x90~\x9c\xfaq\xc5\xb2\xdaX|\xcfG\x16r\xc6\x13\xf1x(X\r\x8d\xe9#\x02\x80?\xbf\x00\x15U\x80}\x84\x88v\x87\xa3t\xd3\x967^\x99\xa5;l\x00@\xcf\x95\x19q\xdcI\x07\x1d\xda7\x14\xa4\x95\xb7\xd3\x8d\xeam*E\xc2!%\xa54\x93J\xca\xbd\xfd_\xc3\x9a\x94\xbf\xa1G\x01\xed\xf8\xcdt\x11\xfa]\x9c\xf3x&lt;~\xe0\xc1}\xf3\xbc&gt;\xbd\xa5\x94^\xc5s\xcd\x8f?\xfc\xb2~\xad\xc3\xe1\xdcq\x9c\xd5\x8e\x10Q\x18\xb6P\xb0j\xcb\xe6\r\xf0\xdb\x16\xb9\xb6\xed:H\xda\xb4m_))=y\xae\xb7\xe7\xbc\\\xb9\xb5\x82s\xae\x83\xd5e`\xcc%\x97\xd3\xe4/K\xd0\x13@j\xe8\x85h\x86\x8c8\xa6\xbar\x1bc|O.4M~\xdcf36\xfc\xb4~\xf3\xc6_\xf4\x0c2\xfd\xcf\x82\xa2\xd6={\x1fl\x9ar\xfb\xcfF\x9e\xd7\xa7\x14\xad\'\xf1;\x18c\x89x\xbc]\x87\x0e}\x0f;\xfc\xabO\xe7s\xce\xf5\x0e&lt;\x89x\xfc\xa3\xf7\xfe{\xf5\x94?\xc7bQ\xc3\xd8\xcdM\x8f\xee\x90\xffi\xed\x8fU\xdb\xb66\xbe\x17J)\x9b\xcd\xde\xa1KW3a\xd2t\xe0}c\xd8l\xc1\xea\x9aWf=\r\x8c\xe9\x82\xaa\x97\x00\xeaw\xd8\xe1\x87\x0f\x1f\x11\x8d\xd0\xe4/\x0bP\x01H\x01=\x04\xc8nw\xfc\xe3\xb9\xd7\xf7\xed\xbal\x9af\xab\xd6\xb6\xbbo\xbe\xe3\xd1\xe9w\n!L\xd3\xd4\x17\xaf!G\x1c=\xe3\xd5W\x82\xd5\xe6\xf6\x8f\xc6\xf1\xbaZ\x1a\x02\xb43\x88\xcaf\x13\xc7\x9dr\xe6\x82O\xe654\xde \x00\xfc\xeb\x9f3\xc6\\r\xb9\xdd\xe9\xd4\xebr\xef\xe27()\xed\x0e\xfe\xd1\xfboAC\xff\xa4.\x03\x9d\xbav\xef\xd0\xa9k&lt;^G\xed\xd4\xfb@J3\x90\x1f\x98\xf3\xf2?7\xfc\xb4V\x8f\xfa\x07\xf8u\xf2\x97\xdda\x8f\xc5b4\xfc?\xfd(\xf1T\x8aE#\xbb\xff\xa6\xdfc\x9a\xa6\xcb\x15H$\x12M_O&amp;#a\x15\x8d\x84\xb7/\x00\xb4H\xd6.p.\xa2\x91\xbacN&lt;\xed\x1f\xf7\xdcV]\xb9\xad~N\x86\x10\xa5\x9b6&lt;\xf5\xf0=S\xa7\xdf_^Ve\xb3\xd9w\xf6\xe3JI\x97\xdb\xbd\xe1\xa7\x8do\xbe\xf6\xe2v[\x94p\x005d\xc41^\xbf\x87F\xa9\xef\x1b\xceE]]\\O\xfej\x98\xa3\xc7\x95R\x1d:w=\xe6\xc4\xff\x8b\xd0\xe4/\x8b\xd0\xa5$\x95\xf8\xfe\xd9\xf1\xce\x941\xb6\xe3\xb7Y\xf2W\xcb\x14\x8c\xb1D\xbc\xaem\xfb\xb6g_0\x1e\x119\xe3\x00\xa0\xa4\xe4\\&lt;\xff\xe4C\xff}mNq\xdb\x023\x99l\xb2^\x10\x00\x00\xa2i\x9aB\x18\x0e\x97\xe3\xaf\xb7\\\xab\x8bG\xfdr\xd0\xa88\xe7\'\x9dqn".\xe9\xf6\x7f\x1f()\xf3\xbcy_~&lt;\x7f\xc5\x92\xc5z\x82$4N\xfe:\x7f|A\xa1\xdfL\xd2\xce_\xd6\xa0\xb3\x99d\x1b.D4\\{\xe1\xc4kZ\x15\xb7UJ\xea\x92\x89\xa8\x10\xf1\xa6\xcb/x\xfd\xc5\x97\x0b[\xe7\xbb\\nTJJ)\xf5\xd6`R2\xce\xf3\x0b\x02\x9c\xb3)\x97_2\xff\xdd\xff4\xacP\x0fB\x08Tj\xf8\xd1\xc7\xf7\x1ftx,\x12\xa5\x02\xbco\x10\xf1\xa5\x99\x8fB\xc3u_\xef\xff\xee\x0f\xe4\x9fv\xf6X\x9a\xfce!:\x9bI\xb6a\x8c%\x12\xf1\xe2\xb6m\xa6L\xbb_w\xce\xb3\x86\x9e\x80x]\xdd\r\x93\xce\xbf\xf1\xb2qkW\xff\xe0p\xb9\x02\xf9\xfe\x82\xa2@~A\xc0\xeb\xf7\'\x13\xf1\xf7\xdf\xfc\xf7\xb9\'\x0e\x7f\xe3\x95\xe79\x17\xdb\xdf\xa5\xda\xec\xf6\xc9\xb7\xde\xa5\xa4\xa2\xe1?\xfb@)\xe5\xc9\xcb\xfb\xdf\xc2\xaf\xbf\xfa\xfc\xa3\xc6my\xf4\xec\x96\x93\xcf\x1a\xd3\xb1K\xc78Mi\xb4\x0e\xb5\xbb\x91,$\x84\x11\xaa\x0e\x9d&gt;z\xec\x92o\xbfy\xe9\x99\xc7\x0c\x9b\xcdL&amp;\x1b\xe7\xe8\xfd\xfb\xe5Y\xff}\xf5\xc5C\xfepX\xb7\x9e\xbd}\x81\xfcD"^\xb6y\xe3\xaa\x1f\x96m\xde\xf03\x00p.t\xd3?0&amp;\x0c\xc3L&amp;\xaf\xfb\xcb\xdf\xfa\x0e\x18P]\x19\x12\x06\xdd\xa8\xee5D4lb\xf6\xb3O()\x850$\xe8\xd1\x9f\xd2f\xb7\x9f}\xc1\xf8\xba:\x9a\xfce%*\x00$;q\xce\xc35\xe1?\xff\xed\xe1Pu\xd5\xdb\xff\x9e\xad\xb7f\xdbn\xf2\x91\xb9d\xf17K\x16\x7f\xd3\xe4G\xa0a\th\xdd%c&amp;\x93\xe7^|\xd9\xc4ko\nV\xd7\xd0\xd5\x7f\x1f\xa0R.\xb7\xeb\xc7\x1f~\x98\xf7\xee\x1b\x8c1\xa9\xea[\xd5\xa4\x94G\x1csb\x9f\xbe\xfdBA\xda"\xc9JT{[\x14\xb6#\xab\x0f)c1\x86\x08\xf1x\xfc\xbe\'\xffy\xd1e\x93\xf5v\xf0B\x18\x9cs\xa9\x94^cC\x08C\x18\x86\xde\x0b\x8c5l\x02\xac_WJI)\'\\{\xd3\x9d\x0f&lt;\x1e\x8d\x84\xe9\x8d\xd87J)\x97\xdb\xfe\xda\x8b\xcf\xc4\xeb\xea\x840X\xfd\x98i\x00\x801\xe3.G\x05\x94\xab\xb5\xa8\x00\xb4 JID\xd4\x8d\x15\xa6i"\xa24M\xab\x0f*\x83\xe9\t\\\xf1\xba\xba\xdb\xee}\xf8\x1f\xcf\xfd\xabK\xf7^R\x9aJ)\xd0\x1d\x03\x9c\x81^~\x03\x11\x80\xe9\x8d!\x11u\xdf\xb0\xd9\xadg\xef\xc7_xc\xca\x9d\xf7E\xa3QD\xa0\x02\xb0\x0f\x10\xd1\xe1r\xfd\xbc\xee\xe7\x7f\xbf\xfc\x1c\x00\x98fRo\x8b\xa4\x94&lt;\xe4\x0f\x87\r\xf9\xe3Q\x91H\x84&amp;\x7fY\x8b\x9a\x80Z\nDt\xb9\xdc^\x7f\xc0\x10\xc2\x94Rp!\x95\xf4x\xbd\xb4\xfd\xc8\xfe\xd0s\xb8\x82\xd5\xa1\x93\xce8g\xc8\x88c\xdf\x993\xfb\xad\xd7_^\xb1d\xb1\xb9\x93\xcaj\xb3\xdb\x0f\xed?\xe8\xd4QcO&gt;st ??XM\xab\xd3\xec;\xa5\x94\xcb\xe5\x98\xfb\xd6\xbf\x01 \x90_X\xdf\xfe\xc3\x85T\xf2\x82\x89\xd7\xd8\x9d\xf6\xda\xdaZ\x8a\xd7ZT\x00Z\x04\xc30jB\xb11\x97^~\xd6\xd8K\x801@\xd4\x1b\x9a\x186{,\x1a\xa3\x0f\xc9\xfe`\x8c\t!B\xc1\x90\xc3\xe1\xbc\xe8\xb2\xab\xce\xbep\xc2\xba\x1fW\xfe\xb0\xf4\x7fk\x7f\xfc\xa1\xa2lKm,\xc6\x05\xcf\xf3\xfaZ\xb7i\xd7\xbd\xd7A\xbd\xfb\xf4\xeb\xd2\xa3\x97\xd3e\x8f\xd4Dim\xb2\xfd$\x84\x88\x84\xa3\xa7\x9c5\xe6\xe43\xcf\x05\xa8\x9f\xf7\xab\x97S\xf5\x05\xf2#5\x11\x8a\xd7rT\x00Z\n\xfd\x04\xe0\xf1\xe4a\xc3nV\x0c@!\xd6\xef\x98J\xf6\x8f\xeex\xac\xae\nr.z\x1etH\x9f~\x7f\xe0\x1c\x1a\xb7\xd7\xe4\x1c8\x07\xa5 \x1e7\xe3u\xb5u\xb51\xce\x05]\x9e\xf6\x1f"\xfa\x03\x05z\x17\x9d\xed\x1b\xd1v\xf6\x04F\xd2\x8c\n@\x0b\xa2g&amp;5y\x91Z\x9fS\x851\xa6\xd7\x1b\xa8\x8d\xc5bQ\x84\xed\x9a\xf6\xf5\xee=\xc0\x18\xaf\xef\x1d\xa6\xcfE\xca\x98\xe6\xef\xcc\xf2\xa5\xb3\xba\x85\xa0\x13\xbdE\xa1\xcfE:\xd0l\xdet\xa2s\xba%\xa3O\x02!\x84\xe4(*\x00\x84\x10\x92\xa3\xa8\x00\x10BH\x8e\xa2\x02@\x08!9\x8a\n\x00!\x84\xe4(*\x00\x84\x10\x92\xa3\xa8\x00\x10BH\x8e\xa2\x02@\x08!9\x8a\n\x00!\x84\xe4(*\x00\x84\x10\x92\xa3\xb2\xa4\x00\xd0t\xf34k\x128\xe5\x9ff\x94\xbf\xb5\xb2&amp;\xf0\xcc.\x00\x8d\x9b\xfc%\x93\tZ6?\x9d\x92\xc9\x04P\xfe\xd6\xa1\xfc\xad\xa5\xf3\x07\x00\x9d\x7f\xe6\xca\xd4\x02\xa07\xfa\xf0\xf9|=zt\x07\x80U+\x96&amp;MZ\xe4+\x1d\x14\xa2\xcd\x06\xabV,\x05\x80\xe2\xe2\xe2n\xdd)\xff\xb4\xa2\xfc\xad\xa5\xf3\xffq\xc52\x00\xf0\xf9\xfc=z\xf4\x80L~ \xc8\xe03\x06\x11\r\xc3(**\x02\x80`\xb0*Q\x17\xcf\xdc\xb7!\xb3(\x84\xcam\x15\x00\xe0\xf5z\x8b\x8b\x8b\x81\xf2O/\xca\xdfZ\x8d\xf9{&lt;\xee\xfc\xfc|\xa0\x02`\t\xfd\xf0u\xe8\xa1}\x01`\xc3\xfa\xb5\xdb\xca\xb7\xd8\xedv\xda@\xb1\xb9q\xce\xe3uR\xdf\x81\xf6\xe9\xd3\xe7\xf8\xe3\x8e\x03\x80\x8d?\xad\xa3\xfc\xd3\x83\xf2\xb7\x96\xce\xbfd\xc5\x12\x00\xe8\xd1\xa3\x87\xc7\xe3QJQ\x01\xb0\x80\x0e\xfd\xb0\xc3\x06\x00@\xb8&amp;\xb4n\xcd*\xbb\xc3\x8e\x19\xde$\xd7\xc2!\xa2\xddn\xaf\xac(\xfby\xddj\x00\xe8s\xc8!\xc3\x87\x0f\x07\xca?](\x7fk5\xc9\xbf_\xbf~\x9c\xf3\x8c\xee\x06\xc8\xe0\x02\xa0[&lt;\x87\x0c\x19RPP\xa0\x94Z\xf0\xe9|\xc3`\x8a\xee\x80\x9a\x13*\xe5t9\x96,\xfe\xa6j\xdbV\xce\xf9\x1f\x87\x0f\x1f4hP \x10\xa0\xfc\xd3\x83\xf2\xb7V\x93\xfc\x8f;\xee8\xc8\xe4\xf6\x1f\xc8\xe8\x02\xc0\x18SJ\xb5m\xdb\xb6o\xdf\xbe\x8c\xb1\xcf\xe6\xbf[\x13\x8a\x19\x06\xedq\xd6\x8c\x14\xa2\x10\xec\xc3\xf7\xdeD\xc4@ 0`\xc0\x00\xb7\xdb\xdd\xaf_?\xca?=(\x7fk5\xc9\x7f\xd8\xb0a\x90\xe1\x1b\xcce\xf0\xa1CC7\xc0\xe8\xd1\xe7"\xe2\xcf\xeb\xd6,Z\xf0\x89\'\xcf\xb3\xe3\xb6\xba$%\x10\xd1\xe9tn\xfce\xd3\x97\x9f\xcc\x05\x80\xe3\x8f?A\xf7\x80\x9d{.\xe5\x9f\x0e\x94\xbf\xb5v\xcc\xdf\xef\xf7K)\xe9\t\xc02B\x08\x00\x185\xea\xac\xe2\xe2bD|\xe6\xd1\xfb3\xbaC\xa6\x85\x93Rz\xbc\xceW\x9e{\xa2rk\x85\x10b\xe2\xc4\tz0\xee\xa8Q\xa3(\xff4\xa0\xfc\xad\xf5\xbb\xf9[}P\xfb+\xb3\x0b\x00c\xcc4\xcd\xc2\xc2\xc2\xf3\xcf?\x1f\x11\xbf\xfd\xea\xf3\xcf?\x9c\xe7\xf3y\xe9&amp;(\xe5\x10\xd1\xe1tn\xfee\xf3\xbf^\x98\xc9\x18\xfb\xc3\x1f\xfep\xe4\x91G*\xa5\xa4\x94\x94\x7f\x1aP\xfe\xd6\xdaY\xfe\xfa\x1e4sev\x01\x00\x00\xce9"N\x9c81\x10\x08\x00\xc0\x8c\xbf\xdf#\xe9&amp;\xa8\x19H\xd3\xf4\xf9\x9c\xff|\xea\x1f\xd5\x95\xdb\x00\xe0\xc6\x1bo\x04\x00D\xa4\xfc\xd3\x83\xf2\xb7\xd6\xce\xf2\xb7\xfa\xb8\xf6W6\x14\x00\xa5T\xcf\x9e=\'O\x9e\x8c\x88\x8b\xbf\xf9\xe2\xf9\'\xffQX\xe4K&amp;\x93V\x1fZ\xf6\x90\xa6\xe9\x0f\xf8\xbf\xf9\xe2\xab\x17f&gt;\x02\x00G\x1c1\xe2\x9cs\xce\xd1\xb7?\x94\x7f\x1aP\xfe\xd6\xdaE\xfeV\x1f\xda\xfebYP\xc4\xf4\x8a(\x91H\xa4\x7f\xff\xfe\xeb\x7f\xfa\xc9\xe3\xf1\xbc\xf0\xdfO\x0e\xe9?\xa0&amp;\x18\x124(b\xbf\xa1R\x86\xcdf&amp;\x13\xe7\x9e8|\xcd\xaa\x1f8\x17\x0b\x17~\xd3\xbf\x7f\x7f}\xfb\t\x94\x7f3\xa3\xfc\xad\xb5\xdb\xfc3Z\xc6\xff\x05\x00\x801\xc6\x18\xf3\xfb\xfd\xb3g\xcf6\x84\x88E"7_uq\xd5\xb6\xadv\xa7\x83\x1aC\xf7\x13""\xa2\xd3\xe9\xb8\xfd\xfa+V\x97\xac@\xc4\x07\x1e\xb8\x7f\xc0\x80\x01J\xa9\xc6\xb3\x9f\xf2o&gt;\x94\xbf\xb5\xf6$\xff\x8c\x96\r\x7f\x07\x00\xe0\x9c\x9b\xa69x\xf0\xe0\xfb\xef\xbf\x1f\x01\xd6\xac\xfaa\xc2\xe8S\x04\xe7\x0e\xa7S\x9a\xa6\xd5G\x97\xa9\x94R\x88\xaau[\xff\x1d7]\xfd\xce\xbfg\x03\xc0\xa8Q\xa3&amp;O\x9el\x9af\x93\x87_\xca\xbf9P\xfe\xd6\xda\xf3\xfc3W\x96\x14\x00\x000\x0c\xc34\xcd\xc9\x93\'O\x980\x01\x00\x96\x7f\xff\xed\xa5g\x9f\x14\x0e\x05\xbd~?\xb5\x87\xee\x03i\x9a6\x9b-/\xcf{\xf3UW\xbd:\xebI\x00\x188p\xe0\x8c\x193v\xd6\xf4I\xf9\xa7\x16\xe5o\xad\xbd\xcd?CeO\x01\x00\x00!\x84Rj\xc6\x8c\x19\xfa3\xf0\xcd\x17\x1fO\x18}\xd2OkV\x15\xb5\xca\x97Rf\xf4\x92\x1d\xe9\x84\x88f2\xe9\xf5\xfb\x93\xc9\xf8MW\\\xfc\xf23\x8f+\x85\x03\x07\x0e\x9c;w\xee\xae\xd7&gt;\xa4\xfcS\x82\xf2\xb7\xd6&gt;\xe7\x9f\x89\xb2\xa1\x13x{\xbaCL\x081q\xe2\xc4\x993g\x02@ \xbf\xf0\xcf\xf7\xfc\xfd\xf4\xd1\xe7\'\x932\x16\t3\xce\xb3\xa3\xf1\xae9 \xa2\x94\xd2\xe1tz\xbd\xceE\x0b\xbe\x9az\xc3\x15z\xd5\xc9A\x83\x06}\xf0\xc1\x07\xf9\xf9\xf9\xbbm\xfa\xa4\xfc\xf7\x07\xe5o\xad\xfd\xcf?\xe3d[\x01\x80\x86~\x1b\xce\xf9\x9dw\xdeq\xc7\x1dw\xea\x17O:\xfd\x9c\xcb\xfet\xcbA\x87\xf6K$\xccX4\n\x80\x9c\x8bl\xaa\xe4\xfb\xa3~c)D\x87\xd3\xe9\xc9sn\xda\xb0\xf9\xe5g\x1f\x9f\xf5\xf8\x83\x89D\x02\x00\xce9\xe7\x9c\xa7\x9ezj\xcf\xcf~\xca\x7foQ\xfe\xd6Jm\xfe\x99%\x0b\x0b\x00l\xf7\x19\x98;w\xee\xb8q\x97\x96\x96n\x06\x00\xa7\xd3y\xd2\x19\xa3/\x9ct\xcd\xc1}\xfb3\x06u\xb5\x89D"\xae\x94BD\x96{\x1f\x05\x04@D\xc6\x801n\xb3\xdb].\xa7\x10\xb0\xf1\x97M\xaf\xbd0\xe3\xb5\x17fn-/\x03\x00\xbb\xdd~\xdf}\xf7M\x9e&lt;\x19\x00\xf6\xea\xec\xa7\xfcw\x8b\xf2\xb7V\xb3\xe6\x9fA\xb2\xb3\x00h\xa6i\x1a\x86QZZ\xfa\x97\xbf\xfce\xf6\xecW\xe2\xf1:\x00p\xb9\xdcC\x8f&lt;\xf6\xa8\xe3O\x1d&lt;|D\xdb\x03::]\x0e!\xc04!{c\xd8)\x9b\r\x94\x82DBn-/[\xba\xf8\xebO\xe7\xbd\xf7\xc5\xc7\x1fT\x94m\xd1_\x1d9r\xe4]w\xdd5x\xf0`\xbd\xbc\xcc&gt;\\"(\xff]\xa3\xfc\xad\xd5\xdc\xf9g\x84l.\x00\x00 \xa5\xd4]\xf6\x0b\x17.\xbc\xe7\x9e{\xe6\xcf\x9f\x1f\x8b\xc5\xf4\x97\xbc&gt;_\xd7\x1e\xbd\xbb\xf5\xec\xdd\xaeC\x87\xce\xdd\x0e\xcc/(4M3[\xdf\xe6\xdfB\xc6x2\x99X\xb5biU\xe5\xd6\xd5+\x97\xaf[]R\xb9\xb5\xa2\xf1\xcbC\x87\r\xbb\xea\xca+\xc7\x8c\x19\x03\xdb\x05\xb8o(\xff\xdfC\xf9[+}\xf9g\x00\xccvJ)\xd34\xf5\x9f\x97/_~\xc3\r7t\xee\xd2\xc5\xea\xd4[\xa2\xd6\xad[_x\xd1E\xf3\xe6\xcd\xd3YI)\xa5\x94\x94\x7f\xdaP\xfe\xd6j\xa6\xfc[\xb8,\x7f\x02h\xa4\xdb:u1\x0f\x87\xc3%%%\x0b\x16,\xf8\xee\xbb\xef\x96/_\x1e\x0c\x86\xb6l)\xcd\xbd9\x93\xacuqk\x8f\xc7\xd3\xaf_\xbfC\xfa\xf4\x19&lt;x\xf0\x80\x01\x03Z\xb5j\x05\xdb\x8d$I\xe1\x7f\x8c\xf2\xdf\x01\xe5o\xad\xb4\xe6\xdfb\xe5\xcaR!z\xfb0Dd\x8cy\xbd\xde\x81\x03\x07\xdal6\xceyuu5\x17\xa2\xa2\xa2&lt;G\na\x03\x06\x00~\x9f\xaf\xb0\xb0p@\xff\xfeC\x86\x0c\x190`\x80\xd7\xeb\xd5_\x93R\xa6\xbc\xbf\x8b\xf2\xff-\xca\xdfZ\xe9\xce\xbf\xe5\xb2\xe4\xb9#\xcd\x1a\x1f\x81\xe3\xf1\xf8\x9bo\xbey\xe6\x99g\xb6o\xdf\xc1\xea\xe0[\x16\x9f\xcfw\xcc\xb1\xc7\xce\x981\xa3\xbc\xbc\\g\x95L&amp;\xf5%\x83\xf2O\x03\xca\xdfZ\xcd\x9a\x7fK\x96\xe5M@\xfao\xc7\x18\x0b\x85B3g\xce|\xf1\xc5\x17\x97-[\xd6\xf8\xd5&lt;\xaf\xb7\xed\x01\x1d[\x15\x17w\xeev`\xa0\xa0@\x9a\x99\xbd\xbb\xdb\x1eB@\xc6\x98\x99L\xaeZ\xb14\x14\xac\xde\xf8\xf3\xba`uU\xe3W\xdb\xb6m7v\xecy\xe3\xc7\x8f\xef\xd5\xab\x17\xec\xf7\xe87\xca\x7fG\x94\xbf\xb5\xd2\x99\x7f\xcb\x97\xcd\x05\xa0\xb1\x07\x7f\xd6\xacY\xd3\xa7O_\xb5j\x95~\xbd]\xfb\x8e\x87\x1fq\xf4\x88cO&lt;\xb0O\xbf\xd6\xc5m=y^a@V\xbf\xcb\xbf\x03\x11L\x13\xe2u\xf1\xca\xadek~\\\xf9\xd5\xa7\xf3\x17|2\x7fu\xc9\n\xfd\xd5\x82\x82\x82\xab\xaf\xbe\xfa\xba\xeb\xae\xf3\xfb\xfdz4\xe1&gt;\xfc\'(\xff]\xa0\xfc\xad\x95\x86\xfc3B\xd6\x16\x00}\xf6\x97\x96\x96\x8e\x1b7n\xee\xdc\xb9\xfa\xc5\x9e\xbd\xfb\\8\xe9\xea\x91\'\x9fQ\xd8\xaa\x15"\xc4\xe3\x89d"\xa9\x94DTY\x1a\xc3N1\xbd\x8c0\xe76\x9b\xdd\xe1t\x18\x06\x84kb\x8b\xbe\xfa\xec\xf9\'\x1e^\xf0\xe9|\xfd=\xbdz\xf5z\xf6\xd9g\x87\r\x1b\xb6\x0fC\xa1)\xff]\xa3\xfc\xad\xd5\xdc\xf9g\x8a\xec,\x00\xbah\xcf\x9d;w\xdc\xa5\x97\x96n\xde\x0c\x00]\xba\xf7\xbc\xf4\xaa\x1bN&gt;c\xb4/\xe0\x8b\x84c\xc9d\x02\x80q\xce\x19\x03\xdd#\x94\xb3\x10\x11\xf5\x10\x11\xc3\xf0\xe4\xe5I\xa9\x16|2\xef\x99G\xa7\x7f\xf3\xc5\'\x00`w8\xee\xbb\xf7\xde\xc9\x93\'\xef\xd5g\x80\xf2\xdfs\x94\xbf\xb5\x9a#\xff\x0c\x92\x85\x05@\x9f\xfd3g\xce\x9c8q\xa2~\xe5\xbcqWL\xbe\xf5\xce\xa2\xd6E\xa1`D\x9a&amp;\x17\xb4\n\xca\xef\x93R2\xc6\xbc&gt;\x9f\x94\xe6\x8b3\x1e{\xe4\xde\xa9\x91p\r\x00L\x980a\xc6\x8c\x19zt\xc4n\xa3\xa3\xfc\xf7\x19\xe5o\xad\x94\xe4\x9fY\xb2\xad\x00\xe8\'\xdf\xc6\xb3\xdf\x1f(\xb8}\xfa\xa3g\x8e9\xaf&amp;\x14K$\x12Y\xdc\x96\x97B\xfacPX\xe4\xfbn\xe1\xb7\x7f\xbef\xc2\xaa\x1f\x96B\xc3g`\xb7\xf7A\x94\xff\xfe\xa3\xfc\xad\xb5?\xf9g\x9c\xac*\x00M\xce\xfe\xa2\xd6m\x1e}~\xce\xd0\x11\xc3*\xca\xaa\x85ad\xd3\xdb\x96\x06\xc9d2\x90\x9f_\xb9\xb5\xfc\xb2\xf3\xfeo\xe9w\x0ba\xbb\xfb\xa0\x9d\xcd\x91\xa1\xfcS\x88\xf2\xb7\xd6&gt;\xe4\x9f\x89\xb2\xa7\x00\xe87\xe6\xc3\x0f?\x1c9r$\x00\xe4\x17\x16\xbd6\xf7\xebN]\xbb\x87\xaa\xab\r\x9b\xcd\xea\xa3\xcbH\xd24\xedN\x87\xe0\xe2\x92\xb3\x8e_\xb4\xe0S\x00\xb8\xe3\x8e;\xa6N\x9d\xfa\xbb\xe3"(\xff\x94\xa3\xfc\xad\xb5W\xf9g\xa8,)\x00z\xb8nyyy\xdf\xbe\xfd**\xca}\xfe\xc0S\xb3\xdf\x1ap\xf8\xb0P0h\x18t\xf6\xef;)\xa5\xc3\xe9\x88\x84B\x97\x9es\xe2\xcae\xdf3\xc6\xe6\xce\x9d;r\xe4\xc8&amp;\xf7A\x94\x7f3\xa1\xfc\xad\xb5\x87\xf9g\xae,\x19\xfd\x8b\x88R\xca\x0b.\xb8\xa0\xbc\xbc\x0c\x00n\xbb\xf7\xd1\xa1#\x86\x07\xab\xe9\xec\xdf_B\x88xm]A\xab\xd6\x0f\xcd\x98\xed\x0f\xe4#\xc2\x05\x17\\XVV\xa6\x97\x16h\xfc6\xca\xbf\x99P\xfe\xd6\xda\xc3\xfc3W6\x14\x00]\x8dg\xcf\x9e=\x7f\xfe|\x008\xfb\x82\xf1g\x9d?\xb6\xbc\xac\xdaFO\xbe\xa9 \x0c#\x14\x0c\xf6&lt;\xe8\xc0[\xff\xfaw\x00,//\xbb\xe5\x96[8\xe7\x8d\xcf\x8e\x94\x7f\xb3\xa2\xfc\xad\xb5\xdb\xfc3Z\xc67\x01\xe9\x15-\x82\xc1\xe0\xe0\xc1\x83\xd7\xaf_\xdf\xbeS\x979\x1f.r8\x9c\xba+\xdf\xea\xa3\xcb\x1eR\xca@\xbe\xff\x8a\xf3\xcf\x9a\xf7\xce\x1b\x0e\x87\xe3\x8b/\xbe8\xec\xb0\xc3\x10\x911F\xf9\xa7\x01\xe5o\xad\x9d\xe5\x9f\xe9\x0bEd\xf6\xd1C\xc3\xd2}\xb3f\xcdZ\xbbv\xadRj\xfc\xd57\x15\xb5.H$\x12t\xf6\xa7\x16c,\x990\xaf\xbc\xf1v\x87\xd3\x19\x8f\xc7\xa7N\x9d\xaa/=</t>
        </is>
      </c>
    </row>
    <row r="144">
      <c r="A144" s="1" t="n">
        <v>142</v>
      </c>
      <c r="B144" t="inlineStr">
        <is>
          <t>polygon_sides_number</t>
        </is>
      </c>
      <c r="C144" t="inlineStr">
        <is>
          <t>What is the missing number of the part denoted with a question mark?</t>
        </is>
      </c>
      <c r="D144" t="inlineStr">
        <is>
          <t>[3, 4, 8, 9]</t>
        </is>
      </c>
      <c r="E144" t="inlineStr">
        <is>
          <t>4</t>
        </is>
      </c>
      <c r="F144" t="inlineStr">
        <is>
          <t>There are 6 numbered polygons arranged in a triangle with number [9] in the top row, [5, 6] in the middle row, and ['?', 8, 3] in the bottom row.</t>
        </is>
      </c>
      <c r="G144" t="inlineStr">
        <is>
          <t>We observe that the polygon with 9 sides has the number 9, the polygon with 5 sides has the number 5, the polygon with 8 sides has the number 8, the polygon with 3 sides has the number 3, and the polygon with 6 sides has the number 6. Thus, the pattern is that the number inside the polygon represents the number of sides the polygon has.</t>
        </is>
      </c>
      <c r="H144" t="inlineStr">
        <is>
          <t>Based on the pattern that the number inside the polygon represents the number of sides of the polygon, the missing number of the polygon with 4 sides should be 4.</t>
        </is>
      </c>
      <c r="I144" t="inlineStr">
        <is>
          <t>b'\x89PNG\r\n\x1a\n\x00\x00\x00\rIHDR\x00\x00\x02\x00\x00\x00\x02\x00\x08\x02\x00\x00\x00{\x1aC\xad\x00\x00\x9dCIDATx\x9c\xec\x9dw|TE\xd7\xc7g\xe6\xde\xbb=\xd9\xddT\xbaH/\x01\xa4H\x95f\x08H\x07\xa5)\x1d\xa4\x08\x824)\x82\x12\xa4\xa8\xa8\xa0\xd8(\xd2\xa4(=H\x93&amp;EE:\xd2Az\'m\xb3%\xd9v\xef\xcc\xbc\x7f\x0c\xe4\xc9\x0b\x8a\xa0d\xeb|?~\x9e\'\xd9\xbdlfo9\xbf\x99s\xce\x9c\x03)\xa5\x80\xc3\xe1p8\xe1\x07\xf2\xf7\x008\x1c\x0e\x87\xe3\x1f\xb8\x00p8\x1cN\x98\xc2\x05\x80\xc3\xe1p\xc2\x14.\x00\x1c\x0e\x87\x13\xa6p\x01\xe0p8\x9c0\x85\x0b\x00\x87\xc3\xe1\x84)\\\x008\x1c\x0e\'L\xe1\x02\xc0\xe1p8a\n\x17\x00\x0e\x87\xc3\tS\xb8\x00p8\x1cN\x98\xc2\x05\x80\xc3\xe1p\xc2\x14.\x00\x1c\x0e\x87\x13\xa6p\x01\xe0p8\x9c0\x85\x0b\x00\x87\xc3\xe1\x84)\\\x008\x1c\x0e\'L\xe1\x02\xc0\xe1p8a\n\x17\x00\x0e\x87\xc3\tS\xb8\x00p8\x1cN\x98\xc2\x05\x80\xc3\xf9k(\xa5\x84\x10\x7f\x8f\x82\xc3\xc9G \xef\t\xcc\xe1\x00\x00h\x1e \x84\x08!\x08!\x00\x00c\x9c\xfb3\x87\x13bp\x01\xe0\x84)l\x82\xcf\xee\x7f\x84\x10B\x0f\xae\x86-\x16\x8b\xdb\xed.T\xa8\x10\x00@Q\x14A\x10\xb8\x0cpB\x0c.\x00\x9c\xb0\xe0\xef&amp;\xf8\xb98\x9d\xce\xcc\xcc\xcc\xb3g\xcf\x1e&lt;x\xf0\xf2\xe5\xcb\xa7O\x9f\xbet\xe9\x92,\xcbC\x87\x0e\x1d2dH\\\\\x1c\x00\x00c,\x08\x82\x9f\xbe\x01\x87\xf3\xf4\xe1\x02\xc0\tA\xd8]\xfd\xe8\t~zz\xfa\x993g\xae\\\xb9r\xfc\xf8\xf1\x93\'O^\xbcx1333;;\xfb\xe1O+T\xa8\xd0\x94)S\xbau\xeb&amp;I\x12\x8b\n&lt;\xfci\x1cN0\xc2\x05\x80\x13\n\xe4\x06l)\xa5\x7fi\xeem6\xdb\xed\xdb\xb7o\xdc\xb8q\xe8\xd0\xa1#G\x8e\xdc\xbau\xeb\xc2\x85\x0bYYY\x7f\xf7\x81z\xbd^\x14%\x9b\xcd\x9a\xfbJ\xadZ\xb5&amp;O\x9e\x9c\x94\x94\x04\xb8G\x88\x13*p\x01\xe0\x04\x1f\x0f\xf8s\x98K\'\xef\x01\x84\x10\x8b\xc5r\xe6\xcc\x99\xa3G\x8f^\xbbv\xed\xd8\xb1cg\xcf\x9e\xcd\xca\xca\x92e\xf9/?P%\xa9\x8c&amp;\xd3\xb3\xcf\x94*Z\xe4\x99\x8a\x15*\x97.Y\xb6H\x91gLF\xd3\xb6\x1d\x9b&gt;\xfd|jZz\xaa \x08\x18c\x00@\x97.]&amp;M\x9aT\xa6L\x19\xc0=B\x9c\xe0\x87\x0b\x00\'\x08\xf8\xc7\x80\xad\xcdf\xfb\xf3\xcf?o\xde\xbcy\xe4\xc8\x91C\x87\x0e\xdd\xbcy\xf3\xce\x9d;\x8f\x98\xe0\x9b\x8c\xe6\x98\x98\xb8\xd2\xa5\xca\x96)U\xaeT\xa9reJ\x95\x8b\x8b\x8d7\x9b\xa3U*\x15B\x82\xa2\xc8\xb2\xec\xc5\x18\x1b\xf4\x117o\xdfX\xf4\xdd\xec9\xdf\xce\x92\x15Y\x14EEQ\x8cF\xe3\xf0\xe1\xc3\x87\r\x1bf4\x1a\xb9G\x88\x13\xd4p\x01\xe0\x04:l\x9a\x9f\xf7\x15\x97\xcb\x95\x91\x91q\xe1\xc2\x85\x93\'O\x1e?~\xfc\xf2\xe5\xcbg\xcf\x9eMKK\xfb\xbbO\x90$)&gt;\xae`\xb1\xa2\xc5K\x97*W\xach\xf1\xf2\xe5\x12J\x14/e2\x99"#M\x02\x120\xc6^\xd9\xab(\xb2\xac\xc8\x94P\n(\x84\x10A\x04\x00\xc0\x18k4\x1a\x9dN\x7f\xf2\xd4\x1f\xb3\xbe\xfex\xe3\xe6\xb5\x00\x00\x08!\xa5\xb4l\xd9\xb2c\xc6\x8c\xe9\xdd\xbb7\xe0\xa9\xa2\x9c\xa0\x85\x0b\x00\'paN\x1e\x84PVV\xd6\xc5\x8b\x17Yf\xce\xc1\x83\x87\xce\x9d;k\xb1X\xfe2`\xcb\x882G\x17)R\xacP\x81"\x15+T\xaaX\xa1J\xc1\x02\x85\x8b\x16y\xc6h4\x89\xa2\x08!Rd\xd9\xe3\xf5`\xac(\x8a\x92\xebDb\xfc\xe5\x180\xc6\x06C\x84(\x08[wl\xfa\xf0\xe3\x89\x7f^&lt;\x07!`\xcfMbb\xe2\xd4\xa9Sk\xd5\xaa\x05x`\x80\x13\x84p\x01\xe0\x04.\xcc\xc9&gt;h\xd0\xa0\xef\xbf\xff\xdej\xb5\xfe\xddaz\xbd\xc1d4\x97,Q\xbab\x85*\xcf\x14+^\xaeL\xc5"\x85\x8b\x99LQ:\xadN\x10\x04EQ\x14E\xf6\xca^f\xee)\xa0\x08B\x08\x11\x84\x00\x80\xc75\xd6\x84\x10\x00hD\x84\xd1\xe5t.\xfda\xc1\x97\xdf|\x92i\xc9\x10EAQ\xb0$I\xdd\xbbw\x7f\xff\xfd\xf7\x0b\x17.\x0cx`\x80\x13Tp\x01\xe0\x04(\x8a\xa2\x88\xa28g\xce\x9c\x81\x03\x07&gt;\xf0VLLl\x89\xe2\xa5\x8a\x16)\xfe\xec\xb3%\xcb\x97M(U\xb2l\x949\xdal2K\x92\x8aP"\xcb\xb2\xd7\xeb\xc5X\xc6\x98P@!x\xd4\x04\xff\x89\xc0\x18\x0b\x82\x18\x19\x11y\xfb\xce\xcdY_\x7f\xbc\xf4\xfb\xf9\xcc\xf9C\x08\x89\x8b\x8b\x1b2d\xc8\xe8\xd1\xa3U*\x15\x0f\x0cp\x82\x05.\x00\x9c@\x84Y\xff\x1d;v$%%I\x92J\x96\xbdU*WkP\xef\xc5\xb2e*\x16.T\xe4\x99b\xcfFG\xc7H\x92J\x10\x04EV\xbc^\x8f\x82\x15EQ\x08%O\xd1\xdc\xff\rT\xc1X\xa3\xd2\xe8\r\x86}\xfb\x7f\x99\xf1\xf9\xd4_\xf7\xed\xce}/!!a\xfc\xf8\xf1]\xbat\x01&lt;0\xc0\t\x06\xb8\x00p\x02\x0e\xe6E9y\xf2d\xe3\xc6\x8dm6\x9b\xa2(\x1d^~\xed\xb3\xe9s$I\xa5`\x05c\xec\xf5zdY\xce\xbb\xad\x17\x00\xe0KSK)%\x04\x1b\xf4\x11H\x10\xd6\xa6|\xff\xc57\x9f^\xb8x\x0e@\x00(\x00\x004o\xde|\xfa\xf4\xe9\t\t\t\x80\xcb\x00\'\xb0\xe1\x02\xc0\t,\x98\xff$++\xabq\xe3\xc6\'O\x9e\x04\x00T\xa9T-e\xd5N\x16\xb9e\xc64?\'\xf8O\x00\x1b\xaa1\xd2\xe4\xc8\xb6\xcf\x99?k\xd1\x929\x16K&amp;K\x15U\xa9T\x03\x06\x0c\x980a\x02\xaf!\xc1\td\xb8\x00p\x02\x88\xdc\xb4\x9f\xa4\xa4\xa4\x1d;v\x00\x00\x8a\x14.\xbaq\xed\x9e\x88\x88H\xaf\xd7\x1b\x98^uf\xdcMF\xf3\xe5\xab\x17g|&gt;u\xd5\xda\xe5\x00\x00\x84\x04Bp\\\\\xdc\x84\t\x13\x06\x0c\x18\xc0\x03\x03\x9c\xc0\x84\x0b\x00\'\x80`\xae\xff\xfe\xfd\xfb\xcf\x9b7O\x92$\xadV\xb7d\xfe\xdajUk:\x1c6A\x10\xfd=\xbaG@\x15\x05k4Z\xbdN\xbfs\xd7O_\xcd\x99\xb1o\xff\xde\xdc\xf7\x12\x12\x12\xa6O\x9f\xde\xbcys\xc0SE9\x01\x06\x17\x00N\xa0 \xcb\xb2$I\x9f}\xf6\xd9\xf0\xe1\xc3\xd5j\xb5\xc7\xe3\xf9b\xc6\xfc.\x9dz\xa4\xa6\xde\x95$\xc9\xdf\xa3\xfbg(\xa5\x98`S\xa4\xc9+\xcb\xab\xd7.\xfbz\xee\xcc+W/!\x04\t\xa1\x00\x80.]\xba\x8c\x1f?\x9e\x05\x06\x98\xce\xf9{\xbc\x1c\x0e\x17\x00N`\xc0l\xe2\x9a5k:t\xe8\xa0R\xa9\xbc^\xef\xa4w\xa7\x0fx}hff\xba(\x06\x81\xf5\xcf\x05c\x0c!\x8c2G\xdfM\xbd\xb3p\xc9\xec\xf9\x0b\xbfrd;r\x03\x03\xa3G\x8ff\xc5\xa5Yq\x0b\x1e\x18\xe0\xf8\x17.\x00\x1c\xff\xc3\xdc\xe8\x87\x0f\x1fn\xda\xb4\xa9\xc3\x91\xad(r\xe7\x0e\xdd?\xffd\x9e%+3HM$3\xf7F\xa3\xe9\xf4\xe9\x133fM\xdb\xb0y-\xb8\x1f\x18`\xc5\xa5skH&lt;\\\xc9\x8e\xc3\xf1\x19\\\x008~\x86EG\xadVk\x8d\x1a5\xae\\\xb9\x02\x00\xa8S\xab\xfe\xea\xe5[\x1c\xd9\x0e\xe0\xdb\xe4\xce\xa7\x0b\xa5\x14cE\xaf\x8f\x10\x90\xb0\xe7\xd7\x1d\x9f\xcc\x9c\xf2\xc7\x89#ykH\x8c\x1b7.11\x11\xf0\xc0\x00\xc7\x7fp\x01\xe0\xf8\x93\xdc\xdb\xafn\xdd\xba\xfb\xf7\xef\x07\x00\x94)Un\xe5\xf2-\x06\xbdA\x96\xe5\x10\x98\x1a\xb3"\xa6F\xa3)\'\';\xe5\xc7\x95\x9f|&gt;5-\xednnq\xe9&gt;}\xfa\x8c\x193\x86\x15\x97~\xb8\xe6\x1d\x87\x93\xdfp\x01\xe0\xf8\x93\xbci?\xa2(\x19\xf4\x86\xe5\x8b\x7f\xac\\\xa9\xaa\xcdf\r\xa50)\xf3q\x19#M\xb7\xee\xdc\x98\xf5\xd5\xf4\xe5+\x16\xc9\xb2\xccd\x80\x15\x97~\xeb\xad\xb7L&amp;\x13\xd7\x00\x8e\x8f\xe1\x02\xc0\xf1\x1b,\xedg\xd2\xa4I\xc9\xc9\xc9,\xf0\xbbh\xde\xaa\xe6M\xdb\xa4g\xa4\x05E\xda\xcf\x93\xa2(\x8aF\xa3\xd1ju\'O\x1e\xfb\xe0\x93\x89\xbb\xf7\xee\xc8}\xabB\x85\n{\xf6\xec\x89\x8e\x8e\x06\xc1\xec\xf5\xe2\x04\x1dA\xbf\xc4\xe6\x04)\x8a\xa2H\x92\xb4x\xf1\xe2\xe4\xe4d\x95J\xed\xf5z\xa7L\xfc\xa4Y\x93\x96\x19\x99\xe9!i\xfd\x01\x00\xa2(\xca\xb2l\xb5f\x95+\x97\xb0d\xfe\xba\x05sV\x94.U\x16\x00\xa0\xd1h\xce\x9c9\xb3n\xdd:\x08!s\rq8\xbe\x81\xaf\x008~\x80\xb9D\x0e\x1d:\xd4\xa8Q#\xaf\xd7\xab(J\xcfn\xfdf|4;5\xedN`o\xf8z:\xb0\xb8w\x84!\xc2+\xcb\x9f\x7f\xf5\xd1\xac\xaf\xa6C\x08k\xd4\xa8q\xe0\xc0\x01BH\x08D&gt;8\xc1\x02\x17\x00\x8e\xafa6.==\xbdb\xc5\x8a\x19\x19\x19\x94\xd2\xa6MZ.\x9c\xb3\xc2\xee\xb0\x07H\x91\x1f\xdf\xa0(\x8aV\xab\xf5x&lt;\xf5\x13\xabdd\xa6\xabT\xea\xa3G\x8fT\xacX\x91k\x00\xc7g\xf0\xfb\x8c\xe3S\xd8\x84\xc3\xe9t\xb6l\xd92==\x9dRZ\xb1B\xe5O&gt;\xf8\xca\xedv\x830s\x7f\x8b\xa2\xe8r\xb9\x8c\x91\xc6\x17\x1b5\x03\x00x\xbd\x9eE\x8b\x16\x81\xfb\xeb\x03\x0e\xc7\x07p\x01\xe0\xf8\x0eJ\xa9\xa2(\x08\xa1\xc1\x83\x07\x1f:tH\x14%c\xa4\xe9\xab\xcf\x16\x99\xcd\xd1\x1e\xaf;\x0c\xa7\xbd\x10BBH\x87\x97\xbb\xb2\xef\xbea\xc3\x06\xb6\'\xc0\xdf\xe3\xe2\x84\x0ba\xf7\xc8q\xfc\x08\xc6X\x92\xa4\xe1\xc3\x87/Z\xb4H\x14%E\x91\xe7}\xb3\xbct\xc9\xb2v{\x80\xd7z\xcb/\x04Ap\xbar\xaa$&lt;W\xb4\xe83\x00\x80\x0b\x17.\xec\xdd\xbb\x17\x00\xc0C\xc1\x1c\xdf\xc0\x05\x80\xe3#X\xca\xff\xbcy\xf3&gt;\xfb\xec3\xb5Z\xad(\xf2\x94\xe4O\x1b\xd4{\xd1j\xcb\n\xa5\x94\xff\'E\x96\x15\xa3\xd1\xdc\xa6\xc5+\x00\x00B\xc8\xe2\xc5\x8b\xc3\xca\x0f\xc6\xf1/\\\x008\xbe\x00c,\x8a\xe2\xfe\xfd\xfb\x07\x0c\x18 I\x92\xc7\xe3ys\xe0\xc8A\xfd\x87gZ2\xc2\xd9\xfa\x03\x00\x10B\x1e\xaf\xa7U\x8b\x97\x05Q\x04\x00l\xd9\xf2Szz\xba \x08&lt;;\x83\xe3\x03\xb8\x00p\xf2\x1dV\xf6\xf2\xca\x95+-[\xb6\x14\x04A\x96\xe5v\xad;\x8d\x19915\xed.\xf7w#\x84\x9c\xce\x9cre*&lt;_\xbd6\x00 ==m\xd3\xa6M\x80{\x818&gt;\x81\x0b\x00\'\x7f\xc9m\xf1\xd8\xa9S\'\x8b\xc5\xa2(J\xa5\x8a\xcf}0\xf93\x8f\xd7\x0b\xc2,\xed\xe7\xef \x84\xa85\x9a\xf6m:\x03\x00 \x84\xabW\xaf\x06\xbcw\x18\xc7\'\xf0\x9b\x8c\x93\x8f\xb0\xaa\xf7\x08\xa1\xfe\xfd\xfb\x1f&gt;|\x18!d6G-\x98\xb3B\xab\xd5z\xbd\x1en\xe3\x18\x82 8\x9d9\xf5\xea4\xd4\xe9\xf4\x94\xd2\x9f\x7f\xdeu\xe1\xc2\x05\x84\x10\xcf\x07\xe5\xe47\xfc\t\xe4\xe4#\x84\x10Q\x14\x07\x0e\x1c\xb8z\xf5jI\x92T*\xf5\x82\xd9+\n\xc4\x17\xcc\xc9\xc9\xe1\xce\x9f\\ \x84n\xb7\xbb\xc4\xb3\xa5\x9a4~\t\x00\xe0r9SRR\x00\xdf\x10\xc0\xc9\x7f\xb8\x00p\xf2\x0b\x96\xd2&gt;g\xce\x9c9s\xe6\xa8TjY\x96\'M\xf8\xa8^\xdd\x86v\x87=\xcc\x03\xbf\x7fG\xab\x16/\x03\x00 \x84k\xd6\xac\xe1\xfb\x819&gt;\x80\xdfa\x9c|\x81%}\xee\xd8\xb1c\xe0\xc0\x81j\x95\xda\xeb\xf5\x8c{{R\xdf^\x83\xd2\xd2R\xb9\xf5\x7f\x18\x16\n\xaeY\xa3Nll&lt;\xa5\xf4\xd0\xa1C\x87\x0e\x1dB\x08\xf1P0\'_\xe1\x02\xc0y\xfa\xb0\xa4\xcf\x93\'Ov\xe9\xd2E\x14E\x8f\xd7\xd3\xf1\xe5\xd7\x06\x0f\x18\x11\xaau\x9e\xff;\x10B\x8f\xc7S\xb0@\xe16-^\x06\x00\x10BX(\x98\'\x83r\xf2\x15.\x00\x9c\xa7\x0c\xa5\x14!\x94\x99\x99\xd9\xb5k\xd7\xcc\xccLEQ\xaaT\xaa6}\xdaWN\x97\x8b\xe7\xfc&lt;\x02\x08\xa1W\xf66Kj\xcd&lt;?\xcb\x96-\xb3\xdb\xed\xa2(r\r\xe0\xe4\x1f\\\x008O\x19J)\xc6\xb8K\x97.\'O\x9e\x04\x00\x14)\\t\xf1\xb7\xab\t\xc1\x18+\\\x00\x1e\x81 \x0899\xd9\xcf\xd7\xa8])\xe19\x00\xc0\x9d;w~\xfb\xed7\xc0C\xc1\x9c\xfc\x84\x0b\x00\xe7i\xc2j\xbd}\xf3\xcd7;v\xec\x90$)6&amp;\xee\xcb\x99\x0bc\xa2c=\x9ep\xac\xf5\xf6\xa4`\x8cu:}\xb3\xc4\x96\xec\xd7e\xcb\x96\xf9w&lt;\x9c\x90\x87?\x93\x9c\xa7OZZ\x1a\x84P\x96\xe5.\x1d\xbb7j\x90\x98e\xcd\n\xcfZoO\nB\xc8\xe5r5Il\xa1\xd1h\x01\x00\xeb\xd7\xafOMM\xe5e!8\xf9\x07\x17\x00\xce\xd3G\x92\xa4\xfb6\x0b\xba\xdc\x815\xf7g\xce(\x8c1\xa5\x84RJ)\xc1\x18c\xac\x04\x82\xa7\x85\xe5\x02%T\xa8\\\xfb\xf9z\x00\x80\xec\xec\xec\r\x1b6\x00^\x16\x82\x93o\x04\xd0\x93\xc9\t\x19\xf2\xceX\x03\xc7\xfa33j0DFE\xc5\x18\x8d&amp;\x8dF\'I\x92F\xa33\x1aMQ\xe6\x18\xbd\xde\xc0\xa2\x17\xfe\x1e&amp;\x80\x10\xb5l\xd1\x9e\xfd&lt;o\xde&lt;\xbe!\x80\x93\x7f\xf0\x859\'\xf4\xa1\x94\x00\x00M&amp;\xb3\xc3a\xff\xe5\xb7]\x07\x0e\xfd\xf6\xe7\x9fg\xd33\xd2\xbc^\x8fJ\xa5\x8a\x8b-P\xbe\\B\x9d\xda\xf5\xabV\xa9\xa1\xd1h\xedv\x9b\x1f;S"\x84r\x9c\xd9M\x13[L\x8f\x8dOOO\xfd\xe3\x8f\xe3\x97/_.U\xaa\x14\x97\x01N~\xc0\x05\x80\x13\xe2\x10\x82U*\xb5 \x88\xcb\x7fX\xb4`\xf17g\xce\x9d|\xf8\x98\xcd[\xd7\x83\xcfA\xf5\xaa5\xfb\xf7\x1d\xda\xb2y;\xa7\xd3\x89\xb1\xe2\x17\x83\x0b!\xf4z\xbdqq\x05\xea\xd5n\x90\xb2a\x95\xd7\xebY\xb6l\xd9\xc4\x89\x13\xb9\x00p\xf2\x03~KqB\x19B\xb0F\xadu8\xec\xfd\xdexu\xd4\xb8Ag\xce\x9d\x84\x10J\xa2\xa4R\xa9%I%\x8a\x12\xabP$I\x12\x84\xf0\xc8\xb1\x83\x03\xde\xec6\xfc\xed\x01\x94\x12\x95J\xe5\xc7\xa8\x00\xc6\xb8]\x9b\xce\xcc\xe2/]\xba\x8c\xf7\x89\xe4\xe4\x13\\\x008!\x0b\xa5T%\xa9\xed\x0e{\xb7&gt;\xed\xb7\xff\xbcE\x10D\x84\x10BHVd\xaf\xd7#\xcb^E\x91e\x99\xfd,#\x84\x04$\x08\x82\xb0j\xed\xb2&gt;\x03\xba\xb0R\x16~I\xbfa\x1b\x02\xea\xd5\xae\xcf\xfaD^\xbe|i\xef\xde\xbd\x10\xc2@\x88OpB\x0c.\x00\x9c\x90\x85R*\xa9\xa4\x11\xa3\x07\x9c:}\\\x14%\x8c\x15\x00\x00\xc6866\xbe\xdb\xab}?\x9a\xfa\xc5\xec/\x97\xcc\x9c&gt;\xbb\x7f\xdf!E\x8b&lt;\x831&amp;\x94`L$Q\xfa\xed\xf7\xdd\xa3\xc6\x0e\xd2jt\xfe\xca\xbfT\x14%"\xc2\x98\xb7O\xa4_\x86\xc1\tyx\x0c\x80\x13\x9a`\xac\x98MQ\xdf\xaf\xfcn\xe7\xee\xad\xa2(*\x8a\xcc*\xecw\xe9\xd8c\xec\xa8\xe4\x02\x05\nQB\t%\x10B\x01\t\xc3\xde\x1c\xfb\xd9\x17\x1f\xce]\xf0\x05B\x82\x82\x15Q\x147l^\xdb\xb0A\x93\xd7:\xf7\xb6Z3}\xbf\x89\xe1~\x9f\xc8W\xe6\xcc\x9f\xe5\xf5z\xb7o\xdf\x9e\x9d\x9dm0\x18(\xa5|75\xe7)\xc2W\x00\x9c\xd0D\x10DG\xb6c\xf6\xbc\xcf \x84,\x82J\x08\xe9\xd1\xf5\xf5Y3\xbe5\x18"233\xb2\xac\x16\x9b\xcdj\xb5fed\xa6\x8b\xa28m\xf2\xcc\xb7\x87\xbfG\x08\x86\x10\x11B \x843&gt;\x9f\x96\x99\x99.I*\xdf\xaf\x03\x10B.\x97\xb3L\xe9\xb2\xe5\xcaV\x04\x00\xdc\xb9s\xe7\xc7\x1f\x7f\x04|C\x00\xe7i\xc3\x05\x80\x13\x82`\x8c\xf5z\xc3\xc1C\xfb\xfe\xbcx\x8eM\x99\t!\xcf\x16/9~\xcc\x14\xab5K\x96\xbd\xa2(\n\xf7\x11E\x91\x10\x92\x96\x96:\xe2\xadqM\x1a\xbfD\x08\x86\x00"\x88n\xdf\xb9\xb9a\xd3\x1a\x83!\x82\x10?\x98]\x8c\xb1V\xa3\xeb\xf8r7\xf6++\x0b\xc1\x13\x818O\x17~?qB\x12*\x8a\xe2\xaf\xfbv\x03\x00\x10D\x10"\x00@\xe7\x0e\xddMF\xb3,{\x11z0\xa3\x86\xe5\xfd{\xbd\xde\x11\xc3\xc6K\x92\x8aP\x02 \x80\x10\xae\xfbq\xa5\xc7\xe3\x81\xfe0\xbb\x82 8]\xce\xc4F\xcd\xf4z\x03\x00\xe0\xd7_\x7f\xbds\xe7\x0eB\x88\x97\x85\xe0&lt;E\xb8\x00pB\x10\x08\x91,\xcb\xa7\xce\x1e\x07\x00P@\t\xc1\x10\xc2Z5\xeby&lt;\xee\x87\xad?\x03!!\xc7\x99]\xb9\xe2s\xb5k\xd6\xa3\x94\x02\x00)\xa5\'N\x1e\xbd|\xe5\x82F\xad!\xd4\xd7)\xa1\x10B\xb7\xdbU\xacX\xf1\x9a5\xea\x00\x00\xecv\xfb\xf2\xe5\xcb\x01\xf7\x02q\x9e*\\\x008!\x08\xcb\xa4LM\xbd\xc3~\xa5\x94FDD\x16*XTV\xe4G\x04Q)\xa5\xa2(5\xac\x9f\x08\x00\x80\x00 $x\xbc\x9e\x13\xa7\x8ei\xd4ZJ\xfc3\xefF\x10u\xee\xd0\x83\xfd\xbcj\xd5*\xbe\x1d\x8c\xf3t\xe17\x13\'\xd4`\xa92\x1e\x8f;;\xdb\x91\xfbb\x84!R\xab\xd5&gt;zo\x17\x82PQ\xe4re*\x02\x000\xc1\x08A\x00\xc0\xd9s\xa7 \x82\x00\xf8A\x00\x10BNWN\xed\x9a/\xc4\xc6\xc6\x03\x00x\x9fH\xceS\x87\x0b\x00\'\x04\x81\x00RJ1\xfe\x9f\xb9\x17\x04\x01\xfds\x02%\xc4\x18GE\xc5\xdcs\xb5S\x00\x00\xb8v\xfd\n\xc6\x18\x00?$_\xde\xef\x13Y0\xb7O\xe4\x9a5k\x00\xef\x13\xc9yzp\x01\xe0\x84 \x84RA\x10U*u\xee+9\xce\x1c\xaf\xec\xfd\xc7$z\n@\xee!L\x01\xd23\xd2\xd8&gt;\xe1|\x1b\xec\xa3`m\x15\x9a6i\xc5\x04(%%\xc5\xe9t\xf2\x0e\x01\x9c\xa7\x05\x17\x00N\xa8\xc1\x12\xffu:\x9d\xd9d\xce}\xd1j\xb5\xa4\xa5\xa5\x8a\xa2\xf4\x08\xd3I)\x95$\xe9\xea\xf5+\xcc\xd5\xce\x8et:s\xbc^\x8f\xbf\xb6_\t\x82\x90\xe3\xcc\xa9Z\xa5z\xe9\x92e\x01\x00\x17.\\\xd8\xbd{7\xfb\x82~\x19\x0f\'\xc4\xe0\x02\xc0\tA\x08\xc1Z\xad\xee\xd9\xe2%\x99\xe1\x16\x04\x01c|\xf8\xc8\xef\x1a\xb5\xe6\x11\xa6\x93R\x8a Z\xb5f)\x00 \xd7\xe2\xcb\xb2\x17c\x0c!\xa4\xfe\x08\x03\x00\x00\x14E1\x99\xa2\xda\xb7\xe9\xccF\xc5r\x818\x9c\xa7\x02\x17\x00NHB!\x84\xb5\x9eg\t\x9d\xf7\x9c\xe6K\x7fX\xe8t\xe6\x88\xa2\xf8p\x10\x95\x10"\xcbr\x81\xf8\x82\xdf\xafZ\xfc\xf3\xeemy\x03\xad~\xf7\xb5 \x84r\x9c9\xcd\x9a\xb4\x8a0DPJ\xd7\xaf_\x7f\xf5\xeaUA\x10\xf8"\x80\xf3\xdf\xe1\x02\xc0\tA\x10\x12\x9cNg\xe3FM\r\x86\x08B\x08\xa5\x14!t\xee\xfc\xe9\x0f&gt;\x99\x18e\x8ef\xe9@\xf8&gt;\x94R\xadV\x17\x17\x17\xff\xc3\xaa%\xef\xbc7\x8c\x15\x8d\xc8\xfd(I\x14\x99;\x08\xfa#\x0e\x0c\x98G\x0b\xe3\x88\x88H\xb5Z\x03\x00p\xbb\xdd\xd9\xd9\xd9~\x19\t\'\xf4\xe0\x02\xc0\tAX\x1ah\x89\xe2\xa5^\xed\xd8\x83R\xca\xe6\xcb\x08\xa1y\x0b\xbe\x1c\xf4V\xcfk\xd7\xafh\xb5:\x93\xc9l6E\x99\x8c&amp;\x95J\xf5\xe7\x85\xb3o\x8d\xea?xX/\x8f\xc7C\x08\x11\xc5\xffU\x7fS\xab5yZ\x1c\xfb\x01\x8c\xb1\xc1\x10\xf1\xf3\xee\xad\x19\x99\xe9\x10\xc2\x06\r\x1a&amp;$$\xf0\r\x01\x9c\xa7\x02\xaf\x06\xca\tM\x10B\x8el\xfb[o\x8e\xd9\xb9{\xeb\xe5+\x17EQT\x14\x05!\xb4j\xed\xf2\xf5\x1bWWN\xa8V\xacXq\xadF\x9b\x9d\xed\xb8r\xf5\xd2\xa93\'\x08\xc1\xa2()\x8a\xfc\xf6\xf0wW\xac^r\xfd\xc6U\xb6\x140\x18"$I\xe5\xf1\xf8-\x0e\x8c\x10r\xbb]\xeb7\xae\x02\x00PJ{\xf6\xec\x01\x00\xe0\x02\xc0y*p\x01\xe0\x84&amp;\x10BVU\x7f\xeeW\xcb\xba\xf7y\xf9\xce\xdd[\xac\xa9\x96(\x8a^\xaf\xf7\xf0\xd1\xfd\x87\x8f\xee\xcf=X@\x02BHQ\xe4\xc1\x03Ft\x7f\xed\xf5/g\x7f\x9a\xfbVLt\xac\xe0\xbf\n&lt;\x84\x10\x9dN\x7f\xee\xfc\xe9\x83G\xf6\x03\x00bc\xe3\x9a7o\xce\xd64~\x19\x0f\'\xc4\xe0\x93\x08N\xc8\x82\x10\xca\xc9\xc9.S\xba\xfc\xaa\xe5[\x1a5Hb\x1e\x7fEQ\x00\x00\xa2(\xb2\x96\x90l^\x8f\t\xd6\xe9\xf4\x13\xc6N\x99\xf4\xde\xc7\xd7\xae_q\xbb]\xb9\x1fR\xa0@!$\x08~\xd9\t\x0c\x00 \x84\xa8U\xea\x8d\x9b\xd7bE\x01\x004o\xfeRll,\xabV\xed\x97\xf1pB\x0c\xbe\x02\xe0\x842\x82 dg;\n\x17*\xb2h\xde\xaa\x1d?o^\x93\xb2\xe2\xd8\x1f\x07\xd3\xd2S\x99\x0c\x00\x004jM\xb1b\xc5_l\xf4R\x97\x8e\xddK\x95,\xebr9\xef\xdc\xbd\xc5\x82\xc6l\xd6_\xachq?\x19\x7f\x00\x00\x90$\xd1f\xcb\xfaq\xf3\x1a\x00\x00B\xa8g\xcf\x9e|\x0b\x18\xe7)\xc2\x05\x80\x13\xe2\x08\x82\xe0v\xbb!\x84\xcd\x9b\xb6}\xa9i\x9b\xf4\xf4\xd4\xdbwnY\xad\x16\x8c\xb1Z\xa3\x89\x8d\x89/\\\xa8\xb01\xd2\xecr;\xb3\xb22cc\xe3\xff\xbcx\x16\x00\x90\x9b\tZ\xb2D\x19Y\x91YAi\x1f\x831\x8e\x8c\x88\xdcw\xe0\xd7\x1b7\xae\x01\x00J\x97.\xdd\xa0A\x03\xf6\x8d|?\x18NH\xc2\x05\x80\x13\xfa\xb0x\xa9\xcdn\x85\x10DDD&amp;DE\x0b\x82\x08\x01 \x94*\x8a\xec\xf5z-Y\x99\x08AQ\x94\x14E\xf9\xe3\xf8\x11\xf6\xaf(\xa5&amp;\xa3\xb9\xc4\xb3\xa5\xfc\xbb\x13x\xf5\xdae,-\xb5u\xeb\xd6,\x94\x9d7I\x89\xc3\xf9/\xf0;\x89\x13.\xb0\x89\xb3\xa2(\xb2,\xb3\xcda\xac\x0f\x0c\x84\x88U\xd7\x91$15\xed\xee\xd1?\x0e\xe5\xfe\x93\x8a\x15*\x17\x88/\x94\x93\x93\xed\xfb\x94\x1bJ\xa9J\xa5JKO\xfby\xcfV\x00\x80J\xa5\xee\xd5\xab\x17\xe0M\xc18O\x15~3q\xc2\x0b\x08!B\x08!A\x10\x04\x84P\xaeo\x87\x10\xa2\xd3\xea\xf7\x1f\xf8\xc5b\xc9\xc8\r\x004\xac\xdfD%\xa9\xa8\xcf\xbb\xc1\xb0\xf1\xe8u\x86m;7ed\xa4\x03\x00\x9e{\xaeJ\xc5\x8a\x15y\xf6\'\xe7\xe9\xc2o&amp;\x0e\x07\x00\x00\x00\x04\x84\xe0\xa5\xdf/\x00\x00\xb0\xbe\xf0j\x95:\xb1q3\x97\xdb\xe5/\x9bK)\xd9\xb4y\x1d\xfb\xb9_\xbf~\x00\x00^\xfe\x81\xf3t\xe1\x02\xc0\xe1\x00Y\xf6F\x9bcR6\xac\xfe\xfd\xc0/\x08!\x00(\xa5\xb4a\x83&amp;\xe5\xcaVt\xb9\x9d\xbe\x8f\x00\xb3\xf4\xffSgN\xec?\xf4\x1b\x00\xc0`0\xb4n\xdd\x1a\xf0\xf0/\xe7i\xc3\x05\x80\x13\xee\xc8\xb2l6E\x9d\xfb\xf3t\xf2\x94\xd1\xf7\x82\xbd\x14@\x08\xfb\xf5y\x93`\xec\x97\x12@\x84\x10\xadV\xbbc\xe7f\xb6#\xa1m\xdb\xb6\xf1\xf1\xf1\xac(\xa9\xef\x07\xc3\ta\xb8\x00pB\x1cV\xf7\x8d\x95\x84\xcb\x03!\xe4\xde\xa6\xb0\xd8\xd8\xf8\xf3\x17\xce\xf6z\xbd#+\xb6\x03!\xc2\x04\xbf\xd2\xaeK\xbd:\r\x1d\xd9\x0e\xbf\xf8\x7f\x04Ap:s\xb6\xee\xdc\xc4~\xed\xda\xb5\xab\xef\xc7\xc0\t\x07x\x16\x10\'\x94\xa1\x94j\xb5Z\x95J\xed\xf5z\xb1\xa2\x10J\x00\x00\x10BA\x10$I%\x8a\xa2\xddn[\xbct\xee\x07\xd3\xdf\xcb\xb2Z\x10B\x10B\x8c\x95g\x8a=\xfb\xee\xb8iNg\x8e_\xac?\xc68""\xf2\xf7\xfd\xbf\x9c&lt;\xf5\x07\x00\xa0`\xc1\x82\xf5\xea\xd5\x03&lt;\xff\x87\x93\x0fp\x01\xe0\x84,\x94\x12\xadV\xf7\xfb\xfe_n\xdf\xbd\x95P\xb1\x8a\xd9\x14\xa5V\xa9\x01\x80\x8a"\xdb\xec\xd6\xeb7\xae\x1e&gt;r`\xeb\xf6\r\x7f^&lt;\x07\x00`\x19A\x18+\xc6H\xd3\xecY\xdf\x99\xcd\xd1\xd9\xd9\x0e\xbf\xf8\xdc)\xa5*I\xb5u\xfb\x06\x16\xf2\xed\xda\xb5kdd$O\xff\xe7\xe4\x07\xfc\x96\xe2\x84,\x84\x10\x8dF{\xf0\xf0\xbe\x19\xb3&gt;P\xa9\xd4:\xadN\xa7\xd3A\x88\xdcnWvN\xb6\xc7\xe3f\x87\tH\x00\x10RJ0V\n\x16(&lt;\xfb\x8b\xef*W\xaaj\xb3[\x05\xc1\x0fO\x07\xa5T\xadV\xdf\xb9{\xeb\xc7\xcdk\x01\x00\x08\xa1\x0e\x1d:\x80&lt;\x1d\xca8\x9c\xa7\x08\x17\x00N(C)\xd1\xe9\xf4\x92$aL\xac\xb6,\xab-+\xf7-Q\x14\x11\x12(%\xb2,\xb3W\x9a7k3\xf1\x9d\x0f\x0b\x17.j\xb5[E\x7fX\x7fp?\xff\xe7\xe7\xdd\xdb\xd2\xd3S\x01\x00\xcf?\xff\xfc\xf3\xcf?O\x08\xe1\xf9?\x9c\xfc\x80\x0b\x00\xe7\xe9\x93w\xba\xea\xdf\xd4u\x08\x91\xcb\xe5\xcc5\xf1yQ\x14\x05\x00\x05\x00\x80\x90P\xafN\xc3\xde=\x06$\xbd\xd8\\Vd\x87\xc3\xee/\xeb\x7f\x0fJ7n^\xcb~\xec\xd8\xb1#B\x88u2\xf0\xe7\x908!\n\x17\x00\xce\xd3G\x96e\x08!\xa5\x14\x00\xaa\xd5&lt;\xaa\x0f{\xbe\x02!\xf2z=\x15\xcaW\xae^\xadVzF\x9a\xcd\x96\xe5\xf5zY1}\xadV\x17\x17\x13_\xbcx\x89jU\x9e\xafS\xa7AB\x85*, \x0c\xa0?s\xed)\xa5\x1a\x8d\xf6\xea\xb5\xcb;v\xfd\x04\x00\x88\x8c\x8c|\xed\xb5\xd7\x00O\xff\xe7\xe4\x1b\\\x008O\x9f\xb8\xb88J\xa9$I?\xacZ\x92\xd8\xb8y\x8dj\xb5lv\x9b\xefc\x98\x08\xa1\x9c\x9c\x9c\x17\x1b5Kl\xdc\xcc\x91\xedp\xbb\\n\x8f\x9b\x10,I*\x8dFk\xd0G\xe8\xf5z\x01\t\x1e\xaf\xdb\xe9\xcc\t\x84.+\x18c\xadV\xbbs\xf76\xa73\x07\x00\xf0\xc2\x0b/\x14,X\x90\x97\x7f\xe0\xe4\x1f\x90\x97\x17\xe7&lt;]\x08!\x84\x90\xe6\xcd\x9b\xef\xd8\xb1\x03\x00P\xa4p\xd1M\xeb\xf6FD\x18\xddn\x97\xbf\x92j\x00\x00\xb9\x95\x7f \x00\x94RB\xef5\x85\x07\x80\xb2\xe2@\xbe\x1f\xd8\xc3PJ\xb5\x1am\xeb\x0e\x8dO\x9c&lt;\x06\x00X\xb6l\xd9k\xaf\xbd\xc6\xf3\x7f8\xf9\x07\x17\x00\xceS\x86\xddQ\x16\x8b\xa5q\xe3\xc6\'O\x9e\x04\x00$T\xac\xb2j\xd9\x16I\x92dY\xf6_]\x9d\x07\xef\xf3@\xcb\xaba\xe1\xdf\x93\xa7\x8e\xbd\xdc\xa5\xa9\xd7\xeb\x8d\x8f\x8f\xbfx\xf1\xa2\xc1`\xa0\x94\x06\xdaP9!C@L|8\xa1\x04\x84\x90\x10\x12\x1d\x1d\xbdl\xd9\xb2\xa8\xa8(I\x92N\x9d&gt;&gt;\xee\xdd\xb74j-\xf8+C\xec\xb3Q=\x80_\x86\xf1\x08\x08!\x1a\xb5z\xdd\xfa\x15^\xaf\x17\x00\xd0\xa6M\x1b\x83\xc1\xc0\xcb?p\xf2\x15.\x00\x9c\xa7\x8f \x08\x18\xe3J\x95*m\xda\xb4\x89y0R6\xac\x1a\x9f&lt;&lt;66\x9e\xb5\xd9\xe2&lt;\x8c(\x8a6\xbb\xed\xe7=\xdb\x01\x00\x08\xa1\xd7_\x7f\xdd\xdf#\xe2\x84&gt;\\\x008\xf9\x82 \x08\x8a\xa2\xd4\xae]{\xce\x9c9\x8a\xa2\xa8\xd5\xea\xc5K\xe7\xcd\x9e\xf7YtTLn?^N.\x18c\xbd\xde\xb0o\xff\xde\xab\xd7/\x03\x00J\x94(\xf9\xdcs\xcf\x05B\\\x9a\x13\xdap\x01\xe0\xe4\x17\xa2(\xca\xb2\xdc\xaf_\xbf\xe4\xe4d\x8f\xc7#I\xd2\x84\xe4\x91{\x7f\xfb9\xca\x1c\xad(\x7f\x91\x98\x1f\xcePJ%QZ\xbfa\x15%\x04\x00\xd0\xad[W\x95J\xc5WK\x9c\xfc\x86\x07\x819\xf9\x08\xa5TQ\x14I\x92z\xf5\xea\xb5x\xf1bI\x92tZ\xfd\xf7\xdfm\xa8\\\xa9\xaa\xcdf\xe5\xc9-\x0c\x962\x9b\x91\x91\xde\xbc]}\x8b%C\x14\xc5\xb3g\xcf\x96*U\x8a\'\x80r\xf2\x1b~{q\xf2\x11\x08\xa1(\x8a\x94\xd2\xaf\xbf\xfe\xfa\xf9\xe7\x9f\x97e\xd9f\xb7\x0e\x1b\xd5/33]\xadV\xf3\xfeV\x0c\x8c\xb1^\x1f\xb1k\xefv\x8b%\x03B\xd8\xa0A\x83\x12%Jp\xeb\xcf\xf1\x01\xfc\x0e\xe3\xe4/lK\xb0N\xa7\xdb\xbau\xeb\xb3\xcf&gt;\x0b\x00\xf8\xf3\xe2\xb9\x81C\xbak5\xba\xdc\xd6\xbba\x0eB\xc8\xe3v\xad\xdf\xb0\x92\x9d\xab\x9e={"\x84\xb8:r|\x00\x17\x00N\xbe\x83\x10\xc2\x18\x9b\xcd\xe6\x95+W\x9a\xcdfI\x92~?\xf0\xeb\xb0\xb7\xfb\xebtz.\x00\x84\x10\x9dVw\xe6\xdc\xa9\x83G\xf6SJccc\x9b7o\xce\xc3\xbf\x1c\xdf\xc0\x05\x80\xe3\x0bXRP\x8d\x1a5\xe6\xcd\x9b\'\xcb\xb2Z\xad^\xb5v\xd9\xd7sfDG\xc5\xfce\xa5\xb6\xf0\x81\x10\xa2\xd1jw\xef\xdd\x8e\x15\x05B\xd8\xb2e\xcb\xd8\xd8XB\x08O\xff\xe7\xf8\x00.\x00\x1c\x1f!\x8a\xa2\xa2(\xaf\xbc\xf2\xca\xec\xd9\xb3=\x1e\x8fJ\xa5\xfa\xe0\xe3\x89+V/)\x10_0\x9c5@\x14E\xab5k\xed\xfa\x1f\x00\x00\x94\xd2\x0e\x1d:\xf0U\x11\xc7gp\x01\xe0\xf8\x0e\xa6\x01\x03\x06\x0c\x180`\x80\xd7\xeb\x95$i|\xf2\x88_~\xdbe\x8c4\x86\xe7\xe6\x00\x8c\xb1^g8~\xe2\xe8\x85K\xe7\x01\x00\xa5K\x97~\xf1\xc5\x17\x01\xef\xfe\xc8\xf1\x15\xfc&gt;\xe3\xf8\x14\xe6\x0b\x9a={v\x93&amp;MdY\xb6\xdbm}\x06v\xbe\x9bz\xc7`\x88\x08\xc3\xb4wJ)Bp\xf5\xba\xe5\x80\x02\x00@\xdb\xb6m\xb5Z-/\xff\xc0\xf1\x19\\\x008&gt;\x05B\xc8R\\~\xf8\xe1\x87\x1a5j\x00\x00\xac\xd6\xac&gt;\x03:[\xadYjUx%\x86*\x8a\xa2\xd5jmv\xdb\xcf\xbb\xb7\x02\x00T*u\xaf^\xbd\x00\x9f\xfes|\x08\xbf\xd58\xbe\x86\x19\xb8\xe8\xe8h\x96\x14\x84\x10:y\xfa\x8f\xb7\xdf\x19\xac\xd1h\x80\xff\xaa\xc5\xf9\x12V1\xdb\x18i\x04\x00\xce\xfe\xf6\xf3LK\x06B\xe8\xb9\xe7\xaaT\xacX\x91\xa7\xffs|\t\xbf\xd58~\x80%\x86&gt;\xfb\xec\xb3[\xb7nU\xab\xd5\xa2(n\xdb\xb1\xe9\x9d\x89\xc3\xe3b\xe3\t\teG\x10\xa5\x14c\xac\xd3\xe9\r\xfa\x88m;77k]\xe7\xf3/?b{\xe2X\xf5\xb7\xb0Z\x03q\xfc\x0e\x17\x00\x8e\x7f`\xc1\x80\xe7\x9f\x7f\xfe\xeb\xaf\xbfV\x14E\xa5R/^:\xef\x9b\xb93\xcd\xa6\xa8P\r\x08\xb3\xaa\x18&amp;\x93\xf9\xdc\xb9S\xdd\xfb\xb6\xef3\xa0\xf3\x85\x8b\xe7\x01\x00n\xb7\xbbB\x85\n\xed\xdb\xb7\xe7\xe9\xff\x1c\x1f\xc3\x05\x80\xe37X\xb5\xb8\x9e={&amp;\'\'{\xbd\x1e\x95J5a\xd2\xa8\xad;6\xc5D\xc7\x86Xb(\x8boGG\xc5XmY\xe3\xde}\xab\xd5+\x8dv\xef\xdd\xc1l\xbd\xd1hLNN\xfe\xed\xb7\xdfbbb@\xe0\xb5\xa9\xe1\x846\xbc\x18\x1c\xc7\xcf\xb0\x86\x01\xfd\xfb\xf7\x9f7o\x9e(J\x06\xbda\xf9\xe2\x1fC\xa6Z\x1c!\x84Rj4\x9arr\xb2S~\\\xf9\xc9\xe7S\xd3\xd2\xee\xb2~\t\x00\x80&gt;}\xfa\x8c\x193\xa6L\x992\x00\x00\xde\xf9\x8b\xe3{\xb8\x00p\xfcL\xee\x1dX\xb7n\xdd\xfd\xfb\xf7\x03\x00\xca\x94*\xb7j\xf9Oz\xbdA\x96\xbd\xc1\x1b\x11\xa5\x94b\xac\xe8\xf5\x11\x02\x12\xf6\xfc\xba\xe3\x93\x99S\xfe8q\x04B\xc0\xbenbb\xe2\xb8q\xe3\x12\x13\x13\x01\x00\x8a\xa2\x08\x82\xc0\xad?\xc7\xf7p\x01\xe0\xf8\x1f\x16\xf9\xb4Z\xad5j\xd4\xb8r\xe5\n\x00\xa0J\xa5j)\xabv\xca\xb2LHP&amp;\xc5+\x8a\xa2R\xa9\x8cF\xd3\xe9\xd3\'f\xcc\x9a\xb6a\xf3Z\x00\x00B\x02!\xb8P\xa1BS\xa6L\xe9\xdd\xbb7\x00\x80\xa5\xfc\x07\xaf\xc8q\x82\x1d.\x00\x9c\x80\x00c,\x08\xc2\xe1\xc3\x87_z\xe9%\xbb\xdd.\xcbr\xc7\x97_\x9b9}\x8e#\xdb\x11\\\xf6\x91\xd9\xf4(s\xf4\xdd\xd4;\x0b\x97\xcc\x9e\xbf\xf0+G\xb6\x83m\x81V\xa9T\xa3G\x8f\x1e2dH\\\\\x1c\xa5\x94\x10\xc2C\xbe\x1c\xff\xc2\x05\x80\x13(\xb0`\xc0\x8e\x1d;\x92\x92\x92\xd4*\xb5\xc7\xeb\x19\xf7\xf6\xa4\x91o\x8d\xbf\x9bzG\x92$\x7f\x8f\xee\x9f\xa1\x94b\x82M\x91&amp;\xaf,\xaf^\xbb\xec\xeb\xb93\xaf\\\xbd\x84\x10$\x84\x02\x00\xbat\xe92~\xfc\xf8\x84\x84\x04p\xff\x9b\xfa{\xbc\x1c\x0e\x17\x00N \xc1,\xe3\x9c9s\x06\x0e\x1c\xa8R\xa9\xbd^\xcfGSf\xf5\xee90--5\xb05\x80*\n\xd6h\xb4z\x9d~\xe7\xae\x9f\xbe\x9a3c\xdf\xfe\xbd\xb9\xef%$$L\x9f&gt;\xbdy\xf3\xe6\x80\xbb\xfb9\x01\x06\x17\x00N`\xc1|A\x03\x07\x0e\x9c3g\x8e$I\x82 ~\xbf\xf8\xc7\xe7\xab\xd7\xb6\xd9m\x819kf\x036\x19\xcd\x97\xaf^\x9c\xf1\xf9\xd4Uk\x97\x83\xfb\xee\xfe\xb8\xb8\xb8\t\x13&amp;\x0c\x180@\xa5R\xb18Gp\xb9\xb38!\x0f\x17\x00N`\xc1\xf6\xca\x8a\xa2\xd8\xb1c\xc7\xd5\xabW\x0b\x82\xa0\xd7\x1b6\xac\xdeU\xb2D\xe9,\xabE\x10D\x08\x01\x84(\x10&amp;\xd1\xcc\xa6\x1b#M\x8el\xfb\x9c\xf9\xb3\x16-\x99c\xb1d\xe6\xba\xfb\x07\x0c\x180a\xc2\x84\xb8\xb88p_$\xfc=^\x0e\xe7A\xb8\x00p\x02\x0efXm6[\xb3f\xcd\x0e\x1d:\x04\x00\xa8X\xa1\xf2\xb2\x85)\x85\x0b\x15\x95\x15\x99`\xec\xf1ze\xd9K\x08\xa1\x80B\x00s\xf1\xd9\x08)\xa5\x84`\x83&gt;\x02\t\xc2\xda\x94\xef\xbf\xf8\xe6\xd3\x0b\x17\xcf\x01\x08XQ\xcf\xe6\xcd\x9bO\x9f&gt;\x9d\xb9\xfb1\xc6\x08\x05\x84\\q8\x0f\xc3\x05\x80\x13\x88\xb0\x9ah\xe9\xe9\xe9\x15+V\xcc\xc8\xc8\xa0\x94\x16-R\xacYR\xeb\xd2%\xcb\x16+\xf6l\xf1gJ\xc4\xc5\x16\xd0j4\x82 *\x8a\xa2(\xb2W\xf6*\x8aB)\xa5\x80"\x08!D\x10\x02\x00\xf2\xc3\xecR\x05c\x8dJ\xa37\x18\xf6\xed\xffe\xc6\xe7S\x7f\xdd\xb7;\xf7\xbd\x84\x84\x84\xf1\xe3\xc7w\xe9\xd2\x05p\xd3\xcf\t\x06\xb8\x00p\x02\x14\xe669t\xe8P\xa3F\x8d\x9cNg\xde\xb7\x8cFS\xf1b%\n\x16(T\xb1B\xe5\x8a\x15\xaa\x14,P\xb8h\x91g\x8cF\x93(\x8a\x10"E\x96=^\x0f\xc6\n\x93\x04\x08\x9f\xda\x12\x01c,\x08bdD\xe4\xed;7g}\xfd\xf1\xd2\xef\xe73+O\x08\x89\x8b\x8b\x1b2d\xc8\xe8\xd1\xa3\xb9\xbb\x9f\x13Dp\x01\xe0\x04.,)h\xd1\xa2E\xa3F\x8dr8\xb2\xbd^\xcf_\x1e&amp;IR|\\\xc1bE\x8b\x97.U\xaeX\xd1\xe2\xe5\xcb%\x94(^\xcad2EF\x9a\x04$`\x8c\xbd\xb2WQdY\x91)!\x000\x9f\xd1\x93-\x11\x08!\x00\xd0\x88\x08\xa3\xcb\xe9\\\xfa\xc3\x82/\xbf\xf9$\xd3\x92!\x8a\x82\xa2`I\x92\xbaw\xef\xfe\xfe\xfb\xef\x17.\\\x18pw?\'\xa8\xe0\x02\xc0\th\x98/\xc8f\xb3\xdd\xbe}\xfb\xec\xd9\xb3\'O\x9e&lt;q\xe2\xc4\xb9s\xe7\xee\xdc\xb9\x9b\x95e\xf9\xbb\x7fe2\x9acb\xe2J\x97*[\xa6T\xb9R\xa5\xca\x95)U..6\xdel\x8ef-\x07\x14Y\xb9\xb7D\xc0\n\xa0\x14&lt;2\x8a\xc0\x82\xd2\x06C\x84(\x08[wl\xfa\xf0\xe3\x89\x7f^&lt;\x97\xb7\xa2\xc3\xd4\xa9Sk\xd5\xaa\x05x\x8a\'\'\x08\xe1\x02\xc0\tt\x1e\xee\x91B\x08\xb1X,g\xce\x9c9z\xf4\xe8\xb5k\xd7\x8e\x1d;v\xf6\xec\xd9\xac\xac\xac\xbf\xab!\xaa\x92TF\xa3\xe9\xd9\xe2\xa5*\x94\xafT\xb4H\xb1\xf2\xe5*\xb1%B\x84\xc1(\x88\x02!DQ\x14\xaf\xd7#\xcb2\x8b"@\x08\x11D\x00\x00\x8c\xb1F\xa3\xd1\xe9\xf4\'O\xfd1\xeb\xeb\x8f7n^\x0b\x00\x80\x10RJ\xcb\x96-;f\xcc\x98\xdc\x8a\x0e\xdc\xdd\xcf\tF\xb8\x00p\x82\x00\x9a\x07\x08\xe1\xc3&gt;\x16\xb6D\xb8q\xe3\xc6\xa1C\x87\x8e\x1c9r\xeb\xd6\xad\x0b\x17.dee\xfd\xdd\x07\x1a\x8d\xa6\xb8\x98\xf8B\x85\x8aT(W)\xa1b\x95B\x05\x8b&lt;S\xec\xd9\xe8\xa8\x18I\xa5BHP\x14Y\x96\xbd\x18c\x83&gt;\xe2\xe6\xed\x1b\x8b\xbe\x9b=\xe7\xdbY\xb2"\xb3\x14O\xa3\xd18|\xf8\xf0a\xc3\x86\x19\x8dF\xee\xee\xe7\x045\\\x008\xc1\x07\xbbiY\xa5e\x00\x00B\xe8a\x13\x9c\x9e\x9e~\xe6\xcc\x99+W\xae\x1c?~\xfc\xc4\x89\x13\x97.]\xba}\xfb\xf6#\xda\x0c\xc4\xc4\xc4\x96x\xb6t\xd1\xc2\xcfT\xacP\xb9t\xc9\xb2E\x8a&lt;c2\x9a\xb6\xed\xd8\xf4\xe9\xe7S\xd3\xd2Ss\x0b8w\xe9\xd2e\xd2\xa4I\xac\x803w\xf7s\x82\x1d.\x00\x9cP\xe0\x81%\xc2\xc3\x0e\x19\xa7\xd3y\xed\xda\xb5\xbcK\x84K\x97.eff\xfe\xdd\x07\xea\xf5zQ\x94l6k\xee+\xb5j\xd5\x9a&lt;yrRR\x12\xe0\xee~N\xa8\xc0\x05\x80\x13\x9a\xb0r\x9b\x8fX"dee]\xbcx\xf1\xf4\xe9\xd3\x97.]:x\xf0\xd0\xb9sg-\x16Kvv\xf6\xc3\x1f\xc5\n8w\xeb\xd6M\x92$\xee\xf3\xe1\x84\x12\\\x008a\xc1\xe3,\x11233\xcf\x9e={\xf0\xe0\xc1\xcb\x97/3a\x90ey\xe8\xd0\xa1\xac\x803\xe0&gt;\x1fN\xc8\xc1\x05\x80\x13\xa6\xfc\xe3\x12\xc1b\xb1\xb8\xdd\xeeB\x85\n\x01\xee\xf3\xe1\x84(\\\x008\x1c\x00\xfe~\x89\xc0S&lt;9!\x0c\x17\x00\x0e\xe7\xafab\xc0\xdd\xfd\x9c\x10\x86\x0b\x00\x87\xc3\xe1\x84)|v\xc3\xe1p8a\n\x17\x00\x0e\x87\xc3\tS\xb8\x00p8\x1cN\x98\xc2\x05\x80\xc3\xe1p\xc2\x14.\x00\x1c\x0e\x87\x13\xa6p\x01\xe0p8\x9c0\x85\x0b\x00\x87\xc3\xe1\x84)\\\x008\x1c\x0e\'L\xe1\x02\xc0\xe1p8a\n\x17\x00\xceS\x83\xf5Vd\x15\x14\xfc=\x16\x0e\x87\xf3\xcf\xf0R\x10\x9c\xffDnM\xcd\x07\x8ae\xb2\x92j~\x1c\x18\x87\xc3\xf9G\xf8\n\x80\xf3o\xa0\x94b\x8c\x15Ea\x1dzEQ\x84\x10\x9e={v\xc6\x8c\x19u\xeb\xd6\xdd\xbau+\x84\x90\xf5P\xe4p8\x01\x0b_\x01p\x9e\x80\xdc\xf9\xbe(\x8a\xec\x15\x8c\xf1\x81\x03\x07\xb6o\xdf\xbe}\xfb\xf6C\x87\x0ey\xbd^\x00@\x81\x02\x05\xfe\xf8\xe3\x8f\xb8\xb88^M\x93\xc3\td\xb8\x00p\xfe\x19f\xf7\x01\x00\xb9\xfd\xb0\x98\xdd_\xb7n\xdd\x96-[N\x9f&gt;\x9d\xf7`Q\x14\x15EIJJ\xda\xb6m\x1bo\xa1\xc5\xe1\x042\\\x008\x7f\xcb\x13\xd9\xfd\xa8\xa8\x98j\xcf\xd5\xa8]\xf3\x85\xcf\xbe\xf8\xd0\xe5va\x8cg\xce\x9c9l\xd80EQr\x97\x0b\x9c\xbf\x83\x9d\xe7\xe0\x82-\xefx\xa4\'\xa8\xe1\x02\xc0y\x90\x87\xed\xbe\xddn\xdf\xb5k\xd7\xfa\xf5\xeb\x0f\x1d&lt;t\xea\xf4\xa9\xbc\x07\x17*T\xa4^\xed\x06I\x89-\xab=\xf7|LL\\l\x8c\xf1\xc3O&gt;\x98\xfc\xc1;\xa2(QJ\x0e\x1f&gt;\xfc\xdcs\xcf\xf1u\xc0\xa3\xe1\x01s\x8e\xbf\xe0\x02\xc0\xb9\x07!\x84\x10\x92\xb7;\xae\xddn\xdf\xbd{wJJ\xca\xce\x9d;\xaf_\xbf\x9e\xf7\xe0B\x85\x8a\xd4\xab\xdd0)\xb1E\xcd\x1au\xe3\xe3\x0b\x10B\\.\x97\xd7\xeb!\x84\x98\x8c\xe6\xbe\x03;o\xdd\xb1\t!\x94\x90\x90\xb0o\xdf&gt;\x8dF\xc3\xa7\x8a\x7f\x07S\xc7\x94\x94\x94Y\xb3f\t\x82\x10\x14\x91s\x08!\x0b\xfe\x7f\xfd\xf5\xd7%J\x94\xe0\x91\x9e\xe0\x85\x0b@\xb8\xf3\xb0\xdd\xcf\xcc\xcc\xfc\xed\xb7\xdf\xfe\xc2\xeeCP\xb6t\xf9*\x95\xaa5y\xf1\x7fv\xdf\xe9t\xca\xb2\x17\x00\xc0L&lt;!D\xad\xd6df\xa6\xbf\xd4\xf6\x85\xac\xacLBH\xef\xde\xbd\x17,X\xc0\x1dA\x7f\t\xdb3\xa1(J\xc5\x8a\x15/^\xbc\xe8\xef\xe1&lt;1=z\xf4X\xbcx1_\xe1\x05/\\\x00\xc2\x94\x87\xed\xfe\xcd\x9b7w\xec\xd8\x91\x92\x92\xb2o\xdf\xbe\xf4\xf4\xf4\xbc\x07\x97)]\xbeQ\x83&amp;I/\xb6\xa8\\\xa9jd\xa4\xf1a\xbb\x9f\xf7`EQ\xcc\xa6\xa8\xad;6\xf6\x19\xd0I\x92T^\xafw\xe5\xca\x95\x1d;v\xe4\x1a\xf00\xcctN\x9b6m\xfc\xf8\xf1j\xb5\xda\xe3\xf1\xf8{DO\x80J\xa5\xc2\x18\xff\xfc\xf3\xcf\r\x1a4\xe0\x1a\x10\xa4p\x01\x08/\x98\xdd\xcf\xbbi\xeb\xe6\xcd\x9b\xdb\xb7o_\xbf~\xfd\x9e={\xacVk\xde\x83\xf3\xda}\xa3\xd1${e\xa7+\x87\xf9(\x1e\xed\xd2Q\x14%6&amp;n\xd2\xd4\xb1_\xcd\x99!IRDD\xc4\xa1C\x87J\x94(\xc1$\'?\xbf_0A\x08\x81\x10\xa6\xa6\xa6V\xacX\xd1j\xb5\x12B\xde\x1c8\xb2a\x83&amp;\xd9\xd9\x0e\x84\x02\xd7\x98\x12\x82#""\xbf\x99;s\xe7\xae\xad\x00\x80\x06\r\x1a\xec\xda\xb5\x8b\xed\x04\xf4\xf7\xd08O\x0c\x17\x80\xb0\xe0a\xbb\x7f\xe6\xcc\x99\x83\x07\x0f\xa6\xa4\xa4&lt;`\xf7U*U\xe5\x84\xaa\xf5\xea4\xaa[\xa7\xc1s\x95\xab\x1b\x8d&amp;Y\x96\x9d\xce\x1c\x05+\x08\xa2\xc74\xdf,\xaa)\x08\xe2\xcb]\x92N\x9c&lt;\x06\x00\xa8]\xbb\xf6\xde\xbd{\xd9\x82\x83\x07\x03\x18l\xd6\xdc\xabW\xaf\xc5\x8b\x17#\x04\xcb\x97\xab\xb4i\xdd^\x95JE\x08\x81 pO\x11!X\xab\xd3\x9f:\xf5G\xeb\x0e\x8d\x9dN\'\xc6\xca\xa2E\x8bz\xf6\xec\xc9\x17\x01\xc1\x08\x17\x80\x90\xe5/\x8b4\x9c={v\xd3\xa6M)\xebR\x0e\x1d\xbe\xb7i\x8b\xa1R\xa9+\'&lt;\x97\x94\xd8\xa2Q\x83\xa42\xa5\xcb\xeb\xb4:\xaf\xd7\xe3t9\x9f\xc8\xee\xe7\x05c\xac\xd7\xe9\xaf\\\xbd\xd4\xb6S\xa2\xd3\x99#\xcb\xf2\xc4\x89\x13\x93\x93\x93\xb9#\x88\xc1\xcc\xe5\xde\xbd{\x1b7n\x0c!\xc2XY2\x7f\xed\x8b\x8d\x9bY,\x99\xa2(\x04\xf2C\t!\x90e\xa5`\x81B\x93\xa6\x8e\xfdr\xf6\xa7\x08\tqq\xb1\xa7O\x9f6\x99L,8\xec\xef\x01r\x9e\x00.\x00\xa1\xc6\xc3\x9buA\xae\xddOI\xc9\xdd\xac\xcbP\xab\xd5\x95*\xfe\xcf\xeek\xb5Z\xb7\xdb\xedv\xbb0\xc6y\xc3\x03\xff\x0eY\x91c\xa3\xe3\xbe_\xb9x\xd8\xdb\xfdU*\x95\xd7\xeb\xdd\xb6m[RR\x12\x9f*\x02\x00\x98\'\xed\xc5\x17_\xdc\xbbw/\x00\xe0\xa5\xa6\xad\xbf\xfdz\xb9\xdda\x0f\x8a3\xc3f\x15.\x97\xb3\xf5+\x8dn\xdc\xbcN\x08\x19?~\xfc\x94)S\xf8\x95\r:\xb8\x00\x84\x08\x7fW\xa4a\xdd\xbau\xbf\xfc\xf2\xcb\xb1c\xc7\xf2\xda}c\xa4\xa9\xe6\xf3u\x93\x12\x9bW\xa9T=\xaf\xdd\'\x04\xc3\x7f5\xdf\xff;0\xc6&amp;\xa3\xf9\xcd\xe1\xbd\xd7\xae_\x81\x10\x8a\x8d\x8d=y\xf2dLLL\x98\'\x0e2C\xb9d\xc9\x92\x1e=z\x08\x82\x88\x10\xdc\xb4no\xb92\x15r\x9c9\xc1rZ\x14E\x89\x89\x89]\xf4\xdd\x9c1\x13\x86\n\x82(\x08\xe8\xd4\xa9S\xa5K\x97\xe6a\x9e\xe0\x82\x0b@p\xf3D\x9bu\x8d\x91\xc6\x9a5\xea&amp;%\xb6\xa8W\xb7\xd13\xc5\x9e\x15\x04\xc1\xe3\xf1\xe4\x87\xdd\xcf;&lt;A\x10\x15En\xd7)\xf1\xc2\xc5\xf3\x84\x90\x0e\x1d:\xacZ\xb5*\x9c\x1dA,\xf5\xd3\xe1pT\xaf^\xfd\xca\x95\xab\x84\xe0\x81\xaf\xbf\x95\xfc\xeeG\x99\x99\x19\xc1uN\x08!Z\xad\xae\xe3k/\x1d:\xb2\x1f\x00\xd0\xb1c\xc7\x95+W\xf2E@p\xc1\x05 (y\xd8\xee;\x9d\xce?\xfe\xf8\xe3/\xed~\xe1BE+\'&lt;\xd7\xa8A\xd2\x0b\xf5\x1a3\xbb\xefr9=\x1e7\xa5\x00B\x98\xdf\xf35\x05+\xc6H\xd3\x91\xa3\x07^\xee\xd2\x14B\xa4(\xf2W_}5h\xd0\xa0\xb0\xd5\x00\xf6\xc5\'M\x9a\x94\x9c\x9c,\x08\xc8l\x8e\xde\xfa\xe3&gt;\x93\xc9,\xcbrp9\xd01\xc6\xc6H\xd3\xae\xbd\xdb{\xf4}\x99\x851v\xef\xde\xdd\xb0aC\xae\x01A\x04\x17\x80`\x829y\xc0\xff/\xd2\xc06\xeb\xfe\xfc\xf3\xaek\xd7\xae\xe6=8\xeff\xdd\xd8\xd88\x04\x91\xcb}\xcf\xee\xfb8\x15GQ\x94\xe8\xe8\x98\xcf\xbf\xfc\xe8\x83\x8f\'J\x92\xa4V\xab\xf7\xed\xdbW\xa9R\xa50t\x17\xb0\xd4\xcf+W\xaeT\xabV-;;\x07c\xe5\x83\xc9\x9f\xf7\xe91 #\xd8\xa6\xff\x0cEQb\xa2c\x06\x0e\xe9\xb1\xee\xc7\x95\x10\xc2j\xd5\xaa\xed\xdf\xbf\x9f\xdd]\xc1%fa\x0b\x17\x80 \xe0\xc9\x8a4\x14,R\xaf\xce\xff+\xd2\xf0\x88M[&gt;\x83\x12\xaa7\x18:wk\xb9o\xff^\x00@\xa5J\x95~\xfb\xed7\x9dN\x17nY\xa1lv\xdc\xb1c\xc7\xd5\xabW\x03\x00\x9e\xaf^{\xf5\xf2\x9f\x9c.g\x90\n!\xa5T\xa5R\xa5\xa5\xdd}\xa9M=\xbb\xc3N\x08\xf9\xf2\xcb/\x07\x0f\x1e\xcc\x17\x01\xc1\x02\x17\x80\xc0\xe5/7\xeb\x1e&lt;xp\xe3\xc6\x8d;v\xec\xbcq\xe3\xff\xd9\xfd2\xa5\xcb\xbfP\xb7Q\xad\xe7\xeb\xd5\xaeY/..P\xec~.\x84\x10\xb5Z\x9d\x9e\x9e\xd6\xa2}\x03\xab\xd5\x821\x1e&lt;x\xf0\x97_~\x19V\x8e f\x16\xf7\xec\xd9\xd3\xa8Q#Q\x14\t!\xdf\xcd_\xdb\xb8A\x92\xcdn\r^s\xa9(JlL\xec\xb4\xe9\xef}\xf6\xe5G\x08!\xa3\xd1x\xe9\xd2%\x93\xc9\x04\x00\xf0\xfb]\xc7\xf9G\xb8\x00\x04\x1c\x7fi\xf7\x1fg\xb3\xae\xc9hV\xb0\x12Pv?/\x8a\xa2\x98\xcdQ[\xb7o\xec\xdd\xbf\x13\xcb\n]\xbdz\xf5+\xaf\xbc\x12&amp;\xb3E\x16\xfb\x95e\xb9^\xbdzG\x8f\x1e\xa3\x94\xb4m\xdda\xee\x97\xcb22\xd3\x83Z\x02\xd9\xa6?\x08a\xd3V\xb5\xaf]\xbfJ)e\xd2\x1e&amp;\x975\xd8\xe1\x02\x10(\xb0&amp;\x8b\x8fS\xa4\x01BX\xbaT\xd9F\r\x92\xfeW\xa4\xe1\xfef]\x08`\xa0\xd9\xfd\xbc0\x97\xf1\xdb\xef\xbc\xf9\xdd\xb2o\x05A\x88\x8c\x8cd%"\xc2!+\x94]\xdc\xc5\x8b\x17\xf7\xea\xd5K\x10D\x9dN\x97\xb2rG\xc9gK\xbb\xdc\xae`\xff\xeeL\xdaW\xae^:\xec\xed\xfel\xe2r\xea\xd4\xa92e\xca\x84\xc3e\rv\xb8\x00\x04\x1cg\xce\x9c\xd9\xb6m\xdb\xee\xdd\xbb\x1f*\xd2po\xb3n\xcd\x1au\xcb\x97K0\x9b\</t>
        </is>
      </c>
    </row>
    <row r="145">
      <c r="A145" s="1" t="n">
        <v>143</v>
      </c>
      <c r="B145" t="inlineStr">
        <is>
          <t>shape_morph</t>
        </is>
      </c>
      <c r="C145" t="inlineStr">
        <is>
          <t>What is the missing shape of the part denoted with a question mark?</t>
        </is>
      </c>
      <c r="D145" t="inlineStr">
        <is>
          <t>['square', 'circle', 'pentagon', 'hexagon']</t>
        </is>
      </c>
      <c r="E145" t="inlineStr">
        <is>
          <t>square</t>
        </is>
      </c>
      <c r="F145" t="inlineStr">
        <is>
          <t>There are eight shapes arranged in a grid. The top left shape is a ? and the bottom right shape is a hexagon. The other shapes do not appear to regular shapes.</t>
        </is>
      </c>
      <c r="G145" t="inlineStr">
        <is>
          <t>We observe that from the bottom right to top left direction, the shapes look like a hexagon but gradually change shape into something like a square. Hence, the pattern is the the shapes are morphing between hexagon and square shapes.</t>
        </is>
      </c>
      <c r="H145" t="inlineStr">
        <is>
          <t>Based on the pattern that the shapes are morphing between hexagon and square shapes, the missing shape at the top left should be a square.</t>
        </is>
      </c>
      <c r="I145" t="inlineStr">
        <is>
          <t>b'\x89PNG\r\n\x1a\n\x00\x00\x00\rIHDR\x00\x00\x02\x00\x00\x00\x02\x00\x08\x02\x00\x00\x00{\x1aC\xad\x00\x00\xa4\x1fIDATx\x9c\xec\xddw\\S\xd7\xfb8\xf0sGvBB\xc2\xc6\x01\xa2(*\x08*\n\xa5\xee\xd1\xaa\xad\x1b\xd4\xba\xad\x82\x16k\xb5\xb5\x8e\xbap\xb4\xd6j]u Zg\xad\n\x8a\xa3U[\xf7\xde\x8a\x82\x8a"\xcb\x012\xc2\x08\tYw\xfd\xfe8\x1f\xf9\xf2\xd3\x0e\xab\x02!\xf7\xbc\xff\xe8\xab*\xca\xcd\xe5\xde\xf3\x9c\xf5&lt;\x07\xe38\x0e \x08\x82 \xfc\x83\xd7\xf4\x05 \x08\x82 5\x03\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10\x04\xe1)\x14\x00\x10\x04Ax\n\x05\x00\x04A\x10\x9eB\x01\x00A\x10\x84\xa7P\x00@\xf8\x8beY\x96ek\xfa*\x10\xa4\xc6\xa0\x00\x80\xf0\x14\xc308\x8e\xe38\xce0LM_\x0b\x82\xd4\x0c\x14\x00\x10\xde\xe18\x8eeY\x82 233\x93\x92\x92\x08\x82`Y\x96\xe3\xb8\x9a\xbe.~aY\x96\xa6i\x9a\xa6\xd1 \xac\x06\xa1\x00\x80\xf0\x0bM\xd3\x18\x86\xe18\xbee\xcb\x96\xb6m\xdbv\xe8\xd0a\xcb\x96-8\x8ec\x18F\xd3tM_\x1d/\xc0\xa6\x1f\xc7q\x92$I\x92\xc4q\x1c\x86\x01\x14\x83\xab\x1f\x86n:\xc2\x13\xb0\x89!\x08\xa2\xb8\xb8x\xc8\x90!\xc7\x8e\x1d\xc3\x00\xc0p\x9ce\xd9\xee\xdd\xbb\xef\xda\xb5K\xadV3\x0c\x03\xc3CM_\xac\x1d\x82+.\x04A`\x18\x06\x00\xc8\xca\xcc\xdc\xbdg\x8f\xd5j\x1d1|\xb8w\x83\x06\xf0k``@\xf7\xbf\xda\xa0\x00\x80\xf0\x02\xc30\x04A\x00\x00\xe2\xf7\xec\x995{vzz\xbaH(\xb4X\xad\x00\x00\xf8?\r\x1b6\xfcv\xd1\xa2\x88A\x83*\x7f1\xf2N\xc0I\x9e\x8af\xfd\xd2\xa5K\xfb\xf7\xef\x8f\x8b\x8b+++\x03\x00888DFF\xf6\xeb\xd7\xafm\xdb\xb6\xf0\xb6\xbf\xf4\xf5H\xd5A\x01\x00\xb1s\x1c\xc7\xfd\xaf\xcb\x99\x95\xb5\xe8\xdbo7\xff\xfc\xb3L,vT\xa9p\x80\x85\xb5\n\x02\x00\\\xbc\x99\xc4\x02\xae\xa4\xb4\xb4\xdcl\x1e\xf3\xe9\xa7\xb3g\xcd\xf2\xf6\xf6\xae\xfc\x17\x917\xf3R\x97?55\xf5\xf0\xe1\xc3\xfb\xf7\xef\xbft\xe9\x12\x00\xa0\x89\xb7\xf7\x83\xac\xac\xca\xff\x13\x10\x100|\xf8\xf0^\xbdz\xf9\xf9\xf9\x01\x008\x8e\xabX\xa8\xaf\xd1\xcfa\xd78\x04\xb1_\x14Eq\x1c\xc7\xb2lll\xacT*\xf5rw\x0fk\x19\x04\x00\xf0\xf7\xf5]\xf5\xcdL\xeeQ\x1a\xf7(m\xd573\xfd}}\x01\x00a-\x83\xbc\xdc\xdd\xa5Rill,\x9c/\x82\x7f\x1d\xf9\xaf\x18\x86\x817\x10JNN\x1e4h\xd0K\x83*_/\xaf\x8f:v\xf8\xa8c\x07_//\x00@E\xac%\x08b`x\xf8\xa5K\x97*\xffk\x0c\xc3\xd4\xc4\xe7\xb0\x7fh\x04\x80\xd8\'\xf8|\xe38\x9e\x9f\x97\xd7\x7f\xe0\xc0\x8c\xd4T\x91H\x94SP\xb0}\xf1wW\x92SF\xf5\xed\xd3\xb2y\xf32\x9d\x0e\x00\xe0\xa0T\xde\xba{w\xeb\x81\x83!\x01\xfe#f~\xe3\xe9\xe2b\xb1X|\xfc\xfc\x12\xf7\xeeuusC\xd3\x11\xaf\xef\xa5.\xff\x83\x07\x0f~\xff\xfd\xf7\x03\xfb\xf7_\xbdv\x8d\xa6i\x01IR4\r\x00\x90I$!-ZL\x1c\xfa\xc9\x07aa\x80\xe3\x8e^\xbc\xb4\xef\xd8\xb1}\xc7\x8e\xc1\x199\x01I\xca\xc5\xe2\x12\x83!,,\xaco\xdf\xbeh@P\xa5P\x00@\xec\x10M\xd3$I\x02\x00\x12\x13\x13\xc7EF\x16\x17\x15yyz\x8e\xea\xdb\xe7\xf0\xb9\xf3\xf3\xa3?\xeb\xd1\xa3\x87\xb5\xa4\xc4l\xb5\x128\x0e\x00`XV,\x14\n\x1d\x1d\x8f\x1e=:o\xed\xba^\xed\xdbm=p0;\'G\xad\xd1l\x8c\x8b\xeb\xdf\xbf?@\xab\x02\xff\xe6\xa50\x99\x9a\x9a\xbal\xd9\xb2\xcd\x9b7W|\x81P psv\xf2\xf6\xac3\xb2o\x9f\xf7[\xb6\xf4\xf6\xf4$\x85B\x83\xc1\x80\x01 \x93\xc9\x00\x8e\xdf\xb9\x9fz\xf3\xfe\xfd\x9f\xf7\xee\x15\x92d\xc6\xd3\xa7O\xf3\xf2\xe0_$\x08b\xe0\xc0\x81\xb3f\xcd\xf2\xf7\xf7\x87\xbfS\x11\xda\xab\xf7#\xda\'\x14\x00\x10\xbbR\xd1\x12\x15\x16\x16N\x9f&gt;}\xcb\x96-};w&gt;~\xf9r\xb9\xc9\xb4|\xfa\xf4/F\x8e\xa4,f\xb3\xc5R\xd1K\x85`\xefR,\x12\tD\xe2U\xdb\xb6}\xb9d\x89L"\xe9\x16\x1az\xe0\xd4\xa9\x11#G~\xf7\xed\xb7\x9e\x9e\x9eh(\xf0*x\xdf^\xee\xf2\x1f8p\xe5\xca\x95\xba\xce\xce\x1a\xb5\xfa\xe6\xfd\xfb\x00\x00\x07\xb9\xbce\xd3\xa6\xe3#"\x06|\xd0\x9d\x14\x89(\x93\xc9b\xb5\xc2\xb1\x02\x00\x00&amp;\xe2I%\x12R"1\x1b\x0c\x0f\xb2\xb2\xbe^\xba\xec\xd2\xed\xdbF\x93\t\x00\x00\xc7\r$I\xb6i\xd3\xa6_\xbf~={\xf6l\xda\xb4\xe9\xab\xdf\x1ay3(\x00 \xf6\xa3\xa2\x9f\xbe{\xf7\xee\xaf\xbe\xfa*77W\xe5\xe0\x10\xe0\xeb\xdb%\xa4\xadT,\x9e:v\xacA\xaf\xe7\x00\xc0\xff\xa6\xc9`9\x0e\x03@\xaeP,\xdb\xb4\xc9h6\x9f\xbcr5\xe5\xd1#\x8b\xd9\x84\x91\x82\x1f\x7f\xfc1**\n\xa0\xa1\xc0\xdf\xb8s\xe7NLL\xcc\xd1\xa3G-\x16\x0b\xfc\x1d\x82 F\xf7\xed\x9b_R\xdc\xbbc\xc7Nm\xdb\xfa\xd4\xad\x038`0\x1a\x19\x96%p\xfc\xd5V\x9b\x85\xd9y8.\x11\x8b9\x8e\xcb\xca\xc9\xbdp\xeb\xe6\xb6\x03\x07\xb3r\x9e\xe5\x15j\xad\x14\x05\xbf\x8c$\xc9.]\xba,Y\xb2\xa4E\x8b\x16\xd5\xfa\t\xed\x14\n\x00\x88=\xe0^$\xf7&gt;z\xf4h\xf2\xe4\xc9G\x8e\x1c\x01\x00x\xd7\xa9\xf3,/\xaf\xfb{\xef\xc5\xaf^%\x15\x8b\xf5ee\x18\x8e\xffsw\x91\x03\x80cY\x85\x83\x83\xd1d\x8a\x98&lt;\xe5\xf0\xd9\xb3A~~\xa9\x19\x19f\xab\xb5g\xcf\x9e+W\xael\xd4\xa8\x11\x9c\x89\xe6y\xc7\x13\xb6\x1bz\xbd&gt;...11\xf1\xce\x8b\x0e;\xa4\x94\xcb\xc3Z\x06}9rd\x97\xf6\xed\x01\xc3P\x16\x8b\xd9b\xe1\x00 ^c\xfc\xc4\xb2,\x86a"\xa1P \x91\xd0\x16\xcb\xbe?\x8f\xc5\xc6\xc7\xdf\xba\x7f\xbf\xcc`\x80_\x80\x01 \x91HZ\x04\x06\xf6\xef\xdf\x7f\xc8\x90!\x1e\x1e\x1e\xa0\xd2\x1a2\xf2\x9f\xa0\x00\x80\xd4z\xb0S\t\x008r\xf4\xe8\xf0a\xc3\x8a\x8b\x8b\xbd\xeb\xd4\xc9z\xf6L\xadT.\x99\xfa\xd5\'={b8n\xb5Z\xc9\xd7\xee\xb9\xd3\x0c#\x12\ni\x9a&gt;r\xfe\xc2\x82u\xebR33\xeb\xb9\xbbg\xe7\xe4\xa8\xd5\xea\x1d\xbf\xfc\xd2\xb3G\x8f\xca\xdf\x94\x9fh\x9a&amp;\x08"""b\xef\xde\xbd\x00\x00\x1c\xc7;\xb5ms\xfa\xea5\xbf\x06\xde\xd1C\x87~\x10\x16\xd6\xa0n]\x96\xa6\rF#\xfc\xd3\xff\xda@s\x1c\x07\xef\xb0\\*\x05\x18H\x7f\xfa\xec\xec\xb5\xeb;\x7f\xff\xed\xdc\xf5\x1b\x1d\xdb\xb69}\xf5\x1a\x9c\x91k\xdf\xbe\xfd\x993g\x18\x86\x81K&gt;\xc8\x7f\x85\x02\x00R\xbb\xc19\x19\xadV;~\xc2\x84}{\xf7J\xc4"\'\x95cQi\xe9\xc8&gt;}\xc6\x86\x0fl\x19\x10P^V\xc6\xfd\xf7\x1d\xfd\x1c\xc7\x01\x0c\x93\xabT\xe9\x8f\xd2\x97m\xd9\xb2\xe3\xd0!\x8dJ\xa5--1\x99-\x03\x06\x0e\x8c]\xbf\xde\xc9\xc9\x89\xb7\xd3Ap\x8d}\xfe\xfc\xf9111b\xb1\xd8l6K\xc5\xe2\xe8O\x86|\xd4\xa1c\x90_\x13\x85JE\x99L&amp;\x8b\x05{\x17K&amp;\x0c\xcbb\x00\x88\x84B\xa1Tj5\x1a\xaf&amp;\'\xffv\xe6\xcc\xba]\xbb\xcbM&amp;\xf8\xadcbb\xe6\xcd\x9bW\xb1\xec\x8f\xfc\'(\x00 \xb5\x18|\xed\x13\x13\x13gL\x9b\x96\xfb\xec\x19F\x92*\xb9\xdcA.\x8f\x99\x18=\xa0[7\x8e\xe3\x0cF#A\x10o&lt;;@\xd3\xb4D,\x16\x90\xe4\xde\xe3\xc7c\xd6\xac-3\x18J\r\x06\x8e\xa6=\xea\xd4Y\xb2ti\xbf~\xfd(\x8a\x12\x08\x04\xef\xf2#\xd9&lt;\x18\xf6\xae\\\xbe\xdc\xae}{\x9aa\x00\xc7u\x0c\x0e\xfe\xf9\xbbo\xeb\xb8\xb8\x08\x08\xc2d\xb1P4\xfd\x97\xb3\xfco\xa3b@ \x93J-V\xabV\xaf\x9f\xb6\xe4\x87]\x87\x0f\x03\x00H\x92&lt;\x7f\xee\\Hh(o\xe3\xf1\xdb@\x01\x00\xa9\xad\xe0\x0b\x9f\x92\x92\xf2~\xbbve:]H`\x8b+\xb7\xef\x84\x7f\xf0\xc1\xb4O\xc7\xb4n\xd1B\xaf\xd3\x81w\xd1\x03\x85S\r\n\xa5\xf2\xc6\x9d;?\xfc\xbc9\xe1\xcf?C\x02[\\\xbd}G\xee\xe0p\xe1\xfc\xf9\x80\x80\x00^\xb5;,\xcb\xe28^PP\xd0\xb4Y\xb3\xb2\xd2\xd2z\x1e\x1ey\x85\x857\xf7&amp;4\xf6\xf1\xd1\xe9t8\x86\xfd\xeb*\xcb\xdb_\x00\xc7q\x0eJe\xea\xa3\xf4\xe0\x88\x087g\xe7\'\xb9\xb9\x0e*\xd5\xfd{\xf7\\\\\\\xe0\xe5U\xe5\xf7\xb77(\x00 \xb5\x12|\xd5KJJ:t\xe8\x90\x92\x92\x02\x17\x01\xd7\xcf\x9b;\xba_?\x92 \xf4\xe5\xe5\xaf?\xe3\xff:h\x86Q\xc8d4\xc3l\xd9\xbf?z\xc1B\xd8\x1bm\x19\x14\xb4\xe3\xd7_\x1b\xfb\xfa\xf2\xa4\xdd\x81+\xed\x1c\xc7\xb5k\xd7\xee\xfa\xb5kJ\x85\xc2Q\xe9\x10\x17\x13\xd3\xbeu\xebr\x93\xe9\xdd\xde\xf0\x7f\xc60\x8cL"9{\xe3FdLL\x89\xaeL\xa7\xd7\x07\xb7is\xfe\xfcyX\xc8\x0f-\x08\xbf&gt;\xfb\x7fj\x11\xfbS\xd1\xfa\x7f\xf8\xe1\x87)))\x8d\xbd\xbd\xdd4\x9a\x153\xa6G\x8d\x1em\xb1X\x0cF\xe3;o\x8cH\x820\x18\x8d\x16\x8b%j\xf4\xe8\x1f\xa6~\xe5\xdf\xa8\xd1\xcc\xa8\xc8\xeb7o~\xf8\xe1\x87%%%8\x8e\xf3\xa1\xa8=\\\xf8\xfd\xf6\xdbo\xaf\\\xb9B\x92d=\x0f\xf7\xb1\xfd\x07t\x0e\t1\x99\xcd\xd5\xd9\xfa\x03\x00\x08\x820\x9a\xcd\x9dCB\xc6\xf6\x1fP\xcf\xc3\x9d$\xc9+W\xae|\xfb\xed\xb7\x04A\xa0\x9a\xde\xff\t\x1a\x01 \xb5\x0cL\x045\x9b\xcd\x1d;v\xbc~\xfd\xba@ \xa0i*~\xc5\x8a\x8f;u\xb2Z,\x18\x86U]\x07\x90\xe38\x0e\x00\x1c\xc7\xef\xa7\xa7\xf7\x8e\x9e(\x11\x8b\xb2\x9e\xe5\x04\x07\x07\x9f9sF,\x16W\xe9\xb7\xaeqp\xa6k\xdf\xbe}\x03\x07\x0e\xf4pu\xcd\xcd\xcfo\xd7\xb2\xe5\xb9\x84\xf82\xad\xb6\xa6f\xc0\x18\x86qprj\x1f\x1eq\xfe\xd6-xI{\xf7\xee\x1d0`\x00\xaf&amp;\xe5\xde\x12\x1a\x01 \xb5\x0c\xdc\x86\x1f\x1d\x1d}\xfd\xfaux\x96\xc8\xeao\xbe\x19\xf8\xe1\x87\x94\xd5Z\xd5M0\xfc\xd7\t\x1c\xf7\xa9[w\xe2\'\x9f\x94\x1bM\x00\x80\xeb\xd7\xafGGG\xc3+\xb1\xd7\xee\x14\x1cr%\'\'GFF\xca$\x12\x8b\xd5\x12\xfeA\xf75\xf3\xe6Z\xca\xcbk0\xe6a\x18f)/_3on\xf8\x07\xdd-V\x8bL"\x89\x8c\x8cLNN\xe6\xc9\x80\xec\x9d@\x01\x00\xa9M(\x8a"Ir\xd5\xaaU[\xb7nuqrjP\xa7\xce\'={N\x1c7N\xa7\xd3\x81j\xe9\x80\xc3\x83\xc3DB\xe1\xac\xa9_uj\xd3\xa6a\xbdz\xaeNN[\xb7n]\xb9r\xa5@ \xb0\xcb\xf9\x078\xe4\x02\x00\x8c\x1a5\xaa\xb8\xb8\xb8\x8e\x9b\x9b\x97\x87\xc7\xe8\xfe\xfd\x03\x9a65\x9bL5\xb8\xf8\x81\xe3\xb8\xd9d\nh\xdatt\xff\xfe^\x1e\x1eu\xdc\xdc\x8a\x8b\x8bG\x8d\x1aU\xf9\x9a\x91\x7f\x86\x02\x00Rk\xd04-\x10\x08N\x9c81y\xf2dW\'\'\x8ea\xfc}\x1b\xc5-Z\xa8/,$\xaax\xf3Ie\x18\x86q\x1cW\x96\x97\xb7\xe5\xfb\xc5\xfe\xbe\x8d\xcc\x16\x8b\x87\x8b\xcb\x94)S6n\xdch\x971\x00\xa6X\x8f\x1f?&gt;))I*\x91&lt;\xcc\xca\x9a2rd\x8fN\x9dJ\x8b\x8a\xaay\xea\xffU$A\x94\x16\x15\xf5\xe8\xd4i\xca\xc8\x91\x0f\xb3\xb2\xa4\x12IRR\xd2\xf8\xf1\xe3\xe19\xcf5{m\xb5\x02\n\x00H\xed\x00\xb3=7o\xde&lt;x\xd0\xa0n\xef\xbdg(/\x0fl\xd2d\xc1\xa4I$A\x80j?\xb9\xa5b.h\xc1\xa4I\x1fw\xec\x90[P \x14\x08"##7m\xdaD\x92$\xacnf\x1f\xe0\xc2o\\\\\\\\\\\x9c\x80$\x1b\xd5\xaf\xffI\xaf^};w.\xd7\xe9\x04\xb6\x91x% \xc9r\x9d\xaeo\xe7\xce\x9f\xf4\xea\xd5\xa8~}\x01I\xc2\xabE\x0b\xc2\xaf\x03-\x02#\xb5\xc0\xff\x92\x8f\xae\\\t\x0b\x0bcY\xb6Cpp\xbf.]4\x8e\xaaa\x03\x06\xe8\xb4\xda\x9aJ\x01e\x18F\xa1\x90\xe7\xe4\x17\xf4\xfe,:)5\x15\x00\x80a\xd8\xa5K\x97BBB\xecc\x1d\x12~\x8a\xdb\xb7o\x07\x05\x05\xc9\xa5\xd2\xfa\x1e\x1eR\xb1\xf8\xfc/;X\x86aX\xd6vV\xbc9\x8e#p\x1c\'\x88v\xc3\x86\x1b\xcd\xe6\xc7\xb9\xb9\x06\xa31)))00\xd0&gt;~\x10U\x07\x05\x00\xc4\xd6\xc1\xea`\x85\x85\x85\xcd\x9a5\xd3\x95\x96\xd6\xf7\xf4\xcc|\xfa\xf4z\xfc\x9e\x96\x81\x81\xa5Zm\xcd\xf6Ci\x9avP(\x9e\xe5\xe5\xfb\xf7\xe9\xe3\xa4V?\xc9\xcdU\xaaT\xf7\xef\xdfwrr\xaa(w\\K\xc1it\x9dN\xd7\xa9S\xa7\x94\x94\x14\x96e}\xbd\xbc\x8em\x8csQ\xabi\x96\xfd\xbb\x8a\xaa5\x85\xe58\x12\xc7\x0b\x8a\x8b\xbb\x8f\x8bL\xcb\xce\xc6q\xdc\xdf\xdf\xff\xf4\xe9\xd3J\xa5\xd2\xbewg\xbd%4\x05\x84\xd8\xb4\x8a\xa3?z\xf7\xe9S\\T\xa4T(8\x96=\xb9\xf9\xe7\x16\xbe\xbe\xba\x9an\xfd\x01\x00$I\xea\r\x06w\'M\xe2\xeaU\x80\xe3\x94\nEIq\xf1\x07=z`\x18F\x10D\xad\xee]1\x0c\x83aXTT\xd4\x9d;w|\xea\xd5\xad\xe7\xee&gt;\xa2w\xef\xfa^^V\x9a\xb6\xb5\xd6\x1f\x00\x80c\x98\x95\xa6\xeb{y\x8d\xe8\xdd\xbb\x9e\xbb\xbbO\xbd\xbaw\xee\xdc\x89\x8a\x8a\xc20\xcc\x9ef\xe4\xde9\x14\x00\x10\xdb\x05;\xa1\x14EEEE]\xbdrE,\x16\xbb\xa8\xd5c\x07\x0e\xec\xd8\xa6\x8d\xd1l\xb6\x91\xe2_\x04A\x98,\x96\xce!!\xe3\x06\x0etrT\x11\x04Q\x94\x933d\xc8\x90\xa2\xa2\xa2\xda\xbb\x17\x05\x16YZ\xb8paBBB\xc3\xfa\xf5\x9f\x17\x14N\x18&lt;h\xc6\x84\xf1\xfa\xd2\xd2\x1a_\xf8\xfd;$A\xe8KKgL\x18?a\xf0\xa0\xe7\x05\x85\r\xeb\xd7OHHX\xb8p!I\x92h1\xe0\xef\xa0)\xa0j\x05\x93\xe9\xc1\x8br\xea\x15P\n\xfb\xab\xe0\x91O$I\xf6\xea\xd5\xeb\xc8\x91#\xf5&lt;&lt;\x14R\xa9\xbfo\xa3]\xcb\x7f\xd4\x97\xe9m\xad\xf4\x02\xcb\xb2\n\x07\x87\x81\x93\xbe\x08\xf0\xf5=r\xee\xdc\xd5\xe4\xe4\xee\xdd\xbb\xff\xf9\xe7\x9fp\x11\xb5v\xfdd\xe1\xbc\xf9\xe5\xcb\x97\xdb\xb7o\xcf0\x8cL*\x19;`\xc0\xd7c\xc7\xa9\x15r\xca&amp;\xbb\xff\x15X\x8e\x13\x90d\xb1\xde\xb0t\xd3\xc6M\xfb\xf6\x95\x1bM\x04A\x9c;w.\x14\x95\x8a\xfb\x1b\xb6\xf5\x16\xd9%\xd8\x90\xc1,!83@\x10\x04\xf9\xff\x83m\x04\xc7q4M\xa3\xedk\x10\xec\x84N\x992\xe5\xc8\x91#\x1e..\xba\xb2\xb2\x1e\xed\xde\xdf\xb5lYY\x99\x1e\xb3\xb1\xd6\x1f\x00\x80\xe3xii\xe9\xde\xd8\xf5"\x81\xe0jrr}\x0f\x8fc\xc7\x8eM\x992\xa5\xd6u?a\xceWaaa\x9f&gt;}H\x82\xf0\xaeS\x87\xa6\x991\xfd\xfb{8i\xacV\xab-\xb7\xfe\x00N\x04Y\xad\x1eN\x9a1\xfd\xfb\xd34\xe3]\xa7\x0eI\x10}\xfa\xf4),,D\xd9a\x7f\t\x8d\x00\xaa\x10\xac\x9cU\xb9\xdfQXX\xf8\xf8\xf1\xe3\xbc\xbc\xbc\xc2\xc2\xc2\xf2\xf2r\x86a\x04\x02\x81F\xa3\xf1\xf4\xf4\xf4\xf1\xf1qww\x87_\x86\xce\x9c\x82\xad\xff\xb6m\xdbF\x8d\x1a%\x93J\xe4\x12i\x9b\x00\xff\xcd\x8b\x16\xc9\xa5R\x9b\xed\x84\xc2\xe5\n\x9d^\xff\xc3\xe6\xcd\x89\xc7OhKK\x8d&amp;\xd3\x96\xad[G\x8d\x1cY\x8b\xaaF\xc3!\xcb\xa0A\x83\x12\x12\x120\x0c\xf3k\xd0\xe0\xa7Y\xdft\x0c\x0e\x86\x85\xb5k\xfa\xea^\x0b\xc30r\xa9\xf4\xcc\xf5\xeb\x9f\x7f\xfb]jf&amp;\xc7q\xe1\xe1\xe1{\xf6\xecA\xe7\xc6\xbc\n\xdd\x8e*\x01\'\x7f\xe14\x85\xd1h\xbcp\xe1\xc2\xd1\xa3G/^\xbc\xf8\xe8\xd1\xa3\xd2\xd2\xd2\xbf\xfc+\n\x85\xa2y\xf3\xe6}\xfa\xf4\xf9\xe4\x93O\xea\xd6\xad\x0b^\xf4\xc5\xaa\xf3\xb2m\x04l\xfd\xaf_\xbf\xfe\xf9\xc4\x89\x00\x80\xfa\xee\x1e.j\xf5\xfa\xb9s\x1d\x1d\x1c\xcaM&amp;\x9b=\x87\x0b\xae7\xba89}5j\xd4\xed\xd4\x07r\x99\xf4~zFttt\xb3\xa6M\x83\x83\x83k\xc5\x89%\xf0"\x17\xcc\x9f\x9f\x90\x90\xe0S\xbf^N^~K?\xbf\xce\x1d:\xe8\xb4Z\x9b\x9d\xfa\x7f\x15A\x10z\xa3\xb1s\x87\x0e-\x13\xf7g&gt;{\xe6\xe9\xe6\x9a\x90\x90\xd0\xbcY\xb3\xb9\xe8\xdc\x98W\xa0\x11@\x15JNN\xde\xbe}\xfb\xfe\xfd\xfb333+~\x13N\xf7\x83J\xa7\x98\xc2hQ1&gt;U\xa9T\x93&amp;M\x9a5k\x96P(\xe4a\x0c\x80\x1f977\xb7S\xc7\x8ei\x8f\x1e\x054n\\f\xd0\xff\xben]\xe3\x06\r\x8c\xb5\xa1\x13\xca\xb0\xacT"I\xcb\xca\xfa02\xd2A\xae\xb8\x97\x9e\xaeR\xa9\x8e\x1d;\x16\x1c\x1cl\xe3\xd3\xd0\x15\xe5\xde\xc2\xc3\xc3\xdd\x9c\x9c\xca\x0c\x86\xb1\x03\x07\xcc\x998Q,\x10p\x0cS\xbb\xc6\xa3\x1c\xc7a\x04a\xa6\xa8\x85k\xd6l\xda\xbb\xcfA.\xcf\xd3j\x13\x12\x12P\xa9\xb8\x97\xa0\x00\xf0\x8e\xc1M\xeb\x0f\x1f&gt;\x9c3g\xce\x81\x03\x07\xe0\xfc/\x8e\xe3p\n\xb2\xf2\xdd\x86o\x14\xfc\x1d\xb8&lt;\x00\xa7}\xe0_y\xff\xfd\xf7\xe3\xe3\xe3\xdd\xdd\xdd\xdf\xe08\xc3\xda\x0b\xbe\x9cw\xef\xde\xed\xd2\xa5\x8b\x8c$C\x82\x02\x0f\x9d:}p\xcdO\xedZ\xb7\xb6\xd8\xfc\x04t\x058\xf8{\xf4\xe4\xc9G\xe3\'&lt;\xcb\xcf\xc70L\xa5R\x9d={\xd6\xdf\xdf\xdff[\x9f\x8ad\x8b\xe6\xcd\x9b\x17\x16\x16\xd6qs\x0bn\xde|\xceg\x9f\xb5h\xd2\xd8`0\xd8\xec\xa8\xeb\x1f0,+\x97\xcb\xef&lt;x\xb8p\xdd\xba\xebw\xef&gt;\xcb\xcbsvv\xbe{\xf7\xae\xb3\xb3s\xc5\xe8\x1cAw\xe1\x1d\x83\xed\xb5N\xa7\xdb\xbbw/\x1co\xc2\xa6\x1f\xee\xaa\x86/\x7fE\x97\x1f\x86\x04\xb8N\x00\'\x10h\x9a\xc60L \x10\\\xb8p\xe1\xc3\x0f?,--\xad\xbd[\t\xff+x\xebJJJ\x86\x0e\x1dZPP\x90\x95\x9b\xeb\xa8p\xf8m\xdd\xda ??\x86ajK\xeb\x0f^\xcc\x05\xb5h\xd2d\xe7\xd2\xa5\x1a\x95\x8a\xe3\xb8\x92\x92\x92a\xc3\x86\x95\x94\x94\xc0\xa5\xfe\x9a\xbe\xc0\x97U&lt;c\xbd{\xf7..*r\xd1h\x9e\xe5\xe5E\x0f\x19\x12\xe4\xdf\xbc\xac\xac\xac6\xb6\xfe\x00\x00\x02\xc7\xcb\xca\xca\x82\xfc\x9bG\x0f\x19\xf2,/\xcfE\xa3).*\xea\xdd\xbb7@\xa5\xe2*\xa9\x95?Z[\x06\xabP\xb5m\xdb\xb6_\xbf~\x15=w\x98\x13T\xb1\x17H*\x95\xba\xba\xbaz{{{{{;99\x01\x00\x18\x86\xa9H\x1c\x85;\xdf\x05\x02Arr\xf2\xf8\xf1\xe3y\xb2{\x01\xee\x80\xc2q&lt;***99\xd9\xd7\xcb\xab\xae\x9b\x9bD,\xea\xd4\xa1\x83P \xa8u\xb9&lt;8\x8e\x97\x94\x96\xb6o\xdfn\xfe\xc4\xe8\xbann\xbe\xde^\xf0\xa7\tGx\xb6\xd6\xfa\xc0q\xc9\xf8\xf1\xe3\xaf^\xbd*\x14\n\x9dT\xaa\xe5\xd3\xa7u\x0cn]V\\\\\xe3\xa9voC@\x92e\xc5\xc5\x1d\x83[/\x9f&gt;\xcdI\xa5\x12\n\x85W\xaf^\x85\xa5\xe2j\xdd\x13UEl\xb1?R\xdb\xc1\xd7\xe9\xdc\xb9s\x1d;v$I\x92\xa2(\x00\x80L&amp;\xeb\xd0\xa1\xc3\x07\x1f|\xd0\xaaU\xab\xfa\xf5\xeb+\x95J\xa1P\x08\x000\x99LO\x9e&lt;9\x7f\xfe\xfc\x96-[n\xde\xbcY\xb9\xb9\x87;\x08O\x9e&lt;\xd9\xb9sg\x9b\x9d:xW\xe0\x07\\\xb0`\xc1\xbcy\xf3\x1a\xd6\xaf\x9f\xaf\xd5~\x139n\xc6\x84\te\xa5\xa5x\xadM\xe5gXV,\x93-\xdf\xb4\xe9\xbb\rq\xee..i\xd9\xd9\xf3\xe7\xcf\x9f;w\xaeM\xfd4\xe185!!!""B&amp;\x956\xf6\xaa\xef[\xdfk\xd7\xf2\x1f\r\x06C-\xbd\xed/\xe18N.\x97\x0f\xf9\xf2\xab\xb4\xc7\xd9\x0f\xb3\x1f\x97\x1b\x8d\xf1\xf1\xf1\xe1\xe1\xe1hA\x18\xa0\x00PE\xe0Jf\xdb\xb6m\xaf]\xbb\xd6\xb2e\xcba\xc3\x86\xf5\xeb\xd7\xcf\xcb\xcb\xeb\x1f\xfe\n\xc30\x8b\x16-\x8a\x89\x89\xa9\xe8\x9e\xc0\xba\x92\xbd{\xf7&gt;p\xe0\x80}\xaf\x06\xc3\x06q\xd5\xca\x95\x93\xa7LqV\xab\xcbM\xa6\xb1\x03\xfaO\x8f\x8ar\x94\xcbi[\xdd\xf4\xf9:X\x8e\x13\x08\x04\xc5z\xfd\x0fq\x1b\xd7\xed\xda\xd5\xa1M\xf0\x95\xa4\xdb\xa3\xc7\x8e]\xbdz\xb5\x8d\xc4\x00\xf8\\\xa5\xa4\xa4t\xe8\xd0\x81\xa1\xa92\xbd\xa1\x99\x8fO\xd2\xfeD\x8b\xc5\x02*\xedS\xa8\xd5`\x13\'\x12\x89\x82\xfa\xf5\xbf\x97\x91\xe1\xa0\x90\x13\xa4\x00.\xc9\xd8\xf7k\xf5:P\x00\xa8\x12\xf0\xf5&gt;s\xe6\xcc\xf3\xe7\xcf\x07\x0f\x1e\x0c_$8\xe9\x8f\xbdP\xf1\xc5p=\x00.\x14O\x992e\xe5\xca\x950\x06\xc0\xf9b\x95J\x95\x9e\x9e\xae\xd1h\xecu5\x18v\xc4V\xadZ5y\xf2d\xb5J\xe5\xaa\xd14m\xd0`\xf6g\x13Z4i\xa2/+\xb3\x85V\xf2m0\x0c\xe3\xa0T^IJ:w\xfd\xc6\xc3\xec\xec\xcd\x89\x89\x00\x80\x95+V|1yr\x8d\xf7@\xe1\x83\xa7++\xeb\xd4\xb1crrr}\x0f\x0f\x0fg\xe7\xa9c\xc6\xf4\xed\xd6\xb5\x96.\xfc\xfe\x1d\xb8 |\xe0\xf8\x89e\x9b7\xe7\x16\x16&gt;\xce\xcd\r\x08\x088}\xe6\x8c\xd2\xc1\x81\xe7\t7(\x00T\x078\xbb\xfd\xcf}\r8\xf3SVV\xd6\xb0a\xc3\xa2\xa2"\xd8\xfa\xc3\xff\x9e;w\xae]\xbbv6\xd2g|\xb7`#x\xe2\xc4\x89n\xdd\xba\xb9991\x0cS\xd7\xdd\xfd\x8f\x8dqj\xa5\xb2\xbc\xbc\xdc&gt;&gt;/\xc30R\x89\xc4\xca0~={\x99\xccf\x9c \xf2\xb5\xda\xe3\xc7\x8fw\xed\xda\xb5fc\x00\xfc\xee\x83\x06\r\x8a\x8f\x8fo\xda\xd0\xa7\xb4L\xbfh\xd2\xa4\xd1C\x06\xd7\xae]\xff\xaf\x89f\x18\xa5\x93\xd3\x96]\xbbg\xaf^\xadrP\xdcO\xcf\x88\x88\x88\xd8\xb3gO\x8d\x87\xe1\x9ae?A\xde\x06\xc1\xcd?\x1c\xc7\xc1\xbd@\xff\xfc\xc58\x8e\xc3\xfe~XX\x18\xfce\xc5\x7f\x9f&gt;}\n^)\x1fd\x07`ffvvv\xc4\xa0A*\x07\x07\xa3\xd9\xec\xee\xec\xbc~\xde\\\xb5Ri\xb0\x97\xd6\x1f\x00@\x10D\xb9\xc9\x84c\xd8\xa9\xad[\x82\xfc\xfc\x8c&amp;\x93\xca\xc1!b\xd0\xa0\xac\xac\xac\x1a&lt;=\x06\xde\xfc\xb8\xb8\xb8\xf8\xf8x\x82 \xee\xa7gL\x199bH\xef\x8f\xf5\xc5\xc5\xf6\xd7\xfa\x03X*\xae\xb8xH\xef\x8f\xa7\x8c\x1cq?=\x83 \x88\xf8\xf8\xf8\xb8\xb88;;\xc0\xe7\xbfB\x01\xa0\n\xe18\xfe\x9f\n\x81\xc1\xddi\xf5\xeb\xd7\x07/\xa6_\xe1\x7f\xf5z}\xd5]dM\x81\xbb\x9e\x8cFc\xff\x01\x03\xca\xf5z\x9a\xa1\xfd}}\xe7O\x9c\xd8\xa6U+\xbd\xc1`gm\x10I\x10\x16\xb3\xd9\xc7\xdb;2"\xbcE\xe3\xc6\x0c\xc3\xe8u\xba\x88\x88\x88\x92\x92\x92\x1a9\xbc\xb0\xe2\x80\x9d\xa8\xa8(\x01I6\xf5\xf1i\xd6\xb0\xe1\xd0^\xbdp{\xdfo\x86\xb3\xec\xd0^\xbd\x9a5l\xd8\xd4\xc7G@\x92QQQW\xae\\\xe1\xf3\xa6 \x14\x00l\xcb_\xee\x13\xb7\x9b\xbep\x85\x8a\xc3F\xa2?\xfb\xec^r\xb2@ hT\xaf~\xcf\xf7\xdf\xef\xfb\xf1G%\x85\x85\xb5z\xeb\xe1\xdf!I\xb2\xb4\xa8h@\xdf\xbe=\xda\xb5\xab\xe7\xee\xaeqT\xdd\xb8q\xe3\xc3\x0f?,..\x06/&amp;\x00\xabGE\xb9\xb7\xde\xbd{KD"\x0f\x17\x17\x93\xd9|tC\xac\x93JU\x8b\xb2\xed\xde\x00\x8ea\x16\xab\xd5I\xa5:\xba!\xd6d6{\xb8\xb8HD\xa2\xde\xbd{\xf3\xb9T\x1c\n\x006\x04\xf6\xf7sssA\xa5\x0ca\x00\x00\xcc\x15\xb0\x9b\xa5\xaa\x8aE\xef\x1e=zl\xdd\xb6mT\xff\xfe!\x01\xfe-\x1a\xfb~\xf3\xc5\xa4\xd2\xfc|a-)\x9a\xf6\x06\x04\x02Ai^\xde7\x9fM\x98:ft\xbe\xb6H,\x16_\xbbv\xadW\xaf^0\xeaW\xdb\x14\x1fl\xe9\xa2\xa3\xa3\x0b\x0b\x0b\xcdV\xab\\*\xf9i\xd67\xee\xce\xcef\xab\xd5\xee\xb7\xc4\xe08n\xb6Z\xdd\x9d\x9d\x7f\x9a\xf5\x8d\\*1[\xad\x85\x85\x85\xd1\xd1\xd1\xa0zc\xb0\xed\xb0\xf3\x9fw-\x02\xd3\xd3-\x16\xcb\x8d\x1b7\xc0\x8b\xa6\x1f\xee\x05\xf2\xf1\xf1\x01v\x14\x00*\xd2\x8e._\xbe,\x95H6&amp;$L\xfbt\xec\xb2\x193\x0c6|\xd8\xc8\xbb" \xc9\xb2\xd2\xd2Q\xe1\xe1\xab\xbf\xf9\xc6l6K%\x92+W\xaeTgj\xd2\xffNzY\xb0\x00\x96{\x13\t\x85AM\xfc&gt;\xec\xd6\xad\xdcd\xb2\xfb\xd6\x1f\xc2q\xbc\xdcd\xfa\xb0[\xb7\xa0&amp;~"\xa1\xd0\xa7~\xbd\x84\x84\x84\x85\x0b\x16\xd4\xba\xc2\xdd\xef\x04\xda\x05d+\xe0\x9b\xb9s\xe7\xcea\xc3\x86\xc1\xe6\x00.\x0b{yy\xa5\xa6\xa6\x8aD"\xfb\xd8\x06\n\x93\x9c\xe3\xe2\xe2\xa2\xa2\xa2\x84\x02AS\x1f\x9f\xc6\xde^\xab\xbf\xf9F\xa9PP\x14e\x07\x1f\xf0u\xb0,\xab\x90\xc9\x86M\x9fq7\xfd\xd1\xfd\x8cL\x8a\xa2bcc\xa3\xa2\xa2\xaazG\x8a=\x95{{\x1b\xa8T\\\x05^\xc4|\xdb\x07\xb7d\x14\x14\x14\xcc\x981\xa3b\x19\x00\x06\x80\xf0\xf0p\x91H\x04k\x04\xd5\xf4e\xbe-\x9a\xa6\x05\x02\x01\\{\x14\t\x85\x8d\xea\xd7\x17\x90\xe4\xf6\xc5\x8b\x95r\xb9\xd5j\xb5\x83\x0f\xf8\x9a0\x0c+7\x1a\x7f^\xb8@H\n\x1a{y\x01\x00\xa2?\xfb\xec\xfc\xf9\xf3U\xda\t\x85\xd3n\x05\x05\x05\x13&amp;L\x80\xe5\xa7\xba\x87\x85\x8d\xec\xd7\xdfQ\xa1`\xec\xe2\xe9z}\x18\x8614\xed\xa8P\x8c\xec\xd7\xbf{X\x18\xac\xd42a\xc2\x84\x82\x82\x02\xbe-\x06\xa0\x00P\xf3`\xa7\xa3\xbc\xbc|\xc0\x80\x01\xcf\x9e=\xc30\x0c\xbe\xab,\xcb:88L\x9a4\xc9&gt;\x8a\x17\xc2 w\xe0\xc0\x81\x8fz\xf5\x92J$j\xa5\xd2b\xb5&amp;\xacX\xc10\x8c\x95\xa2\xec\xe0\x03\xbe&gt;\x0c\xc38\x00X\x96\xdd\xbbj\xa5N\xafo\xd7\xbaU\xc76m\xbav\xed\xba}\xfb\xf6*\x8a\x01vY\xee\xedm\xa0Rq\x10\xef~\xf0\xb6\x06\x1e\xc0TTT\xd4\xb3g\xcf\x0b\x17.Tl\n\x84\xff\xf3\xc3\x0f?xzz\xdaA\xc2:\xdc\xf4y\xe3\xc6\x8dO&gt;\xf9\xa4\xa8\xb8\xd8U\xa3i\xea\xe3\x13;o\xae\x87\x8b3]\xfb?\xdd\x1b\xc00\x8caYW\x8df\xc7\xd2\x1f\x06v\xeb~1)\x89\xa2\xa8\xe8\xe8\xe8\x1b7n\x90$\xf9\xce;\xa1\xf6Z\xee\xedm\xa0Rq\x00\x05\x80\x9a\x05\xe7|\xd3\xd3\xd3;u\xeat\xee\xdc\xb9\x8a\x9c\x14\x81@@Q\xd4\xb8q\xe3\xa2\xa2\xa2\xec`R\x12\xae^\x14\x15\x15EDD\x98L&amp;?\x9f\x06%:\xdd\xd7\xa3Gu\xe9\xd0\xc1d6\xdb\xf1\xbe\xc3\x7f\x86a\x98\xd9b\xe9\x10\x16\xe6\xee\xec\xe4\xe4\xa8\nh\xeck0\x18"""\x8a\x8a\x8a\xc0;\xdd\x94\x02\xc7^\t\t\tqqqR\x89\xa4I\x03\xef\x00_\xdf)\xa3F\x99,\x96\xda\xfeh\xbd%\x82 L\x16\xcb\x94Q\xa3\x02|}\x9b4\xf0\x96J$qqq\t\t\t\xfc\xc9\x0eC\x8b\xc05\x06\xb6\xec\xa7N\x9d\x1a:th^^^E\xfd\x1f\x82 h\x9a\x1e&gt;|\xf8\xb6m\xdb`\xdf\xbfV\xcf\xcfV\x9c\x8e\xd9\xad[\xb7\x13\'N\xf8zy\xe5\x16\x14l\\0\x7fP\x8f\x1eev\x97\xf0\xf5\x06h\x86Q*\x95\xc7/\\\x88\x98\xf2\xa5\x8bF\x93\x96\x9d\xdd\xb5k\xd7\xe3\xc7\x8f\x83\x17\x81\xf3-\xff}\xf8\x08%\'\'w\xea\xd4\xc9\xa0\xd7[)\xaai\x83\x06\xb7\x0f\xec\xb7\xa7roo\xa3\xa2T\\`\xdf~\xf733\x85\x02\x81\\\xa18{\xf6l\xf3\xe6\xcd\xed`\xe4\xfd\xaf\xec\xfc\xe3\xd9,\xd8\xfa\xc7\xc6\xc6~\xf0\xc1\x07\x15\xad\x7f\xc5\x89`\x9f\x7f\xfe\xf9\xf6\xed\xdba\xbbY\xdb_Q\xf8\x82EFF\x9e8q\x82$\xc9\x92\xb2\xb2\x953g\xf4\xef\xd6\xad\xdcdB\xad?\x00\x80$\x08\x83^\xff~\xabVK\xbf\x9eZRVF\x10\xc4\x89\x13\'\x86\x0e\x1dj4\x1a\xdf\xd5d4EQ\x13&amp;L(..\xe6\x00p\xd5h\x96\xcf\x98\x81\x13\x04k\x17\x9b\xca\xde\x1e\x86a,\xc7\xe1\x04\xb1|\xc6\x0cW\x8d\x86\xe5\xb8\xe2\xe2\xe2\xc1\x83\x07\xebt:\xdb&lt;\xbd\xe7\xddB\x01\xa0\x06\xc0\xd6?&amp;&amp;f\xc2\x84\t\xb0\xdd\x87\xbf\x03\xcb\x85\xfe\xf0\xc3\x0f\xabW\xaf\xae\xa8\x1bZ\xd3\x17\xfb\x0e\xc0\xc3^j\xfa*j\x13\x96e\xd1\x1d\xabA\xfc\xb9\xff\xf6\x1f\xe2l\rl\xeb\x17-Z4g\xce\x1c8\xd5\x08\xf7\xe41\x0c\xa3\xd1h\xb6l\xd9\xf2\xf1\xc7\x1f\xc3\x95a\xbbi\xfd\x01\x00\x18\x86\xa1)\xa0\xbf\x84\xa6\x80j\x16\x9a\x02B\xaa\x0fl\xfd\xf7\xef\xdf_\xb9\xf5\x87\xff\xd3\xb8q\xe3\xf3\xe7\xcf\xc3\xd6\x9f$I\xbby3+\xceB\xd8\xbd{\xb7\xb7\xb7wZvv]w\xb7\t\xf3\x17\x1c\xbbpA\xa9\xd1\xf0d\xa9\xed\xef\xd0\x0c\xa3tvN8rd\xcc\xec\xd9\xf5==\xd2\xb2\xb3\xbd\xbd\xbdw\xef\xde]qt\xc4\xdb\x7f\x0b8\xbe\x0c\x08\x08\x88\x8d\x8d\xb5R\x94T"\x11\x89E#\xa6\xcf\x90\xcb\xe5o\xff\x8f\xdb\x07\xb9\\&gt;b\xfa\x0c\x91X$\x95H\xac\x14\x15\x1b\x1b\xdb\xbcysX\xc2\xbd\xa6/\xad\xca\xd9\xff\'\xb4\x1dpN\xbf\xa4\xa4\xe4\xb3\xcf&gt;\x83\x9b\xfda\xdf\x9f\xa6\xe9V\xadZ\x9d={\xd6\xcf\xcf\xcf.\xab\x93\xc3\x86L\xa3\xd1\xc4\xc7\xc7K$\x92\xd4\x8cLG\xa5r\xe9\x96\xad\'\xcf\x9e\x95\x88\xc5,_\xc7\xa0\x1c\xc7\x89E\xa2\xb3\x17/&gt;/\xd4jKJ\x93\x1f\xa6\xc9\xe5\xf2\xf8\xf8x\x8dF\x03^T\x02\x7f\'\xe03\x16\x1e\x1e\x1e\x19\x19i4\x99\x1edf%\xa7\xa5\xad\xd8\xbaU"\x12\xf1&lt;\x003\x0c#\x11\x89Vl\xdd\x9a\x9c\x96\xf6 3\xcbh2EFF\xf2\xea\xb4H4\x05T}\xe0S\xb5t\xe9\xd2i\xd3\xa6\xc1|\x1f\x98\xed\xd5\xacY\xb33g\xce899\xd9\xc1\x8e\xcf\x7f\x00?\xdd\x81\x03\x07\xc6~\xfa\xa9\xc9dR\xca\xe52\x89\xe4\xc4\xcf?\xbb\xa8\x1di\x86\xe1Co\xab2\x8e\xe3\x08\x1c/,-}\x7f\xe80\xaf:\x9eBRp\xfe\xd6\xad\x8d\x1b7\x8e\x181\xa2*Z\x9f\x8a\x02|\xa1\xa1\xa17\xae_\xd78:\x16\x14\x15\x9d\xf8\xf9\xe7.\xed\xdb\x95\x16\x15\xf13\x15\x80\xa2i\x95Fs\xf2\xdc\xf9\xae\x9f~\xea\xa2\xd1\x14\x95\x94\xb4\x0e\x0e\xbe|\xf9\xb2\x1dl\xbd{}(\x00T\x1fx\xab[\xb7n\x9d\x94\x94T\x91q.\x93\xc9n\xdc\xb8\xd1\xb8qc&gt;t:\xe0g\xbcr\xe5Jhh\xa8H(lX\xaf\x9eT,\xbe\xf0\xcb\x0e\x8e\xe3x\x95\x0c\xccq\x1c\x06\x00I\x92\xed\x86\x8f0Y,w\x1f="p\xfc\xf4\x993\xed\xda\xb5\xab\xba\xc7\x00\xce)\x15\x16\x166o\xde\xbc\xb0\xb0\xb0\x8e\x9b[p\xf3\xe6s&gt;\xfb\xacE\x93\xc6vv\x00\xe4\xeb\x80\x87D\xdey\xf0p\xe1\xbau\xd7\xef\xde}\x96\x97\xe7\xec\xec|\xf7\xee]ggg\xfbH\xbc\x7fM|\xf9\x9c5\x0e\xbe~999\xa9\xa9\xa9\xb0;\x06+\x90|\xfe\xf9\xe7\x8d\x1b7\xa6(\xca\xee[\x7f\x00\x00I\x92\x14E\x85\x84\x84l\xd8\xb0\xc1b\xb5&gt;z\xfc\x98\xa2\xe9\x113g\xea\x0c\x06\xa1P\xc8\x9f\xbe\x08\xc7q2\xa9\xf4\xd39s\xad4\xf50;\x1b\x00\xb0v\xdd\xba*m\xfd\x01\x00\xb0\xcf\xe1\xe2\xe2\xb2~\xfdz\x0c\xc3\x18\x869v\xf1\xe2\xb6\xfd\x89%z=A\x92\xfc\xb9\xf9\x00\x0e\xbfH\xb2D\xaf\xdf\xb6?\xf1\xd8\xc5\x8b0\xfff\xfd\xfa\xf5...|X\xf8\xad\x8cG\x1f\xb5f\xc1\x17,;;\xdbd2\xc1\xd1%\xdc\x00:d\xc8\x10^=s\x02\x81\x80\xa6\xe9\xc8\xc8\xc8\xc8\xc8H+E\xa5=~\x1c\xff\xc7\x9f\xb7\x1f&lt;4\x98\xcd\x00\xc7\xf9\xd0\x0c1\x0c\xa3pt\xfci\xe7\xaf;\x7f\xff\xfd\xd1\xe3\'\x14EEFFVC)P\xf0b1`\xc0\x80\x011\xf3\xe6=/,tsq\xde\x10\x9f0y\xe1"\x99J\xc5\xf0\xa9\x02\x1a\xc3\xb22\x95j\xf2\xc2E\x1b\xe2\x13\xdc\\\x9c\x9f\x17\x16\xc6\xcc\x9b7`\xc0\x00\xb8\xfb\xae\xa6\xaf\xaeZ\xf1\xa5\xdd\xb1\x11Z\xad\x16\x00\x00g\x189\x8esqq\xf1\xf6\xf6\xfe\xd7\xf3\xe2\xed\x0c\xdc\xf3\x1a\x1b\x1b\x1b\x1a\x1aj4\x99\xc6\x85\x87\xff\xf0\xf3\xa6\xa9\xdf\x7f/W\xa9h{_\x93\xa4h\xdaA\xa5\xda\x9a\x900\xe9\xbb\xef\xc4b\xb1\xd1d\n\t\t\x89\x8d\x8d\xad\xb6\xe5\x1f\xb8\xf84g\xee\xdc\xf0\xf0\xf0\x8c\xc7O,Vk\xd2\x83\xd4?\x8e\x1f\x97I$&lt;\xa9\x82\xc9\xb2\xacL"\xf9\xe3\xf8\xf1\xa4\x07\xa9\x16\xab5\xe3\xf1\x93\xf0\xf0\xf09s\xe7\xf2a\x0e\xf6U&lt;jwj\x16\xec\xdbZ,\x16\xb2\x12WWW\xa9TZ\xd3\x97V\xdd0\x0c\x83\xd3\x11G\x8f\x1e\x1d5r\xe4\xd6\xc4\xc4+\xc9)w\x1e\xa6}\xb7j\xb5\xca\xd5\xd5JQ5}\x81U\x85\xa2(\x95\x9b\xdbw\xeb\xd6/\xdb\xbc\xc5\xd5Ic6\x9b\xdb\xb4is\xf8\xf0a\xb8\xdf\xbf\xdaV\x1daoc\xed\xda\xb5\xce\xce\xceb\xa1\xd0`4}\xfe\xedw\xcf\x0b\x0b\xc5B\xa1\xdd\xc7\x00\x96e\xc5B\xe1\xf3\xc2\xc2\xcf\xbf\xfd\xce`4\x89\x85Bgg\xe7\xb5k\xd7\x82w\xba\xed\xaa\x16\xe1\xe3g\xaeA&amp;\x93\x89\xa6i\x8b\xc5b\xb5Zi\x9a\xd6\xe9t\xf0\xb1\xe3\xc9\x96\x83\n\xb0\xbdS*\x95k\xd7\xadk\x16\x10@Q\xd4\xa3\'\x8f\x8f\\\xb8p\xe0\xb7\xdf\x1d\x9d\x9d){L\xc2\xa4iZ\xa5\xd1\xec;p\xe0\xe8\xf9\xf3O\x9e?/*)m\xdd\xba\xf5\x1f\x7f\xfc\xa1V\xabA\xf5\xb6&gt;0\xfa:;;\x1f:t\xc8d\xb1\xe4\x16\x14H\xc4\xe2\x1eQ\xe3\xb5\xa5\xa5"\xa1\xd0\x8ew\xe5\xb2\x1c\'\x12\n\xb5\xa5\xa5=\xa2\xc6K\xc4\xe2\xdc\x82\x02\x93\xc5r\xe8\xd0!ggg^M\xc3V\xc6\xbb!OM\x81\x8fW\xeb\xd6\xadcbb`s\xcfq\x9c\xab\xabkM_W\x8d\x81\tJR\xa94q\xdf\xbe\x96\xadZq4\x9d\x92\x966o\xcd\x1a\x0fW\x97V\xcd\x9a\x19\xca\xcb\xed)I\x98f\x18\x91X\x9c\x91\x95\x15\x17\x9fp\xe7\xe1C\x82 \x14Je||\xbc\xa3\xa3c\x8d\xec\xfd\x85\xb3pp5&gt;**\xea~F\x06\xc30;\x0f\x1f\x9e8|x5_I5cq|\xe7\xe1\xc3\xf7\xd2\xd3\xe1\x1d\xd8\xb0aCHH\x88}o\xbf\xfegh\x1b(R\x93\xe0\xc4\xeb\x89\x13\'\xbau\xeb\xe6\xe6\xe4\xc40L]w\xf7?6\xc6\xa9\x95\xca\xf2\xf2r\xfbx-\x19\x86\x91J$V\x86\xf1\xeb\xd9\xcbd6\xe3\x04\x91\xaf\xd5\x1e?~\xbck\xd7\xae5;\xef\x0c\xbf\xfb\xa0A\x83\xe2\xe3\xe3\x9b6\xf4)-\xd3/\x9a4i\xf4\x90\xc1:\xad\xd6\x9e\xa2/D3\x8c\xd2\xc9i\xcb\xae\xdd\xb3W\xafV9(\xee\xa7gDDD\xec\xd9\xb3\x87\x9fS\xff\x15\xf88\xea\xa9A\xb0\xc8Te5}E5\x0c\xaeIv\xed\xdau\xe5\xca\x95yZ-\xc3q&amp;\x8beB\xcc\xfc\x94G\x8f\x14\x0e\x0ev\x90\xa7\xca0\x8c\x83Ry\xe3\xde\xbd5;~\xe9\x1a\x1aZXR\x92\xaf\xd5\xae\\\xb1\xa2\xc6[\x7f\xf0b\x1c\xb0&gt;66  \xe0~z\x86\x80$7&amp;$$\xfe~X\xa1P\xd8\xd9\xa6 \x86e\x15\nE\xe2\xef\x877&amp;$\x08H\xf2~zF@@\xc0\xfaj\\{\xb7Yh\x04P\x03*\x96\xda\xf89\xed\xf8*\xf8\x1e\xaeZ\xb9r\xf2\x94)\xceju\xb9\xc94v@\xff\xe9QQ\x8er9M\xd3\xb5\xf7\xc4\x18\x96\xe3\x04\x02A\xb1^\xffC\xdc\xc6u\xbbvuh\x13|%\xe9\xf6\xe8\xb1cW\xaf^m#M\x0f\x9c\xfbNII\xe9\xd0\xa1\x03CSezC3\x1f\x9f\xa4\xfd\x89\xf6T*\xae\xa2\xdc[P\xbf\xfe\xf722\x1c\x14r\x82\x14\x9c={\xd6\xdf\xdf\x9f\xb7S\xff\x15x\xfd\xe1\xab\x1f\xac\xff\x83\xbf\x003\xc2j\xfa\xa2j\x1e\xec\x8a~1y\xf2\xfc\xf9\xf3\x0b\x8b\x8b=\\\\\xb6\xec?\xb0=1Q"\x93\xd5\xea\x03Z9\x8e\xc3\x05\x82\xed\x89\x89\x9b\xf7\xed\xf3\xaeS\xe7\xc4\xa5\xcb_\xcf\x98a;\xad?\x00\x00\xc7q\x9a\xa6\xfd\xfd\xfd7l\xd8P\xa67\xc8\xa4R\x91Hh\x7f\xa5\xe2\xfeW\xeeM$\x94I\xa5ez\xc3\x86\r\x1b\xfc\xfd\xfdyR\xee\xed\x9f\xf1\xfd\xf3W\xa7\x8a\x03^\x9e&gt;}z\xe7\xce\x9d\xa7O\x9f\xc2\r\x91\xb5\xb7\x81{\x87p\x1c\xa7(j\xee\xdc\xb9\xe1\xe1\xe1\xe9\x8f\x1f\xbb;;\xaf\xdb\xb5{\xeaw\xdf989\x81\x17\x9d\xb8\xda\xc5JQ\x0e..\x1bw\xedZ\xb7k\xb7\xbb\xabKZvvDD\xc4\x9c9s(\x1b+z\x01g\xe1`\xa9\xb8r\xa31\xd5\xbeJ\xc5U.\xf7\x96\x9a\x99Un4\xf2\xad\xdc\xdb?CS@\xd5\x04\xee\xf5NNN\x9e:u\xea\xa5K\x97\x8cF\xa3T*m\xd7\xae\xdd\xd2\xa5K\x9b7o\xfeN*\xbf\xd7v\xb0\xb3\xaf\xd3\xe9:v\xec\x98\x9c\x9c\x0c\x00\xf8l\xf0\xe0\x81\x1fto\xd1\xb8\xb1D,\xae]C%\x96e\x15\n\xc5\xb9\xeb7\xfaO\x9aTTZ\n\x00\x08\x08\x088s\xe6\x8cR\xa9\xb4\xc1s~\xec\xb5T\x1c*\xf7\xf6\xafP\x00\xa8\x0e\xf0&amp;\xe7\xe5\xe5\x05\x06\x06\x16\x14\x14T\xfe#\x17\x17\x97\xa4\xa4$www^\x95\xa0\xfa;pn\xe4\xee\xdd\xbb]\xbat\x91\x91dHP\xe0\xa1S\xa7\x0f\xae\xf9\xa9]\xeb\xd6\x16\xab\xb5\xb6,\x06\xc0\x1f\xe5\xa3\'O&gt;\x1a?\xe1Y~&gt;\x86a*\x95\nN:\xdb\xce\xe4\xcfK\xec\xafT\x1c*\xf7\xf6:\xd0]\xa8\x0e\xb0\xdaT|||AA\x81H$\xc2^\x10\x89D\x05\x05\x05\xbf\xfe\xfa+&lt;\x1e\xa0\xa6/\xb3\xe6\xc1s1\x9b7o\x9e\x94\x94$\x90\xc9v\x1d&gt;\xe2S\xaf\xde\xd8\xb9s\x1fegK\xc4\xe2Z1#\xc1\xb0\xacX,\xce\xce\xc9\xf9x\xc2\x04\xa5B\x01\x00P*\x95\x7f\xfe\xf9\xa7-\xb7\xfe\xc0\xeeJ\xc5\xa1ro\xaf\t\xdd\x88\xea\x93\x9a\x9a\n_-\xee\x05\xf8\\\xde\xbd{\x17\xd8\xcb\x8e\x8b\xb7\x07\x97%=&lt;&lt;~\xd9\xb9S!\x97\'?|(\x15K&amp;.\xfa6_\xab\x95I\xa56\xbe=\x91eY\x99T\x9aWX\x18\xbdp\x91B.\xbf\x97\x9e.\x95\xc9\x8e\x1d;\x16\x1c\x1cl\xfb\x85\xc6\xfe\xb6T\x9cRi\xe3\xb7\xfdU\x0c\xcb\xca\x94JT\xee\xed_\xa1\x00P\x1d`\xe3NQ\xd4\xab=)\x8e\xe3(\xfb\xad~\xf3f\xe0\xb2dpp\xf0Ok\xd6\x00\x00\x1e?\xcfM\xcd\xcc\x9c\xb0`AIY\x99P \xb0\xd9Z\x05\xf0|\xb7\x02\xad\xf6\xc7\xad[3\x9f=\xcb\xce\xc9\x05\x00\xac]\xbb688\xb8\xb6\x94\xfb~\xb5T\xdc\xad\xd4\xd4Sg\xcf*\xa4\xd2Z1\xfc\x82\x18\x86QH\xa5\xa7\xce\x9e\xbd\x95\x8a\xca\xbd\xfd\x0b\x14\x00\xaa\x03l\xf7\xdd\xdd\xdd_Z\x00\x84\xbf\xf4\xf4\xf4\x04\xb5s\xa3K\xd5\x81\'\x07\x8c\x1c9r\xf2\xe4\xc9\xe5F\x13A\x10\xe7\xae\xdfX\xb2i\x93X$\xb2\xd9m\xa14\xc3H\x1d\x1d\xb7\x1f&lt;\xb4r\xfb\x0e\x0c\xc3\x8c&amp;\xd3\xe4\xc9\x93G\x8d\x1cIQ\x94@ \xa8\xe9\xab{]\x95K\xc5\x89\x84B\xb3\xd5\xdak\xc2g\xf722\x1c\x14\x8aZ\x11\x03\x18\x86qP(\xeeed\xf4\x9a\xf0\x99\xd9j\x15\xf1\xbe\xdc\xdb?Cw\xa4:\xc0\'\xafw\xef\xde\x1c\xc7\xd14-\x10\x08\x08\x82\x80\xbd-\x8e\xe3\xfa\xf5\xeb\x07\xd0\xd3\xf9\nx\x7fV\xacX\xd1\xb3g\xcf\xdc\x82\x02\xa5\x83\xc3\xd1\xf3\x17\x86L\x9d\xea\xe0\xa0\xe0loF\x82eY\x95J5p\xfc\x04\x0bE\xb5\r\x08x\x9c\x9b\xdb\xbd{\xf7\x15+V\xd4\xba^gE\xa9\xb8\x83\x07\x0f\xd2\x0c\x93\xf5\xec\x19I\x12\x9b\x13\x13s\xb5EB\x9b/\x15\xc7r\x9cP(\xcc\xd5\x16mNL$I"\xeb\xd93\x9aa\x0e\x1e&lt;\xc8\xe7ro\xff\x0c\xdd\x91\xea\x00_\xaa6m\xda,\\\xb8\x10\xce\xf90\x0c\x03\xeb@|\xf7\xddw\xa1\xa1\xa1\xe8\xe9|\x15\x86apM\xf8\xc0\x81\x03\xe3\xc6\x8d{\x92\x9b\x9b\x95\x93\x93\xfc0\xed\xfb\r\x1b\x15r\xb9M\xad\x99\xb3,\xab\x90\xcb\x97l\x88\xbb\x97\xfe\xe8\xdb\r\x1b\x9e\x17\x14\x0c\x1e&lt;\xf8\xd7_\x7f\x85\xe7\xbe\xd5\xba\xd5\x1d\xb8\x18\x10\x1a\x1a:g\xce\x1c\x8e\xe3\xdc\x9c\x9c7\xed\xdd\xb7}\x7f\xa2@,\xae\xe9K\xfbw\x02\xb1x\xfb\xfe\xc4M{\xf7\xb999s\x1c7g\xce\x9c\xd0\xd0P4\xf5\xffw\xd06\xd0\xea\x03[\xf9\xabW\xaf\xfe\xf6\xdbo\xcf\x9f?www\xef\xd3\xa7Opp0j\xfd\xff\x01\xcc\x90\xe08.\xf4\xbd\xf7\xae_\xbd\xaaV\xa9\x94r\xf9\xa6\x85\x0b\xda\xb5li0\x1am\xa1s\xcd0\x8cT,&gt;w\xf3f\xe4\xbc\x18\x9d\xc1P\xa2\xd3\x05\x04\x05\xdd\xbaq\xa3\xe2\xe2k\xfa\x02\xdf\x10l4\x07\r\x1a\x94\x90\x90\xd0\xc8\xab\xbe\xc5b\x8d\x0c\x0f\x9f\xf5\xf9D]q\xb1m\x96\x8a\xa3\x19F\xa9V\x7f\xfb\xd3\x9a\xb8\x84\x04\x91H\xf8(\xfbqxx\xf8\x9e={\x18\x86\xb1\x85\xe7\xc46\xa1\x00P\xad^m\xebQ\xeb\xff\xaf*\xb6\xa87k\xd6LWZZ\xdf\xd33\xf3\xe9\xd3\xeb\xf1{Z\x06\x06\x96j\xb55\x9b\xa6D\xd3\xb4\x83B\xf1,/\xdf\xbfO\x1f\'\xb5\xfaIn\xaeR\xa5\xba\x7f\xff\xbe\x93\x93\x13\xec\xfe\xd7\xe0\xb5\xbd\xa5\x8a\xbc\xbcN\x9d:\xa5\xa4\xa4\xb0,\xeb\xeb\xe5ulc\x9c\x8bZM\xb3\xac\xad\xe5d\xb0\x1cG\xe2xAqq\xf7q\x91i\xd9\xd98\x8e\xfb\xfb\xfb\x9f&gt;}\xda63\xefl\x07jz\xaa\x15\x9c\x0b\xa2i\x1aN\x01\xa1\xd6\xffuTlQ\xff\xed\xb7\xdf\x18\x96M\x7f\xfc\xb8]\xabV\xe7o\xdc\xfce\xdf&gt;\x95\x93S\rVTe\x18\xc6\xc1A\x91SP\xd0g\xe2D\x9d\xc1\x90\xf1\xe4\t\xcd0\xbf\xfd\xf6\x1b\x9cq\xae\xd5\xad?\x00\x00\x0e\xbc\x1c\x1d\x1d\xb7n\xdd\xca\xb2\xac\\*\x15\x90d\xf8\x94/q\x82 m\xac~\t\xc7q$\x8e\xe3\x04\x11&gt;\xe5K\x01I\xca\xa5R\x96e\xb7n\xdd\xea\xe8\xe8X\xab\x07a\xd5\x00\xb5&gt;\xd5\r\xc7q\x92$\xe1"0j\xfd_S\xc5\x01&amp;\x1b7n\xd4\xa8\xd5B\x81`\xd6\xaaU\xdb\x0f\x1c\xbc{\xff\xbeD*\xad\x91\xf5\x00\x96e\xc5\x12\xc9\xbd\xf4\x8c\x99\xcb\x97\'\xa5\xa6\n\x05\x02\x00@\\\\\x9c=\x1d0\x02\x17\x03\x02\x03\x037l\xd8`0\x1a\xd3\xb2\xb3\xad4=f\xd6l\x96\xe3l\xaaM\xc5\x00`9n\xcc\xac\xd9V\x9aN\xcb\xce6\x18\x8d\x1b6l\x08\x0c\x0cDS\xff\xff\nM\x01!\xb5F\xe5\xd3c\\\x9d\x9cX\x86y\xbfU\xcb_\x96.eh\x1a\xab\xdeL:\x8e\xe3X\x8e\x13\x08\x85C\xa7N=u\xf5\x9aL"\xc9-(\x88\x8b\x8b\x1b7n\\\xad\xdb\xf6\xf3\xaf`&lt;\x8b\x8a\x8a\x8a\x8b\x8b\x93J$F\x93\xe9\x97\x1f\x96\x0c\xed\xdb\xb7\xb4\xb8\xd8\x16\xca\x04Q4\xadR\xabw\x1e80l\xdatxy\x91\x91\x91\x1b6l\xb0\x9b0\\\xa5P\x00@j\x13\xb8\xa7~</t>
        </is>
      </c>
    </row>
    <row r="146">
      <c r="A146" s="1" t="n">
        <v>144</v>
      </c>
      <c r="B146" t="inlineStr">
        <is>
          <t>rectangle_height_number</t>
        </is>
      </c>
      <c r="C146" t="inlineStr">
        <is>
          <t>What is the missing number of the part denoted with a question mark?</t>
        </is>
      </c>
      <c r="D146" t="inlineStr">
        <is>
          <t>[4, 3, 1, 2]</t>
        </is>
      </c>
      <c r="E146" t="inlineStr">
        <is>
          <t>3</t>
        </is>
      </c>
      <c r="F146" t="inlineStr">
        <is>
          <t>There are 7 rectangles in the image with varying lengths and numbers inside them. The numbers from left to right are [1, 3, 2, 2, 1, 3, '?']. The lengths from left to right are ['short', 'long', 'medium', 'medium', 'short', 'long', 'long'].</t>
        </is>
      </c>
      <c r="G146" t="inlineStr">
        <is>
          <t>We observe that the short rectangles are denoted as 1, the medium rectangles are denoted as 2, and the long rectangles are denoted as 3. Hence, the pattern is that the number in each rectangle corresponds to its length.</t>
        </is>
      </c>
      <c r="H146" t="inlineStr">
        <is>
          <t>Based on the pattern that the number in each rectangle corresponds to its length, the missing number of the rectangle with a question mark should be 3.</t>
        </is>
      </c>
      <c r="I146" t="inlineStr">
        <is>
          <t>b'\x89PNG\r\n\x1a\n\x00\x00\x00\rIHDR\x00\x00\x02\x00\x00\x00\x02\x00\x08\x02\x00\x00\x00{\x1aC\xad\x00\x00H\xc5IDATx\x9c\xed\xddy|T\xd5\xf9?\xf0\xe7\x9cs\'\x99\xc923\xd9\x88\xb2\xb8 \x11P\xf6}\x17Q\x16k\x8b\xf8\x15\x11\x05\\\x10\xe2\xee7\xb4\xd5\xd6j\x0bh\xad\x0b\xb4\xd6\xd6\xb6\x96\x1d\xa9\xb8bm\xb5\x15\x04\x17@\x94\xcd\x85-\x01d\x11\x95@\xc8:K\x96\x99\xb9\xf7\x9c\xdf\x1f\x17\xf2\xe5\xe7\x82!$3\xf7\xe6~\xde\xaf\xbe^\xd5I\x9c&lt;\x99&lt;\xf7~\xce=\xf7\xdc{\x99R\x8a\x00\x00\xc0yx\xa2\x0b\x00\x00\x80\xc4@\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a5%\xba\x00GPJ5\xe2\xbfb\x8c5y%\x00\xf1g\xf7\xfe\xb7{\xfd\xa7\x80\x00h\x16J))\xa5R\x8a1\xc6\x18\xe3\xbc1GZM\xf2&amp;\x00\xf1g\xf7\xfe\xb7{\xfd\r\xc7\x1a\x17n\xf0\x9d\xcc?9\x11\t!N~=\x10\x08H)\x19k\xe8\xa7m\x8e\x1d\xfc~\xff\xc9/\x9a\xcd\xc49\xb7\xc5\xc8\x02\x1c\xc8\xee\xfdo\xf7\xfa\x1b\x01\x01\xd04\x94R\x86ah\xda\xf1#\xaaP(\xb4y\xf3\xe6M\x9b6~\xf2\xc9\xa7\x15\x15\x15EEE\xba\xa17\xfc\xdd\x181E\xaa\xc3\x05\x1d\xfc~\x7f\x9f&gt;}z\xf5\xea\xd5\xaf_\xbf6m\xda\x98_\xd5u\x9dsn\xcd\x01\x058\x93\xdd\xfb\xdf\xee\xf57\x1a\x02\xa0\t\x18\x86a\x0e\x19\xa2\xd1\xe8\xca\x95+\x9f{\xee\xb9\xad[\xb7\x1e:t\xa8\t\x7fDFFF\x9f&gt;}&amp;L\x980v\xec\xd8V\xadZ\x11\x91\xae\xebB\x08K\x8d&amp;\xc0\x99\xec\xde\xffv\xaf\xffL \x00\xce\x88\xf9\xe91\xc6\x02\x81\xc0\xfc\xf9\xf3\x97-[\xb6}\xfb\xf6\xfa\xaf\xa6\xa5\xa7\xb5=\xa7MNnN\xfb\xbc\xf333\xfd\xban4\xe4\xef\xadHq\xc6c\xb1X\xe1\x8e\xa2\xaa\xca\xc0\xa1\x03_VVT\xd6\x7f\xf5\xec\xd6gO\xbaa\xd2\xb4i\xd3:v\xecHDRJ\x8b\x0c%\xc0\x81\xec\xde\xffv\xaf\xff\xcc!\x00\x1a\xaf~\xe0\xb0x\xf1\xe2\'\x9f|r\xf7\xee\xdd\xe6\xebm\xdb\xb5\x194|\xe0\x88\xd1\xc3/\xea\xd69\xf7\xac\x9c\xd4\xb44!\x84\x10\xfc\xf4&gt;h\xa5b1=R\x17);V\xb6w\xf7\xe7\xeb\xdf\xdd\xb0n\xcd\xfa\xdd\x85{\xcd/fff\xdes\xcf=3f\xcc\xf0\xf9|\xba\xae\xd7\x1f\xba\x02\xc4\x8d\xdd\xfb\xdf\xee\xf57\t\x04@#\x99\xddS\\\\&lt;u\xea\xd4U\xabV\x99/v\xba\xa8\xe3\xd4\xbbn\x1a3vtN\xab,\xa5T]]$\x16\x8dIC*R\xa7\xff93\xce\x18\xe3\xcc\xe5r%\xbb\x935M\x0b\x05\x83\x1b?\xd8&lt;\xffO\x8b\xd6\xbd\xfb\x81\xf9\x1d\x1d;v\\\xb8p\xe1\xe0\xc1\x83\xcd3T\t?\x9c\x04\xe7\xb0{\xff\xdb\xbd\xfe\xa6\x82\x00h\x0c3\xb4W\xadZ5\xf5\xd6\xa9\xc5\x87\x8b\x89\xa8}^\xfb;fL\xff\xc95W\xfa2|\xe1`8\x16\x8b\x11Q\x93\x9c\xf1WJI\xa9H)\xa1\x89\xd4\xb4T)\x8d\xb5k&gt;x\xf6\xa9y\x1b\xd6~DD\xc9\xc9I\x8f?\xfeDAA\x012\x00\xe2\xc6\xee\xfdo\xf7\xfa\x9b\x10\x02\xe0\xb4\x99\xdd3\x7f\xfe\xfc\xfc\xfc|\xf3\x95\x9b\xf2\'\xff\xfc73rrs\x02\x95\x01C7\xb8h\xae\x95^\x86a0\xc6\xbc\xbetC7\x16\xfd\xed\xb9\xb9\x8f&lt;\x15\x0e\x85\x89h\xfa\xf4\xe9\xf3\xe6\xcd3\x0c\xc3j\x8b\xcc\xa0\xe5\xb1{\xff\xdb\xbd\xfe\xa6\x85\x008=\xe6\x91c}\xf7\xf83|\xbf\xfd\xc3\xack\xa7\x8c\x0fV\x05\xa3\xd1h|\xe6\xf2\xcc6\xca\xca\xc9\xda\xfa\xd1\xc7?\xbf\xe3\x17\x85;v\xd3\x89\x1e\xc2q\x004+\xbb\xf7\xbf\xdd\xebor\x08\x80\xd3\xf0\x8d\xee\xc9\xc9\xcd\x99\xb7\xfc/C/\x1d|\xf4H\x89\xa6iq\xde\xed\xc6b1\x7f\x86\xbf\xbc\xb4\xfc\xe6\xf1\xd3?\xdd\xf2\x19\x9d4\x8e\xf8\xc6e,\x00M\xc2\xee\xfdo\xf7\xfa\x9b\x03\x02\xa0\xa1\xcc?\xcc\x9a5kF\x8e\x1cID\x99Y\x99\xff^\xfb\xeay\xed\xcf\xab\xaa\xacr\xb9\\\t)I\xd7\x8ddw\x92\x10\xe2\x86\x1f\xdf\xf8\xd1\xfaMD4k\xd6\xac\x993gb]\x1049\xbb\xf7\xbf\xdd\xebo&amp;\x08\x80\x061\x97\xeb\x96\x94\x94t\xef\xd1\xfdX\xc91\xaf\xcf\xbbd\xc5\xfc\xbe\x03\xfb\x04*\x03\x9a+\x91\xbbZ\xc30\x92\xdd\xc9\xa1`h\xf2\xd8[vn\xdb\xc5\x18[\xb5j\xd5\xc8\x91#q\x1c\x00M\xc8\xee\xfdo\xf7\xfa\x9b\x0f\xae!j\x10\xf3J\xf1)S\xa6\x94\x1c-!\xa2G\xfe0s\xe8\xa5\x83\xab*\xab\x12\xdb=D$\x84\xa8\xab\xad\xcb\xce\xc9zf\xc9\x1f\xfd\x19&gt;Ej\xca\x8dS\x8e\x1e=\xca\x183\xefj\x02p\xe6\xec\xde\xffv\xaf\xbf\xf9 \x00~\x98\x99\xc6\xcb\x97/_\xbdz5\x11]\x7f\xf3\x84\x897]{\xf4HI\xa2\x8e\x1c\xbfA\xd3\xb4\xaa\xca@\xe7.\x1dg=\xf9kRTr\xb4\xe4\x81\x07\x1e\xe0\x9c\xe3\xd8\x0e\x9a\x84\xdd\xfb\xdf\xee\xf57+L\x01\xfd\x00\xa5\x94R\xaa\xaa\xaa\xaa\x7f\xff\xfe\x07\x0e\x1c8\xe7\xbcvo\xae\xffgrr\xb2y*?\xd1\xd5\xfd\x1fC7\xfcY\xfe[\xaf\xbd\xed\xad\x7f\xafJNN^\xbf~}\x9f&gt;}\xcc\xbb\x0f&amp;\xba4\xb01\xbb\xf7\xbfy\x0bO\xfb\xd6\xdf\xdc\xdb/\xf6\x0e?\xc0\\\x9c\xbbx\xf1\xe2}\xfb\xf6I)o\x9f1=\'7;\x1a\x8dZ\xaa{\x88\x88q\x16\x8b\xc6f\xfc\xea\x9e\xe4\xe4\xe4H$2s\xe6\xcc\x86\xdf\xbd\x16\xe0\xfb\xd8\xbd\xff\xed^\x7fs\xff\\\x04\xc0\xa9(\xa5\x84\x10\xb5\xb5\xb5\x8b\x17/f\x8c]\x90\xd7\xfe\xea\xeb\xae\xaa\xaa\x08Xp\x8d\r\xe7&lt;\x1c\nw\xeb\xd5\xf5\xca\xab\xc7\x10\xd1\xbau\xeb\x8a\x8a\x8a\x84\x108\x13\x00\x8d\xd6\x02\xfa\x9fsn\xeb\xfa\x9b{\xfbE\x00\x9c\x8ay]\xc6\x9a5kv\xed\xda\xa5\x94\x9a~\xef\xad&gt;\xbfW\xd7O\xe3\xce\xe0\xf1\xc49\x8fD\xa2\xf9\xff;-%\xc5S]]\xbd`\xc1\x02"B\x00@\xa3\xd9\xbb\xff\x17.0_\xb4k\xfdq\xd9~\x11\x00?l\xc9\x92%\x8c\xb1\xdc\xb3s\x7f4nt(\x18\xb6\xec\xf2J\xceyu\xb8\xba[\xaf.\x03\x86\xf6g\x8c\xbd\xfa\xea\xab555\x9a\xa6a"\x08\xce\x84]\xfb\xff\x95W\xc3\xe10\x11\x99\xc3\x7f\xfb\xd5\x1f\x97\xed\x17\x01\xf0\xbd\xcc\xe3\xdf@ \xb0y\xcbf\xa5\xd4\xd0K\x07\xe7\xb4\xca\x8e\xc5bV\x9b=&lt;\x99R\x8a1&gt;\xea\xc7#\x95R\x87\x8b\x0fo\xdb\xb6\x8dp\x10\x00\x8db\xfb\xfe?|\xb8\xb0\xb0P\xd7\xf5M\x9b6\xd9\xb2\xfe\xb8l\xbf\x08\x80\xefe~\xee[\xb7n\xfd\xfa\xab\xaf\x89h\xc4\x98\xe1\xd6\x1fH\x0b!\xeajj\x07]2 \xcd\x9bf\xe8\xc6[+\xdf\xa2\x13O\xbd\x008-\xb6\xef\x7f\xc3X\xb7n\xdd\x8e\x1d;\x8a\x8b\x8b\xc9\x8e\xf5\xc7e\xfbE\x00|/\xf3s\xdf\xbce3\x11\xa5\xa4\xa5\\\xd4\xads\xa46b\xf1U\x95\x8c\xb1H$\xda\xb6]\xeb\xf3\xdb\x9fGD[\xb7l%"\x8b\xd7\x0c\xd6\xd4\x02\xfa\x7f\xdb\xb6m\x1b6l \xa2\x94T[\xd6\x1f\x87\xed\xd7\xd2\x1fGb\x99\x87\x8a\x1fo\xfd\x98\x88\xce9\xb7\xdd\xd9\xads-~\xfch\x92RzR&lt;\x17u\xedDDEEE\xe1p\x18\x17\x85A#\xd8\xba\xff;w\xedHD\xdb\xb7o\xff\xef[\xff%\xa2v\xe7\xb6\xb5W\xfdq\xdb~\x11\x00\xdf\xcb\\\x87[ZZJDY\xd9\x99\xa9i\xa9\x86a$\xba\xa8\x1f\xa6\x94\xe2B\x9c\xd5\xfa,"\xaa\nT\xd5\xd6\xd6&amp;\xba"\xb0\xa5\x16\xd0\xff\x15\x15\x15_~\xf9%\xd9\xb6\xfe8l\xbf\x08\x80\xeff^\x83\x17\x08\x04\xf6\xee\xddKDy\x9d:\x08\x9b,\xa7a\x8c\x19\xba\xde\xa1\xd3\x05D\x14\x0c\x04\x8b\x8a\x8a\x08\xe7\x81\xe14\xd9\xbd\xff\xf3:u \xa2\x92\x92\x92\xfd\xfb\xf6\x93\r\xeb\x8f\xdb\xf6k\xb9\x0b",E)\x15\xd3cD\x94\x91\x99a\xa3\x89\x14\xa5TFf\x06\x11I)-\xbb\xea\x19\xac\xcf\xee\xfd\xaf\xeb\xba\xb9\xeb\xb4i\xfdq\xd8~q\x04\xf0\x03\xccIC\xdb\xedF\xeb\x0b\xb6\xfe\xa4\'X\x99\xad\xfb\xbf\xfe\xe9Z6\xad\x9f\x9a\x7f\xfbE\x004\x88\xedv\xa3\xb6+\x18\xac\xccv\xed\xf4\x8d\x82\xed^\x7f\xf3A\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b4D\x17\x006\xa0\x94j\xc4\x7f\xc5\x18k\xf2J\x1a\xc7\xee\xf5\x034\x13\x04\x00|\x07\xa5\x94\x94R)\xc5\x18c\x8cq\xde\x98#\xc5&amp;y\x93\xc6\xb1{\xfd\x00\xf1\x81\x00\x80\xffc\xee\xf2\x88H\x08!\x84\xa8\x7f=\x10\x08H)\x19c\r\x1cJ\x9bcg\xbf\xdf\x7f\xf2\x9b\x98;S\xcey\xf3\x8d\xac\xed^?@\x9c!\x00\x80\x88H)e\x18\x86\xa6i\xe6./\x14\nm\xde\xbcy\xd3\xa6\x8d\x9f|\xf2iEEEQQ\x91n\xe8\r\x7f7FL\x91\xeapA\x07\xbf\xdf\xdf\xa7O\x9f^\xbdz\xf5\xeb\xd7\xafM\x9b6\xe6Wu]\xe7\x9c7\xed\x80\xda\xee\xf5\x03$\x04\x02\x00\xc80\x0c!\x84\xa6i\xd1ht\xe5\xca\x95\xcf=\xf7\xdc\xd6\xad[\x0f\x1d:t\x86o[VZFD+W\xae$\xa2\x8c\x8c\x8c&gt;}\xfaL\x980a\xec\xd8\xb1\xadZ\xb5""]\xd7\x85\x10M2\x9a\xb6{\xfd\x00\x89\x82\x00p4sJD\x08\x11\x08\x04\xe6\xcf\x9f\xbfl\xd9\xb2\xed\xdb\xb7\xd7\x7f5-=\xad\xed9mrrs\xda\xe7\x9d\x9f\x99\xe9\xd7u\xa3!\xfb;E\x8a3\x1e\x8b\xc5\nw\x14UU\x06\x0e\x1d\xf8\xb2\xb2\xa2\xb2\xb2\xb2r\xf5\xea\xd5\xabW\xaf\xfe\xcd\xcc\xdfL\xbaa\xd2\xb4i\xd3:v\xecHDR\xca3\x19J\xdb\xbd~\x80\xc4B\x008\x979p&amp;\xa2\xc5\x8b\x17?\xf9\xe4\x93\xbbw\xef6_o\xdb\xae\xcd\xa0\xe1\x03G\x8c\x1e~Q\xb7\xce\xb9g\xe5\xa4\xa6\xa5\t!\x84\xe0\xa7\xb7\x92F\xa9XL\x8f\xd4E\xca\x8e\x95\xed\xdd\xfd\xf9\xfaw7\xac[\xb3~w\xe1\xde#\xc5G\xe6\xce\x9d\xbbh\xd1\xa2{\xee\xb9g\xc6\x8c\x19&gt;\x9fO\xd7uMkL\x1f\xda\xbd~\x80\x84C\xe3:\x94\xb9\xf7,..\x9e:u\xea\xaaU\xab\xcc\x17;]\xd4q\xea]7\x8d\x19;:\xa7U\x96R\xaa\xae.\x12\x8b\xc6B\x81\x90"u\xfa+)\x19g\x8cq\x96\xdd*\xbb\xcd9mF\xfe\xe8\xf2P0\xb8\xf1\x83\xcd\xf3\xff\xb4h\xdd\xbb\x1fTTT\xcc\x9e=\xfb\xc5\x17_\\\xb8p\xe1\xe0\xc1\x83\xcd3\xb4\xa75\x9db\xf7\xfa\x01\xac\x00\x01\xe0D\xe6\xa0u\xd5\xaaUSo\x9dZ|\xb8\x98\x88\xda\xe7\xb5\xbfc\xc6\xf4\x9f\\s\xa5/\xc3\x17\x0e\x86++\xaa\x88\xc8\\\xf1\xc2\xc5\x19Mq\xc4b\xb1H$JJ\tM\\:j\xf8%\x97\x0f]\xbb\xe6\x83g\x9f\x9a\xb7a\xedG{\xf6\xec\xb9\xec\xb2\x11\x8f?\xfeDAA\x81\xb9z\xa7\x81\xfbP\xbb\xd7\x0f`\x11\x98\xbet\x1cs\xef9\x7f\xfe\xfc1c\xc6\x98{\xcf\x9b\xf2\'\xff\xeb\xbdW\xa6L\x9f\xc4\x18\xab,\xab4\x07\xd7Mu\x86\x931&amp;\x04\x17\x9a \xa2` X\x1d\xae\x191\xfa\x92\x17\xde|n\xd6\x93\xbfNKO\x8bD\xa23f\xcc\xc8\xcf\xcf\xe7\x9c\x9b\xeb,[|\xfd\x00\xd6\x81\x00p\x16s\xad\xe4\xfc\xf9\xf3\xf3\xf3\xf3\x89\xc8\x9f\xe1{f\xf1SO\xfe\xf51\xb7\xdb]^ZNDBk\xc6\x95-B\x08\xcey\xa0*X]]s\xe7\xcfn{\xf9\xad\xe7/\xea\xda\x89\x88\xccz\x84\x10J\xfd\xc0\\\x8d\xdd\xeb\x07\xb0\x14\x04\x80\x83\x98C\xe3\xfa\xbdgNn\xce\xe2W\xe7O\xbciBiI\xa9\xb9c\x8dO\x19\xe6n\xf4\xd8\xd1c\xddzu}\xe1\xcde=\xfb\xf6\xa0\x13\xfbPs\x1c\xddR\xeb\x07\xb0\x1a\x04\x80S\x98{\xcf5k\xd6\x98{\xcf\xcc\xac\xcc\x7f\xbe\xf3R\xdf\x81}\x8e\x1e)q\xb9\\\xf1\x9f\xbcv\xb9\\\x81\xaa`jz\xeakk^\x1a8\xb4?\x11\xcd\x9f?\x7f\xf6\xec\xd9B\x08]\xff\x8e\x8b\xb6\xec^?\x80\x05!\x00\x1cAJ)\x84())\x99&lt;e2c\xcc\xe7\xf7-|\xf9\xd9\xf3\xda\x9f\x17\xa8\x0c\xb8\\\xaeDU\xa5i"\x1a\x89J)\xff\xf6\x8f?w\xe9~1\x11\xcd\x9e={\xf5\xea\xd5\x9a\xa6\x19\x86q\xf2w\xda\xbd~\x00kB\x008\x85a\x18S\xa6L)9ZBD\x8f\xfca\xe6\xd0K\x07WUVi\xae\x04/\x03\x13B\xd4\xd5\xd6e\xe7d=\xb3\xe4\x8f\xfe\x0c\x9f"5\xe5\xc6)G\x8f\x1ee\x8c\x9d&lt;\x97b\xde\xe9\xc1\xbe\xf5\x03X\x13\x02\xc0\x11\\.\xd7\xf2\xe5\xcbW\xaf^MD\xd7\xdf&lt;a\xe2M\xd7\x9a3\'\x89\xae\x8b\x88H\xd3\xb4\xaa\xca@\xe7.\x1dg=\xf9kRTr\xb4\xe4\x81\x07\x1e\xe0\x9c\xd7\x9fM5\'\x7f\xec[?\x80e!\x00Z8s7T^^\xfe\xf0\xc3\x0fs\xce\xcfk\x7f\xee\xaf~\xfb\x8b@e\xd0R\x17\xaf\xba\\\xae\xf2\xd2\x8a\t7\x8e\xbfb\xech"z\xe1\x85\x17\xb6l\xd9R\xbf\xb0\x921VQQa\xd3\xfa\x13]\x1a\xc0\xa9 \x00Z8\xf3\x84\xe4\xc2\x85\x0b\xf7\xed\xdb\'\xa5\xbc}\xc6\xf4\x9c\xdc\xech4j\xb5K\x96\x18g\xb1hl\xc6\xaf\xeeINN\x8eD"3g\xce4\xef\xdel\x18\x06\xe7|\xf1\xe2\xc56\xad?\xd1u\x01\x9c\n\x02\xa0\x85s\xb9\\R\xca\xc5\x8b\x173\xc6.\xc8k\x7f\xf5uWUU\x04,5|6q\xce\xc3\xa1p\xb7^]\xaf\xbcz\x0c\x11\xad[\xb7\xae\xa8\xa8\xc8\\pY[[k\xdf\xfaq\x10\x00V\x86\x00h\xe1\xbc^\xef\xfa\xf5\xebw\xef\xde\xad\x94\x9a~\xef\xad&gt;\xbf\xd7\xb2\x8b\x149\xe7\x91H4\xff\x7f\xa7\xa5\xa4x\xaa\xab\xab\x17,\\`\xbe\xb8f\xcd\x9a]\xbbv\xd9\xaf\xfe\x05\x0b\x88\x08\x01\x00V\x86\x00h\xe1\x18c\xe6\xf09\xf7\xec\xdc\x1f\x8d\x1b\x1d\n\x86O~\xca\x95\xa5p\xce\xab\xc3\xd5\xddzu\x190\xb4?c\xec\xd5W^\r\x87\xc3Dd\xd7\xfa_}\xb5\xa6\xa6F\xd34L\x04\x81e!\x00Z\xb8\xc3\x87\x0fo\xd9\xb2E)5\xf4\xd2\xc19\xad\xb2c\xb1\x98\xd5f\xcfO\xa6\x94b\x8c\x8f\xfa\xf1H\xa5\xd4\xe1\xc3\x87\x0b\x0b\x0bu]\xdf\xb4i\x93-\xeb/&gt;\xbcm\xdb6\xc2A\x00X\x18\x02\xa0%\xd34\xed\xa3\x8f&gt;\xda\xbbw/\x11\x8d\x183\xdc\xfa\x03Q!D]M\xed\xa0K\x06\xa4y\xd3\x0c\xc3X\xb7n\xdd\x8e\x1d;\x8a\x8b\x8b\xc9\x8e\xf5\xeb\xc6[+\xdf\xa2\x13\x0b\xb1\x00,\x08\x01\xd0\x92%%%m\xdd\xbaU\xd7u\xb7\xc7}Q\xb7\xce\x91\xda\x88\xc5\x1f_\xc5\x18\x8bD\xa2m\xdb\xb5&gt;\xbf\xfdyD\xb4m\xdb\xb6\r\x1b6\x10QJj\x8a\x1d\xeb\xdf\xbae+\x11Y\xbcfp2\xb4fK\x16\x8dF\xb7n\xddJD\xed\xcei{v\xeb\\\x8b\xcf\x9f\x98\xa4\x94\x9e\x14O\xe7\xae\x1d\x89h\xfb\xf6\xed\xff}\xeb\xbfD\xd4\xee\\\x9b\xd5o\xde%\xb4\xa8\xa8(\x1c\x0e\xe3\xa20\xb0,\x04@K&amp;\xa5\xac\xac\xac$\xa2\xecV\x99\xa9i\xa9\xb6\xb8A\x8dR\x8a\x0bqV\xeb\xb3\x88\xa8\xa2\xa2\xe2\xcb/\xbf$\xa2\xacl[\xd6_\x15\xa8\xaa\xad\xadMtE\x00\xdf\x0b\x01\xd0\xc2\x99K\xe6/\xec|\xa1\xb0\xc9r\x14\xc6\x98\xa1\xeby\x9d:\x10QII\xc9\xfe}\xfb\x89(\xafS\x07{\xd5\xdf\xa1\xd3\x05D\x14\x0c\x04\x8b\x8a\x8a\x08\xe7\x81\xc1\xaa,wA\r4\x87\x8c\xcc\x0c\x1bMD(\xa5223\x88H\xd7us\xd7i\xd3\xfa\xa5\x94\x96\xbdj\x01\x80p\x04\xe0\x10\xb6\xdb\r\x99\x05\xd7?i\xdd\xa6\xf5\x13\x9e\x12\x0c\xd6\x86\x00p\x04\xdb\xed\x86\xbeQ\xb0\xdd\xeb\x07\xb0&am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JKt\x01\r\xa2\x94j\xc4\x7f\xc5\x18k\xf2J\x00\xe2\x0f\xfd\x0f\xcd\xc4\xa2\x01\xa0\x94\x92R*\xa5\x18c\x8c1\xce\x1bs\xa4\xd2$o\x02\x10\x7f\xe8\x7f\x88\x0fk\x05\x80\xd9\xb2D$\x84\x10B\xd4\xbf\x1e\x08\x04\xa4\x94\x8c\xb1\x06\x0e\x85\xcc\xb1\x8f\xdf\xef?\xf9M\xcc\x8d\x81s\x8e\x91\x11X\x13\xfa\x1f\xe2\xcc*\x01\xa0\x942\x0cC\xd34\xb3eC\xa1\xd0\xe6\xcd\x9b7m\xda\xf8\xc9\'\x9fVTT\x14\x15\x15\xe9\x86\xde\xf0wc\xc4\x14\xa9\x0e\x17t\xf0\xfb\xfd}\xfa\xf4\xe9\xd5\xabW\xbf~\xfd\xda\xb4ic~U\xd7u\xce9\x06D`\x1d\xe8\x7fH\x08K\x04\x80a\x18B\x08M\xd3\xa2\xd1\xe8\xca\x95+\x9f{\xee\xb9\xad[\xb7\x1e:t\xe8\x0c\xdf\xb6\xac\xb4\x8c\x88V\xae\\ID\x19\x19\x19}\xfa\xf4\x990a\xc2\xd8\xb1c[\xb5jED\xba\xae\x0b!0\x1a\x82\x84C\xffC\xa2$8\x00\xccCZ!D \x10\x98?\x7f\xfe\xb2e\xcb\xb6o\xdf^\xff\xd5\xb4\xf4\xb4\xb6\xe7\xb4\xc9\xc9\xcdi\x9fw~f\xa6_\xd7\x8d\x86\xf4\xab"\xc5\x19\x8f\xc5b\x85;\x8a\xaa*\x03\x87\x0e|YYQYYY\xb9z\xf5\xea\xd5\xabW\xfff\xe6o&amp;\xdd0i\xda\xb4i\x1d;v$")%\x86B\x90(\xe8\x7fH\xacD\x06\x809\xf0!\xa2\xc5\x8b\x17?\xf9\xe4\x93\xbbw\xef6_o\xdb\xae\xcd\xa0\xe1\x03G\x8c\x1e~Q\xb7\xce\xb9g\xe5\xa4\xa6\xa5\t!\x84\xe0\xa7\xb7\x12B\xa9XL\x8f\xd4E\xca\x8e\x95\xed\xdd\xfd\xf9\xfaw7\xac[\xb3~w\xe1\xde#\xc5G\xe6\xce\x9d\xbbh\xd1\xa2{\xee\xb9g\xc6\x8c\x19&gt;\x9fO\xd7uM\xb3\xc4\x91\x108\n\xfa\x1f\x12.a\x7fx\xb3\xfb\x8b\x8b\x8b\xa7N\x9d\xbaj\xd5*\xf3\xc5N\x17u\x9cz\xd7Mc\xc6\x8e\xcei\x95\xa5\x94\xaa\xab\x8b\xc4\xa2\xb1P \xa4H\x9d\xfeJ8\xc6\x19c\x9ce\xb7\xcansN\x9b\x91?\xba&lt;\x14\x0cn\xfc`\xf3\xfc?-Z\xf7\xee\x07\x15\x15\x15\xb3g\xcf~\xf1\xc5\x17\x17.\\8x\xf0`\xf3\x0c\x1b\x0e\x87!n\xd0\xff`\x05\x89\t\x00s\xd0\xb1j\xd5\xaa\xa9\xb7N-&gt;\\LD\xed\xf3\xda\xdf1c\xfaO\xae\xb9\xd2\x97\xe1\x0b\x07\xc3\x95\x15UDd\xaeX\xe0\xe2\x8c\x0eQc\xb1X$\x12%\xa5\x84&amp;.\x1d5\xfc\x92\xcb\x87\xae]\xf3\xc1\xb3O\xcd\xdb\xb0\xf6\xa3={\xf6\\v\xd9\x88\xc7\x1f\x7f\xa2\xa0\xa0\xc0\\}\x81m\x00\xe2\x00\xfd\x0f\x16\x91\x80\xe9?\xb3\xfb\xe7\xcf\x9f?f\xcc\x18\xb3\xfbo\xca\x9f\xfc\xaf\xf7^\x992}\x12c\xac\xb2\xac\xd2\x1c\x1c5\xd5\x19*\xc6\x98\x10\\h\x82\x88\x82\x81`u\xb8f\xc4\xe8K^x\xf3\xb9YO\xfe:-=-\x12\x89\xce\x981#??\x9fsn\xae\x93;\xf3\x9f\x08p\n\xe8\x7f\xb0\x8ex\x07\x80\xb9\xd6m\xfe\xfc\xf9\xf9\xf9\xf9D\xe4\xcf\xf0=\xb3\xf8\xa9\'\xff\xfa\x98\xdb\xed./-\'"\xa15\xe3\xca\x04!\x04\xe7&lt;P\x15\xac\xae\xae\xb9\xf3g\xb7\xbd\xfc\xd6\xf3\x17u\xedDDf=B\x08\xa5\x1aq\xac\r\xd0P\xe8\x7f\xb0\x94\xb8\x06\x809\xb4\xa9\xef\xfe\x9c\xdc\x9c\xc5\xaf\xce\x9fx\xd3\x84\xd2\x92Rs\xc3\x88O\x19\xe6fp\xec\xe8\xb1n\xbd\xba\xbe\xf0\xe6\xb2\x9e}{\xd0\x89m\xc0\x1c\x07\xc5\xa7\x0cp\x1a\xf4?XM\xfc\x02\xc0\xec\xfe5k\xd6\x98\xdd\x9f\x99\x95\xf9\xcfw^\xea;\xb0\xcf\xd1#%.\x97+\xfe\x93\x8f.\x97+P\x15LMO}m\xcdK\x03\x87\xf6\'\xa2\xf9\xf3\xe7\xcf\x9e=[\x08\xa1\xeb\xa7q\xd1\r@C\xa0\xff\xc1\x82\xe2\x14\x00RJ!DII\xc9\xe4)\x93\x19c&gt;\xbfo\xe1\xcb\xcf\x9e\xd7\xfe\xbc@e\xc0\xe5r\xc5\xa7\x86o\xd34\x11\x8dD\xa5\x94\x7f\xfb\xc7\x9f\xbbt\xbf\x98\x88f\xcf\x9e\xbdz\xf5jM\xd3\x0c\xc3HTU\xd0\xf2\xa0\xff\xc1\x9a\xe2\x14\x00\xe6\x95\xeeS\xa6L)9ZBD\x8f\xfca\xe6\xd0K\x07WUVi\xae\x04/@\x16B\xd4\xd5\xd6e\xe7d=\xb3\xe4\x8f\xfe\x0c\x9f"5\xe5\xc6)G\x8f\x1e\xc5r\x08hZ\xe8\x7f\xb0\xa0x\x04\x80y\xf0\xbb|\xf9\xf2\xd5\xabW\x13\xd1\xf57O\x98x\xd3\xb5\xe6\x91o\x1c~\xfa\x0f\xd24\xad\xaa2\xd0\xb9K\xc7YO\xfe\x9a\x14\x95\x1c-y\xe0\x81\x07N\xbe\x8b\x16\xc0\x19r\xb9\\\xe8\x7f\xb0\xa0f\x0f\x00\xf3n\xb4\x15\x15\x15\x0f?\xfc0\xe7\xfc\xbc\xf6\xe7\xfe\xea\xb7\xbf\x08T\x06-u\xf1\xa1\xcb\xe5*/\xad\x98p\xe3\xf8+\xc6\x8e&amp;\xa2\x17^xa\xf3\xe6\xcd\xf5\xb7f\x04h4sQMyy9\xfa\x1f,\xa8\xd9\x03\xc00\x0c\xce\xf9\xe2\xc5\x8b\xf7\xed\xdb\'\xa5\xbc}\xc6\xf4\x9c\xdc\xech4j\xb5cL\xc6Y,\x1a\x9b\xf1\xab{\x92\x93\x93#\x91\xc8\xcc\x993\x8f\xdf}\x17\x8b\xe2\xe0\x0c\x98\'T\x17.\\\x88\xfe\x07\x0bj\xde\x00PJ\t!jkk\x17/^\xcc\x18\xbb \xaf\xfd\xd5\xd7]UU\x11\xb0\xd4\xf0\xc7\xc49\x0f\x87\xc2\xddzu\xbd\xf2\xea1D\xb4n\xdd\xba\xcf?\xff&lt;--\r\x83 8\x13.\x97KJ\x89\xfe\x07kj\xde\x000\xef1\xb2f\xcd\x9a]\xbbv)\xa5\xa6\xdf{\xab\xcf\xef\xb5\xec"3\xcey$\x12\xcd\xff\xdfi))\x9e\x9a\x9a\x9a\x85\x0b\x17\xba\xddnl\x00p&amp;\xbc^\xef\xfa\xf5\xebw\xef\xde\x8d\xfe\x07\x0b\x8a\xc7I\xe0%K\x960\xc6r\xcf\xce\xfd\xd1\xb8\xd1\xa1`\xd8\xb2\xe7\x978\xe7\xd5\xe1\xean\xbd\xba\x0c\x18\xda\x9f1\xf6\xca\xab\xaf\x94\x94\x94$\'\'%\xba.\xb01\xc6\x989\xfcG\xff\x83\x055c\x00\x98\xf3?\x81@`\xf3\x96\xcdJ\xa9\xa1\x97\x0e\xcei\x95\x1d\x8b\xc5\xac6\xfby2\xa5\x14c|\xd4\x8fG*\xa5\xbe\xfa\xf2\xcb\x8f?\xfe\xd8\x93\x92\x92\xe8\xa2\xc0\xc6\x0e\x1f&gt;\xbce\xcb\x16\xf4?XS3\x06\x80y\xf0\xb8u\xeb\xd6\xaf\xbf\xfa\x9a\x88F\x8c\x19n\xfd\xf3IB\x88\xba\x9a\xdaA\x97\x0cHKK\x8b\xc5\xf4\x95+W&amp;%a\x04\x04\x8d\xa4i\xdaG\x1f}\xb4w\xef^B\xff\x83%5\xef\x11\x00\x11m\xde\xb2\x99\x88R\xd2R.\xea\xd69R\x1b\xb1\xf8\xe3\x87\x18c\x91H\xb4m\xbb\xd6\xe7]p.\x11m\xd9\xbaE\x8f\xe9D\x84\xc5\x10\xd0\x08III[\xb7n\xd5u\xdd\xedq\xa3\xff\xc1\x82\x9a\xb1\x1d\xcdC\xdd\x8f\xb7~LD\xe7\x9c\xdb\xee\xec\xd6\xb9\x16?\xfe5I)=)\x1e\xf3.\x89E\x85E%%%D\x84\xfe\x87F\x88F\xa3[\xb7n%\xa2v\xe7\xb4E\xff\x83\x055o\x00(\xa5JKK\x89(+;35-\xd5\x167\x18QJq!\xcej}\x16\x11\x85B\xa1\xba\xba\xbaDW\x04v%\xa5\xac\xac\xac$\xa2\xecV\xe8\x7f\xb0\xa2\xe6\n\x00\xa5\x14\xe7&lt;\x10\x08\x98\x13\xa0y\x9d:\x08M\xb3\xc5\xad\xc6\x19c\x86\xae\xe7u\xea`\xfe\xb3\xf5\x87l`e\xe6\x92\xff\x0b;_\x88\xfe\x07\x0bj\xf6\x0b\xc1bz\x8c\x882238\xe7\xb6\xd8\x00\x88H)\x95\x91\x95A\'Nc\x00\x9c!\xf4?XS\xb3\x9f\x922G\x10\x96\xbd\xf8\xe5\xfb\xd8\xae`\xb02\xdb\xb5\x93\xed\n\x86\xc6\x89\xd3\x9a\x04\xdb\x1dH\xda\xae`\xb02\xdb\xb5\x93\xed\n\x86\xc6\xb1\xf4\xa24\x00\x00h&gt;\x08\x00\x00\x00\x87B\x00\x00\x008\x14\x02\x00\x00\xc0\xa1\x10\x00\x00\x00\x0e\x85\x00\x00\x00p(\x04\x00\x00\x80C!\x00\x00\x00\x1c\n\x01\x00\x00\xe0P\x08\x00\x00\x00\x87B\x00\x00\x008\x14\x02\x00\x00\xc0\xa1\x10\x00\x00\x00\x0e\x85\x00\x00\x00p(\x04\x00\x00\x80C!\x00\x00\x00\x1c\n\x01\x00\x00\xe0PZ\xa2\x0bp\xa2o?j\xd5v\x0f`\xfa\xc6\xaf\x80\xfa\xa1\xe1\xd0\xff\xd6a\xef\x00\x90\x86\x94J\x9a\xff\xcc\x88\tM$\xb6\x9eSPJI)I\x11\xe7\\h\x82s\xce8cDR)iH\xc30\xa4\x94D\xc49\xb7l3\x1d\xff\x15\x88\x04\x17\x9a\xa6\x99\xa5*\xa5\x0ci\x18\xba!\r\xc9\x18\xe3\xc2\xba\xc7\x94v\xaf\xff\xdb\xd0\xff\xf1$\xa5TR\x11cB\xf0\x13\xfdCJ\x91\x94\xd20\x0c\xc30\x88HpA\x16-\xff\xbb\xd95\x00\x94")\r\xaf7\xdd\x95\x9cD\x8a\x88\x91\x922\x18\x08}{p\x91pf\xdf$%\xbb&lt;)\xe9B\xf0\xba\xbaH8\x18\xae\xa9\xae\xa9\xab\x8b(\xa5\x92\x93\x93&lt;)\x9et_\xba\'\xc5#\rYS]\x13\x8b\xc5\x84\xb0\xd6\x96ln\xbdIII)\xa9)\x8cQuuM(\x10\xaa\xa9\xa9\xd5c1W\x92+%%\xd5\xe7O\xf7\xa4x\xf4\x98\x1e\x0eW+\xa9\xac\xb6\x1b\xb5{\xfd\xdf\x86\xfe\x8f\x1b\xa5\x944\xa4\xd0DjZjRR\x92\xa1\xeb\xd5\xd55\xc1@\xb0\xae\xb6.\x16\x8bi\x9a\xe6I\xf1x}^\xaf\xcf+\xa5\x0c\x87\xc2\x86aX\xaa\xfeS\xb3e\x00H)9c\x99Y\x99o\xbe\xf6\xdf\xcf&gt;\xde\xc69WR\xa5\xa6\xa5L\x9e6)99\xc9\x1cJX\x81\xd9:\x9eT\x8f\xc7\xe3&gt;R\\\xf2\xce\xca\xf7&gt;\\\xb7\xa9p{\xd1\xd1\xe2\xa3\x81\xaa@,\xa6\x93RB\xd3\xd2\xd2\xd3\xcej\x9d{q\xb7\xceCG\x0c\x192|PVNV\xa0*@\x969\xae4t\xc3\x9d\xe2\xf6x&lt;\xc5_\x17\xff\xf7\xf5\x95\x1f\xbc\xbf\xa1h\xc7\x9e\xa3\xc5Gkjj\x0cC\n!\xd2\xd2\xd3Z\xb7=\xbbg\x9f\xee\x97]1b\xe0\xd0\xfe\xae$W(\x18\xb2\xce6`\xf7\xfa\xbf\r\xfd\x1f7R\xca\xe4\xe4\xe4\x94TO0\x10\xfax\xd3\'\x1b\xd7o\xfe\xec\xe3m\x87\x0e|Yv\xac\xac\xb6\xb6N\x1a\x06\xe3&lt;%\xc5sV\x9b\xb3\xbat\xbb\xe8\xb2+F\x0c\xbbl\x88\xd7\xe7\r\x06\x82V\xee\x9f\x93\xd9/\x00t\xdd\xf0x\xdc\\\xf0G\x1f|\xfc\xcfs\xfeZ\xffzrr\xf2\x84\x1b\xafu\xbb\x93\x95R\x16i\x1d\x97\xcb\x95\xeaO-\xda\xb9\xfb\xc5\xa5/\xbf\xf9\xda\x7f\x8b\xbf&gt;\xf2\x9d\xdf\x19\x0e\x85\x8f\x16\x1f\xfdl\xeb\xb6\xe7\x17\xbdx\xde\x05\xe7\xe6\xdfs\xeb\xa4[\xaf\x8fF\xa2\xba\xaes\x9e\xc8\xa1\xa8\x94\x921\x96\x99\x9d\xf1\xf9\xee\xfd\xcf\xcd\xfb\xc7\xbf^}\xf3\xd8\xd1c\xdf\xfe\xb6\xeapu\xc9\x91\x92O\xb7|\xb6\xe8oK\xfb\x0e\xec\xfd\xd3\x07\x0b\x86\x8f\x1cZU\x19Hl\xf1d\xff\xfa\xbf\x13\xfa?n\x94T)\xa9\x9e\xc3_\x16\xbf\xfe\xf2\x1bo\xbe\xf6\x9f\xc2\x1d\xbb\xbf\xf3\xdbj\xaak\xcaJ\xcbw~\xb6\xeb\xc5\xe7^\xb9\xb8\xfbE\xf7\xfd\xe6\xa7\xa3\xae\xbc&lt;Pe\xd1\xfe\xf9\x06\x9b\x05\x80\xae\xeb\xfe\x0c_\xf1\xd7G\xef\xbb\xeb\x81\xf7\xdf^\xcb9\xaf\x9f\x89\xcb\xcc\xce\xb0B\xdf\x9b\x94Rn\x8f;X\x15|b\xd6\xdc\xe7\x17\xbdXS]CD\\p!\x04#&amp;O "\xce\xb9\x10\x9c\x88I%\x95T_\xec?\xf4\xab\x82\xdflx\xff\xc3?\xcc\x9b\xa3\xb94C7\x12\xf5K)\xa5RRS\x0c\xdd\xf8\xf3\x93\x7f}f\xee\xb3\xe6\xa0L\x08a~\xe0R*\x13c\x8cs\xae\x94R\xa4\xa4\x94[&gt;\xfa\xf8\xfa\x1fO\xf9\xe5\xec\xfb\xee\xb9\xff\xce` \x98\xc0m\xc0\xee\xf5\x7f\'\xf4\x7f\xdc\x18\x86\xf4\xfa\xd2^z\xee\xd5\x87\x7f\xf9;\xb3y\x88Hsi\x9cq\xb3U\x94TD\xc4\x18\xab?\x99\xa1\xa4\xda\xb5\xad\xf0\xe6k\xa6=\xf8\xe8/\xef\xfc\xd9m\xc1\xca\xa0\xf5\xe7\x12m\x13\x00J*\xa5TvN\xd6\xfb\xab\xd7\xfd\xec\xf6_|\xfd\xe5aM\x13\x86!u]?~*O7\x12]\xe3qJ\xaadw\xf2\xc1}_L\x1ewK\xf1W\xc5D$4\xc1\x88\x19\x86\x113b\xf5\xdf\xc69\'R\xf5[\x02\xe3\x8c\x141\xce\x84\x10\xffy}e,\xa6\xcf{\xe1\xaf\x89\xfa\xa5\x94R\x9a\xa6\x1d\xf8\xfc\xc0C3fmX\xfb\x91\xf9+\x90"\xa5T,\x16\xfb\xc67\x9b\xa7\xbf\xcc\x89\x08!\x84R\xea\xf1\x99s4M\xdc\xf5\xf3\xdb+\xcb\xab\x12rf\xd2\xee\xf5\x7f\x1b\xfa?\xfe\x94\xa2\x9cV9\x81\xaa\x80\xcb\xe5"")\xa5\x1e\xd3\xbf\xe3\xfb\x0c\xa2\x13\x13V\xe6\x1e\xff\xd1\x07\x1f\xcfi\x95=a\xca\xf8\xaa\xca*\x8b\xcf\x05\xd9#\x00\x0c\xc3HJJ\xf2\xa4x\x9e\x99\xfb\xec\xef\x1ez\xc20\x0c\xa1\t\xc3\x90\x16&lt;\xe5ED\x8c\xb1X,\xd6\xea\xac\x9cV\xb9\xd9G\xbe&gt;\xa2i\x9a\xae\xebf\xa9y\x9d:\x0c\xbdtp\xf7&gt;\xddZ\xb79;%5\x85\x88\x82\x81\xe0\xde\xa2\xcf\xdf\xfa\xf7\xdb\x1b\xd7o""R\xa4K\xdd\xe5\xd2\xde\xfe\xcf\x9a\xa5\x7f_\x96\x7f\xef\xb4\xca\x8a\xca\x84\xf4\x90\xe6\xd2~~\xc7\x03\x1fo\xfa\xc4\xe5r\xe9\x86NJ\x19\x864\x7f\x85!\x97\x0e\xbe\xb8[\xe7\x9c\xdc\x1c\x97K\x0b\x06B\xbb\xb6\x15\xbe\xf9\xcf\xff\x1e\xdc\xf7\x05\xe3\xcc0\x0cs\x1b~\xec7s\xfa\r\xee\xdb\xa3w\xb7\xea\xea\x9a\x84\x8c\xa3\xed^\xff\xc9\xd0\xff\xf1\xff-\x84\xe0\xe1P\xf8\xb2+.\x1d:b\xc8\xfaw?0_\xcc\xce\xc9\xea;\xa8O\xf7\xde\xdd\xcek\x7f\xae\xcf\xef\x15BTW\xd7\xec\xdf{\xe0\x9d\xb7\xde\xfbh\xfdF"R\x862\x172=\xfc\xcbG\x87\\:\xc8\x9f\xe9\xd7c\xbau\x8e\xcc\xbe\xcd\x06\x01\xa0\xc7t\xaf?=P\x15\xfa\xd9\xed\xbf\xf8\xd7+o\x10#!\x8494HJN\x8aF\xa2\x89.\xf0[\x18\x19\x86\xe1\xf5y\x9f^\xf8\x87\x9f\\\xf2?\xc1\xaa \x11\x8d\x18=|\xea\x9d7\xf7\x1b\xd4\xc7\\-`\x18\x864$\x11q\xc1\x87\x8f\xbcd\xea]7\xbf\xb0\xf8\xa5\x87f\xcc27\x15\xc3\x90\x8c\xb1\xbf?\xbd\xe0\x9a\xeb\xafNv\'\x1b\x86\x8cs\x0b\x99\x9b\xebo\x1e{`\xd2U\xb7\xd4\xd6\xd4*\xa9\x0cR=\xfb\xf6\xb8\xf3\xa7\xb7]r\xf9P\xaf\xcf+\x95\x94\x86$R\x8c\xf1\xab\xaf\x1b{\xcf\xfdw\xfc\xfe\x91\xa7\xff\xfe\xa7\x05\x9cs)%\t2\x0c\xe3OO\xfee\xe9\x8a\x05\t\xd9G\xd9\xbd\xfe\x93\xa1\xff\xe3\xdf\xff&amp;\xb3\x8bn\xb9}\xca\xfaw?\x188l\xc0\xf8\x1b\xae\xbe\xe4\xf2\xa1g\xb79[\x08a\x18\x86RR)\xe2\x8c\x89\xb1\xa3n/\x98\xfe\xca?V&lt;p\xefC\x91hT)\xc59\xaf(\xaf\xfc\xe7K\xff\xba\xe7\xbe;+\xca*-r\x10\xf9\x9d\xac&gt;E\xa5\x94\xca\xca\xc9\xda\xf1\xe9\xae\xff\x199\xe1_\xaf\xbc!\x84\x10\\\x98\xc7\xec\x0f&lt;r\x7f^\xc7\x0et\xfcX\xd2Z8\xe7\xa1`\xa8\xe3E\x17&gt;\xf8\xc8/:u\xe9\xb8d\xc5\xfc\xe7\xfe\xb9h\xf8\xc8aJ\xa9\x8a\xb2\x8a\xaa\xca\xaap(\\SSSSS\x13\x0e\x85+\xca+BU\xa1\xe9wN\xfd\xd5o\x7f!\xa5d\x9cI)\x89\xb1\xe2\xaf\x8fl\xdd\xf8\x89\'\xc5\xa3\xe2\xbe\xae\x83s^S]3`\xe8\x80\xc7\x9e~\xc40\x0c\x8f\xc7=\xf3\x89\x07W\xacz\xe1\xca\xab\xc7(\xa5\xca\xcb*\xaa*\xaa\x82\x81P(\x10\x0eT\x05\xcaJ\xcb\x95\xa2G\x9f~x\xd2\xd4\xeb\xa5\x94Bp\xf3\xec\xeb\xfaw7|\xbe{\xbf\xc7\xe3\x96q\xdf\x89\xda\xbd\xfez\xe8\xff\x84\xf4\xbfI\x08Q]]\xddop\xdf\xd7\xd6\xbc\xb4\xfc\x8d\xa57\xdc2\xd1\x9f\xe1\x0fT\x05*\xca*\x02U\x81P \x1c\x0e\x85\x03\x81PyYe\xa0*p\xf3\xf4\x1b\xef\x9f\xf53%\x15\xe7\x8c\x88\x18ckW\xaf\x8fEc\x8c[w\xf8O\x16\x0f\x00\xa5\x94+\xc9\xb5|\xc9K\xe3GM\xdc[\xf8\xb9y$h\x18Frr\xf2\x9f\x17?u\xc7\x8c\xfc\xaa\xca\xaaD\xd7\xf8\xbd4M\x0bT\x06\xae\x9ex\xd5k\xab_\x1a\xf9\xa3\xcbC\xc1P0\x10$"\xa1\t\xf3Td=M\xd3\xb8\xe0%\xc7\x8e\xddp\xcbu\xe7\xb6?W\x1a\x92s.8c\x8c\x15\xee,\xd2\\ZBv@B\x88\xf2\xb2\x8a\xff\xb9~\xdc\xaf\x1f\xfb\xd5\xd2\xd7\x16\xdes\xff]\xd1X\xac\xaa2@D\x9a&amp;\x84\xf9K\x08.\x84\xd04M\x1a2P\x19\xb8\xf7\xfe;\xbd\xbets\xa6\x85q\x16\xa9\x8bl\xfftG\xb2;9!\x1b\xb0\xdd\xeb\'\xf4\x7fB\xfb\xdf\xa4\xa4JJJ\xea\xd3\xbfw\xa4.RY^\xa9\xeb\xba\x10\xe2\xf8\xaf \xb8y\x06\xdbl\xa7\xd2\xb2\xd2\xff\xb9~\\VN\x96\xd9?J\xa9C\x07\xbf\x0cT\x055MXs\xa6\xced\xdd\x00\x90\x86LKO{\xe7\xad\xf7~\x9a\x7f_mm\x1d\xe7\xdc&lt;\xb4l{N\x9b\xe5o&gt;7\xf1\xc6kK\x8e\x94D"Q"Rd\xdd\xcf\xd7&lt;\x1bi\xae\t;\xc5T&amp;c\xcc\xfc}{\xf5\xedN\'N(\x99\xc3%R\t\xbb\xb4P\x08\x1e\x0c\x04o/\x98\xde\x7fp\xdf\x92#\xc7\x18c\xdf\xf7+p\xc1#\x91H\xebv\xad\xbb\xf7\xeaFD\xc7\xd7\xa6\x10\x1d:\xf0\xa5yZ5\xaeu\x9f`\xeb\xfa\xd1\xff\t\xef\x7f\x93R\xaa\xba\xba\x9a1&amp;4\xf1}\xb3\xf9\x8c1)\xa5\xcf\xe7;\xf7\xfcvDdV\x1c\x0e\x85\xeb\xea"\xccz\xc7g\'\xb3nq\\\xf0\xeap\xf5\xb0\xcb\x86\\r\xd9P\xa5\x94\xd0\x84\xa1\x1b\x83\x87\x0f|m\xcd\xcb\xfd\x06\xf5)/\xab`\x8c\x1f?)o\xdd\xfe\'"\x92R6\xf0,\x16c\xcc\x9f\xe1\'\xa2\xfa\x96O\xf8\xe9#\xcey\xa0*PSS\xab5`\x1eS\xd3D\x9bsZ\x13\x99\xf53"\n\x87\xc2d^\xa8\x9a \xf6\xad\x1f\xfdO\x16\xe8\x7fSC&amp;\xd9\x94"b\xc4\x18\xa7\x13\xe53\x0b\xdf\xd6\xa2\x9eu\x03\x80\x88\xa4T\xc9\xee\xe4\xa7\xe6\xcfi\xd3\xaeM,\x1a\xbb\xe5\x8e\x9b\x96\xfdsQN\xab\xac`U\xd0\xe5r)%\xads\xd1\xe3)4\xb4\t\x18)\xa5B\xc1\x90\xf9o\x8a\x881\xcai\x95M,\xc1\x1b\xb8y\xc0\xde\xc0o\xfe\xc6wj.\x17\x11%v\x17e\xdf\xfa\xd1\xffV\xe8\xff\x06Q$\x04\xaf\xa9\xae)9RBf\x18\x10\xf9\xfc^O\x8a[\x1a\x92Y\xf8\xf6@\x96^\x05\xc49\xab\xad\xae=\xabu\xee\x93\x7f\xf9\xdd\xfe\xbd\xfbo\xfb\xdfi\x81\xca\xa0!\r\xf3\xac\xbaRd\xf5\xc1\xcf\xe9\xe0\x9c\xd7\xd6\xd4\xee\xdcVHDJ*s\rB\xe7\xae\x9d\xf5\x98\xce\xad}\x1e\xa9\x9e\x94\xaa\xa2\xbc\x92\xc8\x9c\x95PD\x94\x9d\x93\xa5\x94\xb2\xf2\x06p2\xab\xd5\x8f\xfe\xb7K\xff\x1b\x86\xe1M\xf7\xae\x7fo\xc3\xe1\xaf\x8a\xebO\x02\xb7\xefp\xbe\xd7\xe7\r\x05C\x16&lt;K_\xcf\xd2\x01@DB\x13\x81\xaa\xe0\xa0K\x06\x0c\x1f9\xac\xa2\xbc\xb2\xfe\xba\xcdD\xd7\xd5\xc4\xa2\xd1XN\xab\xac\xb7\xdf\\\xb3\xa7p\xaf\xb9l@)j{n\xdb^\xfdz\xd4T\xd7X|!\x81I\x08Q\x1d\xae\xde\xbf\xe7\x00\x11\x99\x17\xd9\x12Q\x87\x0b\xdb\xeb\xbaA\x96?\x10&amp;\xab\xd6\x8f\xfe\xb7~\xffK)\x85&amp;\xf4\x98\xfe\xfbG\xfe\xa8\x942g\x81\x94R#\xaf\xbc\\\x08\xa1\xa4\xb2\xf2&lt;\x8b\x85K;\x81s^W[g\x9eG\xb2\xfe\x9c\xda)(u|\xcfR\xcf\\\x10\xad\xebFVvf\xf1\xd7Gf\xff\xf2Q"\xc5\x88\x99\'\x1e\xf3\xef\xbd53+S\xd7u\xeb\x8f\xa0\xa5\x94n\x8f{o\xe1\xde\x03\xfb\x0e2\xc6\xcc]hFVF\xe7\xae\x9d\xea\xea\xea\xac?\x82\xb3r\xfd\xe8\x7f+\xf7\xbf\xb9n8==\xed\x97\xf7&gt;\xb8u\xe3\xc7\xe6`\xdf0\x8c\xf3/8o\xec\xf8\x1f\x87\x82!n\xed+\x81m\x10\x00t\xfc\x86!\x96\xfe\x1c\x1b\x82sV\xbf\xf4M\x08\xa1\xb94O\x8a\'#\xd3\xef\xcf\xf0}\xb8n\xe3u?\x9a\xbc\x7f\xef\x01\xce\x05\xe7&lt;\x16\x8b\x8d\xbc\xf2\xb2\x1b\xa7O\nT\x05l\xf1\x8bKC\xba\xdd\xc9/.{\xd50\x0c\xce\xb9\xb9\xf2a\xf8\xe5\xc3\xda\xb4k\x1d\x8dD\xad\xbf\xdb\xb2x\xfd\xe8\x7fk2\xaf\xd0v%%\xdd;\xedg/.}E\x08Q\xbf"\xeb\x91?\xcc\xf2\xfa\xd2u]Ot\xef\xfc\x00\xabO\x01\xb5$\xba\xae\xd7\xaf(\x91\x86\xac\xab\x8b\x1c+9V\xb4c\xf7\xaa7V\xbf\xfd\x9f5D\xa4\xb94s]\xc7\x98\xb1\xa3\xfe8\x7f\xee\xb7\xefZcM\xe6\x02\xbem\x9f\xecx\xf5\xf9\xd7\xcc\xf5p\xe6L\xc5\x94\xe97\xc4\xac}\x1d\xbc\xc9\xee\xf5\xdbE\x0b\xeb\x7f]\xd7\xd3\xbd\xe9\x95\xe5\x95\xf7\xde\xfa\xd3\xb5k\xd6\xd7/\x17\x96R&gt;\xfa\xc7\x87/\x1b3\xdc:7\x92:\x05\x04@\xb33\x97B\x87\x82\xa1[\xc6\xe7\x07\xaa\x02\x8c3\xa5\x94\xae\x1b\xe1P8P\x198y!\x87\x1e\xd3\xcfns\xf6\x1d3\xa6\xdf\x98?9\x16\x8b\xe9\xb1\x04\xdf\x0e\xb7\x81\x18#\xc6\xd9\xac\xfb\x1f\xa9\xab\xad3\xa7)\x0c\xc3\xb8\xea\xda\x1f\x0f\x18\xd2\xaf\xaa\xd2\xd2#8\x93\xdd\xeb\xb7\xb8\x16\xd9\xff\xban\xf83\xfc\xbb\xb6\x15\xdeq\xe3=\xfb\xf7\x1e0\xc7\xfeRJ\xce\xf9\x13\x7fy\xf4\xc6\xe9\x93+\xca+\xac\xbf\xf7\'\x04@\x9c0\x92R\xee\xdd\xfd\xb9y_\xdc\x93\t!\x88\x91\xe0b\xd8\xe5C\xc7\xdf0n\xcc\xd8\xd1\xbet\xdf\x91#G\x88\x1d\xbf\x81\xa5\xc5\xe9\xba\x9e\xd3*\xe7w\x0f=\xfe\xe1\xda\x8dB\x08\xf3\xa6\xbe\xfeL\xff/f\xdfWW\x1b\xb1\xfe\xf0\xd9\xee\xf5\xdbC\xcb\xea\x7fC7\xfc~\xef\xc6\xf5\x9bn\x9dx{U\xc5\xf1\xfb}JC\xfa3|\x7f\x9c?w\xccU\xa3+\xca*\xec2n@\x00\xc4OJj\x8a9\xa1|b\x15\xc7\xf1\xe3a\xf3d\xd8\x81\xcf\x0f\xbc\xf6\xc2\xbfv\x17\xee\x1d~\xd9\xb0\xde\x03z\xe9\xba^[Sk\xf16\xd2czv\xab\xac\x17\x9f{\xf9\x8f\x8f?#\x84\x90Rr\xc1\r\xdd\x98=\xe7\xd7\xe7_p\xae\xf5\x0f\x81\xed^\xbf\xbd\xb4\x8c\xfe\x97R\xa6\xa6\xa7\xee\xdc^x\xcb\xb5\xf9\xf5O\xfe2\x0c\xa3\xd3\xc5\x1d\xff\xb2\xf4\xe9\xce]:\x95\x97\x96k\x9am\xf6\xab\x16=\xc2jy\x94R\xe1`X\xd7\xf5X,\xa6\x1fg\x1c\xff?C\xea\xbaq\xe0\xf3\x83o\xffg\xcd\x1f\x7f\xf7\xe7\xff\x19y]\xfe\rw~\xb1\xff\x90\xd7\xe75o\xfbeMzL\xcf\xcc\xcexw\xd5\xfb\xf7\xdd\xf1\x00\xe7\xcc\xbc\xe0\xd3\xd0\x8d[\xef\xbae\xc2\x94\xf1\xd6\xdf{\xda\xbd~{i!\xfd\xaf\x88s\x1e\xa9\x8b\x14L\xfby0\x10\x14\x9aP\xa4\x0c\xc3\x18t\xc9\xc0WV-\xcf\xebtAey\xa5\x8d\xf6\xfe\x84#\x8080\xefs\x92\x92\x9a\xb2\xe8\x95\xbf\xc7b:#RD\xba\xaeW\x87\xaaK\x8f\x95\x1d:\xf8\xe5\xce\xcfvn\xfft\xa79\xe3\xc99\xd7u\xfd\xad\x7f\xad\xfah\xfd\xa6\xbf,yz\xf8\xe5C\x03\x96|\xbe\xa8\x1e\xd3\xfd\x99\xfe\x8f7}z\xfb\xe4\xbb#\x91\x08\xe7L\x08\xae\xeb\xfa\x98\xb1\xa3f&gt;\xf1`\xc0\xf2S\xe7v\xaf\xdfFZR\xff\x1b\xd2\xc8\xc8\xccX\xfc\xb7\xa5E;w\x0bM(\xa9\xa4\x94\x03\x87\rX\xbab\x81\x10"\x1c\xac\xd6\\6\xdb\xa3\xda\xac\\\x9b2\xcf\x83\r\xbbl\xc8Is\xca\xcc\\jB\xa4jk\xea\x0e\xec;\xf8\xd2s\xaf,\xfa\xebR\xf3\x01OB\xf0\xaa\x8a\xaa\xfc\x1b\xee|\xfd\xddW\xf2:u\xa8\xad\xa9\xb5\xd4\xd90]\xd7}\x19\xbe\xa2\x9d\xbbo\xb96?P\x154\x9fK\xa8\xeb\xc6\x80!\xfd\xfe\xbc\xe8\x0f\x91\xba\x88R\xca\xca\x17\xef\xd8\xbd~\xdbi1\xfd\xcf\x18\x8bF\xa3\xff~\xf5M\xc6\x18cL*\xd9\xba\xed\xd9\x7fY\xf2G\xcd\xa5\xd5\xd6\xd4\xda\xf1\x90\xd1\x12\x1f\xab\x13(\xa5B\x81p\xa0*x\xe2\x7f\x81\xaa\xca\xaa\x8a\xb2\x8a\x8a\xb2\xcaH]\xa4}\xde\xf9\x8f\xfe\xf1\xe1%\xaf\xceO\xf7\xa63\xc6\x0cCj\x9aV\x1d\xae~\xf8\x97\x8fZ\xa4\xf5\xeb\xe9\xba\xee\xf5z\xf7\xef\xdd\x7f\xe3\xd5SKKJ9\xe7\x8c3]7\xba\xf7\xee\xb6\xe0\xc5g\xb9\x10\t\x7f\x96\xf7\xa9\xd9\xbd~\x9bj\x01\xfdo\xde\x9d\xbb\xecX\xd9\xe7\xbb\xf7)\xa5\xcc\'\x8cN\xbb{j\xdbs\xdaT\x87\xab\xads\x98rZ\xac\xf2\xe1:\x81y\xf7\xf9\xff\x8f&amp;\x84&amp;\x18gu\xb5uG\x8b\x8f\xfe\xe8\xaa1\xbf\xfa\xed\xfd\xe631\x0cC\xe7\x9c\x7f\xf0\xde\x87\x9fm\xd9\x96\x92\x9ab\x91\xdb~\xe9\xba\xee\xf5\xa6\x7fq\xf0\xd0\xe4\xabn)\xfe\xfa\x88\x10\x82qf\xe8F\x97\xee\x17/]\xb1 5-5R\x17\xb1\xce\x16\xfbmv\xaf\xdf\xd6\xec\xde\xffJ)Mh\x15e\x15\xc1@\x88\x88\x0c\xc3\x10B\x0c\x1c\xda\xbf\xa6\xda\x8a\'\xab\x1b\x08\xbdn\t\x9cs\x97\xcbUZZv\xd5\xb5?i\xd3\xae\xb54$c\xcc\\1\xbdq\xc3&amp;\xb7;Y\xca\xc4/\x88\xd3u#==\xed\xab/\xbf\x9er\xd5-_\x1d\xfa\xda\\\xc0g\xe8F\xd7\x1e]\x96\xbd\xbe\xc8\x97\xe1\xab\xad\xb5\xf4\x96`\xf7\xfa[0[\xf4?\x111\xcejk#\xe6\xae\x9f1\x96\xe6M\xcb\xcc\xce4\x0c\xc3\xbe\xcb\x85\x11\x00Va^\x7f\xe4\xf5y;w\xe9Dt\xfc\xc6\xe2Dtp\xdf\x17R\xaa\x847\x98\xa1\x1bi\xe9\xa9\xc5\x87\x8fN\xbe\xea\x96/\x0e\x1c\xaa\xdf{\xf6\xe8\xdd\xfd\x1f\xff^\xe2\xcf\xf4[s\xd1^=\xbb\xd7\xdf\xe2Y\xbc\xffM\x8c\xc80\x8c\xe3\xcf4\x962R\x1b1\x17\x02%\xba\xae\xc6\xc3I`k\xe1\x9c\xa5\xa5\xa7\x1d\xff\x17ED\x14\x0eW\'\xea\x91\x84\xf5\x0c\xc3HIK9v\xf4\xd8\x94q\xb7\x1c\xf8\xfc`\xfd\xde\xb3g\xdf\x1eK_[\x90\xeeM\xb7\xf8\xde\xd3\xee\xf5;\x875\xfb\xdf\xc4\x18\x8bD\xa2\xe7\xb5?g\xe9k\x0b\xcd\xb5L.\x97\x96\x92\xe21\x8fW\x12]]#!\x00,\x85I\xa9\xc2\xa1\xf0\xc9/%\'%%\xf6v\xca\x86a\xa4\xa4\xa4\x94\x97\x96O\x197\xf5\xf3\xdd\xfb\xea\xf7\x9e\xbd\xfa\xf5\\\xbabAZz\x9a\xc5\xf7\x9ev\xaf\xdfI\xac\xd8\xff\xf5\xcc\xfbD\xa5\xa5\xa7]~\xc5\xa5\xe6+J\xa9\x9a\xeaZ[\xdf\x9d\x1b\x01`!B\xf0p\xa8z\xff\xde\xe3\xb7\xa4\xe7\x9c1\xc6r\xcfn%\x04OT\x8f\x19\x86\xe1I\xf1TUV\xddx\xf5\xd4\xdd\xbb\xf6\xd4\xef={\xf7\xef\xb9t\xc5\xc2\xd4\xb4T\x8b\xcf\x9b\xdb\xbd~G\xb1`\xff\x7f\x9b4deE\xc0&lt;(a\x9c\xb9\x8e?3\xce\xae\x10\x00\xcd\xc8&lt;;\xd4\xc0U%\xba\xae\xfb\xfc\</t>
        </is>
      </c>
    </row>
    <row r="147">
      <c r="A147" s="1" t="n">
        <v>145</v>
      </c>
      <c r="B147" t="inlineStr">
        <is>
          <t>shape_size_grid</t>
        </is>
      </c>
      <c r="C147" t="inlineStr">
        <is>
          <t>What is the size of the missing part denoted by a question mark?</t>
        </is>
      </c>
      <c r="D147" t="inlineStr">
        <is>
          <t>['large', 'medium', 'small']</t>
        </is>
      </c>
      <c r="E147" t="inlineStr">
        <is>
          <t>large</t>
        </is>
      </c>
      <c r="F147" t="inlineStr">
        <is>
          <t>There are 9 shapes arranged in a grid with different sizes in the image, of which there is 1 missing shape. The first row is ['small pentagon', 'small square', 'small triangle'], the second row is ['medium pentagon', 'medium square', 'medium triangle'], and the third row is ['?', 'large square', 'large triangle'].</t>
        </is>
      </c>
      <c r="G147" t="inlineStr">
        <is>
          <t>We observe that the rows contain small shapes, medium shapes, and large shapes respectively. On the other hand, the columns contain pentagons, squares, and triangles respectively. Hence, the pattern is that the shapes within each column are the same, while each row progresses the size of the shapes.</t>
        </is>
      </c>
      <c r="H147" t="inlineStr">
        <is>
          <t>Based on the pattern that the shapes within each column are the same, while each row progresses the size of the shapes, the size of the missing pentagon should be large.</t>
        </is>
      </c>
      <c r="I147" t="inlineStr">
        <is>
          <t>b'\x89PNG\r\n\x1a\n\x00\x00\x00\rIHDR\x00\x00\x02\x00\x00\x00\x02\x00\x08\x02\x00\x00\x00{\x1aC\xad\x00\x00N\x8fIDATx\x9c\xed\xdd{|T\xd5\xb9?\xfe\xbd\xd7\xde3\x81\x90\x04(w\xa5B0\xd4\xa3$\x08A\xa5\\\x0e\x06\x0b\x04\xe5\x00_.\x91Z\xe5\xa2|\x01\xe5\x12.\xe1\x924\xe4\x07A\xc5*\x10R\xedi\x0f\x95o=-%D\xc0z\xabG\x08\x15I\x00\x15mR\xaa(B\x0cj\xeb\x91\x18\x92\xb9d&amp;\t\xc9\xec\xb5\xf7\xef\x8f\xc7\xec\x8e \x10\x92\x99\xd9\x93Y\x9f\xf7\xab/^&amp;\x85\xcc\x9a\xc9\xde\xebY\xebY\xcf^K6\x0cC\x02\x00\x00\xf10\xab\x1b\x00\x00\x00\xd6@\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ac\xc49\xe7\x9c[\xdd\n\x00k\x18\x86\xa1\xeb\xba\xd5\xad\x10\x9al\x18\x86\xd5m\x10\x11]\xfa\x8a\xa2\xd0\x7fK\x92$\xcb\xb2\xd5\x8d\x02\x00\xb1`\x06`\x01]\xd7eYV\x14\xe5\xd5W_\xfd\xe5/\x7f)\xcb\xb2,\xcb\x98\n\x808t]7\x0c\xe3\xe4\xc9\x93/\xbd\xf4\x92$I\xb8\xf8\xad\x82\x19@\xa8q\xce\x15E\xd14m\xcd\x9a5\xf9\xf9\xf9\x92$\xcd\x9a5+//\xef\x86\x1bn\xd04MUU\xab\x1b\x08\x10tt\xa9\xcf\x9c9\xf3\xc8\x91#\x95\x95\x95\x8c1\x1a\x06Y\xdd.\xe1`\x06\x10:\x86aP\xef\x7f\xf6\xec\xd9\x94\x94\x94\xfc\xfc|\xc6\x98\xaa\xaa/\xbe\xf8\xe2\x1dw\xdcq\xf0\xe0AUUu]GV\x14"\x1b\xe7\\U\xd5\xa3G\x8f\xbe\xfa\xea\xab555\xcf&lt;\xf3\x0cc\x0c\x97\xbd%0\x03\x08\x11\xea\xfa%I\xda\xb9s\xe7\xea\xd5\xab\xddn\xb7\xaa\xaa\x9a\xa6I\x92d\xfe\xc7\x86\r\x1b6n\xdc(5\x8f\x8f,m/@P\x18\x86a\x18\x86\xcf\xe7\x1b9rdYY\x19c\xacK\x97.\x1f\x7f\xfcq\xcf\x9e=%Ib\x0cC\xd2\x90\xc2\xc7\x1d\n\x9a\xa6)\x8a\xe2v\xbb\x17,X\xb0`\xc1\x02\xb7\xdbMY EQ\xe8?\x18c\x8c\xb1\xdc\xdc\xdc\x89\x13\'\x96\x97\x97SH@l\x86\xc8\xa3\xeb:c\xac\xb0\xb0\xb0\xac\xacLQ\x14\xc6\x98\xc3\xe1\xc8\xca\xcab\x8c\xe1\x82\x0f=\xcc\x00\x82\x8b&amp;\xb6\x8c\xb1\xe3\xc7\x8f?\xf2\xc8#g\xcf\x9eU\x14\xc5\x9c\xed\xfa\xd7\xff\x18\x86A\xfd~\xb7n\xdd~\xfd\xeb_\xdf\x7f\xff\xfdR\xf3\xddb]\xf3\xdb\x8d\x10\x17\x14R\xce:d/\x171h\xf8\xefr\xb9\x06\r\x1aTUUE\xdf\x91e\xd9f\xb3\x1d?~&lt;99\xd90\x0c\\\xf0\xa1\x84\xcf:\x88\xfc\x87\xf6)))\xd4\xfbs\xcee&amp;\xd3\x9d0\xfd\x81\xff\x93\xbev\t\xfd\xb79\'\xa8\xa9\xa9\x995kVzz\xba\xc7\xe3a\x8cQv\x08\xae\x8e\xaa\xaaB\x06\xbd\x7f\xeb\xd0\x80&amp;//\xaf\xb2\xb2R\x96e\xaa\x05\x92e\xb9\xb1\xb11##C\x961\x1e\r5|\xe2AA\xeb\xbd\xaa\xaa\x9e?\x7f\xfe\xe1\x87\x1f&gt;x\xf0\xa0$I\xb4\xd2\xa5\xa8\n\xd7x\xa7N\xd19\xbf\xc8\x9e\xbb\xf0AEQ\xff\xe7\x957\xd7,\xce\xbaPU\xfdmx\x90e\xc6\x18\xe7&lt;99\xf9\xf9\xe7\x9fONN\xe6\x9cc\xc8y%\xd4\x838\x9d\xce\x93\'O\x86\xecE\x87\x0c\x19\xd2\xb5kWz\xe9\x90\xbdh{G\xd5\xcf\x9f}\xf6Ybb"e8\xcd\xce\x87\xae\xfc\xbd{\xf7\xa6\xa5\xa5\x99\xabe\x10\n\x06\x04\x1a\xe7\x9c\x866/\xbe\xf8b\x9f&gt;}$I\xa2\x15]\xea\xd9%I\xba=9\xe9\x8d\xa3\xaf|\xa3\xfd\xe3\x93\xafO\x9e\xfa\xdf\xb2\xaf/~\xfe\xfe\xd9c\xf7NM\xf5\xff;\xf4Obcc\x9f\x7f\xfey\xfa\xb1\xe6=\x03\xfe\xe8c9t\xe8P(\xef\x9aC\x87\x0e\x19\xf8\x8d\\\'\xfa\xb8\xd2\xd2\xd2$I\xa2.\xde,\xfd\xa4k~\xe0\xc0\x81\x8d\x8d\x8d\xe6\xed\x03!\x80\x14P\x80\xd1h\x9ds\xber\xe5\xcaY\xb3f\x9d?\x7f\xde\xcc\xed\x18\x86\xa1\xeb\xfa\xc3\x8f\xcd\xf9\xd3_\xf6&amp;\r\x19T]U\xa3\xa8\x8a\xcdfs:\\\xdd{v\x7f~\xcfo\xd6?\x99I\xf3b\xf3\x9fx&lt;\x9e\x05\x0b\x16&lt;\xf0\xc0\x03555\xf4M\xab\xdf_\x98RU\x95jjY\x90\x99/d\xf5;ngh\\_TT\xb4o\xdf&gt;\x1a\xefK\xcd\xa3O\xba\xe6UU-//\xdf\xbau+JBC\t\x01 `\x8c\xe62\xff\xb2\xb2\xb2\xd1\xa3GS\x99?\x05\x03\xba\xe2{\xf4\xec\xfe\xdf/=\xff\xd4/\x1f\xd74\xcd\xeb\xad3;\x11UU\x1b/6zj=K\xd7&lt;\xf6\xf2[{oK\xba\x95\xfe\x89\xf9\xc0paa\xe1\xc8\x91#\x8f\x1f?\x8e\x07\x05\xae\x84\x82\xab\x89\xba\x95\x00\xba\xfc\xe7[\xfd\x8e\xdb\x13\xfauh\x9a\x96\x9e\x9eN\x1f&amp;\xa54o\x1f\x96\xb4`\xd9#\x86a\xd0\r\xc2\x18\xdb\xb6m\x9b\xb9&lt;`u\xab\x85\x80\x00\x10\x18\x94\xbbW\x14e\xe7\xce\x9d)))\'N\x9c\xa0\xceZ\x92$\xda\xe6a\xf4\xd8Q\x7f.yy\xc2\xa4\xf15\xd5\x0e\xba\xe2\xfd\xff9\x85\x8a\x9aj\xc7\xb0\xe1C\xf7\x17\xed\xb9\x7f\xf6L\xce9\xdd6\xb4\x96\xe0\xff\xec\x18\x05\x15\x8b\xdeh\xfb@\xc18\x80\xd0\xe3\xb7\x05\xad\xfd\xee\xd8\xb1\xe3\xcc\x9934\xc0\xa70\xb02+\xfd\xe7O\xac\xfba\xbf\xbe\xf4\x1dY\x96Q\x12\x1abX\x04\x0e\x00zn\xab\xa6\xa6f\xe9\xd2\xa5\x85\x85\x85R\xf3\xa2\x96\xf9g\xd6\xa65\x0b\x97\xff_\xcd\xa7544\\={\xc05n\xb3\xdbbb;\xfd\xfe\xb7\x7f|\xe2\xe7Oy=u\xb4hl\xce\x8bSSS_x\xe1\x85&gt;}\xfaP\x8e\x08\x8b\x90\xf4\t\xbf\xfd\xf6\xdb\xf7\xdcs\x0fu\x1c\x86a\xc4u\x8eK\x1cr\x1b\xd7\xf4\xb6\x7f&lt;\x86!)*;u\xf2\x93Zw-uR\xba\xae\x1f&gt;|x\xec\xd8\xb1X\xael\t\xfa\x8d\xb8\xdd\xee\x9bo\xbe\xd9\xe5rI\x92D#\x98\x89S&amp;\xec\xd8\xfd\x9fv\xbb\xed\xf7\xbf\xfdc\xe6\xb2\xf5\xe6$\x00%\xa1\xa1\x84Tf\x9bP\xa7\xac\xaa\xea\xc1\x83\x07\xd3\xd3\xd3\xcd2\x7f]\xd7\x15\x85q\xce\xfb\x0f\xe8\xb7\xe57\xbf\x18\xf3\x93\xd1\x8ej\x87\xd4\xbc\xb4{\x15\x8a\xaap\xce\x9d\x0e\xd7\xdc\x85\xb3\x87\x8f\xba3\xe3\xd1\xcc\xb2\xf7\xff\xa64?:@/4l\xd8\xb0\x17^x!55U\xc2\x83\x02\x97\xa1\xce%i\xc8m\xaf\x1d\xf9\x93\xd7\xe3eJ[?\x1c\x9d\xeb1\xb11SR\xa6\x1f/~\x0f#\xd3V\xa05\xad\x9c\x9c\x1c\xa7\xd3I\xbd\xbca\x186\xbbmU\xf6rI\x92\x1c5\xce\x9f\xce\xbd\xff\xa5\x82\x97?x\xb7\x94\xa2)\x95\x84\x1e9r\x04Y\xa0\x10@\xdf\xd1z\x97&lt;\xc1{\xf6\xecYUU)\x17d\x18\x06\xe7\xfa\xfd\xb3g\xbeq\xec\x95\x1f\x8f\xbe\xab\xba\xaa\x9a\xfefK~,\xa5\x92\x1c5\x8e\x01\t\xf1{\x0f\xec~\xf8\xb19t\xcf\x98+\xc3\xe7\xcf\x9f\x9f8q\xe2\xca\x95+\xa9\x01X\x19\xbe\x9c\xa6q\xaf\xd7\xeb\xf5\xd6y=m\xfe\x9f\xb7\xce\xeb\xf5j\x1arn\xadA\x03\x94\xd2\xd2\xd2\x1d;v\x98\xeba\xba\xae\xcf_&lt;opr\x92\xd7\xe3\x95e\xd9fS\x97g.\xa3PM\x7f\xa1\xb8\xb8\xd8\x7f\xad\x18\x82\x07\x01\xa05\x0c\xc3\xa0\xb4Oyy\xf9\xc4\x89\x137n\xdcH\xfd;}S\xd7\xf5\x98\xd8N\xbfx\xee\x89_\xee\xdcj\x8f\xb2{j=\xad(\x1aQU\xb5\xbe\xae\x81k\xfc\x17\xcf&gt;\xf1\xdc\x0b\xdb{\xf4\xecN\x8b\x014Mf\x8c\xe5\xe7\xe7\xa7\xa4\xa4\xd0\xbe\x11HR_\x82\xaai\x03\x08\xa9\xb6\xd6\xa1u\xac\x8c\x8c\x0cM\xd3\xcc\x04Z\xf7\x9e\xdd\x17,{\xa4\xceSGO\xd5\xb9\x9c\xee\xf1\xf7\xdd3y\xfa$\xea\xfd\xe9J\xce\xce\xcenjj\xc2\xa3a\xc1\x86\x00\xd0\x1a\xb2,\xab\xaa\xbaw\xef\xde\x11#F\x98\xbbxR\xcaR\xd3\xb4\xe4\xbb\x86\xbe^\xfc\xa7\xb9\x0bg;\x1d.\xae\xb5&gt;M\xcc\x14f\x18F\xf5\x85\x9a\x99\x0fN\xffs\xc9\xcb\xa3\xc7\x8e\xa2\xbbH\x92$*\x9b;~\xfc\xf8\x88\x11#\n\x0b\x0b\xb1\x18\x00a\x88:\xf4}\xfb\xf6\x15\x17\x17\x9b)~\xc302\xd6\xaf\xe8{\xd3\x8d\x17/^4\x1f\x02h\xa8oH_\xb7$6.\x96\x16\x0cP\x12\x1a2\x08\x00\xd7\x87\xca\x01\xcf\x9f?\xbf|\xf9\xf2Y\xb3f\x99\xe5\xf9f\x99\x7f\xfa\xda%/\xbe\xf9\xc7\x01\x03\x078j\x1cm\xef\x97)\xd28\xaa\x1d=z\xf7\xd8\xfd\xda\x0b\xcb\xd7-\xa5[B\xf1\xdb7\xe2\x81\x07\x1eX\xb0`\xc1\xf9\xf3\xe7Q\x9e\x08\xe1\x83\xc6\xfeMMM\xd9\xd9\xd9\xf4%\xc5\x80;G\x0c\xfb\xd9\xc3\xf7;j\x9c\xe6\xb4\x981\xe6\xf5\xd6\rNN\x9a\xbb\xf0!\xba\xb6Q\x12\x1a2\x08\x00\xd7\x87.\xcd\x03\x07\x0e&lt;\xfb\xec\xb3\xaa\xaaR\x99&amp;\xfd\xd9\xbdg\xf7\xff~\xe9\xf9\xec\xcd\x99:\xd7\xeb\xbd\xf5\x01|V\x88\x1e\x14\xa8\xafk\xc8\xde\x9cY\xf8?\x7f\xec\x17\x7f\x93\xf9\xa2\xb2,\xdbl\xb6\x9d;w\x1e8p\x00\xe5\xa1\x10&gt;(\xfb\xbfu\xebV\xcaR~\xbb+\xa2\xc2\x96g.SU\xf5\x92\x91\x8a\xaa\xaa.\x87ka\xfa|\xf3\xdaFIhh \x00\\\x1f\xca\xe7\xdc{\xef\xbd]\xbbv\xa5\xde\x96\x96v\'L\x1a\xf7\xe6\xf1W\'L\x1aW]Um\x18F\xdb\x8bO.A\x99\xe8\xaa\xca\x0b#\xfe}\xf8\xabG^\x9a0i\x9c\xf9\xd2\x9a\xa6u\xe9\xd2\xe5\xde{\xef5\x9b\x07`-\xea\xfd+++\xb7m\xdbF\xe3\x12Z\xa9\x9a&lt;}\xd2\xf8\xfb\xeeq9\xdd\x97\\\xa84W\xe8uC\xaf\xc5\xab\x16\x99\x8f\xbf0\xc6\xf6\xec\xd9SZZ\x8aDP\xf0 \x00\\\x1f\x9a\x90\xf6\xee\xdd{\xe4\xc8\x91\x94\xf4\xa7\x11\xca\xad\x89\xff6 a@\xf5\x85\x1a\x9a\x16\x04\xe9\xd5m6\xd5Q\xe3\xe8{\xd3\r\xb7&amp;\xfe\x9b\xff\xab\x8f\x1a5\xaaw\xef\xde\xf44M\x90^\x1a\xa0\xe5\xa8\x13\xcf\xcc\xcct8\x1c\xe6\xaaULlL\xfa\xba%\r\xf5\r\xdf[\x0eG\xa9\xceYs\xd3\xee\x1c1\x8c\x16\x0fd\xec\x12\x1a|\x08\x00\xd7\x8d\x06#\xb4\xa7\x95\xf9e\xd1\x1b\x87\xdc.\x97\xddn\x0f\xf6\xab\xdb\xed\xf6ZWm\xd1\x1b\x87\xcc\x976\x1b\x83Q\x12\x84\x03\xea\xbeKJJv\xed\xda\xf5mB_a\xba\xae\xff\xdf\xa5\x0f\'\rM\xac\xab\xab\xbfR=\xb4a\x18(\t\r1\x04\x80\xebF\xb3\xd7\xf1\xe3\xc7GGG\x9b\x1b6T\x9c\xfd\xfc\xec\xe9\xcf:v\xec\x10\xd4^X\xd7\xf5\x8e\x1d;\x9c=\xfdY\xc5\xd9\xcf\x9b\x9f6\xe0\xd1\xd1\xd1\xe3\xc7\x8f\x97\x90\xff\x81\xb0\xc19\xcf\xc9\xc91OC\xe2\x1a\xef?\xa0\xdf\xe2U\x8b\x9c~k\xbf\x97CIh\xe8!\x00\\7\xca\x02\xf5\xea\xd5+))I\x92$\xc6\x98\xa2(MMM\x87\x0f\x1e\xe9\x10\xfc\x00\xd0\xa1c\x87\xc3\x07\x8f455)\x8aB#\xa9\xa4\xa4\xa4^\xbdz!\xff\x03\xe1\x80\x8a\xd3\n\n\nJJJ\xcc\xf3-$IZ\x91\xb5,&amp;.\xe6\x9a\x0f-\xa2$4\xc4\x10\x00Z\x83\x8a\xd5f\xce\x9c)I\x9290)\xfa\xf3\xa1\x86\xfa\x86\xa0\x0e\xc3\x15Ei\xa8o(\xfa\xf3!\xa99\xcd*I\xd2\xcc\x993\x15\xbfc&amp;\x01\xacB\xebR\xb5\xb5\xb5\xb9\xb9\xb9t_P\x0c\xb8k\xc4\x1di\xb3\xa7\xbb\x1d\xeek\x96\xc6\xa1$4\xc4\x10\x00Z\x83\x86\xdeS\xa6L\xb1\xdb\xed\x9cs\x1a}\x7f\xfc\xe1\xe9O?&gt;\x13\xbc,\x10\xe5\x7f&gt;\xfd\xf8\xcc\xc7\x1f\x9e\xa6;\x81sn\xb7\xdb\xa7L\x99b6\t\xc0BT\xfc\xf3\xf4\xd3OWTT\xd0\x80\xdd0\x0c\xbb\xdd\x9e\xf9\xf8\x1a\xae\xe9R\xcb&amp;\xa8(\t\r%\xf4\x1a\xadA\x17wBB\x82\xb9g\xa1\xa2(&gt;\x9f\xef\xf0\xc1\xe2\xe0e\x81\x9a\xf3?\xc5&gt;\x9f\x8f\xf2?\x86a$\'\'\'$$`K8\xb0\x1c\r\xd8)]C#w*\xff\x9f4\xed\xde\xd1cGzj=-\xbcDQ\x12\x1aJ\xe85Z\x89\xfa\xdc\x193fH\xa1\xca\x02}o\xfeg\xc6\x8c\x19\xb8% \x1c\xf8/\xd8Jt\x0c\x86\xce;w\x89[\xb71\xc3S\xeb\xbd\xae\x9b\x02%\xa1!\x83\x00\xd0JW\xce\x02\x9d\xed\x18\xdd1\xe0=\xb2\xae\xeb\x1d\xa3;~\xfa\xf1Y\xe4\x7f \x0c]^\xb2\xc9\x183t#}\xed\x92\xf8\x84\xfe\x17\x1b.^o\x85\x02JBC\x03\x1dG+])\x0b\xf4\xd6\x9b\x87\xa3:D\x05#\x00Du\x88z\xeb\xcd\xc3\xc8\xff@\xb81O|4G\xe8\x8c1]\xe7\xf1\t\xfd\xe7,z\xc8\xe5\xbc\xf6\xda\xef\xe5P\x12\x1a\x1a\xe88Z\xef{\xb3@%\x87\x8f\xf9\x9a\x9a\x02\xde#3\xc6|MM%\x87\x8fI\xc8\xff@\x981O|4s\xf4\xb2,\x1b\x86\xb4\xfe\xc9\xac\xe8\xe8\x8e\xad\x1e\xad\xa3$4\x04\x10\x00Z\xcf\xcc\x02EEEQ\x16H\x92\xa4O&gt;\xfa\xf4\x1f_\xfc3***\x80#\x14\xc30\xa2\xa2\xa2\xfe\xf1\xc5??\xf9\xe8SI\x92(\xff\x13\x15\x15\x85\xfc\x0fX\x8e\xc6\xfbN\xa73\'\'\xc7\xdc\xaa\x96s&gt;\xf2\xee\x11\x13\xfe\xe3\'nW-k&gt;\xa7\xf3z\xc9\xb2\xec\xf1\xd4%\rM\x9c\xb3\xe0A\x94\x84\x06\t\xfa\x8e\xd6\xa3+;!!!11\x91\xaeWEQ&lt;\xb5\x9e\xa3o\x1d\x8f\xee\xd4\xfa\x81\xcf\xe58\xe7\xd1\x9d:\x1e}\xeb\xb8\xa7\xd6C\x0bb\x86a$&amp;&amp;&amp;$$\xe0\xdcT\xb0\x16\x8d\xf7\xe9\xc4Gs\xdb\x9f\xa8\x0eQ\x8fo\xfd\xff\x18c\xaaM\xb5\xb5A\xc7\x8e\x1d\xbc\x1e\xef\xe2\x8cE\x03\x12\xe2\xcd#eP\x12\x1a@8\x13\xb8M\xa8\xd6m\xec\xd8\xb14\xf9\xa5+\xf2\xc0\xebE\xb3\x17\xfcL\x96\x03\xd6/\xcb2\xe3\x9c\x1fx\xbd\x88\xbe\xa4q\xd6\xd8\xb1cY\xf3\x19d\x81z!\x80\xebB\xc9\x9f3g\xce\xd0\x89\x8f\xf4%\xe7\xfcg\xf3f\xf5\xed\xdf\xf7\x1f_|\xa5\xaa\xaa$\xb5\xa5\x9b\x965\xcd\xd7\xbdG\xb7\x07\xe7?\xf0x\xd6f\x1a\xf5SI\xe8\xd2\xa5K\x93\x93\x93\xb1\x00\xd6F\xe8;\xda\xc4|\x167//\xcf&lt;\x8f\xe5\x83wK\xbf\xa8\xf8\xb2\xcf\x8d}h\xb5\xaa\x8d/a\x18F\x87\x0eQ_T|\xf9\xc1\xbb\xa5R\xf3\x80\x8b1f&gt;\x87\xdc\xe67\x01\xd0J4\x01MOO\xa7\x1d (9)I\xd2\xcb/\xbe\xf6R\xe1+\x92aH-|\xfa\xebZ\xaf#\xc9\xb2$I\xe6\x06\xec88&gt;P\x10\x00\xda\x84\x8a\x13\x86\x0e\x1d\x9a\x90\x90p\xf6\xecY\xda\x9f\xb9\xce[w\xf4\xf0\xf1y\x8f\xcenhhh\xfb\xf0\xfc\xdb\xfc\xcf\xe1\xe3u\xde:\xf3\xdc\xb1\x1f\xfd\xe8GC\x87\x0e\xa5G\xed\x03\xf2F\x00\xae\x17\x15\xe7\x14\x15\x15\x15\x15\x15]R\x9a\xe9r\xba\x82\xfd\xbaT\x12\x9a\x96\x96F_\x06\xef\xe5"\x1bfOmE\xf5\xf8S\xa7N\x95\xfc\xd6c\x0f\xbc^\xc49\x0fH\x16\xe8\xf2\xfc\x8f$IS\xa7N\xa5\xe7\x0f\xda\xfe\xf3\x01Z\x81\x16\xbd|&gt;\xdf\xf2\xe5\xcb\xe9\x9a\x94\xfd\xb0 \xf0\xff\xf9\xf4r\xeb\xd7\xaf\xf7\xf9|(\tm\x0b\x04\x80\xb6\xba\xa4"\x93\xe6\xa4\x94\x05\xea\xd0\xa1\xad\xb5@\x97\xe7\x7f.\xa9=\r\xc4;\x88@4O\n t1\x97\xa0\xebp\xf3\xe6\xcd\x9f~\xfa)e~\xfc\x0bx\x02\xfb\xe1\x9b\xbf\x02\x13\xbd\xdc\xd9\xb3g7o\xde\x8c\x92\xd0\xb6@\n\xa8\xad\xae\x96\x05zlv\xc3\x856e\x818\xe7\xd11\xc8\xff\\7UUbbb$Cj\xfb\xd9\x9c:\xd7cbbT\x15\x1f\xf5\xbf\xd0\xb5w\xe1\xc2\x85]\xbbv\xfd\xe0\x07?\x90\x9a\xf7\x81\x08%\x1a\xfd\xec\xda\xb5k\xf1\xe2\xc5=z\xf40\x1f\x8e\x81\xeb\x82\x00\x10\x00f\x16h\xcb\x96-\xff\xaa\x05z\xad\xe8g\x8f\xcc\xa2\xd1J\xab\x7f\xb2a\x18M\x8dM\x07^\xfbN\xfd\x0f\xe5\x7fP\xff\xf3\xbdh0\xf8\xd1\xc9O&amp;\xa7L\xe7\x9a\xde\xf6&gt;\xc10$Ee\xa7N~"5\xaf\xc0\xb7\xbd\x91\xed\x1d}\x08qqq\xef\xbf\xff\xbe\x85\xe5\x98T\x14\xd4\xa9S\'\t\xb3\xe1\xd6B\x0f\x12\x00f\x16h\xdb\xb6mf\xba\xa0\xec\x83\x93.\xa7\xbbw\x9f^\x8d\x8dM\x8c\xb5\xe6\xea\xd4u#*\xca^y\xfe\x9b\xb2\x0fNJ~\xf5?\xc8\xff\\\x05}\xf8\xb5\xee\xdaw\x8a\xdf\x0b\xc6\x0f\xc7\xc7n\x8a\x8a\x8a\x8a\x8a\x8a\xb2\xba\x15\xd0&amp;\x08\x00\x01py\x16H\x92$O\xad\xa7\xf0\xf7\xfb\x86\x0c\x1b|\x95CP\xafN\xd7\xf5N\x9d\xa2O\x96~\xe8\xa9\xf5\xd0\xda\x17\xf2?-D\x912\x80?\x10\xcb\x00\xdf+\x1c&gt;\x13\x84\xe4\xb6@\x00\x08\x0c]\xd7\xedv\xfb\xa8Q\xa3(\x00\xd0\xd1w\x9b\xd7?\x1d\xc0\x97\xa0:\xebQ\xa3FQ\xfd\x0f\x02\x80?\xb3\xf2\xc4\xfcN`\xfb&amp;\xb3\xf8\xc4\xacx\t\xe0\x0fo\xbf\xf09\xb4w\x08\x00\x814c\xc6\x8c\x17^x\xc1\xacI\x08\xd4 \x94~ \xfdI\xf9\x1f\xb8\x84\xa6iT+\x12\xec\x17\xa2\x97\xb8\xe6\xd9\xb6\x00\xed\x02Jh\x03\xa3y\xef*\xcf-\xb7\xdcRUU\x15\xf0\xdad\xfa\x81={\xf6&lt;s\xe6Lll,\x92\xd1&amp;\xfa(\x9cN\xe7\xc9\x93\'C\xf6\xa2C\x86\x0c\xe9\xda\xb5+~\x0b\xd0\xdea\x06\x10\x18tp]ll\xec\xb8q\xe3v\xed\xda\x15\xa4W\x197n\\ll,\xf2?\xfe\xa8\x0b\xee\xda\xb5\xeb\xd8\xb1c-yi\x80\xf6\x0b\x01 \xc0\x16.\\\xf8\xd5W_\x05\xfc\xe1\x14\xfa\x81\x0b\x17.\x0c\xe0\xcf\x8c$\xf4\x84D\xc8^\x8e\x1eL\r\xd9\xcb\x01\x04\tR@\x00\x00\x82\xc2\x0c \xc0\xe8Q\xf5 \xfdp\xb3\x16\x05\x00\xa0\xed0\x03\x00\x00\x10\x146\x83\x03\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V2\x0c\xc30\x0c\xab[\x01`\r\\\xff\x96C\x00\xb0\x8ca\x18\xb2,\xcb\xb2\xac\xeb\xba\xd5m\x01\xb0\x00]\xffV\xb7Bh\x08\x00\xd6\xd04\x8d\xba~\x8f\xc7\xc3\x18\xd34\xcd\xea\x16\x01\x84\x94a\x18\x8d\x8d\x8d^\xaf\x17\xf3\x00\x0b!\x00\x84\x9aa\x18\x9a\xa6\xa9\xaaz\xfe\xfc\xf9q\xe3\xc6\r\x192\xe4\x9dw\xdeQUU\xd7uL\x05@\x104\x00\xda\xb1c\xc7\xdc\xb9s1\t\xb6\x90\x8c\xd8\x1bJ\xba\xae\xd3\xb4w\xef\xde\xbd+W\xae\xfc\xfa\xeb\xaf%IRUu\xfd\xfa\xf5\x1b6l\x90$\x89b\x83\xd5\xcd\x04\x08"\x1a\xf2{\xbd\xde\xa1C\x87\x9e;w\xae\xac\xacl\xc8\x90!\x86a0\x86\xf1h\xa8\xe1\x13\x0f\x1d\xce9c\x8cs\xber\xe5\xcaY\xb3f}\xfd\xf5\xd7\x8a\xa2P\xfeg\xe3\xc6\x8d\x13\'N&lt;\x7f\xfe\xbc\xaa\xaa\x9a\xa6!*C\x04\xd3u\x9d1\xf6\xcc3\xcf\x9c;wN\x92\xa4\x95+W\xca2F\xa2\xd6\xc0\xe7\x1e\n\x86a\xe8\xba\xae(JYY\xd9\xe2\xc5\x8bO\x9c8A\x83\x1d\xf3\xc3W\x14E\xd3\xb4&gt;}\xfa\xe4\xe7\xe7\xdf\x7f\xff\xfdR\xf3Mbe\xa3\x01\x82\x80.\xec\xf2\xf2\xf2\xc4\xc4DJ\x04q\xce\xf7\xee\xdd\x9b\x96\x96\xc69W\x14\xc5\xea\x06\x8a\x05]L\xd0q\xceeYV\x14e\xe7\xce\x9d)))\'N\x9c\xa0\x8c\xbf\xd4&lt;\x17\x96\x99\xaci\x9a\xa2(\xe7\xcf\x9f\x9f5k\xd6\xca\x95+5M\xa3\xb9\x82\xd5m\x07\x080\x1a\xf4dgg755\x99\x03\xffK\xbe\x84\x90A\x00\x08.\xea\xd9kjj\x1ex\xe0\x81\x05\x0b\x16x&lt;\x1e\x1a\xec+\x8a\xa2\xeb\xba\xcdn\xeb\xda\xad\xab\xceuEQ(A\xa4(J~~~JJ\xca\xd9\xb3g\xe9\x9b\xb8% b\xd0\x18\xbf\xb8\xb8x\xdf\xbe}ty\xd3\xcc\xb8\xbc\xbc|\xeb\xd6\xad\x8c1\xac\x06\x87\x18\x02@\xb0PU\x8f\xaa\xaa\xc7\x8f\x1f\x1f9rdaa\xa1\xa2(T\xf0@\x97\xfemI\xb7\xbe\xfc\x97\xbdE\xef\xbd1z\xecH\x9a%H\x92\xc49\xa7\x7fr\xd7]w\xed\xdc\xb9\x93\xfe\t\xa6\x02\x10\x01\xe8\xc1\x97\xc6\xc6\xc6\x8c\x8c\x0c\xff\xc1&gt;%\x85\xb6m\xdbVYY\x89\x18\x10b\x08\x00AA9\x1c\xc6Xnn.\r\xe7UU\xe5\x9c\xcbL6\x0c\x83s&gt;k\xf6\xcc\xfdE{nON\xea\xda\xadK\xc1\xeb\x7fX\xffd&amp;]\xfa\x8a\xfa\xed\xfc\xc0\xedv/X\xb0\xc0\x7f\xd2`\xf5{\x02h\x13\xea\xe8\x0b\x0b\x0bKKK\xe9j\x97e\x99\xee\x08Y\x96\x1d\x0eGff&amp;\xb2@!\x86\x8f;\xc0\xa8\x7f\xa72\xff\x87\x1f~\xf8\xe0\xc1\x83\x92$\xd1\xe5N\x15&gt;\x9d\xbbt~&lt;o\xc3\x8c\x07\xfeO}}\x83\xaf\xc9\'\xcbL\x92\x8c\x1ft\xffA\xc9[\xc7V?\xba\xee\xcb\xcf\xff\xa1(L\xd7\r\xfaW\x9c\xf3\xe4\xe4\xe4_\xff\xfa\xd7\xc3\x87\x0f\xa7\x91\x11V\x86\xa1=\xa2\xe5.\xb7\xdb}\xdbm\xb7UUU]\xfe\xf0\x97\xa2(\x86a\xbc\xfd\xf6\xdbc\xc6\x8c\xc1jp\xc8\xa07\t$\xea\xa3UU\xdd\xbbw\xef\xb0a\xc3\x0e\x1e&lt;HE\xfdT\xe3\xaciZ\xf2]C_9\xbc\xef\xfe\xd93\xdd\xaeZ\xaeqEQ\x18\x93\x19c\xd5\xdfT\x8f\x1c3\xfc\x95\xb7\xf7\xfd\xc7\xf4\xfb8\xd7iLD\xb7AYY\xd9\xe8\xd1\xa3\xf3\xf3\xf3iJ\x81t\x10\xb4G4\xfc\xcf\xc9\xc9\xa9\xac\xac\xa4a\xbe,\xcb\x9db:\xdd\xd4\xff\x87\x92$Q\xfeS\xd7\xf5\x9c\x9c\x1c\\\xe1\xa1\x84\x00\x100\x97\x94\xf9\x9f?\x7f\xde\\\xef\xa52\xd0\xf4\xb5K\xf6\xbe\xf9\xc7\x01\x03\xe3k\xaaj(\xb9o\xfe[\xd5\xa6\xba\x9d\xb5\xb1\xb1\xb1\xcf\x17\xfe\xe6\x17\xcf=\x11\xdd)\x9af\x0cW\xfa\x99\x16\xbeM\x80\xebE\xbd\xff\x993gv\xec\xd8A\xd73\xdd\x14\x0f\xcc\xbb\x7f\xe7\x8b\xff\xa5\xaa\xaa9\xdc))))((\xa0E2\xab[-\x04\xa4\x80\x02\xe0Je\xfe\xe6zo\x8f\x9e\xdd\xb7\xfc\xe6\xa9\xfb\xa6Nt:\\:\xd7\x99\xf2\xfdq\xd7\xd0\r]\xd7\xbb\xf5\xf8A\xe9\x89\xb2\xd5\x8fe}\xf2\xd1i*\x162\x0c\x83\xd2G}\xfa\xf4y\xe1\x85\x17RSS\x05I\x07E\xc6z`\xc4\xff\x9a\xae\x89:\xf7\xd4\xd4\xd4\xa2\xa2"\xba\xa4eY\xfeA\xf7\x1f\xfc\xcf\xb1W\x13\x06\xde\xfc\xf0\xfd\x0b^\xdd\xf7:\x85\x04\xc30\x06\x0c\x18PZZ\x1a\x1b\x1b\x8b\xad\xe2B@\xf4K\xb3\xed\xaeR\xe6O\xe3\x9a{\xa7\xa6\xbeq\xec\x95\t\x93\xc6]\xa8\xaa6\x0c\xe3J\xbd\xbf$I2\x93\x15U\xa9\xae\xaaI\x1a\x9a\xb4\xef`\xc1\xdc\x85\x0fQ\x19(\x8d\xfai]a\xe2\xc4\x89\x1b7n\xa4tP\xc4O\x05XD\xb0\xfaS\xb4\x18\xf5\xfeEEE\xd4\xfb\xd3\xa4V\xd7\xf5\x8c\xec\xe5?\xec\xdf\xf7\xc2\x85\x0bY\x9b\xd6t\xe9\xdaY7t\xba\xd4+**(\xe1\x89I@\x08`\x06\xd0&amp;\xd4/\xd7\xd4\xd4,]\xba\xb4\xb0\xb0P\x92$\xba\xc4\xcd\x0b\xfd\xe7\x8f\xaf}t\xe5\xc2\xa6\xa6\xa6\x86\xfa\x86\x96o\xf2\xc39\xb7\xd9\xd4\xb8.\x9d\xf7\xed\xda\x9f\xbdr\xa3\xdb\xe5\xa6\x19\x00k\x9eX\xa4\xa6\xa6&gt;\xf7\xdcs\x03\x07\x0e\xa4\x14S\xe4\r\x94(G\x9c\x91\x91\xf1\xb7\xbf\xfd\xad\x9d&amp;\x04\xa8\xd9C\x87\x0e\xdd\xb6m\x1b\xbd\x1d\xab[d\x01\x1a\xd4k\x9a6x\xf0\xe0\xb3g\xcf\xd2\x87`\x18\xc6m\x83o}\xe5\xad\xbd\xban\xf8|\xbe\x9e\xbdzl^\xffL\xfe/\x9e3\'\x07\xb1\xb1\xb1\xa5\xa5\xa5\x03\x06\x0c\xc0\x06A\xc1\x86\x00\xd0Jf\x12\xe6\xf8\xf1\xe3\x8f&lt;\xf2\x08=\xb7e~\x93\xca\xfc\x9fz\xf6\xf1\xe1\xa3\xeet:\\\xd2\xf5\xe7\x01\xa8\x9a\xa8[\x8fn\xa7?&lt;\x9d\xb3z\xd3\xb1\xb7\x8f3\xc6\xe8v\xa2`\xd0\xad[\xb7_\xff\xfa\xd7\xf7\xdf\x7f?}3\xc2\xee\x13\xca\x1a\xff\xf8\xc7?&gt;q\xe2\x84\xd5mi\x93\xe1\xc3\x87\xbf\xf7\xde{\xc2n\xecA\x83\xa1\xcd\x9b7ggg\xd3uKqq\xd7\xcb\xbf\xfb\xc9\xbd\xf7\xb8\x9c.\xaa\xf6\x91ey\xc2\xf0I_\x9c\xfb\x921F\xf3\xe69s\xe6\xfc\xfe\xf7\xbfG9P\xb0\x89xQ\xb6]\x0b\xcb\xfc\x87\r\x1fZS\xedh]\x1e@\x96eUUk.\xd4\xc4\x0f\x8c\xdf\xfd\xda\x7f\xa7\xaf]B\x8b\x01\xe6\xc2rMM\r\xed\x1ba.\x14\x07\xe3\x9dZ+&amp;&amp;FQ\x14\xbb\xdd\xae\xb4C\xd4\xec\x98\x98\x18\xab?E\xcb\xd0p\xbe\xb2\xb2r\xdb\xb6m\xacy\xed\x97s\x9e:y\xfc\xd8\xd4\xbb\xcd\xde_\xd3\xb4\x98\xb8\x98\x15Y\xcb\xa4\xe6\xac\xa9\xa2(\xbbw\xef.))Q\xda\xe7\xe4\xaf\x1dA\x00\xb8&gt;\xfe\xbb\xf9S:\x9e\x82\x01}S\xe7z\xe7.\x9d\x9f\xfd]^\xdeo\x9f\xb1\xd9m\xb5.O\x1b\xf7vVU\xb5\xa1\xbe\xa1\xa1\xbea\xfd\xe6\xcc\xff~\xe9\xf9\x1e=\xbb\x9bw\x91,\xcb\x8c\xb1\xfc\xfc\xfc\xd1\xa3G\x97\x95\x95)\x91\xb8o\x84\xae\xeb\xdc\x8fa\xe8F;\xf0\x9d6G\xc6:v\xeb\x18\x86\xc1\x18\xcb\xca\xcar8\x1c\xacy\xf7\xc3\xd8\xb8\xd8\xcc\xdc\xd5\x9a\xc6\xcd\x9c\x98\xaa\xaan\x87;m\xf6\xf4\xbbF\xdca\x0e\xf99\xe7(\t\r\x01\x04\x80\xebp\xdde\xfej\x00f\xaf4)\xbePU=a\xd2\xb87\x8e\xbdr\xef\xd4T\xea\xfdiW\tUUO\x9c8\x91\x92\x92"\xc2\xbe\x11\xban\xe8\xed@D\xc5\xe0V\xd3u\x9d1VZZ\xbag\xcf\x1e\xba;\x14E\xd1u}\xee\xc2\x87\x12\x87\x0c\xf2z\xbc\xdf\x99\x16\xcb\x12\xd7\xf4\xcc\xc7\xd7\xd8\xedv\xc30P\x12\x1a2X\x03h)\xba(5M[\xb3fM~~\xbe\xf4\xdd\xf5^I\x92\xd2\xd7.I_\xb7\xd8f\xb7{k\xbd\xaa-\xf0\x87\xbah\x9a\xd61\xba\xa3\xddn\xff\xaf\xed\xbf\xdd\x9c\xf3\x8c\xde\\cj6\xe0\xa7?\xfd\xe9\xaf~\xf5\xabn\xdd\xbaE\xc0\xa92\xd4}\xdcs\xcf=o\xbf\xfd\xb6\xd2\\\x0b\x9b\x99\xbb&amp;y\xf8\x90:o}x\xe6\xd3u]\xef\x14\x13]v\xe2\xe4/6l\xa1\xf9\x19\xe7|\xec\xd8\xb1\x87\x0f\x1f\xd6\xc5[\x03\xa0+3%%\xa5\xb8\xb8Xi.\xf1\xbc\xa9\xff\x0f_/\xfeS\xc7\xe8\x8e\xe6\xe6W&amp;M\xd3z\xf4\xea\xbe\xe8gK_~\xf1U\x05%\xa1\xa1\xd2\xbe\xbb\x89\xd00\xaeP\xe6ov\xbe\xfee\xfe&gt;o}0z\x7fI\x92TUm\xbc\xd8\xd8x\xb1q\xe9\x9a\xc7\xee\x1cyGVz\x8e\xf9\xa0\x00u7\x85\x85\x85eee\xbf\xfb\xdd\xefF\x8d\x1a\xa5G\xd6\x83\x02\xf4\xech\xf2]CRS\xc7\xbb\xbd\xee\x80L\xad\x02\x8ek\xbcsLg\xc9\x90\xa4\xe6G[\x85E\xb7\xc6\xfe\xfd\xfb\xa9\xf7\xa7/u]_\xbcjQ\xaf\x1bzUWU_&gt;@Q\x14\xc5S\xeb]\xbb1\xe3\xed\xa2#nw\xaddHJsI\xe8\x86\r\x1b"`L\x13\x9e\xf0\x99^\x03]\xbb\x8a\xa2\xec\xdc\xb9s\xd5\xaaU\x1e\x8f\xc7\xac\xc84\xcb\xfcs\xb7\xe4\xf4\xbd\xe9\xc6\x0bU\xd5\x8a\xa2\\\xa5\xcc\xbf\xed\xa8C\xaf\xa9v\x0c\x1b&gt;t\x7f\xd1\x9e\x8dk\x9f\xd8\xbbk\xbf\xd4\\w\xa4\xaa\xea\xd9\xb3gSRR\xb6l\xd9\xb2b\xc5\n\xb3\xf1\xc1kO\x88\xd5\xd5\xd5\xbb\xeb\xdcn\xb7G\t\xe6\x87\xdcj\x9c\xeb\x92,\xd5\xd5\xd5[\xdd\x10\x8bQR\xc1\xedv\xaf[\xb7\x8e"7\xc5\x80;G\x0c\x9b57\xcdQ\xed\xf8\xde\xae\\\x96\xe5\x8b\r\x17o\x1e\x18?o\xd1\x1c*\t\xa5\xabw\xfb\xf6\xed\xb3g\xcf\x8e\x8f\x8f\x17p\x16\x15\x02\xf8@\xaf\xe6\xea\xbb\xf9\xcb\xb2\xbc\xfe\xc9\xcc\xe7\xf7\xfc\xa6{\xcf\xeeN\x87\x8b\x9eh\x0fA\xabTU\xaduyl6\xdb/wn\xfd\xc5sO\xc4\xc4v\xd2\x9b\xb7\x11\xa5d\xeb\xca\x95+\xe9\x80Ijm\xc4d\xf9\x18c\x8a\xa2(\n\x0b|\xc9N`0EQ\xd0IQ\xc7\x9d\x9f\x9f\x7f\xee\xdc9\xc5\xaf6zy\xe62\x9bM\xbd\xca\xd5\xa8(\x8a\xd3\xe1Z\x9c\xb1\xa8\xff\x80~t\x7fI\xdf\r$\xa1{\x0f\xc2\x10\xfdb\xbd\x12Z\xce\xbb\xc6n\xfeo\xed]\xba\xe61O\xad\xa7\xf1bc\x88\xe7\xa7\x8a\xaap\xce\x9d\x0e\xd7\xdc\x85\xb3_/\xfeS\xf2]Cik9\xbaITU=x\xf0\xa0\xb9LM\xcd\x0ee\xf3@Xt\x83TTTl\xdf\xbe\xdd\xbf\xf4sj\xda\x7f\x8c\xbf\xef\x1e\x97\xd3\xad\\yJ*\xcb\xb2Y\x12j\xf8\xed\x87\xe8\x9fJ\n\xe5{\x11\x01\x02\xc0\xf7\x08A\x99\x7f\xdb\xd1\xfe\x13\x8e\x1a\xc7\x80\x84\xf8\xbd\x07v?\xfc\xd8\x1c\xff}#\x14E\xa1BU\xf3\x80\xc9\x88\xdf7\x02\xc2\x01u\xdc\x9b6mr\xbb\xdd\xdf\xee\xf1i\xe8]\xbav^\xb7qu\x9d\xb7\xfe*\xbd?QU\xd5\xedt\xa7=4}T\xcaHs\xcf8z&amp;\xbc\xb1\xb1\x11\xf3\x80\x80C\x00\xf8\x0e#\xb4e\xfem\xa7\xaaj}]\x03\xd7\xf8/\x9e}\xe2\xb9\x17\xb6\xd3\x83\x02\xe66\xa2\xf4\xa0@JJJyy9}\x13\xf7\x0f\x04\x8fY\xbe\xb9{\xf7n\xa5y7\x14C7\xe6-\x9a3``|CCC\x0bs\xa4\x9a\xc6s\x9e\xcaRU\x95\xea/\xa8\x9c\xb4\xb0\xb0\x90\xe1\xbc\xb0@C\x00\xf8\x17\xdd\x8a2\xff\xb6c\n3\x0c\xa3\xfaB\xcd\xcc\x07\xa7\xff\xb9\xe4\xe5\xd1cGi\x9afn\xb0NY\xac\x11#F\x98Y,\xcc\xa3!xt\xbf=\xfd)\x05\xd4\x7f@\xbf\xc5\x19\x8b\x9c\x0e\xd75\x87\xff\x841\xe6\xf5\xd4\xdd&gt;,i\xd6\x9c\x99\x94P\xa2\x18\x90\x99\x99\xe9p80\t\x08,\x04\x80o\xb5e7\x7f\xcb\xd1\xbe\x11\x8ejG\x8f\xde=v\xbf\xf6\xc2\xf2uK\xd9w\x0f\x98\xbc|\x1d\xdb\xea&amp;C\xa4\xa1\xe1\xff\xae]\xbb\xcc-\x1c\xe8\x1eY\x91\xb5,&amp;.\xc6\x1c\x94\xb4\x84\xa2\xb0zo\xc3\xaa\xf5\xcb;w\x89\xd3\x9b7\xd6\xad\xac\xac\xcc\xcb\xcb\xc3$ \xb0\x10\x00$\xf3\xc9\xc3\xcb\xcf\xdeR\x9a\xcb\xfc\xff\xfb\xa5\xe7\xd7o\xce\xe4\\\xaf\x0fZ\x99\x7f\xdb\xd1\x83\x02\xf5u\r\xd9\x9b3\x0b\xff\xe7\x8f\xfd\xe2o\xe2\x1a\xa7\xbd\xa9\xfd7\xac\xfe\xdb\xdf\xfe\x86t\x10\x04\x96\xf1\xdds}\xcdZ\x89\xbbF\xdc\x916{\x86\xdb\xe1\xbe\xaed\xa9,\xcb\x17/^\xbc\xa1o\x9f\xf4\xb5Kh\xfeM\x93\x80-[\xb6\x94\x97\x97\x9b\x95E\xd0v\xa2\x07\x80\x00\xee\xe6\x1f\x0e(t]\xa8\xbc0b\xcc\xf0W\xdf\xde\x7f\xdf\xd4\x89T\x06J\xefEU\xd5\xb2\xb2\xb2\xbb\xef\xbe\xfb\xb9\xe7\x9eC:\x08\x02\x88:\xe8\xbc\xbc\xbc\xca\xcaJ\xffmk3\x1f_\xc35.]\xfflYQ\x15\x8f\xdb3g\xd1C\xf1\t\xfdu\xfd\xdb\xbdO\x9a\x9a\x9a\xb2\xb3\xb3\xa5\xe6G\r\xa0\xed\xc2\xba;\x0b\xb6\xf0,\xf3o;\xd5\xa6\xd6:kc\xe3bw\x14\xfc\xe7\xc6gr\xe8\x80I\xf3A\x01\x8f\xc7\x93\x9e\x9e&gt;k\xd6\xac\x9a\x9a\x1a\xa4\x83\xa0\xed\xa8\xf7///\xdf\xb2e\x8b9u\xd6u}\xd6\x9c\x99\xa3RFxj=\xad\xd9\rW\x925\x8dGGw\\\xffd\x96a\xfck\x97\xd0}\xfb\xf6\xa1$4\x80\xc4\r\x004B\t\xcf2\xff\xb6ST\xa5\xa9\xa9\xc9S\xebY\x9c\xb1h\xff\xc1=\xb7%\xddj&gt;(@\x0b\x06{\xf7\xee\x1d9r\xa4\xb9\xd0\r\xd0jtQegg755\x99\xdb\x14v\xee\x12\xb7j\xfdrom]\x0b\xd7~/\xa7(J\xad\xdb\x93:y\x1cJB\x83G\xd0\x00`\x18\x86\xcf\xe7\xdb\xb0a\x83\x7f\x99\xbf\xd4\xbc\x1e\x10\x0ee\xfemG\xcf\xcdVUV%\r\x1d\xb4\xbfh\xcf\xac\xd93\xcd\xbc?U\xb5\x9e={v\xe2\xc4\x89\x1b6l\xf0\xf9|\xb8\x97\xa0u\xcc\x13\x1f\xf7\xed\xdb\xf7\xaf\xd2O\xc3H_\xbb\xe4\x86\xbe}.^\xbc\xd8\xc6y3\xe7:JB\x83\xa7]vmmGC\x89\xbd{\xf7j\x9af\xb3\xd9\xa8D\xc10\x8c.]\xbb&lt;\xfb\xff\xc2\xa8\xcc\xbf\xedl6\x9b\xa7\xd6k\xb3\xdb\xf2~\xfb\xcc\xb3\xff/\xafK\xd7.\xf4\xde\xe9\x8d\xd3\x87 !\xa9\n\xadb^K\xe9\xe9\xe9t\x07Q\xbf\x1c\x9f\xd0\x7f\xce\xa2\x87&lt;nO\x1bK\xa5Q\x12\x1al\x82\x06\x00]\xd7m6\xdb\xc2\x85\x0b\xa5\xe6\x8bX\x92\xa4\x9e\xbdz\xec;\xb0\xfb\xa7s\xd3\xc2\xaa\xcc\xbf\xed\x14E\xe1\x1aw\xbbj\x7f:7m\xdf\x81\xdd={\xf5\x90\x9a\xf7\xd74\x0cc\xe1\xc2\x856\x9b\r\x83)h\x05\xea\x8ew\xec\xd8q\xe6\xcc\x19\xea\xfa\xe9\xbaZ\xffdfttGM\xe3r+\xd6\x7f\xbf\x0b%\xa1A%h\x00\xa0\xac\xce\xa4I\x93\xecv\xbb\xb9\x9a\xe4\xf1x\x15U\xf5\xd4z#o\xf3qzG\x9eZ\xaf\xa2\xaa\x1e\x8f\x97\xbe\xc99\xb7\xdb\xed\x93&amp;M\x92"h\xe3h\x08\x19\x1a\xef;\x9d\xce\x9c\x9c\x1c\xff\xf5\xb3\x89S&amp;L\x9c\x9a\xeav\xd5\xb6:\xfb\xef\xef*%\xa1f\xd4i\xfb\xab\x08K\xd0\xdb\x9e\xae\x9b\x84\x84\x84\xa1C\x87\xd2U\xa5(JC}\xc3\xa17\xfe\x12\x13\x17\x13\x91\x97\x94\xae\xeb1q1\x87\xde\xf8KC}\x03mZi\x18\xc6\xd0\xa1C\x13\x12\x12\xb0\xd1.\xb4\x02\x8d\xf7srr\x9cN\xa7Y\xfai\xb3\xdbVe/\xd7|\xd7\xf1\xd8\xd75}\xb7$T7KB\xcd\xbcS\xa0^H@\xe2\xde\xf6\xd4\xeb\xa5\xa5\xa5I\xcd\xf9\x10I\x92N\x1c{\xdf\xe7\xf3\xc9r\x04~,\xb2\xcc|&gt;\xdf\x89c\xefK~Y\xaf\xb4\xb44\x8c\xa1\xa0\x15\xe8\xf69s\xe6\xcc\x8e\x1d;\xfcK?\xe7/\x9e789\xe9\xd2\x13\x1f\xdb\xc6\xaf$4\xd3\x7f\x97\xd0\xa2\xa2\xa2\xa2\xa2"\x94\x84\xb6E\x04\xf6t-D=`JJ\n]\xbe\xd4\t\x9ex\xe7\xaf_V|\xd9\xa1CT\x84\r+\x0c\xc3\xe8\xd0!\xea\xcb\x8a/O\xbc\xf3W\xa9\xf9\xb0u\xc6XJJ\x8a$\xfc\xf1U\xd0\n\xd4\x11\xa7\xa7\xa7S\x01\x05\r\xa1z\xf4\xec\xbe`\xd9#u\x9e\xd6\x97~^\x89\xa2(nW\xed\xc4\xa9\xa9\x13\xa7L\xf0/\t5\x1b\x10a7l\xc8\x88\x1b\x00\xe8\x1aJLLLHH\xa0\x8bIQ\x94:o\xdd\xd1\xc3\xc7\xa3;u\x8c\xb01\x05\xe7&lt;\xbaS\xc7\xa3\x87\x8f\xd7y\xeb\xe8\x89\x07\xc30\x12\x12\x12\x12\x13\x13i\x07i\xab\x1b\x08\xed\x89\xf9L\x969\x00\xa7y\xe4\xaa\xec\xe5}o\xba\xb1\xed\xa5\x9f\xdfK\x96e\xcd\xa7\xad\xca^n\xb3\xdb(\xdd\xe4?\x05\xc1,\xb6u\xc4\r\x00\x92$q\xce\xa3\xa2\xa2\xa6N\x9d*\xf9\xad\x82\x1ex\xbd\x88s\x1eaY Yf\x9c\xf3\x03\xaf\x17\xd1\x97\xf4f\xa7N\x9d\x1a\x15\x15\x15a\xa1\x0e\x82\x8dFK\xb4+\x83Y\xfa\xc99\x1f4\xf8\xb6\x99\x0fNw9\xafo\xdb\x9f\x96c\x8cy=\xde\xc1\xc9I\xf3\x17\xcf\xa3\x04\xd4\xe5\x8b\x10\xc1x\xdd\xc8\x16Q\xdd\xdc\xf5\xa2q\xca\x8c\x193\xe8b\xa2A\xc4\x07\xef\x96~\x11YY \xca\xff|Q\xf1\xe5\x07\xef\x96J\xcd\x87\x9d1\xc6f\xcc\x98!!\xff\x03\xd7\x89.\x9e\xad[\xb7\x9a\xfb\xb2\xc9\xb2\xcc\x14\xf6\xf3\'\xd6E\xc7D\x07u&lt;\xa1(J\x9d\xa7n\xc1\xb2Gz\xf4\xecN\xb7\xe7%eH\xc1{\xe9H%t\x00\xa0,\x90Y\t\x13\xa9Y\xa0\xcb\xf3?\xfe\x15P\xc8\xff@\xcbQ\xef_YY\xb9m\xdb6\xff\x1ds\'O\x9f4\xee\xde\xb1\xae\x16o\xfa\xdf:T\x12\xda\xf7\xa6\x1bWe/\xa7\x96P\xf6\xc9\xffA\x84\xe0\xbdzD\x12:\x00H\xcd\xb5\xf0\x91\x9d\x05\xbaR\xfe\xc7\xff\x19\x08\x80\x96\xa0\xfc\x8f\xf9 .}\'6.6}\xdd\x92\x86\xfa\x86\x10\x14\x13\xab\xaa\xear\xbag&gt;8m\xd0\xed\xb7Q\x0c\xb8\xe4Q\xe4`7 \xc2DH\x1f\xd7jW\xcb\x02u\x8c\x84,\x90a\x18\x1d:"\xff\x03\x01`\x9e\xf8\xb8k\xd7.\x1a\xf8S\nh\xee\xc2\x87\x06\'\'y\xbdu\xa1y\x9a\x84s\xde)&amp;&amp;s\xe3j\x94\x84\xb6\x9d\xe8\x01\xe0JY\xa0\x92\xb7\x8eu\x8c\x8e\x84,\x10\xe7\xbcct\xc7\x92\xb7\x8e!\xff\x03m\xc79\xcf\xc9\xc9\xa1q\x12e`~\xd8\xaf\xef\xc2\xe5\xf3]\x0eW\xc86\xceR\x14\xc5\xe5t\x8dM\xbd\x1b%\xa1m\'z\x00\x90\xae\x90\x05z\xeb\xc0\xdb\x86\xaeG\xc0\x00Y\x96eC\xd7\xdf:\xf06}\x89\xfc\x0f\xb4\x0eu\xb5\x05\x05\x05\xfe\'&gt;\x1a\x86\xb1:ge\xcf^=h#\xe8\x905F\x96e\x9d\xeb(\tm;\x04\x80\x7fe\x81h&gt;K\xc3\x87\x0f\xcb&gt;\xaa\xaa\xbc`\xb7\xdb\xdb\xf5h\xc20\x0c\xbb\xdd^Uy\xe1\xc3\xb2\x8f\xe8K\xda\xb0\x05\xf9\x1f\xb8.4\xc4v\xbb\xdd\xb9\xb9\xb9\xd4\xef\x9b\'&gt;\xce|p\x9a\xa3\xc6\x19\xe2}s\x19c\x9e+\x97\x84b\x12\xd0r\x08\x00\xdf\x0e\x8a\x93\x92\x92z\xf5\xeaE\x01\x801V\xf5\xcd\x85\x13\xc7?\x88\xee\xd4\xb1]\x8f&amp;t]\x8f\xee\xd4\xf1\xc4\xf1\x0f\xaa\xbe\xb9@\x85\xd2\xba\xae\xf7\xea\xd5+))I\xc2\x06p\xd0bTl\x93\x9f\x9f_QQa\x8e\x93\xecv{\xe6\xe3k8\xb7f\xa2|\x95\x92PL\x02Z\x0e]\xc0\xb7\xa7\xcdEGG\x8f\x1f?^\x92$\xda(M\x92\xa4\x83\xaf\x17\xc9\xed\xbf\x8b\x94\x19;\xf8z\x91\xd4|&gt;\x8c$I\xe3\xc7\x8f\x8f\x8e\x8e\xa6)\xbc\xd5\xad\x83v\x80f\x8d\xe7\xce\x9d\xdb\xbe};\r\xfc\xe9\xdc\xecI\xd3\xee\x1d=vd\xebN|l\xbb\xab\x94\x84\x96\x96\x96"\x06\xb4P\xbb\xef\xe0\x02\xe8\xfe\xfb\xef\x97\x9a\xf7\xc9\x91$\xe9\xe8\xe1\xe3\xdf|\xfdM\xfb\xcd\x02\xd1\x18\xed\x9b\xaf\xbf9z\xf8\xb8$I\xe6~G\xf46\x01Z\x88\xf2?\xeb\xd6\xads\xbb\xdd\xf4\x1d\xae\xf3.];\xaf\xdd\x98\xe1\xa9\xf5ZXG\xd0\\\x12:}\xd0\xe0\xdb\xa8\xf7\xa7\x92\xd0\x8c\x8c\x0cd\x81Z\x08\x01@\x92\x9a\x93!\xa3G\x8f\xee\xdd\xbb\xb7Y\xe1p\xa1\xaa\xba]g\x81\xcc\xfc\xcf\x85\xaajz\x83\xba\xae\xf7\xee\xdd{\xf4\xe8\xd1\x12\xf2?\xd02\xb4\xf6[\\\\\xbc\x7f\xff\xfe\x7f\x9d\xf8\xa8\x1b\xf3\x1e\x9ds\xf3\xc0\xf8\x8b\rA\xd9\xf6\xe7\xba\x9a\x17\x1d\x13\xfd\xf3\'\xd61\x85\x99%\xa1\xc5\xc5\xc5\xe6\xf9\x94\x16\xb6\xad]@/ I\xcdY\xa0\xb8\xb8\xb8\x89\x13\'J\x11\x94\x05\xba&lt;\xff3q\xe2\xc4\xb8\xb88\xe4\x7f\xa0%h\xec\xdf\xd8\xd8h\x8e\xa9\xcd\x13\x1f\x17\xafZ\xe8\x0c\xf2s\xbf-\xa1(\x8a\xcb\xe1\x1aw\xef\xd8\xc9\xd3\'\x99%\xa1\x92$\x99\'\xd4c\x1epu\xed\xb8w\x0b\x06:\x1e \x02\xb2@W\xca\xff\xd0\x1b\x04h\t\xca\xad\x17\x16\x16\x9aY\xf5\xe6\x13\x1f\xb3:\xc5\xc4\x84\xc90\x821\xd6P\xdf\x90\xbenIl\\,\x95\x84\xaa\xaaZ^^\xbeu\xebV\xac\x04\\\x13\x02\xc0\xb7",\x0b\x84\xfc\x0f\xb4\x11\r\xff\x1d\x0eGff&amp;\xf5\xa4\x94T\x19\x9522u\xf2\xb8Zw`N|l;\xc6\x98\xd7[789i\xee\xc2\x87\xccF2\xc6\xb6m\xdbVYY\x89M\xe2\xae\x0e\x1d\xc1\xb7\xae\x94\x05:\xf0ZQ8\x0csZA\x96\xe5\x03\xaf!\xff\x03\xadD\xc3\xff\xbc\xbc&lt;\xeaF\xcd\xc1u\xceSY\x9c\x87W\x97\xaa\xaa\xaa\xcb\xe1Z\x98&gt;\xbf_\xfcMtyS\xe8\xca\xca\xca\xc26\xd1W\x87\x00p\xa9K\xb2@\xc7\x8b\xdf\xad\xae\xaa\xb6\xd9l\xed\xe822\x0c\xc3f\xb3UWU\x1f/~WB\xfe\x07\xae\x9fy\xe2\xe3\x96-[\xfcO|\x9c5g\xe6\xed\xc3\x92\xbc\x9e\x10m\xfb\xd3Bt&gt;A\xaf\x1bz-^\xb5\xc8\xdc \x881\xb6g\xcf\x1e\x94\x84^]\x18\xfd\x16-gf\x81\xfa\xf4\xe9\xf3\xed.\xe7\x8cUWU\x7fr\xeaL\x87\x8e\x1d\xda\xd15\xa4\xebz\x87\x8e\x1d&gt;9u\xa6\xba\xaa\x9aj\xe3t]\xef\xd3\xa7\x0f\xf2?\xd0B\xe6\xee:\xb4\x94J3\x80\xce]\xe2V\xad_^\xefmP\x94\xb0\xbb\x84TUuT;f\xcdM\xbbs\xc40\nW\x97,_[\xdd\xc00\x15v\xbfH\x0b\x99Y\xa0\t\x13&amp;H\x92\xc4\x18\xa3\xb1\xc3\xa1?\xff\xc5\x1e\xd5\xcef\x00\xf6(\xdb\xa1?\xff\x85\xc6q\xd4\xe3O\x980\x01\xf9\x1fh\x89\xcb\xf7\xd7\xa4\x1b!}\xed\x92\x1b\xfa\xf6\t\xd2\x89\x8fmg\x18\x86\xcd\xa6.\xcf\\\xc6\x14&amp;\xf9\x15\xb0\xa2$\xf4*\x10\x00\xbe\x83z\xf9{\xee\xb9Gj\xde9G\x92\xa4\xb7\x0e\xbc\xedr\xb8l6\x9b\xc5\x8dk1\x9b\xcd\xe6r\xb8h\x038sw#\xf3MY\xdc8\x08o4\xf6\xf7\xdfa\x9fz\xffA\xb7\xdf6\xef\xd1\xd9\xb5.\x8f\xa2\x86\xc5\xda\xef\xe5\x14Eq9\xdd\xe3\xef\xbb\x07%\xa1-\x87\x00\xf0\x1d\xe6f\t\xb1\xb1\xb1\x9cs\xba\xfa\xbf8\xf7\xe5\xc9\xbf~\x18\xddNv\x87\xe6\x9cGGw&lt;\xf9\xd7\x0f\xbf8\xf7%\xad\x80q\xceccc\xcd\x8d.\xacn \x845\x9a5\xfa\x9f\xb1E]g\xe6\xc6\xd5\xb4A\xba,\x85\xe3\xf0\x9f\xa0$\xf4z!\x00|\x87\x99.\x1f3f\x8c\xd4\x9c\x052\x0c\xe3\xd0\x1bo\xd9\xdaI\x16\xc80\x0c[\x94\xed\xd0\x1boQ\xf4\xa2\xfc\xcf\x981c\xcc\x85\r\xab\x1b\x08\xe1\x8b\xae\x90\xca\xcaJsK5J\x9eL\x9c2al\xea\xdd.\xa7;\xcc\x07\x10W/\tE\x0c\xb8\x1c\x02\xc0\xa5.)\x98iwY\xa0K\xf2?\xf4M\xb3\xb4\xc9\xca\x96A\xd8\xa3ACVV\x96\xd3\xe9\xa4\xa1\x8fa\x186\xbbmU\xf6r\xdd\xa2]?\xaf\x97\xaa\xaa.\x87sA\xfa\xfc\x9b\xe2\x7f\xe8_\x12\x9a\x99\x99\x89,\xd0\xe5\x10\x00.Ec\x9c\xd4\xd4\xd4\xf6\x98\x05\xbaR\xfe\'55UB\xfe\x07\xae\x8a\x92?\xa5\xa5\xa5{\xf6\xeca\x8ci\x9aF\xa5\x9f\xf3\x16\xcdN\x1c2\xc8\xed\xae\x95\x9a\x8f\x14\rg\x86a\\\xbc\xd8\xd8\xb3w\x8f\xc7V,\xf4?3r\xd7\xae]\xe6Q6V\x7f\xd2</t>
        </is>
      </c>
    </row>
    <row r="148">
      <c r="A148" s="1" t="n">
        <v>146</v>
      </c>
      <c r="B148" t="inlineStr">
        <is>
          <t>color_overlap_squares</t>
        </is>
      </c>
      <c r="C148" t="inlineStr">
        <is>
          <t>What is the missing color of the part denoted with a question mark?</t>
        </is>
      </c>
      <c r="D148" t="inlineStr">
        <is>
          <t>['yellow', 'blue', 'purple', 'green']</t>
        </is>
      </c>
      <c r="E148" t="inlineStr">
        <is>
          <t>yellow</t>
        </is>
      </c>
      <c r="F148" t="inlineStr">
        <is>
          <t>There are 3 squares which overlap each other in the image. The color of the squares are ['blue', 'red', '?']. The part where the first and second squares overlap is purple. The part where the second and third squares overlap is orange.</t>
        </is>
      </c>
      <c r="G148" t="inlineStr">
        <is>
          <t>We observe that the blue and red squares overlap to form purple. Hence, the pattern is that the color of the part where two squares overlap is determined by mixing the two colors.</t>
        </is>
      </c>
      <c r="H148" t="inlineStr">
        <is>
          <t>Based on the pattern that the color of the part where two squares overlap is determined by mixing the two colors, the missing color of the part which overlaps with red to form orange should be yellow.</t>
        </is>
      </c>
      <c r="I148" t="inlineStr">
        <is>
          <t>b'\x89PNG\r\n\x1a\n\x00\x00\x00\rIHDR\x00\x00\x02\x00\x00\x00\x02\x00\x08\x02\x00\x00\x00{\x1aC\xad\x00\x00!KIDATx\x9c\xed\xddo\x90\\e\x81\xef\xf1\xe79\xe7tw\xe6\x0fI\x86\x18\xdc?\xc1\xf2\xa2\xeb\xde\xeb\x92\x85T\x12V)I\xf0\x02\x15\xa1ta\xafE\xf9"\xc2\xa5J\x93  l\x95%\x86\xc8\x1bJ%\xbb\xa5/ \xael\x08\x05\x1bb\xb6\x16\xdd\xb5\xb4\xdc-Xn\xad,\x99\xc2\x92\x98\x04\x8c\x02^)\x8aUd\x97\n\xc1L\x92\xf9\xdb\xdd\xe7\x9cg_&lt;0\x0c\x93\xc9\xa4\xa7\xfb9\xe7&lt;\x7f\xbe\x9f\xb2\xac\x18\xa39\xf4\x9c\xfe}\xa7\xbb\xcftK\xa5\x94\x00\x00\x84\'\xaa\xfa\x00\x00\x00\xd5 \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e0MY\x96)\xa5\xaa&gt;\n\x94G\xf2\xf5\x06 \x84PJI)g\xfe\x02\xde\xe3\x11\x00\x10:\xa5\x94\x1e\xfd\xbb\xef\xbe\xfb\xc8\x91#R\xca&lt;\xcf\xab&gt;(\x94\x81\x00\x00ASJ\xe5y.\xa5\xbc\xf1\xc6\x1b\xbf\xfc\xe5/_}\xf5\xd5###Q\x14\xd1\x80\x10\x10\x00 \\z\xfd\xe38\xde\xbcy\xf3\xfd\xf7\xdf\xdf\xdf\xdf\xbf\x7f\xff\xfe\r\x1b6\xd0\x80@\x10\x00 P3\xd7\xff\x81\x07\x1eh4\x1a\x13\x13\x13I\x92\x1c8p\x80\x06\x04\x82\x00\x00!:u\xfd\x9b\xcd\xe6G&gt;\xf2\x91,\xcbh@8\x08\x00\x10\x9cY\xeb\xdf\xd7\xd7\xd7l67n\xdc\xb8o\xdf\xbe{\xee\xb9\'M\xd3F\xa3A\x03B@\x00\x80\xb0\x9c\xba\xfe\x93\x93\x93\xd7_\x7f\xfd\xee\xdd\xbbGFFn\xbd\xf5\xd6{\xef\xbd\xb7\xd9l\xd2\x80\x10\x10\x00  \xa7[\xff\x07\x1f|pttT\x08q\xf4\xe8Q\x1a\x10\x0e\x02\x00\x84b\xfe\xf5\xcf\xf3&lt;\x8a\xa2$Ih@8\x08\x00\x10\x84N\xd6_\xffI\x1a\x10\x0e\x02\x00\xf8\xaf\xf3\xf5\xd7h@ \x08\x00\xe0\xb9\x85\xae\xbfF\x03B@\x00\x00\x9fu\xb7\xfe\x1a\r\xf0\x1e\x01\x00\xbc\xd5\xcb\xfak4\xc0o\x04\x00\xf0S\xef\xeb\xaf\xd1\x00\x8f\x11\x00\xc0C\xa6\xd6_\xa3\x01\xbe"\x00\x80o\xcc\xae\xbfF\x03\xbcD\x00\x00\xaf\x14\xb1\xfe\x1a\r\xf0\x0f\x01\x00\xfcQ\xdc\xfak4\xc03\x04\x00\xf0D\xd1\xeb\xaf\xd1\x00\x9f\x10\x00\xc0\x07\xe5\xac\xbfF\x03\xbcA\x00\x00\xe7\x95\xb9\xfe\x1a\r\xf0\x03\x01\x00\xdcV\xfe\xfak4\xc0\x03\x04\x00pXU\xeb\xaf\xd1\x00\xd7\x11\x00\xc0U\xd5\xae\xbfF\x03\x9cF\x00\x00\'\xd9\xb0\xfe\x1a\rp\x17\x01\x00\xdcc\xcf\xfak4\xc0Q\x04\x00p\x8cm\xeb\xaf\xd1\x00\x17\x11\x00\xc0%v\xae\xbfF\x03\x9cC\x00\x00g\xd8\xbc\xfe\x1a\rp\x0b\x01\x00\xdc`\xff\xfak4\xc0!V\x9c1\x00\xe6\xe7\xca\xfak4\xc0\x15\x16\x9d4\x00\xe6\xe4\xd6\xfak4\xc0\t\xd6\x9d7\x00frq\xfd5\x1a`?KO\x1d\x00\xc2\xe5\xf5\xd7h\x80\xe5\xac&gt;{\x80\x90\xb9\xbe\xfe\x1a\r\xb0\x99\x03\'\x10\x10 ?\xd6_\xa3\x01\xd6r\xe6\x1c\x02\xc2\xe1\xd3\xfak4\xc0N\x8e\x9dF\x80\xf7\xfc[\x7f\x8d\x06X\xc8\xc93\t\xf0\x95\xaf\xeb\xaf\xd1\x00\xdb8|2\x01\x9e\xf1{\xfd5\x1a`\x15\xe7\xcf\'\xc0\x0f!\xac\xbfF\x03\xec\xe1\xc9)\x058-\x9c\xf5\xd7h\x80%\xbc:\xab\x00\x17\x85\xb6\xfe\x1a\r\xb0\x81\x87\'\x16\xe0\x900\xd7_\xa3\x01\x95\xf3\xf6\xdc\x02\xec\x17\xf2\xfak4\xa0Z\x9e\x9f^\x80\xb5X\x7f\x8d\x06T(\x883\x0c\xb0\r\xeb?\x13\r\xa8J@\'\x19`\t\xd6\xffT4\xa0\x12\xc1\x9dg@\xb5X\xff\xd3\xa1\x01\xe5\x0b\xf4T\x03*\xc1\xfa\xcf\x8f\x06\x94,\xe8\xb3\r(\x13\xeb\xdf\t\x1aP&amp;N8\xa0\x0c\xac\x7f\xe7h@i8\xe7\x80\xc2\xb1\xfe\x0bE\x03\xca\xc1i\x07\x14\x8b\xf5\xef\x0e\r(\x01g\x1eP \xd6\xbf\x174\xa0h\x9c|@QX\xff\xde\xd1\x80Bq\xfe\x01\x85`\xfdM\xa1\x01\xc5\xe1\x14\x04\xccc\xfd\xcd\xa2\x01\x05\xe1,\x04\x0cc\xfd\x8b@\x03\x8a\xc0\x89\x08\x98\xc4\xfa\x17\x87\x06\x18\xc7\xb9\x08\x18\xc3\xfa\x17\x8d\x06\x98\xc5\xe9\x08\x98\xc1\xfa\x97\x83\x06\x18\xc4\x19\t\x18\xc0\xfa\x97\x89\x06\x98\xc2I\t\xf4\x8a\xf5/\x1f\r0\x82\xf3\x12\xe8\t\xeb_\x15\x1a\xd0;NM\xa0{\xac\x7f\xb5h@\x8f8;\x81.\xb1\xfe6\xa0\x01\xbd\xe0\x04\x05\xba\xc1\xfa\xdb\x83\x06t\x8ds\x14X0\xd6\xdf64\xa0;\x9c\xa6\xc0\xc2\xb0\xfev\xa2\x01]\x90J\xa9\xaa\x8f\x01p\x06\xebo\xc4\xac\xd9\x91R\x9a\xfa\x7fN\xd3t\xf9\xf2\xe5;v\xec\xb8\xed\xb6\xdb\x1a\x8dF\xb3\xd9\\\xbbv\xed\xe3\x8f?&gt;44\xc4W\xe7T\x04\x00\xe8\x14\xeb\xdf\x8b&lt;\xcf\xf3&lt;\x97R\xc6q\x1c\xc7q\x14ERJ}\x93fY\x96e\x99\x10B\xfff\x8f\x7f\x11\r\xe8\x1c\x01\x00:\xc2\xfawG)\x95eY\x92$\xfd\xfd\xfd\xf5z=\xcb\xb2\xb1\xb1\xb1\xd1\xd1\xd1\xc9\xc9\xc9V\xabU\xab\xd5\xfa\xfb\xfb\x97,Y288\x98\xe7\xf9\xe8\xe8h\x96eq\x1c\xf7\xf8\x97\xd2\x80\x0e\x11\x00\xe0\xccX\xff\xee\xe4y\xdeh4\x06\x06\x06N\x9c8q\xf8\xf0\xe1\xe1\xe1\xe1\x83\x07\x0f\xbe\xfc\xf2\xcbG\x8e\x1c\x99\x9c\x9c\xcc\xb2,\x8a\xa2\xfe\xfe\xfe\x15+V\\p\xc1\x05W]u\xd5\xe5\x97_&gt;88x\xe2\xc4\t\x1aP\x0e\x02\x00\x9c\x01\xeb\xdf\x9d&lt;\xcf\x07\x06\x06^y\xe5\x95G\x1ey\xe4{\xdf\xfb\xde\xcf\x7f\xfe\xf33\xfeO.\xb8\xe0\x82\xbb\xee\xba\xeb\x13\x9f\xf8\x84~\xe5\xb6\xc7\x03\xa0\x01gD\x00\x80\xf9\xb0\xfe\xdd\xc9\xb2l\xc9\x92%\x0f?\xfc\xf0\xed\xb7\xdf&gt;22\xa2\x7f\xb3V\xab\xe9\xa7\xf8\xf5\xeb\x01B\x08)\xa5\xbe\x01\xf5\xed\xac\x7fs\xfb\xf6\xed_\xfc\xe2\x17GFFx\x1cP\xb4\xd0\xff\xf9\x81y\xb0\xfe\xbdPJ\xbd\xfb\xdd\xef\x1e\x19\x19\xa9\xd5j\xb5Z-\x8e\xe3v\xbb\xddj\xb5Z\xadV\x9a\xa6z\xee\xb3,k\xb7\xdb\xedv;\xcb2\xa5\x94~}\xf8\x8e;\xee\xd8\xb3g\xcf\xd0\xd0\x90~e\xb8\x17\\\x1b:?\x1e\x01\x00sc\xfd{\x94\xe7\xf9\x92%K&gt;\xf6\xb1\x8f\xfd\xe8G?\xd2\xbfs\xce9\xe7\\|\xf1\xc5k\xd6\xacy\xdf\xfb\xde\xb7t\xe9\xd28\x8e\xc7\xc7\xc7_|\xf1\xc5G\x1f}t\xdf\xbe}\xfa\xcfDQ\xa4\x94Z\xb6l\xd9\xc1\x83\x07\xcf&gt;\xfb\xecv\xbb\xcduA\xc5!\x00\xc0\x1cX\xff\xdeeY\xb6t\xe9\xd2\x1f\xfe\xf0\x87\x9f\xfc\xe4\'\xd7\xaf_\xff\xe9O\x7f\xfa\xf2\xcb/_\xb1bE\x92$Y\x96\xe5y\xae\x94\x8a\xa2(\x8e\xe34M\xf7\xec\xd9\xf3\xf9\xcf\x7f\xbe\xd9l\xea\xdf\xcc\xb2l\xfb\xf6\xed[\xb7n=z\xf4h\x92$\xbd\x1f\x0c\r\x98\x13\x01\x00fc\xfdM\x91R\xb6Z\xad\x17^x\xe1\xa2\x8b.\xea\xeb\xeb\x1b\x1b\x1b\xd3\x13\xaf\xbf\xa9\xd7?\x07\xa0\'h\xf9\xf2\xe5_\xff\xfa\xd7o\xbf\xfdv\xfd\xbc\x7f\x9e\xe7\x97^z\xe9c\x8f=666f\xea\xd6\xa6\x01\xa7"\x00\xc0;\xb0\xfefI)\xfb\xfa\xfa\xc6\xc7\xc7\xf5\x05\xfes&gt;\x9f\xa3\xbf\xeb\x1f\x1f\x1f_\xb5j\xd5\xd1\xa3G\xe38\xce\xb2\xec\xbd\xef}\xef\xd3O?\xbdh\xd1\xa2,\xcbL\xfd\xa80\r\x98%\xb8\x7f``\x1e\xac\xbfqJ\xa9\xb1\xb11)e\x92$\xa7\xdbq)\xa5~\xbe\xe8\xbc\xf3\xce\x13o\xbd3\xc4\xc9\x93\'\xa7\xa6\xa6\xcc\xde\xe0\xbc&amp;&lt;\x0bg3\xf0&amp;\xd6\xbf \x1d\xdenR\xca\x99\x850\xf2\xb6\x10\xa7\xa2\x013qB\x03B\xb0\xfe\x95\xd2\x17\x80\x8e\x8f\x8f\xbf\xf6\xdak\xd3\xbf\xb9t\xe9\xd2\xfe\xfe\xfe\xde\xaf\x04=\x15\r\x98\xc69\r\xb0\xfe\x15\xcb\xb2lpp\xf0\x99g\x9ey\xe5\x95W\xf4e\xa0R\xca\x0f|\xe0\x03K\x96,I\xd3\x94\xc7\x01\xc5\xe1\xb4F\xe8X\xffj\xe5y^\xab\xd5\xda\xed\xf6]w\xdd5}M\x8aR\xea\xe3\x1f\xffx\x1c\xc7\xc5]\xa5B\x03\x04W\x01!p\xac\x7f\xb5\xf4-\xbcx\xf1\xe2\xcf~\xf6\xb3\xbbw\xef\xd6\xb7v\x9e\xe7\xef\x7f\xff\xfb\x7f\xf2\x93\x9f$I\xa2\xdfA\xba\xb8\x03\x08\xfc\xba \xcf\xff\xf1\x80y\xb0\xfe\xd5J\xd3\xb4\xd1h4\x1a\x8d\x1bn\xb8a\xf7\xee\xdd3\xdf\xf9\xe7\x9e{\xee)\xee\xf9\x9f\x99\x02\x7f\x1c\xc0\xf9\x8d@\xb1\xfe\xd5J\xd3t\xf1\xe2\xc5\'O\x9e\xbc\xe6\x9ak\xf6\xee\xdd;\xfdlO\x9e\xe7;v\xec\xb8\xf2\xca+\x8f\x1f?\xde\xfb\x9b\xc1u"\xe4\x06\xf0\x14\x10B\xc4\xfaW+M\xd3\xa1\xa1\xa1\xc3\x87\x0fo\xdc\xb8\xf1W\xbf\xfa\x95\x1ez\xfd\xf1\x00\xdf\xfa\xd6\xb7\xb6l\xd9\xf2\xbb\xdf\xfd\xae\x9c\xf5\x9fyH\x01&gt;\x17D\x00\x10\x1c\xd6\xbfZz\xfd\x87\x87\x87\xaf\xbd\xf6\xdac\xc7\x8eM\xaf\xff\xd0\xd0\xd0C\x0f=t\xcd5\xd7\x98z\xff\x9f.\x0e,\xb4\x06\x10\x00\x84\x85\xf5\xaf\x96\xfe\x94\x98\xe7\x9e{\xee\x8a+\xae\x98~\x92\'\xcb\xb2\xf3\xcf?\xff\xdb\xdf\xfe\xf6\xca\x95+\x8f\x1d;V\xc9\xfak\xa15\x80\x00  \xac\x7f\xb5\xf4\x05\xfeR\xcau\xeb\xd6\xfd\xe2\x17\xbfH\x92D\x7fb\xf0\xa5\x97^\xfa\xc8#\x8f,]\xba\xf4\xc4\x89\x13\xb5Z\xad\xda\x83\x0c\xaa\x01^\xfd\xc3\x00\xf3`\xfd+\xa7?&amp;l\xef\xde\xbdz\xfd\xf5\x07\xc2\xac_\xbf\xfe\xfb\xdf\xff\xfe\xc0\xc0\xc0\xc9\x93\'+_\x7f\x11\xd8k\xc2\x9c\xf1\x08\x02\xebo\x83(\x8a\xda\xed\xf6w\xbf\xfb]\xfd8@)\xb5b\xc5\x8a={\xf6\xd4\xeb\xf5\xa9\xa9\xa9\n\x9f\xf9\x99%\x9c\x06p\xd2\xc3\x7f\xac\xbf\r\x94R\xf5z\xfd\xc8\x91#\xbf\xfc\xe5/\xd5[n\xbd\xf5\xd6\xf7\xbc\xe7=ccc%_\xf3sF\x814\x80\xf3\x1e\x9ec\xfd-\xa1\xdf\xf1\xed\x8d7\xde8q\xe2\x84\x10B\x7f&lt;\xc0\xbau\xeb&amp;\'\'m[\x7f-\x84\x06p\xea\xc3g\xac\xbfU\xa2(\x9a\x9c\x9c\x9c\xfed\x98\xc5\x8b\x17/_\xbe\xbc\x84\x1f\xf7\xed\x9a\xf7\r\xe0\xec\x87\xb7X\x7f\x0b\xe9O\x03\xd6\xff&gt;55e\xe7\xf7\xfe3\xf9\xdd\x00.\x03\x85\x9fX\x7f\xdb\xe8\xa7\x80FGG\x9fy\xe6\x19\xfd;\xb5Zm\xed\xda\xb5\xfab\xd0j\x8f\xed\x8c|\xbd6\x94\x00\xc0C\xac\xbf\xb5\xa2(\x1a\x18\x18\xd0\xbfVJ\x8d\x8f\x8f\xbb2A^6\x80\x00\xc07\xac\xbf\xcd\x94Ri\x9a\xeagN\xa2(\xb2\xe1\xc2\xff\xce\xf9\xd7\x00\x02\x00\xaf\xb0\xfe\x96\xd3o\x05\xb1h\xd1"!D\xbb\xdd\x1e\x1d\x1d\x15o}\n\xbc\x13&lt;k\x00\x01\x80?X\x7f\xcb)\xa5\x06\x06\x06~\xfa\xd3\x9f\xee\xdb\xb7ojj\xea\xa2\x8b.\xba\xe2\x8a+\x9a\xcdf\xd1\x9f\xfab\x96O\r \x00\xf0\x04\xebo9\xfd&gt;\x10;v\xec\xf8\xd2\x97\xbe4\xfdQ\xef\xd7_\x7f\xfd}\xf7\xdd\xd7l6\x1d\n\x80\xf0\xa8\x01\x04\x00&gt;`\xfd-\xa7\x94J\x92\xe4\xf8\xf1\xe3+W\xae\xd4\xef\xf9\xa3\x7f\x128\xcb\xb2G\x1f}\xf4\xb2\xcb.\x1b\x1d\x1du\xebk\xe4G\x03\xdc8J`\x1e\xac\xbf\xfd\x94R\x8dF\xe3\xd7\xbf\xfe\xf5\xe8\xe8\xa8\x94\xb2\xddn\xeb\x9f\xff\x8a\xa2\xe8\xf9\xe7\x9f\xaf\xd5j\xce]P\xef\xc7\xcf\x07p\xc7\x80\xdbX\x7f\x87\xcc\xf9\xb5p\xf7\x0b\xe4A\x03\\\xbd\xe9\x01\xc1\xfa\xbbCJ955u\xdey\xe7-[\xb6L\xbf+\x9c~;\xe8&lt;\xcf/\xbc\xf0\xc2V\xab\xe5\xe8W\xca\xf5\x068y\xa3\x03\x82\xf5w\x8a~\xdag\xf9\xf2\xe5_\xfb\xda\xd7\xea\xf5z\xab\xd5\xd2?\rp\xcb-\xb7\\|\xf1\xc5ccc\xee~\xb1\x9cn\x00/\x02\xc3I\xac\xbf\x8b\x94R\x83\x83\x83\x87\x0e\x1dz\xe2\x89\'&amp;\'\'?\xfc\xe1\x0f_v\xd9eSSS\x1e\xac\x90\xa3\xaf\t\x13\x00\xb8\x87\xf5wW\x9e\xe7\xfd\xfd\xfd}}}B\x88V\xab\xe5\xdc\xc5?\xf3p\xb1\x01\x04\x00\x8ea\xfd]\xa7\x9f\xfa\x17BH)\xed\x7f7\xd0\x05q\xae\x01\x04\x00.a\xfda9\xb7\x1a`\xd7\xd1\x00\xf3`\xfda?\xb7^\x13\xe6\x0e\x037\xb0\xfep\x85C\r\xe0&gt;\x03\x07\xb0\xfep\x8b+\r\xe0n\x03\xdb\xb1\xfep\x91\x13\r\xe0\x9e\x03\xab\xb1\xfep\x97\xfd\r\xe0\xce\x03{\xb1\xfep\x9d\xe5\r\xe0\xfe\x03K\xb1\xfe\xf0\x83\xcd\r\xe0.\x04\x1b\xb1\xfe\xf0\x89\xb5\r\xe0^\x04\xeb\xb0\xfe\xf0\x8f\x9d\r\xe0\x8e\x04\xbb\xb0\xfe\xf0\x95\x85\r\xe0\xbe\x04\x8b\xb0\xfe\xf0\x9bm\r\xe0\xbd\x80\xc2R\xf9U\x07\xf3PJ\xe9\xcf\x08\xd4\xeb\xaf\xdf5~\xe3\xc6\x8d\x0f=\xf4\x10\xeb_\x1an\xe4\x12\xcc|\xbf\xa08\x8e\xb3,\x9b~\xbf }/(\xedH\x08\x00\xec\xa2\xd7\xbf\xd1h\xb4\xdb\xed-[\xb6\xdcw\xdf}\xcdfS)\xc50\x95 \xcb\xb2\xa9\xa9\xa9\xaa\x8f"\x08\xd3\r\xd8\xb6m[\xbb\xddn\xb5Z\x1f\xfa\xd0\x87\xbe\xf3\x9d\xef\xacX\xb1BJYZ\x03\x08@(\xf4w\x16_\xf8\xc2\x17\x9e}\xf6Y\xfdMG\xd5G4\x9b\x94\xf2\xc4\x89\x13\x87\x0e\x1d\xd2\x87\x17\xc7\xf1%\x97\\\xa2\x94J\xd3\x94\xf5/\x9a~\xfea\xe5\xca\x95\xdf\xf8\xc67&amp;\'\'\xcb\xfc&amp;4L\xfa\xb1\xf8\xb2e\xcb.\xb9\xe4\x92\xa7\x9ez\xaa\xbf\xbf\x7fbb\xe2+_\xf9\xca\x9dw\xde\xa9O\xfer\x0e#)\xe7\xafA\xe5t\x00~\xfc\xe3\x1f\xef\xdf\xbf\xbf\xeac\x99O=I\xf2&lt;\x8f\xa3(\xcb\xb2\'\x9f|\xb2\xea\xc3\t\xcb\xc4\xc4D\x92$%?\x0b\x11 \xfd|\xe6Yg\x9du\xddu\xd7=\xf5\xd4S\x8dFcbbb\xcb\x96-w\xdcq\x87~\r\xac\xb4#!\x00a\x19\x1c\x1c\x8c\xe38\x8e\xe3V\xabU\xf5\xb1\xcc\xad\x95\xa6\xfa\x17R\x88\xe8\xad{\x82\x85\x8fW&lt;S\xaf\xd7\xb3,\x1b\x1c\x1c\xe4)\x81\xa2M\xaf\xffg&gt;\xf3\x99\xbd{\xf7\xea\xcf\x0c\xd8\xb4i\xd3\xce\x9d;\xcb\xbf\xf1\t@X\xf2&lt;\xcf\xb2L)\xf5\xa1?\xf8\x83\x8f\x9e{\xeex\xbb\x1dY\xf6\xbd\x9e\x12"\x89\xa2c\x93\x93\x7f\xf7\xdcsy\x9eI!\xa3H\xde\xf4\x89?\xfd\xbde\x83\x13\x13\xad8\x8e\x84PB\xd8u\xcc\xee\xca\x95j,\xaa=q\xe87O=\xff\xda\xf4\x07u\xa183\xd7\x7f\xcf\x9e=\xfa:\xb7M\x9b6\xed\xda\xb5+\xcb\xb2(\x8aJ~\xecE\x00B\x94\xe7\xf9\xa5\xe7\x9e{\xf7\xfa\xf5\xc7&amp;&amp;\x12\xfb\x9e^\xcf\x95Z\x94$\x7f|\xf6\xd9[\x87\x87\x93Xf\xb9z\xe9?\x8f\x7f\xf3\x96\x8fF\x83\r1\x95\x8aX\n\xbeI5%\xcb\xc5\xd0@\xf2\xcd\'\x86\x7f\xf1\x9fU\x1f\x8a\xffl[\x7fA\x00\x825\xd1n\x1f\x9b\x988je\x00\x84\x10J\x88\x9b.\xbcP\x08\xb1ux\xb8\x16G\xff\xef\x99WV\xdd\xf8\xf7\xff\xba\xfd\xff\x0c\r\xd6\xa7\xa6\xd28\xe6\x11\x80\x19i\x96\x9f%\xc4\xf8d\xbb\xea\x03\xf1\x9f\x85\xeb/\x08@\xb0")\x93(\xd2\xff\xaa\xfaX\xe6\xf6\xfa\xc4\xc4t\x03\x1aI\xfc\xf3\xffx\xe3\xe3w\xfe\xe0\xf1\xbf\xfa\x8b\xa1\x81\xc6$\r0\'\x89\xa3(\xe2\xc6,\x96\x9d\xeb/\xf8I`X+\x89"\xdd\x80\xbfZ\xb7\xae\x99f\x8d$~\xe6\xa5\xd77l\xfd\xfe\xc8x\xb3oQ\x92e&lt;\r\x047X\xbb\xfe\x82\x00\xc0f4\x00\xae\xb3y\xfd\x05\x01\x80\xe5h\x00\xdce\xf9\xfa\x0b\x02\x00\xfb\xd1\x00\xb8\xc8\xfe\xf5\x17\x04\x00N\xa0\x01p\x8b\x13\xeb/\x08\x00\\A\x03\xe0\nW\xd6_\x10\x008\x84\x06\xc0~\x0e\xad\xbf \x00p\x0b\r\x80\xcd\xdcZ\x7fA\x00\xe0\x1c\x1a\x00;9\xb7\xfe\x82\x00\xc0E4\x00\xb6qq\xfd\x05\x01\x80\xa3h\x00\xec\xe1\xe8\xfa\x0b\x02\x00w\xd1\x00\xd8\xc0\xdd\xf5\x17\x04\x00N\xa3\x01\xa8\x96\xd3\xeb/\x08\x00\\G\x03P\x15\xd7\xd7_\x10\x00x\x80\x06\xa0|\x1e\xac\xbf \x00\xf0\x03\r@\x99\xfcX\x7fA\x00\xe0\r\x1a\x80rx\xb3\xfe\x82\x00\xc0\'4\x00E\xf3i\xfd\x05\x01\x80gh\x00\x8a\xe3\xd9\xfa\x0b\x02\x00\xff\xd0\x00\x14\xc1\xbf\xf5\x17\x04\x00^\xa2\x010\xcb\xcb\xf5\x17\x04\x00\xbe\xa2\x010\xc5\xd7\xf5\x17\x04\x00\x1e\xa3\x01\xe8\x9d\xc7\xeb/\x08\x00\xfcF\x03\xd0\x0b\xbf\xd7_\x10\x00x\x8f\x06\xa0;\xde\xaf\xbf \x00\x08\x01\r\xc0B\x85\xb0\xfe\x82\x00 \x104\x00\x9d\x0bd\xfd\x05\x01@8h\x00:\x11\xce\xfa\x0b\x02\x80\xa0\xd0\x00\xcc/\xa8\xf5\x17\x04\x00\xa1\xa1\x018\x9d\xd0\xd6_\x10\x00\x04\x88\x06\xe0T\x01\xae\xbf \x00\x08\x13\r\xc0La\xae\xbf \x00\x08\x16\r\x80\x16\xec\xfa\x0b\x02\x80\x90\xd1\x00\x84\xbc\xfe\x82\x00 p4 d\x81\xaf\xbf \x00\x00\r\x08\x13\xeb/\x08\x00 h@xX\x7f\x8d\x00\x00B\xd0\x80\x90\xb0\xfe\xd3\x08\x00\xf0&amp;\x1a\x10\x02\xd6\x7f&amp;\x02\x00\xbc\x8d\x06\xf8\x8d\xf5\x9f\x85\x00\x00\xef@\x03|\xc5\xfa\x9f\x8a\x00\x00\xb3\xd1\x00\xff\xb0\xfes"\x00\xc0\x1ch\x80OX\xff\xd3!\x00\xc0\xdch\x80\x1fX\xffy\x10\x80\xb0(\xc5l-\x00\rp\x1d\xeb??\x02\x10\n\xa5\x94R*I\x92\xaa\x0f\xc414\xc0]\xac\xff\x19\x11\x80 (\xa5\xa4\x94R\xca\xe3\xc7\x8fW},\xee\xa1\x01.b\xfd;A\x00\xfc\xa7\x94\xd2w\x86\xcd\x9b7\x1f&lt;x\xb0\x9e$B\x08FkAh\x80[X\xff\x0e\x11\x00\xcf\xe9\xf5\x8f\xe3x\xf3\xe6\xcd\x0f&lt;\xf0@\x1c\xc7y\x9e\x0b!jQ\xc4\xeb\x01\x0bB\x03\\\xc1\xfaw\x8e\x00\xf8l\xd6\xfa\xd7\xea\xf5,\xcb\xf4\x7f\xf5\xc6\xe4d#Ih\xc0\x82\xd0\x00\xfb\xb1\xfe\x0bB\x00\xbcu\xea\xfa\xb7[-)e\x9a\xe7\x91\x94{_x\xe1\x9eC\x87\xde=8\x98\xe6y\xd5G\xea\x12\x1a`3\xd6\x7f\xa1\x08\x80\x9ff\xad\x7fcQ_\xbb\xd5\xba\xf0\xca\x1b\xce=\xffb!\x84\x90Q\xa6\xd4\x1d\xc3\xc3\xf7=\xfb\xec9\xfd\xfd4`Ah\x80\x9dX\xff.\x10\x00\x0f\x9d\xba\xfe\xcd\xa9\xc9\x0f^z\xedU\x7f\xb9C?\xe7\xa3\x84\x10J%Q\xbcux\xf8\xbe\x9f\xfd\x8c\x06,\x14\r\xb0\r\xeb\xdf\x1d\x02\xe0\x9b9\xd7\xffO\xfe\xf7\xa7\xae\xba\xed\xde\xd6\xc4X\x9e\xbf\xf9\x1a\x80\x12"\xcd3\x1a\xd05\x1a`\x0f\xd6\xbfk\x04\xc0+s\xae\xff\xf9z\xfd\'\xc7\x94\xc8\xf5=A\xe5\xd9\xba\x8b\xae\xfd\xa3\xff\xb1&amp;\xcd\xb3Z\x9c\xd0\x80\xee\xd0\x00\x1b\xb0\xfe\xbd \x00\xfe8\xdd\xfa_\xa9\xd7_\xe5R\xbe\xfd\xe5^|\xd6\xbbn\xbb\xe1o\xff\xf0\xf7\xfe\xa8\x9d\xa54\xa0k4\xa0Z\xac\x7f\x8f\x08\x80\'\x16\xb4\xfeB\x88fs\xa2o\xd1\xe0\xcd\xd7}\xf3\xdc\xdf\xff\x9f4\xa0\x174\xa0*\xac\x7f\xef\x08\x80\x0f\x16\xba\xfeB\x88(\x8a[\xad\xa9\xfe\xbe\xb3n\xf9\xbf\x7fC\x03zD\x03\xca\xc7\xfa\x1bA\x00\x9c\xd7\xc5\xfak\xba\x01}\x8bh\x80\x014\xa0L\xac\xbf)\x04\xc0m]\xaf\xbf\x16Eq\xab5I\x03\x8c\xa0\x01\xe5`\xfd\r"\x00\x0e\xebq\xfd5\x1a`\x10\r(\x1a\xebo\x16\x01p\x95\x91\xf5\xd7h\x80A4\xa08\xac\xbfq\x04\xc0I\x06\xd7_\xa3\x01\x06\xd1\x80"\xb0\xfeE \x00\xee1\xbe\xfe\x1a\r0\x88\x06\x98\xc5\xfa\x17\x84\x008\xa6\xa0\xf5\xd7h\x80A4\xc0\x14\xd6\xbf8\x04\xc0%\x85\xae\xbfF\x03\x0c\xa2\x01\xbdc\xfd\x0bE\x00\x9cQ\xc2\xfak4\xc0 \x1a\xd0\x0b\xd6\xbfh\x04\xc0\r\xa5\xad\xbfF\x03\x0c\xa2\x01\xdda\xfdK@\x00\x1cP\xf2\xfak4\xc0 \x1a\xb0P\xac\x7f9\x08\x80\xed*Y\x7f\x8d\x06\x18D\x03:\xc7\xfa\x97\x86\x00X\xad\xc2\xf5\xd7h\x80A4\xa0\x13\xac\x7f\x99\x08\x80\xbd*_\x7f\x8d\x06\x18D\x03\xe6\xc7\xfa\x97\x8c\x00X\xca\x92\xf5\xd7h\x80A4\xe0tX\xff\xf2\x11\x00\x1bY\xb5\xfe\x1a\r0\x88\x06\x9c\x8a\xf5\xaf\x04\x01\xb0\x8e\x85\xeb\xaf\xd1\x00\x83h\xc0L\xac\x7fU\x08\x80]\xac]\x7f\x8d\x06\x18D\x034\xd6\xbfB\x04\xc0"\x96\xaf\xbfF\x03\x0c\xa2\x01\xac\x7f\xb5\xaa\x1f\x14hN\xac\xbfF\x03\x0c\n\xb9\x01\xac\x7f\xe5l\xd9\x94\xc09\xb4\xfe\x1a\r0(\xcc\x06\xb0\xfe6\xb0kV\xc2\xe4\xdc\xfak4\xc0\xa0\xd0\x1a\xc0\xfa[\xc2\xc6e\t\x8a\xa3\xeb\xaf\xd1\x00\x83\xc2i\x00\xebo\x0f{\xc7%\x04N\xaf\xbfF\x03\x0c\n\xa1\x01\xac\xbfUl\xdf\x17\x8fy\xb0\xfe\x1a\r0\xc8\xef\x06\xb0\xfe\xb6qcb\xfc\xe3\xcd\xfak4\xc0 _\x1b\xc0\xfa[\xc8\xa5\x95\xf1\x86g\xeb\xaf\xd1\x00\x83\xfck\x00\xebo\'\xf7\x86\xc6u^\xae\xbfF\x03\x0c\xf2\xa9\x01\xac\xbf\xb5\\\xdd\x1aGy\xbc\xfe\x1a\r0\xc8\x8f\x06\xb0\xfe6s{n\xdc\xe2\xfd\xfak4\xc0 \xd7\x1b\xc0\xfa[\xce\x87\xc5qB \xeb\xaf\xd1\x00\x83\xdcm\x00\xebo?\x7fF\xc7fA\xad\xbfF\x03\x0cr\xb1\x01\xac\xbf\x13|\xdb\x1d\x0b\x05\xb8\xfe\x1a\r0\xc8\xad\x06\xb0\xfe\xae\xf0sz\xec\x11\xec\xfak4\xc0 W\x1a\xc0\xfa;\xc4\xe7\xf5\xa9\\\xe0\xeb\xaf\xd1\x00\x83\xeco\x00\xeb\xef\x16\xff\x07\xa8*\xac\xff4\x1a`\x90\xcd\r`\xfd\x9d\x13\xca\x06\x95\x8c\xf5\x9f\x85\x06\x18dg\x03X\x7f\x17\x855C\xe5`\xfd\xe7D\x03\x0c\xb2\xad\x01\xac\xbf\xa3B\\\xa2B\xb1\xfe\xf3\xa0\x01\x06\xd9\xd3\x00\xd6\xdf]\xe1\x8eQ\x11X\xff3\xa2\x01\x06\xd9\xd0\x00\xd6\xdfi\xa1\xef\x91A\xac\x7f\x87h\x80A\xd56\x80\xf5w\x1d\x93d\x06\xeb\xbf 4\xc0\xa0\xaa\x1a\xc0\xfa{\x80U2\x80\xf5\xef\x02\r0\xa8\xfc\x06\xb0\xfe~`\x98z\xc5\xfaw\x8d\x06\x18Tf\x03X\x7fo\xb0M=a\xfd{D\x03\x0c*\xa7\x01\xac\xbfO\x98\xa7\xee\xb1\xfeF\xd0\x00\x83\x8an\x00\xeb\xef\x19\x16\xaaK\xac\xbfA4\xc0\xa0\xe2\x1a\xc0\xfa\xfb\x87\x91\xea\x06\xebo\x1c\r0\xa8\x88\x06\xb0\xfe^b\xa7\x16\x8c\xf5/\x08\r0\xc8l\x03X\x7f_1U\x0b\xc3\xfa\x17\x8a\x06\x18d\xaa\x01\xac\xbf\xc7X\xab\x05`\xfdK@\x03\x0c\xea\xbd\x01\xac\xbf\xdf\x18\xacN\xb1\xfe\xa5\xa1\x01\x06\xf5\xd2\x00\xd6\xdf{lVGX\xff\x92\xd1\x00\x83\xe6i@\xff\xa2D\xe5s7\x80\xf5\x0f\x01\xb3uf\xac\x7f%h\x80A\xa7m\xc0XS.J\xd2l\xf6\x8d\xc9\xfa\x07\x82\xe5:\x03\xd6\xbfB4\xc0\xa0\xb9\x1b\xb0\xed\x07\xe3\xe3\xad\xb3\xfaj3\xff$\xeb\x1f\x0e\xc6k&gt;\xac\x7f\xe5h\x80A\xa76\xe0\xf0\xcbG\xaf\xfe\xe2?\xbdvlb\xfa\xcf(\xa5X\xffp\xb0_\xa7\xc5\xfa[\x82\x06\x184\xab\x01\xb58\xfa\xd1\xe1W\xbf\xf5\xcf\x87\xe38\x16B\xe4y.\x84`\xfd\xc3\xc1\x84\xcd\x8d\xf5\xb7\n\r0hf\x03\xdaY^\x8b\xa3\xe9QO\x92\xa4\xd1h\xb0\xfe\xe1`\xc5\xe6\xc0\xfa[\x88\x06\x184\xab\x01\xe2\xade\x97R~\xees\x9f\xdb\xbbw/\xeb\x1f\x08\x86l6\xd6\xdfZ4\xc0\xa07\x1b\xb0j\xd5\xf6u\xebb)U\x9e\x0b!\x86\x87\x87w\xee\xdc\xd9h4X\xff@\xb0e\xef\xc0\xfa[\x8e\x06\x18\x94D\xd1\x91\xb1\xb1\xbf\\\xbd\xfa\xd3\x1f\xfc`\xaeT\x12Ey\x9e\xd7\xeb\xf5f\xb3\xc9\xfa\x07\x829{\x1b\xeb\xef\x04\x1a`\x90\x94\xb2\x99\xa6\xef\xea\xeb\xd3\xff1\x8e\xe3V\xab\xc5\xfa\x87\x83E{\x13\xeb\xef\x10\x1a`\x90\x94\xb2\x9d\xe7B\x88(\x8a\xb2,c\xfd\x83\xc2\xa8\t\xc1\xfa;\x88\x06\x18\xa4g\xbe\x95\xa6k\xd6\xac\xd9\xb5k\x97\xfeA0\xd6?\x04\xec\x1a\xeb\xef*\x1a`\xdc\xd2\xa5K\x95RJ)\xd6?\x10\xa1O\x1b\xeb\xef4\x1a`V\x9a\xa6RJ\xd6?\x1cA\xaf\x1b\xeb\xef\x01\x1a`\x10\xd3\x1f\x9ap\x07\x8e\xf5\xf7\x06\r\x00\xba\x13\xe8\xc6\xb1\xfe\x9e\xa1\x01@\x17B\x9c9\xd6\xdfK4\x00X\xa8\xe0\x96\x8e\xf5\xf7\x18\r\x00\x16$\xac\xb1c\xfd\xbdG\x03\x80\xce\x05\xb4w\xac\x7f h\x00\xd0\xa1P&amp;\x8f\xf5\x0f\n\r\x00:\x11\xc4\xea\xb1\xfe\x01\xa2\x01\xc0\x19\xf9?|\xac\x7f\xb0h\x000?\xcf\xb7\x8f\xf5\x0f\x1c\r\x00\xe6\xe1\xf3\xfc\xb1\xfe\x104\x008=o\x17\x90\xf5\xc74\x1a\x00\xcc\xc9\xcf\x11d\xfd1\x0b\r\x00N\xe5\xe1\x0e\xb2\xfe\x98\x13\r\x00f\xf1m\nY\x7f\xcc\x83\x06\x003y\xb5\x86\xac?\xce\x88\x06\x00\xd3\xfc\x19D\xd6\x1f\x1d\xa2\x01\x80\xe6\xc9&amp;\xb2\xfeX\x10\x1a\x00\x08?\x02\xc0\xfa\xa3\x0b4\x00p~\x19Y\x7ft\x8d\x06 pn\x8f#\xeb\x8f\x1e\xd1\x00\x84\xcc\xe1}d\xfda\x04\r@\xb0\\\x9dH\xd6\x1f\x06\xd1\x00\x84\xc9\xc9\x95d\xfda\x1c\r@\x80\xdc\x1bJ\xd6\x1f\x05\xa1\x01\x08\x8dc[\xc9\xfa\xa3P4\x00Aqi.Y\x7f\x94\x80\x06 \x1c\xce,&amp;\xeb\x8f\xd2\xd0\x00\x04\xc2\x8d\xd1d\xfdQ2\x1a\x80\x108\xb0\x9b\xac?*A\x03\xe0=\xdb\xa7\x93\xf5G\x85h\x00\xfcf\xf5z\xb2\xfe\xa8\x1c\r\x80\xc7\xec\x1dP\xd6\x1f\x96\xa0\x01\xf0\x95\xa5\x1b\xca\xfa\xc3*4\x00^\xb2qFY\x7fX\x88\x06\xc0?\xd6-)\xeb\x0fk\xd1\x00x\xc6\xae1e\xfda9\x1a\x00\x9fX\xb4\xa7\xac?\x9c@\x03\xe0\r[&amp;\x95\xf5\x87Ch\x00\xfc`\xc5\xaa\xb2\xfep\x0e\r\x80\x07\xaa\x1fV\xd6\x1f\x8e\xa2\x01p]\xc5\xdb\xca\xfa\xc3i4\x00N\xabr^Y\x7fx\x80\x06\xc0]\x95-,\xeb\x0fo\xd0\x008*\xa9\xe4oe\xfd+\xa7T\x9e\xe5i\x9egU\x1f\x88?&amp;\xa7\xc6\x1a\xf5\xfe\x9b\xae\xbb\xf7\x9b\x0f\xdf\xfc_G^J\xa2x\xeb\xf0\xb0\x10\xe2\xa6\x0b/&lt;21!\xab&gt;\xbc9\xa5y\x9e\xe6y\xaeT\xd5\x07\x82jT\x10\x00\xd6\xdf\x06\xf5z\xdf\x92\xc1wI!\xa2\xa8\x9ao\x02&lt;$E\x96eg\r\x9c\xbd\xed\xa6\x7f\xf8\x9b=\xb7\xbc\xf8\xf2\x81\xe9\x06\xdc\xb6z\xf5T\x9aF\xd2\xba\n\xa4y~v\x7f\x7f\x7f\xadV\xf5\x81\xa0\x1ae\xdf\xf9Y\x7f\x1bH\x19\xfd\xff\x97\x9e~\xe4_\xb67[\x93\xdc\xe0\xe6(!d\x9eg\x8dF\xff\xf2e\xe7\xbe\xf8\x1f\x073\x95K)\xb7\x0e\x0f\xff\xea\xd8\xb1\xb3\xfb\xfa\xd2&lt;\xb7\xad\x00\xb9R\x03\xb5\xda\x93\xbf\xfdm\x14E9OU\x85\xa7\xd4\x00(\xa5\x84\x10\xd3\xeb_\xaf7X\xff\x92I\x19\xc9(\x96Q\xfc\xd2o\x9e}\xe97\xcfV}8&gt;\x93Q$\xa4\x14BH\xa5\xfe\xee\xb9\xe7\xaa&gt;\x9c3\xa8\xd7\xebY\x96E\x11w\xc0\xb0\x94\x1d\x00\xa5\xd4\xcd7\xdf\xac\xd7\xbf\xd5j\xfe\xc9G\xafe\xfdK$\xdbS\xe3*\xcf\x14O\xfd\x17O\xcd\xf8\x86:\x8e")D\x14E\xad4\xad\xf0\x90\xe6\xd1j\xb5\x84\x10cccU\x1f\x08JU^\x00\xb2,\x8b\xe3\xf8\xab_\xfd\xea\xfd\xf7\xdf\xdf\xd7\xd7?99\xb1\xe2\x83\x7f\xf6\xe7\xb7?0&gt;\xf2\xba\x90\x82\xf5/\x9c\x94*O\x7f\xff\x8fW\'\x8d&gt;\x19\xc54\xa0PRH\xa5r\x19\xc5R\xca\xdf&gt;\xfft\x96gq\x1c\xb7\xd2t\xf5\xea\xd5K\x96,Q\xf6\xbd\xe8\x1a\xc7q\x96e\xabV\xad\x12BH\xfb^\xab@Adi\xe7\xa2\xfe\xf6\xff\xd5W_\xfd\xd4\xa7&gt;\xf5\xf4\xd3O\xd7\xeau\x11%\xeb\xaf\xbfs\xf5\xd5[&amp;\x8e\x1f\x8db^\x8a,CRo\xc8(\x16J\x08\xee\xe3ERy.eT\xef\x1f|\xec\xde\xdb~\xf6\xaf\x0f\xd7\x92Z\xab\xd5\xdc\xb4i\xd3\xae]\xbb\xaa&gt;4\xe0m\xe5\x05@\x08\xa1\x94\x92R\x8e\x8c\x8cl\xd8\xb0\xe1\xc0\x81\x03I\x92\xa4iz\xf9\xe6\xbb\xd7\\s\xe3\xf8\xc8\xeb4\xa0\x04J\xe5\xc2\xba\xef&gt;\xfd"\xdf\xb1\xfe\xcf\xff\xfb?\xd6\xeb\xf5V\xab\xa5\xd7?\xcfs}/\xa8\xfa(O\x8b\x97\x01\x82Rj\x00\x84\x10y\x9eGQ4\xdd\x00\xfdJ\x00\r\x807\xf4\xabY\xf5\xbe\xc1\xc7\xee\xbd\xf5\xb9\'\xbe\xab\xafs\xd3\xeb\xaf_e\xb5y\xfd\x11\x9a\xb2k\xaf\xaf6\x1b\x1a\x1az\xfc\xf1\xc7\xd7\xae]\xdbj5\xeb\xf5\xc6\xbf\xed\xdav\xf0\x07;\x07\x86\xce\xc93K_"\x03:1c\xfdoc\xfda\xbf\n\x1e\xee\xd1\x00x\xe9\x9d\xeb\xff\x1d\xd6\x1f\xf6\xab\xe6\xf9&gt;\x1a\x00\xcf\xb0\xfepQe/\xf8\xd0\x00x\x83\xf5\x87\xa3\xaa|\xc5\x9f\x06\xc0\x03\xac?\xdcU\xf1%_4\x00Nc\xfd\xe1\xb4\xea\xaf\xf9\xa5\x01p\x14\xeb\x0f\xd7U\x1f\x00A\x03\xe0 \xd6\x1f\x1e\xb0"\x00\x82\x06\xc0)\xac?\xfc`K\x00\x04\r\x80#X\x7fx\xc3\xa2\x00\x08\x1a\x00\xeb\xb1\xfe\xf0\x89]\x01\x104\x00\x16c\xfd\xe1\x19\xeb\x02 h\x00\xac\xc4\xfa\xc3?6\x06@\xd0\x00X\x86\xf5\x87\x97,\r\x80\xa0\x01\xb0\x06\xeb\x0f_\xd9\x1b\x00A\x03`\x01\xd6\x1f\x1e\xb3:\x00\x82\x06\xa0R\xac?\xfcf{\x00\x04\r@EX\x7fx\xcf\x81\x00\x08\x1a\x80\xd2\xb1\xfe\x08\x81\x1b\x01\x104\x00%b\xfd\x11\x08g\x02 h\x00J\xc1\xfa#\x1c.\x05@\xd0\x00\x14\x8c\xf5GP\x1c\x0b\x80\xa0\x01(\x0c\xeb\x8f\xd0\xb8\x17\x00A\x03P\x00\xd6\x1f\x01r2\x00\x82\x06\xc0(\xd6\x1far5\x00\x82\x06\xc0\x10\xd6\x1f\xc1r8\x00\x82\x06\xa0g\xac?B\xe6v\x00\x04\r@\x0fX\x7f\x04\xce\xf9\x00\x08\x1a\x80\xae\xb0\xfe\x80\x0f\x01\x104\x00\x0b\xc4\xfa\x03\xc2\x9b\x00\x08\x1a\x80\x8e\xb1\xfe\x80\xe6O\x00\x04\r@\x07X\x7f`\x9aW\x01\x104\x00\xf3b\xfd\x81\x99|\x0b\x80\xa0\x018\r\xd6\x1f\x98\xc5\xc3\x00\x08\x1a\x80S\xb0\xfe\xc0\xa9\xfc\x0c\x80\xa0\x01\x98\x81\xf5\x07\xe6\xe4m\x00\x04\r\x80\x10\x82\xf5\x07N\xcf\xe7\x00\x08\x1a\x10&lt;\xd6\x1f\x98\x87\xe7\x01\x104 `\xac?0?\xff\x03 h@\x90X\x7f\xe0\x8c\x82\x08\x80\xa0\x01\x81a\xfd\x81N\x84\x12\x00A\x03\x82\xc1\xfa\x03\x1d\n(\x00\x82\x06\x04\x80\xf5\x07:\x17V\x00\x04\r\xf0\x1a\xeb\x0f,Hp\x01\x104\xc0S\xac?\xb0P!\x06@\xd0\x00\xef\xb0\xfe@\x17\x02\r\x80\xa0\x01\x1ea\xfd\x81\xee\x84\x1b\x00A\x03\xbc\xc0\xfa\x03]\x0b:\x00\x82\x068\x8e\xf5\x07z\x11z\x00\x04\rp\x16\xeb\x0f\xf4\x88\x00\x08A\x03\x1c\xc4\xfa\x03\xbd#\x00o\xa2\x01\x0ea\xfd\x01#\x08\xc0\xdbh\x80\x13X\x7f\xc0\x14\x02\xf0\x0e4\xc0r\xac?`\x10\x01\x98\x8d\x06X\x8b\xf5\x07\xcc"\x00s\xa0\x01\x16b\xfd\x01\xe3\x08\xc0\xdch\x80UX\x7f\xa0\x08\x04\xe0\xb4h\x80%X\x7f\xa0 \x04`&gt;4\xa0r\xac?P\x1c\x02p\x064\xa0B\xac?P(\x02pf4\xa0\x12\xac?P4\x02\xd0\x11\x1aP2\xd6\x1f(\x01\x01\xe8\x14\r(\r\xeb\x0f\x94\x83\x00,\x00\r(\x01\xeb\x0f\x94\x86\x00,\x0c\r(\x14\xeb\x0f\x94\x89\x00,\x18\r(\x08\xeb\x0f\x94\x8c\x00t\x83\x06\x18\xc7\xfa\x03\xe5#\x00]\xa2\x01\x06\xb1\xfe@%\x08@\xf7h\x80\x11\xac?P\x15\x02\xd0\x13\x1a\xd0#\xd6\x1f\xa8\x10\x01\xe8\x15\r\xe8\x1a\xeb\x0fT\x8b\x00\x18@\x03\xba\xc0\xfa\x03\x95#\x00f\xd0\x80\x05a\xfd\x01\x1b\x10\x00ch@\x87X\x7f\xc0\x12\x04\xc0$\x1apF\xac?`\x0f\x02`\x18\r\x98\x07\xeb\x0fX\x85\x00\x98G\x03\xe6\xc4\xfa\x03\xb6!\x00\x85\xa0\x01\xb3\xb0\xfe\x80\x85\x08@Qh\xc04\xd6\x1f\xb0\x13\x01(\x10\r\x10\xac?`1\x02P\xac\xc0\x1b\xc0\xfa\x036#\x00\x85\x0b\xb6\x01\xac?`9\x02P\x86\x00\x1b\xc0\xfa\x03\xf6#\x00%\t\xaa\x01\xac?\xe0\x04\x02P\x9e@\x1a\xc0\xfa\x03\xae \x00\xa5\xf2\xbe\x01\xac?\xe0\x10\x02P6\x8f\x1b\xc0\xfa\x03n!\x00\x15\xf0\xb2\x01\xac?\xe0\x1c\x02P\r\xcf\x1a\xc0\xfa\x03."\x00\x95\xf1\xa6\x01\xac?\xe0(\x02P%\x0f\x1a\xc0\xfa\x03\xee"\x00\x15s\xba\x01\xac?\xe04\x02P=G\x1b\xc0\xfa\x03\xae#\x00Vp\xae\x01\xac?\xe0\x01\x02`\x0b\x87\x1a\xc0\xfa\x03~ \x00\x16q\xa2\x01\xac?\xe0\r\x02`\x17\xcb\x1b\xc0\xfa\x03&gt;!\x00\xd6\xb1\xb6\x01\xac?\xe0\x19\x02`#\x0b\x1b\xc0\xfa\x03\xfe!\x00\x96\xb2\xaa\x01\xac?\xe0%\x02`/K\x1a\xc0\xfa\x03\xbe"\x00V\xab\xbc\x01\xac?\xe01\x02`\xbb\n\x1b\xc0\xfa\x03~#\x00\x0e\xa8\xa4\x01\xac?\xe0=\x02\xe0\x86\x92\x1b\xc0\xfa\x03! \x00\xce(\xad\x01\xac?\x10\x08\x02\xe0\x92\x12\x1a\xc0\xfa\x03\xe1 \x00\x8e)\xb4\x01\xac?\x10\x14\x02\xe0\x9e\x82\x1a\xc0\xfa\x03\xa1!\x00N2\xde\x00\xd6\x1f\x08\x10\x01p\x95\xc1\x06\xb0\xfe@\x98\x08\x80\xc3\x8c4\x80\xf5\x07\x82E\x00\xdc\xd6c\x03X\x7f d\x04\xc0y]7\x80\xf5\x07\x02G\x00|\xd0E\x03X\x7f\x00\x04\xc0\x13\x0bj\x00\xeb\x0f@\x10\x00\x9ft\xd8\x00\xd6\x1f\x80&amp;\x95RU\x1f\x03L\xca\xf3&lt;\x8a\xa2\x91\x91\x91\r\x1b6\x1c8p\xa0^o\xb4Z\xcd\xcb7\xdf\xbd\xe6\x9a\x1b\xc7G^\x97Q\xc4\xfa\x03\xd0\x08\x80\x87N\xd7\x80\xd5Wo\x99&lt;\xf9\xbbF\xffb\xd6\x1f\x80 \x00\xbe:]\x03\xd6\xfe\xc5M?\xfc\xebM\xcf?\xf9\x8f\xac?\x00\x02\xe0\xadY\rH\x92$\xcd\xb2\x15\xff\xeb\xa2W_\xd8\xaf{\xc0\xfa\x03\x81#\x00&gt;\x9b\xa3\x01i\xca\xfa\x03\xd0\xb8\n\xc8g\xb3\xae\x0bJ\xd3\xb4\xaf\xaf\x9f\xf5\x07\xa0\xf1\x08\xc0\x7f\xd3\x8f\x03\xae\xbc\xf2\xca\xfd\xfb\xf7o\xd9\xb2e\xe7\xce\x9d\xac?\x00\x02\x10\x04\xdd\x80#G\x8e&lt;\xf8\xe0\x83\xdb\xb6m\xd3_t\xd6\x1f\x08\x1c\x01\x08\x85RJ/\xfe\xf4/\x00\x04\x8e\xd7\x00B!\xa5TJeY\xc6\xfa\x03\xd0x\x04\x00\x00\x81\xe2\x11\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fe\x1bw\x8a\x88\x0f!\xf8\x04\xa5\x00\x00\x00\x00IEND\xaeB`\x82'</t>
        </is>
      </c>
    </row>
    <row r="149">
      <c r="A149" s="1" t="n">
        <v>147</v>
      </c>
      <c r="B149" t="inlineStr">
        <is>
          <t>color_number_hexagon</t>
        </is>
      </c>
      <c r="C149" t="inlineStr">
        <is>
          <t>What is the missing number of the part denoted with a question mark?</t>
        </is>
      </c>
      <c r="D149" t="inlineStr">
        <is>
          <t>['3', '8', '5', '6']</t>
        </is>
      </c>
      <c r="E149" t="inlineStr">
        <is>
          <t>3</t>
        </is>
      </c>
      <c r="F149" t="inlineStr">
        <is>
          <t>There is a hexagon split into six parts with the colors ['purple', 'yellow', 'purple', 'yellow', 'blue', 'blue'] in an anti-clockwise order. The parts are denoted with the numbers [5, 3, '?', 5, 4, 4] respectively.</t>
        </is>
      </c>
      <c r="G149" t="inlineStr">
        <is>
          <t>We observe that the numbers in the blue parts add up to 8. Similarly, the numbers in the purple parts also add up to 8. Thus, the pattern is that the numbers in the parts of the same color add up to 8.</t>
        </is>
      </c>
      <c r="H149" t="inlineStr">
        <is>
          <t>Based on the pattern that the numbers in the parts of the same color add up to 8, the missing number of the purple part should be 3.</t>
        </is>
      </c>
      <c r="I149" t="inlineStr">
        <is>
          <t>b'\x89PNG\r\n\x1a\n\x00\x00\x00\rIHDR\x00\x00\x02\x00\x00\x00\x02\x00\x08\x02\x00\x00\x00{\x1aC\xad\x00\x00\xa0\xd4IDATx\x9c\xec\x9dw|\x94E\xfe\xc7\xa7\xed&amp;\xdbw\x13JP\x14\xe9\n\x1c\nx\x1e\xfe\x94\xc4\x02\xc8\x89"\x08H\xb5\xdc)\xe2\x1d\xeaE\x8a\x82\\@\x08 \x88\x14\xe1&lt;\xc4J\'\x12@DD\x89\x85&amp;\xa8(\xe0!\xa8\x18\x8a(bh\xd9lo3\xdf\xf9\xfd1I\x8eSD\x10\x92\xdd\xcd\xce\xfb\xb5\x7f\x9c{\x11\x1f\x9e&lt;\xcf|g\xbe\xe5\xf3\xc1RJ\xa4\xd1h4\x9a\xd4\x83\xc4\xfb\x024\x1a\x8dF\x13\x1f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t\x00\xd0h4\x9a\x14E\x07\x00\x8dF\xa3IQX\xbc/@\x13O\xa4\x94R\xcax_\x85&amp;n`\x8c1\xc6\xf1\xbe\nM\xdc\xc0\xfa\xfdOY8\xe7\x8c\xe9\x1d@\xaa\xc39\xa7\x94\xea0\x90\x9a\xe8\x00\x90\xa2\x00\x00!\xe4\x9bo\xbe\xf9\xfb\xdf\xffN\x08\x01\x80x_\x91\xa6Za\x8cq\xce\x1fx\xe0\x81\xfe\xfd\xfb\xc7\xfbZ4qCo\x00S\x0e\x15\xf2C\xa1\xd0\xb4i\xd3\x9cN\xe7\xfa\xf5\xeb\xe3}E\x9a\xb8\xd1\xa2E\x8b\x1f\x7f\xfc\xb1K\x97.\xadZ\xb5\x92R\x12\xa2\x8b\x82\xa9\x85&gt;\x01\xa4\x1cB\x08J\xe9\xfc\xf9\xf3\xef\xbb\xef&gt;\x8c1\xa5\xb4\xf2\x19\xd0\xef\x7f* AJT\xfe\x1b\xa7\x94F\xa3\xd1\xbb\xef\xbe{\xc1\x82\x05:%\x98\x82\xe8\x00\x90Z\xa8\xaa\xaf\xc7\xe3i\xd1\xa2\xc5\x89\x13\'\x00@\'\x7fR\x1c\xa3\xd1(\x84X\xbf~}\x87\x0e\x1d\xd4\xe6 \xdeW\xa4\xa9&gt;t\xc0O-\x00\x80R\x9a\x97\x97WRRB)EH\xaa&gt;\x10\x00\xe8t\xc3\x9d\xb7v\xea\xeb\x0fx)\xd1K@\xcd\x04\x00L&amp;\xf3\xd7\xdf~\xf1\xda\x92g\x01\xa4D\x12c\xcc9\x07\x80\xdc\xdc\xdc\xad[\xb7\x1a\x0c\x06)\xa5.\x08\xa7\x0e\xfa\x04\x90B\x00\x00\xc6\xf8\xdbo\xbfm\xd5\xaa\x15\x00T\xf6\x80bL\xa4\x84Z\x19u\xe7=\xbf\xc1fup\x1e\xc5X\xe7\x82j \x00\xc2ju&lt;:\xf2\xcem;6\x10B\x01\x04B\x08aL\t\x11B\xcc\x9b7\xef\xde{\xef\xd5\x87\x80\x94B\x07\x80\x14B\xbd\xdb\xb7\xdcrKQQ\x91\xc1\xc0b1~\xcdU\x97\xfdt\xdc{\xf8H)\xa5\x94s\xf1\xe7\x8e}F&lt;&lt;\xd5\xe3-\xa5\x94!\xa4\x1f\x8c\x9a\x04\x16\x82\xdb\xed\xaew?X6u\xf6\x08B(H`\xcc\xd0\xec\xaak\xbf\xfal\xa3\xaa\xfd\xd4\xa9Sg\xcf\x9e=N\xa7S\x0f\x07\xa4\x0e:\x00\xa4\nj\xf5/**\xba\xe5\x96[(\xa5\x18!\x90\xb0\xe3\xbd\x7fn\xdc\xf2\xed?\xc6\xbc\xce\x18\x05\x90\x18\x93\x7fO]\xdd\xa8\xc1\xe5\xa1pP\x17\x84k\x16RM}\r\xca\xedr\xa4\xe4\x10c\x06\xcecW\xfe_\xc7!O\xbf2\xac{;\x7f\xd9I\xc6X,\x16\x1b=z\xf4\x84\t\x13\xf4! u\xd0/yJ\xa0\x12\xbb\x9c\xf3G\x1f}\x14cD)\xe1B\xf4\xefq\xcd\x95\xffw\xf9\x83\xf7\xdd\xd0\xa4a\x1d\xce\x05!D\x08\xfe\xc2\xbc\tD\xd7\x00j\x1cB\x08\xbb\xcdU\xb0r\xce\x91\x92C\x942\x01\x82R\xd6\xfb\xefyu.\xba\xb4\xd7\xe0\'\xa5\x94\x00\x92\x10:u\xea\xd4\xe2\xe2b=\x17\x92:\xe8\x00\x90\x12\xa8\xb1\xaf\xb9s\xe7\xee\xdd\xbb\x97R&amp;\xb8p\xd8Mc\x87w\x13\x9e`\xba\xc32\xe9\x89\xee\x08!)\x81\x10\xb2s\xd7\xd6-\xdb\x8a\xacV\xbbP\tbM\xf2#\xa5L3\x9a~8r`\xd5\xda\x05*\xb7#\x01r\xba\xdf\xdd\xa4\xf5\x1f\x8f\xfft$\xfb\x8e\x81\r.o-@\xa8\x96\xd0\xd1\xa3Gc\xac\x13\x03\xa9\x82\x0e\x005\x1fU\xfb-))\xc9\xcb\xcbS\xd9]\x01\x90\xfb\xc0\xcdM\xda4\x84p\x8c{\x83\xbd\xfb_\x9f}m3!\x80\x12\x82\x10~q\xfe\xa4P(@\t\xd5e\x80\x9a\x01\x800\x99\xcc\xaf.z\xc6\xe7/\xa3\x94\x01\x80\xc5\xee\xe89\xf8\xc9H(\x84$\x98\xcc\xd6&gt;C\x9eBR\x02\x08JiaaaQQ\x11\xa5T\x08\xbd\x03\xa8\xf9\xe8\x00P\xf3Q\x13\x9e\xa3F\x8dr\xbb\xdd\x06\x03\xe3\x9c7lP+wH\x17\xe1\xf6SF\xb0\x94\x92\x8b\xe9c{3F\x05\x00\xa5\xe4\xf0\x91\x83\x05+\xe7\xd8m.\xbd\x04\xd4\x00\x00\x84\xcd\xea\xfc\xf8\xf3\x0f\xd6\x7f\xf4\x96\xaa\xfdJ\t\xdd\xef\x7f\xbcVV\xfdh$D\x99\xc1\xefu_u}\xe7\xabo\xbcM\x08A\x08\xc1\x18?\xfa\xe8\xa3\x9cs}\x0eH\x05t\x00\xa8\xe1\xa8\xe4\xcf\xf6\xed\xdb\x97.]J)\x05\x00)\xd1\x94\'\xeft\xd6u\xca(\xc7\x18\x13J\x84/\xdc.\xfb\x8a\xc1\x03;\x00\x00\xc6\x08c\xbcj\xed\x82\x1f\x8e\x1c0\x1a\xd3\xf5\x12\x90\xfc`.b\x8b\x96\xcdRO\x02\x004\xb8\xbcu\xe7&gt;\x83\x03&gt;\x0f\xa5j\x0c\x08\x83\xe0}\x1e~\xcal\xb5\xab\xf2\xef\xde\xbd{\xe7\xce\x9d\xab+\x01\xa9\x80\x0e\x005\x1cU\xfe\x1d6lX$\x12\xa1\x94p.\xb2\xafm\xd6\xbb\xef\xf5\xbc\xd4GYy\xb1\x97P\x0c\xbep\xfe\xc8\x1e.\xa7Y\x08\xa0\x94\xfa\xfce\xaf.\x9aj1\xdb@W\x02\x92\x19!\xb8\xd3\x91\xf1\xce\xfb\xcbv\x7f\xfd\xb9\n\xffH\xca&gt;C\x9e2\xa6\x9b\x84\xe0\xeag\x08!\xa1\x80\xef\xb2+\xae\xecx\xd7 \x00P\xcdByyyn\xb7\x9b\x10\xa2w\x005\x1b\x1d\x00j2jCWXX\xb8q\xe3F\xc6\x98\xe0\xc2hd\xd3\xc7\xf6\x96B\x9c\xda\xe7\x8d1\x86p\xd4U?c\xfc\xf0nj:\x8c\x10\xb2i\xeb\xda\x1d\xbb\xb6\x98\xcd6\xbd\rLR\xa4\x94\x8c\x19O\x9c&lt;Z\xf0\xc6\x1c\x8c1\xc6\x04@\\}\xd3\xedW]\xdf)\xe0+\xab\xd8\xfe#\x84\x10\xa1,P\xe6\xbeu\xe0#u\xea_&amp;\x04g\x8c\xb9\xddnU1\xd2\xbf\xfd\x9a\x8d\x0e\x005\x16\xb5wS}\x1d\x08!B\xb0\x00\xe8w\xc7\x1f\xdbe\xb7\x10\xbe\xd0\xcf\xda\xfc\t\xa5\xc2\x13z\xe8\xfe\x9b\x9b5\xae\x0bB\x10Bb&lt;\xfa\xf2\xc2)J."&gt;\x7f\x01\xcd\xf9!\x04\xb7\xdb\x9c\x85\xab_\xfa\xa9\xe4{B\xa8\x00\xc1\x0c\xc6\x9e\x83\x9f\x94\x00\x08\xfd\xcf\x9c\x17\xc68\xc6\xa3\x19u\xea\xdd~\xdf\xd0\x8a\x96\xd0\xf2\x9e1\x9d\x08\xaa\xd9\xe8\x00PcQ\xb2?\xcf&gt;\xfblqq\xb1\xc1`\xe01\x9e\xe1\xb2L\xce\xeb\x05\xbe\x10\xa6?\xff\xbdc\x8c\xa4\x10\xccl\x9c\x9d\xdfW"$%PJw\x7f\xfdY\xd1\x87\xcb\x1d\xf6\x8c\xcat\x81&amp;Y\x00\x00\xb3\xd9V|`\xf7\xeaw\x16\xaa`/\x01n\xe9\xf7\xb7F-\xda\x04\x03\xbe_N\xf9Q\xca|\xee\x937t\xbf\xa7\xf9U\xed\x85\xe0\x94\xb2\x8a\xa9\x11]\n\xae\xc9\xe8\x00P3Q\x15\xbf\xfd\xfb\xf7O\x992\x85\x10\xa24\x80\x87\x0e\xea\x98\xd5$\x0b\xc2Qr\xbaA\x7fJ\x89\xf0\x86:\xdf\xda\xb6SN\x0b!@\xe9\x01\xcc[:\xfd\xa4\xfb\x18cF\xbd\n$\x1b\x92R\xfa\xca\xa2g\x02A\x1f&amp;\x14@82k\xdf:\xf0\xe1p\xc0\xffk\x83~\x12I\xc6\x0c\xdd\x07\x8d$\x84\xa8I\xb1\xa2\xa2\xa2\xc2\xc2B\xdd\x12Z\x83\xd1\x01\xa0f\xa2j\xbf\xe3\xc7\x8f\xf7z\xbd\x8cQ\x1e\xe3\xcd\x1a\xd7\x1d\x91\xdbU\xb8\x03\xe4\x17\xdb\xff\xff\xf9\xf7\x04\xcc\x9e\xd0\xd7hd\xaa+\xbc\xe4\xd8\xe1\xc27_\xb2\xdb\x9c\xfa\x10\x90D\x08!lV\xe7\xb6\xed\xeb\xb7|ZD\x08\x95\x12\xa4\x94=\x1f\xfag\xedz\x97D\xa3\xe1_\xd3\xf9!\x84\xfa\xbd\xee\xb6\xd9]\xae\xbd\xa5\x17T\xb4\x84\x8e\x1e=:\x1a\x8d\xeas@ME\x07\x80\x1a\x88\xaa\xfdn\xda\xb4i\xf1\xe2\xc5\x8cQ!\x84Dhv~_\xa35]\nq\x06\x9d/B\x88\xf0\x87\x9a\xb7m4|p\'\x00\x89\x90$\x84\xac~g\xe1\xb7\xfb\xbf4\x99\xacR\xea\\pr@)\r\x86\x02\xaf,\x9e\x8a1&amp;\x84\x80\x10\xcd\xafj\x7fS\x8f{}\x9e\xd2Sk\xbf\xbf\x84\x10\x1a\t\x06\xeezx\xac\xc5\xe1\xe2&lt;\xc6\x18+..~\xf6\xd9gu%\xa0\xa6\xa2\x03@\xcdD\x08\x91\x97\x97\xa7F{\x84\x80N9-:\xdf\xdaFx\x82\xf4L\xdb\x7f\x84\x10"\x94\x80?&lt;tH\x97\xbau\xec*\x8f\x14\x08\xfa\x16\x17\xceNO7\xe9% )\x10\x82\xdb\xac\xce\xf76\xac\xd8w`\x8fZ\xb8\t!\xdd\x07\x8d\xa4\xcc\xf0\x9b\xbbx\x8cq$\x12\xaa\xd7\xa0I\xe7&gt;\x0f*\xb1p\x8c\xc9\xb4i\xd3JJJtGP\x8dD\x07\x80\x9a\x06\xe7\x9cR\xbad\xc9\x92M\x9b61\x03\xe3\x9c3Fg\xe7\xf7\x95B\x9eM?\x0f\xc6X\x84\xa3\x99\x97dN\x1e\xd9CY\x06\x10B7lY\xf3\xf1\xb6\xf7mV\xa7\x1e\x0bHp\xa4\x94Fc\xfa\xd1\xe3\x87\xe7\x17\xcc\xc0\x18#L\x00D\xfb\xcew\xb6\xcb\xfe\xb3\xdf\xeb&gt;\x1b\x99?Bi\xc0\xe3\xeev\xdf\xd0\xba\x974T\x87\x80\xd2\xd2\xd2Q\xa3F\xe9\x99\x80\x1a\x89\x0e\x005\n\xd5\xc2\xef\xf5z\xc7\x8d\x1bG\x08\xc6\x08\x01\xc8\xc1\x03;4o\xd3P\xf8\xc3g\xa9\xf0L\x19\x15e\x81~\xfd\xaek\xdb\xba\x01\x80 \x04\x03\xc0\xa2\xc2Y\\p-\x13\x9f\xe0\x00\x08\xb3\xc9\xba|\xf5\xcb\xee\xb2\x13\x84P\t\xc2l\xb5\xdf\xf1\xc0\xe3\x91\xb3\xd6\xf7\xc6\x08s\xc1M\x16\xdb\x9d\x0f\x8eB\x15\xbddK\x96,\xd9\xb1cG\xf9(\x99\xa6\x06\xa1\x03@\x8dB\x9d\xf7\xa7L\x99\xb2\x7f\xff~J\xa9\xe0\xc2\xe54\xe7\x8f\xec\x01\xc1\x08\xa1g\xbbvc\x84\xa4\x804K\xfa\xf4\xbc^RV\xb6\x84~\xbe\xf6\xbd\xa5v\x9bn\tM\\\x00\xc0l\xb2~S\xfc\xc5\xca5\xaf\xa9\xe5\x1e\x00:\xde5\xa8q\x8b6\xe1\xa0\xff\xec]\xde(e\x01oY\xf6\xed\x03\x9a\xb7\xb9V\x08N\x08\x8dF\xa3\xb9\xb9\xb9B\x08}\x08\xa8a\xe8\x00PsP\x9b5U\xb5\xa3\x94H)A\xca\xf1\xc3\xba\xb9\xeag@8zN\x9bwJ\t/\x0b\xe4tj\xdd\xabk\xdb\xca\x96\xd0\xf9\x053\x8e\x1e?\xac\x05\x82\x12\x19B\xe8\x0b\xf3&amp;p\x1eS\x93_\xb5/n\xd0u\xe0#\xfe279c\xed\xf7\x97H\x84@\xf0\xbe\x8f\x8c\xa3\x94\xa9\xd9\xe0\xcd\x9b7/Y\xb2D\xb7\x84\xd60t\x00\xa89\xa8uY\xf5\xedQJ\x85\x80\xb6\xad\x1b&lt;\xf4`G\xe1\t\x92s7xR\xa3aS\xc6\xf4v\xd8M*\xb4\xb8\xcbN,_\xfd\xb2\xd9d\xd1\x95\x80\x04\x04@X-\xf6-\xdb\x8av\xee\xda\xaaT?\x91\x94\xbd\x1e\x1a\xed\xac\x9d\x15\xe3\xe7\x16\xfeQ\x85@P\xcbkrr\xba\xdf]!\x10D\xc6\x8d\x1b\xe7\xf1xtKhMB\x07\x80\x1a\x82j\xfd\xdc\xb8qc\xe5\xe4\x8e\x94r\xfa\x98^\xccd\xfc\x99\xf2\xcfYB\x08\xe1\xbep\xa3+\x1b\xe4&gt;p3\x00\xa8\x96\xd0\x95k^\xdb\xbbo\x97\x16\x08J&lt;$!,\x1c\t\xbe8\x7f\x12B\xa8\xbc\xf5\xb3\xcd\xb5\xd9\xb7\x0f\xf0\xb9O\x9e\xb9\xf5\xf3\xd7\xc0\x84\x86\xfc\xbe\x9e\x83G[\xec\x0e!8ct\xff\xfe\xfd3g\xce$\x84\xe8C@\x8dA\x07\x80\x9a\x80\x1a\xfb\x8aD"\xc3\x86\r\xc3\x18SB\x84\x80^\xb7\xb5\xcb\xe9\xd8\x9a\x97\x05~\xb7\xbf+eD\xb8\xfd\xb9C\xba4\xbe\xac\xb6\x10@\x08\xe1&lt;\xb6\xe0\xf5\x99j\xb4\xf8\xc2\xfe\x154\xe7\x83\x10\xc2j\xb1\xbd\xf9\xce\xc2\xc3G\x0eRJ\x01\x043\x18\xfb&gt;2\x0e\x04G\xbf\xb7n\x8f1\x8eF\xc3\x99Y\x17w\xbf\xff\xf1J\xcf\xc8\x193f\xa8\xf2\x92\xde\x01\xd4\x0ct\x00\xa8\t\xa8\xdaoAA\xc1\xf6\xed\xdb\xd5\xf6\xdfhd\x93FvG\x00\xe7\xd3\xb6\x831\x86(w\xd6s\x8d\xc9\xed*\xa5DR\x12B&gt;\xfad\xdd\xb6\xed\xebmV\xa7\xde\x06&amp;\x08\xaa\xf5\xf3\xd8\x89#\x8b\x0bgW\xb4~\xc2\x9f:uoy\xcd\r\xa7\x95\xfd9{(e!\x9f\xb7\xd3]\x83\xb2.m,\x04\xa7\x94z&lt;\x9e\xf1\xe3\xc7\xeb\x99\x80\x1a\x83\x0e\x00I\x8f\xda\xfe\xbb\xdd\xee\x91#G\x12B\x94\xe3\xe3\xf0\xc1\x9d\x9a\xb6i\xc8\x7f\xa1\xfay\xae0F\xf9I\xdf\x80\x81\xd9\xd9\xed\x9br!(!\x18\xe3W\x16O\rGBZ(4A\x00\x10f\xb3u~\xc1L\x7f\xc0K\x08\x05\xc1-\x0e\xd7]C\xc6\x86\x02\xbe\xb3i\xfc?3B\xf04\x93\xa5\x7f\xeeDT\x9efd\x8b\x17/\xde\xbcy3cL\xef\x00j\x00:\x00$=j\xfb\x9f\x97\x97WRRB)\x11\\\xd4\xadc\x1f:\xa4\x0b\xf8\xc3g\x94\xfd9k\xa4\xa4\x06:~\xc4\x1d\x84`\x90@\x08\xd9w`\xcf\xaa\xb5\xf3\xad\x16\xbb^\x02\xe2\x8eR\xfd\xdc\xb9k\xeb\xbb\x1f,+W\xfd\x94\xb2s\x9f\x07\xeb5h\x12\x8d\x84\xce\x7fn\x83P\x1a\xf4y\xae\xbe\xb1k\xcbkr\xd4P\x88\x10"777\x12\x89\xe8jp\r@\x07\x80\xe4F\xad\xfe\xca\xc3\xaf\xb2\xf5s\xf2\xa8;3/\xc9&lt;\xd7\xd6\xcf_\xa3\xbc%\xb4\xcbU\x03{\xb6\x17\x02\x08\xc6\x18\x93\xc5\x85\xb3\x8f\x9d8\xa2[B\x13\x01J\xe9\xcb\x0b\xa7\xa8\x86}!D\xd6\xa5\x8d\xbb\xdd74\xe0q\xff\x8e\xd6\xaf\xd3"\x11\x02\x01\x03\x1e\x9b\xc4\x0cF!\x04cl\xc7\x8e\x1d\x05\x05\x05Z \xa8\x06\xa0\x03@r\xa3\xf2?\xca\xc5\x9bR\xca\xb9\xc8n\xdf\xf4\x9e{rx\xa9\xbf\xd2\xf1\xf1\xfc\xc1\x94@ &lt;%\xafW\x86\xcb\xc2\x85\xa0\x14\xfb\x03\xde\xf9\x053M\xe9\xe6\xa4h\t\x95\xbf\x8bx_\xf5o#\x04\xb7\xd9\x1c\xeb&gt;\\\xbe\xfb\xeb\xcf(Q\x85Y\xd9?wb\xba\xd9*\x84\xc0\xe8\xc2\x8cm\x13BBA_\x93VW\xdf\xd2\xefo\xaa%\x94\x102r\xe4\xc8\xd2\xd2R}\x08Hvt\x00HbT\xebgQQQQQ\x11\xa5\x14\x04PJ\xc6\x8f\xb8\x830\x82.\xe8kI0\x86P4\xabI\xd6\xd0A\x1d\xd5\x0bO\x08y\xf7\x83e{\xf7\xed2\x9b\xac\t\xbe\r\xc4\x183f\xf8\x1d\x1ft\x81\x16\xd0*CR\xca\x82A\xff\xc2\xd7\x9fC\x08aB\x00D\xcbkr\xae\xbe\xb1k\xd0\xe7\xb9P\xdb\x7f\x05!4\x14\xf0\xdd:\xf0aGf\x1dU\r.))\x99&gt;}\xba&gt;\x04$;:\x80\'+j\x97\n\x00\xadZ\xb5\xfa\xf6\xdb\xbd\x06\x83!\x1a\x8d\xdd\xdd\xab\xfd\x82\xf9\x0f\xf3\x13\xde\x0b\xb8\xfd\xff\xef\x7f\x0ec\x81q\xcb\xeb\xfe\xb9\xef\xe01\xc6\x18\xe7\xbcM\xeb\xff{v\xdc\xd2@\xf0\xbcZM\xaa\x14\x8cq4\x16\x8dDB\xf8\x1c\x0b\xd6\x18!\x93\xc9\x9a\xb0\x7f/\x84\x90\x10\xdc\xe5\xac\xfd\xd2\x82\xa7\x17.\x9bE)\x03\t\x04\x93\xfcE\x1b/m\xda*\x1c\n\\\xf0+\x17\x82;\\\xb5\xdf]:\xe7\xd5I\xb9\x942)%ct\xf7\xee\xddM\x9a4Q\nT\x17\xf6?\xa7\xa9\x1e~\xcf\x84\x88&amp;\x11P\xd3\xb9s\xe6\xcc\xd9\xbbw\xaf2|w\xd8Mc\x86u\x83P\x14W\xc1\xdb\x881\x06.\x8c\x19\xb6IOt\xbf\xeb\xa1\x17\xa5\x04B\xc8\xce][\xb7l+\xba\xbe\xfd-&gt;\xbf\x87\x9ew\xc3\xc9\x05G\x08\xe1\xb0g\xbc\xb9\xe2_K\x96?O(\x85\xb3-Yc\x84$\xa1lz\xfe\xd2K/n\x12\x89\x86\xce^E\xa7\xda\x90R\xa6\x19M?\x1c9\xb0j\xed\x02U\xe9\x91\x009=\xefm\xd4\xb2\xad\xbf\xec\xe4\xb9\n?\x9c\r\x942\xbf\xd7\xdd\xe1\xb6\xfe\x1f\xac|\xf5\xd0\xde/\r\xcc\xa0\xec\xa6\x97-[\xa6\x0f\x01\xc9K\xc2=\xd9\x9a\xb3\x01\x000\xc6%%%yyy\x18c\xd5\xfa\x99\xfb\xc0\xcdM\xda\\&amp;\xfcaB\xaa$w\xa1TB{\xf7\xbf&gt;\xfb\xdafB\x00%\x04!\xfc\xe2\xfcI\xa1P\x80\x92\x04m\t\xc5\x18\x1d?Q\xe2\x0fx\xbd^\xb7?\xe0=\xbb\x8f\xc7\x1f\xf0z\xbd\xa5\x89\\\xde\x00\x10&amp;\x93\xf9\xd5E\xcf\xf8\xfce\x942\x00\xb0\xd8\x1d=\x07?\x19\t\x05q\x95Eb!\x84\xc9b\xed3\xe4)$\xa52\x8c+,,T\xe9G\xdd\x0f\x96\xa4\xe8\x00\x90\x94\xa8C\xf7\xa8Q\xa3\xdcn\xb7\xc1\xc08\xe7\r\x1b\xd4\xca\x1d\xd2E\xb8\xfd\x94U\xe9\xefTJ.\xa6\x8f\xed\xcd\x18\x15\x00\x94\x92\xc3G\x0e\x16\xac\x9cc\xb7\xb9\x12p\t\xc0\x18\x01\x80?\xe0\xc1\x183\xca\x94\xa4\x1d\xa3\xec\xb7&gt;\x06FY\x9a1\x1d\'\xea\xdb\x01 lV\xe7\xc7\x9f\x7f\xb0\xfe\xa3\xb7\x94\xec\x8f\x94\xd0\xfd\xfe\xc7ke\xd5\xbf \xad\x9f\xbf\x06\xa5\xd4\xefu_u}\xe7\xabo\xbcMTxF\xaa\x06\x04]\rNR\x12\xf4\x11\xd7\x9c\x01\xd5\xfa\xb9}\xfb\xf6\xa5K\x97\xaa\xa1|)\xd1\x94\'\xeft\xd6u\xcah\xd5J\xf6\x13B\x84/\xdc.\xfb\x8a\xc1\x03;\x00\x00\xc6\x08c\xbcj\xed\x82\x1f\x8e\x1cH\xc8\x96P\x0c\x12\xbc&gt;\xb7\xea\x8eUp\xc1\x7f\xeb\x13\xe3\x82G\xa2a\x91\xb8\'\x00\xccEl\xd1\xb2Y\xeaI\x00\x80\x06\x97\xb7\xee\xdcgp\xc0\xe7\xf9}\xb2?\xe7\xf4\x9f\x06\xc1\xfb&lt;\xfc\x94\xd9jW=\x08\xaa\x05YW\x83\x93\x14]\x03H&gt;\xd4\xf6\x7f\xd8\xb0a\x91H\xc4h4D\xa3\xb1\xeck\x9b\xf5\xee{=/\xf5]\xf0\xda\xef/!\x14\x83/\x9c?\xb2\xc7\x92U\xdb\xca&lt;!J\xa9\xcf_\xf6\xea\xa2\xa9c\x1f\x9f\xe3.;^\xf5\x0b\xd09\x801\x16\x9c\xfb\xfc\x1e\xf5\x0f\x08!\xbb\xcd\xd5\xe3\xb6\xbf\xd0rs\xab3EJB\x88\xd3\x91) \xe1&lt;p\x84\xe0.g\xad7\xde\x9e\xbf\xfb\xeb\xcf\xcb5y\xa4\xec3\xe4)c\xba\xc9\xefuW\xf5\xfdW*\xa1\x97]qe\xc7\xbb\x06\xad~u\x1a!\x14c\x9c\x97\x97\xd7\xbf\x7f\x7f\xa7\xd3\xa9\x9a\x92\xab\xf4\x024\x17\x96\x04z]5g\x83\xdav\x15\x16\x16n\xdc\xb8Q\xd5~\x8dF6}l\xef\xdf\'\xf9\xf9;P\x9e\x91\xae\xfa\x19\xe3\x87w{\xe4\x9f\x05*\x1am\xda\xbav\xc7\xae--/o\x17\xaa\x82\xfe\x93\xdf\r\xc6$\x12\r\x07\x82&gt;T\xb1\xd8\xd7\xad}\xf1\x03\x03G\x9c\xe5^5\x10\xf4\t\xc1\x13\xaa\x19TJ\xc9\x98\xf1\xc4\xc9\xa3\x05o\xcc\xc1\x18cL\x84\x88]}\xd3\xedW]\xdf)\xe0+\xab\x9e\xe8K(\x0b\x94\xb9o\x1d\xf8\xc8\'E+\x8e\xffx\x881\xe6v\xbb\xf3\xf2\xf2\xfe\xf5\xaf\x7f\xa9\x87\xb3\x1a\xaeAs\xa1H\x94wUs6\xa8\x1c\x8b\xea\xbe@\x08\x11\x82\x05@\xbf;\xfe\xd8.\xbb\x858o\xd9\x9f\xb3\x87P*&lt;\xa1\x87\xee\xbf\xb9Y\xe3\xba \x04!$\xc6\xa3//\x9c\x92P\xea@RJBp4\x16\t\x04|\x95_\x9a\xcd\xd6`(PZv\xa2\xccS\xfa\x9b\x1f\x00\x91P\xab?BH\x08n\xb79\x0bW\xbf\xf4S\xc9\xf7\xca\xf2\x85\x19\x8c=\x07?)\x01\xaa\xedR1\xc61\x1e\xcd\xa8S\xef\xf6\xfb\x86V\xa8\x84\x92\xb9s\xe7\xee\xdd\xbbW\'\x82\x92\x0e\x1d\x00\x92\t\xd5\xfa\xf9\xec\xb3\xcf\x16\x17\x17\x1b\x0c\x06\x1e\xe3\x19.\xcb\xe4\xbc^\xe0\x0b\xe1\x0b"\xfbsv(\xaf\x18f6\xce\xce\xef+Q\xa5g\xe4gE\x1f.w\xd8\x13\xc83\x12\x13\x12\x89\x84\x82a\x7f\xe57\x0e[\x86\x81\x19)!\xf4,H\xb4\xd5_\xc9\xfe\x14\x1f\xd8\xbd\xfa\x9d\x85\xe5\xb2?\x00\xb7\xf4\xfb[\xa3\x16m\xceS\xf5\xf3\\\xa1\x94\xf9\xdc\'o\xe8~O\xf3\xab\xda\x0b\xc1)e\x9c\xf3G\x1f}T\x97\x82\x93\x0e\x1d\x00\x92\x06U\xf1\xdb\xbf\x7f\xff\x94)S\x94"?H9tP\xc7\xac&amp;Y\x10\x8e\x92\xea\xcd\xbdRJ\x847\xd4\xf9\xd6\xb6\x9drZTzF\xce[:\xfd\xa4\xfb\x18c\xc6\xc4X\x05$\xc14\x10\xf4E#\xe1\xca\xaf\x1cv\x17!$\x11.\xeew!)\xa5\xaf,z&amp;\x10\xf4aB\x01\x84#\xb3\xf6\xad\x03\x1f\x0e\x07\xfc\xe7\xaf\xfay\xce\x97\x82$c\x86\xee\x83F\x12B\x04\x08JYQQQ\xa5\x19Q5_\x8c\xe6w\xa3\x03@\xd2\xa0*l\xe3\xc7\x8f\xf7z\xbd\x8cQ\x1e\xe3\xcd\x1a\xd7\x1d\x91\xdbU\xb8\x03\x17F\xf5\xf3w\\\x91\x80\xd9\x13\xfa\x1a\x8dLu\x85\x97\x1c;\\\xf8\xe6Kv\x9b3\x11\x0e\x01R"JH \xe8\xe3\xa7\xe4\xf1\xedv\x17\xc6\x17X\'\xa3z\x10B\xd8\xac\xcem\xdb\xd7o\xf9\xb4\x88\x10\xaa\xda\x9az&gt;\xf4\xcf\xda\xf5.\x89F\xc3\xd5_z%\x84\xfa\xbd\xee\xb6\xd9]\xae\xbd\xa5\x17T\xb4\x84*;R}\x0eH"t\x00H\x0eTym\xd3\xa6M\x8b\x17/f\x8c\n!$B\xb3\xf3\xfb\x1a\xad\xe9R\x88\xb8\xb4^\x10B\x84?\xd4\xbcm\xa3\xe1\x83;\x01H\xe5\x19\xb9\xfa\x9d\x85\xdf\xee\xff\xd2d\xb2J\x19\xf7\\\xb0$\x84\x06\x02^\x84\x10!X-\xfa\x0e[\x86\x94\xd5\x97.\xbf\x80PJ\x83\xa1\xc0+\x8b\xa7b\x8c\xcb\x1d\x1f\xafj\x7fS\x8f{}\x9e\xd2xu^\x11B#\xc1\xc0]\x0f\x8f\xb58\\\x9c\xc7\x18c\xc5\xc5\xc5\xcf&gt;\xfb\xac\xae\x04$\x11:\x00$\rB\x88\xbc\xbc&lt;5\x80#\x04t\xcai\xd1\xf9\xd66\xc2\x13\xa4\xf1\xd9\xfe#\x84\x10\xa1\x04\xfc\xe1\xa1C\xba\xd4\xadcW\x19\xaa@\xd0\xb7\xb8pvz\xba)\x11\x96\x00\x8c\xb1\xd7W\xa6\xfe\xa7\xda\x91:\xec.)%\xc2\xff\xab\x0f\x9a0\x85\xeb_C\x08n\xb3:\xdf\xdb\xb0b\xdf\x81=jy%\x84t\x1f4\x922C\x1c\xf7\xda\x18\xe3H$T\xafA\x93\xce}\x1eT\xf7\x11c2m\xda\xb4\x92\x92\x12m\x19\x96,\xe8\x00\x90\x04(\xa9\xe7%K\x96l\xda\xb4\x89\x19\x18\xe7\x9c1:;\xbf\xaf\x142\xbe]7\xaa%4\xf3\x92\xcc\xc9#{\x00H)%!t\xc3\x965\x1fo{\xdffu\xc6WJA\xadG*\x00`\x84\xd4\x8d\xb2\x98\xed\\p\x8c\x10\xa5\x941\xc6\x98\x81QF0\x95R\n!\x00D\x02\xe6.\x94\xe3\xe3\xd1\xe3\x87\xe7\x17\xcc\xa8p|\x14\xed;\xdf\xd9.\xfb\xcf~\xaf\xbb\xfa\xb3\xff\xa7B(\rx\xdc\xdd\xee\x1bZ\xf7\x92\x86\xea\x10PZZ:j\xd4(R&gt;i\xa1Itt\x00HtT\xa3\xbd\xd7\xeb\x1d7n\x1c!\x18#\x04 \x07\x0f\xec\xd0\xbcMC\xe1\x0f\xc7\xbd\xe9^\t\x04\xf5\xebw]\xdb\xd6\r\x94c\x14\x00,*\x9c\xc5E\xdcG\xa8$\xc6\xd8\xebw#\x84\x10\xc6J=\xe9\xa2z\r,&amp;+\xa5,\x1c\x0e\xf9\xfc\x1e\x8f\xb7\xd4\x17\xf0\xc4b\x914c\xba\xc3\xee\xb2Z\x1c\xcaS%q\x9aY\x91r|4Y\x97\xaf~\xd9]v\x82\x10*A\x98\xad\xf6;\x1ex&lt;\x12\x0e\xc6\xfd\xb7\x8f\x11\xe6\x82\x9b,\xb6;\x1f\x1c\x85*\xba\xd4\x96,Y\xb2c\xc7\x0em\x1c\x9f\x14\xe8A\xb0DG\xbdTS\xa6L\xd9\xbf\x7f\xbf\xc1\xc0\x04\x17.\xa79\x7fd\x0f\x08F\x08\x8d\x7f.\x1b#\x04\x02\xd2l\x96\xe9y\xbdn\xe8=\xad\xa2%\xf4\xf3\xb5\xef-\xed\xd1\xf5/e\x9e\x13q\x9b\r\xc6XJ\xa8H\x01I\x84\x10%t\xd5\xdb\xf3=&gt;\xf7\x91\x9f\xbe\xf3xK\xc3\x91\x90\xaa]\x9bM\xb6LW\x9dF\x97]\xd1\xb6\xf5uW\xb6j\xefr\xd6\xf2\x07\xbc*\xcd\x12\x9f+?\x05\x000\x9b\xac\xdf\x14\x7f\xb1r\xcdk\xeaz\x00\xa0\xe3]\x83\x1a\xb7h\xe3&gt;^B\x99!\xde\x17\x88(e\x01oY\xf6\xed\x03&gt;\\\xf9\xda\xde\x9d\x1f\x1b\x0c\xc6h4\x9a\x9b\x9b\xbb~\xfd\xfax_\x9a\xe6\xb7\xd1\xf5\xfa\x84F-C\xc5\xc5\xc5\xadZ\xb5\x12\x82c\x8c9\x17\xb3\xf3\xfb&gt;\xfcXW~\xb2:\x84\x1f\xce\x12!\x80\xd9\xcd\xbd\x07&lt;\xb7\xfc\xed\x1d\xca.\xdc\xe9\xc8\x9c;}\xad\xcd\xea\xe4&lt;\x16\x97\xa3\x00\x80\xb0Z\x1c\xe3\x9f\x1d\xb2A)\xa6\x9d]&gt;\xaa^\xddK\xbb\xfdy`\xb7.w3f\x88DB\xf1M\xb0 \x84\x00\xc0b\xb6\r\x1f\xdbo\xe7\xae\xad\x8c\x19\xb8\xe0\xb5/\xbat\xc2\xc2\x8di\xe9f\x01\xf1)\xfe\xff\x12\x000\x99-\xdf\xfe\xe7\xd3\t\x83nU:\xe1\x9c\xf3\x05\x0b\x16\xdc}\xf7\xddz68\xc1\x89\xff\x1eGs\x06TxV\xddu\x94R!\xa0m\xeb\x06\x0f=\xd8Qx\x82\x17\xd6\xf2\xe9&lt;Q\xa3aS\xc6\xf4v\xd8M\xea\xc8\xe2.;\xb1|\xf5\xcbf\x93%~\x95\x00\x0c\x00\xc7O\x1c!\x98`L\x08!\x94R\x83\xc1h`\x06J\x19!\x84\x10B\x89\xaa\x05\x18(e\x94RB\xc8OG\xbf\x9f;o\xd2\xf0\xb1\xfdK\x8e\xfe`2Y\xe3[\xc6\x00\x10V\x8b}\xcb\xb6\xa2\x9d\xbb\xb6*\xd5O$e\xaf\x87F;kg\xc5\xf8\x851|\xbe (\x81\xa0\x96\xd7\xe4\xe4t\xbf[yFbL\xc6\x8d\x1b\xe7\xf1xtKh\x82\xa3\x03@\xe2\xa2vO\x1b7n\xac\x9c\xaf\x91RN\x1f\xd3\x8b\x99\x8c\xd5\xa6\xfcs\x96\x10B\xb8/\xdc\xe8\xca\x06\xb9\x0f\xdc\xac\x9ci\t!+\xd7\xbc\xb6w\xdf.\xb3\xd9\x16\x97\\0\xc6\x08$\\\x94u)H\x10"\x06\x00B\x88X,\x1a\xe31!8\x00\x00\x80\x00!\x04\xe7&lt;&amp;\x04W\rA\x18cJ\xd9\xd7{w\x8e\x18;\xe0H\xc9\xa1\xf44\x13\xc4\xad\x9fU\x12\xc2\xc2\x91\xe0\x8b\xf3\'!\x84\xca[?\xdb\\\x9b}\xfb\x00\x9f\xfbdB\x89\xee!\x840\xa1!\xbf\xaf\xe7\xe0\xd1\x16\xbbC\x08\xce\x18\xdd\xbf\x7f\xff\xcc\x993\t!z.,\x91\xd1\xf19AQ\xebQ,\x16\xbb\xee\xba\xebv\xec\xd8a`,\x1a\x8b\xf5\xba\xad]\xe1\xa2G\xb97\x9e\xad\x9f\xbf\x86\x94RR\xe2\x0bF\xaf\xbey\xdc\x81C\'(\xa5\x9c\xf3\xeb\xdb\xdf2n\xe4\x8b\x81\x807^\xb9\x14\xc6\x0cE\xebW,_\xfd\xb2\xc5lkt\xd9\xe5\x17e5\xa8[\xfbb\x9b\xd5i4\x18AB0\x188v\xe2\xc7\xe2\x03{v\xee\xdar\xf4\xf8\x8f\x08!\xb5c\xa5\x94\t\xc1\x9b5\xfe\xc3\x8c\x89\x85\xf1\x1ah\x10\x82;\xec\x19KW\xce\x99;o"\xa5TJI(\x1b=wM\xb3+\xff\x14\n&amp;\x90\xe2^%Bp\x9b3\xf3\xad\xd7\xa6/\x9e1ZyF\xdal\xd6\xed\xdb\xb77j\xd4H{F&amp;,:\x00$(j\xfb?\x7f\xfe\xfc\xfb\xee\xbb\x8f1&amp;\x01(#\xbb?\x1c\xdb\xb4E}\x11\x88\x7f\xf3\xcfi\xe1\\\x18j;\x16\xbc\xf8\xde\xbd\xb9\xf3\x18\xa5 %\x00&lt;\x9d7\xaf\xfd\xd57{}e\xf1\xca\x05\x9b\xcdV\xbf\xdfk4\xa6\xa5\xa7\x99\x95E\x0c\x00\xa8i\x00\x82\x89\xba\x93e\x9e\x93\xeb&gt;,|u\xc9\xb4H$tj\x0c\x18|\xef\x93\xfdz\x0e\xf1\xf8J\xab\xd9\xf0RJ\xc9\x98\xc1\xe7/\xfb\xeb#\x1d\x03A\x1f\xa1L\xf0\xd8u\xb7\xde\xf5\x8fg\x16yJ\x8f%\xda\xf6\xbf\x12\x8c0&amp;xd\x9fkK\xbe\xdfo0\x18c\xb1\xe8=\xf7\xdc3\x7f\xfe|\xce9c\tz\xcd)N"\xae#\x1a\x95\x8bp\xbb\xdd#G\x8e$\x84(\xc7\xc7\xe1\x83;5m\xd3\x90W\xa3\xea\xe7\xb9\xc2\x18\xe5\'}\x03\x06fg\xb7o\xca\x85\xa0\x84`\x8c_Y&lt;5\x1c\t\xc5Q(\xd4\xef\xf7PJc\xb1\xa8\xc7[Z\xe6)\xf5\xf9\xcb\x02A_0\xe4\x0f\x06\xfd\xfe\x80\xc7\xe3u{\xbcn\x83\xc18\xa0\xf7#\x13F\xbd\x9c\x9en\xc6\x08c\x8c\xa5\x04\x8c\xf1[\xeb\x16{}nFY5_&lt;\x800\x9b\xad\xf3\x0bf\xfa\x03^B(\x08nq\xb8\xee\x1a26\x14\xf0\xc5\xbd.}\x06\x84\xe0i&amp;K\xff\xdc\x89\xa8|\x07\xc3\x16/^\xbcy\xf3f\xd5\x17\x10\xef\xab\xd3\x9c\x86\x04]JR\x1c\xd5\xfc\x93\x97\x97WRRB)\x11\\\xd4\xadc\x1f:\xa4\x0b\xf8\xc3q\x92\xfd9k\xa4\xa4\x06:~\xc4\x1d\x84`\x90@\x08\xd9w`\xcf\xaa\xb5\xf3\xad\x16{\xbc\x96\x00\xa5\x9c\x831V\x1a\x9f\x84P\xf2_\xca\x85?\x01\xe0\xf8\x89\x9f\xae\xbd\xa6\xe3=}\xfe\x01\x12*\x07Y\x8f\x94\x1c\xda\xbb\xef?\xe9i&amp;\x80\xea\x0b\x00J\xf5s\xe7\xae\xad\xef~\xb0\xac\\\xf5S\xca\xce}\x1e\xac\xd7\xa0I\x95:&gt;\x9e?\x84\xd2\xa0\xcfs\xf5\x8d][^\x93\xa3\x86B\x84\x10\xb9\xb9\xb9\x91HDW\x83\x13\x93\xc4^MR\x12\xb5\xfa+\xa7=J\x89\xb23\x9c&lt;\xea\xce\xccK2!\x9c@\xbd\x1f\xa7\x85R\xc2\xcb\x029]\xae\x1a\xd8\xb3\xbd\x10@0\xc6\x98,.\x9c}\xec\xc4\x91\xb8zF\xfe\xc6M\xc3\x183\x83\xc1\xe3u\xdfrS\xef\x0cgm55\xa6\x16\xdf\xe2\x03\xbbY\xb5+.PJ_^8E\x08\xae\x06\xd3\xb2.m\xdc\xed\xbe\xa1\x01\x8f;\xa1Z\xbfN\x8bD\x08\x04\x0cxl\x123\x18\x85\x10\x8c\xb1\x1d;v\x14\x14\x14h\x81\xa0\xc4D\x07\x80\x84C\xe5\x7f\x94\xd76\xa5\x94s\x91\xdd\xbe\xe9=\xf7\xe4\xf0R\x7f\xe24\xfe\x9f\x01L\t\x04\xc2S\xf2ze\xb8,\\\x08J\xb1?\xe0\x9d_0\xd3\x94n\x8eoW\xe5\x99\xc1\x08\x0b\x11s92\xafh\xde\x06!Dp\xf9\xabq\xf4\xd8\x8f\xd5\xb9\xf8\x0b\xc1m6\xc7\xba\x0f\x97\xef\xfe\xfa3J\xd40\xad\xec\x9f;1\xddl\x15B\xe0\x84\x97\xb1#\x84\x84\x82\xbe&amp;\xad\xae\xbe\xa5\xdf\xdfTK(!d\xe4\xc8\x91\xa5\xa5\xa5\xfa\x10\x90\x80\xe8\x00\x90X\xa8\xdaoQQQQQ\x11\xa5\x14\x04PJ\xc6\x8f\xb8\x83\xb0\xa4\x111&amp;\x18C(\x9a\xd5$k\xe8\xa0\x8e\xea\x85\'\x84\xbc\xfb\xc1\xb2\xbd\xfbv\x99M\xd6D\xde\x06J\x89\x08eYu.AH\x8d6 \x84P(\x1c\x90\x12\xaa\xeb\xdc%)e\xc1\xa0\x7f\xe1\xeb\xcf!\x840!\x00\xa2\xe559W\xdf\xd85\xe8\xf3$\xfe\xf6_A\x08\r\x05|\xb7\x0e|\xd8\x91YG\x08N)-))\x99&gt;}\xba&gt;\x04$ :\x00$\x10j\xef_a\xae\x84(%\\\x88\xfe=\xae\xc9\xe9r\x15/\x0b$`\xeb\xe7\xafA(\x11n\xff\x88\xdc\xaeM\x1a\xd6\xe1\\\xc9\x97\xf2\x17\xe6MH\xe4\x02&amp;B\x08!\x89\x116\x18\x8c\xa7~\x85q\xf5\xddv!\x84\xdd\xe6*X9\xe7H\xc9!J\x992Z\x19\xf0\xd8$\x10\xd5X\x828o0\xc6\xd1h\xb8v\xbdK{\x0e~\xb2\xc23\x92N\x9d:\xb5\xb8\xb8X\xc7\x80D#i\xd6\x94T@e\xff\x95\xbd*\xa5Lp\xe1\xb0\x9b\xc6\x0c\xeb\x06\xa1(N\xd4\xce\x9f\xd3\x821\x96\\\x18m\xa6IOtG\x08)y\x80\x9d\xbb\xb6n\xd9Vd\xb5\xdaE\xe2&amp;\x82\xb0\x94\x10\x08z\x11B\x08I\x95n\xb1Z\xec\x84\x90j8}I)\xd3\x8c\xa6\x1f\x8e\x1cX\xb5v\x81\xaa\xf4H\x80\x9c\xeew7j\xd96\x1c\xacV\xc7\xc7\xf3\x87R\xe6\xf7\xba;\xdc\xd6\xbf\xc1\xe5\xad\x05\x08J\xa92\xb2\xd6Y\xa0D#\x99\x9e\xaa\x9a\x8d*&lt;\x96\x94\x94\xe4\xe5\xe5a\x8cU\xebg\xee\x0377is\x99\xf0\x87\tI\xf4\xe4\xef\xcfP*\xa1\xbd\xfb_\x9f}m3!\x80\x12\x82\x10~q\xfe\xa4P(@I\x02y\xc7\x9f\n\xc68\xc6c\xdf\x1f\xde\x8f\x10\x92\x15J\xdb\xf5\xea^R=K\x16\x800\x99\xcc\xaf.z\xc6\xe7/\xa3\x94\x01\x80\xc5\xee\xe89\xf8\xc9H(\x88\x13\xfd\xe4t\x1a\x84\x10&amp;\x8b\xb5\xcf\x90\xa7\x90\x94Jt\xaf\xb0\xb0P%6uKh\xe2\xa0\x03@\xa2\xa0\xa6%G\x8d\x1a\xe5v\xbb\r\x06\xc69o\xd8\xa0V\xee\x90.\xc2\xed\xa7,I\x7fMRr1}lo\xc6\xa8\x00\xa0\x94\x1c&gt;r\xb0`\xe5\x1c\xbb\xcdU=K@\xf9\xc0\xd7Y\xfe\xb0\x04\xa31\xed\xa7\x92C{\xf7\xedB\x08I\tJ\x04\xa2I\xc3\x96\x9cGq\x15\x07`\x00a\xb3:?\xfe\xfc\x83\xf5J\xbaN\x82\x94\xd0\xfd\xfe\xc7ke\xd5O\xf0\xd6\xcf_\x83R\xea\xf7\xba\xaf\xba\xbe\xf3\xd57\xde&amp;*&lt;#Uk\x83&gt;\x07$\x0eI\xba\xb2\xd44T\xf2g\xfb\xf6\xedK\x97.Um\xe9R\xa2)O\xde\xe9\xac\xeb\x94\xd1\xb8\x0b\xeb\xffN\x08!\xc2\x17n\x97}\xc5\xe0\x81\x1d\x00\x00c\x841^\xb5v\xc1\x0fG\x0eTCK\xa8\x94\xd2l\xb20fP\xca?\xbf\xf5\xc3\x00\x00V\x8b\xfd\xf5U/\x86\xc3AB\xa8\xba\xe7\x17_\xd4\xb0q\xc3\x16\xe1H\x98Ty%\x00s\x11[\xb4l\x96z\x12\x00\xa0\xc1\xe5\xad;\xf7\x19\x1c\xf0y\x12v\xee\xf7,\xc0 x\x9f\x87\x9f2[\xed\xaa\xbbA57\xebJ@\xe2\xa0\x03@B\xa0\xca\xbf\xc3\x86\r\x8bD"\x94\x12\xceE\xf6\xb5\xcdz\xf7\xbd\x9e\x97&amp;\x90\xe6\xf3\xef\x80P\x0c\xbep\xfe\xc8\x1e.\xa7Y\x08\xa0\x94\xfa\xfce\xaf.\x9aj1\xdb\xaa\xb4%Ti9|\xfe\x9f\xcd\xee\xb2\xe3.gm\x93\xc9\x821\x06\x10\xca\xf6\x0bNA\x08!\x84`\xccX\xcbU\xf7\xf57\xe6\xbe]\xb4\x84\x10\x02 0&amp;R\xca\xce7\xf4\xac\x06\x8f{!\xb8\xd3\x91\xf1\xce\xfb\xcbv\x7f\xfdy\xb9\x8f\x8a\x94}\x86&lt;eL7U\xf5\x7f\xbaJQ*\xa1\x97]qe\xc7\xbb\x06U\xa8\x84\xe2\xbc\xbc&lt;\xb7\xdb\xad-\xc3\x12\x04\x1d\x00\xe2\x8f\xda\x1c\x15\x16\x16n\xdc\xb8\x911&amp;\xb80\x1a\xd9\xf4\xb1\xbd\x13M\xf2\xf3w\x801\x86p\xd4U?c\xfc\xf0nJ\xde\x8e\x10\xb2i\xeb\xda\x1d\xbb\xb6T\xa9J\xa8\x94`J7\xaf|\xeb\xd5!\x8fw\x7f\xe1\xb5\xfc\xaf\xf6\xee\x00!lV\xa7\xd3\x91a\xb5:\xccf\xab\xc9d6\x99,\x16\x8b\xcdaw\xd9mNw\xd9\xf1g\x9f\x7f|\xf6Kc\xd4\x0c\xb0j[\xaa[\xfb\xe2n]\x06\x06\x02U[\x80\x95R2f&lt;q\xf2h\xc1\x1bs0\xc6\x18\x13\x00q\xf5M\xb7_u}\xa7\x80\xaf,\x99\xb7\xff\x08!D(\x0b\x94\xb9o\x1d\xf8H\x9d\xfa\x97\t\xc1\x19cn\xb7[U\xb9\xf4! \x11\xd0\xc9\xb88#\xa5T\xfb\xd0V\xadZ\x15\x17\x17\x1b\x8d\x86h4vo\xefk\xe7\xcd\x7f\x98\x1f\xf7$\xf5\xf6_!%\x92\x18K\x82[^\xff\xcf\xe2\xfdG)c\x9c\xf3VW\xfcq\xd6\xe4\x15~\xbf\xa7\x8a\x1aC\xcb\xdd`\xa6\xfem\xc3\x96\xb7\xd57\x97\\\xd4\xa8i\xe3?(AP\x87=\xc3hL\x93\x00\xfe\xa0\xf7\xc8O\x87\xf6|\xb3\xfd\xb3/6\xf9\xfd\xe5\xe2\xf5\x95\x9b\xd3\xa7\xf3\xe6\xff\xb1MN X\xb5R\xa6\x9c\xc723\xea\xfe\xfb\xd5\xf1KW\xfc\x9bR\x06\x12(e\xf9\x8b6^\xda\xa4Eb\xaa~\x9e+BpGF\xedu\x05s_\x99\xf0(\xa5L\xb5\x84\xed\xde\xbd\xbbY\xb3fZ%4\xee$\xf7\xfe\xa2\x06P\xe9\xf8X\\\\l0\x18x\x8cg\xb8,\x93\xf3z\x81/\x84\x93\xa7\xf1\xff\x0c`\x8c@\x08f5\xcf\xce\xef{K\xff\xe7*&lt;#?+\xfap\xf9\x9f;\xf6)\xf3T\xa1\xb4\xbd\x94\x92Q\x86\t\x8d\xc5"?\x1c9\xf0\xc3\x91\x03\x1fn~\xf3\xd7~\x98\x10*\xa5\xa4\x94*\xe7\xb5\xe1\x0f?\xf3\xa7\xabo\xf4z\xabV\xc4T\xc9\xfe\x14\x1f\xd8\xbd\xfa\x9d\x85\xe5\xb2?\x00\xb7\x0c\xfc[\xa3\x16m\xbc\xee\xf8\xb9i^P(e&gt;\xf7\xc9\x1b\xba\xdf\xf3\xd1\x9a%{\xbf\xf8D\xa9\x84&gt;\xfa\xe8\xa3\xeb\xd6\xad\xd3\x87\x80\xb8S\x13\x96\x98\xe4Ee\x1b\xf6\xef\xdf?e\xca\x14B\x08B\x12\xa4\x1c:\xa8cV\x93,\x08GI\xb2\'\x80*\xa0\x94\x08o\xa8\xf3\xadm;\xe5\xb4\x10\x020\xc6\x18\xe3yK\xa7\x9ft\x1fc\xccXEgP\x8cq,\x16\xe5\x82\xc7b\x11B(c\x06\x0332f\xa0\x94bLT&gt;\xba\xe2{\x83\xd2\xfb\x94\x12\x84\xe0\x17e5x:o^\xd7N}}\xd5!a-)\xa5\xaf,z&amp;\x10\xf4aB\x01\x84#\xb3\xf6\xad\x03\x1f\x0e\x07\xfc\t?4w\x0eH$\x193t\x1f4\x92\x10\xa2\xa6\xdb\x8a\x8a\x8a*m\x8e\xe2}u)\x8d\x0e\x00\xf1D\xd5~\xc7\x8f\x1f\xef\xf5z\x19\xa3&lt;\xc6\x9b5\xae;"\xb7\xabp\x07\x12]\xf5\xf3\x9c\x91R\xc0\xec\t}\x8dF\xa6\xba\xc2K\x8e\x1d.|\xf3\xa5**\xb1bL"\x91\xd0\xc0\xbb\x1e\xbd\xa9\xc3\x1d6\xab\x03@p\x1e\x8b\xf1(\xe71!\x84\x94\xa0\x0cl*\xbe\x8fq\xc1\x01\xa0n\xed\x8b\xef\xe9\x93;{\xca\x1b\xd7\xb4\xbd\xc1\xe3-\xab\xea%X\x08a\xb3:\xb7m_\xbf\xe5\xd3"%Y*\xa5\xec\xf9\xd0?k\xd7\xbb$\x1a\r\'i\xeb\xd7i!\x84\xfa\xbd\xee\xb6\xd9]\xae\xbd\xa5\x17T\xb4\x84*\xa3S\xdd\x12\x1a_\xf4\xdd\x8f\x1b\xaa\xf6\xbbi\xd3\xa6\x9bn\xba\tc$\xa5\x14\x02\xd6-\xf9G\xe7\xdb\xda%\x97\xf0\xc3Y"\xb8`\xb5\xec\xa3G.\x9e4\xfb\x1d\xc6(\x804\xa5[fM^Y\xff\xa2F\xd1h\xe8\x82+.H)\xd3\xd2L\x8c\xb2#%\x87\xf6|\xf3\xf9\xd7\xdf~\xf1\xdd\x0f\xc5\'K\x8fz}\xeeh,\x02 \x10\xc2\x06f\xb0Z\x1c\xb53\xb3\x1a7lq\xd5\x1f\xaem\xdd\xe2O\x19\xae\xda\xc1\x90\x9f\xf3X\xf5l\xc01&amp;\xffx\xb2\xe7\xfe\x83_Q\xca8\x8f5\xbf\xaa}\xde\xcb\xefF\xc2\xc1\xea\xd4\x9f\xa8\x1e\xa4\x94\x06\x83\xd1}\xa2\xe4\xc9\xfe\xd7\x07\xbde\x8c\xb1X,6q\xe2\xc4\'\x9f|R\x1b\xc7\xc7\x11\x1d\x00\xe2\x86:\xfc\xdet\xd3M\x9b6mR\xb5\xdfN9-\x8a\xde|\\\xf8\x92o\xee\xf7l\x90R"\x03s\xbb\x03-\xb3\xf3\x8e\x9f\xf0\x11B9\xe77u\xe86\xf6\x89\x17\xca\xca\xaa$\xdf\xad\xf6\xd4Fcz\x9a1\x1dc\xc2y4\x18\x0e\x84\xc3\xa1h4\xccy\x0ccb4\xa6\x99\xd2\xcdf\xb3\xd5hH\x07\x10\xe1H0\x16\x8b\xa9\xfd\xe9\x05\xbf\x98\x9f!\x04w:j\xbd\xf1\xf6k3_\x18M)\x95\x12!$G\xcc^y\xd5u\x9d\x02\xbe*?|\xc4\x05U\r^:k\xcc\x1b/Na\xcc \x84p\xb9\x9c{\xf6\xec\xa9S\xa7\x0eBHW\x83\xe3\x82\xbe\xe9\xf1AI=/Y\xb2d\xd3\xa6M\xcc\xc08\xe7\x8c\xd1\xd9\xf9}\xa5\x90\x89)\x93p\xfe`\x8cE8\x9ayI\xe6\xe4\x91=\x00TK(\xdd\xb0e\xcd\xc7\xdb\xde\xb7Y\x9dU1\x16\x801!\x84\xc6bQ\x9f\xbf\xcc\xe3-\r\x86\x03\x94P\x9b\xc5^+3\xab^\xddK\xeb\xd6\xb9\xd8\xe9\xc84\x18\xd2"\x91\xb0\xc7[\xea\x0fx\xd4V\xb4\x1aV\x7f\x15\x96\x8e\x1e?&lt;\xbf`\x06\xc6\x18a\x02 \xdaw\xbe\xb3]\xf6\x9f\xfd^w\x8d\\\xfd\x11B\x84\xd2\x80\xc7\xdd\xed\xbe\xa1u/i\xc8y\x8c1VZZ:j\xd4(=\x13\x10Gt\x00\x88\x03\xaa\xfb\xcd\xeb\xf5\x8e\x1b7\x8e\x10\x8c\x11\x02\x90\x83\x07vh\xde\xa6\xa1\xf0\'\xa8\xdf\xef\x05A\t\x04\xf5\xebw]\xdb\xd6\r\x94c\x14\x00,*\x9c\xc5E\x15N;\xabb/\xa5\x94`"%p\xc1c\xb1h4\x16\x89\xc5\xa2\x9c\xc7@\ne\x16V9\xfd[\r\x00\x08\xb3\xc9\xba|\xf5\xcb\xee\xb2\x13\x84P\t\xc2l\xb5\xdf\xf1\xc0\xe3\x91p\xb0\x06\xff\xf61\xc2\\p\x93\xc5v\xe7\x83\xa3PE\xff\xdb\x92%Kv\xec\xd8Q&gt;\xfe\xa6\xa9vj\xec\xd3\x96\xc8\xa8\xe6\x9f)S\xa6\xec\xdf\xbf\x9fR*\xb8p9\xcd\xf9#{@0Bh\rL\xfeT\x82\x11\x92\x02\xd2,\xe9\xd3\xf3zI\x89*ZB?_\xfb\xdeR\xbb-\xa3Z\xa6^\xf1\xcf\xa9v\x8b\x15\x000\x9b\xac\xdf\x14\x7f\xb1r\xcdkj\xb9\x07\x80\x8ew\rj\xdc\xa2M8\xe8\xafy\xd9\xffS\xa1\x94\x05\xbce\xd9\xb7\x0fh\xde\xe6Z\xe5w\x16\x8dFsss\x85\x10\xfa\x10\x10\x17j\xf2\xd3\x96\x98\xa8\x8dOqq\xf1\xb3\xcf&gt;[\xe9\xf88~X7W\xfd\x8c\xc4w|&lt;\x7f\xca=#;\xb5\xee\xd5\xb5meK\xe8\xfc\x82\x19G\x8f\x1f\x8e\xabgd\xb5B\x08}a\xde\x04Uj\x16 j_\xdc\xa0\xeb\xc0G\xfcenR#\x1a\xff\xcf\x8cD\x08\x04\xef\xfb\xc88J\x99\x9a\r\xde\xbcy\xf3\x92%KtKh\\\xd0\x01\xa0\xbaQk\x9c\xea\x81\xa3\x94\n\x01m[7x\xe8\xc1\x8e\xc2\x13L\x16\xcb\xa7\xf3\x04c$\x85\x982\xa6\xb7\xc3nR\xe1\xd0]vb\xf9\xea\x97\xcd&amp;K"{F^\x10\x00\x84\xd5b\xdf\xb2\xadh\xe7\xae\xadJ\xf5\x13I\xd9\xeb\xa1\xd1\xce\xdaY1^\xf3\xc3?\xaa\x10\x08jyMNN\xf7\xbb+\x04\x82\xc8\xb8q\xe3&lt;\x1e\x8fn\t\xad~t\x00\xa8VT\x99q\xe3\xc6\x8d\x95S0R\xca\xe9cz1\x93\xb1\x06(\xff\x9c%\x84\x10\xee\x0b7\xba\xb2A\xee\x037+\xcf[B\xc8\xca5\xaf\xed\xdd\xb7\xabJ\x05\x82\x12\x00I\x08\x0bG\x82/\xce\x9f\x84\x10"\x84\x80\x10\xcd\xdb\\\x9b}\xfb\x00\x9f\xbb\n\'\xa2\x13\rLh\xc8\xef\xeb9x\xb4\xc5\xee\x10\x823F\xf7\xef\xdf?s\xe6LB\x88&gt;\x04T3:\x00T\x1fj\xec+\x12\x89\x0c\x1b6\x0ccL\t\x11\x02z\xdd\xd6.\xa7ck^\x16H\xa9Vh\xca\x88p\xfbs\x87ti|Ym!\x80\x10\xc2yl\xc1\xeb3\xd58t\xbc\xaf\xae\xaa\x10BX-\xb67\xdfYx\xf8\xc8AJ)\x80`\x06c\xdfG\xc6\x81\xe0(E\x82?B\xa8\xc2323\xeb\xe2\xee\xf7?^\xe9\x199c\xc6\x0cU\x12\xab\xd1;\x80\x84C\x07\x80\xeaC\xd5~\x0b\n\n\xb6o\xdf\xae\xb6\xffF#\x9b4\xb2;\x82j\xf3\x1cO\x140\xc6\x10\xe5\xcez\xae1\xb9]\xa5\x94HJB\xc8G\x9f\xac\xdb\xb6}\xbd\xcd\xea\xac\x91\xdb@\xd5\xfay\xec\xc4\x91\xc5\x85\xb3+Z?\xe1O\x9d\xba\xb7\xbc\xe6\x86`\x15\x0b\x8e&amp; \x94\xb2\x90\xcf\xdb\xe9\xaeAY\x976V\xc6\xf1\x1e\x8fg\xfc\xf8\xf1Z%\xb4\x9aI\xad\xc7.\x8e\xa8\xed\xbf\xdb\xed\x1e9r$!D9&gt;\x0e\x1f\xdc\xa9i\x9b\x86\xdc\x17\xaa\xb6\xf7_"\x04R\n\x00!\xfe\xfbQ]\xf9\xd5s\x01\x950F\xf9I\xdf\x80\x81\xd9\xd9\xed\x9br!(!\x18\xe3W\x16O\rGB\x94&amp;\xa8g\xe4\xf9\x00 \xccf\xeb\xfc\x82\x99\xfe\x80\x97\x10\n\x82[\x1c\xae\xbb\x86\x8c\r\x05|5\xb5\xf1\xff\xcc\x08\xc1\xd3L\x96\xfe\xb9\x13Qyj\x94-^\xbcx\xf3\xe6\xcd\x8c\xb1\x1a\xb9\x03HLt\x00\xa8&amp;\xd4\xf6?//\xaf\xa4\xa4\x84R"\xb8\xa8[\xc7&gt;tH\x17\xf0\x87\xabA\xf6GJ\xa4\xd6z\x82\x11M30\xab\x899-\xe5\x1f\x87\x99Z\xd2\x88\x81I)9\x07\xa8\xceH %5\xd0\xf1#\xee \x04\x83\x04B\xc8\xbe\x03{V\xad\x9do\xb5\xd8k\xd8\x12\xa0T?w\xee\xda\xfa\xee\x07\xcb\xcaU?\xa5\xec\xdc\xe7\xc1z\r\x9a$\x88\xe3#\x00\xc8S?U\xff\x18\x10J\x83&gt;\xcf\xd57vmyM\x8e\x1a\n\x11B\xe4\xe6\xe6F"\x11]\r\xae6\xf4\x8d\xae\x0e\x94\xe1\xfb\xb7\xdf~\xdb\xaaU+)\x01c\xcc\xb9xm\xc6}\xf7=\xd8\x91\x9f\xf0V\xa9\xe8\xbf\x94R\x08i0PdMG\x18\x0bO\xf0HI\xd9\x91\x92\xb22o0\x18\x8a\x12\x82-\xe6\xb4\xda\x19\xd6\xfa\x17\xb92\xeb:\x91\xc9\x80\x02Q\x1e\x8eV\x9b\x12\x91\x12\x08\xba\xf7\xbe\xe7\x17\x14~l`\x8c\x0b\xb0\x98\xad\xaf\xce~\xdffur\x1eK\x84\x95\xf1\x82\x00\x00V\xab\xfd\xd1\x91=w\x7f\xfd\x19c\x06\xcey\xd6\xa5\x8d\x9e.\xd8\x8a\xa4\x04$\xab\x7f\x16\xe1\xe7H\x99f\xb6\x9ez\xea\x12\x9c\xf3h\xa4\xaa+\x13\x00\x90n\xb2|_\xbc{\xcc=7\x82\xe0\x84\x10\xce\xf9\xbcy\xf3\xee\xbd\xf7^-\x10T=\xe8</t>
        </is>
      </c>
    </row>
    <row r="150">
      <c r="A150" s="1" t="n">
        <v>148</v>
      </c>
      <c r="B150" t="inlineStr">
        <is>
          <t>shape_reflect</t>
        </is>
      </c>
      <c r="C150" t="inlineStr">
        <is>
          <t>What is the missing shape denoted by a question mark?</t>
        </is>
      </c>
      <c r="D150" t="inlineStr">
        <is>
          <t>['pentagon', 'hexagon', 'triangle', 'square']</t>
        </is>
      </c>
      <c r="E150" t="inlineStr">
        <is>
          <t>triangle</t>
        </is>
      </c>
      <c r="F150" t="inlineStr">
        <is>
          <t>There are six shapes in the image separated by a line. In the top part there are ['pentagon', 'hexagon', '?']. In the bottom part there are ['pentagon', 'hexagon', 'triangle'].</t>
        </is>
      </c>
      <c r="G150" t="inlineStr">
        <is>
          <t>We observe that the hexagon is reflected across the line as a hexagon. Similarly, the pentagon is reflected as a pentagon. Hence, the pattern is that each shape in the top part is reflected in the bottom part.</t>
        </is>
      </c>
      <c r="H150" t="inlineStr">
        <is>
          <t>Based on the pattern that each shape in the top part is reflected in the bottom part, the missing shape which is reflected from a triangle part should be a triangle.</t>
        </is>
      </c>
      <c r="I150" t="inlineStr">
        <is>
          <t>b'\x89PNG\r\n\x1a\n\x00\x00\x00\rIHDR\x00\x00\x02\x00\x00\x00\x02\x00\x08\x02\x00\x00\x00{\x1aC\xad\x00\x00b\x01IDATx\x9c\xed\xddg\\\x14\xd7\xfe\x06\xf0\xdf\xcc,\x0b\x08\xcbRT\xb0\xa4\xa8\x114\xd1\x14%W\xec\xb1`K\xf4\xe6o\'\x89&amp;\x12\xa3I\x0c\x06\x8dQ\xa3\xc4\x86\xa8\xd8\x05K\x8c5j\xa2\xc6\x92j%\xf6\x06\t\x18\x0b\xc6\xder-\x80Jo\xbb;\xe5\xff\xe2\\\xf7\x12\xa3\xc6\x02l9\xcf\xf7s_\xdc\x00\xc2\xec\xec\xecy\xce\xfc\xce\x99s\x04M\xd3\x08\x00\x00\xf8#\xda\xfa\x00\x00\x00\xc06\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80-\xa9\xaa\xaa\xaa\xaa\xad\x8f\x82_\xaa\xaa*\x8ab\xeb\xa3\xe0\x82\xa6i\x9a\xa6\xfd\xe3\xd9f\x9f\x08M\xd3\xca\xe7\xa8@\xc0\xb9\xb6\x15EQ$I*\xf9\x7f\xa0\xdc\xb0\xc6H\xa7\xd3\x11\x91\xa2(\x82 \x88":C\xa5I\xd34kS.\x8a\xe2\xc3\x9e^\xf6o5Mco\x8d \x08es\x98\xbc\xc3Eo\x03\x9a\xa6\xc9\xb2,I\xd2\xa5K\x97\x92\x92\x92$I\xc2\xad@yb-\xbeN\xa7KMM\xfd\xe5\x97_$I\x12EQ\x96et\x86J\x05\xbb\xaf\x12\x04A\x92$\x9dN\xa7\xd3\xe9DQ,**\xbaq\xe3\xc6\xa1C\x87dY\xbe\xeb\xbfb\'\xff\xc8\x91#\x97.]\xca\xcd\xcd\x15E\x91\xfdsI\x92\x04A\xc0\xbdZ\x19\xc1\x1d@ySU\x95\xf5\x86\xbe\xfd\xf6\xdb\xc8\xc8\xc8\x8c\x1b\x19c&gt;\x1f3f\xcc\x18"\x92e\x99\xf5I\xa1\x8cX;\xfb999\xb3g\xcf\x9e={vvv\xf6\xbb\xef\xbe;|\xf8\xf0\xc0\xc0@\xc2\xddX\xe9)((\xf8\xe3\x8f?N\x9c8q\xec\xd8\xb1\xd4\xd4\xd4\xf3\xe7\xcf\xe7\xe4\xe4\xe4\xe7\xe7_\xbe|\xd9\xdf\xdf\x9fu\xedK\xfe&lt;\xfb\\\xbc\xf8\xe2\x8b\xe7\xce\x9d\xf3\xf6\xf6\x0e\n\nz\xfa\xe9\xa7\x9f\x7f\xfe\xf9\x17_|\xb1^\xbdz~~~\xb6z!NN\x83rd\xb1X4M\xcb\xcd\xcd\x8d\x88\x88(\xf9.t\xe8\xd0\xe1\xda\xb5k\xec\x07\xac7\xbfP\x8aTUe}|M\xd3\x96.]Z\xb7n\xdd\x92\xe7\xdf\xd7\xd7w\xec\xd8\xb1\xd9\xd9\xd9\x9a\xa6)\x8a\xa2(\x8aM\x0f\xd6Q)\x8a\xa2\xaa\xea\xf6\xed\xdb\xc3\xc3\xc3k\xd6\xacy\xd7\xba\xcd\xec\xd9\xb3\xb5\xdb\x1f\x84\x92\xffP\xd3\xb4\xdf~\xfb\xed\xaem\x94\xbf\xbf\xff\xeb\xaf\xbf\xbeh\xd1"\xeb\x08\x01\x94\x16\xdc\x01\x94\x13M\xd3TU\x95$\xe9\xf0\xe1\xc3\x03\x06\x0eHIN!\xa2f\xad\x9a&lt;\xf1\xf4\x13\xab\x97\xad%\xa2j\xd5\xab\xcd\x9c1\xb3g\xcf\x9eT\xe2.\x01\x1e\x9fV\xa2\xdc\xbfc\xc7\x8e\xd8\xd8\xd8\x84\x84\x04\xf6\xad\x9e}\xba\x93\xa6}\xbbj\x03\xfb\xcf:u\xea\x8c\x1d;\xb6w\xef\xdeD\xa4(\nJ\xcf\x0f\x8b\xdd\xc2.X\xb0\xe0\xc3\x0f?\xb4~1  \xa0n\xdd\xba/\xbe\xf8b\xc5\x8a\x15\x83\x83\x83+U\xaa\xf4\xd2K/i\x7f\xbd\x03`\xffy\xe9\xd2\xa5\x0b\x17.\xa4\xa6\xa6\xde\xb8q#%%\xe5\xd4\xa9S\xd7\xae]3\x99L\xecg\xbav\xed\xbaa\xc3\x06\xdc\xa2\x952\x9b\xc6\x0f/\xac}\xcf\xb8\xb88o\x1fo"\x12H\x18&lt;b\xd0\xd9\x9b\'\xd2,\x7fN\x89\x9fh\xf46\xb2\xb7#"""77W\xfb[\x17\t\x1e\x8d\xf5\xcc_\xbdz5&lt;&lt;\xdc\xda\xe84{\xa5\xc9\xd7?.O3\xff\x99f\xfe\xf3\xeb\x1f\x977m\xd9\xd8\xfa\x89h\xd7\xae]bb\xa2\xf5\x9f\xa3\xcb\xf9w\xac\xa7\xff\xf7\xaf\xb3\xb3\xbdw\xef\xdej\xd5\xaau\xef\xde}\xd6\xacY\xbf\xfe\xfa+\xbb\xafz\x04\x05\x05\x05\'N\x9cX\xbat\xe9{\xef\xbdW\xa7N\x9d\xc9\x93\'k\xf7\xfe\\\xe0\xa6\xed\xd1 \x00\xca\x96\xaa\xaa\xec\x92\xbdz\xf5j\xaf^\xbdX\x13S\xe3\x99\xa7\xbf\xda\xb8$\xdd\xf2\xe7\xe9\x8c\xe3\'\xae\xfd~\xddty\xd7\xe1m\xc1!\r\xd8w\x1b6l\x98\x92\x92\xa2\xa1\xf5y&lt;\xd6J\x8e\xc9d\x8a\x8e\x8e\xaeR\xa5\n;\xbd\xcf\x04\xd6\x9a6o\xf2\xc5\x9c\xd3W\x8b.\x9c\xb8\xf6\xfb\x89k\xbf_-\xbap)\xf7L\xec\xdc\x98\x80\xaa\x01\xecg\\\xdd\\\xc3\xc3\xc3\xaf\\\xb9\xc2~\x955E\xa0d%\xed\xae\xdf\xd54-+++++\xab\xe4\xd7\x15E\xb1X,\x16\x8bE\x96\xe5\xfb\xb4\xd4\xec\x97\xb3\x9f\xbc\xe3\xc7L&amp;SZZ\xda\xbd\xfe!\xfba6P\xfc\xc0/\x054\r\x01P\xa6\xac\x97\xe3\xd6\xad[\xabW\xaf\xce\x1a\x97W_\xefx\xe4\xd2\xaf\xd7L\x97N\\\xfd\xfdT\xfa1\x96\x01\x97\xf3\xce\x9e\xbdub\xf0\x88A\xac\x8b\xea\xed\xe3\x1d\x17\x17\xc7\xfe-Z\x9f\x87U\xb2\x91Z\xbdz\xf5\xf3\xcf?\xcf\xce\xbc\xb7\x8f\xf7\x90Q\x11G\xff\xfc-\xdd\xf2\xe7\xc9\xb4\xa3\x7f\\?r:\xe3\xf8\xe9\x8c\xe3\x7f\\?r*\xedX\x9a\xf9r\xf2\xb9\x83\x1f\r\xfb\xc0\xd5\xcd\x95\xfd|@@@\\\\\x9c\xc9d\xd200\xa0iZ\x89\xde\xf7\x993g\xfe\xf1l\xb0\xa6\xfcq:1\xacAg\xbf\xe4\x1f\x7f\xf8\xe4\xc9\x93\xd6\xbf\x8bn\xd3\x83C\x00\x94\x15\xf6i\xb1X,C\x86\x0ca\xcd\xba\x97\xd1k\xdc\xd4\xcf\xffSp\xfe|\xe6\xc9\x13\xd7~g\xad\x0f\xfb\xdf\xc9\xebGOg\x1c\xcf\x90\xff\xb3|\xc3"\xff*\x95Y\x03\xd4\xabW\xaf\xabW\xafj\x18\x19~`%\x9b\xfe\xc4\xc4\xc4v\xed\xdaY\x0b;]\xba\xbf\xb6\xeb\xf0\xb6\x0c\xe5\xca\xd9\x9b\'\xee8\xf9\xec\x7f\'\xae\xfd~&gt;\xf3\xe4u\xf3\xe5\xedI\x9b:w{\xd5\xfa\x0f\xeb\xd7\xaf\xbfy\xf3f\xf6;\xb9}#\xac\x9d\xeb\xf4\xf4\xf4\x8f?\xfe\xd8\xcd\xcdm\xfa\xf4\xe9\xf7\xba\x1b(\x8b\xa1\xda{\xfdNvT\xfb\xf6\xedsss\xeb\xd0\xa1Cjj*\xfb:\xbaM\x0f\x08\x83\xc0\xa5O+1\xde;h\xd0\xa0\xc4\xc4D"z1\xf8\x85\x98Y\xe3\xff\xd5$\xf8F\xc6\xcd\xbb&gt;v\xa4i\x9a\xa2(&gt;\xbe\xdeW\xfe\xbc:~x\xcc\xa6\xef\xb7\x10Q\xf5\xea\xd5\x17/^\xdc\xbe}{\xc2\xc8\xf0?\xb1\x0e\x0f^\xbdzu\xcc\x981\xdf|\xf3Mqq1\x115x\xf9\xc5\xa1Q\x1f\xb7l\xdbBQ\x94\x82\xbc\x02I\'\xddkh\x97\xbd\x05\x9e\x06O\x9dN\xda\xf6\xf3/\xb1c\xa7\x9f\xfe\xe3\x0c\xfbVXX\xd8\xa8Q\xa3\xea\xd5\xabG\xfc\xcd\xd6\xb5\x9e\xd8e\xcb\x96\x8d\x193\xe6\xca\x95+D\xe4\xe2\xe2r\xe0\xc0\x81\xe0\xe0`M\xd3luY\xb2&amp;,33\xb3y\xf3\xe6\xa7N\x9d""ww\xf7O&gt;\xf9d\xf8\xf0\xe1\x06\x83\x81\xb7\xb7\xe9\xd1 \x00J\x99\xf5\xd3\x12\x1f\x1f?f\xec\x98\xec\xacl\x81\x84w&gt;\xe8\x1b\x153\xc2\xc5\xc5%/7_\xe7r\xbf\x8bR\x96e\xf7\n\xee...K\xe6-\x9f\x193\'7\'W\x10\x84\xb1c\xc7\x8e\x1e=Z\xa7\xd3a\n\xc4]\xb1g\xe8DQ4\x9b\xcd\x0b\x17.\x9c4yR\xda\xf54"\xaaR\xad\xca\x90\xcf"^\xef\xd5\xc5\xc3\xe0\x91\x93\x95\xf3\x80\x8f\xfb\xaa\xaaJ\x1a\x19\x8c\x86\xa2\xc2\xa2UKV\xcf\x9b\xf1\xc5\xcd\x8c\x9bt\xbbq\x89\x88\x88\xa8\\\xb9\xb25\xe3\xcb\xfa\xa5\xd9\x1ckF\xaf]\xbb6t\xe8\xd0\xb5k\xd7\xb2/\x86\x85\x85\x8d\x1e=:00P\xa7\xd3\xd9v\xa2\x14{#\xd2\xd3\xd3\xbf\xf8\xe2\x8b\xe9\xd3\xa7\x17\x15\x15\x11Q\xc3\x86\r\xe7\xcd\x9b\xd7\xa8Q#UU\x05A\xc0T\xae\xfb@\x00\x94\x1a\xed\xf6t\xc3[\xb7n\r\x1a4\x88}Z\xfc\xab\xf8\xc7\xce\x9d\xd8\xa1s\xbb\x9c\xec\xdc\x07l\xbe\xd9\xadn\xa5\xca\x15\x7f=\x98&lt;z\xc8\xd8#\xc9G\x89\xa8Y\xf3fK\x16/\t\x0c\x0c\xc4\xf4\xc4\x92J6\xc4[\xb6l\x191r\xc4\xf1c\xc7\x89\xc8\xcd\xcd\xad\x7fD\xbfw\x06\xf6\xa9\xfed\xb5\x07?\xf3%\xb1\x7fb\xf4\xf6\xbax\xfe\xf2\xcc\x989?\xac\xfb\xd9l2\x11Q\xf5\xea\xd5\'L\x98\xd0\xaf_?\xe2f\r\x89m\xdb\xb6\xbd\xfb\xee\xbbW\xaf^%\xa2:u\xea\xcc\x9c9\xb3c\xc7\x8e\xb6&gt;\xa8\xbb8q\xe2\xc4\xb0a\xc3\xb6n\xddJD\xae\xae\xaeS\xa6L\x89\x8c\x8c\xa4\xdbsLm|p\xf6\n\x01P:\xac\xf5\x99m\xdb\xb6}\x1c\xf9\xf1\xe9S\xa7\x89\xe8\xd5\xd7;\x8e\x9d:\xba\xfa\x93\xd5\xb22\xb3\xd9\x13\xed\x0f\xfe\x0be\x8bl\xf0\xf2\xb4X,1\xa3c\x97.\xf8\x8a\x88|}}ccc\xfb\xf7\xefOx`\xf5\xaf\xb3\xfbSSSG\x8c\x18\xb1y\xf3f\xf6\xadV\xedZ\x8e\x1c?\xec\x85\x86/\x14\xe4\x17\x14\x17\x17?N\x1d@\x96e777O/\xcf\x03\xbb\x0f\xce\x9a\x14\xb7o\xe7\x01\xf6\xf5\xb6m\xdb\x8e\x1c9\xb2M\x9b6\xecg\x1e\xf6\xcd\xb5\x7f\xacY(,,\x8c\x89\x89\x99&lt;y2\xfbbDDDtt\xb4\xd1h\xb4\xb7\xe4+y1\xc4\xc7\xc7\x8f\x193&amp;;;\x9b\x88\xbaw\xef&gt;m\xda\xb4\'\x9f|\x12\xf7\x01\xf7\x82\x00(\x05\xac9\x96e9&amp;&amp;f\xfc\xf8\xf1\x9a\xa6yyy\r\x8d\xfa\xf8\xddA\xefX,\x96\xa2\xc2\xa2Gk\x83\xd8\xaf\xf5\xf61~\xbbj\xc3\xc4QS\xd2\xaf\xa7\x13QXXX||\xbc\x9f\x9f\x1f\xcf%Nk\xfeedd\xc4\xc4\xc4,Z\xb4\x88\xdd\xfb\x07=\x1b4b\xfc\'\xa1\x9dZ\xab\xaa\x96\x9f\x97_*\xed2k\\\x0c\x06OQ\x92\xbe[\xf3\xfd\xacI\xf1\x17\xce]$"A\x10\xfa\xf5\xeb7b\xc4\x08\xa7\\C\x82\x95\xd7\xb3\xb3\xb3CBB\xce\x9e=[\xb9r\xe5\xf8\xf8x\xf6\x94\xa2\xdd\xbeRk%\xf0\xf0\xe1\xc3\x03\x06\x0cHII\xd1\xe9t\x87\x0e\x1d\n\x0e\x0e\xc6\xf8\xd9\xbd \x00\x1e\x8b\xb5\x04q\xe6\xcc\x99w\xfb\xbf\xbb\x7f\xdf~"\xaa\xf7\xc2s\xb1\xf3b^n\x1c|\xf3\x1e\xe3\xbd\x0f\xf5\xfb\x15E\xf1\xad\xe8\xfb\xe7\x85?\x87}\xf8\xd9\xbe\x9d\xfb\x89(((h\xc9\x92%M\x9b6\xb5^\xf1\xa5\xf5r\xec\x9f\xf5%[,\x96U\xabV\x8d\x1d;\xf6?\xff\xf9\x0f\x11U\xf6\xaf\xf4\xc1\xd0\x81o\xbd\x1b\xe6^\xc1=/7\x8fJ\xfb\xb4\xb0\xba\x9c\x8f\x9fOFZ\xc6\xb2\x05+\x96\x7f\xb1";+\x87\x88|||\x86\x0e\x1d:|\xf8p\xbd^\xefdo\x07k\xe8w\xec\xd8\xf1\xd9g\x9f\xad^\xbd\xbaV\xadZ\x0eq\xaf\xc3:F\xf9\xf9\xf9\xe1\xe1\xe1AAA\xd1\xd1\xd1v\x9bX\xf6\x00\x01\xf0\xe8\xac\x17\xd6\xe2\xc5\x8bG\x8c\x18\x91\x99\x99IDo\x0fxk\xf8\xb8O\xbc\x8c^9\xd99...\xa5\xf2\x87dYvww\xd7\xb9\xe8\xbe\x9c\xb3x\xea\x84\x99f\x93\xd9\xd5\xcd\xf5\xb3\x91\x9f\x8d\x1d;\x96\xb8\x99\x94R\xf26?!!a\xec\xd8\xb1\x87\x0e\x1d""77\xb7\xdeo\xf7\x88\x18\xfea\xd5\xeaUrs\xf3\x14\xb9\x0c?\xed\xb2\xac\xe8\xf5.F\x1f\xe3\xf1\xdfS\xbf\x98\xf5\xe5\xfao\xbec\x1f\x9f\xfa\xf5\xeb\x8f\x1a5\xca\xf9\xd6\x90\xd04M\x96ev\xf99\xd0ef\xfd`\x16\x16\x16\xba\xbb\xbb\x13\x91s\xbc\x1de\x01\x01\xf0\x88\xd8\xe7\xe1\xd6\xad[\x11\x11\x11\xabW\xaf&amp;"\xff*\xfeQ\x93F\xf6\xec\xd3=7;\xc7b\x91K\xb7\x19b\xbdK\xdf\x8a\xbe{w\xec\x1b1h4\xabBt\xe8\xd0!..\xaev\xed\xda\x0e\xd15{\x1c\xd6\xd6\'55u\xd2\xe4I\xab\xbfY\xcd\xbe\xce\xca\xfd\xf5\x1b\xd4/*(*.6\xe9$\x89\xca\xf8\x1ch\x9a\xa6\xc8J\x05\xcf\n\xee\xeen;\xb7\xed\x9e6~\xe6\xef\xc9G\xd9\xb7BCC\xa3\xa3\xa3\x1b5jD\xce\x15\x03\xe4\x80S\x901\xf0\xfb\x80\x10\x00\x0f\xcdz\xa7\xbfm\xdb\xb6\xc8\xc8\x8fO\x9d:MD\xcd[7\x9b&gt;\x7f\xf2\x935\x9f\xcc\xbc\x99Yvm\xb1,\xcb^F\xaf\xdc\x9c\xdc\t#\'\xad]\xb1\x8e\x88*U\xaa4w\xee\\;/\xce&gt;\x0ekK\x9a\x91\x911w\xee\xdc\xe93\xa6\x17\x15\x16\x11Q\x9dg\x83&gt;\xfcd`\xd7\xb0\xd7\x15Y.\xc8/\x14\xa5rmm\xd9sI\xde&gt;\xde\x05\xf9\x05\xdf\xad\xfda\xf6\xa4\xf8\xeb\xd7\xd2\x88\xc8\xd5\xd5u\xc0\x80\x01QQQ\x95+W&amp;gyG\x1c\xb41e-\x9b#\x1eyyB\x00&lt;\x1ckWt\xfc\xf8\xf1l\xbcW\xaf\xd7\x0f\x1f;t\xc0\xc7\xfde\x8b\\T\xf4\x88\xe3\xbd\x0fNQ\x14\xbd^\xef^\xc1m\xc37\xdf\x8f\x1b&gt;1\xf3V&amp;\x11EDD\xc4\xc4\xc48\xd9\xc3/\xac\xecn}\x04\xc9Z\xee\xaf\xe4_\xa9\xef{o\x0c\x18\xdc\xdf\xe0e\xc8\xc9\xce!\xdb\x95\xdd\xadSE\xaf\xfcyu\xf9\x17+\x17\xcf]\xc6\x1e=\x0b\x08\x08\x185j\xd4\xc0\x81\x03\x1dh`\xc0\xde&amp;\xf6\x94\x1d6n\xe7L\xf7g\x8f\x03\x01\xf0\xa0\xac\xe3\xbdg\xcf\x9e\x1d&lt;x0\x9bn\\\xef\x85\xe7bf\x8fo\xd4\xf4\xe5\xec\xac\x9cr{$\x92\x1d\x89oE\xdf\x93\xc7O\r\xfb`dJ\xd2a"j\x18\xdcp\xde\xdc\xff&gt;\xfcB\x8e\xd0\xe2\xdc\x87v\x8f\x05\x9c]]]\xff\xdd\xe3\xb5!\xa3?\xaeY\xbbFvf\xb6"+\x92\xce\xf6\xfdk6U\xd4\xc3\xd3\xe3h\xca\xd1\xc9c\xa6\xedN\xd8\xcb\xbe^\xbf~\xfd\xd8\xd8X6e\xde\xcekt\xd6\n\x8f\xc3\x95z\x1e\x96\x83\xde\xcd\x94\x1dg~\xb3K\x91u\x8b\xbb5k\xd64k\xd6\x8c\xb5\xfeo\x0fxk\xed\x96U\r\x1b5\xb8u3\xb3&lt;{O\xecHne\xdc\xaaY\xbb\xc6\xda\xcd+\x07\x8f\x18$\x90\x90\x92\x9c\xd2\xb2e\xcb\xd9\xb3g\xb3\xfdW\x1dw\xff&lt;\xeb~\x8dg\xce\x9cy\xf7\xddwC\xdb\x85\xb2\xd6\xbf\xe9+\x8d\xd7l^\x19\xbf|Ve\xffJ73n\x92F\xf6\xd0\xfa\x13\x91N\xa7\xb3X,\xb7n\xde\xaaS\xaf\xce\xca\xef\x97.]\xf7eP\xdd@":~\xfcx\xa7N\x9d\xdex\xe3\x8d\xd4\xd4T\xf6\xc4\xec\xbdvC\xb4-\xd6\xe8O\x9e&lt;\xf9\xf2\xe5\xcb\xa2(:q\x8f\x90\xb5\xfe\x8a\xa2L\x9a4\xc9\xbaH\xb5\xad\x0f\xca\xc6p\x07\xf0\xcfX]%\'\'g\xd8\xb0a\x8b\x17/&amp;"_?\xdf\t\xd3?\xefQ6\xe3\xbd\x0fNUTQ\x12\xbd}\x8d[\x7fL\x187&lt;\xfa\xe2\xb9KD\xd4\xabW\xaf\x993gV\xadZ\xd5\xce{\x9d\x7fg\xbdwa\xfb5\xc6\xc5\xc7\xb1\x02\xd73\x81\xb5\x06|\xdc\xbf\xc7[]u:)7\'\xcfn_\x14;~\x83\xd7\xdd\xd7\x90\x186l\x98\xd1h,Y\xd7\xb2\x07\xac\x8a\xb5|\xf9\xf2~\xfd\xfay{{\xcf\x993\xa7O\x9f&gt;6\\\xde\xa7\xec\xb0e!\x8e\x1c9\x12\x16\x16v\xfa\xf4\xe9\xf0\xf0\xf0%K\x968S\xc9\xf4\xd1 \x00\xee\xc7\xda$\x1d8p\xa0\x7f\xff\xfel\xc1\xa9\xe6\xad\x9bM\x98\xf6y\xdd\xe7\xeb\xde\xbaq\xcb\xe6\x8d\x11\x9b\x94\xe2S\xd1\'\xe3z\xc6\xa8\xc81\x9b\xbf\xdfJ\x0e\xb8\x84\\\xc9\x15\x1d\xd6\xacY3a\xc2\x84\x93\'O\x12\x91\xb7\x8fw\xbf\xf7\xfb\xbc\xf3A\xdf\x80*\xfe\x99\xb7\xb2H#Q\xb2\xf7\xd7r\xe7\x1a\x12\xdf\xfed6\x9b\x89\xa8N\x9d:\xc3\x87\x0f\xb7\xae!a\x0f5hvm\x1c;v\xacI\x93&amp;\xc5\xc5\xc5\xd5\xaaU\xdb\xb9sg\xcd\x9a5\xc9\x19\xc7NY\x7f???\xff\x8d7\xde\xd8\xb4i\x13\x11-]\xba\xb4_\xbf~\xce1P\xff\xc8\x10\x00\xf7Tr\xbcw\xf2\x94\xc9\xa6b\x93^\xaf\xff`\xc8\x80\xa1Q\x835\x8d\n\xf2\x0b\xec\xa7\xef\xc0\xca\xd0zW}\xc9%\xe4"##\xa7N\x9dj\xe7K\xc8\x95,\xf7\'%%\x8d\x193f\xfb\xf6\xedD$\nb\xb77\xff\xef\xfd\xc8\xf7\xea\xbfT/\'+\xc7l6\xdb\xcf\xd9~\x10\xb7\xd7\x90\xf08\xb8\'q\xda\x84Y\x07\xf7\x1cb_\xb7\x9f5$X\xe8\x12\xd1\xcb/\xbf\xfc\xfb\xef\xbf\xebt\xba\x03\x07\x0e\xfc\xeb_\xffr\x88\x1e\xc3\xa3a%\xa0\x9c\x9c\x9c\x06\r\x1a\\\xbcx\xb1B\x85\n\xc7\x8e\x1d\xabY\xb3\xa6\x13\xbf\xe4\x7f\x84\x00\xb8\x0bk\xabTr\xbc\xb7\xe635b\xe7\xc5\xb4l\xdb\xe2\xd6\x8d[d\x7f\xa3\xac\x8e\xb8\x84\xdc\xbd\x16pn\xfaJ\x93\x0f\x87\x0eh\xd3\xa1UQQqa~\xe1}\x16p\xb6g\xec*\xf22\x1adYY\xb7j\xe3\xc2\xd9\x8b\xce\x9f\xbd@D$Px\xbf\xf0\xe8\xe8\xe8\xaaU\xab\x92\xed\xa6\x8a\xb2\xbf;t\xe8\xd0Y\xb3f\x11\xd1\xacY\xb3"##\x9d\xbe$\xc2^uRRR\x8b\x16-\xccfsHH\xc8\xbe}\xfb\xd8\x00\x9e#^c\x8f\x0f\x01p\'\xeb\x07\xf2\xdbo\xbf\xfd\xe8\xa3\x8fn\xdc\xb8AD\xbd\xfa\xf6\x183e\x94\x97\xd1+7;\xf7\xfe\xeb9\xdb\x96\xc3-!g6\x9b\xa7N\x9d:\x7f\xfe\xfc\xeb\xd7\xaf\xd3\xed\x05\x9c{\xf6\xed\xee\xe2\xa2\xcb\xce\xcaa\x03\xda\xb6&gt;\xc6\xc7\xa2**\t\xe4\xeb\xe7\x93v=}\xd9\x82\x15\xcb\x16\xac`SW\x03\x02\x02\x06\r\x1a\xc4\xd6\x90\xb0\xc1Q\xa9*[3\xa7Q\xa3F\xb2,\xb7m\xdb6!!\xc1\xe9[\x7f\x86\xbd\xcc\xf1\xe3\xc7\x8f\x1b7\x8e\x88\xe6\xce\x9d;h\xd0 ;\xfch\x94\x0f\x04\xc0_\xb0\x8b#//o\xf4\xe8\xd1\xf1\xf1\xf1D\xe4W\xd1wllT\xb77^/*,6\x9b\xcd\xf6\x7f\x958\xc4\x12rl\x87\xa9\r\x1b6\xc4L\x8cI=\x91J\x7f]\xc09;3G\xd5\x9cj\xb5}Y\x96\xf5z\xbd\xd1\xc7x\xe2\xe8\x89\x991q?m\xd8\xc4\xbe\xfe\xdcs\xcfEEEu\xeb\xd6M\x92\xa4\xf2\x8c:\x16\x00-[\xb6\xdc\xbbw\xaf\xd1hLII\xa9Y\xb3\xa6S\x8e\xfd\xfe\x9dv{\x7f\xb1\xc6\x8d\x1b\x1f&gt;|\xd8\xc7\xc7\xe7\xd4\xa9S\x95*U\xe2\xb3\x10\x84\x00\xf8/\xebxoRR\xd2\xa0\x8f\x06\xa5$\xa7\x10Q\xf3\xd6\xcd\xc6O\xfb\xfc\xb9\xe7\xeb\xde\xba\x99\xe9@7\x89w]B\xaeN\x9d\xa0\xc5\x8b\xedb\t9\x16Q\xfb\xf6\xedk\xd1\xa2\x05\x11I\x92\xd4\xe9\xdf\x1d"F|X\xff\xa5z\x85\xf9\x85\x8f\xb9\x80\xb3\xddb\xc3\xf5\x1e\x06\x0fI\x92\xf6\xfc\xb2oz\xf4\xac#\xb7\xd7\x90\xd8\xbbwo\xf3\xe6\xcd\xcb\xad\x13\xca\xfeP||\xfc\xe0\xc1\x83\x89(&amp;&amp;f\xd4\xa8Qv\xd23(\x1f\xd6+\xb0U\xabV\xaa\xaav\xeb\xd6m\xed\xda\xb5v5;\xab\xdcp\x97xw%\xcb2\xab6\xcc\x9e=\xbbe\xcb\x96)\xc9)\x02\t\x83G\x0cZ\xf5\xc3\xb2\x9a\xb5k\xdc\xb4\x83\xd9&gt;\x0f\x85\xcd\xa3\xcf\xbc\x99Y\xc9\xbf\xd2\xd7?.\x8f\x8a\x19\xa9\xd7\xebO\x9d:\xdd\xa6m\x9b\xf1\xe3\xc7\xb3Wj\xf39\xe9\x16\x8bE\x14EI\x92\xc6N\x8dZ\xb2\xee\x8b\xc0\xba\xb53ofZ,\x16gm\x86\x04A\xd0\xb9\xe8\x8a\n\x8b\xf2r\xf3^\tm\xf1\xfd\x8eo\x07\x0f\x1f\xc4:\xfe\x16\x8b\xa5\x9c\x8f\x84\x88n\xde\xbcID\xb5k\xd7\x1e6l\x18o\x05\x10\xb6x{\xf3\xe6\xcd\xd9\x9cW\x93\xc9\xc4\xaeF[\x1f\x97\r8\xe7\x87\xed\xc1Y\xc7{\xaf]\xbb\xf6\xee\xbb\xef\xb2\xf1\xde\x1a\xcf\xd4\x1875\xaaC\x97\xd0\xac[\xd9\x9a\xa69h\x93\xa4\xd3\xe9L&amp;\x93\xd9l\xfe\xe8\xd3\x0f^n\x12&lt;:rl\xea\xd1\x13\xe3\xc6\x8dKLLdK\xc8\xd9vdX\x10\x04v/\x12X\xa7\xb6\xd9d\xce\xcf\xcb/\xad\xc5S\xed\x19ke\xb2ne\xf9U\xf6m\xd6\xbai\xdc\xd4yT\xees.EQTUu\xfc\xf8\xf1\x06\x83\xc1\xdb\xdb[\xaf\xd7\xb3\x87\xef\xca\xf3\x18l\x8e=\xf26x\xf0`ww\xf7\xf9\xf3\xe7s[\x08\xe11\xf4\xac\xd8\xb3!:\x9d\xee\xdbo\xbfm\xd4\xe8_\xac\xf5\xef\xdc\xed\xd5\x8d\xbf\xaci\xf7j\x9b\x9b\xe9\xb7\x1c}u\x14\xd6\xbe\xdf\xba\x99\xd9\xb0\xd1K\xdfn\xfd\xbaW\xdf\x1eD\xb4u\xeb\xd6f\xcd\x9a\xadY\xb3\x86\xdd\xd6\xd8\xfc\x99\xe1\xa2\xa2bG?\xcf\x0fK\xd2I\xaa\xa2\x16\xe4\x17\xd8\xea\x00X\x06\x0c\x1b6\xac\x7f\xff\xfe\x9c\x96&gt;DQ\x10\x84\x97^zi\xfe\xfc\xf9D\xc4\xed\x96a\x1c}\xea\xee\xc0\xca&gt;yyy\x83\x07\x0f\xee\xd5\xab\xd7\x95+W\x8d\xde\xc6)\xf1\x13\x17\xad\x9eo0\x182oe\xd9\xf3l\x9f\x87\xa2\xd3\xe9r\xb3\xf3\\\xf4.3\x17\xc6\xc6-\x99\xe9W\xd17###,,\xec\xbd\xf7\xde\xcb\xcb\xcbc\xb7\xc36&lt;&lt;Q\xe4\xf1\x83g\xf3\xccc\x19\x80\xb5q\xd8m(\xb7x\x0c\x00k\xd9\xe7\xf0\xe1\xc3\xadZ\xb7b\xb3}\x82C\x1a|\xbf\xf3\xdb\xb7\x07\xf4\xc9\xbc\x95%[\x9cm@L\xd2I\x8a\xac\xe4d\xe7\xf6\xea\xdb}\xdd\xb6\xd5\xcd[7#\xa2\xc5\x8b\x17\xb7j\xdd*))I\xa7\xd3\xb1y\x11\xb6&gt;L(W\x0e4\xaf\xa1\xecpu\xeb\xf9w\xdc\xbdx\xeb\xb2n\xf1\xf1\xf1m\xda\xb6\xb1\x8e\xf7\xae\xde\xb4\xb2f\xed\x9a\x99\xb72%I\x12\x9c\xb1O\xca^\xf5\xcd\x1b\xb7j\xd6\xae\xb1\xea\x87e\x83G\x0c""\xa7YB\x0e\x1c\x02\xeb{\xc9\x7f\xa3(\n\xfa\x1f6\xc1W\x00\xb0\xd9\x0e\xd7\xae]\xeb\xdd\xbb\xf7\xe0\xc1\x83\xb3\xb3\xb2k&lt;\xf3\xf4\xf2\x8d\x8bG\xc7\x8cP\x15\xb50\xbf\xd0\xc9:\xfe\x7f\xa7\xd3\xe9\x8a\n\x8b\x8a\n\x8bF\xc7\x8c\xf8j\xe3\x92\x1a\xcf\xd40\x99LC\x86\x0c\xe9\xd8\xb1\xe3\xb5k\xd7$IB\x06@\xa9c\xed\xbe\xb5\xef\xa5\xfb\x1b6\x1b\x8a\xfd\x98\xad\x0f\x96/N\xde\xde\x95\xc4\x06\xbb\xb6m\xdb\x16\x1e\x1e~\xed\xda5"\xea\xf4z\xc7I\xb3\xc7W\xaeR\xf9f\xfa-I\'\xd9\xffBc\xa5\x82\xdd\xf3\xdeL\xbf\xd5\xee\xd56\xcf7\xa87\xe6\x93\t?m\xd8\xb4u\xeb\xd6\x97_~y\xe9\xd2\xa5\xed\xdb\xb7G]\xd8Y\x95\xff;k]\xe6\x8f\x8d3\xe7\xe7\xe7\x9f:u\xea\xec\xd9\xb3\x97/_\xce\xce\xce6\x99Lz\xbd\xde\xd7\xd7\xb7v\xed\xda\xf5\xeb\xd7\xaf]\xbb\xb6$I\xb6\xdd\xc9\x8b\xb7\x8b\x9f\x97\x00`\x8f\xf9Y\x9f\xff\xaeT\xb9\xd2\x87\x9f\x0c\xe8\xffQ\xb8\xd9d\xcer\xa2\xf1\xde\x07\xa7s\xd1e\xde\xca2\x18\x0c\x8bV\xcf_\xb6`\xc5\xcc\x989\xd7\xae]\xeb\xd0\xa1\xc3\xb8q\xe3\xc6\x8e\x1d\xcb\xe7S\x91N\x8fM\xbd-\xcf\x19/\xac\xcb\x9f\x9d\x9d\xbde\xcb\x96\xef\xbf\xff\xfe\xe0\xc1\x83W\xae\\\xb9\xebO\xea\xf5\xfaF\x8d\x1a\xbd\xff\xfe\xfbo\xbc\xf1\x06\xd9h\x15[\x0e/{^\x1a&gt;\xf6\xd6\xb2\x1bLA\x10\x86}\x1e\xf9\xe1G\x03\xff\xbc\xfe\x1fQ\x14\x9d\xbe\xecs/:\x9dN\xb6\xc87o\xdc\xfap\xf0\xfb\xa2(\x8e\x1c\x1ce\xbd\x07\xe7\xf0\x93\xe0\xf44M\xcb\xcb\xcb\xf3\xf2\xf2*\xb7?GD\x97/_\xfe\xf2\xcb/W\xae\\im\xf7\xd9\xc4\xeb\x92W\x17\xbb\xea\xccf\xf3\xbe}\xfb\xf6\xed\xdb\xb7j\xd5\xaae\xcb\x96\xf9\xfb\xfb\x97\x7fg\\\x14\xc5\x82\x82\x02\xbd^\xcf\xc3#)\x0c/\x1frv\xc1\xbd\xfd\xf6\xdbnnn\x9a\xa6\xa5$\x1d\xce-\xce%\xee\xe7\x00\x08\xa2 \x08B~q^J\xd2aM\xd3\xdc\xdc\xdc\xde~\xfbm\xe2\xfe\xb48\x19\xd6\x16ggg\x07\x07\x07\xb7l\xd9r\xce\x9c9DT\xd6\xd5vV\xf1\xdf\xb4i\xd3\xe4\xc9\x93\xaf\\\xb9"I\x92\xb5a\xb5X,\xa6\x12\xccf3+\xcf\xb2\xe1\x81-[\xb6\x84\x86\x86\xde\xbau\xab\xdcv\xecb\xa7b\xe7\xce\x9d\xad[\xb7\x0e\n\n\xda\xbf\x7f?\x95\xfd\xf9\xb1\x13\xbc|\xce\xd9\xac\xe7\x1a5j\xbc\xf4\xd2KD\xb4;a\xef\x8d\xf4\x9b\xae\xae\xae\xdc&gt;\x01\xc8h\x9a\xe6\xea\xeaz#\xfd&amp;\xdb\xc9\xf6\xa5\x97^\xaaQ\xa3\x06\xba\xffN\x86M\xb09x\xf0\xe0\xd9\xb3g\xf7\xee\xdd\xeb\xef\xefO\xb7S\xa1\xec\xb0\xa2\x7f\x9f&gt;}\x9ex\xe2\t\x17\x17\x17A\x10\xccf\xb3\xc5b\xd14\xadZ\xb5j\x8d\x1b7\xee\xd8\xb1c\x97.]^y\xe5\x95\'\x9f|\x92-\x0e\xa8i\x1a[5\xef\xf8\xf1\xe3\x03\x07\x0ed\x9f\xd92=H\x86\xddg\xd4\xacYs\xd7\xae]W\xaf^e\x0f\x84r\xd22p\xf49g\xedZ\xd7\xae]\x89(#\xfdF\xd2\x81\xdf*x\xb8s&gt;\xf9LU\xd5\n\x1e\xeeI\x07~\xcbH\xbfAD]\xbbv-\xb7O\x1d\x94\x1b\xd6\x96m\xdf\xbe]\x10\x04\x1f\x1f\x1f\xeb\x1a|e\xfaG\xd9\x1e\xc8^^^\xfd\xfb\xf7\xb7X,\xb2,?\xff\xfc\xf3\x13&amp;LHNN&gt;}\xfa\xf4\xc1\x83\x077o\xde\xfc\xc3\x0f?\xec\xda\xb5\xeb\x8f?\xfe\xd8\xbauk\xe3\xc6\x8d\xd9\'\x94\xad\xb9\xbba\xc3\x86\xfd\xfb\xf7\x97\xcf\xb446\x01\xe9\xa9\xa7\x9ej\xdc\xb8\xb1(\x8a;w\xeed{\xf5\x94\xf5\xdf\xb5\x07\x1c\x05\x00\xeb\xd5v\xe9\xd2\xc5\xd5\xd5\x95\x88\xb6\xfd\xb4\x9d\xab\xe1\xfe{\x11\x04a\xdbO\xdb\x89\xc8\xd5\xd5\xb5K\x97.\x84\xfa\x8f\xd3a\xa1~\xe4\xc8\x11M\xd3\x02\x03\x03\xcb\xad\xbc\xce\x1a\xd6\xf0\xf0\xf0^\xbdzm\xd9\xb2\xe5\xc8\x91#\x9f\x7f\xfey\xc3\x86\r=&lt;&lt;\xac\x13CUU\xf5\xf0\xf0h\xdf\xbe\xfd\xee\xdd\xbb\xdb\xb4i\xc3\xa6\x0c\xb1a\xea\x95+WRy\xf5\xc4Y\xc1*$$DU\xd5\x0b\x17.dee\t\x02\x17+%s\xf4Qg\x1f\x83g\x9ey&amp;88\x98\x88\x0e\xedK\xba\x99q\xd3\xc5\xc5\x85\x87\xb7\xf9\xae4Msqq\xb9\x99q\xf3\xd0\xbe$"\n\x0e\x0e~\xe6\x99gP\xffq2l\x95\xff\xfc\xfc\xfcs\xe7\xce\x11QHHH\xb9=\xed\xc1\x9e4\xae^\xbd\xfa\x9a5k:t\xe8\xc0\xee\t\xac\xebO\xb0\xa2?\x0b\t\xb3\xd9\xac\xd7\xeb\xe3\xe2\xe2\\\\\\\xd8\x0fh\x9a\xf6\xeb\xaf\xbf\x96\xdb:E,\x0e\x9b7oND\xd9\xd9\xd9\xa7O\x9f&amp;&gt;V\x89\xe0\xeb\xa3\xceZ\xb7\xd0\xd0P"\xcaH\xbf\xf1G\xeai7w7\x1e\xde\xe6\xbbRU\xd5\xcd\xdd\xed\x8f\xd4\xd3\xac\xfe\x13\x1a\x1a\x8a\xfa\x8f\xf3a\xfd\x9bs\xe7\xce\xb1\xbd\xed^|\xf1\xc5\xf2?\x00\xd6\xd9g\x0b\xeb\xfe}\xfd\tA\x10\xf4z\xbd\xa6iu\xeb\xd6\r\n\n\xb2\xde\x9d\xa4\xa7\xa7\x17\x14\x14\x94OO\x9c\xfd\xc5g\x9f}\xd6\xcd\xcd\x8d\xdd-\x11\x1f\xc3\x00|\x05\x00{\x9b\xdb\x85\xb6\x13EQ\x91\x95\x84\x9f\x7f\xd1\xbbr}\x07\xa0wuI\xf8\xf9\x17EVDQl\x17\xda\x8el\xf7\x00\x0e\x94\x11vy_\xb8p\xc1b\xb1\xe8\xf5\xfa\x17^x\x81\xca\xb7\xcag\xed\xec\xdf\xff\xd2b\xc7\xe9\xe7\xe7g\xfd\x8a\xd9l.\xb7e\nY\xcc&lt;\xf1\xc4\x13\xd5\xabW\'\xa2\xb3g\xcf\x12\x1f\x9f\x05\xbe\x02\x80=g\xd80\xb8a`` \x11\xed\xda\xbe\';3\x9b\x9f9\xbfwpqq\xc9\xce\xcc\xde\xb5}\x0f\x11\x05\x06\x066\x0cn\xc8\xe7\xca\xc0\xce\xcdz\x07 I\x92\xc1`x\xfa\xe9\xa7\xc9.\x9b6V\xf7\xcf\xcf\xcf\xb7~\xc5\xdd\xdd\xbd\xdc6Lf\x01P\xa1B\x85\'\x9exB\x14E\x04\x80\xd3R\x14E\xaf\xd7w\xee\xdc\x99\x88.\x9e\xbft$\xf9X\x85\n\xee\x9c\xcc\xf9-IQ\x94\n\x15\xdc\x8f$\x1f\xbbx\xfe\x12\x11u\xee\xdc\x99m\x0cb\xeb\xe3\x82R\xc6Z\xb1\xc3\x87\x0f+\x8a\x12\x10\x10\xc0\x9e\x83\xb1\xf5A\xdd\x89\xd5\xfdo\xdc\xb8\xc1Z^\xa6j\xd5\xaa\x15*T(\xb7\xc7\xc1\xd8ia\xd3\xa0\x8f\x1f?^XX\xc8\xc380w\x01\xc0.\xa6n\xdd\xba\xb1zw\xc2\xa6\x1d.\\V\x814MsquI\xd8\xb4\x83\x8d\x8bt\xeb\xd6\x8d\xf8\xe8\xf2\xf0\x86\x8d\xb2v\xe8\xd0\xa1C\x87\x0e5j\xd4pww\xb7\xc3\xe5n\xd8\xe6t\x8b\x17/\xce\xcd\xcd\xb5\xde\x836k\xd6\x8c\xca\xf1\x81,k\x00\xbc\xf8\xe2\x8b\xef\xbf\xff&gt;\xf1\xf1q\xe0n\x15\x04V\x05z\xe9\xa5\x97\x02\x03\x03O\x9d:e\xad\x02\xf1\x96\x01w\xd4\x7f^z\xe9%\xd4\x7f\x9c\x12k\xc5\xc2\xc3\xc3\xc3\xc3\xc3\xd3\xd2\xd2\xecp\x96\x97\xc5bqqq\xf9\xf5\xd7_\'N\x9c\xc8\xe2\x8a\x88$I\xea\xd7\xaf\x1f\x95\xe3p\x05[\x12\xe6\xbd\xf7\xde\x8b\x8a\x8a\xb2~\xd1\xe93\xc0\xbe.\x85\xf2\x81*\x10\xea?\xbca3\xee\x03\x02\x02\xec\xb3\xf5\xff\xed\xb7\xdf:w\xee\\XX\xc8z!\x8a\xa2\x0c\x1a4\xa8^\xbdz\xec\xce\xa0&lt;\x8f\x87=&amp;m\xdb=\xf2\xca\x93}]\r\xe5\x03U \xd4\x7fxc\x9dqo\xeb\x03\xf9\x1f\xb6\xf0\x83\x8b\x8b\x0b[\xfc\'##\x83\xad\xcch\xb1X\x9a4i2e\xca\x14\x9b\xdc\xac\xb0G\x10\xf8Y \x92\xc7\x00(Y\x05".\xe7\x02\xa1\xfe\xc3\'\xfb\xc9xk;;w\xee\xdc\xd7^{-\'\'\x87\xedIg\xb1XBBB~\xfc\xf1Gwww\x9bl\xd4\xce\xdb\xee\xf0&lt;\x06\x00\xf1]\x05B\xfd\x07l\x8b\xb5\xfe\xa2(FFFFDD\xb0\xff\xcf\x9e\x13~\xed\xb5\xd7\xb6o\xdf\xee\xe7\xe7\xc7\xf6-\xb0\xf5\x91:?N\x03\x80\xe7*\x10\xea?`[\xec\xc2\xeb\xdf\xbf\xff\x9c9st:\x1d\x9bm\xa9(\xca\x90!C~\xfc\xf1G\x83\xc1`\x87#\xd5\xce\x8a\xd3\xb3\xccs\x15\x08\xf5\x1f\xb0!\xb6/wLL\xcc\x92%K\xac+\xff\x08\x82\xb0p\xe1\xc2\x993gZo\x0el}\x98\xbc\xe0\xf7D\xff\xad\nt\xbc\x82\x87\xf3W\x81\x14E\xa9\xe0\xe1~$\xf98\xea?\\QU\xd5\x1ef\xb6\xb0\xc5&gt;\xff\xf8\xe3\x8fq\xe3\xc6Y\xd7\xa4\xd3\xe9t\xeb\xd7\xaf\x1f0`\x80,\xcb\xf6P\x82g+\x17\xd9\xf6\x18\xca\r\xbf\x01pG\x15h\xfb\xcf\t:\x0e\x9e\x06\xd04M\xe7\xe2\xb2\xfd\xe7\x04\xd4\x7f\xb8b\xdd\xfa\xd4\xb6W8\xfb\xebs\xe7\xceem=\x11\xa9\xaa\xbal\xd9\xb2\xff\xfb\xbf\xff\xb3X,\xac\x1cd\xc3\xc3\xa3\xdb\x11\xc5\xcf\r1\xbf\x01pG\x15\xe8\xb7C\xc9E\x85\x85N\xff\xc6K\x92TTX\xf8\xdb\xa1dB\xfd\x87\x1b\x9a\xa6\xa5\xa4\xa4L\x9a4i\xd0\xa0Ad\xbb\x0c`W\x9a,\xcb;w\xee\x14\x04\x81u\xbcz\xf7\xee\xfd\xe6\x9bo\xb2\xa7\x01lrTV\xac\xd7\xbf`\xc1\x82\x0f?\xfcp\xd7\xae]f\xb3\xd9\xb6\xc7S&gt;\xf8\r\x00"RUU\xaf\xd77n\xdc\x98\x88N\x9f&lt;w\xfa\xc4Yw\xa7^\x1dZUUww\xb7\xd3\'\xce\x9e&gt;y\x8e\x88\x1a7n\xac\xd7\xeb\x9d\xf8\xf5\x02\xdd\xde\xead\xdc\xb8q\xa3G\x8f&gt;p\xe0\x80,\xcb6\x0c\x00"\xbaq\xe3\xc6\x95+W\xd8\xa8/\x11\r\x1c8\xd0N\x86|\xd9\xe1\x9d:uj\xc1\x82\x05aaa&amp;\x93\xa9\xdc6%\xb6!\xdb\x9fw\x9bce\x10Sq\xf1\xcem\xbb\x9d{{\x00\xb6\x01\xc0\xcem\xbbM\xc5\xc5t\xfb\x85\x83scM\xd8\xcb/\xbf\xac\xd3\xe9\xae_\xbf^XXh\xdb\'\xc2\xb2\xb2\xb2\xd8\xa6\x8fDd0\x18\x02\x03\x03\xd9\x13\x00\xb6:\x1e+v\x0cg\xce\x9c\xd1\xe9t\xf5\xeb\xd77\x18\x0cv\xb8hR\xa9\xb3\xfdy\xb7!\xf6\x96\xb7h\xd1\xa2j\xd5\xaaD\x94\xb0yGQQ\x91\x13\xd7C$I***J\xd8\xbc\x83\x88\xaaV\xad\xca\xf6\x86\xb5\x87\xcf\x1e\x94\xb5\'\x9exB\x96\xe5\x82\x82\x82\xf4\xf4t\xb2\xe9H\x80\xc9d\xb2X,l\xa0\xd5l6{xx\xd8\xeaH\xee\xc0\xb6\xadOKK\x93e\xf9\x89\'\x9e [\x8f\x97\x94\x0f^\x9ex\xbe+A\x10\x14E1\x18\x0c\xed\xda\xb5[\xbe|\xf9\x89c\'O\xa5\x9e\xae[\xafNaa\x91\xf35\x8b\xaa\xaaV\xa8\xe0~2\xf5\xd4\x89c\'\x89\xa8]\xbbv\x06\x83\x81\xcd\xc9\xb3\xf5\xa1A\x19b}\xd8:u\xea\x88\xa2XPPp\xec\xd8\xb1\xc0\xc0@\x9b4m\xecH\x8cFc\xabV\xad\xd8\xdc\x7f\xa3\xd1h\'\x8b.\xb02TZZ\xda\x85\x0b\x17\x88\xa8n\xdd\xba\xc4G\x008[3\xf7h\xbaw\xefNDf\x93i\xe7\xb6=\xceZ\x05\xba]\xff\xd9c6\x99\xe8\xf6K\x06\xa7\xc7\xba2\xb5j\xd5\xf2\xf1\xf1!\xa2\xa3G\x8f\x92\x8d\x9a6\x16\x005k\xd6\xdc\xb9s\xe7\x8e\x1d;v\xee\xdc\xf9\xddw\xdf\xb1;\x00\x9bWZ\xac\x03\x00lG\x9a\xfa\xf5\xeb\xdb\xc3Q\x95\x03\xde\x03\x80\x9f*\x10\xea?|b}m__\xdf\x1a5j\x10QRR\x92\xcd\x9f\xb4Rn\xb3\x9f\x9e\x16\x0b\x80\xa4\xa4$"2\x18\x0c\xcf&gt;\xfb,!\x00xP\xb2\nDD\xac\n\xe4|s\x81\xd8\xfc\x9fS\xa9\xa7\xef\xa8\xff\xf0p\x89\x83\xaa\xaa:\x9d\xae^\xbdzDt\xf4\xe8\xd1\xac\xac,\x1b\x8e\x03[\x97\xfbg\xdd,;\xf9\xa0\xb1D\xdc\xbbw/\x11U\xaf^=  \xc0\xe61Y&gt;\x9c\xff\x15&gt; \xe7\xae\x02\xa1\xfe\xc33\xd6\xe6\xb2\xca{FF\xc6\x91#G\xc8v-/\xdb#\xbe\xa0\xa0\xc0\xba\x02\xa8\xcdK\xed\xac\xad\xcf\xcc\xccLII\x11\x04\xa1I\x93&amp;\xfcL\x8fF\x00pQ\x05B\xfd\x87g\xecbn\xd3\xa6\x8d\x8b\x8b\x8b\x97\x97\xd7\xbe}\xfblr\x18\xac\xa1\xbfz\xf5j\x9f&gt;}\x82\x82\x82j\xd7\xae\xdd\xbe}\xfb\xe4\xe4dA\x10l\xdb\xda\xb2\xbf\x9e\x9c\x9c\xcc\x0e\xf2\xd5W_%&gt;F\x80\x89\xf3Y@\x8c\xd3\xcf\x05\xc2\xfc\x1f\xce\xb1B\x9f\xbf\xbf\xff\xee\xdd\xbbk\xd7\xae\xcd&amp;\xde\x94\xff\xbb\xcf\x9e\xabz\xeb\xad\xb7v\xef\xde\xcd\xbe\xb2}\xfb\xf6\xe4\xe4\xe4\x13\'N\xf8\xfb\xfb\xdbp\xd2=;\x15M\x9a49\x7f\xfe\xfc\x993g\xd8\xd2\x00\x9c|:\x9c\xa1\x81+-\xceZ\x05B\xfd\x07\x88H\xa7\xd35n\xdc\xb8b\xc5\x8a\xde\xde\xde\xe5\xff\xd7\xd9&lt;\xcbK\x97.\xed\xdd\xbb\x97mO&amp;\x08\x82^\xaf\xcf\xcc\xccd+C\xd8|\xfd5OOO\x1f\x1f\x9fF\x8d\x1a\xb1\xe9R\x9c\x0c\x8f!\x00\x88\x9c\xbd\n\x84\xfa\x0f0\x8a\xa2\xd8vy\x83\xac\xac,\xb6\x08\x04[\x05\x9a\xa5\xc2\xcd\x9b7mu&lt;%\xb13\xc3N\x91\xad\x8f\xa5\xfc\xa0\x15 \xba\xdb\\\xa0?\x8e\x9fr\x8e\xb9@l\xfe\xcf\x1f\xc7\xef\xac\xffp\xd2\xc1\x81\x92$I\xb2\xedz\xcb\x95*Ub\xf3\x7f\xd8\x1d\x00[\x0f\xaeJ\x95*\xb6:\x9e\x92\xd8\x99a\xa7\xc8\xd6\xc7R~\x10\x00\x7f\xd1\xa3G\x0fA\x10\xcc&amp;\xd3\xfe]\x07\xdd*8I\x00\xb8Up\xdb\xbf\xeb\xa0\xd9d\x12\x04\xa1G\x8f\x1e\xb6&gt;"\xe0\x11k\xeb\x9f|\xf2\xc9\x0e\x1d:X\xef\x00\xccfs\xb5j\xd5\xda\xb4i\x83%im\x05\x01\xf0_\xac$\xd2\xb8qc___"J\xda\xf7\xab\xc5"\x0b\x82\xc3\x9f\x1fA\x10-\x169i\xdf\xafD\xe4\xeb\xeb\xcb\x96&gt;E\xfd\x07\xca\x1f{$m\xf9\xf2\xe5\xe1\xe1\xe1\xd5\xabW\xaf\\\xb9r\xa7N\x9d\xb6m\xdb\xc6&gt;q\\\xf5\xbb\xed\x07f\x01\xfd\x17\x9b\x8b\xe6\xed\xed\x1d\x12\x12\xb2i\xd3\xa6_\x0f%_&gt;\x7f\xb9J\xb5*f\xb3\xd9q/MM\xd3\xdc\xdc\\/\x9f\xbf\xfc\xeb\xa1d"\n\t\t\xf1\xf6\xf6\xb6\x93\xd5w\xc1\xe6\xd8\rn\xb9]\x0c\xecs\xe4\xe7\xe7\xb7d\xc9\x92\xc2\xc2B\x8b\xc5b4\x1a\x89\xc8\x86\xf3\x7f\xd88\x04\xcf7\x1fh\x08\xfeGUUk\x91$/7o\xdf\xce\x03\x8e\xbeI$\xdb\x00r\xdf\xce\x03y\xb9yt\xbb\xc0eou-V\r\xb0\xf5Q\xd8\x80m_\xb5\xa2(6Y\x87\x99\r\xb4V\xa8P\xc1h4\xaa\xaa\xca&gt;t\xe5|\x0cV\xac\xe8\xef\xd0\x9f\xf1\xc7\x84\x00\xf8\x1f\xd6\x11h\xdf\xbe=\xeb\x98l\xfb9AQ\x14\x87\xae\x02\t\x82\xa8(\xca\xb6\x9f\x13\x88\xc8h4\xb6o\xdf\x9e\xeco\x82\xb3\x87\xa7\x87(\x89\\}\x08Y\xc7\xd3Eo\xb3=\xb0X\xb7w\xd7\xae]\xbbw\xeff\x07Sn\x7f\x9a\xb5\xb9\xd6\xcd\xdfmu3\xca\x0e\xe0\xcf?\xff\\\xb9r%;\x1e\x9b\x1c\x86\xcd9p\xebV\xeaX\xef8  \xa0y\xf3\xe6D\x94\x9cx\xf8\xd2\xf9\xcbnn\xae\x0ezq\xb0\xfa\xcf\xa5\xf3\x97\x93\x13\x0f\x13Q\xf3\xe6\xcd\x03\x02\x02l\xdb\xe1*\x89}\xfe%I\xda\xbf\xf3\x80\xd9d\xf6\xf1\xf5\x91e\xd9\xde\xeeN\xca\x82,+z\xbd\xde\xb3\x82g\xfa\xb5t\x9bL;a\xd7\xc0\xda\xb5k_}\xf5\xd5\xa8\xa8(V\x9a/\xcf\x03\xa0\xdbSn\xca\xf9\x8f\x96\xc4&amp;\xc2-]\xba\xb4o\xdf\xbe\xe3\xc7\x8f\xb7\xe1Fi\xb6\x85\x00\xf8\x0b\xd6\x00\xb1G\xa5\x1c\xbd\ntG\xfd\x87\xbd(\xfbia]\\\\TUU\x14%n\xea\xbc\xd7[\xf5\xd8\xbbc\x9f_E_7w7Y\x96m}he\x85]H\xbe~\xde\xb99\xb9\x91\x03\x87}&gt;t&lt;\x9b\x7f\\\xce/\x99\x05@RRRQQQbb\xe2\xfa\xf5\xeby+\x83\xb0\x1b\xa0\x0b\x17.\xc4\xc5\xc5\t\x82\xf0\xc3\x0f?\x90\xad+r\xb6\x82\x00\xf8\x0bg\xaa\x02\xd9m\xfdG\x92$UUCBBV\xaf^\xfd\xdcs\xcf\x11\xd1\x91\x94covy\'\xa2\xdf\x90\x0bg/V\xaa\\\x91\x88\x14\xd9\xa9\xda#\x16uFo\xa3$I_\xcc^\xdc\xa1q\xe7\xaf\xbe\\UPP\xa0\xd3\xe9"""\x1a6lX\x9e#\xf3\xac\xe21a\xc2\x84Z\xb5j)\x8a2r\xe4\xc8\xbc\xbc&lt;\xe2\xa9\x05d\x118r\xe4\xc8\xac\xac,\x17\x17\x97e\xcb\x96\xd9|Kz[q\xc8\xa6\xad\xec8M\x15\xc8\xce\xeb?\xa2(\xba\xb8\xb8\xf4\xee\xdd\xfb\xf0\xe1\xc3\xd1\xd1\xd1&gt;&gt;&gt;\x9a\xa6\xad\xfbzc\xd7\xb6=c\xc7\xcd "o_o6Bh\xeb#}\\\x9a\xa6\xc9\xb2\\\xc1\xa3\x82\xc1\xcb\xb0k\xfb\x9e\x1e\xed\xc3\xc6\x8f\x98x#\xe3&amp;\x11u\xea\xd4)%%%..\xce\xc7\xc7\x87=\x18U&gt;\x87\xc4.rOO\xcf)S\xa6\x10\xd1\xf9\xf3\xe7?\xfb\xec3~n\x02\x14E\xd1\xe9t\xeb\xd6\xad[\xb7n\x1d\x11\r\x180\xe0\x85\x17^`C\xe2\xb6&gt;4\x1b\xe0\xf15\xdf\x9fsT\x81\xec\xbc\xfe\xc3(\x8a\xa2\xd7\xeb\xa3\xa2\xa2\x12\x13\x13\xc3\xc3\xc3\x05A\xc8\xc9\xce\x9d1qv\x97\x96\xdd\xd6\x7f\xbd\xd1\xe0e\xf0\xf0\xa8\xa0\xc8\x0e\xfch\xbe,\xcb\x92N\xf2\xad\xe8{\xfa\x8f3\x1f\xf6\x1d\xfc\xd6\xbf\xdf\xf9=\xf9(\x11\xd5\xaf_\x7f\xf3\xe6\xcd\x9b6m\xaaW\xaf\x9eM\xd6\x1e`\xcd}\xf7\xee\xdd\xd9}\xe1\xfc\xf9\xf3\x13\x12\x12t:\x9d\xc3]\xe7\x0f\x8b\xddi\xa5\xa7\xa7\x7f\xf4\xd1G\x82 \x04\x04\x04L\x980\x81\xe7\x89\xd1\x9c\xbe\xec\xfbp\x8e*\x90\xdd\xd6\x7fJb\xb5\x08Y\x96\x03\x03\x03\x97,Y\x92\x90\x90\x10\x12\x12BD\xa7O\x9e\x19\xfc\xee\xd0\xb0\xd7\xfa$\'\x1d\xf6\xad\xe4\xeb\xe2\xa2\x93\x1d\xad"\xa4*\xaa\xaa\xaa\x15+\xf9\x15\x15\x16\xc5\x8c\x9a\xd2\xb9e\xd7\x9f6l"\xa2\x80\x80\x80\xe8\xe8\xe8\xe4\xe4\xe4\x8e\x1d;\xb2[\x1c[\xad=\xc0\xee\x03\x96/_^\xb9reM\xd3\xfa\xf6\xed\x9b\x9e\x9e\xce\xaas\xe5\x7f0\xe5I\x10\x84&gt;}\xfadddh\x9a\xb6b\xc5\nv\xf7i\'w\xc6\xe5\xcf\xc1\xda\xb5r\xe0\x04U ;\xaf\xff\x94$\x08\x82N\xa7SUU\x96\xe56m\xda\xec\xdb\xb7o\xe9\xd2\xa5\xd5\xabW\'\xa2};\x0f\xf4\xee\xd4g\xe4G\xa3\xb3\xb3r|\xfd\xbc\xe9\xf6 \xaa\x9dc\x91\xe6\xe9\xe5\xe1\xe6\xee\xb6\xe2\xcb\xaf_o\xdds\xee\xf4\x05\xa6b\x93\xab\x9bkxxxrrrTT\x94^\xaf\xb7\xd54|+\xb6\x13K@@\xc0\xbcy\xf3\x88(--\xado\xdf\xbe\xc5\xc5\xc5\xb6:\x9er\xc0\xce\xf9\xd8\xb1c\x13\x12\x12\x88(22244\x94\xf3u\xd1\x11\x00w\xe1\xe8U \x87\xa8\xff\x94$\x8a"\xab?\xe8t\xba~\xfd\xfa\xa5\xa4\xa4DEE\xb9\xbb\xbb\x9b\xcd\xe6\xe5\x0bWvh\xd2\xe5\x8b\xd9\x8b%I2z\x1b\xedj#\xd9;i$\xcb\xb2\x8b\x8bK\xc5\xca~\xc9\x89\x87\xdf\xec\xf2\xce\xa7\x83&gt;\xbbp\xf6\x02\x11\xb5m\xdbv\xcf\xee=K\x96,\xa9V\xad\x1a\x9bqh\x0f\x8d\x8e$I\xb2,w\xef\xde}\xc8\x90!D\xb4}\xfb\xf6\xe5\xcb\x97\x8b\xa2s&gt;\x93\xc1\xea&lt;\xbf\xfd\xf6[ll,\x115n\xdcx\xfa\xf4\xe9\xdc\x96\xfe\xadl0\x05\xd8\xfe\xb1[\xc2\xb4\xb4\xb4:u\xea\xe4\xe4\xe4\xb4j\xd7r\xd5\x0f\xcbr\xb2\xf3$\xc91\xae\x15EQ\x8d\xde\x86\xb7\xfe\xddo\xd7\xf6=F\xa3\xf1\xd4\xa9Sl\x8fS;\xbc\x03\xb8\x03{L\x94\xedX\x92\x9a\x9a:b\xc4\xf0\xcd\x9b\xb7\xb0o\xbd\x14\xfc\xc2\'\x9fG\xb6l\xdbBQ\x94\x82\xbc\x02Ig_\xab6\xb2\x8e\xa4\xb7\xaf\xf7\x85\xb3\x17g\xc6\xcc\xf9\xe1\xdb\x9f\xccf3\x11\xd5\xa9Sg\xf8\xf0\xe1\xfd\xfa\xf5\xa3\xdb=P\xbb:l\xeb\xea\xd0]\xbat\x190`@\xfb\xf6\xed\xf5z\xbd]\x1da)bW\xd7\x993g\x86\x0f\x1f&gt;c\xc6\x8c\xa0\xa0 \x9e\xab\xff\x0c\x02\xe0\xee\xd8\x95\xd1\xb9s\xe7\x9f\x7f\xfe\xd9\xe0e\xd8|\xe0\x87jOT5\x9b\x1c`] M\xd3\xf4\xae\xfa\xab\xff\xb9\xd6\xa9\xe9\xbf\xf3r\xf3^{\xed\xb5\x9f~\xfa\xc9\xb1.\xf4\x92+\xb4l\xd9\xb2e\xc4\x88\x11\xc7\x8f\x1fg\xdf\xea\xdc\xed\xd5\xa1\xa3\x07?\xf7\xc2s9Y9f\xb3E\xa7\xb3}?\x9a\xdd\x91x\x19\r\xf9y\x05_\xc6-^\xf1\xe5\xd7l\x92\x8f\xbb\xbb\xfb\'\x9f|2l\xd80\xb6\xe6\x01a\r&gt;;\xe3\x10]\xa2\xb2\x86+\xf2\xee\xd8\'\xb6[\xb7nD\x94\x97\x9bw\xec\xf0qG\xd9\x1e\x80m\x00p\xec\xf0qV\xffa/\xc1!\x8e\xdc\x8a=\x1f\xcb\xc6H;v\xec\x98\x9c\x9c\x1c\x1d\x1d\x1d\x10\x10@D?m\xd8\xf4z\xeb\x9e\x93\xa2b\x0b\x0b\x0b}+\xfa\xd8\xb6"\xa4i\x9a"+\x15&lt;*x\x1a&lt;\xb6\xfd\xfcK\xe7\x96]gL\x9c\xc3Z\xff\xb0\xb0\xb0_\x7f\xfd5::\xdah4\xca\xb2l\xdbr\xff\x83`\xbdc[\x1fEy`kO\xa1\xf5g\xec\xfa\xa2\xb4!\xf6qm\xd2\xa4\x89\xab\xab+\x11\xed\xdc\xba\x9b\x1c\xe8r\x11\x84\x9d[w\x13\x91\xab\xabk\x93&amp;M\xc81\xfb\x9e\xac\xd1\xb4N\x15MII\t\x0f\x0f\'\x81r\xb2sfO\x8e\xff\xbf\xd6=\xd7\xaf\xda\xe0e\xf4\xf2\xf0\xa8`\x93\xe7\xf8Y\xb9\xdf\xdb\xcf\xfbT\xea\xa9&gt;\xaf\x87\x87\xf7\x18p\xe6\xe4Y"\ni\x1c\xb2}\xfb\xf6o\xbe\xf9\xa6^\xbdz\xec\xc0XE\xcb\xce\xb1\xd0\xb5\xf5Q\x94\x07V\x85C\xeb\xcf\xa0\x04tO\xack\xd9\xacY\xb3C\x87\x0e\xf9\x07T\xde\x96\xf8\xb3\xa7\xc1S\x96e{\xbetXs</t>
        </is>
      </c>
    </row>
    <row r="151">
      <c r="A151" s="1" t="n">
        <v>149</v>
      </c>
      <c r="B151" t="inlineStr">
        <is>
          <t>polygon_sides_color</t>
        </is>
      </c>
      <c r="C151" t="inlineStr">
        <is>
          <t>What is the missing color of the part denoted with a question mark?</t>
        </is>
      </c>
      <c r="D151" t="inlineStr">
        <is>
          <t>['orange', 'yellow', 'purple', 'red']</t>
        </is>
      </c>
      <c r="E151" t="inlineStr">
        <is>
          <t>yellow</t>
        </is>
      </c>
      <c r="F151" t="inlineStr">
        <is>
          <t>There are 6 colored polygons arranged in a triangle with color ['red'] in the top row, ['blue', '?'] in the middle row, and ['blue', 'red', 'yellow'] in the bottom row.</t>
        </is>
      </c>
      <c r="G151" t="inlineStr">
        <is>
          <t>We observe that the polygon with 8 sides is blue in color and the polygon with 4 sides is red in color. Thus, the pattern is that the polygons with the same number of sides have the same color.</t>
        </is>
      </c>
      <c r="H151" t="inlineStr">
        <is>
          <t>Based on the pattern that the polygons with the same number of sides have the same color, the missing color of the part with 7 sides should be yellow.</t>
        </is>
      </c>
      <c r="I151" t="inlineStr">
        <is>
          <t>b'\x89PNG\r\n\x1a\n\x00\x00\x00\rIHDR\x00\x00\x02\x00\x00\x00\x02\x00\x08\x02\x00\x00\x00{\x1aC\xad\x00\x00_wIDATx\x9c\xed\xddw`TU\xde7\xf0s\xdb\xb4L\x1a$\x10:\x02\x06B\n%@\x12:J\xef\xd2{\x07\x05Tv\x17W\x05\\\x1e\xf5u\x91]\xcb\xaa\x88(\xbd\xa34E\xe9E\xe9$@\x82\x10B\xe8=\x10\xd2\xcbL\xa6\xdd{\xce\xfb\xc7\x911\x06D\xcad\xe6\x96\xdf\xe7\xafg}B\xb8\xcc\x9d\xfb\xfb\x9ev\xcfa\x08!\x08\x00\x00\x80\xf6\xb0\xbe\xbe\x00\x00\x00\x00\xbe\x01\x01\x00\x00\x00\x1a\x05\x01\x00\x00\x00\x1a\x05\x01\x00\x00\x00\x1a\x05\x01\x00\x00\x00\x1a\x05\x01\x00\x00\x00\x1a\x05\x01\x00\x00\x00\x1a\x05\x01\x00\x00\x00\x1a\x05\x01\x00\x00\x00\x1a\x05\x01\x00\x00\x00\x1a\x05\x01\x00\x00\x00\x1a\x05\x01\x00\x00\x00\x1a\x05\x01\x00\x00\x00\x1a\x05\x01\x00\x00\x00\x1a\x05\x01\x00\x00\x00\x1a\x05\x01\x00\x00\x00\x1a\x05\x01\x00\x00\x00\x1a\x05\x01\x00\x00\x00\x1a\x05\x01\x00\xb4\x0bc\x8c1\xf6\xf5U\x00\xe03\xbc\xaf/\x00\x00\xdf\xc0\x18\xb3,\x8b\x10\xa2\xc7b3\x0c\xe3\xeb+\x02\xc0\xdb\xa0\x07\x00\xb4\xc8\xe5r\xb1,\xfb\x9fO&gt;\x198|8\xc30\x84\x10\x1a\x03\x00h\n\x04\x00\xd0\x1c\x97\xcb%\x08\xc2G_~\xb9\xea\xfd\xf7\x8b\xf6\xee\xed?j\x14\xcb\xb2\x18c\xc8\x00\xa05\x10\x00@[h\xf5\xffd\xfe\xfc\xcf\xa7O\xdf&lt;p\xe0\x0f#G\xe6\xef\xd8\xd1\x7f\xe4H\x8e\xe3 \x03\x80\xd6@\x00\x00\rqW\xff\xff\xfd\xe3\x1f?\x8f\x1c\x19\xa0\xd7\xdf-*\xfaa\xc4\x88\x82\x9d;!\x03\x80\x06A\x00\x00\xad(S\xfd\x03\r\x86\x12\xa7\x93e\x98\xfc\x92\x92\xef!\x03\x80&amp;A\x00\x00Mx\xb0\xfa[\x1c\x0e\x8ee\x19\x840!\x90\x01@\x9b \x00\x80\xfa=\xb4\xfa\xf3\xeco_~\x96a \x03\x806A\x00\x00\x95{t\xf5\xa7 \x03\x806A\x00\x005{\x9c\xeaOA\x06\x00\r\x82\x00\x00\xaa\xf5\xf8\xd5\x9f\x82\x0c\x00Z\x03\x01\x00\xd4\xe9I\xab?\x05\x19\x004\x05\x02\x00\xa8\xd0\xd3U\x7f\n2\x00h\x07\x04\x00P\x9bg\xa9\xfe\x14d\x00\xd0\x08\x08\x00\xa0*\xcf^\xfd)\xc8\x00\xa0\x05\x10\x00@=&lt;U\xfd)\xc8\x00\xa0z\x10\x00@%&lt;[\xfd)\xc8\x00\xa0n\x10\x00@\r\xca\xa3\xfaS\x90\x01@\xc5 \x00\x80\xe2\x95_\xf5\xa7 \x03\x80ZA\x00\x00e+\xef\xeaOA\x06\x00U\x82\x00\x00\n\xe6\x9d\xeaOA\x06\x00\xf5\x81\x00\x00J\xe5\xcd\xeaOA\x06\x00\x95\x81\x00\x00\x8a\xe4\xfd\xeaOA\x06\x005\x81\x00\x00\xca\xe3\xab\xeaOA\x06\x00\xd5\x80\x00\x00\n\xe3\xdb\xeaOA\x06\x00u\x80\x00\x00J"\x87\xeaOA\x06\x00\x15\x80\x00\x00\x8a!\x9f\xeaOA\x06\x00\xa5\x83\x00\x00\xca \xb7\xeaOA\x06\x00E\x83\x00\x00\n \xcf\xeaOA\x06\x00\xe5\x92\xc5#\x04\xc0#\xc8\xb9\xfaS\x90\x01@\xa1d\xf4\x14\x01\xf0 \xf9W\x7f\n2\x00(\x91\xec\x1e$\x00\xdc\x94R\xfd)\xc8\x00\xa082}\x96\x00PV\xf5\xa7 \x03\x80\xb2\xc8\xfaq\x02\x9a\xa5\xc4\xeaOA\x06\x00\x05Q\xc0\x13\x05\xb4F\xb9\xd5\x9f\x82\x0c\x00J\xa1\x98\x87\nh\x84\xd2\xab?\x05\x19\x00\x14Aa\xcf\x15P7uT\x7f\n2\x00\xc8\x9f"\x1f-\xa0Jj\xaa\xfe\x14d\x00\x909\x05?]@M\xd4W\xfd)\xc8\x00 g\x8a\x7f\xc0\x80\n\xa8\xb5\xfaS\x90\x01@\xb6T\xf2\x8c\x01\xe5Rw\xf5\xa7 \x03\x80&lt;\xa9\xea1\x03\x8a\xa3\x85\xeaOA\x06\x00\x19R\xe1\x93\x06\x94B;\xd5\x9f\x82\x0c\x00r\xa3\xda\x87\r\xc8\x9c\xd6\xaa?\x05\x19\x00dE\xe5\xcf\x1b\x90\'mV\x7f\n2\x00\xc8\x87&amp;\x1e9 +Z\xae\xfe\x14d\x00\x90\t\r=u@\x0e\xa0\xfaS\x90\x01@\x0e4\xf7\xe0\x01\x1f\x82\xea_\x1ad\x00\xf09\x8d&gt;{\xc0\xfb\xa0\xfa?\x082\x00\xf8\x96\xa6\x1f?\xe05P\xfd\xff\x0cd\x00\xf0!x\x02A\xb9\x83\xea\xffh\x90\x01\xc0W\xe0!\x04\xe5\x0b\xaa\xff\xe3\x80\x0c\x00&gt;\x01\xcf!(GP\xfd\x1f\x1fd\x00\xf0&gt;x\x14Ay\x81\xea\xff\xa4 \x03\x80\x97\xc1\xd3\x08\xca\x05T\xff\xa7\x03\x19\x00\xbc\t\x1eH\xe0yP\xfd\x9f\x05d\x00\xf0\x1ax&amp;\x81\x87A\xf5\x7fv\x90\x01\xc0;\xe0\xb1\x04\x9e\x04\xd5\xdfS \x03\x80\x17\xc0\x93\t&lt;\x06\xaa\xbfgA\x06\x80\xf2\xc6\xc0\x97\tx\x04\xc6\x98e\xd9\xff~\xf9\xe5\x17\xd3\xa7C\xf5\xf7 L\x08\xcb0\xc1&amp;\xd3K\xabW\xfbw\xe9\xf2\xc3\xea\xd5\x08!B\x08\xc30\xbe\xbe4\xa0x\xf0|\x02\x0f\xc0\x18#\x84&gt;\xfc\xf8\xe3U\xef\xbc\xb3o\xe4\xc8\x00\xbd\xde\n\xd5\xdfC\xdc\xfd\x80\x8d\xc3\x873\x07\x0e\x0c\x1a6\xccj\xb5\x12B\xa0\xe9\x06\x9e\x1d&lt;\xa2\xc0C\x08I&gt;u\xaa2\xcf\xd7\n\x0e.q\xb9X\xa8\xfe\x9e\xc32\x8cS\x92\xfc\x04!\xa6R\xa5\x93))\x0e\x87\x03\x9a\xff\xc0#\xe0)\x05\x1e\xc00\x0cb\x98\x8dk\xd6\x04u\xef\xde}\xd9\xb2\x10??\x06!\x0cMT\x0fqa\\#8x\xf6\xee\xddk\x9d\xce\x94\xc4\xc4\n\x15* \xfa\x99\x03\xf0l \x00\x80\x070\x0c\xc30\x8c\x84\xf1\xc6\x95+\x83\xbbu{i\xf5\xea`\x93\x89\x8e]\xf8\xfa\xd2\x14\xcf\x85q\xf5\xa0\xa0\xf7\xf6\xec\xd9\x84q\xd2\xc1\x83AAA\x18c\xa8\xfe\xc0# \x00\x80g0\x0c\xc32\x8c$I\x9bV\xad\n\xea\xda\x152\xc0#\xdc\xd5\x7f\xa3$\x1d?x\xb0Bp\xb0$I0\xbc\x06&lt;\x05\xbeI\xc0c\x18\x86aY\x162\xc0S\xcaT\xff\xe0\xe0`I\x928\x8e\xf3\xf5u\x01\xf5\x80\x00\x00\x9e\x04\x19\xe0)P\xfd\x81\x17@\x00\x00\x0f\x83\x0cxvP\xfd\x81w@\x00\x00\xcf\x83\x0cx\x16P\xfd\x81\xd7@\x00\x80r\x01\x19\xf0t\xa0\xfa\x03o\x82\x00\x00\xe5\x052\xe0IA\xf5\x07^\x06\x01\x00\xca\x11d\xc0\xe3\x83\xea\x0f\xbc\x0f\x02\x00\x94/\xc8\x80\xc7\x01\xd5\x1f\xf8\x04\x04\x00(w\x90\x01\x8f\x06\xd5\x1f\xf8\n\x04\x00\xf0\x06\xc8\x80?\x03\xd5\x1f\xf8\x10\x04\x00\xf0\x12\xc8\x80\x07A\xf5\x07\xbe\x05\x01\x00\xbc\x072\xa04\xa8\xfe\xc0\xe7 \x00\x80WA\x06PP\xfd\x81\x1c@\x00\x00o\x83\x0c\x80\xea\x0fd\x02\x02\x00\xf8\x80\x963\x00\xaa?\x90\x0f\x08\x00\xe0\x1b\xda\xcc\x00\xa8\xfe@V \x00\x80\xcfh-\x03\xa0\xfa\x03\xb9\x81\x00\x00\xbe\xa4\x9d\x0c\x80\xea\x0fd\x08\x02\x00\xf8\x98\x162\x00\xaa?\x90\'\x08\x00\xe0{\xea\xce\x00\xa8\xfe@\xb6 \x00\x80,\xa85\x03\xa0\xfa\x039\x83\x00\x00r\xa1\xbe\x0c\x80\xea\x0fd\x0e\x02\x00\xc8\x88\x9a2\x00\xaa?\x90?\x08\x00 /\xea\xc8\x00\xa8\xfe@\x11 \x00\x80\xec(=\x03\xa0\xfa\x03\xa5\x80\x00\x00r\xa4\xdc\x0c\x80\xea\x0f\x14\x04\x02\x00\xc8\x94\x123\x00\xaa?P\x16\x08\x00 _\xca\xca\x00\xa8\xfe@q \x00\x80\xac)%\x03\xa0\xfa\x03%\x82\x00\x00r\'\xff\x0c\x80\xea\x0f\x14\n\x02\x00(\x80\x9c3\x00\xaa?P.\x08\x00\xa0\x0c\xf2\xcc\x00\xa8\xfe@\xd1 \x00\x80b\xc8-\x03\xa0\xfa\x03\xa5\x83\x00\x00J"\x9f\x0c\x80\xea\x0fT\x00\x02\x00(\x8c\x1c2\x00\xaa?P\x07\x08\x00\xa0&lt;\xbe\xcd\x00\xa8\xfe@5 \x00\x80"\xf9*\x03\xa0\xfa\x035\x81\x00\x00J\xe5\xfd\x0c\x80\xea\x0fT\x06\x02\x00(\x9873\x00\xaa?P\x1f\x08\x00\xa0l\xde\xc9\x00\xa8\xfe@\x95 \x00\x80\xe2\x95w\x06@\xf5\x07j\x05\x01\x00\xd4\xa0\xfc2\x00\xaa?P1\x08\x00\xa0\x12\xe5\x91\x01P\xfd\x81\xbaA\x00\x00\xf5\xf0l\x06@\xf5\x07\xaa\x07\x01\x00T\xc5S\x19\x00\xd5\x1fh\x01\x04\x00P\x9bg\xcf\x00\xa8\xfe@# \x00\x80\n=K\x06@\xf5\x07\xda\x01\x01\x00\xd4\xe9\xe92\x00\xaa?\xd0\x14\x08\x00\xa0ZO\x9a\x01P\xfd\x81\xd6@\x00\x005{\xfc\x0c\x80\xea\x0f4\x08\x02\x00\xa8\xdc\xe3d\x00T\x7f\xa0M\x10\x00@\xfd\x1e\x9d\x01P\xfd\x81fA\x00\x00M\xf8\xb3\x0cpJ\x12T\x7f\xa0Y\x0c\xf1\xd1\x81\xda\x00x\x1f!\x04c\xccq\\\xff\x91#\x0bv\xee\xdc8|\xb8I\x10\xde\xdd\xbd{#\xc6P\xfd\x81\x06A\x00\x00mqg@\xdf\x11#\x98\xfd\xfb\x9b\x84\x85\xadt8N@\xf5\x07\x9a\x04\x01\x004\xc7\x9d\x01\x03\x87\x0e=u\xea\xd4\xc9\xc4\xc4\xa0\xa0 \xa8\xfe@\x83 \x00\x80\x16\x11B\x18\x84\x10B%%%&amp;??\x8c1\xcb\xc2|\x18\xd0\x1c\x08\x00\xa0u\x84\x10\x86a|}\x15\x00\xf8\x00\xef\xeb\x0b\x00\xc0gh\xeb\x07\xaa?\xd0,\xe8\x01\x00\x00\x80F\xc1\xb8\'\x00\x00h\x14\x04\x00\x00\x00h\x14\x04\x00\x00\x00h\x14\x04\x00\x00\x00h\x14\x04\x00\x00\x00h\x14,\x03\x05\x0fA\xdf\x95\xa5\x0b\xe4\xe1\xfdX\x00\xd4\n\x96\x81\x82?\xa0u\xbft\xd1\'\x08aIbY\x16\xd6\xcb\xcb\n\xc6\x98a\x18\xb8)\xe0Y\xc0\x10\x10@\x08!B\x88$I\x92$\xb1,\xcbq\x9c\xc3n\xfbn\xcd\xca\xa9/O8\xf8\xcb^\x06!\x8e\xe3\x18\x86\x11E\x11c\xec\xeb+\x05\x08!D\xf7\xae`\x18F\x92$Q\x14%I\x82\x96\x1cx\n\xd0\x03\xd0:Z\xfay\xfe\xb7\xc1\xc0\xb3g~]\xb3z\xe5\xf6\xbd\x07\x8b\xf8\xd0\n\xb5\xa2\xee\xa5\x1f\xa9\x15\xc4\x8e\x1c2p\xe8\x88Q\x81A\xc1\xe8\xfe\xe8\x10t\x08|\xc5\xbdq\xc5\xc5\x8b\x17k\xd4\xa8a4\x1aK\xff\xbf$IbJ\xf1\xdde\x02e\x80\x00\xd0\xae\xd2\xa3=\xa2\xe8\xda\xb5m\xeb\x9auk\x0f&amp;_\x08\x8dj\x1f\xdd\xbe_\xb5zQ\x1c/8l%WS\x13O\xedX.\x14\xdd\xec\xd2.n\xf4\x981\xb1\xcd\xe3\xe9\x1f\x97`\\\xc8\xeb\xdc[\x96\x8e\x1f?\xfe\xec\xd9\xb3&amp;\x93\xc9\xdf\xdf\xbfI\x93&amp;\xb1\xb1\xb1\xb1\xb1\xb1\xd5\xaaU+\xf3\xc34-\xe06\x81?\x03\x01\xa09\xf7\x9b\xf0\x1c\xad\tw3n/[\xb2h\xe3\x96\xed\xb9\xd8\\\'\xbeWt\x9b\x9e\x01\x15+\xdb\xad\xc5.G\t!\x84a9\x83\xc9\x8f\x17\x0c\x997.\x9e\xd9\xff\xfd\xbd\xd4_\xc2\xc3L/O\x18\xdf\xabo\x7f\x83\xd1\x88\x10\x92$\t!\x04%\xc6\x0bDQ\xe4y&gt;;;\xbbg\xcf\x9eu\xea\xd4Y\xb8pafffZZZRR\xd2\xa5K\x97\xee\xde\xbd\xeb\xef\xef\x1f\x11\x11\x11\x13\x13\x13\x1f\x1f_\xa7N\x1d\xbd^\xef\xfe\xb3\x18c\xf7\x9c\x01\xec{\n\xdc \x004\x84V\x01\xf7h\xcf\x81\x9f\xf7,[\xb6\xfcp\xca9]\xf5&amp;\x8d^\x1cX3"\x96\xe38\x9b\xa5P\x12]\x0c\xcb\xb9\x0b:!\x98`"\xe8\r\x06\x93\xbf\xddfM;\xb2\xfd\xfc\xc1\xcd\x81RN\x8f\x8e\xed&amp;\xbd2\xa5v\x9d\xba\xf4\xc7\xa0CP~\x08!\xa2(\n\x82p\xf0\xe0\xc1\t\x13&amp;\x8c\x1d;v\xc6\x8c\x19\xf9\xf9\xf9\x82 \x18\x8dF\xda\'\xc8\xce\xceNMM=w\xee\xdc\xf1\xe3\xc7\xef\xdd\xbbg\xb5Zk\xd4\xa8\x11\x1e\x1e\xde\xa6M\x9b\xd8\xd8\xd8\xe0\xe0\xe0\xd2\xbfP\x14Et?\xb6\xe1\x96i\x19\x04\x80\xfa\x95\x19\xb5/,\xc8_\xb7z\xe5\xeao7\xde(\xc45c\xbbD\xb5\xed\x1dR\xb5\x96\xcbns\xd8\xac\x08\x11\x86e\x11zHE \x84\x10\x82Y\x865\x9a\x03\x11\xc3d\\9\x97\xb2c\xa5\xe5zr\xcbF\xf5\x86\x0f\x1d\xd6\xa5G/\x9a+t\x0c\x1a\xda\x98\x1e\xe4n\xb9\x7f\xfa\xe9\xa7\x0b\x16,\x987o^\xd7\xae]\xb3\xb2\xb2\xe8\x07No.\xc304\x0ct:\x1dB\xa8\xa4\xa4\xe4\xda\xb5kg\xce\x9c9}\xfa\xf4\x993g\n\x0b\x0b\x03\x02\x02\x1a6l\x18\x17\x17\x17\x13\x13\xd3\xa0A\x832\xbf\x9f\xfe\x06\xc8o\r\x82\x00P\xb32k:\x93O$\xaeX\xbe|\xd7\x81$W@\xcd&amp;\xddF\xd7\x89I\xd0\xe9\x0c6k\xa1\xe8t2,\xc30\x8fU\xb5\t\x96\x10B:\x83Ig4\x17\xe6\xdcM;\xb2\xe3j\xe2\xd6\x8al\xd1\xb8\x91C\xfb\x0f\x1c\\\xa5Zu\x04\x13\xc5\x9eC\x07\xfd%I\x1a3fLzz\xfa\xa6M\x9bj\xd4\xa8\x91\x93\x93#\x08\xc2\x83?Lo7\xbd\xe3z\xbd\xded2\xd1eB\x19\x19\x19\x97/_NLL\xbcx\xf1\xe2\xb5k\xd7\x18\x86\t\x0f\x0f\x8f\x88\x88h\xd9\xb2exxx\xe9\xce\x01L#k\r\x04\x80\n\xd1\xfa\x8b\x10\xa2\xa5\xdfn\xb3\xfd\xf4\xc3\xa6o\x16/\xb9\x98YR9\xbaCL\xfb\x97\xc2j\x85\x8b.\xbb\xbd\xc4B\x08a\x19\x16=\xf9sN\x08!X\xe2\x04\x9d\xd1/\x00\x13r\xf5\xf4\xd1\xd3{\xbe\x95\xb2\xd2[7m\xf8\xda\xeb\xaf\x95\x9e(\x86\x0e\xc1S\xa3\x83\xfe\xb7n\xdd\xea\xde\xbd{BB\xc2\xfc\xf9\xf3\x9dNgII\x89{\x10\xef\x11\xdc\xaf\xf2\xb1,\xab\xd3\xe9\xf4z=\xed\x1c\x14\x17\x17\xa7\xa7\xa7\x9f={\xf6\xc4\x89\x13W\xae\\\xb1X,!!!\xb1\xb1\xb1\x8d\x1b7n\xd6\xac\x19L#k\r\x04\x80\xaa\xfc\xc9\x9a\xceC\x85\\\xc5\x06m\xfbE\xb6\xean0\xfa\xd9K\x8a]\x0e\xfb\xe37\xf9\xff\xe2/\xc4\x18!\xa47\xf9\x0bzCn\xe6\xad_\xf7n\xb8sjw\xfd*\xe6A\x03^\x1a1j\xac\xd1\xe4\x87\xee\xb7L\xa1\x88&lt;&gt;\xf7\xa9\xc5\xbbw\xef\x1e;v\xec\xacY\xb3\xa6L\x99\x92\x97\x97G?\xc6\xa7\xf8mn&lt;\xcf\x1b\x8dF\x83\xc1\x80\x10r:\x9dw\xef\xde=}\xfatZZZrrrfff@@@\xb5j\xd5\x12\x12\x12\xa2\xa2\xa2\x1a5jTz\x1a\xb9t\xe7\x00\x12]5 \x00T\xe2\xaf\xd6tF#\x82m\x96BL0\xc3x\xbe\x10\x13\x82\t\xc6\xbcNo\xf4\x0b\xb0\x95X.%\x1f8\xb7\x7fc\x10\xce\xeb\xdc\xb6\xc5\xf0\x11#\xa3b\x1a\xd3\x1f\x13E\x91\xbeS\xe6\xd9\xbf]e\xdc\x83\xfes\xe7\xce]\xbat\xe9\x92%K\xda\xb4i\x93\x95\x95\xf5\xd0a\x9f\xa7P\xa6s`4\x1ai\x8b!++\xeb\xfa\xf5\xebIII\xe7\xce\x9d\xbbt\xe9\x92\xcdf\xabQ\xa3F\xfd\xfa\xf5[\xb7n\x1d\x1d\x1d\x1d\x16\x16V\xfa\x97@\xe7@\x1d \x00\x94\xed\xf1\xd7t"\x84\x18\xb6\x9cw\xf5!\x04\x13\xcc\xb2\xac\xc1\x14\xc0\tB\xc6\x95s\xbf\xee\xf967\xfdp\xe3\xe7\xab\xbe2qB\xd7\x1e\xbd8\x98(\xfe+t\xd8G\x92\xa4\x81\x03\x07\xe6\xe7\xe7\xafY\xb3\xa6r\xe5\xca999t\x00\xc7\xe3\xdc=\x03\x84\x90 \x08z\xbd\x9ev\x0e\xecv\xfb\x95+W\xe84rjjjQQ\x91\xd1h\x8c\x8e\x8e\x86id\x95\x81\x00P\xaa\xa7[\xd3\xe9\x1d\x04cB\x88\xce`\xd4\x9b\xfc\xad\x85y\xe7\x8e\xed\xbap`}E\xce2\xa0w\xf7\xb1\xe3\'\xde\x9f(F\x18\xc3\xca\xd1?\xa0\xd5?==}\xf0\xe0\xc1-[\xb6\x9c?\x7f\xbe\xcdf\xb3\xd9l\x82 x\xe79uw\x0e\xcaL#\xe7\xe6\xe6\xa6\xa5\xa5\x1d;v\xec\xd2\xa5KW\xae\\\xd1\xeb\xf5!!!\xcd\x9b7\x8f\x89\x89yp\x8d\xa9\xfb]e \x7f\x10\x00\n\xe3\x915\x9d^\xbbV\x8c%\x8e\x17\x0c&amp;\x7fL\xc8\xcd\xf4\xe4\xd3\xfb68o\x9fj\xdd\xb4\xe1\xd8\xb1c\xda\xbd\xd0\x89\xfe\x94(\x8a,\xcbj\xbcC@\x9b\xe1,\xcbn\xda\xb4i\xea\xd4\xa9\x1f}\xf4\xd1\xc8\x91#\x9fz\xd0\xdfS\x97\xe4\xde\x11\xb6\xf4\x1a\xd3\xc2\xc2\xc2\x9b7o\xa6\xa4\xa4\xa4\xa4\xa4\\\xbe|9???44\xb4~\xfd\xfa\xf1\xf1\xf1\xb1\xb1\xb1\xb5j\xd5B\x90\x01\xca\x01\x01\xa0\x18\xe5\xb1\xa6\xd3;~\x9b(6\xfa\t\x06c\xce\x9d\x1bg\x0f\xfex3yW\xad@v\xc4\x90\x01\xee-\x86\xb4&lt;Q\xec\xde\xe0a\xf6\xec\xd9k\xd6\xac\xd9\xb4iS\xe3\xc6\x8d=8\xe8\xef\x11\xee5\xa6&lt;\xcf\xeb\xf5z\xa3\xd1H;\x07\xb7o\xdf&gt;}\xfa\xf4\xd9\xb3gSRR\n\x0b\x0b\x8b\x8a\x8a&gt;\xf9\xe4\x93V\xadZ\xd1Il__5\xf8\x0b\x10\x00r\xe7\x855\x9d\xdeA\xdf(\xe6u:\xa3_\xa0\xd3i\xbfz\xe6\xd8\xa9\x1d+t\xc5\xb7:\xb7m1n\xfc\x84\xc6M\x9b\xd1\x1f\xd3\xda\x1b\xc5t\xd8\xc7b\xb1\x0c\x1f&gt;\xdc\xe1p\xac]\xbb\xd6l6\x17\x14\x14\xc8\xaa\xfa\x97Q\xbas@\xc3\x80\xce[0\x0c3c\xc6\x8c\xbd{\xf7&amp;\'\'\xd3~\xaa\xaf\xaf\x14\xfc\x05\x08\x00\xf9\xf2\xfa\x9aN\xaf \x04\x13\xcc0\x8c\xc1d\xfem\x8b\xa1\x03?\xdcM\xde\xd1$\xbc\xda\xa8\xe1C{\xbd\xd4\xdf`\xf8}\x8b!\xd57!i\xf5OKK\xeb\xd7\xaf_\x9f&gt;}\xe6\xce\x9dk\xb5Z\x1d\x0e\x87\x82\xfe\xe1\xb4[@\xdb(:\x9d\x8e\xe3\xb8\xf0\xf0\xf0\xa5K\x97v\xed\xda\xd5\xdd\xb3\x01\xb2\x05\x01 w\xa2(\xee\xda\xf6\x937\xd7tz\xc7\xef[\x0c\xf9\xf9[\x0b\xf3\xd3\x13\xf7\\8\xfc}\x99-\x86T&lt;\x94\xec\x1e\xf4_\xb2d\xc9{\xef\xbd\xf7\xe1\x87\x1f\x0e\x1f&gt;&lt;77\x17!\xa4\xdc\x86\xb3(\x8a\xa1\xa1\xa1s\xe7\xce]\xbf~}JJ\nt\x02\xe4\x0f\x02@\x8e\xe8M)))\x99?\xef\x8bu\xeb7\xe6\x91\x00\x1f\xac\xe9\xf4\x0e\xfa\xc6\x13\xcf\x1b\xfc\xfc\x11\xfa}\x8b\xa1\x84\x98\xba\x93\xa7\xbe\xde\xb6m[Uf\x80\xbbi\xfc\xfa\xeb\xaf\xef\xd9\xb3g\xcb\x96-\xe1\xe1\xe1\xd9\xd9\xd9\x8f\xf3\x8a\xaf\xcc\xd17\x18"""\xa0\x13\xa0\x08\x10\x00rDG\x06\xfe5\xf3\xed\xff,\xdd2t\xe6\x82\xb0\xda\x11\x1c\xcf\xfbjM\xa7w\x94\xdeb\xa88?\xfb\xf8\xf6\xd5\xe7\x7f\xfa\xe2\xe2\xc5\xf3\xa1\xa1\x95\x10Bj\xfa\'\xd3\x9b\x9b\x9f\x9f?d\xc8\x10A\x106l\xd8\x80\x10\xb2X,*\xa8\xfe\x08:\x01J\x03\xf7Fv\xe8R\x1f\x87\xdd\xb1r\xd5\xca\xdeS\xde\xaf\xd5\xb0\x99\xad8\xdfZ\x98K\x08f9^M\xa5\xb04\x86\xe5\x18\x96s:\xec\xc5y\xf7X\x96\xe99i\xb6P%r\xd1\xd7\xf3\xe9R\x13__\x9d\xc7\xd0\xea\x7f\xf4\xe8\xd1V\xadZ\xc5\xc5\xc5m\xdd\xba\xd5\xe1pX\xadVuT\x7f\x84\x10\xcf\xf3\x05\x05\x05\x93\'O\xce\xcc\xcc\xdc\xb1c\x07\xcb\xb2j\xba}\xea\x03\x01 ;t5\xc5\xb7kW\xe6\x93\xc0\xbaM\xda\x14de\xb0\xbc\xc0\xb0\x9c/W\xf4{\x0b\xc30,\xc7\x13I*.\xc8i\xdec\xf4\xea\xd5kU3\x86@gJy\x9e\xff\xf4\xd3OG\x8f\x1e=w\xee\xdc\xf7\xdf\x7f?\'\'G}\xcb%].W``\xe0\xb4i\xd3f\xcf\x9e\x8d\xd4\xd5{S\x1f\x08\x00\xd9\xa1]\xe6E\x0b\x17Fw\x1a\xca\xf3\xfa\xbf\xfcy\xf5a8\xdeQb\x89H\xe8|#\xd7\xbew\xf7N\xe6\xfe\xa2 \xe5r\xef~1j\xd4\xa8\xb5k\xd7\xee\xd9\xb3\xa7W\xaf^YYY\xaa\xdc\x19\x89\xe3\xb8\xa2\xa2\xa2\xd1\xa3G_\xbdz\xf5\xcc\x993\x0c\xc3\xd05B@\x86 \x00\xe4\x85\xee\xa9\x92z\xe6\xd7S\xe9\xd7\x9a\xbc\xd0\xbf\xc4R\xc8\xaac\xb2\xf7\taI4\xf8\x056\xec8\xec\xa3\xff|(\xdb7\x1b\x1e\x13\xdd\x02/;;;&gt;&gt;\xde\xe9t\x1e;v,44\xf4\xcf\xf6\xf4W\x01\x86a\x1c\x0eGXXX\xff\xfe\xfdg\xcf\x9e\xcd00\xd1(_\x10\x00\xf2B\x03\xe0\x9b\xaf\xe6\x856l\x13T\xb9\x86\xe4r(\xbd\xfc=\x1d\x96\xe5l\xd6\xc2\xd8\xce\x83\x93N\x9f\xbf|\xe9"\xc7qJlE\xba\xdf\xe48x\xf0`\xabV\xad\xfa\xf4\xe9\xf3\xed\xb7\xdf\x16\x15\x15\xd9\xedv\xd5\x0c\xfa?\x14\xc7q\x16\x8be\xc6\x8c\x19\x07\x0e\x1cHKKcYV\x89\xb7O\x0b \x00d\x84N\xff\xe6dg\xaf\xdf\xbc5\xe1\xa5\t\x8e\x12\x0b\xa3\xd9\x15\x14\x0c#:\xec\xa1\xd5\xeb\xf9\xd7n\xb2\xe8\x9b\xaf\xd0\xfd\xa5\xb1\n\xe2~\x7f\xfb\xe3\x8f?\x1e?~\xfc\x17_|1c\xc6\x8c\xac\xac,-\xec\x84\xca0\x8c\xcdf{\xee\xb9\xe7\x06\r\x1a4s\xe6L\xe8\x04\xc8\x96\xca\xbf\x88\xcaBG\x8a\xbf[\xbb\xcae\xaeZ\'\xa6\xa5\xc3fQ\xcc\xfb\xbd\xe5\x80aX\xa7\xbd\xa4\xcd\xa0\xd7\x96\xaf\\k\xb1XX\x96UP\x11\xa1\x1bZ`\x8c\xfb\xf5\xeb\xb7m\xdb\xb6}\xfb\xf6u\xea\xd4\x89n\xef\xa3\xbeA\xff\x87\xa2\x9d\x80\xb7\xdf~\xfb\xe0\xc1\x83\xd0\t\x90-\xed\xd6\x17\x19bY\x16c\xb2x\xc9\x92\xa6]Ga\tk\xa2N\xfc9\x86e\x1d6\xcbs\xd1qv}\xe8\xa6\xf5\xdf*h=(\x1d\xf4\xbfu\xebV\xe3\xc6\x8dCCC\xf7\xee\xdd[\xb1b\xc5\xbc\xbc&lt;\xb5\x0e\xfa?\x14t\x02\x14\x01\x02@.h\x9b\xf1x\xe2\xd1\xf37s\xa2\xdb\xf5\xb4[\x0b\xb5;\xfes\x1f\xc1\x98\xe3tQ/\x0eZ\xf8\xcd\xd7\xd8w\x1b#?&gt;\xf7\xa0\xff\xee\xdd\xbb\xe3\xe3\xe3\'O\x9e\xfc\xcd7\xdf\x14\x14\x14\xa8~\xd0\xff\xa1Jw\x02\xce\x9e=\x0b\x9d\x00\x19\x92\xfb\x13\xa55\x9f\x7f\xf6I\xed\x16\xdd\xccA\x95$\xd1\xa5\x85\x85\xff\x8f\xc6r\xbc\xb58\xbfy\xb7\xe1\xc9\xe7o&amp;\x1d="\xf3N\x00\x9d\xc0\xe78\xee\xc3\x0f?|\xf5\xd5W\xbf\xfd\xf6\xdb)S\xa6deei\xf6\xb4\x03w\'`\xc0\x80\x01\xef\xbe\xfb.t\x02dH\x8b\xdfK\x19\xa2\xd3\xbfw\xeedl\xdb\xf5K\xcb~\x93l\xd6"m\xae\xfe|\x10\x16]\xe6\xa0\xd0Z\xcd\xbb.\xf8j\x9e\x9cG\xcf\xe9\xb16\x16\x8b\xa5_\xbf~{\xf6\xec\xf9\xe5\x97_Z\xb6ly\xef\xde=M\r\xfb&lt;\x88eY\xbb\xdd&gt;i\xd2\xa4\xfd\xfb\xf7ggg+k"G\x0b \x00d\x816l\x97/^h\xa8\x16\x19V;\xc2\xe5\xb0is\xf5\xe7\x83X\x96u\xd8,\xcd\xbb\x8f\xd8\xbek_\xd6\xbd{\xf2\xac \xee\xa3\x1cccc\xeb\xd6\xad\xbbw\xef\xde\xc0\xc0\xc0\xbc\xbc&lt;\xbd^\x8b\xef\xf1\x95\xc6\xb2lqqq\xf3\xe6\xcdccc\xe7\xcc\x99\x03/\x85\xc9\r\x04\x80,p\x1c\'I\xd2\xaa\xd5kb\xbb\x8f\x92D\x11j\xff\xef\x18\xd6Qb\xa9\x1d\xd9\x82\t\xad\xbf\xe8\x1b\xd9m\r\xe4\xde\xe0a\xd3\xa6M\x1d:t\x98={\xf6G\x1f}\x94\x9f\x9f\xefp8x\x9e\x97aVy\x1f\xed\x04\xbc\xfb\xee\xbb+V\xac\x80N\x80\xdc@\x00\xf8\x9e$I\x0cB{w\xef\xbc\x91ko\x98\xd0\xc5n-R\xc9V\xcf\x1e\xc20\x8c\xe8r\xc9pk \xbaU5\xcb\xb2\xb3g\xcf~\xf3\xcd7w\xee\xdc9|\xf8p-\x0f\xfa?\x14\xed\x04$$$4o\xde\x1c:\x01r\x03_Sy`\x98\x8f\xfe\xf3a\xc3\x8e\xc3\x0c~\x81X\x12}}5\xf2\xc2\xb0\x9c\xddZ\x14\x91\xd0EV[\x03\xd1\x13]rrr\x86\x0c\x19\x92\x94\x94t\xe2\xc4\x89\x86\r\x1b\xca\xed _\x99\x80N\x80lA\x00\xf8\x18\xc6\x98c\xd9\xcb\x97.&amp;\xfdz&gt;\xb6\xf3`\x9bU\xa3\x9b\xff&lt;\x9a\x0c\xb7\x06\xa2\xcbv\xe7\xce\x9d{\xf7\xee\xdd]\xbbv\xf1&lt;_TT\x04\xd5\xff\xa1\xa0\x13 [\x10\x00&gt;\x861F\x0c\xb3d\xe1\xd7\x01\xcf5\r\xad^Ot\xd8eR\xe0dE\xb6[\x039\x9d\xce\x98\x98\x18\x84\x90\xcdf\x93\xcf\xd8\x94\x0c\x95\xee\x04\xdc\x93\xebd\xbe\x06A\x00\xf8\x92\xfb\xec\x97u\xdf\xado\xdes\xb4\xcbi\x97\xf3JG_\x92\xeb\xd6@t\xa9;Q\xc2Kj\xbe\xe5\xee\x04\xb4h\xd1\xe2\xab\xaf\xbe\x92\xdbd\xbef\xc1\xb7\xd6\x97\xdcg\xbf\xe4a\xff\x06-^\x84\xe9\xdfG(\xb55\xd0\x1aYm\rDO\xc1\xf5\xf5U(\x00\xc30\xa2(\xbe\xfa\xea\xab+W\xaet:\x9d\xf2\xb9\x83Z\x06\x01\xe0K\xa5\xcf~\xe1x=\x91\xc7\xb0\x86&lt;\xb9\xb7\x06r\x18*o\xda\xa0\xa4\xad\x81\x00\xc5q\\aaa\xe7\xce\x9d\xfd\xfc\xfc\x16-Z\x04;C\xc8\x01\x04\x80\xcf\xc0\xd9/O\x8c\x10\x96\x15\x9a\xf4\x1c\xbf\xe8\x9bo0\x86Q\x17\xe5\xa1c\x9e\xff\xfa\xd7\xbf\xe6\xce\x9d\xebt:as\x08\x9f\x83G\xc8g\xe0\xec\x97\'\xc5\xb0\\\x89\xa5\xa0Q\xbb\x9e\'\xce]?\x9ex\x14\x0e\x1cW\x1c\x8e\xe3\n\n\n\xfa\xf7\xef\x1f\x14\x14\x04\x9d\x009\x80\x00\xf0\r8\xfb\xe5\xe9`\xd1e\x0e\xaaT\'\xbe\xc7\xe7\x9f}\xe2\xebk\x91)\xba#\xa9\xf8G\x92$\xc9\xa4\xd4\xd2\xb7\xe7\xdey\xe7\x1d\xe8\x04\xc8\x01\x14\x1d\xdf\x80\xb3_\x9e\x0e\xcbr6kQ\xcb~\x93\xb6\xed\xfa\xe5NF\x06\xc7\xc1D\xe2oh\xdd\xc7\x18\x0b\x82\x10\x18\x18\x18\x12\x12\x12\x1a\x1a\x1a\x12\x12B\xff\x8f\n\x15*\xf8\xf9\xf9!\x19\xbcC\x07\x9d\x00Y\xd1\xdc\x1e\xe52Q\xea\xec\x97\tp\xf6\xcb\x13`\x18\x97\xc3\x16V;\xc2P-r\xf9\xd2\x853\xff\xf5\x9e$\x89\x1a\xdcj\xbf\x0cB\x08\xcf\xf3f\xb3Y\x14\xc5[\xb7n\x9d?\x7f\xfe\xca\x95+w\xef\xde-))A\x08\xf9\xfb\xfb\xd7\xacY3***22200\xb0\xa0\xa0\xc0\xb7\xebV\xdd\x9d\x807\xdexc\xfc\xf8\xf1z\xbd\x9e\xfe\x17_]\x8f\x96i\xfd\xc9\xf1\t\xba\xa1M\xe2\xd1#\xe7o\xe6\xbc\x0cg\xbf&lt;!\x06!I\x14\x9b\xf5\x18\xb3|\xc5\x9c\xbf\xbf\xf1\xb6\xc1`\xd0x\xf9\xa0\xd5\xbf\xb0\xb0\xf0\xdbo\xbf\xdd\xbaukRRRVV\xd6\x83?\xc6\xf3|\xe3\xc6\x8d\xc7\x8d\x1b7r\xe4H\x84\x90\xc3\xe1\xf0U\x06\xb8;\x01\x1f|\xf0\xc1\xaaU\xab&amp;N\x9cH\xb7S\xf5\xc9\xc5h\x1c|\xe8&gt;\xe3&gt;\xfb\xa5(7\x93\xe5\xe0F&lt;.\x86\xe5l\x96\x82\xe8\xb6=\xf7\xaf\xf8`\xe7\xb6\x9f\xfa\xf6\x1f\x881\xd6\xec[\xb8\x18c\x93\xc9t\xe6\xcc\x99\xbe}\xfbfff\xd2\xffh6\x9b\xeb\xd6\xad\x1b\x16\x16\xe6\xef\xef\x8f1\xce\xcd\xcd\xbdr\xe5\xca\xed\xdb\xb7O\x9e&lt;y\xf2\xe4\xc9\xcd\x9b7/]\xba\xb4B\x85\nv\xbb\xddW\x19@o\xd9\x981c\x16,X0q\xe2DX\xd0\xe5+0\x03\xe3m\xb4\xb9z\xe7NF\x83\x88\xa8\x81\xff\xd9\x16T\xa9\x86\xe4\x84\xf5?O\x06K\xa2\x7f\x85J\xbb\x97}\x18\x9c\x9d\xb8\xfb\xe7\x83\x18c\xefW\x10\xdah\x9d6mZII\xc9\xa2E\x8b\xb2\xb3\xb3}\xd2\x86\xa5\xab\t\xecv{\xe3\xc6\x8d\x0b\n\nz\xf7\xee\xdd\xa3G\x8f\xe6\xcd\x9bW\xa9R\xc5d2\xd1\x8fE\x14\xc5\xdc\xdc\xdc\xa4\xa4\xa4\xcf&gt;\xfb\xec\xd0\xa1C\x08\xa1\xd8\xd8\xd8\x9d;w\n\x82@\xe7\xa2\xbc\x7f\xd9\x08!:\xfd\x1b\x19\x19\xb9t\xe9\xd2\xae]\xbb\xcaj\x9fW\xed\x80\xe0\xf568\xfb\xe5\xd9\xb1,g\xb7\x167\xed&lt;\xf8X\xca\xb9\xb4\xb3\xa9Z\x9eH\xa4\xaf\xd7\x06\x06\x06.[\xb6\xec\xe7\x9f\x7f\xfe\xf6\xdbo\x87\x0f\x1f^\xb3fMBHqqqAAAAA\x81\xd5j5\x9b\xcd\xbd{\xf7\xde\xb3g\xcf\xab\xaf\xbe\x8a\x10JNN\x9e3gN@@\x80\x0f?7\x97\xcb\x15\x1c\x1c\xfc\xfa\xeb\xaf\xcf\x9c9\x93\xfeC|u%Z\x06\x01\xe0mp\xf6\x8b\x070\x8c\xcba\xabT3\xbcBD\x9b\xaf\xe6}\x86\xe8\x9ezZ\xc5\xb2\xac\xd5j\xed\xd0\xa1C\xe3\xc6\x8dsss\xe9q4\xf4\xbfs\x1c\xc7q\x1c}a"??\xbf\xa4\xa4\xe4\xf3\xcf?\xef\xd4\xa9\x13\xcb\xb2+W\xae\xbc~\xfd:\x9d\x80\xf5\xc9e\xf3&lt;_PP0y\xf2\xe4\xcc\xcc\xcc\x9d;w\xc2[\x1d&gt;\x01\x01\xe0Up\xf6\x8b\xa70\x0ck/\xb1\xc4\xf7\x1a\xb3y\xcb\xb6\x12\xab\x95\xe38-\x0ff\xd2\xe3\x88KJJh\xc5\x7f\xb05\xcd0\x0c\xcf\xf3\xf4\x85\x80\xbf\xfd\xedo\x84\x90\xdc\xdc\xdc\xa3G\x8f\x9aL&amp;\xdfv\x02\x02\x03\x03\xa1\x13\xe0C\x10\x00^\x07g\xbfx\x02\xc3\xb2N\x9b\xe5\xb9\x98x\x9b&gt;d\xcd\xaa\xe5\xb0\xc5\xfc\xe3\x1cC\xc6q\x9c\xcdf\x8b\x8e\x8e\x0e\x0b\x0bc\x18&amp;==\xdd\xb7\xc1Y\xba\x13\xb0c\xc7\x0e\xe8\x04x\x1f\x04\x80\xf7\xc0\xd9/\x1eF\x08\xcb\n\xb1=\xc7\xcf\x9f\xff%\xc6\x9a^\t\xfa\x98\xe8\x0ezf\xb3\xb9R\xa5J\xb4\x13\xe0\xf3n\x93\xbb\x13\xf0\xce;\xefh|9\xafO@\x00x\x0f\x9c\xfd\xe2Y\xee\xf5\xa0\x17o\xe7\xc1\xd6@\x8f\xaf\xcc\xfe\xd5\xbe\xad\xb9\xb4\x13\xf0\xca+\xafddd\x1c9r\x046y\xf52\x08\x00/\x81\xb3_\xca\x83$\xba\xccA\x95j5\xef\x06[\x03=\x0e\xfa\x02\xb0\xddn/,,d\x18&amp;00P\x0e[\xf1\xb8\\\xae\xa0\xa0\xa0\xbe}\xfb~\xfc\xf1\xc7\xf0Px\x19\x04\x80\x97\xc0\xd9/\xe5\x01\xb6\x06z"\x84\x10A\x10n\xdf\xbe\x9d\x91\x91A\x08\t\x0f\x0f\xa7[\xd2\xfa\xf6\xaa8\x8e\xb3X,o\xbe\xf9\xe6\xfe\xfd\xfb\xd3\xd2\xd2\xb4\xbc\xa8\xd7\xfb \x00\xbc\x04\xce~)\x17\x7f\xdc\x1a\x08!\x18@x\x14I\x92L&amp;\xd3\x96-[\x9cN\xa7\xd9l\x8e\x8b\x8b\xb3\xd9l&gt;\x7f\x0b\x97\x1e\xabY\xa7N\x9d\xc1\x83\x07\xcf\x9c9S\x0e\x9d\x12\xed\x80\x00\xf0\x068\xfb\xa5\xfc\x94\xda\x1ah\x15=\x99\x1d\xca\xc7C\x89\xa2\x18\x10\x10p\xfe\xfc\xf9o\xbe\xf9\x06!\xd4\xa7O\x9f\x06\r\x1a\xd8l6\x9f\xf7\x00\xd0\xfdN\xc0\xdbo\xbf}\xf0\xe0A\xe8\x04x\x13\x04\x807\xc0\xd9/\xe5\xc7=\x15|\xbb\x08\xef\xdc\xf6\x13\xd2\xf6Ka\x7fF\x14E\x93\xc9d\xb3\xd9\xc6\x8f\x1f\x9f\x9d\x9d\x1d\x1c\x1c&lt;k\xd6,\xbb].\x13Q\xb4\x13\xf0\xdcs\xcf\r\x1a4\x08:\x01\xde\x04\x01P\xee\xe8f\x8d\xb9\xb99\xeb7\xfd\xd8\x12\xce~)\x07\x04c^\xd0Gv\x18\xf4\xd5\xfcypD\xfb\x83\\.W@@@aaa\xdf\xbe}\x8f\x1e=\xca0\xcc\x82\x05\x0b\xc2\xc3\xc3\xe50\xfe\xe3\xe6\xee\x04\xd0\x99\x00\x8e\xe3 \xc8\xbd@.\xb7_\xc5\xe8\xf7x\xd5\xb2%8\xb8N\xed\xe8\x048\xfb\xc5\xe3X\x96\xb3[\x8b\x9av\x1e|"\xf5\xf2\xa9\x94d\x18@(M\x14\xc5\xd0\xd0\xd0\xb4\xb4\xb4\xce\x9d;\x1f&lt;x\x90\xe7\xf9\xc5\x8b\x17\x0f\x1c80//OV\x9b\xaf\xb9;\x01#G\x8e\x9c9s&amp;\xc6\x18:\x01^\x00\x95\xc8Kv\xec\xd8Q#2\x8eaX\x04_k\x8fc\x18\x97\xc3\x1eZ\xbd.\n\xac\n\xa3@n\x84\x10\x8cqHH\xc8\x9a5k:u\xea\x94\x96\x96V\xb1b\xc5\r\x1b6\x8c\x1d;6//O\x86\xfb\xef3\x0c\xe3t:_z\xe9\xa5C\x87\x0e\xc1t\x8ew@\x00x\xc9+\x93\'_&lt;\xbaUt\xdaa\xfc\xc7\xf3\x08\xd6\x9b\xfc\xaf\xa7\x1d\x17\x8an\x8d\x9b\xf4\nBHVm[_!\x84\x04\x05\x05\xbd\xf7\xde{#G\x8e\xcc\xcb\xcbk\xd2\xa4\xc9\x9e={z\xf5\xea\x95\x93\x93#\xcf\xcf\x87\x10\xa2\xd3\xe9&gt;\xfe\xf8\xe3\xd1\xa3G\xfb\xf9\xf9\xf9p\xabj\xed\x80bT\xeeX\x96%\x84t\xeb\xd9\xa7\x9a\x99\xa4\x1e\xdaj4\x07\x11\x0cK\x15=\tc\xac7\xfa\x9d\xd8\xbe\xba[\xa7\xf6\x95+\x87A\xe1@\x08I\x92\x14\x14\x14\xf4\xee\xbb\xef\xbe\xf7\xde{\x08\xa1\xc1\x83\x07\xef\xdd\xbb7""B\x9em\x7f\x84\x10\xc6\xd8\xdf\xdf\xff\xd8\xb1c\x89\x89\x893g\xce\xf4\xed\xa1\x95\xda\x01\x1fq\xb9\xa3o\xb7\x1b\x0c\x861cF\x9d\xdc\xb6\x9c\xe3y\xe8\xd6z\x16\xcb\x0b\x96\x82\xec\x1b\'vN\x9e\xfa:\x0c\x1a\xa0\xfb\xd5\x7f\xcb\x96-\x1f|\xf0\x01Bh\xec\xd8\xb1\xabW\xaf\xa6\xb3\xac\xf2\xac\xfe\x08!\x8c\xb1\xc1`x\xf7\xddw\xc7\x8c\x19\x13\x1a\x1a*\x877\xd4\xb4\x00\x02\xc0\x1b8\x8eC\x88\x8c\x197\xc9\x9e\x91\x96y=]\xd0\x1ba&amp;\xc0S\xb0$\xfa\x05\x04\x9f\xd8\xb16\xb6A\xcd\xb8\x96\xad\xe8\x96\x1b\xbe\xbe(_\xa2mg\x9b\xcdF\xab\x7f\xbbv\xed\xbe\xfa\xea\xab\xe2\xe2bQ\x14e\xfb\xc9\xb8\x9b\xff\'N\x9c\x80\xe6\xbf7\xc1\xa7\xec\r\x0c\xc3H\x12\xaeZ\xadZ\x8f.\x1d\x8en^h\xf4\x0b\xc00\n\xe4!\x0c\xcbJ.G\xea\xdeu\x93^~\x85\xd5\xfc\xa6\xd0\x08!B\x88\x9f\x9f\xdf\xc9\x93\'O\x9f&gt;\xcd\xf3\xfc\xec\xd9\xb39\x8e\x13EQ\xce%\xd5\xdd\xfc\x1f=z44\xff\xbdI\xbe\xdf\tU\x9a\xf6\xb7\xe9\xd7\x8f\xef\xb0\x14dq\xbc\x80\x10t\x02\x9e\x15\xc1\x92\xc1/\xe0\xfc\xf1}\x15\xd8\xe2\xc1\xc3FB\xf3\x1f!\x841\xd6\xe9tg\xce\x9c\xc1\x18GFF6k\xd6\xac\xb8\xb8X\xb6#?\x08\x9a\xff&gt;\x05\x1f\xb4\x97\xd0\x17[Z\xc4\xb7lP3$\xf5\xc0V\x83_ l\x07\xf4\xec\x08!\x82\xcepb\xdb\x8a\xa1\x83\x07\x19\x0cz\x98\xfe\xa5\x18\x86\xb9}\xfb6B(&amp;&amp;\xc6l6\xcb\xbcW\x04\xcd\x7f\x1f\x82\x00\xf0\x1e\x8c1\xcb2\x13\xc6\x8fO\xd9\xb9\x92\xe5Xh\xff?+Bx\xbd1\xeb\xd6\xc5\xc2+\'\xc7Oz\x05\xdd\xdfqO\xe3\xe8\xe1h\xb4\xd5_\xb5jU\x99o\xab@\x9b\xff\x87\x0f\x1fNII\x81\xe6\xbf\xf7\xc1g\xed=\xf4\xc5\x96\xc1\xc3F\n\x96;W\xcf\x1c\xd5\x1b\xcd\x84\xc8\xbai&amp;s\x18K&amp;s\xe0\xd1\x1f\x96tn\x17_\xef\xf9pI\x92\xa0v\xb8\xe5\xe6\xe6\x8a\xa2(\xff3\xb6h\xf3\x7f\xfe\xfc\xf9\xbdz\xf5\n\r\r\x85&gt;\x9c\x97\xc9wdP}\x18\x86\x11E1$4tP\xbf\x9e[\xbf_&lt;\xe2\xbd\xe5\x8e\x92b\x86\x83\x9a\xf5\x94X\x8e\xb7Y\n\xae%n\xfb\xdf\x9a\x85\xb0\xaa\xca\x8da\x18\xbb\xdd\xde\xbf\x7f\xff\xbau\xeb\xb6o\xdf^V\x1b\xfe\x94A\x081\x1a\x8d\xd7\xae]\xdb\xbd{\xf7\xfe\xfd\xfb\xa1\xf9\xef}\x10\x00^E_\n{y\xcakK\xdbt,\xc8\xca\xd0\xe9MX\x12ag\xd0\xa7@\xb0d\xf4\x0f&gt;\xfd\xcb\xe6\xea\xc1\xba\x0e/v"\xf0\xf6\xef}\xf4\xcc\xaf~\xfd\xfa\r\x192\xc4f\xb3\xc99\x00\xe8\x01\xc5\xd3\xa7Oo\xd5\xaaUtt\xb4$Ip\x13\xbdL\xa6\xdf\x0c\xb5\xa2\x01\x10\x1d\xd3\xb8YT\xdd\xe4\x9dk\r\xe6\x00x+\xf8\xe9\x10\x848\x9e?\xb6i\xc1\xeb\xafM\xe5y\x1e\xce\x81)\x8da\x98\xe2\xe2\xe2\xec\xec\xec\x92\x92\x12\xd9\x8e\xa8\xb8\x9b\xff\xeb\xd7\xaf\xff\xf0\xc3\x0f\xe5?Z\xa5J\x10\x00\xdeFg\xe4\xa6O\x7f\xe3\xf4\xee\xd5\xa2\xd3\x8e\xe0d\x98\'G\x08\xd6\x1b\xcdW\xcf\x1c\xd5\xdb\xee\x0e\x1e\n\xab?\x1f\x82\xb9\xcf\xd7\x17\xf2\xa7h\xf3\x7f\xee\xdc\xb9m\xdb\xb6\x8d\x8c\x8c\xc4\x18\xcb\xb6\xa7\xa2b\xf0\x89{\x1b\xed\x04t\xee\xd6\xb3\x92A\xba\x98|\xc0\xe0\x07\x9d\x80\'F0\xd6\x9b\xfc\x8e}\xbfx\xe0K=C`\xe6\xf0\x01\x18c\x9e\xe7\x03\x03\x03u:\x9d&lt;\xd7\x80\x96n\xfe\xcf\x993\x07\x9a\xff\xbe\x02\x01\xe0mt\x95\x9e\xd1h\x1c&gt;t\xf0\xf1-\x8by\xd8\x1a\xe8I\x11\xc2\x0b\xfa\x82\xac\x8c\xacs\x87^\x9e\xf2\x1a\xcc\x1c\x96Akk~~\xfe\xbe}\xfb222L&amp;\x93\x0c\x97\x81B\xf3_&amp;\xe0C\xf7\x01\xfa]\x7f\xed\xef\xd3\xad\xd7S\xee^\x83\xad\x81\x9e\x0c\xc1\xd8`\x0eH\xde\xb9\xaeYT\xdd\xe8\x98\xc6\x10\x00\xa5\x11B\x04A\xc8\xc8\xc8\xe8\xd8\xb1c\xb7n\xdd\xda\xb4i\x93\x9c\x9cl2\x99d\xd5\x0f\x80\xe6\xbf|\xc0\x93\xe3\x03t\x7f\xd0\xb0\xb0*/\xb6oyb\xfbj\xd8\x1a\xe8\xc9\xb0\x8c$\xba~\xdd\xb9r\xfa\xf47\xd0\xfd9\x15@\xd1\x96\xf5\xee\xdd\xbb/_\xbel0\x18\xb2\xb3\xb37m\xdad0\x18d\x15\x00\xf4"?\xfc\xf0\xc3v\xed\xdaA\xf3\xdf\xb7\xe0s\xf7\xa5\xc9S^\xbd\x9a\xb8\xd5f)`9X\x8f\xfbX\x08\x96\x8c\xe6\xa0\xd4\x83?\xd5\x0c\xe2:w\xeb\t\xcd\xffG\xa0\xcdj\xb9\x05$!D\xaf\xd7gffn\xda\xb4\xe9\xfd\xf7\xdf\x87\xe6\xbfo\xc1\xc3\xe3\x1b\xf4\xad\xe0\x0e/v\xaa\x1e\xac;wt\'L\x05?&amp;\xba\xfa\xf3\xe4\xb6\xe5\xa3G\x8f4\x1a\x8d0\xfd[\x06\xc7qV\xab\xb5S\xa7N\xb5k\xd7\xb6\xd9l\xc1\xc1\xc1\xfd\xfb\xf7\xb7\xdb\xed\xf2\x89II\x92\x02\x02\x02V\xacXQ\xa7N\x9d\x98\x98\x18\x88p\xdf\x82\x86\xa7\xcfH\x92\xc4\xf3\xfc\xeb\xafM\x9d\xf5\xbf\x05M:\x0e$\x08A%\xfb\x0b\x84\x08zc\xe6\xf5t{F\xda\x98q\xdf!\x04\xab?\xcb\xa2\xc7\xeaV\xaf^}\xdf\xbe}g\xcf\x9e\xad[\xb7n\x9d:uJJJ\xe4Sd\x05A(,,\xfc\xfc\xf3\xcf\x97,Y\x82\xe4\xd7A\xd1\x1a\xb9|-4\xe8\xb7\xad\x81\x86\x8e\x14,wn\xa5\'\xeb\x8df\x04[\x03=\x12\xc6\x92\xd1/\xe0\xe8\xe6\x85=\xbat\xa8Z\xad\x9a$\xc1\xb6\x91\x0f\xc10\x8c\xcdf\x0b\r\r\xed\xde\xbd{\xed\xda\xb5e\xf5.\x98(\x8aAAA\x0b\x16,\x08\x0b\x0b\xeb\xd6\xad\x1b\xc6\x18"\xdc\xb7 \x00|\x86\xae\x07\r\t\r\xed\xda\xb1}\xd2\xd6\x15z\xa3\xbc\x96j\xc8\x10\xc7\x0b\x96\x82\xac\x1b\'vL\xfb\xdbt__\x8b\xac\xb1,\xebr\xb9\n\n\n\x1c\x0e\x87|\xda\xfe\xe8~\xf3\xff\x8b/\xbe\x983g\x0e\x82\xe6\xbf\x0c\xc8\xe8\xcb\xa1At\xab\xde\xb7f\xbes\xfb\xe4\xf6\x82\xac\x0cN\xd0\xc3z\xd0?s\x7f\xfawkx\xf5\n-\xe2[B\xe3\xf1\xd1\x18\x86\xe18N&gt;m\x7f\xf4\xc7\xe6\x7f\xd7\xae]\xe1\x0e\xca\x01\x04\x80/\xd1\xb7\x82\xa3\xa2c\x9aF\xd6=\xb5o\x93\xd1\x1c\x08\xebA\xff\x14\xc3`\xc9\x95\xbcu\xe9\xd4\xa9\xaf\xb2\xac\\\xf6\xb8\xa7\xedk\xe8\xba=\x0eh\xfe\xcb\x10\x04\x80\x8f\xd1\xda1q\xe2\xa4\xb3\xfb\xbe\xc3\x92\x93\x91S\x87]&gt;\x08\xc6z\xa3\xf9\xda\xd9$\xbd-s\xf8\xc81\xf2Y:b\xb5Z9\x8ecYV\x14E__\x8b\xacA\xf3_\x9ed\xf1\x14i\x19\x9d\n\xee?h\xa8\xc1\x91}-5Io4\xc3Q\x91\x0f"\x04\xeb\x0c\xa6C\xeb\xe7\x8d\x195\xdc\xe4\xe7\'\x87S\x03\xe9\xf0]\xe7\xce\x9d\xf7\xec\xd9\xb3c\xc7\x8e*U\xaa\xb8\\.h\xd5&gt;\x14}?\x19\x9a\xff2\x04\x01\xe0ct*\xd8l6\x8f\x195\xec\xd0\xfay:\x83\t\x8e\t+\x8b\x10^o\xc8\xbe}\xb9\xf8\xfa\xa9\x89/OA\xf7_q\xf2-\x9a\xdc\x03\x06\x0cX\xb6l\xd9\xb4i\xd3&gt;\xfc\xf0\xc3J\x95*\x11B`8\xe8A\x92$\x05\x06\x06~\xf5\xd5WU\xabV\x85\xe6\xbf\xac@\x00\xf8\x1e-g\x13_\x9eR|\xfdT\xf6\xed\xcb\xbc\xde\x00S\xc1\xa5a,\x19\xfd\x02\x93w\x7f\x17\xd7\xa8\x81\xac\x8e~dYV\x92\xa4\xb6m\xdb\x1e9rd\xcb\x96-C\x86\x0c\t\x08\x080\x18\x0c0\x1cT\x06\x1d"[\xb2d\xc9[o\xbd\x85\xa0\xf9/\'\xb2x\x904\x8e\xd6\x91z\xcf\x87\xc75j\x90\xbc\xfb;\xa3\x1fL\x05\xff\x01\xcb\xf1vka\xfa\xde\xb5\xff|k\x86\xdc\xa2\x91\xe38I\x92BCC\x13\x13\x13u:]BBBvvvHH\x88\xcb\xe5\xf2\xf5\xa5\xc9\x85$IAAA\x9b7ov\xb9\\={\xc2\xee\x1d\xf2\x02wB6\x08\xf9\xe7[3\xce\xed]k\xb7\x16\xc2\xd6@n\x04K\x06\xbf\x80sGwV\xaf\xa0\xef\xd8\xb9\xab\x0c\x8f~\xa4cA\x18\xe3\x95+W\x0e\x1b6\xacS\xa7N?\xfd\xf4S\xa5J\x95$I\x82\xa6.\xba?Y\xf2\xc1\x07\x1f\xbc\xf9\xe6\x9bF\xa3Q\x0e\xf37\xc0\r\x02@\x168\x8e#\x08u\xec\xdc\xb5VEC\xfa\xb1]\xb05\x90\x1bA\x88\xe5\xb8c\x9b\x17\xbc\xfe\xdaT\xda\xdc\xf6\xf5\x15=\x04\xc30t\x94\xe3\x1f\xff\xf8\xc7\x8a\x15+\xde~\xfb\xed\xd9\xb3g\x87\x84\x84\xd0\xbe\x9d\xaf\xaf\xce\x97h\xf3\x7f\xd3\xa6M\x05\x05\x05\x13\'N\x84\x8d?\xe5\x06n\x86\\\xd0\x13\xb1G\x8c\x18vb\xdb\n^\x10\xa0\xf1\x88\x10B\x04\xeb\x8d\xe6[\xe9\xc9\x82\xe5\x8e\xfc\x8f~\xe4y^\x14\xc5\x96-[\x1e9r$))\xa9g\xcf\x9ez\xbd\xded2iyJ\xc0\xdd\xfc\x7f\xfb\xed\xb7u:\x1d\xec\xfd)7\x10\x00rAG\x12&amp;\xbe&lt;\x95d_\xb8\x9ev\\o\x82\xad\x81\x10\xc6Xo4%m]\xd1\xb5c\xfb\x90\xd0P\xf9\x8f\x1e\xd0\xe3\xe9\x83\x83\x83w\xed\xdaU\xa7N\x9d\xa6M\x9b\xde\xbe}[\xb3S\x02\xd0\xfc\x97?\xb8\x1frA\xd7\x83V\xaa\\\xb9{\x97\x17Ol_\xad7\x9a\xb5\xbe\xa0\x90\x10N\xd0\x17de\xdc&gt;\xb9\xfd\xad\x99\xef(\xa5\xf1\xe8\x9e\x12\xf8\xe2\x8b/\xdex\xe3\x8d\x0e\x1d:l\xd9\xb2\xa5R\xa5J\x18c\xad\xddPh\xfe\xcb\x1f\x04\x80\xbc\x10B&amp;Oy\xedV\xf2nK~\x16\xc7\x0b\xbe\xbe\x1c_\xc2X2\x99\x03O\xed\xdb\xd44\xb2^T\xb4\x926\x8e\xa7S\x02.\x97k\xfc\xf8\xf1\x9b7o~\xe7\x9dw\xdez\xeb\xad\xe0\xe0`\x9dN\xa7\x9d)\x01h\xfe+\x02\xdc\x12\x19\xa1\x8d\xc7\xb8\x96\xad\xc2\xab\x05\xa7\x1e\xdaj4\x07iy*\x98aYQt\xa4\xee]7q\xe2D\xa4\xc0\xfdv\x04A\x10E1..\xee\xe8\xd1\xa3\xe7\xcf\x9f\xef\xde\xbd\xbb\xcb\xe5\n\x08\x08\xd0\xc8p\x10=\xf7\xf4\xdf\xff\xfe74\xff\xe5\x0c\x02@^\x08!,\xc3L}\xf5\xd5\xe4\xadK0v!\xad&gt;3\x04K\x06\xbf\xc0\x0b\xc7\x7f\xae\xc0\x14\r\x196J\xe6\xd3\xbf\x7f\x86N\t\x04\x04\x04l\xd9\xb2\xa5E\x8b\x16\xcd\x9b7?w\xee\\\xa5J\x95T\x9f\x01\xf4\xd5\xdf={\xf6\xe4\xe4\xe4L\x9c8QA\xbd7\xad\x81\xbb"/t\x7f\xd0\xe1#\xc7\x18\x1d9\xd7\xce$\xea\xb4\xba5\x10A\x88\xe7\xf9\xe3?.\x19&gt;|\xa8\xde\xa0\x97\xff\xf4\xef\x9fqO\t\xbc\xff\xfe\xfb\xff\xfd\xef\x7f\xbbv\xed\xbaf\xcd\x1a\xd5O\t\x10Bx\x9e\xff\xf2\xcb/\x87\x0e\x1dJ\x07\xbe\x14z\xfbTO.\xdb\xea\x027Q\x14y\x9e\x9f\xfa\xf2\xf8\xadg\xf2F\xbd\xbf\xb20\xfb\x8e\xe6\xde\x0b#\x84\x13\xf4\xf9\xf7nn\x9a\xd1\xf3\xc2\x85saaUT0\x80@okzzz\xdf\xbe}{\xf7\xee\xfd\x9f\xff\xfc\xa7\xa4\xa4\xc4f\xb3\t\xaa[\xf2\x8b1\xf6\xf3\xf3;u\xeaT\xf7\xee\xdd/^\xbc\x18\x12\x12\x82\xe4\xb1}\x13x\x10\xf4\x00d\x87v\x96\xa7\xbc\xf6\xb7\xfc\xf3\x87sn_\xe6\x04\x1d\x914\xb4\x90\x9c\x10"\xba\x1c&amp;\xff\xc0\x93;\xd7\xbe\xd8\xaeeXX\x15u\xb4\x1f\xe9[\x02\x11\x11\x11\xc9\xc9\xc9W\xae\\\xe9\xd8\xb1caaa\x85\n\x15\x1c\x0e\x87\xaf/\xcd\xc30\xc6\x06\x83\xe1\xddw\xdf\x1d3fL\xa8\x12\x16\xefj\x19\x04\x80\xec\xd0\xd7G#\xa3\xa2\x9b\xc7\x84\x1f\xd9\xb2\xbcb\xd5\xda\x06\xbf\x00B\x08\x96$\xb9\xed\x84\xe3Y\x84`,\x89\xbc\xa0\x0b\xaaT\xddR\x94wv\xdf\xb7S^}\xcd\xd7\x17\xe5I&lt;\xcf\xd3\x9d_7o\xde\xdc\xa9S\xa7\x0e\x1d:\x1c=z\xb4r\xe5\xcaj\x9a\x12\xc0\x18\xfb\xfb\xfb\x1f;v\xec\xc4\x89\x133g\xce\x84\xd1\x7f\x99\x83! 9\x92$\x89e\x99C\x07\x0f\x8d\x1c7Q\x08k\x18\xd1\xae\x7f\x83\x16/\xe8\xf4&amp;\x9b\xb5Pt:\x19\x96a\x185=T\x84\xces\xe8Mf\x9d\xc1/\xf3\xfa\x85\xd4\x03?\\O\xfa\xe9\xc5\x16\x91k\xd7}\xab\xbe\xe5\x83tJ\x80\xe3\xb8\xdd\xbbw\x8f\x1d;v\xd6\xacYS\xa6L\xc9\xcb\xcbSG\xad\x14E144\xb4K\x97.\r\x1b6\xfc\xdf\xff\xfeG\xdfo\xf7\xf5E\x81?\x05\x01 kEE\x85\xeb\xd7\xae\xfen\xe3\xe6\xf3\x99\xf6\x9a\xcd\xbaD\xb5\xed\x1dR\xb5\x96\xcbns\xd8\xac\x08!\xc5\x1f\x1fF\x08\xc6\x12\xc7\x0bFs &amp;\xe4\xea\xafGN\xef\xfb\xce\x95q\xa6g\xc7\xd6c\xc6\x8ek\xda\xac\x05!X]Q\xf7;:%p\xeb\xd6\xad\xee\xdd\xbb\'$$\xcc\x9f?\xdf\xe9t\x96\x94\x94\xf0\xbc\x82\xe7{\xdc\xa3\xff=z\xf4\xb8p\xe1\x02\x8c\xfe\xcb\x1f\x04\x80|\x95\x9e\xf9&lt;\xf0\xf3\xdee\xcb\x96\x1dN9\xa7\xab\xde\xa4\xd1\x8b\x03kF\xc4\xb2\x0cc/)\x96D\x91eY\xc5\xad\x16%\x18\x13B\x04\xbd\xc1h\x0e,\xca\xcdL=\xb4\xedj\xe2\xd6\x8al\xd1\xb8\x91C\xfa\x0f\x1aZ\xa5j5\xf4\xc7\x7f\xbe*\xd1\xd6\xb1$Ic\xc6\x8cIOO\xdf\xb4iS\x8d\x1a5rrr\x04A\x91/\x00b\x8c].WXX\x184\xff\x15\x04\x02@\xd6\xe8p\x01\xcb\xb2\xb4\x14\xde\xcd\xb8\xbdl\xc9\xa2\x8d?n\xcf\x95\xcc\xf5\xdb\rj\xd8\xb2\x8b_@\xb0\xddZ\xecr\xd8\x951.D\x08\xc6\x98aY\xa3_\x00\'\x08w\xaf\x9d?\xb5{]\xf6\xd9\xfdmc\xeb\x0f\x1f:\xacK\x8f^\xb4\xfd+\x8a"\xcb\xb2*\x18\x0f\xf9Kt\x82\x94a\x98O?\xfdt\xc1\x82\x05\xf3\xe6\xcd\xeb\xda\xb5kVV\x16\xcf\xf3\xf2\x0f?B\x08\xfd~2\x0c#\x08</t>
        </is>
      </c>
    </row>
    <row r="152">
      <c r="A152" s="1" t="n">
        <v>150</v>
      </c>
      <c r="B152" t="inlineStr">
        <is>
          <t>color_size_circle</t>
        </is>
      </c>
      <c r="C152" t="inlineStr">
        <is>
          <t>What is the missing color of the part denoted with a question mark?</t>
        </is>
      </c>
      <c r="D152" t="inlineStr">
        <is>
          <t>['light blue', 'dark blue', 'dark yellow', 'dark orange']</t>
        </is>
      </c>
      <c r="E152" t="inlineStr">
        <is>
          <t>dark blue</t>
        </is>
      </c>
      <c r="F152" t="inlineStr">
        <is>
          <t>There are circles of various sizes and colors in the image. The circles are ['extra large', 'small', 'large', 'medium'] size, and their colors are ['very light blue', '?', 'light blue', 'medium blue'].</t>
        </is>
      </c>
      <c r="G152" t="inlineStr">
        <is>
          <t>We observe that the largest circle is very light blue color, and the smaller circles change color from light blue to medium blue. Hence, the pattern is that the circles become darker as they become smaller.</t>
        </is>
      </c>
      <c r="H152" t="inlineStr">
        <is>
          <t>Based on the pattern that the circles become darker as they become smaller, the missing color of the smallest circle denoted with a question mark should be dark blue.</t>
        </is>
      </c>
      <c r="I152" t="inlineStr">
        <is>
          <t>b'\x89PNG\r\n\x1a\n\x00\x00\x00\rIHDR\x00\x00\x02\x00\x00\x00\x02\x00\x08\x02\x00\x00\x00{\x1aC\xad\x00\x00\xeceIDATx\x9c\xec\x9dw|UE\xda\xc7\xa7\x9csn/\xa9\xb4\x84\x14H(\t\x84.\x02R\xa4\x08\n*"Vl\xd8{YW\xdd\xd5Uqu}\xd1u-k/\xa8\x88\nb\x07\x01Q\x04\x11\x10\xe9-\xd4\x90\x84\x04\x08\xe9\xb7\xdf{\xca\xcc\xbc\x7fL\xb8FD\xd7J\xe6&amp;\xe7\xfb\xf1\xb3{\xe7\x92rr\xee\x9c\xe77\xf3\xb4\x81\x8c1`bbbb\xd2\xf6@-}\x01&amp;&amp;&amp;&amp;&amp;-\x83)\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xb5\xf4\x05\x98\x98\x9c \x18c\xbf\xf0+!\x84\x7f\xea\x95\x98\x98\x08\x82)\x00&amp;\tL\xdc\xa6SJ\x8fy\x07B\xd8\xdc\x8e\x1f3\xfc\x9f?\xb6\xb9Z4\x1f\xc6\x7f\x08B\xe8\x98wLL\x12\x0e\xf8\xcb\x97E&amp;&amp;-\x05\x9f\xa5\xdc\xca\xf3\xd7\xdc\xa0\xc7\xad\xf0/\xa1\xb1\xb1\x11\xc2\xff1\xe1\xf9\x17$%%\xfd\xf2\x1fK)\x8d+\x04\x17\x03~U\xa60\x98\x88\x8f)\x00&amp;\xc2\xc1\x9a\x01\x00\x80\x10b\x8c\x8f\xfb\x95\x84\x90@ @)-..&amp;\x84\x18\x86\xb1n\xdd:]\xd7!\x84\x07\x0e\x1c(//\x8f[\xfcP(TRR\xf2\x0b/\xa0k\xd7\xaeN\xa7\x13\x1c\xd5\x83\xec\xec\xec\xac\xac,\xc6\x98,\xcb\x83\x06\r\x92$\tc\\PP\x80\x10r\xbb\xdd?sm\xcd\xb5\xeaWmALLN\x0c\xa6\x00\x98\xb4&lt;\x8c\xb1\xf8\xea\x1e!\xf4\xe3u=!$\x18\x0c\xee\xdb\xb7/\x14\nm\xdd\xba\xd5\xef\xf7o\xdd\xba\xd5\xe7\xf3UWWWUU1\xc6|&gt;\xdf\t\xbef\xaf\xd7\x0b!\xec\xd0\xa1C\xbbv\xed\xbc^oQQ\x91\xc7\xe3)**r:\x9dyyy.\x97\xeb\xc7\xc2@)\xa5\x94\xc6w\t\xa6\x1e\x98\xb48\xa6\x00\x98\xb4\x00\xcd\xd7\xf8?\xb6\xf8\xd1h\xb4\xae\xae\xae\xa4\xa4d\xdb\xb6m\xb5\xb5\xb5\xeb\xd7\xaf\xaf\xac\xac&lt;r\xe4HcccK]\xf0\xaf"))\xa9}\xfb\xf6\x99\x99\x99\x03\x07\x0eLKK\xeb\xdd\xbbw\xd7\xae]SSSm6[\xf3/\x8b\xeb\x81\xb9?0i)L\x0109A\xf0e&gt;c\xec\xc7.\x1d\xbf\xdf\xbfw\xef\xde\x83\x07\x0fn\xda\xb4i\xdd\xbau\xbbv\xed\xaa\xaf\xaf\x8fD"\xbf\xfc\x87[\xad6\x8b\xd5F)\xed\x9c\x93\xebr{\x88A\\\x1eO\xf7\x82"B\t\x04\x10\x00\x80%\\X4@\x92e\xc6(\x00?ej\x19\x84\xc8\xd0\xf5\x1d[7\x10\x83\x00\x00\x18`\x18\xe1\xdd\xc5[\x83~?\x96p0\xe0\xaf(+E\x08\xa9\xb1h,\x16\xfd\xe5\x97g\xb7\xdbSRRz\xf4\xe81h\xd0\xa0~\xfd\xfaedd\xe4\xe7\xe7{&lt;\x9e\xe6_\xc3]F&lt;\xb0a\x8a\x81\xc9\x89\xc1\x14\x00\x93?\x91\x9f2\xfa\x84\x90\xbd{\xf7\xee\xde\xbd{\xd3\xa6M\xdf~\xfb\xed\xd6\xad[\xeb\xea\xea\xfe\xe7O\xc3Xr\xba])\xa9\xed\xd2\xdbwHo\xdf)3;\xdbjs\xf6\xec\xd5\xc7 F\xe7\xec..\xb7\x87\x10\x92\x94\x92j\xb5Z)e\x08AYnv%\x00\x18\x06\x00\xbfd\xb2C I?\x90\x08]\x07\xfc\x07\xc6b\xb1\xc6\xfa:\x8cq0\xe0\xaf(\xdf/ai\xe7\xf6-\xb1h\xa8\xb2\xbc\xbc\xe6\xc8\xa1\x9a#U\xf5u\xd5\xa1@\x90\x10\xe3\x7f\xfe\x92\xd4\xd4\xd4\xa2\xa2\xa2\x93O&gt;\xb9_\xbf~\xdd\xbbw\xcf\xcf\xcf?\xe6\xfe\x98b`r\x020\x05\xc0\xe4\x8f\x87\x1b}\x00@s\xa3\x16\x89Dv\xec\xd8\xb1f\xcd\x9am\xdb\xb6}\xf7\xddw{\xf7\xee5\x8c\xef\r\xe5\x8f\xf3s\x9c.wz\xfb\x8e\xed:t\xc8\xe9\xda\xa3sNn\xd7n\x05\xc9\xa9i\xed:t\xb4X\xedn\x8f\x07B \xc9\x80R\xc0\x8d\xad\xa6i\x94P\x08\x81\xae\xebMk|\xc6h\xb3\x1f\x08\xc1/\xcd\xcba\xe0\xd8\x92\x01\x04!\x80\x90\xef\x0fdYf\x0c \x8c\x14E\x01\x00`\t \x04\x0c\x1d0\x06\x02~\xbf\x1a\x8bTW\x1dn\xa8\xab-\xd9S\\QVZV\xb2\xab\xba\xaa\xaa\xe6\xc8\xe1P0\xd0\xfcW\x1c\xf3\xc7J\x92\x94\x9f\x9f\x7f\xd2I\'\xf5\xee\xdd{\xc8\x90!\x85\x85\x85v\xbb=\xfe\xaf\x84\x10\xfe-\xbf*\xe5\xc9\xc4\xe4\x97`\n\x80\xc9\x1fC|\xb1\xdf\xdc\xa7O\x08\xd9\xb4i\xd3\xea\xd5\xab\xbf\xf9\xe6\x9b\r\x1b6TTT|\xff\r\x10\x82\x1f\xce\xbd\xa4\x94\xd4\xdc\xbc\xee=\n\x8b\xba\x15\x14efgw\xce\xc9\xf3&amp;%;]n\x8c\x01\x84\xc00\x80a\x10C\xd7)%\xc40\x18\x00\x8c1x\xd4\xaaC\x04\x7f\x8d\x91\xff]\x7ff\xd3\xff\xd3&amp;\xa5`&lt;\xcf\x07\x00,I\x08aI\x96%\tK\x12`\x0c\x10\x02B\xc1\x80\xaf\xb1\xa1\xa2l_ey\xf9\x9e\xe2\xad\xbbvl-\xdd\xb7\xbb\xb1\xfe\x87\xdb\x9d\x1f\xde\x8a\xce\x9d;\x0f\x180\xe0\x94SN\x19:th\xbf~\xfd\xe2"\x1a\x8f\x19\x98\xdb\x02\x93?\nS\x00L~\x17q\xbb/I\xdf\x17\x15\x1e&lt;xp\xdd\xbau\x0b\x17.\xfc\xee\xbb\xefv\xee\xdc\x19\x7f\xff\x98\x95\xaf\xc7\x9b\x9c\xd7\xbd\xa0{aQ\xb7\x82\xdey\xdd{dduINM\xb7X1`\xc00\x80\xa6\xaa\x84\x18\xc40\x18`\x80\x01\x08!8\x1a)\x15\xd3\xfc\xf1?\x8d1\xc6c\xdc\x00\x02\x08 \x96$\x8c%\xc5b\x91$\x00 Pc\xa4\xa1\xae\xe6\xe0\x81\xfd\xfbv\xef\xdaS\xbcm\xf7\x8e\xad\xfbv\x17\xfb}\r\xf1\x1fr\xcc-\xea\xd9\xb3\xe7I\'\x9d4q\xe2\xc4A\x83\x06edd\xc4\xdf7\x0c\xc3T\x02\x93\xdf\x8f)\x00&amp;\xbf\x85\x1f\xdb}\xbe\xd8\xff\xfa\xeb\xaf\x97,Y\xb2~\xfd\xfa@\xa0\xc9\xe9q\x8cE\xeb\x90\xd1\xb9\xa0w\xdf~\'\r\xeb^X\x94\x9b\xd7\xbd}\x87N\xb2\x82\x00\x00\xbaN5U\xd5u\x9dQ\n\x9aL=\xe2\xc6\xfe\x84\xffq\x7f(\x8c1\xbe_`\x0c0\x00\x11\x92eY\xb1Xd\x19\x01\x00t\x8d\x1e\xa9:T\xbao\xf7\xee\x1d[7}\xb7\xaax\xdb\xe6\xaa\x83\xdfo\x92\x9a\xdf:\xb7\xdb=p\xe0\xc0\xf1\xe3\xc7\x8f\x181\xa2\xf9\xb6\xc0T\x02\x93\xdf\x83)\x00&amp;\xbf\x82\xe3\xda\xfd\xef\xbe\xfb\xee\xa3\x8f&gt;Z\xb4hQ\xf3\xc5~s:dt.\xe8\xdd\xaf\xdf\xe0\xa1}\xfa\x0f\xee\x92\xdf#)5\x05c`\xe8@Sc\x9a\xa61F\x01\x00\x10\xa26\x92\ny4\xfd\xb5\xe9\xafV\x14E\xb1X%\x19\x10\x02\x1a\xeb\xea\xf7\xef\xdd\xb5e\xe3\xdaMkW\x17o\xdb\xd4\\\x0c\x9a\xd3\xb3g\xcf\xd3O?}\xf2\xe4\xc9\'\x9dt\x92\xa9\x04&amp;\xbf\x07S\x00L~\x11\xdc\x01\xfd\xf3v\xbf\xf9\x8a\xd5\xe1t\x15\xf6\x1d0t\xc4\x98\x81CF\xe4\xe4uKNM\xc5\x18\xe8\x1aUc1]\xd7\x01c\xbc\x93\x83i\xad\x18c\x8c\xc7\xcc!\x94e\xd9b\xb5\xca\n"\x044\xd4\xd5\x95\xed\xdb\xb3~\xcd\xd7\xab\xbf\xfer\xc7\xe6\r\xe1P\x90\x7f}\xf3\x9b\xfcSJp\xdcb:\x13\x93\x1fc\n\x80\xc9\xcf\xc1\x97\xfc\xf1u\xe5\xff\xb4\xfb]\xf2{\x14\xf5\x1f4|\xcc\x84\x82\xa2\xfe\x9d\xb3\xbbH2\xd4u\xa6\xc6\xa2MF\x1f\xb5\x95e\xfeo\xe3\xe8\xde\x80\x1e\x15\x03\x9b,CCg\x15\xe5\xfb\x8b\xb7n\\\xf9\xe5\xe2\xad\x1b\xd7\xed\xdf\xbb\x8b\x7f\xf1\xcf+\xc11\x1f\x9c\x89\xc9q1\x05\xc0\xe4\xf8\xf0\xec\xc3\xf8\xbar\xe7\xce\x9d\x8b\x16-z\xeb\xad\xb7\xb6m\xdb\xc6\xdfA\x08\xc5{pv\xc9\xef1|\xcc\xf8S\xc7\x9fY\xd8g\x80\xcb\xe3d\x14\xa81MUc\x8c\xd1\xb6\xe3\xdb\xf9c\x89{\x8a D\x16\x8b\xd5bU \x02A\x7fh\xc7\x96\r_-\xf9t\xe5\x97K\xe2J\xd0\xfc\x83\xe8\xdd\xbb\xf7%\x97\\r\xfa\xe9\xa7\xf7\xec\xd9\x93\xbfs\xcc\xe7hb\xd2\x1cS\x00L~\xc01+\xc7@ \xf0\xc9\'\x9f\xbc\xf5\xd6[\xcb\x97/\xe7i\xfb\xcd\xcdM\x9f\x01\x83\xc7\x9c~V\xff\xc1\xa7t+\xe8\xedMri\x1a\x8bF\xc2\xdc\xe2\x98k\xcf?\x90x\xaf$\x8c\xb1\xcd\xeeP\x14\xe8k\x0c\xee)\xde\xb6q\xed7_.\xfad\xcb\x86\xb5\xfc\xcb\xe2\x1f\x8d$I\xa3F\x8d\xba\xe4\x92K\xce:\xeb,\xb7\xdb\r\xcc\r\x81\xc9O`\n\x80I\x13&lt;\xba\x1b_*\xaeY\xb3\xe6\x8d7\xdeX\xbcx\xf1\xc1\x83\x07\xc1O\xac\xf7\xfb\r\x1aj\xb3\xcb\x9aF\xa3\xd1(\xd1u\x88 B\xe6J\xf3\xcf\x85R\xc2(\xc3\xb2l\xb3\xd9\x14\x05E#\xfa\xa6u\xab\x7fjO\x90\x91\x911a\xc2\x84\xcb/\xbf|\xc8\x90!\xfc\x9f\x08!fM\x99I\x1cS\x00L~\xe0%\x88/\xf9\xbf\xf8\xe2\x0b\xfe\xafqk\xd2\xaeC\xa7SF\x8f?\xfb\xfci\x05E\x03&lt;^\xa7\xa6\xb1H8D\t\x81\x08\xa1\xa3uX&amp;\'\nF)c\x94"\x8c\xed\x0e\xa7\xa2@\xbf/T\xbcu\xc3\xc7\xf3\xe6|\xb3lIu\xd5!\xf0C\xcd\x1e;vl\xf3\r\x81\xe9\x172\xe1\x98\x02\xd0v9\xc6-\xb0{\xf7\xeey\xf3\xe6\xbd\xfa\xea\xab|\xc9\x8f\xb1\xc4{\xda(\x16\xcb\xd0\x91c\xc7\x9e1\xf9\xd4\xf1\x13S\xd3\xd3\x89\xc1"\x9101\x0cs\xbd/\x08M{\x02I\xb2\xdb\x1dX\x82u55_-Y\xf8\xc5g\x1f\xad^\xf1\x85\xa6\xaa\xa0\xd9G\x99\x91\x91q\xd5UW\x9d\x7f\xfe\xf9\xdd\xbbw\x07\xa6_\xc8\xc4\x14\x80\xb6\t\x7f\xf2\xe3\x0b\xc0/\xbe\xf8b\xce\x9c9\xf3\xe6\xcdSU\x154[9\xe6t\xedv\xfa\xe4\xa9\xe3\xcf:\xaf{\xcf^\x10\x81p(\xaa\xeb\x1a\x84\xc0\xb4\xfbbB)a\x0c\xc8\xb2\xe2p\xda\x18\x05\xbbwn_\xf2\xc9{\x8b&gt;\x9a_V\xb2\x074\xfbX-\x16\xcb\xf9\xe7\x9f?m\xda\xb4\xb1c\xc7\xf2o$\x84\x982\xd061\x05\xa0m\xd1\xdc\xf4k\x9a\xb6d\xc9\x92g\x9f}\x96{{\xe2\x06\x02!&lt;\xf8\x94\x91\x17N\xbf\xe1\xe4\xe1\xa7&amp;\xa7xcQ#\x12\t\x033\xae\x9b \xc4#\xc6v\xbb\xc3j\x93\x1a\xea}\xdf\xae\xfc\xea\xddY\xcf\xaf\xfdf\x05\xa5M\xf1y\xfe\x05c\xc7\x8e\xbd\xe9\xa6\x9b\xc6\x8f\x1f\xcf\x1b\xdb\x992\xd0\x061\x05\xa0\xadp\x8c\xe9\x7f\xfb\xed\xb7\xff\xf3\x9f\xff\xec\xd8\xb1\x03\x00 I\x12\xcf\xf0IIK?s\xea\xb4\x89\xe7\\PP\xd4\x17KR8\x146t\x1d\x9aUE\x89\t\xa5\x94Q*\xc9\xb2\xc3\xe9 \x86Q\xbcu\xf3\xc2\x0f\xe7~:\x7fN}m\rh\xf6\xa1\x17\x16\x16\xdeq\xc7\x1d\x17_|\xb1)\x03m\x10S\x00Z?\xbf\xc4\xf4w\xed^0\xf9\xfci\xa7\x9fsQv\x97\xce\xd1\x08\x89F\xc2\x8c1\x8cP\xc2\xb7\xe21a\x8cP\n!\xb4\xd9\x1d6;.\xdf_\xb1\xe8\xc3w&gt;\x9a7\xa7dw10e\xa0\xcdc\n@k\xe6\xe7L\xbf,\x1b\xba\x0e\x00\x182b\xcc\xa4\xa9\x17\x9f6qrR\x8a\'\x18\x8c\xa9\xb1\x98\xd9H\xa0U\xc2\x9byX\xacV\x97\xcb\xdaX\xef\xff|\xe1G\x0b\xe6\xbf\xbd\xe6\xeb/A\xb3\xc9`\xca@[\xc3\x14\x80V\x0b!\xe4\xb8\xa6?\xee\x02\x1e2b\xcc\x157\xdcq\xca\xa9\xa7I\n\n\x05\xc2\xba\xaec\x8c\xcd\xa7\xbdu\xc3\x18#\x84\xc8\xb2\xect;\x0c\x8d~\xf3\xd5\xe7\xaf?\xff\x1f.\x03\xf1\x89\xf1c\x190\x13F[+\xa6\x00\xb4B\xe2\xc5&gt;\xc7\x98~\x8c\x11!T\x96\x95\tgO\x9dt\xeeE\xc3N\x1d\x8f1\n\x06\x02\x8c\xf1]\x82i\xfa\xdb\x0e\x8c\x10\x02!r\xb9\xdd\x84\xd0U_-Y\xf0\xfe;\x8b?\x9e\xaf\xeb\x1a\x9f$\xe0\x872pL\x91\xa0I\xab\xc1\x14\x80VE\xf3\x07u\xee\xdc\xb9\x8f&lt;\xf2\x087\xfd\xb2,\xeb\xba.\xc9\xf2\xa4s/\xba\xec\xda[z\xf5\xedg\x18 \x14\x0c\x98Ou\x1b\x87\xaf\x15\x9c.\xb7$\x81\xed\x9b7\xbd\xf9\xd23\x0b\xde\x7f\xc7\xd0u&gt;a\x00\x00\x85\x85\x85\xf7\xde{\xef\x05\x17\\\x00\xcc*\xe2\xd6\x88)\x00\xad\x84\xe6\xee\xfee\xcb\x96\xcd\x9c9\x93\'w\xc6\x9f\xe4\tg\x9fw\xfd\x1d\x7f\xeb\xd9\xbb\x8f\xa6\x19\x91P\x08B\x88L\xd3o\x02\x00\x00\x80\x12\xc2\x18\xb3;\x9d\x8a"\xed\xdc\xb6\xe5\x85\xff&lt;\xba\xf8\xe3\xf7@\xb3\xc93v\xec\xd8\xbb\xef\xbe{\xf4\xe8\xd1\xc0\x0c\x0c\xb4.L\x01h\r\xc4\xbd\xb4;v\xecx\xf2\xc9\'g\xcd\x9a\x05\x9a=\xbd\xdc\xd7?|\xccxJi8\x184\xd3:M\x8e\x0bO\x1bu\xb8\\\x08\xa1\x95_.\x89\xc7\x06\xe2\x13i\xfa\xf4\xe9\xb7\xdf~{aa!0\x03\x03\xad\x05S\x00\x12\x9b\xa3\xa5[\xc8\xef\xf7\xff\xfb\xdf\xff~\xec\xb1\xc74M\x8b\xe7\xf6\xf5\xee7\xf0\xd6\xbf=4d\xe48\x8cQ0\xe0\x07\xc0\xdc\xbf\x9b\xfc\x0f(\xa5\x000\x97\xdbC\x08]\xb3b\xe9\xd3\x8f\xde\xbfm\xd3zp4aTQ\x94\xbb\xee\xba\xeb\xce;\xef\xf4x&lt;\xf1\xb9\xd7\xd2\x97l\xf2\xdb1\x05 Qi\xee\xf3\x99;w\xee\x03\x0f&lt;\xb0w\xef^\x8c1%\x84\x01\xd0\xb5[\xcf\xcb\xaf\xbbu\xe2\xb9\x17:\x9c\xae\x80\xdf\xf4\xf5\x9b\xfc:\xb8\xbb\xdf\xedq\x87C\xc1\x85\xef\xbf\xfb\xc6\x8bO\x97\xec\xd9\t\x01@\x18\x13B\xf2\xf3\xf3g\xcc\x98\x11\x0f\x0c\x98\x1e\xa1\xc4\xc5\x14\x80\x84\xa4\xb9\xcf\xe7\xae\xbb\xeeZ\xbcx18\xbaUOJI\x9dv\xd5M\xd3o\xfc\x8b\xdb\xe3\x0c\xf8C\xe6V\xdd\xe47\xc3\'\x0f\x9fH\xb3\x9e{b\xce\xab\xcf6\xd6\xd7}\x1fU\x9a0\xe1\xb1\xc7\x1e3=B\t\x8d)\x00\tF|\xe1\xdf\xdc\xe7\x13\x7f&amp;\'_p\xd9\xcdw?\x90\xdd5\xc7\xdf\x18"\x86\x81%3\xb9\xd3\xe4w\xc2\x88A\xb0$y\x92\x9c\xe5%e\xff\x9d9\xe3\xa3\xb9o\x82\xa3\xab\x8d\xe6\x1e!s+\x90\x88\x98\x02\x90H\x18\x86\xc1\x8fe_\xbcx\xf1m\xb7\xdd\xc6}&gt;\xbc\xb7{\xaf\xbe\x03o\xbf\xef\x9f#\xc6\x9c\x16\x89\xa8\xb1hT\xc2\xd8\xec\xe2`\xf2\x87\xc1\x98A\x88\xd5f\xb3\xdb-_\x7f\xf9\xf9\x93\x0f\xffc\xfb\xe6\xf5\x00\x00|\xd4#\xf4\xd4SOM\x980\x014\x9b\xa2&amp;\t\x81)\x00\x89A|\xe1\x7f\xf8\xf0\xe1\xbf\xfc\xe5/s\xe7\xce\x05\xdf\xfb|\xd2\xae\xbb\xe3\xef\x17^~\x8d\xd5f\xf7\xfb|f5\xaf\xc9\x9f\x04\xaf"\xf6x\xbd\xb1h\xe4\xdd7^~\xf1?\xffj\xac\xaf\x8d\xef&gt;/\xb8\xe0\x82\'\x9ex\xa2c\xc7\x8e\xe6V \x810\x05 \x01\x88\xaf\xaa\xe6\xce\x9d\xfb\x97\xbf\xfc\xe5\xf0\xe1\xc3\xb2\xa2\xe8\x9a\x06\x008\xfb\x82\xcbn\xb9\xfb\x81\xac.9\x01\x9f\xe9\xee79\x114\x05\x06\xbc\xce\x03\xfb\xcb\x9e\x999\xe3c\xee\x11R\x14]\xd3:v\xec\xf8\xc4\x13O\xf0\xe0\xb0\xb9\x15H\x08L\x01\x10\x9a\xe3.\xfcyB^Vn\xd7{\xff\xf5\xe4\x98\xd3\'\x86C\xaa\x1a\x8b\x9a\xee~\x93\x13\x08#\x06\xb1Xm\x0e\xa7\xe5\xcbE\x0b\x1f\xf9\xfb\xed\x07JK\xe2\xc9\xc7\xe6V \x810\x05@\\\xe2+\xfa\xf8\xc2_Q\x14M\xd30\x96\xae\xba\xf9\xce+n\xfcKJj\xaa\xaf\xd1\xf4\xf9\x98\xb4\x0c\xdc#\xe4M\xf2\xd6\xd7\xd5\xbd\xfe\xdc\x13\xaf\xfe\xf7\xdf\x84\x18|\x8a6\xdf\n\x98\x1bS\x911\x05@D\xf8\xa3%IR}}\xfdM7\xdd\xd4|\xe1\xdf\xab\xef\xc0{\xff\xf5\xe4I\xc3\x86\x06\xfc\x11\xde\xbf\xb3\xa5/\xd6\xa4M\xc3{\x8b\xba=\xf6\xefV\xad~\xe4\xef\xb7o\xdf\xbc\xbe\xf9V\xe0\xd9g\x9fMII1\x0c\xc3\\\xa6\x88\x89)\x00\xc2\xc1\xcf\xe9\x06\x00|\xfe\xf9\xe7\xb7\xdcr\xcb\xde\xbd{\xf9\xaa\na|\xddm\xf7\\{\xfb\xdf\xadV[ \xe07\x9f(\x13A\xe0\xeb\x15\xb7\xdb\x13\x8bE_z\xf2_/&gt;\xf5\x7f\x94\x10&gt;i\xf3\xf3\xf3\x9fy\xe6\x99\xd3N;\r4\x9b\xd8&amp;\xe2`\n\x80X\xf0\xd0\x99a\x18\x7f\xfd\xeb_\x9fz\xea)p4\xbc\xd6\xab\xef\x80{\xff\xf5\xd4\xa0aC\xfd\x8df\xb0\xd7DD\xf8\xb4\xf4$9\xd7\xadZ\xfd\xc8\xdfo\xdb\xbeyC&lt;U\xe1\xb6\xdbn{\xfc\xf1\xc7\xf9\xc46#\xc3Ba\n\x80(\xc4\xdd&gt;\xfb\xf6\xed\xbb\xe2\x8a+V\xaf^-\xcb\x8a\xaek\x00\x80K\xae\xbe\xf9\xae\x193e\xc5\x12\x0c\x04\xcc\x85\xbf\x89\xb0\xf09\xecr\xbbuM}\xec\x81\xbb\xdfz\xe5\xbf\x00\x00&gt;\x8d\x87\x0e\x1d\xfa\xfa\xeb\xaf\xe7\xe5\xe5\x99\xee \xa10\x05@\x08\xe2\xbb\xe3\xf7\xde{\xef\x86\x1bn\xa8\xaf\xaf\xb7X,\xaa\xaa\xa6\xa6\xb7{\xe4\xe9W\xc7\x9c&gt;\xd1l\xea`\x92(\xc4\x1bH|\xb9h\xe1\xbd\xb7^UWS\xcd\'sJJ\xca\xf3\xcf?\x7f\xdey\xe7\x01\xd3\x1d$\x0c\xe6g\xd0\xf2\x18\x86\x81\x102\x0c\xe3\xf6\xdbo?\xff\xfc\xf3\xeb\xeb\xeb%\t\xab\xaa:n\xe29\x1f|\xf9\xdd\xa9\xe3\'6\xd6\xfb\xccnn&amp;\x89\x02\xc6\x981\xd6X\xef;u\xfc\xc4\x0f\xbe\xfcn\xdc\xc4sTU\x95$\\__\x7f\xfe\xf9\xe7\xdf~\xfb\xed\xf1\t\xdf\xd2Wjb\xee\x00Z\x1a\xee\x15\x8d\xbb}\xe2\xf1\xde;\xef\x7f\xf4\xaa\x9b\xee\xd44=\x16\x8d`\xd3mj\x92\x80\x10\xc3\xb0\xda\xec\x8a"\xbf\xfa\xec\xbf\xff\xfd\xd0\xdf\xe2\x91\xe1\xe6\xee 3$\xd0\xb2\x98\x02\xd0b\xc4\x8b\xbc\x9a\xb9}\xac\xaa\x1a\xcb\xcc\xee\xf2\xe83\xaf\x0e\x1d5\xb2\xa1&gt;\x00\xcc~\xeb&amp;\x89\x0c?3 9\xc5\xbdz\xf9\x8a\xbf\xddrUe\xf9~&gt;\xc9\xe3\xee \xb3X\xace1\x8dK\xcb\xc0\xfb\xadc\x8cg\xcc\x98\xd1\xcc\xed\x13\x1b7\xf1\x9c\xf7\x96\xac\x1a4ld]\xad\x0f\x99Gw\x99$8|\x0e\xd7\xd5\xfa\x06\r\x1b\xf9\xde\x92U\xe3&amp;\x9e\xa3\xaa\xb1\xb8;h\xc6\x8c\x19&lt; \xcc\x1b\x1a\x9a\x9cx\xcc\x1d@\x0b\xc0w\xbe\x8d\x8d\x8d\xd7]w\xdd{\xef\xbd\xc7\xdbia\x8c\xffr\xff\xa3W\xddt\xa7\xaa\xaaj,f\xba}LZ\x13\xc40,V\xab\xc5by\xf5\xd9\x7f?\xf1\xd0\xdfx\xf9\x98\xae\xeb\xe7\x9dw\xde\x8b/\xbe\x98\x94\x94d\xba\x83Z\x04S\x00N4&lt;Gb\xdf\xbe}\x17_|\xf1\xfa\xf5\xeb\xadVk,\x16KMo\xf7\x9fW\xe6\x9er\xaa\xe9\xf61i\xb5\xc4\xddA\xdf|\xb5\xe2\x8e\xab/\xa8\xab\xa9\xe6\x93\x7f\xe0\xc0\x81o\xbf\xfdv^^\x9e\x99\xe7v\xe21\x05\xe0\x84\xc2\x979\xabW\xaf&gt;\xf3\xcc3\x1b\x1a\x1axz\\\xd1\x80\xc1O\xcf\x9a\xdb\xa1SV\xc0\xef3\x17A&amp;\xad\x1b\xc30\xdc\x1eo\xd5\xa1\x03\xb7N\xbf`\xeb\x86\xb5\xfc\x11HNN\xfe\xf4\xd3O\x87\x0e\x1dj\xee\x03N0\xe6J\xf3\x04\x11\xaf\xf3z\xe5\x95WF\x8e\x1c\xd9\xd0\xd0\xa0(\x8a\xaa\xaaS/\xb9\xf2\xed\x05\xcbS\xd3\xdb\x07\x03\xa6\xf57i\xfdH\x92\x14\x0c\xf8R\xd3\xdb\xbf\xbd`\xf9\xd4K\xaeTUUQ\x94\x86\x86\x86\x91#G\xbe\xf2\xca+\x92$\x11B\xccU\xe9\t\xc3\xdc\x01\x9c\x08\xe2e/\xb7\xdf~\xfbSO=\x851\xa6\x942\xc6\xfe\xf1\x7f\xff\xbd\xfc\xfa\x9b\x02\xfe\x90Y\x17\xf3G\xc1\xe73c\x0c\x1c}\x11\x9f\xdf\x10\x02\x08\xff\xf7Mf\x8c\xc6\xbf\x07\x02\xd0\x94\xa0\x02!\x7fa\xe6\xab\xfc!\xf0\t\xef\xf68\xdfx\xe1\xd9\x7f\xdes3\x84\x10!D\x08\xb9\xed\xb6\xdb\x9e|\xf2I`V\x8a\x9d(L\x01\xf8\xd3\xe1S\xd90\x8c\x1bn\xb8\xe1\x95W^\xe1\xa9\xd0.\xb7\xf7\xdf/\xbd5z\xc2D\xbf/\x00\x8f\x1a\x17\x93_\x0ec,n\xab\x19c\xfc\x16B\x88dYf\x0c(\x16\x0bB\x10\x00\x80%\x80 `\x00@\x00(\x05\xba\xfe\xbfg\xbb,C\x84\x8e~\x0b\x03\xc4\x00\x00\x00J\x99\xa6\xaa\x10\x02]\xd7\xf9om\xfa\xa5\x00@\xc4e\xc2\xfc\x04\x7f\x1d\x8c1\xc6\x98\xc7\xeb^\xb6x\xe1\x9d\xd7^\x12\x0c\xf8\xf8\xa3q\xf5\xd5W?\xff\xfc\xf3\x92$\x99\x1ap\x020\x05\xe0\xcf\x85\xc7\xb5\x1a\x1b\x1b\'M\x9a\xb4z\xf5j\x1e\xf5\xca\xcc\xce\xfd\xf7\x8b\xb3\x07\r\x1bZW\xd3(IrK_cb\xc0\x18e\x94\xd1&amp;[\x0feY\xc6X\x92\x15\x19!\x80%`\xe8\x80Q\xa0\xaa\xb1\x86\xfa:\x8cq\xf9\xfe}\xe1pP\xc2\xd2\xae\x1d[C\x01?\x00\x00a\xe4ol\xd8\xbbk\x07\x04\x90\x81\xe3\xcfy\xfeO\xf9=\n=I\xc9\x94P\x00\x80\xd3\xed\xe9QXd\x10\xc3\xe1pew\xc9#\x84$\xa7\xa4Z,V\x88\x80$\x03b\x00J\x81\xae\xe9\x84\x18\xba\xaes\x8b\x86 \x84\x08\xfe\x92\xad\x86\t\x00\xc00\xf4\xd4\xf4\xa4u\xabV\xdfy\xdd\xa5\x95\xe5\xa5\xfc\x01\x19:t\xe8\x82\x05\x0b\x92\x92\x92\xcc\xb0\xf0\x9f\x8d)\x00\x7f"|\xfaVUU\x9du\xd6Y\xf1\x84\x9f\x82\xa2\xfe\xaf\xbe\xf7Yrjz\xc0\xe7\x93d\xd3\xfa\xff$\x8cQJ\x19`\x0c@\x881\x96\x15EQ\x14Y\x06\x84\x00M#\x8d\xf5\xb5~_\xe3\x91C\x15\x15\xe5e\xb5\xd5\x87\x0e\x1e(?r\xf8P8\x148P\xb6\x1fA\xe8\xf75\xfe\xe1\xd7\xe3\xf1&amp;Q\xc6\xb2r\xba8\x9c\xee\xf6\x1d;ede\xa7\xb5\xeb\xd49;\xa7}\xa7\xce\x1eoRRJ\x9a\xa2`\x8c\x81\xae\x03M\xd3tM#\x84\xf0\x8bG\xa6\x1e\xfc,\x86\xae\xbb\xbd\xde\x86\xba\x9a\xab\xce;\xa3x\xeb\xc6xj\xd0\'\x9f|\xd2\xa1C\x07S\x03\xfeTL\x01\xf8\xb3\xe0\xf9\x0c\xeb\xd7\xaf?\xeb\xac\xb3\xaa\xaa\xaa,V\xab\x1a\x8b\x9du\xde%\xf7?\xf6\x8c\xc5j\x8bE\xa2f\xa6\xff\x8f`\x942\xc6(`\x00a\xacX,\x8a\xa2H\x12 \x04\x84\x82\xa1\xea\xaaC\xa5\xfbv\xef)\xdeZ\xbe\xbf\xe4\xe0\x81\xd2\xb2\xfd{#\xa1P,\x16m\xe9k\x06V\xab\xcd\xeet\xe6t\xc9\xcf\xc8\xca\xcd\xee\xd2\xb5[AQn^\xf7v\x1d:9]N\x8c\x81a\x00M\xd34U\xa5\x84\x00\x08 D\x08A\xf3\xf0\xcec \x86a\xb5\xdb\xd4X\xf4\xa1\xbbn\xf9\xe4\xbd\xb7\xf8\xc3\xd2\xa1C\x87O&gt;\xf9d\xe0\xc0\x81fj\xd0\x9f\x87)\x00\x7f\nq\xeb\x7f\xdai\xa7566r\xe7\xe69\x17]&gt;\xf3\xd9\xd7\xa3\xd1\xa8\xaei\xc8\\\xd4\x1c\x85\xb7\xc4\x00\x8caI\xb6X-\x8aEB\x10D"\xda\xc1\x03e\xa5\xfb\xf6\xec\xdc\xbey\xcf\x8e\xcd\xa5\xfb\xf6\x1e\xaa&lt;\x10\x8bF~\xe1\xcfT\xac6\xc5b\xa5\x94z\x93\xd3\x93\xd2;Rb\x00\x00\xecNO\xe7\xfcBJ\xe9OY_\x06\x00B\xa8b\xef\x8eH\x88{\x8d\xa4\xc6\x9a\xc3\xbe\x86\x1a\x84\x90\xa6\xc6\xb4_,6V\x9b\xbdSfVn^~\xb7\xc2\xbe={\xf5\xcd\xcd\xeb\x96\x91\x95c\xb7+\x94\x01M5\xd4\x98J\x0c\xbdI\n\xcc\xc8\xc1Q(!\xb2\xa2\xd8l\xb6\xbbo\xba\xe2\xc3w\xde\xe0\x8fLRR\xd2\xe7\x9f\x7fnj\xc0\x9f\x87)\x00\x7f&lt;\xf1d\xffI\x93&amp;566\xf2\x8a\xc7\xbf&gt;8\xf3\xaa\x9b\xfe\x12\x89D\xcd\xd0\x16\x00 \xbe\xd8\x87\x10Y,V\x8bU\xc1\x18\xf8}\xc1\x8a\xb2\x92\xed\x9b6\xec\xd9\xb5}\xcb\xfa\xb5\xfbv\x17\xffO\x8bos\xb8\xecNO\xbb\xcc\x1c\x9b\xc3\xd59\xaf\xd0jwf\xe5\xf7\xa2\x84\xb4\xcb\xcc\xb5;\xdd\x84\x186\x87\xdb\xeet3F\x01\x00\x10"IV\xc0O\x04\x00\x8e\x02\r]\x8b\x7f}$\x14\x88\x86\x03\x18K\x91P\xa0\xba\xb2\x14a|`\xef\xf6X$T\xb1oG4\x1c\xac\xae,\x8b\x84\xfc\xd1p\xf0\xe7/\xd2j\xb3\xe7u/\xe83pp\xb7\x1e\xbdz\xf5\x1b\xd09\xa7\xab\xc7\xeb"\x04\xa81MUc\xfc&amp;\x98\xdb\x02p4]\xc2n\xb7\xbd\xfa\xec\x13\x8f?x7\x7fp\x92\x92\x92\x16,X`\x96\x08\xfcI\x98\x02\xf0\x07\xc3\xa7\xe9+\xaf\xbcr\xc3\r7\x18\x06\x91eI\xd7\xf5\xfb\x1f{\xf6\xaa\x9bn\xac\xad1\x13~\x00\xa5\x84Q\x86e\xd9f\xb3\xcb24tVQ\xbe\x7f\xc7\x96\x8d\x9b\xd7\xad^\xfd\xf5\x97\xe5%\xfb\x08\xf9\xc9.\xc1v\xa7\xbb]f\x97\xd4\xf6\x19\x19]zt\xca\xe9\xeeINk\x97\x99k\xb59\\I)\x00@IV\x18\xa3\xc40 \x84\xba\xa6RJ \x80\x94\x12B\x0c\x08 \x00\x80\xfd )\xf4\'\xe1\xf9D\xfc\xeb1\x96\x10\xc2\x0c0\x84\xb0\xacX\x18cX\x92 D\x86\xae\x01\xc0\x82\x8d\xf5\xb1h\xb8\xba\xb2\xd4\xdfP{\xa8l\xf7\xc1\xfd\xbb\xea\x8e\x1c\xac\xae\xdc\x1f\t\x05~\xea\x87c,ew\xcd\x1b:bL\xdfAC\x0b\xfb\xf4\xef\x9c\xddE\x92\xa1\xae\xb3h4Bt\x1d"\x88P\x9b\xde\x1a\xf2@zZ\xba\xfb\xd5g\x9f{\xe8\xae\x9bdY\xd6uC\x92\xf0\xf3\xcf?\x7f\xf5\xd5W\x9b\x1a\xf0\x87c\n\xc0\x1fI\xdc\xfa_s\xcd5\x08c\xbe\xca\xbd\xff\xb1g\xa7\xdfpcmu\xa3$I\xa0\xadZ\xff&amp;\xbb/I6\xbbCQ\xa0\xaf1\xb8\xa7x\xdb\xfa5+W\x7f\xfd\xc5\x8e\xcd\x1b\xc2\xa1\xa3\x8bh\x08A\xb3\ti\xb1\xda;\xe5v\xcf\xc8\xed\xde9\xaf03\xaf\xa0c\xe7&lt;Oj;\xc5b\xc5\xbc\\\x88Rn\xe8\x89a\xc43\xfe\x8ff\xeb\xa3\xf8\xcf\xfb}+\xeb\xef\x9f\x0f\xbe-h\xf6[ \x96$.\x0c\x10!\x8c11\x0cM\x8d\xf9\xeb\xaa\x0fW\xec\xab\xdcW\\\xb1o\xc7\xc1\xd2\xdd\x87Jw\xab\xb1f\xfb\x98f\x7f\xa0\xc3\xe9*\xec;`\xe8\x88\xb1\x03\x87\x0c\xefV\xd0\xdb\x9b\xe4\xd24\x16\x8d\x84\x89a\xb4i%`\xcc0\x8c\xb4vI\xb3\x9e\x7f\xee\xa1\xbbn\x82\x10B\x84(!/\xbf\xfc\xb2\xa9\x01\x7f8\xa6\x00\xfca4\xb7\xfe|\xf7\x1aO\xf6\xf75\xfa\xdbf&amp;\x03\xa5\x941\x8aq\x93\xdd\xf7\xfbB;\xb6l\xf8j\xc9\xa7+\xbf\\\xb2\x7f\xef\xae\xe3~\x8b\xd3\x9d\xd49\xaf0\xbf\xcf\xe0\xae\x85\x03;d\xe5\xa5w\xcaR\xac6\x08!1\x0c]S\xb9\x7f\x861\x06\x01\x04G\x0b\xbbZjSu\xb4\xe8\x8c\x02\x06\x18\xe0\xf9\xa9H\x92\x15Y\xb1`Ib\x8ci\xb1h\xcd\xa1\x03U\x07\xf6\x95\xecX\xbfw\xcb\xda\x8a};B\x81\xe3\xa7\'u\xc9\xef1|\xcc\xf8S\xc7\x9fY\xd8g\x80\xc7\xeblR\x02b@\xd8F;\xc2\x12B\xbcI\x9ex\x89\x00\x7f\xa0L\r\xf8\xc31\x05\xe0\x8f\xe1\xb8\xd6\xff\x95y\x0bO:\xa5-&amp;\xfb3\xc6(!\x10!\x9b\xddn\xb1H\x01\xffq\xec&gt;\x84\xdf\xcf=\xab\xdd\x99\xdb\xb3_~\xef\x93\xf2\xfb\x0c\xee\x9cW\x90\x9c\xd6QV,\x84\x18\xba\xa6\xea\x9a\xca(\x8d\x9bW\xf1\x1dh\x8c\xb1\xb8DA\x84d\xc5"+\x16\x8c%]S\x1bj\x0fW\xec+\xde\xbbe\xed\xdem\xdf\x95\xee\xdc\x14\x8b\x84\xf8\xb74\xbf\x15\xcd\x95\xc0\xedq\xaa\xaa\x11\x8dD\x18\xa5\xa8\xed\x9d\xa3\xcbK\x04\xbe\xfbf\xf5\xd5\xe7O45\xe0O\xc2\x14\x80?\x80\xe3Y\x7f\xcf+\xf3&gt;\x1b0dhC]\xa3\xdc\x96\x92\xfd)\xa5\x8cR\xc5ju8\xacjL/\xd9\xb3\xeb\xf3O\xe7/\xf9\xf4\x83fv\x1fq_\n\x00 \xa5}F\xc1\x80\xe1}O\x19\x9f\xdd\xbd\xa8}F.\x96\x15b\xe8\xba\x1a3t\x8d2\x9a(\x16\xff\xe7\x89\xeb\x01\xe2\x9b\x03\x8b\x15K2\xd1\xb5#\x07K\xcbwo\xdd\xfc\xcd\x92\xe2\r+\xeb\x8f\x1c\xe4_\xdc\xfc\xe6t\xc9\xef1\xfe\xcc)\xa7\x9d9\xb5k\xb7\x1e\x16\xab\x1c\x0e\xc7\xb4X\x0c\xb6\xb1#"t]ONM\xda\xb0f\xf5\xd5\xe7\x9f\x11\x0c\xf8M\r\xf8\xc31\x05\xe0\xf7\xf23\xd6\xbf\xb1\xae\xb1\xcd\x94z1B\x08\x84\xc8nw(V\\Y~`\xf5\xf2/?\xfbh\xeew\xabV\x10\xc3\x00?4m\x9dr\xba\x15\r\x1d\xd7\x7f\xf8\xe9\x9d\xf3\n\xdcI\xa9\x00\x00M\x8dj\xaa\xcaZ\x8b\xd1\xff)\xbe\xdf\x1c@\xa4X,\x8a\xc5\x06\x00\x084\xd6U\xec+\xde\xb8r\xd1\xd6\xd5K\x0f\x95\xed\xe1_\x19\xbf]X\x92N\x1a6\xf2\x8c\xc9\x17\x0c\x1d5&amp;3;K\x8b\x91H$\xcc\x18\xc5\x18\xb7\x91\xac!C\xd7\x93L\r\xf8\xd30\x05\xe0waZ\x7f\xee\xed\x91d\xd9\xe9v\xe8\x9a\xb1k\xdb\xe6w\xdfx\xf9\xab%\x9f\xd6\xd7\xd6\x80\x1f:7\xe2v?\xb7g_\x87;\xc9\xd05M\x8d\x12]\x07\x00\xc0\xb6\x97\x11\xcf\x18c\x94\x02\x00\xb0,+\x16\x9b$+\xe1@c\xe9\xce\xcd?R\x82\xa6\x1b\x98\x92\x96~\xea\xf83/\xbc\xfc\x9a\x1e\xbd\xfb\xca\x8a\x14\n\x84\r]o#~!S\x03\xfe&lt;L\x01\xf8\xed\xf0\xc9\xf7\xea\xab\xaf^}\xf5\xd5m\xd0\xfaSJ)\xa5V\xab\xd5\xee\xb4\xfa\x1a|K\x17~\xbc`\xfe\xdb\xdf\xadZ\xce\x8f\xf7C\x085\x1d\x00\x92\xdeq\xf0\xd8s\x06\x8c8#\xa7g_\x87\xdbk\xe8\xba\x1a=\x1a\xde\x84\xb0\xcd\xa6E}\x0f\xdf\x140\x8a\xb1d\xb19$Y\x0e\x07|e;7o\xf8\xfa\xb3\xb5_|\xd8Ps\x184\xbb\x99\x18\xe3\x93\x86\x8d\x9a4\xf5\xe2q\x13\xcf\xf6&amp;{#\xa1X,\x16k\x0bG\x87\x1eW\x03^y\xe5\x95\xab\xae\xba\xca\xd4\x80\xdf\x83)\x00\xbf\x11&gt;\xed\xd6\xae];d\xc8\x10\x8c\xb1a\x18&lt;\xea\xdb\x16\xac?\xefemw8l6\xa9\xa2\xfc\xe0{\xb3_Z\xf4\xd1\xfc\xb2\x92=\xa0\x99\xa9\x92d\xa5\xf7\xc9\xa3\x87O\xba\xb8G\xdf\xa1I\xe9\x1d~`\xf7[\xbb\xb5\xfa\xcd\xc4\x93\xa6\xb8\x124\xd6T\xed\xda\xbcz\xe5\x82\xb7\xb7}\xbb\xcc\xd05\xd0\xec\xf6\xe6t\xedv\xfa\xe4\xa9\xe7]zm\xe7\xec\x8ch\xd4\x88\x84\xc3\xbc\xa3rK\xff\x05\x7f"\xcd4`"?&lt;\x83\x10\xb2f\xcd\x9a\xc1\x83\x07\x9b\x1a\xf0\x9b1\x05\xe0\xb7\xc0\x1bT\xad_\xbf~\xfc\xf8\xf1~\x7f\x00B\xe0p\xba_z\xf7\xd3Vo\xfd\xe3\xa6\xdfb\x91\xb6n\xdc\xb8\xe0\xfdw&gt;\x9d?\x87{{\xb0$qw\x7f\xc7\xac\xbc\xc1\xe3\xa6\x0c\x1e;\xb9s^!\x00@\x8dFt]5\xed\xfe\xaf\x82+\x81,[,6;\x00\xa0b\xdf\x8e\xb5_|\xb4v\xe9\x07\x87\x0f\xec\x03\xcdnuJZ\xfa\x99S\xa7M:\xf7\xa2\xa2\xfe\xfdU\xb5\xf5\xcb@\\\x03\xae\xbd\xf0\xccp(\xc0\x18\xf0x\xdcK\x96,\x198p\xa0\xd93\xee\xb7a\n\xc0\xaf&amp;n\xfdy\x9f\x1fI\x92\rC\x7f\xe9\xdd\x05\xe3&amp;M\xac\xadn\xb59?\xcdM\xff\xf6\xcd\x9b\xde|\xf1\xe9\x85\x1f\xcc\xd5\x7f\xb8,-\x1c4r\xd8\xe9\x17\x0c:\xf5L\xa77Y\x8bE\xd5X\x04\xb0\xb6\xe8\xdf\xff\xa3h\x8a\x13@`\xb1\xda\x15\xab-\xe4kX\xf7\xd5\xa7\xab\x16\xcd\xdd\xb1n\x05hv\xdbeY\x998\xe5\x82\xcb\xae\xbb\xb5W\xdf~\xad^\x06t]Ok\x97\xb4t\xc1\xc2k/\x9c\xc4\x1f\xbdx\xbf S\x03~\x03\xa6\x00\xfc:x\xbb\x92\xda\xda\xda\x82\x82\x82\xda\xdaZ\xee\x8b\xbc\xff\xb1g/\xbd\xe6\xc6\xc6\x86\xd6y\xa6#o\xd6\xd6\xcc\xf4?\xb3\xf0\x83wu]C\x083J\x18\x00\x92\xac\x0c\x19?u\xd4Y\x97\xe6\xf5\x1e\xa4Xl\xe1\x90\x9f\x18:B\xc8\xec\x81\xfcG\xc1\x18\xa5\x94bIv8=\x9a\x1a\xdd\xb7m\xdd\xf2Of\xafY2\xdf\xd05\x08\x00D\x98R"\xcb\xca\xc4)\x17^v\xdd-q\x19h\xad\xcd\xe6\x0c\xc3HJ\xf6\xce~9\xde+BOKK+..NKK3\x1bm\xfdZL\x01\xf8\x15\xf0\x05\x97\xcf\xe7\x9b0a\xc2\xbau\xeb\xf8y\xd6\xf7\xcf|v\xfa\x8d7\xd6\xd5\xb6\xc2Z_~\x8e\xb1\xd5j\xb5\xd9\xad;\xb6|\xbf\xeaG\x08SJ\x00\x00\xee\xe4\xb41S\xa6\x0f\x1e{NV~/BH,\x12d\x94"\xdc\nUP\x10(1 BV\xbb\x0bc|`\xef\xf6\xb5_|\xf8\xe5\x07\xb3\x02\r\xb5\x00\x00\xf4\xbd\x0c\\p\xd9u\xb7\x16\xf6\xe9\x17\x8d\xc4b\xb1\x18n\x8d\x99B\x84\x90\xd44\xcf\xac\xe7\x9e{\xe8\xee\x9b\xf8c8h\xd0\xa0\xc5\x8b\x17{\xbd^\x00\x80\xa9\x01\xbf\x1cS\x00~)\xbcM\x15\x84p\xe8\xd0\xa1\xdf~\xfb\xad\xc5bU\xd5\xd8_\xee\xff\xbf[\xffvw\xf5\xe1V\xe8\xf77\x0cCQ\x14\xa7\xdb~\xb8\xf2\xd0\x8b\xff\xf9\xd7\xbc\xd9\xaf\x18\xba~\x8c\xe9\x1f}\xce\xf4\xf4N\xd9j,\xa2F#\xa0\xf5\xba\x1dD\x83w\xcf\xb6\xd8\xec\x16\xab\xbd\xe6P\xf9\xb2\x0fg\x1d#\x03\x92,\x9f\x7f\xe9\xd5\xd7\xdd\xf1\xf7\x8e\x99\x9dB\x81\x88\xa6i\xadooj\xe8z\xbb\x8eIO?:\xf3\x89\x87\xee\xe1\x0f\xe3\xc9\'\x9f\xbcz\xf5\xea\xa3\xe7\x83\xb66\xcd\xfb\x930\x05\xe0\x17\xc1\xd7\xc2\x92$]s\xcd5\xaf\xbc\xf2\x8a\xd5j\x8b\xc5\xa2\x93/\xbc\xfc\xff\x9e}-\x14\x0c\xb5\xb2tFJ\x08\x800)\xc5]]U\xfb\xd6\xcb\xff\x9d\xfb\xc6K\ru5\xc75\xfd\xd1pP\xd3b\xa6\xb7\xa7E\xe0~!E\xb1\xda\x1c\xae\xe3\xca@rj\xfa\x05\x97_{\xc957\xb7\xeb\x90\xd6X\x1f\x00\x8c\xb5\xaaS(\x18\xa3\x8c9]\xce{n\xba\xf2\xa3w\xdf\xe0\x8f\xe4\xd5W_\xfd\xf2\xcb/\x1b\x86\xd1*\xf7=\x7f\x06\xa6\x00\xfc"x\x9e\xd9\xed\xb7\xdf\xfe\xd4SO\xf1#\xeb&amp;N\xb9\xe8\xc9W\xdf\x0e\x05C|\xc5\xd1\xd2\x17\xf8\xc7\xc0\xab\xba\x9cn\x0f!\xfaG\xef\xbe\xf9\xca3\x8f\x1f(\xdd\x07\x8e\x1a\x14wR\xda\x98s\x8f1\xfd\xe6c\xd6\xc20\xc6(%?\x90\x81\xf7g\x05\x1ak\xe3\x82\x9d\x95\x9bw\xf5-\x7f\x9d|\xe1e\x18\xcb\xa1\x80\xbf5\xd5\x8e\xf1G\xcf\xe9r\xde~\xd5\xc5\x0b?x\x87?\x98\xb7\xddv\xdb\x93O&gt;i&amp;\x86\xfeBL\x01\xf8\xdf4/\xf7\xe5\x0e\xc7\x9e\xbd\xfb\xcd\xf9\xf4+IVt]o5~\x0fb\x18\x8a\xd5\xeatZ\xbf[\xb5\xfa\xa9\x7f\xdd\xf7\xdd\xaa\x15\x00\x00I\x96\r]\xc7\x92&lt;\xf1\x92[\xc6\x9d\x7fmZ\xc7\xac\x98i\xfa\xc5#.\x03V\x87\xab\xf6\xf0\x81\xa5\xf3^Z\xf8\xd63\xc4\xd0\xf9\xc7\x07\x008i\xd8\xc8\xdb\xfe\xfe\xf0I\xc3\x86\x86B1-\x16k5\xc7\x91RJeY6tm\xda\x99\xa7\xee\xdc\xb6\x89?\x9ef\x91\xf0/\xc7\x14\x80\xff\x01\xcf-k^\xf0\xd513\xeb\x83/\xd7\xb9\xdc\x1e5\x16k\x1d{j\x1e\xdcv{\xdd\xd5\x87\x0f\xbd\xf0\xc4\xbf\xe6\xbe\xf12!\x86\xa2X4M\x05\x00\x0c\x9fx\xd1\x84\x8bo\xec\xd2\xb3\x7f,\x1a\xd2T\xd3\xf4\x8bK\x93\x0cX\xacV\x9bs\xff\xce\x8d\x8b\xdf~n\xe5\xc2w\x00\x00\xfc\xa3\xc4X\xba\xe0\xf2k\xae\xff\xcb\xdf\xdbu\xec\x14\xf0\x05@k\t\x96RB,Vk0\xe0\x9f2f\xd0\xe1\xca\x03\xcd\x0b\xc4\xcc\xc4\xd0\xff\x89)\x00?\x07\xcf*+++\x1b0`\x80\xdf\xef\x87\x10:\x9c\xee\x97\xe6.\xe8;pp\xd0\x1fh\x1d\xcb(\xc30\xec\x0e\x87,K\x9f\xcc\x9b\xf3\xd8\x83w\xd7VW!\x8c)!\x00\x80\x9e\x03\x86\x9fu\xc5\x1d}\x87\x8d\xd7\xb5X4\x122M\x7fB\xc0e\xc0fw\xca\x8au\xf3\xaa%\x9f\xbc\xfe\x9f\x9d\x1bV\x02\x00\xf8\xc7\x9a\xd6\xae\xc3]\x0f\xce&lt;\xeb\xfci\xbanD\xc2\xe1\xd6\xb1F&amp;\x86\xe1\xf2\xb87\xaf_{\xed\x05\x93\xc2\xa1\x00c\xcc\xe3\xf1l\xd8\xb0!\'\'\xc7L\x0c\xfdyL\x01\xf8I\xf8\x9d\xf1\xf9|\xe3\xc6\x8d\xdb\xb0a\x03?\xa5\x9a\x17|\xd5U\xb7\x86\xb4\x1f\xbe\xf0OJq\xef\xdcV\xfc\x7f\xff\xf8\xcb\xaa\xaf&gt;\x07\x00`,\x11bxS\xdbO\xbd\xee\xde\x11gN\xc3\xb2\x12\x0e4"\x88\xa0\xf9\x14%\x14\x8cR\xca\xa8\xc3\x9dDt\xed\xebO\xe7\xcc\x7f\xf1\x11_\xdd\x11\xfe\xe1\x02\x00\x86\x9dz\xda=\xff|\xa2g\xef\x82\xc6\xfaV\xb2\x150t=\xf5h\x81\x18\x7fT\x07\x0c\x18\xb0t\xe9R\x9e\x18j.\\~\nS\x00~\x12\xeeC\x9c:u\xea\xfb\xef\xbf\xcf\xf3\xcc\xee\xfd\xd7S\xd3o\xbc\xb5\xa1\xce\'\xc9\t\xbfn2\x0c\xc3\xe1pB\x04\xdez\xf9\xd9g\xfe\xef\xfeP0(\xc9\x8a\xa1k\x08\xe31S\xae&lt;\xfb\xaa\xbf\xa6\xb6\xcb\x0c\x05\x1a\x18m]\xa9#m\x0cJ\x08D\xd0\xe9N\xae\xab\xae\xfc\xf8\xd5\xc7\xbf\xfc\xe05J\x08\xff\xa0\x9d.\xd7-\xf7&lt;t\xc9571\n\xc2\xe1P+\xd8\n\x18\xba\x91\x9c\xea\x9d\xf5\xdc\xd3\x8f\xfc\xfd6\xfe\xc0\x9e{\xee\xb9\xf3\xe7\xcf7\x83\x01?\x83)\x00\xc7\x87O\x9a\x193f&lt;\xf8\xe0\x83&lt;\xbb\xe0\x9c\x8b\xae\xf8\xf7\x0b\xb3\x1a\x1b\x03\x89\xbe\\jZ\xf8\'\xbbwm/~\xe4\xef\xb7\xad\xf9\xfaK\x00!\x02\x902\xda\xa5\xa0\xdf\xa5w&gt;\xd6\xa3\xff\xb0X8\xa4i1l\x96t\xb5\n\x081\x14\xc5ju8wm\\5\xfb\xdfw\xed/\xde\x84 \xa2\x80\x01\xc6\x86\x8c\x18s\xef\xbf\x9e\xea\xd1\xab\xa0\xb1\xa15l\x05(\xa5II\xee;\xaf\x9f\xfe\xe1;\xaf\xf3\xc7\xf6\xc1\x07\x1f|\xe0\x81\x07L\r\xf8)L\x018\x0e&lt;v\xf4\xc1\x07\x1f\x9c{\xee\xb9\x8a\xc5\xa2\xa9j\xaf~\x83\xe6.Z\xa9iz\xa2\'}\x12\xc3\xb0\xda\xed\xb2\x84\xdf|\xe9\xbfO?z\x7f8\x14\xe4\x11B\x9b\xc35\xf5\xfa\xfbFO\x99.+\x96H(`\xba\xfb[\x19&lt;0`w\xbauM]\xf6\xc1\xac\xf9/&lt;\x1c\r7}\xf4\x0e\xa7\xeb\xd6\xbf=t\xd9\xb57\xeb\x06\x89E"\t\x1d\xd9\xe2\x8f\xa7\xa2\xc8\x17\x9c&gt;|\xfb\xa6u\xfc\xe1}\xff\xfd\xf7\xa7L\x99b\x06\x84\x8f\x8b)\x00\xc7B)\x85\x10\xf2\xc0o \x10`\x8cy\x92R&gt;^\xbe1%-]U\xd5\x84^"\x19\x86\xe1M\xf2\x1e\xae&lt;\xf0\xc8\xbdw,]\xf0!/\x98\xa4\x94\x16\x9e4\xea\xb2;\x1f\xcb\xee\xd6;\x14h\xa4\x94 d&gt;\'\xad\x13\xfe\xe1:\xddI\xe5{\xb6\xbd\xf9\xef\xbbv|\xb7\x1c!\xc4K\xdc\xc7M:\xe7\xdeG\xfe\xd313\xcb\xd7\x98\xd8-\xad(\xa5\x16\x8b\xa5\xbe\xb6\xe6\xecQ\xfd\xfd\x8d\xf5\x10B\xb7\xdb\xcd\x03\xc2\x8c\xb1\x84~~\xff\x0cL\x01\xf8\x01\xbc\xf1\x19\x00`\xd8\xb0ak\xd7\xae\x95e\x99P\xfa\xc6\x07_\x0c&gt;ed\xc0\x1f\xc0R\xa2ZF\xaejI\xc9\xae\xa5\x0b\x17\xde{\xebUu5\xd5|qd\xb59\xce\xbb\xf1\xfe\xd3.\xb8\x8e1\x16\x0b\x87\x12z\xf5g\xf2\x0b!\x86au8!\x84\x9f\xcf}\xf1\xbd\xe7\x1e\x8aE\xc3|2\xa4\xa6\xb7{\xe4\xe9W\xc7M\x9c\xd8\xd8\x10Lh[I\x0c\xe2\xf6\xb8\xd7~\xb3\xe2\xf2)c1B\xba\xae\x0f\x1e&lt;x\xd5\xaaU\x00\x80\xd6\xda \xef7\x93\xa8\x9f\xf1\x9f\x04\xdf\'\xdey\xe7\x9dk\xd7\xae\xb5X\xac\xba\xae\xdf~\xef#\xa7\x8c\x19\xe5\xf7\xfb\x13\xd7\xfa\x13\xc3\xb0X\xad6\x9b\xfd\xb1\x07\xee\xbb\xf6\xc2Iu5\xd5\x92\xach\xaa\x9a\xdb\xb3\xdf}//:\xf3\xf2;\xd4HX\x8d&amp;\xf6\xde\xdf\xe4\x97\x83%I\x8dF\xd4H\xf8\xcc\xcb\xef\xb8\xef\xe5E\xb9=\xfbi\xaa*\xc9J]M\xf5\xb5\x17Nz\xec\x81\xfbl6\xbb\xc5j\xe5G\x0e$"X\xc2~\xbf\xff\x941\xa3n\xbf\xf7\x11]\xd7-\x16\xeb\xda\xb5k\xef\xbc\xf3N\x8c1?\xae\xce$\x8e\xb9\x03\xf8\x9e\xe6\xae\x7f\x9eE0z\xc2Y/\xbe\xfdQ \x10L\xe4\xd5\x90\xe1M\xf6V\x1e8\xf0\xf7[\xae\xfa\xf6\xeb/y\x0bu\x00\xc0\xd9W\xfeu\xf2\x95w\xc9\x8a\x12\t\x05\xb0\x94\xf0)\xad&amp;\xbf\x01b\xe8v\xa7[\xd7\xb4\x8f^{\xec\xe3\xd7\x1e\x07\x00\xf0\xe9q\xf2\x881\xffz\xe6\xd5\xcc\xac,_\x83/q\x97\x05\x94R\xb7\xdbu\xdd\xc5\x93\x97-\xfe\x84?\xcef0\xe0\xc7\x98\x02\xd0Ds\xd7\x7f0\x18\xa4\x94v\xc8\xe8\xfc\xfe\x17\xdf9].MK\xc8~\x0f\x8cR\x00\xa07\xd9\xf5\xc5gq\xb7\x8fUSc\x9e\x94\xf4k\xee\x7fn\xd0\xa9g\x85\xfc\r\xa6\xc7\xbf\x8d\xd3\x14\x15\xf0$\xaf\xfb\xea\x93\x97\x1f\xba\xd1__\xc3\'\tw\x07\x8d=c\xa2\xaf!\x08\x00K\xc4*\x10J\xa9\xa2\xc8\xa1`\xf0\xdc\xb1\'U\x1d\xac@\x08\xb9\\.3\x18p\x0c\xe6]\x00\xe0h\xabgJ\xe9\xc5\x17_\xdc\xd8\xd8\x08!\x02\x10\xfe\xdf\xb3\xaf\xa7\xa4\xa5\xa91-\x11\xe7\n!D\x92e\x87\xcb\xf1\xc2\x7f\x1e?\xea\xf6\x9155V8h\xe4\xc3\xb3W\x0c\x18q\x86\xbf\xbe\x861fZ\xff6\x0eB\x981\xe6\xaf\xaf\x190\xe2\x8c\x87g\xaf(\x1c4RSc\x92,sw\xd0\x0b\xffy\xdc\xe1rH\xb2\x9c\x88\x9e\x13\x84\x90\x1a\xd3R\xd2\xd2\xfe\xef\xd9\xd7\x01\x84\x10\xa2\xc6\xc6\xc6\x8b/\xbe\x98\x9fmg.|9\x89g\xda\xfe\x0c~\xe8\xfa\xb7\xe8\xbav\xfb\xbd\x8f\x0c\x1b5\xd2\xefKH\xd7?1\x0c\x9b\xdd\xaek\xea\xdd7\\\xfe\xf8\x83w\xf1\xa2eC\xd7\'_\xf9\xd7\xbf=\xf7\x897\xb5}\xd0\xdf\x80%\xc9\x8c\x86\x99\x00\x00 \x84X\x92\x82\xfe\x06oj\xfb\xbf=\xf7\xc9\xe4+\xff\xca\xfb\xc7I\xb2\xfc\xf8\x83w\xdd}\xc3\xe5\xba\xa6\xda\xec\xf6D\x0c\t`\t\xfb}\xfea\xa3F\xde~\xef#\xba\xaeY,\x163\x18p\x0c\xa6\x0b\xa8\xc9\xfa/[\xb6l\xcc\x981\xbc\x9b\xe0\xe8\xd3\xcfzqN\xa2\xba\xfe\r\xc3p\xb9=\xd5U\x957L;\xa7x\xebF\xee\xfdt\xb8&lt;7&gt;\xfc\xda\xc0S\'\x05}\r\x80%\xe4\x8e\xde\xe4\xcf\x86Q\n ty\x93\xd7\x7f\xb5\xe0\xb9\xfb\xae\x0c\x07\xfd|\xf2\x14\x14\xf5\x7f~\xce\x87\xed:d\x06\x03\xfeD\xcc\x10m\n\x06L\x9b\xbcl\xd1\'\xfc\x01\xff\xf2\xcb/G\x8f\x1em\x06\x03\x80)\x00|3\xe8\xf3\xf9\x06\r\x1aTVV\x06\x00\xf0&amp;\xa7~\xbc|CrjBf\xfd\x1b\x86\x91\x96\xee\xfdv\xe5\xea\x9b.\x9bR_\xdb\xe4\xf4\xcf\xe9\xd1\xe7\xa6G^\xcb\xc8\xed\x11\xf45$nL\xcf\xe4\xc4@\x0c\xc3\xe5M&gt;X\xba\xeb\xd9{\xaf,\xdb\xb5\x85O\xa1\x94\xb4v\xcf\xbe\xf9\xc1\xc9\xc3\x87\xd6\xd6$^\x95\x00\xaf\x0ch\xa8\xab9{\xd4\x00_C\x1d\x00 \'\'g\xdd\xbau^\xaf\xd7&lt;;,\xc1\x0c\xdc\x1f\x0e!\x04!t\xfd\xf5\xd7\xef\xdf\xbf_\x92dJ\xe9\xbf\x9ey\xb5CFf,\x1aM,\xeb\xcf\xcf,KM\xf3\xbe\xf5\xca+WN\x1d__[-\xcb\x8a\xa6\xc6N9\xe3\xc2\xfb^\xfa\xac}\xe7\xaeA_\xbdi\xfdM\xfe\'X\x92\x82\xbe\xfa\xf6\x9d\xbb\xde\xf7\xd2g\xa7\x9cq\xa1\xa6\xc6dY\xa9\xaf\xad\xber\xea\xf8\xb7^y%5\xcdK\x08I\xacU#B(\x16\x8dv\xc8\xc8\xfc\xd73\xafRJ%I\xde\xbf\x7f\xff\xf5\xd7_\x8f\x102\x1dA\x89d\xe3\xfep\xf8)\x8f\xef\xbd\xf7\xde{\xef\xbd\xc7\xcb\xe2/\x9a~\xc3\xb8\x89\x93\xfc\x8d\t\x96\xfd\xc6\x1f\xc8\xa4d\xcf\xac\xe7\xfe\xfb\x8f\xdb\xaf\x89F\xc2\x10B]\xd7.\xba\xf5\x9f7&lt;\xf4\xb2$+\xb1p\xc8\xcc\xf54\xf9\x85`I\x8e\x85C\x92\xac\xdc\xf0\xd0\xcb\x17\xdd\xfaO]\xd7 \x84\xd1H\xf8\x1f\xb7_3\xeb\xb9\xff&amp;%{\xc0\xd1)\x97(`I\xf27\xfa\xc6M\x9ct\xd1\xf4\x1b4MU\x14\x0b\x7f\xea\xf9\xe1\x01-}u-I\xdbu\x01\xf1\x8a\xdf\xba\xba\xba^\xbdz\xd5\xd77\x10bt/,z\xff\x8bou\x9d$V\xc3\x1fJ)B\xd0\xe1p\xde{\xdb5\xf3\xdfzU\x96\x15\xc3\xd0-V\xfb%\x7f\xf9\xbf\xd3.\xbc\xce__\x0b!0\xcf\xec5\xf9\xb50F\x19\x03\x9e\x94\xb4\xcf\xdf}\xf1\xad\'\xeeQc\x11I\x92u]\x9bz\xc9U\x8f&lt;\xf5r8\x1c\xa24\x91\x92)\xf9C-\xcb\xf8\xdc\xb1\'\xef\xde\xb1\x15c)%%y\xfb\xf6\xed\xa9\xa9\xa9 \xf1\xbb\xe0\xfdf\xda\xe8\x9f\r\x8e\x1e\xf6r\xf3\xcd7\xd7\xd4\xd4 \x84$I~\xf0\xf1\xe7eY!\x84$\x92\xf5\'D\x96e\x97\xdbu\xcfM\xd3\xe7\xbf\xf5\xaa\xacXt]\xb3;\xdd\x7f{\xee\xe3\xd3\xce\xbf\xd6W{\xc4&lt;\xb1\xdd\xe4\xb7\x01!B\x08\xf9j\x8f\x9cv\xfe\xb5\x7f{\xeec\xbb\xd3\</t>
        </is>
      </c>
    </row>
    <row r="153">
      <c r="A153" s="1" t="n">
        <v>151</v>
      </c>
      <c r="B153" t="inlineStr">
        <is>
          <t>shape_reflect</t>
        </is>
      </c>
      <c r="C153" t="inlineStr">
        <is>
          <t>What is the missing shape denoted by a question mark?</t>
        </is>
      </c>
      <c r="D153" t="inlineStr">
        <is>
          <t>['square', 'triangle', 'hexagon', 'pentagon']</t>
        </is>
      </c>
      <c r="E153" t="inlineStr">
        <is>
          <t>pentagon</t>
        </is>
      </c>
      <c r="F153" t="inlineStr">
        <is>
          <t>There are six shapes in the image separated by a line. In the top part there are ['hexagon', 'triangle', 'pentagon']. In the bottom part there are ['hexagon', 'triangle', '?'].</t>
        </is>
      </c>
      <c r="G153" t="inlineStr">
        <is>
          <t>We observe that the hexagon is reflected across the line as a hexagon. Similarly, the pentagon is reflected as a pentagon. Hence, the pattern is that each shape in the top part is reflected in the bottom part.</t>
        </is>
      </c>
      <c r="H153" t="inlineStr">
        <is>
          <t>Based on the pattern that each shape in the top part is reflected in the bottom part, the missing shape which is reflected from a pentagon part should be a pentagon.</t>
        </is>
      </c>
      <c r="I153" t="inlineStr">
        <is>
          <t>b'\x89PNG\r\n\x1a\n\x00\x00\x00\rIHDR\x00\x00\x02\x00\x00\x00\x02\x00\x08\x02\x00\x00\x00{\x1aC\xad\x00\x00aoIDATx\x9c\xed\xddg\\\x14W\xdb\x06\xf0{fv\x97\xa5,\x0b\xa8\x80\xd1\x145\xb6D\x8d\x05c\x8bb\x035\x89)v\x93\xa8\x81D\x8d\xbd\x8b\x15\x15+\x88%\xa0F\x13[L,Qc\xaa\x89\x8a\r\x8d5XAc7&amp;\x16@\x05\x96\xce\xee\x94\xf7\xc3\x89\xfb\xf0j4*\xb0\x85\xb9\xfe\xbf\xe7\xc3\x13Dwvv\xf6\\g\xees\xe6\x1cNQ\x14\x02\x00\x00\xf5\xe1\xed}\x00\x00\x00`\x1f\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f6$I\x92,\xcb\xf6&gt;\n\xf5R\x14\x05\xe7\xdf\x8edY\xc6\xf9\xb7/NQ\x14{\x1f\x83\x1a\xc9\xb2\xac(\x8a \x08D$\x8a\xa2 \x08\x1c\xc7\xd9\xfb\xa0\x00lG\x92$v\xfd[\xff\x0f\xd8\x1e\xee\x00lMQ\x14Q\x14y\x9e\x17\x04a\xe7\xce\x9dIII\x1a\x8d\x86\xe38I\x92\xec}h*\xa2(\x8a\xa2(\xc9\xc9\xc9g\xcf\x9e\xc5}\x80\x8d\xb1\xaf\x80 \x08\x7f\xfe\xf9\xe7\x91#G\x04A\xc0\xad\x80\xbd \x00lJ\x92$\x8e\xe34\x1a\xcd\x85\x0b\x17&gt;\xfe\xf8\xe3\xa0\xa0\xa0\xe6\xcd\x9bO\x9b6\xcdd2\xb1\xaf\x01b\xc06\xd8\x07\x11\x15\x15\xd5\xa3G\x0f\x8e\xc3}\xb0\xed\xc8\xb2\xcc\xbe\x02\x1b7nl\xda\xb4i\xb3\xd7\x9aEDD\xf0&lt;\xcf\xf3\xbc(\x8a\xf6&gt;:\xf5Q\xc0&amp;$I\x92$IQ\x94\x8c\x8c\x8c)S\xa6\xf8\xf8\xf8\x14\xfe\x14j\xd6\xac\xb9r\xe5J\xf6\x9b\xa2(\xb2\x02\x11\x94\x106\xf4r\xe5\xca\x15///"\xda\xbcy\xb3\xa2(\xa2(\xda\xfb\xb8J?\x8b\xc5\xa2(Jff\xe6\x90!C\n_\xff\xed\xdb\xb7\xbfy\xf3&amp;\xfb\x05\\\xfc\xb6\x84\x00(q\xb2,[\x1b\x97\xf5\xeb\xd7\xd7\xa8Q\xc3z\xddw\xfb\xa0s\xb7^]\xac\xff\x19\x14\x14\xb4s\xe7N\xf6\x9b\xf8&amp;\x94\x1c\xf6qt\xe9\xd2\x85\x88\x04A\xa8Z\xb5jAA\x01r\xb7DY\xbf\x05\xc7\x8e\x1dk\x10\xd0\x80]\xf0\xaf\xb5j\xda3\xa4;\xfb\xff\x15*V\xf8\xe6\x9bo\xd8/\xb3\xae\x12\xd8\x00\x02\xa0\x04\x15n\xfa\x0f\x1f&gt;\x1c\x1c\x1clm\xeb\x9b\x056Y\xfb\xe3\xead\xf3_\xc9\xe6\xbf\xd6\xfe\xb8\xfa\xb5\x96M\xd9\xcf9\x8e\x0b\r\r\xbdq\xe3\x06\xfb[\xe8\x96\x16;vJ\xf7\xee\xddKD&lt;\xf7O\tt\xe6\xcc\x99\n\xcev\x89\xb1\x9e\xd8\x98\x98\x18/o/"\xe2\x88\x1b\x1a6\xe8\xe2\x9d3\xc9\x96\xbf\xe6\xc4\xce0z\x19\xd9\x071d\xc8\x90\xcc\xccL\xe5\xde\xbd\x02\x944\x04@I\xb1^\xf4\xd7\xaf_\x0f\r\ru\xd1\xbb\xb0K\xdc\xff\x19\xff\xc8E3\xff\xcc\xbcp#\xef\xca\x99\x9b\'\xce\xdc&lt;q#\xef\xcaU\xd3\xf9\xb9\x8bg\xbfX\xad\n\xfb\x9d\xf2\xe5\xcbO\x9f&gt;\xbd\xa0\xa0@)T;\x82\xa2c\xa3,\xf9\xf9\xf9\r\x1a4\xe0y\xde\xe0ix\xbe\xd2sD\xe4\xe9\xe9y\xe9\xd2%\xf6\xa7\xf6&gt;\xc6RE\x96e\xd6\x94\xdf\xb8q\xa3{\xf7\x7f:\xfb\x95^|\xe1\xcb-+R,\x7f\x9dOM&lt;s\xf3\xc4\xad\x82k{\x8eo\x0fh\\\x9f\xfdi\x83\x06\r\x8e\x1d;\xa6\xa0\x16j\x13\x08\x80\xe2gm\xb2\x0b\n\nbbb\xfc\xfd\xfd\xd9\x95\xed\xa2w\x19&lt;z@\xc2\xa5\x83\xc9\xe6k\xe7\x92O\x9f\xbdu\xf2|j\xe2\xf9\xd4\xc4\xb3\xb7N\xfe\x91|*\xc5\xf2\xd7\xa9\xbf~\x1f1a\x08\xeb"\x11Q\x9d:u\xd6\xaf_\xcf\xfeM|\x19\x8a\x05K\xe5\xd5\xabW\xb33\xfc\xf1\xe0\xd0\x1d\x87\xb7j\xb5Z"\xea\xdd\xbb\xb7\x82\x9b\x80beM\xd3m\xdb\xb6U\xacX\x91\x9d\xf37\xde\xe9p\xf2\xcf\xa37\x0b\xfe&lt;s\xe3\xc4\xb9\x94\xd3,\x03\xaee]\xbcx\xf7\xcc\xd0\xb0Al2\xb4\x97\xb7WLL\x0c\xfb\xbb\xf8DJ\x14\x02\xa08Y\xfb;\x8a\xa2\xfc\xf2\xcb/\xb5k\xd7\xb6\xd6|:v~c\xc7\x91\xad\xb7\xcc\xd7.\xa7\xfdq\xe6\xe6\t\xd6\xf4\x17\xfe\xdf\x99\x9b\'.\xde9\x93*]\xdfs|\xfb[]\xde\xb4\xfe\xc5\xe0\xe0\xe0\xc3\x87\x0f\xb3\x7f\x131P\x14\xac\x83\x9f\x96\x96\xe6\xef\xef\xcf\xf3\xbc\xd1\xcbx\xf4\xc2oiJ\xf2;\xdd\xdeb\x83\x01\xf1\xf1\xf1\nZ\x9cb\xc2\xbe\x08\x16\x8be\xc4\x88\x11\xacY\xf74zN\x8d\x9a\xfcw\xce\xe5\x07\xbf\x02\x7f\xdc:u&gt;51U\xfc{\xf5\xb7_\xf8\x95\xf7eW~\xf7\xee\xddY-\x14\xe3a%\x07\x13\xe0\x8a\x8d(\x8a\x1a\x8d\x86\x88\x92\x92\x92f\xcd\x9a\xb5~\xfdz\xf6\xf3\xea/U\x0b\x9b6\xba\xdd\x9bmEQ\xca\xce\xca~\xc43_\x8a\xa2H\xa2\xe4np\x17\x04!~\xe7\xbe\xf93&gt;=\xfe\xfbI"\xd2\xeb\xf5\xef\xbd\xf7^DDD\x85\n\x15\x08\x0f\xce&lt;-v\xde\x06\x0f\x19\xbcx\xd1b"\x9a&lt;k\xfc\x80\x91\xfd\xb2\xb3\xb2\xef\xdeI\x7f\xbd\xd9\xdb\xe9i\xe9\x81\x81\x81\xbbv\xed""\x9c\xde\xa2P\x14E\x96eA\x10\x8e\x1f?&gt;h\xd0\xa0\xc3\x87\x0f\x13Q\xdd\x80Wf.\x98\xf6j\xd3\x80\xdb\xa9w8\x8e\xe3\xf9\xfb\'\xa0+\x8a"I\x92\xb7\x8f\xd7\xf5\xbfnL\x1b;s\xeb\xf7\xbf\x12Q\xc5\x8a\x15\x97/_\xde\xae];"\x92e\xf9\xc1\xbf\x05E\x84\x00(\x06\x92$\xf1&lt;\xcfq\\jjjll\xec\xbcy\xf3\xf2\xf2\xf2\x88\xa8\xaco\xd9A\xa3&gt;\xf9\xe0\xa3\x9e\xaen\xaeY\xa6,\xe2\xe8q\xae`\xd6\xd91z\x1bs\xb2r\xbe\xff\xe6\xc7\x05\xb3co\xdd\xb8ED\xfe\xe5\xfd\'\x8c\x9f\xd0\xbf\x7f\x7f\x9dN\xc7\x9e\x9a\xc1\xf7\xe1\xf1\xb1\xe9\xe7\x17.\\\xa8U\xbb\x96,\xc9/\xd5\xae\xf9\xc3\x9eM\xa2(Y,\x16_\xbfr\xb3&amp;G-\x9c\x1dKDk\xd6\xac\xe9\xd5\xab\x17"\xf6\xa9YO]lll\xf8\x94\xf0\x8c\xf4\x0c\x8e\xb8\x0f\x07\xf4\x9e43L\xab\xd5fefk\xb4\x9aG\xfcuQ\x14]\xdd\\\xb5Z\xed\x8a\xc5\xab\xe7\xcf\xfc4\xd3\x94\xc9q\xdc\x94)S&amp;N\x9c\xa8\xd1h\xf0\xb9\x14;\x04@\x91\x14^\xd1a\xd5\xaaU\xe1\xe1\xe1\xd7\xaf_\'"\x9d\x8b\xcb\xdb]\xdf\x1c9qX\xa5*\xcf\x9b22\x9f\xe2\xc2e\x7f\xc5\xe8\xe5y\xfd\xaf\x1b\xab\x97}\xb5&lt;vU~~&gt;\x11\xd5\xaeS;rNd\x87\x0e\x1d\xa8P\xf0\x94\xc0;+m\xd8\xf9l\xd7\xae\xdd\x8e\x1d;\x88\xe8\xab\xefV\xb6\xe9\xd0*=\xcd\xa4\xd1\x08D\xc4q\\\xbb\xc6o\xfey\xe5Z\x95*U\x12\x12\x12\x0c\x06\x03\xc7q8\xb1O\x84u\xe15\x1a\xcd\xdd\xbbw\x07\r\x1a\xf4\xcd7\xdf\x10\x91_y\xbf\xc8E3\xdaw\x0c~\xfco\x01\xfbN\x95\xf3-{\xf4`\xc2\xc4\x11SN&amp;\x9c"\xa2\xd7\x9a\xbf\xb6b\xf9\x8aj\xd5\xaa\xe1\x9a/^\xe8B&gt;%\xa5\xd0\x8a\x0e\xbbv\xed\n\n\n\n\r\re\xad\x7f\xf3\xd6\xcd6l]\xb3h\xf5B_\xbfrw\xef\xa4\xd1S\x95\x14\xd8_\xb9{\'\xcd\xdb\xc7{\xd2\xcc\xf1?\xec\xd9\xd4*8\x90\x88\x12O\'\xbe\xfe\xfa\xebo\xbc\xf1FRR\x12\xab&amp;\xb1\x9auq\xbf\xbfR\x855=;v\xec`\xad\x7f\xfb\xb7\xda\xb5j\x17\x98\x91\xfeO\xeb/\x8a\xa2\x87\xa7\xc7\xb0q\x83\x89\xe8\xd2\xa5K\x0b\x17.\xe4y\x1e\x8fd?\x11\xeb\xf3\xbd\xdb\xb7oo\xf6Z3\xd6\xfa\xbf\xf1N\x87\x9f\xe2\xbf\r~\xa3\xed\xdd;i\xd6~\xd2\x7fb\xdf\xa9\xd4\xe4\xdb\xb5\xeb\xbe\xfc\xed\x8e\xf5\xa1\x03\xfa\x10\xd1o\xfb\x7fk\xd2\xa4\xc9\xf2\xe5\xcb\xd95\x8fO\xa7\xb8\xe0\x0e\xe0iX\xfb2\x17.\\\x88\x8c\x8c\\\xb5j\x15;\x8d\x95_\xac4b\xc2\x90w{\xbc#KR\xd6#\xcb\xfd\x8f\x8fu\xac&lt;\x0c\x1e&lt;\xcf\xc5\xfd\xb2;r\xca\xbc\xf3g\xcf\x13\x91\xab\xabk\xdf\xbe}\'N\x9c\xe8\xeb\xebK\x18\x18x86\xd8%\xcbr\xadZ\xb5.^\xbc\xa8\xd1h~\xde\xff]\x8d\x97\xaa\xe5\xe4\xe4Zkh\xb2${z{vj\xd3\xed\xc8\x81\xdf\xbd\xbc\xbc\x12\x12\x12*W\xae\xac(\n\x8al\x8f\x83]{\xa2(\xce\x9c9s\xda\xb4i\x8a\xa2xzz\x8e\x9c4\xec\xa3A\x1fZ,\x96\xbc\xdc&lt;66\xf6t\xff\xac\x97\xb7q\xe3\xd7\xdf\xce\x980\'\xe5V\n\x11\xf5\xec\xd9366\xb6L\x992\xd6!7(\n\x04\xc0\x93\xb1\x16\xdf\xcdfsTT\xd4\xfc\xf9\xf3\xd3\xd3\xd3\x89\xc8\xcb\xdb\xf8\xe1\'\xbdC\x06\xf4\xf6\xf5\xf7M\xbf\x9b\xfe\xaf\xc3\\E\x7f]\x83\xa7!/7\xef\xeb\x15\xeb?\x9b\xbf,5\xe56\x11=\xfb\xec\xb3\xd3\xa6M\xfb\xe0\x83\x0f\xb4Z-\x06\x06\xfe\x15kG\x16/^&lt;x\xf0`"\xea?\xac\xef\xb4\xe8\xc9wo\xdf-\xdc|\xc8\xb2\xec\xee\xe1\x9ep\xf8X\xcf7z\x17\x14\x14\xf4\xee\xdd\xfb\xcb/\xbfD\x13\xf3\x9f\xac\xe3\xbd\x17.\\\xf8\xe8\xe3\x8f~\xdb\xff\x1b\x11\xd5z\xe5\xe5\xc8\xc53\x1b6\t\xb8\xf3\x90\xf1\xde\'\xfa\xf7%I\xf2)\xeb\xf3\xd7\x95\xbfF\x0f\x1c\xbf\x7f\xf7oDT\xbdz\xf5\x15+V4k\xd6\x0c\x17|\xd1!\x00\x1e\x97\xf5Z\'\xa2\r\x1b6\xcc\x9a5+11\x91\x888\x8e\xeb\xf2\xde\xbb\x9f\x8c\xe8W\xbb^-S\xba\xc9l\xb6\xb0\xc2BI\x90$I\xd0\x08\x9e\x9e\x86\x9b\xd7o\xc5F-\xd9\xf0\xe5&amp;60\xd0\xa4I\x93i\xd3\xa6\x05\x05\x05\x11\x16\x97\xfe\xffX\x1b\x91\x9a\x9a\xfa\xd2\xcb/\x992L\xcf&gt;_\xf1\xe7}\xdf\xe9\xdd\xf4\x92(\xddw\x8aDQ,\xe7W\xf6\x93\xf7\x07o\xd9\xf0\x83 \x08{\xf6\xeci\xde\xbc9\xee\xab\x1e\xc1zr\x96/_\x1e\x16\x16\x96\x96\x96FD}\xfa}0v\xea(O\xa3\xa7)\xc3\xc4\x1e\xb0(:Q\x14]]]5Z\xcd\xe7\x9f.\x8f\x8a\x98o.0\xbb\xe8]\xc6\x8f\x1b?e\xca\x14*4\xfb\x0e\x9e\x02\x02\xe0\xbf\x15n\xfa\x8f\x1c92y\xf2\xe4\xb8\xb88\xf6G\xf5\x02^\x193ed\xebv-\xf3\xf2\xf2s\xb3s\x05M\xc9\xb7\xbc\n\x89\x92\xa4\xd7\xbb\xb8\xba\xbb&amp;\x1eO\x9c3%z\xcf\x8ex\xf6\'=\xdf\xeb9a\xfc\x84Z\xb5j\x11\xbe\x15\xf7\xb0F*$$\x84=\xfc\x15\x19;\xf3\xc3\x01\xbd\xef\xa4\xdey\xf0\xe4(\x8a\xa2\xd5iS\x93owh\xda1#\xdd\xd4\xa0A\x83\x03\x07\x0eh\xb5Z\x8c\x06\xff+v\x81\xdd\xbd{w\xc8\x90!l\xc6\xb3_y\xbfI\xb3\xc6u\xeb\xd5%3\xc3d\xb1\x88\xc5\x1b\x9c,\xc8}\xca\xfa\xec\xdb\xb5?l\xd0\xc4+\x97\xae\x12Q\xfb\xf6\xedcbb\xaaV\xad\x8aN\xcfSC\x00\xfc\x07k7\'55u\xc6\x8c\x19\x9f\x7f\xfeyAA\x01\x11\x95\x7f\xc6\x7f\xf8\x84!\xefv\x7f\xdb\xdd\xc3=#=\x83\xadgk\xb3\xa3R\x14E\x96dw\x0f7A\xa3\xd9\xb2\xfe\xfb%\xf3\x96\x9dc\x03\x03n\xae\xa3G\x8d\x1e&lt;x\xb0\xaf\xafo\xe1\xdcR\'62y\xfc\xf8\xf1f\xcd\x9a\x15\x14\x144l\x12\xb0i\xfb\xba\xbc\xdc\xbc\x87}R\xa2(\x96-Wf\xd1\xdc\xcf\xa6O\x98MD\xabW\xaf\xee\xd3\xa7\x0fn\x02\xeec-\xbcl\xdf\xbe}\xf8\xf0a\xe7\xce\x9d\'\xa2\xe6\xad_\x8b^2\xfb\xb9\xca\xcf\xa5\xddI+\xb9\xb6X\x14EO\xa3g\xa6)3b\xdc\xaco\xd6l"\xa2r\xe5\xca-Z\xb4\xa8[\xb7n\x84a\xb0\xa7\x82\x00x\xa8\xc2\xe5\xfee\xcb\x96\xcd\x9a5+99\x99\x88\xf4z\xfd\xc7\x83C&gt;\xfc\xa4W\xc5\xe7*&lt;\xdd\x14\xcf\xe2=B\xa3\x971+3\xeb\xf3\x98\xe5k\xbeXw\xbb\xd0\xc0@HH\x08\xdd[\xf8^\x9duR\xf6\xd1\xb4l\xd92&gt;&gt;^\x10\x84/\xb7\xach\x15\xdc\xc2\x94\x91\xf9\xe8\xcf\x8b\x17\xf8v\x8d\xdf\xfc\xf3\xf25??\xbf\xa4\xa4$///\xdc\x04XY\xef,\xa7M\x9b\xc6\xc6{u:\xdd\xd8)#\xfb\r\xfbX\xb4\x88yyO9\xde\xfb\xf8$I\xd2\xe9t\xaen\xfao\xd7}?u\xec\x8c\xb4\xbbiD4d\xc8\x90\x993g\x1a\x0c\x06\xdc\xf8&gt;)5\xb6\x0b\xff\xc9:\xc5\x93\xe7\xf9_\x7f\xfd5  `\xe8\xd0\xa1\xac\xf5o\x19\xd4\xe2\x87=\x9b&amp;\xcd\x1a\xef\xed\xe3\xfd\xd4S&lt;\x8b\x0b;\xc2\x8c\xb4\x0c"\x1a;u\xf4\x8f{\xbf\xed\xf6Ag\x17\x17\x97\xbf\xff\xfe;44488x\xd7\xae]\x82 \xb0\xad6\xd4\x96\xf4\xac\xf5\xdf\xbcy\xf3\xbe}\xfb\x88\xa8c\xa7\xd7\x83^o\x9d\x91nz\xf4\xe7%I\x92\x9b\x9b\xeb\xc4\x19a\xb2,\xdf\xbauk\xfe\xfc\xf9&lt;\xcfc\xb3**4\xcd\xff\xe2\xc5\x8b\x1d:t\x98:u\xaa\xa2(\xb5^yy\xd3\xf6u\x83\xc7\x0c\xc8\xcd\xc9-((\xb0A\xe3\xcb\xa6\x1b\x9922\xbb\xf5\xee\xf2m\xdc\x86\x06\x8d\xea\x13Qlll\xab\xd6\xad\x8e\x1c9\xa2\xd1h\xb0\xb9\xd8\x13\xc1\x1d\xc0\xfd\x1e\xba\xa2C\xcdja\x11\xa3\x83^o-\xcb\xca\xa3Wt\xb0\x03\x85DI\xd4\xeb\xf5\x1e\x9e\xee\x07\xe3\x0fGO_p`\xef!"\xe2x.\xe4\xc3\x90\xb0\xb0\xb0j\xd5\xaa\x91\x9a\xee\x91Y\xf9+;;\xbb~\xfd\xfaW\xaf^\xf5\xf0p\xff~\xcf\xe6*U+\xe5\xe5\xe5\xff\xe7\xcd\x90,\xcb\x06O\x8f\x1e\xaf\xf7:\x10\x7fH\xa7\xd3%&amp;&amp;V\xadZU\xe5\xeb\x10X\xaf\x9c\r\x1b6\x0c\x1b6,55\x95\xee\x8d\xf7\x1a\xbd\x8c\xa6\x0c\x93\xed\xfb\xdd\xa2E\xf4\xf0\xf4\xb0\x98\xcd1QKb#\x97(\xa4\xb8\xb8\xb8\xcc\x993g\xf8\xf0\xe1\xa4\xa6K\xbd\x88\xd4{M?\x88m\x14\xa5\xd1hL&amp;\xd3\xe4\xc9\x93_}\xf5U\xd6\xfa\x97\xf5-;%r\xd2\xcf\xfb\xbf\x0b~\xa3mvVNnN.\xdb\xc5\xd7\xde\xc7[\x08G\x1a\x8d\xc6b\xb1\xdcI\xbd\x1b\xd0\xb8\xfe\xd7?\xac\x8eZ&lt;\xfb\xc5jU\x14YY\xb9re\x93\xa6M\n\xef:\xa9\x86\xfe\x11\xfb\xfe/\\\xb8\xf0\xca\x95+\x8a\xa2|48\xa4v\xbdZ\x85\'\xfe\xff\xd7_\x97\'\xcd\x1e\xaf\xd1h\n\n\n&amp;M\x9aDDj\xee\'\xb1!V\x93\xc9\xd4\xb7o\xdf\x9e={\xa6\xa6\xa6\xfa\x94\xf1Y\xb4jA\xd4\x92\xd9:\x9d6\xd3\x94i\x97\xaa\x8bF\xab\xc9\xcd\xce\x95$y\xe2\xcc\xb0\xd5[\x96Wz\xf1\x85\x82\x82\x82\x11#F\xf4\xe8\xd1\xe3\xe6\xcd\x9b\xecFA\xcd\x9f\xdac\xc2\x1d\x00\xd1\xff\x9f\xe7\xb3j\xd5\xaa\xa8\xa8\xa8s\xe7\xce\x11\x91N\xa7{\xbb[\xc7\xa2\xac\xe8`{\xb2$\x13G&gt;e\xbc\x93o\xa5\xac\xfel\xcd\xaa\xa5_e\xa4g\x10Q\xcd\x9a5\xc3\xc3\xc3{\xf4\xe8A\xa5}\r\t6\xf6{\xe5\xca\x95\x80\x80\x00\x93\xc9\xf4|\xe5\xe7w\x1c\xfe\xf9\x89\xaesQ\x94|\xcaz\x8d\xfed\xfc\xda\x95\xeb\x89h\xef\xde\xbd\x81\x81\x81N\xf1\xe9\x17/\xeb0\xd8\x81\x03\x07&gt;\xfe\xf8c\xf6\xa5h\xde\xfa\xb5\x88\xb9\x93k\xd6\xa9y\xf7\xf6]\xbb\xdf\x07\xb3\xf5\x13\xbd\xcbz\xa7\xdeJ\x9d0&lt;\xfc\x97\xef\xb7\x11\x96\x90{\x12j\x0f\x00ke\x93\x88v\xed\xda5g\xce\x9c\x9d;w\xb2?j\x1a\xd8dL\xf8\x88\xa6\x81\x8d\xb33s\xf2\xf3\xf3\x9dkpI\x14E\x9dNg\xf46&amp;\x9eHZ\xba\xf0\x8bo\xd7~\'+2\x11\x05\x07\x07GDD4j\xd4\x88J\xef\x13\x03\xac\x88\xd7\xa7O\x9f5k\xd6p\x1c\xb7\xe0\xf3\xb9\xddzwI\xbf\x9b\xfe\xf8\x9f\xa0\xa2(Z\xad6##\xa3M\x83\xf6\xa6\x8c\xcc\xfa\r\xea\x1f\xf8MuSB\x0b\x8f\xf7\xce\x9e3\xbb \xbf@\xa7\xd3\r\x18\xd1o\xe4\xa4\xa1\x8aB9\xd99\x8e\xf3\x8d\x10EQ\xaf\xd7\xeb\\t\x85\x97\x90\x1b&gt;|xTT\x14\x96\x90{4U\x07\x80\xf5\xca\xb8y\xf3\xe6\xe4\xc9\x93W\xaeZI\n\x11Q\x95\xaa\x95\xfb\x0f\xef\xdb\xf5\x83N\x1a\x8d\x90i\xcar\xd2V\x92u\x8e\xdc&lt;\xdc\\]\xf5\xbb\xb6\xedY2\xff\xf3\x03{\x0fRi_\\\x9a\xbd\x9d\xfd\xfb\xf7\xb7j\xd5J\x96\xe5\x86M\x02\xbe\xdb\xbd13=\x93\x17\x9e\xac\x1b(\x8a\xa2OY\xef%\xd1\xcbT8%\xb4\xf0x\xef\xd0\xa1C\xb7m\xdbFD\x95_\xac\x14\xb9xf`\xdb\x16wo\xdf%\xc7{\xfe\x16K\xc8=\x1dU\x07\x00\x11\xb1\x15\x1d\x16/^\xcc&amp;\xf9\x18\xbd\x8c!\x03z\x87\x0c\xe8\xed_\xde/\xedn:)\xf4\xa4\r\x87\xa3aE\x7f/o\xa3\xc5"n\\\xb3\xd9\xba\xb8t\xf9\xf2\xe5\x07\x0e\x1c8v\xecX\x9dNg\xefc,6l\xd9\x1f\x8b\xc5\xd2\xb4Y\xd3\xe3\xc7\x8ek4\x9a\x8d\xdb\xd6\x064n\x90\x93\x9d\xf3\xa4\r\x96B\n\xcfq\x1c\xff\xbf)\xa1g\xce\x9c1\x1a\x8d\xa5\xfe&amp;\xc0\x1ar\x1b7n\x1c&lt;x\xf0\xed\xdb\xb7\x89\xa8{\xef\xae\xe1s&amp;x\x1a=332\x1f\xbd\x9e\xb3}\x89\x16\xd1\xe0\xe9a\xb1XfN\x8c\\\xf9\xd9\x97D\xe4\xe3\xe3\x13\x19\x19\xf9\xf1\xc7\x1fS\xa9\xeb\xeb\x14\x0b\xe7n\xdd\x9e\x1a\xdb\xbak\xc3\x86\r\xf5\xeb\xd7\x9f&lt;y2k\xfd;v~\xe3\xfb\xdd\x1b\'\xcc\x08sss\xbbs\xfb.\xcf\xf3\xce\xde\xfa\x13\x11\xcf\xf3\x1a\x8d\xc6\x94\x91\x99\x9f\x9b\xdf\xbb\xdf\xfb?\xc5\x7f;x\xcc\x00\xbd^\x7f\xeb\xd6\xad\xc9\x93\'7\xa8\xdf`\xc3\x86\rl\xc7%{\x1fi1`\x05\xdf\r\x1b6\x1c?v\x9c\x88\xba\xf7\xee\xda\xace\x93\xac\xcc\xac\xa7\xe8\xaer\xc4\x89\xe2\xff\x9b\x12\x1a\x1e\x1e^\xea\xa7\x84\xb2\xaa`VV\xd6\xd0\xa1C\xbbw\xef~\xfb\xf6\xed2e}bV\xcc\x9f\xbf,\xd2\xc5\xc5%+3\xcb\x91[\x7f"\xd2h5\xd9\xd99\xa2(\xcd\x8e\x99\x1e\xbbj\x81_y\xbf\xb4\xb4\xb4\xbe}\xfb\xbe\xf7\xde{w\xef\xdee#\xc3\xf6&gt;F\xc7\xa2\xc6;\x00k\x95\xa0E\x8b\x16\xec\'u\x03^\x19=yD`\xdb\xe6\x92$\xe5d\xe5\xd8bE\x07{`\xa5R7\x0f\xb7\xc4\x13I\xb1\x91K~\xf9a\x1b[Vw\xdf\xbe}\xa5`\xdd\x1b\xd6\xfd\xcf\xc8\xc8x\xf9\xe5\x97SSS\r\x9e\x86\xdd\xc7\xb7yyyY,\x96\xa7\xfe4%I2z\x1b?\xee\xf6\xc9\xaf?n\xd7j\xb5\x89\x89\x89\xd5\xaaU+\x95\xab\x84Z\xc7{\x8f\x1c92h\xf0\xa0c\t\xc7\x88\xa8y\xeb\xd7\xa6\xcd\x9d\xfcr\x9d\x9aw\xef\xa49Q\t\xe5_\x97\x90\xabQ\xa3\xfa\xf2\xe5XB\xee~\xea=\x0b\x16\x8b\x85\xad&lt;&gt;t\xec\xa0\xefwml\x19\xd4"+3+/7O\xa3u\xb0)\x9e\xc5\x87M\x15M\xbb\x93V\xadf\xd5\x15\x9b\x96N\x89\x9a\xc4\x1e\x13\xb3X,\xf6&gt;\xb4b\xc0\xba\xff\xf3\xe7\xcfONN\x96ey\xe8\xd8\x81\xcfT,\x9f\x9f\x9f_\x94O\x93\xe38\xd1"\x8e\x988T\xe7\xa2\x13Eq\xe8\xd0\xa1\x1cW\n\xfbL\xd6\xc7\x1e\x17.\\\x18\x18\x18x,\xe1\x18G\xdc\xd0\xb0A_\xff\xb0\xaar\xd5Jw\x1c`\xb6\xcf\x13a;\x13\xa4\xddI+\xe7Wn\xed\x8f\xab\'\xcd\x1c\xa7\xd3\xe9\xce\x9d;\xdf\xa6m\x9bi\xd3\xa6\xb1w\x8a[\x01F\xbd\x01\xc0q\x1c\xdb%\xfc\xb5\xd6\xcdtz]\xfa\xddt\xd6\x1a\xda\xfb\xb8J\x16\xfbndge\x9b\x0b\xcc\xd5jTe\x8f&gt;8\xd1w\xfbaX\xeb\x7f\xfe\xfc\xf9\xb9\xd1sy\x9e\xaf\xfcb\xa5\xde\xfd?\xc82e\tE[\x99\x95\xe7\xf9\xec\xac\xec:\xf5k\x87\x0e\xe8\xa3(\n\xdbRF\x10\x84R\xb3!\t{\xe8]\xa3\xd1\xdc\xbcy\xb3C\x87\x0e#F\x8c(((\xa8\xf4b\xa5\xd5[\x96O\x9c\x19\x96\x97\x9b\xf7\xd4\xab\xf9\xdb\x1d{\x8c#7\'w\xf0\x98\x01\x9b\xb6\xaf\xab\xf5\xca\xcb\x05\xf9\x05S\xa7N\xed\xd0\xa1\x03\xdb\x16B\x92\xa4\xd2\x97\xe5O\xaa\x94\xb7w\x8f#\';G\x96\xe4"\xb6\x14\xce\x85\xdd\xce\xe7\xe5\xe5\xdb\xfb@\x8a\x8d\xa2(\x1c\xc7\r\x1d:\xd4\\`\x96ey\xe2\xcc077WQ\x948*j\xb6\t\x82\x90\x93\x95\xd3wH\xa8\xaf_9\x9e\xe7\x86\x0e\x1b*\x8ab\xe9\xb8\x0f\xb0n\xe3\xb5q\xe3\xc6F\x8d^e\xb3}:v~c\xcb\xce\r\xc1o\xb4\xb9\x93r\xd7\xd9W\x91b\xd7\xf9\xdd;i\r\x1a\xd5\xdb\xb8mm\xf7\xde]\x89h\xdb\xb6m\xaf\xbd\xf6\xda\x86\r\x1b\xb0\xb9\x18!\x00\xe8\xdeUb\xef\xa3\xb0\x03\x9e/%\xef\xfa\xc1\x1d\x1f\xdb\xbf\xdd\xee?\x17}{L\x1c\xc7\xe5\xe7\xe7W|\xae\xc2\x88\tCeY9\x7f\xee\xfc\xb2e\xcbJ\xc1h0+\xfbX\xc7{\xaf_\xbfa\xf42\xce\x89\x9d\xf1\xc5\xfa%\x06\x83!\xedn\xba\x83\x8f\xf7&gt;&gt;\x8dF\x93\x99\x91\xa5\xd5i\xe7/\x8b\x8cY1\xbfLY\x9f\xd4\xd4\xd4\x9e={\xf6\xed\xdb7++K\xe5#\xc3\x08\x00pn\xac\xefo-\xd0\xebt\xba\x91\x13\x87\x8a\x16\xb1\x18C]\xa3\xd1d\xa4\x9b\xba\xbc\xffn\xad\xba/s\x1c\x17\x1e\x1e\x9e\x9e\x9e\xce\xf3\xbc\x93\xde\x04X\xa7\xf9\x1f?~\xbcU\xebV\xb1\xb1\xb1D\x14\xd0\xb8\xfe\xf7\xbb7\xf6\xe9\xd7+\xedn\xbah)mkj\n\x1aA\x12%SFf\xf7\xde]6m_\xdf\xbc\xf5kD\xb4|\xf9r,!\x87\x00\x00\xe7\xc6\xaa\xff\xcb\x96-;\x7f\xfe\xbc\xa2(\xa1\x03\xfb\xd4\xa9_;;+\xbbxk\x17\x92$\xb9{x\x8c\x9d2JQ\x94\xb4\xb4\xb4\xf0\xf0p6\x86T\x8c/a\x1blypA\x10bcc\xdb\xb4mc\x1d\xef]\xbf\xf5\xab\xcaU+\xa7\xddM\x13\x04\x81+-\xb7\x86\x85\xb1w}\xe7\xf6\xdd\xcaU+}\xfd\xc3\xaa\xa1a\x83\x88\xe8X\xc2\xb1\xc0\xc0\xc0\x85\x0b\x17\xb2\x91a\x15\x96\x83\x10\x00\xe0\xc4X\x15;99y\xf2\xe4\xc9&lt;\xcf\x97\xf3-\xdbwHhNVN\xb1\xcfg\x15\x04!#=\xa3u\xbb\xc0\x0eo\xb5#"\x967NW\x08b\xb5\xb2\x9b7o\xf6\xe8\xd1c\xe8\xd0\xa1\x19\xe9\x19\x95^|\x81\x8d\xf7\xca\x92\x9c\x9b\x9d[\xca:\xfe\x0f\xd2h4ld{\xe2\xcc\xb0/\xb7\xac\xa8\xf4b%\xb6\x84\\\x87\x0e\x1d\xd8\x12rj\xcb\x00\x04\x00816%\x7f\xfc\xf8\xf1\xe9\xe9\xe9\xb2,\x8f\x9c4\xbc\xe2s\x15\x8a8\xf5\xf3a8\x8e\x93%\xd9y\xa7\x84*\x8a"\x08\xc2\xf6\xed\xdb\x1b6l\xf8\xcd7\xdf\x10\xd1\xeb\xeft\xf8n\xe7\xc6\xa07\xda\xdcI\xb9\xab(J)x\xec\xf1q\xb01\xbf;)w\x83\xdfh\xb3e\xe7\x86\x8e\x9d\xdf \xa2m\xdb\xb65l\xd8p\xfb\xf6\xed\x82 8\xd1gZt\xaa\xf8\xc8\xa1Tb\xc5\x9fc\xc7\x8e\xb1U\xbb\x1b6\tx/\xa4[\xda\x93,\xfa\xf6Dx\x9e\xcfbSB?\xf9gJ\xe8\xa6M\x9b\x9c\xa5\xcf\xc8n\x95\xa6M\x9b\xd6\xbe}\xfb\x9b7o\x96\xf3-7%r\xe2\xb2\xb5\x8b\x0c\x9e\x86\xf4\xbb\xe9\xa5\xf8\xd9\x97\x87\xd1h5iw\xd3\r\x06\xc3\x17\xeb\x97\xcc\xfetz9\xdf\xb27o\xdel\xdf\xbe\xfd\xb4i\xd3\x9c\xb4\xb8\xf7t\x10\x00\xe0\xac\xd8\xf0\xef\xa8Q\xa3\n\n\n\x04A\x186n\xb0F\xa3)\xd1\xee\x9b \x08Y\x99Y\x83F\x7f\xf2B\xe5\xe79\x8e\x9b4i\x92\xd9lv\x8a\xfb\x00\xd6\xa2\xb1\xac\xe28n\xf4\xe4\xe1\xa3\xc7\x8e\xc84e\x9a\xcd\xe6R_\xf6y\x18\x8dF#Z\xc4;\xb7\xef\x0e\x1c\xfa\xc9\xe8\xc9#X\x04\xb2S\x84\x00\x00ph\xac\x9c\xbdi\xd3\xa6\'\xda\xf1\xb1\x888\x8e3\x17\x98}\xcb\xfb\x0e\x18\xd1OQ\x94\x0b\x17.DGG;\xc5H\x00\x1b\x12\xef\xd3\xa7\x8f^\xafW\x14\xe5\xd8\x91\xe3\x99\xf9\x99\xa4\xfa\x15\x118\x9e\xe38.;?\xeb\xd8\x91\xe3\x8a\xa2\xe8\xf5\xfa&gt;}\xfa\x90\x9aN\x8bZ\xde\'\x94&amp;\xac\xc7m6\x9b\'N\x9aHD\x06O\x8f!a\x83\xf2r\xf3l\xf0\xbdek\x0ct\xef\xd3\xf5\xd5\xa6\x01D\xc4V\x9ep\xfc\xa2\x01K\xa9J\x95*\xd5\xabW\x8f\x88\xf6\xc6\xed\xbb\x9dr\xc7\xc5\xc5\xc5\xf1\xef]J\x94\xa2(...\xb7S\xee\xec\x8d\xdbGD\xf5\xea\xd5\xabT\xa9\x92\xaa\xf6\x90Q\xcb\xfb\x84\xd2\x84m\xdf\x16\x1d\x1d}\xf1\xc2EEQ&gt;\x1a\xf4d;&gt;\x16\x91\xa2(Z\xadfh\xd8`A\x10\xee\xde\xbd;~\xfcx\xa7x&amp;\x80\xb5k\x9d:u"\xa2\xd4\x94\xdbG\x0e\xfc\xee\xe6\xee\xea\xe0\xb9U\xd2dYvsw=r\xe0\xf7\xd4\x94\xdbD\xd4\xa9S\'\xa7\xb8\x9f+F\x08\x00p2\xac!\xbb|\xf9rdT$\xc7q/Tya\xe0\xc8~O\xb4\xe1W\x11\t\x82\x90\x91n\nz\xbd5\x9b@\xb2~\xfd\xfac\xc7\x8e9~\xc3\xc1\xd2\xf1\xad\xb7\xderqq!\xa2\xed?\xedP\xdb\xc0\xef\xbf\xe28n\xfbO;\x88\xc8\xc5\xc5\xe5\xad\xb7\xde"5\xd5\x7f\x08\x01\x00N\x87\x8d\xfdFDDd\x9a2\x89h\xf8\xb8\xc1\x1e\x9e\x06\x1b?\xcd\xcf\xf3|^n\xde\x90\xb1\x03=\x8d\x9e\x05\x05\x05\xa3G\x8fv\xfc\xa1`\x16Q/\xbe\xf8b@@\x00\x11\x1d\xda\x7f\xe4N\xea\x1d\xadV\xeb\xe0\x87]r\xd8\xc6\x9fwR\xef\x1c\xda\x7f\x84\x88\x02\x02\x02^|\xf1EU\xd5\x7f\x08\x01\x00\xce\x85\x8d\xfd\xee\xdb\xb7o\xed\xda\xb5D\xd4\xb0I@\xd7^\x9dMi&amp;\x1bOe\xe1y&gt;;;\xa7N\xfd\xda\xbd\xfb\xbeOD\xf1\xf1\xf1\x9b7ov\xfc)\xa1\xacu\x0b\n\n"\xa2\xd4\x94\xdbg\x93\xce\xeb]\xf5\x0e~\xe3RrdY\xd6\xbb\xea\xcf&amp;\x9dg\xf5\x9f\xa0\xa0 \xc7\xbf\x8d+v\x08\x00p2\xb2,O\x0e\x9f,I\x92\xceE7.b\xb4$JE^\xf1\xf3ih4\x9a\x8c\xb4\x8c~\xc3&gt;z\xee\x85g\x15E\t\x0b\x0b3\x99Lto\x80\xda1\xb1\x9aOpP0\xcf\xf3\x92(\xc5\xfd\xbcS\xe7\xa2\xea;\x00\x9d\x8b6\xee\xe7\x9d\x92(\xf1&lt;\x1f\x1c\x14L\xf7N\x91z \x00\xc0i\xb0\xee\xffW_}\xb5/~\x1f\x11\xbd\xf1N\x87\xd7Z5}\xba\x1d\x1f\x8b\x8e\xe38\xb3\xd9\xec\xebWn\xd4\xa4\xe1\x1c\xc7]\xb9re\xe1\xc2\x85\x0e~\x13\xc0\x1esm\x10\xd0\xa0Z\xb5jD\xb4gG|FZ\x86V\xab\xb5\xf7q\xd9\x87V\xab\xcdH\xcb\xd8\xb3#\x9e\x88\xaaU\xab\xd6 \xa0\x01{X\xda\xde\xc7eS\x08\x00p\x0e\xac\xf4\x9f\x96\x966n\xdc8\x9e\xe7\x8d^\xc6\xb1SGeef\xdb\xf1\x1b\xab\xd1h\xd2\xee\xa6wy\xff]6%t\xe1\xc2\x85\x97/_\x16\x04\xc1\x91\xcb\x08\x92$\xe9t\xba\x8e\x1d;\x12\xd1\xd5\xcb\x7f\x9eL8\xed\xe6\xe6\xea\xc8\xa1UB$Irss=\x99p\xfa\xea\xe5?\x89\xa8c\xc7\x8e:\x9dN\x85\xe7\x01\x01\x00\xce\xe1\xc1\x1d\x1f+\xbf\xf8B~^\x89,\xfb\xf3\xf88\x8e\x93$9l\xdah\x17\x17\x97\x8c\x8c\x8c\x88\x88\x08\x07\x1f\rf\xa7\xabs\xe7\xce\xac\xde\x1d\xb7u\x97V\x95U EQ\xb4.\xda\xb8\xad\xbb\xd8u\xd5\xb9sgR_\xfd\x87\x10\x00\xe0\x14\xd8\xb7\xf4\xe2\xc5\x8bs\xa3\xe7r\x1c\xc7v|\xccH\xb7\xf5\xd8\xef\x83x\x9e\xcf\xca\xccz\xadU\xd37\xdemODk\xd7\xae\xdd\xb7o\x9f#\x17\x82X\x15\xa8^\xbdz*\xaf\x02\xddW\xff\xa9W\xaf\x9e\n\xeb?\x84\x00\x00\xa7\xc0\xea?\x13\'N4\x17\x98\x15E\x998s\x9c\xe3\x14.\x04A\xc8\xca\xcc\x1e3e\x94\xb7\x8f\xb7$I\xe1\xe1\xe1\x0er`\x0f\x83*\x10\xea?V\x08\x00pt\xd6\x1d\x1f7m\xdaDD\xaf\xb5l\xda\xaec\xdbLS\x96\x83\xf4\xd78\x8e\xcb\xcf\xcb\xafR\xb5R\x9f\xfe\x1f\x10Q||\xfc\xbau\xeb\x1c\xf9&amp;\x00U \xd4\x7f\xac\x10\x00\xe0\xd0\n\xef\xf8\xc8\xf3\xbcN\xa7\x9b4{\xbc$9\xd6(\xab \x08\xe9i\x19\x03G\xf6\xafT\xe5\x05\xf6\x90\x9a\xc9dr\xd8\xc1\x00T\x81P\xff\xb1B\x00\x80C+\xbc\xe3\xa3,\xcb\xa1\x03\xfb\xd4\x0bx\xa5\xd8w|,"\x16Q\x1e\x9e\x1e\xc3\xc6\r&amp;\xa2K\x97.\xb1]\x06\x1d\xf6&amp;@\xcdU \xd4\x7f\ns\xa0o\x11\xc0}X\xf7?==\xbd\xf0\x8e\x8f\xd9%\xb0\xe3c\xd1i4\x1aS\x9a\xa9k\xaf\xce\xaf6\r\xe08n\xe1\xc2\x85W\xae\\q\xd8)\xa1j\xae\x02\xa1\xfeS\x18\x02\x00\x1c\x17\xfb\x8aN\x0e\x9f\xfc\xcf\x8e\x8f\x13\x87\x95\xdc\x8e\x8f\xc5\x80#I\x94\xc2\xa6\x8d\xd6h4\x19\x19\x19\xe3\xc6\x8dC\x15\xc8\x01\xa1\xfeS\x18\x02\x00\x1c\x94u\xc7\xc7e\xcb\x96\x11\xd1\xcbu^\xea\xf2~\'G\x98\xfa\xf90lJh\xb3\x96M\xba\xf5\xeaBD\x9b6m\x8a\x8f\x8fw\xd8\xd1\xe0\x07\xaa@\x89n\xee\xa5\xbf\n$I\x92\x9b\xbb\xeb\xc9\x84D\xd4\x7f\x18\x04\x008(\xeb\x8e\x8f\x92(\t\x820aF\x98\x9b\x87\x9b\x83\x7fW\x05A\xc8\xce\xcc\x199i\xa8\x97\xb7\x91\xe3\xb8Q\xa3G\x15\x14\x148\xe6}\xc0}U\xa0\x1d?\xc7iT\xb02\xa8\xa2(\x1a\xadv\xc7\xcfq\xa8\xff0\x08\x00pD\x85w|T\x14\xa5c\xa7\xd7\xdbvh\x95\x91\x96\xe1\xe0\xb7\xea\x1c\xc7\xe5\xe7\xe7?S\xb1\xfc\x901\x03\x15E9\x96pl\xc3\x86\r\x8e\xb9\xc6\xe4}U\xa0\xdf\x0f%\xe4\xe5\xe6:\xf8\xe9-:A\x10\xf2rs\x7f?\x94@\xa8\xff\x10\x11\x02\x00\x1c\xd0};&gt;z\x1a\r6\xdb\xf1\xb1\xe8\x04\x8d\x90e\xca\xea\xdd\xff\x83\xcaU+\xf1&lt;?~\xfc\xf8\xb4\xb44\xc7\xbc\t\x90eY\xa7\xd35i\xd2\x84\x88\xce\xffq\xe9\xfc\x99\x8b\xae\xa5zuhY\x96]]\xf5\xe7\xcf\\&lt;\xff\xc7%"j\xd2\xa4\x89N\xa7+\xc5\xef\xf7q8\xc17\n\xd4\xe6\xbe\x1d\x1f{\xf7\xfd\xa0N\xfd\xda\xd9\xd99N\x11\x00\x1cq\xa2(\xb9\xb9\xb9N\x9c\x11&amp;\xcb\xf2\xad[\xb7\xe6\xcf\x9f\xef\x987\x01\x0c+\x83\x14\xe4\xe7\xef\xde\xbe\xb7to\x0f\xc06\x00\xd8\xbd}oA~&gt;\xdd{\xe3*\xe7\x04\xdf(P\x95\xff\xed\xf8\x18\x19\xc9q\xdc\xb3\xcfW\xec7\xec\xa3\x8c\xb4\x0c\x87\x1d\xfb}\x90 \x08\x99\xa6\xacv\x1d\x83^k\xd9\x94\xe3\xb8\xe8\xe8\xe8\x8b\x17/:\xe0\x94P\x16\xa8-Z\xb4x\xe6\x99g\x88(\xee\x97]yyy\xa5\xb8\x1e"\x08B^^^\xdc/\xbb\x88\xe8\x99g\x9ei\xd1\xa2\x05\xa9l\x03\xc8\x07\xa9\xfa\xcd\x83\x03\xfa\xdf\x8e\x8f\x99\x99D4z\xf2\x08_\xbfrf\xb3\xd9\xe9F\xea$I\x9e4{\xbcF\xa3)((\x984i\x129\xde^1\x1c\xc7I\x92d0\x18\x82\x83\x83\x89\xe8\xcc\xe9?\xce%\x9d/\xadU V\xff9\x97t\xfe\xcc\xe9?\x88(88\xd8`0H\x92\xe4t\xd7U\xf1B\x00\x80\x03yp\xc7\xc7.\xef\xbf\x9bf\xc3\r\xdf\x8b\x0b\xcf\xf3\xd9Y9\xaf4\xa8\xcd\xa6\x84n\xdc\xb8\xd1\x91\xa7\x84v\xe9\xd2\x85\x88\xcc\x05\x05\xbb\xb7\xc7\x97\xd6*\xd0\xbd\xfaO\xbc\xb9\xa0\x80\xee\xbde@\x00\x80c\x91$\xe9\xff\xed\xf8(\xc9N\xdaG\x13\x04&gt;7;o\xe4\xc4\xa1^\xdeF\x9e\xe7G\x8d\x1e%\x8a\xa2\xa3\x8d\x06\xab\xa7\n\x84\xfa\xcf\xbfR\xfb\xfb\x07\xc7!\x8a\xa2 \x08\xeb\xd6\xads\x84\x1d\x1f\x8b\xee\x9f)\xa1\xcf&gt;3d\xcc@Y\x96\x8f%\x1c[\xb6l\x99\xa3\x8d\x06\xab\xa4\n\x84\xfa\xcf\xc38\xe5W\x0bJ\x1fEQx\x9e\xcf\xcc\xcc\x8c\x88\x88\xe0y\xde\xcb\xdb\xfe;&gt;\x16\x9d\xa0\x11232?\xfc\xa4W\xad\xba/\xf3&lt;\x1f\x1e\x1e\x9e\x9e\x9e\xce\xf3\xbcC\xdd\x040\xa5\xbb\n\x84\xfa\xcf\xc3 \x00\xc0!\xb0\xc9?\x91Q\x91\x97.]\x92ey\xc8\x18\x87\xd8\xf1\xb1\x888\xe2$Irus\x1d;e\x94,\xcbiii\xe1\xe1\xe1\x1c\xc79T\xf3\xaa\x86*\x10\xea?\x0f\x83S\x00\xf6\xc7&amp;\xfe_\xbcx1::\x9a\xe7y\xc7\xd9\xf1\xb1\xe8\x04A\xc8H7\xb5n\x17\xd8\xe1\xadvD\xc4\xd6\xb5v\xa8BP\xa9\xaf\x02\xa1\xfe\xf3\x08\x08\x00\xb0?V\x12a;&gt;\xca\xb2\xecP;&gt;\x16\x1d\xc7q\xb2$\x8f\x988T\xe7\xa2c;\xdb8\xdaP0SZ\xab@\xa8\xff&lt;\x02\x02\x00\xec\x8cM\xfd\x8c\x8f\x8fw\xcc\x1d\x1f\x8b\x8e\xe7\xf9\xac\xac\xec:\xf5k\x87\x0e\xe8\xa3(\xca\x8e\x1d;v\xec\xd8\xe1PSBKw\x15\x08\xf5\x9fG\xc0Y\x00{\xb2\xee\xf88j\xd4(\x9e\xe75\x1a\x8d\x03\xee\xf8Xt\x82 \xe4d\xe5\xf4\x1d\x12\xea\xebW\x8e\xe7\xb9\xa1\xc3\x86:\xd4\x94\xd0\x07\xab@g\x13\xcf\x95\x8e*\x10\xab\xff\x9cM&lt;\x87\xfa\xcf\xbfB\x00\x80=Yw|&lt;v\xec\x98,\xcb\xdd{wy\xa5A\xed\xec,\xe7X\xf6\xe7\xf1\xb1)\xa1\x15\x9f\xab0b\xc2PYV\xce\x9f;\xef\x80SB\x89\xa8k\xd7\xae\x1c\xc7\x99\x0b\n~\xdbsP\xefVJ\x02@\xef\xa6\xffm\xcfAsA\x01\xc7q]\xbbv\xb5\xf7\x119\x96R\xf55\x03\xe7\xc2\xa6~\x16\xde\xf1q\xd4\xa4\xe1\xb9\xd9y\x82P\n/K\x8dF\x93\x91n\xea\xf2\xfe\xbb\xb5\xea\xbe\xccq\x1c\x9b\x12\xea87\x01,q\x9b4i\xe2\xe3\xe3CDG\xf6\x1f\xb5XD\x8es\xfa\x0f\x82\xe3x\x8bE&lt;\xb2\xff(\x11\xf9\xf8\xf8\xb0\xa5OKY\xf7\xa2(p"\xc0ndY\xe68\xce\xba\xe3\xe3\xb0q\x83\xfd\x9f\xf1\xcb\xc9\xc9QdE*udI6\x9b\xcdzW\xd7\xd1\x93\x86+\x8a\xc2\xa6\x84:\xceM\x00\x9b\x9c\xea\xe5\xe5\xd5\xb8qc":z(\xe1\xda\xe5kz\xbd\x8b\x83\xe4\xd3\xd3Q\x14E\xafw\xb9v\xf9\xda\xd1C\tD\xd4\xb8qc///v\xd5\xd9\xfb\xd0\x1c\x85\xd3O\xb3+:Y\x96\x9d\xfa*\x7fj\xf6}\xd7\xac\xf8s\xfe\xfc\xf9e\xcb\x96q\x1c\xd7\xb0I\xc0G\x83&gt;\x94%\xd9\xa7\x8cO)\xfezJ\x92\xfcN\xe7\xb7\xba\xbc\xff\xeb\xe6\xb5[\x96-[\xf6\xe1\x87\x1f\xd6\xaf_\x9f\x9d\n{\x1f\x1a\xc9\xb2\xac\xd1h\xbav\xed\xbau\xeb\xd6\xac\xcc\xac\xfd\xbb\x0f|\xf8I\xaf\xbc\xbc&lt;\xe7\x9d\x8c+I\x92\x9b\xbb\xeb\xfe\xdd\x07\xb22\xb3\xe8^\x81K\x92$G8\xdb\x0e\xc2Y?\xdab\xe4\xee\xe1\xce\x0b\xbc$I\xa5f\xda\xc3\x7fR\x14E\x96e\xad\xce\x9e\x9b\x80\xb3\xfa\xcf\xd0\xa1CE\x8bHDM\x03\x1b\x1f\xdcw\xd8\x94\x91\xa9\x11\x84\xd2\x9a\xc6\x1c\x91$\xcbn\xeen\xf5\x02^\xf9a\xe3O\x16\x8be\xd4\xa8Q{\xf7\xeeu\x90\x9b\x00v\xfd\xb7k\xd7\xceh4\x9aL\xa6\xed?\xc7\xf5\xea\xfb\x9eSW\x818\x8e\x97$i\xfb\xcfqDd4\x1a\xdb\xb5kG\xf7\xde&amp;0\xea\r\x00\xd6\x00q\x1c\xf7\xdb\xee\x03\xaf6m\xe0\xed\xe3m\xca0\xf1&lt;_\xea{\x07\xa2(\xe9t:\x0f7\x8f\x94\x9b)\x1c\xc7\xb1\x93`\xe3c`q\xbbe\xcb\x96\xb8\xb88\xadN+K\xf2\xc2\xd9\xb1\x0bg\xc7\xda\xf80\xecH\x10\x04\x9dN\xf7\xdbo\xbfm\xd9\xb2\xa5S\xa7N\x8e\xd0\xff`U \x7f\x7f\xff\xe6\xcd\x9b\xff\xfc\xf3\xcf\t\x87\x8f\xffy\xf9Z\xf9\n\xe5\x9dq-n\xbaW\xff\xf9\xf3\xf2\xb5\x84\xc3\xc7\x89\xa8y\xf3\xe6\xfe\xfe\xfe\x0er\xb3\xe58\xd4{.\xb4Z\xad,\xcb\x92$\xc5D-~\xa7U\xd7}\xbb\xf6\x97)\xeb\xa3w\xd5\x8b\xa2h\xefC+)\x92$\x11\x91O\x19\xafLS\xe6\xf0\xfe\xa3\'\x8f\x9c\xc6\xee\x88m\xfc\x96Y\xf4\x9aL\xa6\xc1\x83\x07+\x8ab1[$\x87\x99\x11o3\x92$\x99\xcdfI\x92\x06\x0f\x1el2\x99\x1cd\x81 v/\xc2\x1e\x95bU 7wg}"\xef\xbe\xfa\x0f{S\x0er\xb3\xe58\x1ce\x12\x82\x8d\xb1\xa6\xff\xdbo\xbf\x9d1c\xc6\x993g\x88\x88\xe3\xb8.\xef\xbd\xfb\xc9\x88~\xb5\xeb\xbe\x9c\x9e\x96!\x89\x92\xa0)=\xb7\x8al\x9c\xc3\xe8e\xcc\xcb\xcd\xfbj\xf9\xba%\xf3\x96\xdeN\xbdCD:\x9d\xae\x7f\xff\xfe\xd3\xa6M3\x1a\x8d\x1c\xc7\xd9\xa6\xa3\xc7\xe6\xfe\x9bL\xa6\x84\x84\x04\xd6\xf09c\x07\xb3\xe8\xd8\x1b\x97e9  \xc0h4:\xc2y`\xc7\x90\x9c\x9c\\\xa3F\r\x93\xc9\xd4*8\xf0\xeb\x1fV\x992\xb2\x9cq^\x96$\xc9F/\xc3\x07o\x87\xec\xd9\x11o4\x1a\xcf\x9d;\xe7\xef\xef\xef\x08\'\xd9\xa1\xa84\x00\xac\xccfsTT\xd4\xfc\xf9\xf3\xd3\xd3\xd3\x89\xc8\xe8\xe5\xf9\xf1\xe0\xd0~C?2x\x1aL\x19&amp;r\xfe\x19c\x8a\xa2H\x92\xe4a\xf0\xe0y&gt;~\xe7\xfey\xd3\x17\x9cH8\xc5\xfe\xe8\xf5\xd7_\x8f\x8c\x8c\xacU\xab\x96}\x8f\x10\x1c\n+\x92t\xec\xd8\xf1\xe7\x9f\x7f6x\x1a\xb6\x1d\xfc\xd1\x19\xab@\x8a\xa2\xe8t\xba[7n\xb5o\xfaVVf\xd6\x9bo\xbe\xf9\xd3O?\xa1\xfe\xf3 U\x9f\x0eI\x92t:\xdd\xa4I\x93\x0e\x1f&gt;\x1c\x1a\x1a\xcaq\x9c)#s\xde\x8c\x85o\x05v\xde\xbcv\x8b\xc1\xd3\xe0\xee\xee&amp;\x89\x92\xf3f\xa4(\x8a\x82F\xf0)\xebs\xfe\xec\x85\x81\xbd\x87~\xf0\xf6\x87\xac\xf5\xaf]\xbb\xf6/\xbf\xfc\xb2u\xeb\xd6Z\xb5jI\x92}\xde K&amp;\x90\xect\xfe\x1f\xa6tT\x81$\xd4\x7f\x1e\x8f\xda\xef\x00X3\xc4&amp;\xba\xed\xda\xb5\x8b\x85\x01\xfb\xa3\xe6\xad\x9b\x8d\x980\xb4i`\x93\x9c\xac\xec\xfc|\xb3\xc6\xa9*B\xb2$\x13G&gt;e\xbcS\x92S?\xfft\xc5\x17\x8bV\x16\xe4\x17\x10\x91\xbf\xbf\xff\xa0A\x83\xc6\x8e\x1d\xab\xd3\xe9\xd8\xf7\x01}"(\xactT\x81P\xffyL\xce\xf4\xa1\x96\x04\x8e\xe34\x1a\x8d,\xcb\xa2(\xb6i\xd3f\xff\xfe\xfd+W\xae\xacX\xb1"\x11\xed\xdf}\xa0\xc7\xeb\xbd\xc6\r\x9e\x98\x91n\xf2)\xe3E\xf7\x06Q\x1d\x9c\xa2(\xa2(zx\xba\xeb]\xf5k&gt;_\xfbN\xebn\x8b\xa2?+\xc8/p\xd1\xbb\x84\x86\x86&amp;$$L\x9a4I\xa7\xd3I\x92\xa4\x86)O\xf0\xa4\n\xcf\x05""6\x17\xc8\xb9\x9e\x08{\xd8\xfc\x1f\xb4\xfe\x0f\xc2\xf7\x9f\x88\x88-C\xc6n\x05BBB\x8e\x1d;6i\xd2$WWW\xb3\xd9\xbcz\xd9W\xed\x9b\xbe\xb5t\xe1rA\x10\x8c^FI\x92\x1c\xf7FR!Q\x14\xb5ZmY\xdf2\t\x87\x8f\xbf\xff\xd6\x87c\x06\x8d\xbfr\xf1\n\x11\xb5m\xdb6~o\xfc\x8a\x15+*T\xa8 \x8a\xa2\xa2(v\x9ft\x08\x0e\xcb\xd9\xab@\xa8\xff&lt;&gt;\x04\xc0\xff\x08\x82\xc0\xba\xcf\xbe\xbe\xbe\xd3\xa7O?z\xf4\xe8\xeb\xafw \xa2\xdb)\xb7\xa7\x85\xcd\xe8\xda\xae\xe7\x9e\x1d{\r\x9e\x06W7W\xd1":Z\x87H\x92$\xe2\xa8\xaco\xd9\xd4\x94\xdb\x83?\x1c\xd1\xbd\xc3\x07\x07\xe3\x0f\x11Q\x8d\x1a5V\xae\\\x19\x17\x17\xd7\xa8Q#Vn\xd6h4\xe8\n\xc1#\x14~"\x8c\x88\xb6\xff\x1c\'I\x92\x13=\x11\x86\xe7\xbf\x1e\x9f\xd3|\xa8\xb6\xc1*Bl`\xa0V\xadZ[\xb7\xfe\xf2\xcb/\xbf\xd4\xae]\x9b\x88N$\x9c\xfa\xe0\xed\x90\x81\xbd\x87^\xbdt\xb5\x9c\x7f9A\x10D\xd1!\xfaD\xb2,\xcb\xb2l\xf4\xf2$\xa2\xa8\xa9\xd1o\x05v\xda\xf4\xf5\xb7f\xb3\xd9\xd5\xd5\x95\ri\x84\x84\x84\xb0\xdf\x11\x04\x01M?\xfc\xa7\x07\xab@W.\xfd\xa9wu\x8e*\x90\xa2(zW\x97+\x97\xfeD\xfd\xe7q \x00\xfe\x05\xc7q\x82 \xb0F\xb3C\x87\x0e\t\t\t\xd3\xa7O\xf7\xf7\xf7\'\xa2\x9f\xbe\xdd\xfaN\xebn\xb3&amp;E\xe6\xe6\xe6\xfa\x94\xf5\xb6oEHQ\x14I\x94\xdc\xdc\xdd&lt;\x0c\xee\xdb\x7f\xde\xd91\xb0\xd3\xbc\x19\x9f\xb2\t\xfe={\xf6&lt;z\xf4\xe8\xf4\xe9\xd3\x8dF\xa3(\x8a(\xf7\xc3\x13aWu\xe7\xce\x9d\x89(+3\xeb\xf4\xf1Dg\xd9\x1e\x80m\x00p\xfax"\xab\xff\xb0\xb7\xe0\x14Gn\x17h\x14\x1e\x8a5\x9a\xd2\xbd\xa9\xa2\xc7\x8e\x1d\x0b\r\r%\x8eL\x19\xa6\x85\xb3c\xdfm\xddm\xf3\xd7\xdfz\x1a=\xdd\xdd\xddXU\xdd\xc6\x87\xc7\xca\xfd^e\xbc\xce%\x9d\xeb\xf5Nhh\xd7~\x17\xfe\xb8HD\x8d\x9b4\xde\xb1c\xc7\xbau\xebj\xd5\xaa\xc5\x0e\xccy\x17\xf3\x02{a\xdd\x85\xa6M\x9b\xba\xb8\xb8\x10\xd1\xeem{\xc9\x89z\xd0\x1c\xb7{\xdb^"rqqi\xda\xb4)a\xaa\xdb\xc3\xa9}\x1a\xe8\xe3\xb8o\xaa\xe8\x9c9sv\xee\xdc\xc9\xfe\x88M\x15m\xd6\xb2ivfv~~\xbem\x9aZI\x92\x04A0zy\xde\xb8~+&amp;r\xd1\x86/7Y\xa7xN\x980\xe1\x93O&gt;a\xab\\\x10\xae{(\x02v\t\xbd\xf6\xdak\x87\x0e\x1d\xf2\xf3\xf7\xdd~\xf8g\x0f\x83\x07\xdb\xc8\xcc\xde\x87\xf6P\xac\xbb\x93\x9d\x95\xdd\xae\xf1\x9b)\xc9\xa9M\x9a4\xf9\xed\xb7\xdf\x08_\x84\x87\xc3y\xf9o\x85\x07\x06\xda\xb4i\x13\x17\x17\xf7\xff\xa6\x8a\xbe\xd1{\xf0\x87\xc3SSn\x97)\xebC%&lt;U\x94\xad`a\xf46r\x1c\xf7\xe5\xe7_\xbf\xf9\xda;_.\xfb\xba \xbf\xc0\xd5U?d\xc8\x90S\xa7N\r\x192D\xab\xd5b\x8a\'\x14\x1d{n\xb6S\xa7ND\x94\x92\x9cz\xf8\xc0\xef.z\x9d\xd9l\x16\x1d\x98\xd9lv\xd1\xeb\x0e\x1f\xf8=%9\x95\x88:u\xea\xe48;.8&amp;\xdc\x01&lt;\x19\xd6\xb6r\x1c\x97\x9a\x9a\x1a\x1b\x1b;o\xde\xbc\xbc\xbc&lt;"*\xeb[v\xd0\xa8O&gt;\xf8\xa8\xa7\xab\x9bk\x96)\x8b\xb8b\xeet\xb0r\xbf\xbb\xc1]\x10\x84\xf8\x9d\xfb\xe6\xcd\xf8\xf4\xc4\xef\'\xd9\x1f\x15^\xd1\xc1zx\xc5\xf8\xd2\xa0N,\x00.\\\xb8P\xa7N\x9d\x82\x82\x82\xce=\xdf\xfdz\xdd\xaats\x86#O\xa7\x91$\xc9[\xe7\xf5\xc1{!\xdf\xae\xff\xce\xc5\xc5\xe5\xf4\xe9\xd3\xd5\xaaU\xc3\n\x10\x8f\x80\x00x\x1a\xa2(\xb2jORR\xd2\xacY\xb3\xd6\xaf_\xcf~^\xfd\xa5ja\xd3F\xb7{\xb3\xad(J\xd9Y\xd9\xc55\xebF\x14E\x9dNg\xf46\x9e9uf\xfe\xcc\x98\x9f\xbe\xdd\xca~^\xbbv\xed\t\x13&amp;\xf4\xe8\xd1\x83\xd0\xf4C\t\xb0V\x81\x0e\x1f&gt;\xec\xed\xe3\xfd^h\xf7\x7f\x16\xef#G\xbc\xcc\x14\xfagq\xbdu+\xbfIOKo\xdc\xb81\xea?\xff\t\x01\xf0\x94\n\x0f\x0c\xfc\xfa\xeb\xafaaa\x89\x89\x89\xec\x8f:v~c\xc8\xd8\x81\xb5\xeb\xd5\xca\xce\xca6\x17\x98\x8b20`]\xd1!\xf9V\xca\xaa\xcf\xd6\xac\xfal\r[\xa2\x0e+:\x80\r\xb0\x8e\xce\xdc\xb9s\xc7\x8e\x1dk\xefcybQQQc\xc6\x8c\xb1\xf6\xd5\xe0_!\x00\x8a\xc4\xda\xf8\x9a\xcd\xe6e\xcb\x96\xcd\x9a5+99\x99\x88\\\xf4.}\x07\x87\xf6\x1b\xf6\x91\x9f\xbfo\xda\xddtR\x88\x7f\xc2\xa5TX\xc0x\x1a\r\xa2(m\xfaz\x</t>
        </is>
      </c>
    </row>
    <row r="154">
      <c r="A154" s="1" t="n">
        <v>152</v>
      </c>
      <c r="B154" t="inlineStr">
        <is>
          <t>polygon_sides_color</t>
        </is>
      </c>
      <c r="C154" t="inlineStr">
        <is>
          <t>What is the missing color of the part denoted with a question mark?</t>
        </is>
      </c>
      <c r="D154" t="inlineStr">
        <is>
          <t>['orange', 'purple', 'green', 'blue']</t>
        </is>
      </c>
      <c r="E154" t="inlineStr">
        <is>
          <t>orange</t>
        </is>
      </c>
      <c r="F154" t="inlineStr">
        <is>
          <t>There are 6 colored polygons arranged in a triangle with color ['yellow'] in the top row, ['red', '?'] in the middle row, and ['yellow', 'red', 'orange'] in the bottom row.</t>
        </is>
      </c>
      <c r="G154" t="inlineStr">
        <is>
          <t>We observe that the polygon with 4 sides is yellow in color and the polygon with 7 sides is red in color. Thus, the pattern is that the polygons with the same number of sides have the same color.</t>
        </is>
      </c>
      <c r="H154" t="inlineStr">
        <is>
          <t>Based on the pattern that the polygons with the same number of sides have the same color, the missing color of the part with 9 sides should be orange.</t>
        </is>
      </c>
      <c r="I154" t="inlineStr">
        <is>
          <t>b'\x89PNG\r\n\x1a\n\x00\x00\x00\rIHDR\x00\x00\x02\x00\x00\x00\x02\x00\x08\x02\x00\x00\x00{\x1aC\xad\x00\x00`\xb9IDATx\x9c\xed\xddw|\x14\xd5\xda\x07\xf03m[v\xd3\x13HB\x07iI\x08\x04L\x08\xbd\x17)\tr\xa5#M\x05\xf4\xda\xef\xbd\x80\x08\x82\xd2\x9b\x15A\x05\x95^T\x9a\x08\x88\xa0\x02R\x82\x04\x84\xd0\x9b\xb4\x14\xd2\x93\xddl\xb6\xcc\x9c\xf3\xfeqd\xcdK3@\xc8Ny\xbe\x7f\xf9Q\x0c\x93\x9d\x9d\xe7w\xda\x9c\xc3\x10B\x10\x00\x00\x00\xeda\xbd}\x01\x00\x00\x00\xbc\x03\x02\x00\x00\x004\n\x02\x00\x00\x004\n\x02\x00\x00\x004\n\x02\x00\x00\x004\n\x02\x00\x00\x004\n\x02\x00\x00\x004\n\x02\x00\x00\x004\n\x02\x00\x00\x004\n\x02\x00\x00\x004\n\x02\x00\x00\x004\n\x02\x00\x00\x004\n\x02\x00\x00\x004\n\x02\x00\x00\x004\n\x02\x00\x00\x004\n\x02\x00\x00\x004\n\x02\x00\x00\x004\n\x02\x00\x00\x004\n\x02\x00h\x17\xc6\x18c\xec\xed\xab\x00\xc0kxo_\x00\x00\xde\x811fY\x16!D\x8f\xc5f\x18\xc6\xdbW\x04@E\x83\x1e\x00\xd0"\xb7\xdb\xcd\xb2\xec\xac\xd9\xf3\xfb&gt;3\x98a\x18B\x08\x8d\x01\x004\x05\x02\x00h\x8e\xdb\xed\x16\x04a\xd6\xdcO6,\x7f\x97)\xd8\xd5\xe7_\xcf\xb2,\x8b1\x86\x0c\x00Z\x03\x01\x00\xb4\x85V\xff\xb9\x0b\x16~\xf1\xc1\x9b?\xae}\xe6\xdbo\x86J\xd9\xdb\x93\xfa\x0e\xe58\x0e2\x00h\r\x04\x00\xd0\x10O\xf5\xffl\xfe\x1b\xbf\xef\x18\x1a\xe0\xabwg\x14m\xf9v\x08\xca\xdb\x01\x19\x004\x08\x02\x00hE\xe9\xea\x7fx\xc7\xd0@?\x03\xb6\xbbx\x96\x91\xf2\xed\x9b\xd6C\x06\x00-\x82\x00\x00\x9apg\xf5\x97lN\x96c\x19\x06\xb1\x98@\x06\x00m\x82\x00\x00\xeaw\xd7\xea\xcf\xf1\x7f}\xf9\x19\x96\x81\x0c\x00\xda\x04\x01\x00T\xee\xfe\xd5\x9f\x82\x0c\x00\xda\x04\x01\x00\xd4\xac,\xd5\x9f\x82\x0c\x00\x1a\x04\x01\x00T\xab\xec\xd5\x9f\x82\x0c\x00Z\x03\x01\x00\xd4\xe9A\xab?\x05\x19\x004\x05\x02\x00\xa8\xd0\xc3U\x7f\n2\x00h\x07\x04\x00P\x9bG\xa9\xfe\x14d\x00\xd0\x08\x08\x00\xa0*\x8f^\xfd)\xc8\x00\xa0\x05\x10\x00@=\xca\xab\xfaS\x90\x01@\xf5 \x00\x80J\x94o\xf5\xa7 \x03\x80\xbaA\x00\x005x\x1c\xd5\x9f\x82\x0c\x00*\x06\x01\x00\x14\xef\xf1U\x7f\n2\x00\xa8\x15\x04\x00P\xb6\xc7]\xfd)\xc8\x00\xa0J\x10\x00@\xc1*\xa6\xfaS\x90\x01@} \x00\x80RUd\xf5\xa7 \x03\x80\xca@\x00\x00E\xaa\xf8\xeaOA\x06\x005\x81\x00\x00\xca\xe3\xad\xeaOA\x06\x00\xd5\x80\x00\x00\n\xe3\xdd\xeaOA\x06\x00u\x80\x00\x00J"\x87\xeaOA\x06\x00\x15\x80\x00\x00\x8a!\x9f\xeaOA\x06\x00\xa5\x83\x00\x00\xca \xb7\xeaOA\x06\x00E\x83\x00\x00\n \xcf\xeaOA\x06\x00\xe5\x92\xc5#\x04\xc0}\xc8\xb9\xfaS\x90\x01@\xa1d\xf4\x14\x01p\'\xf9W\x7f\n2\x00(\x91\xec\x1e$\x00&lt;\x94R\xfd)\xc8\x00\xa082}\x96\x00PV\xf5\xa7 \x03\x80\xb2\xc8\xfaq\x02\x9a\xa5\xc4\xeaOA\x06\x00\x05Q\xc0\x13\x05\xb4F\xb9\xd5\x9f\x82\x0c\x00J\xa1\x98\x87\nh\x84\xd2\xab?\x05\x19\x00\x14Aa\xcf\x15P7uT\x7f\n2\x00\xc8\x9f"\x1f-\xa0Jj\xaa\xfe\x14d\x00\x909\x05?]@M\xd4W\xfd)\xc8\x00 g\x8a\x7f\xc0\x80\n\xa8\xb5\xfaS\x90\x01@\xb6T\xf2\x8c\x01\xe5Rw\xf5\xa7 \x03\x80&lt;\xa9\xea1\x03\x8a\xa3\x85\xeaOA\x06\x00\x19R\xe1\x93\x06\x94B;\xd5\x9f\x82\x0c\x00r\xa3\xda\x87\r\xc8\x9c\xd6\xaa?\x05\x19\x00dE\xe5\xcf\x1b\x90\'mV\x7f\n2\x00\xc8\x87&amp;\x1e9 +Z\xae\xfe\x14d\x00\x90\t\r=u@\x0e\xa0\xfaS\x90\x01@\x0e4\xf7\xe0\x01/\x82\xea_\x1ad\x00\xf0:\x8d&gt;{\xa0\xe2A\xf5\xbf\x13d\x00\xf0.M?~\xa0\xc2@\xf5\xbf\x17\xc8\x00\xe0E\xf0\x04\x82\xc7\x0e\xaa\xff\xfdA\x06\x00o\x81\x87\x10&lt;^P\xfd\xcb\x022\x00x\x05&lt;\x87\xe01\x82\xea_v\x90\x01\xa0\xe2\xc1\xa3\x08\x1e\x17\xa8\xfe\x0f\n2\x00T0x\x1a\xc1c\x01\xd5\xff\xe1@\x06\x80\x8a\x04\x0f$(\x7fP\xfd\x1f\x05d\x00\xa80\xf0L\x82r\x06\xd5\xff\xd1A\x06\x80\x8a\x01\x8f%(OP\xfd\xcb\x0bd\x00\xa8\x00\xf0d\x82r\x03\xd5\xbf|A\x06\x80\xc7\x8d\x81/\x13(\x17\x18c\x96eg\xce\xfdd\xc9\x07o\xfe\x0e\xd5\xbf\xfc\x10L0\xcbp\x01\xa6\xa4~+%\xff\xae\xdfo\\\x89\x10"\x840\x0c\xe3\xedK\x03\x8a\x07\xcf\'(\x07\x18c\x84\xd0\x8cY\xf36|\xfd\xf6\xe1\x1dC\x03}\xf5\xb8\x18\xaa\x7f\xf9\xf8\xbb\x1f\xb0fp\xa0\xb4\xe7_\xfd\x06\x15\x17\x17\x13B\xa0\xe9\x06\x1e\x1d&lt;\xa2\xa0\xbc\x90\x94\x94cUB\xf9\xa0\xaa\x01\xa2\xdd\xcd\xb0\xf0\xd5*7\x0c\xcbH.\t\x99\x84f\xd1\xa1))G\x9dN\'4\xffA\xb9\x80! P\x0eh\x83\x94e\xd9&gt;\xffz\x16go\xdb\xfc\xedP)\xdf\xceb\xc2\xb0P\xa7\xca\x81\xdb\x8d\x85*\xfes\xde\xdb\xf9\xd9f|\xe4\xf7}\x01\xfe\xfe0\x04\x04\xca\x054\xd3@9`\x18\x86a\x18I\xc2\x1b\xbf]\xce\x84tO\xea\xb7\x92\x0b0a\x96!\x18\x9a\x17\x8f\x8aV\xff\xb9\xd3~\xfa|\x0b\xfe=yo\x80\xbf?\xc6\x18\xaa?(\x17\x10\x00\xa0|0\x0c\xc3\xb2\x8c$I\x9b\xbe]\x81\x02\xbbA\x06\x94\x0bO\xf5\xffl\xb3t8yo``\x80$I,\x0c\xaf\x81r\x02\xdf$Pn\x18\x86aYV\x92\xa4M\xdfA\x06\x94\x83\xdb\xab\x7f@\x80$I\x1c\xc7y\xfb\xba\x80z@\x00\x80\xf2\x04\x19P^\xa0\xfa\x83\n\x00\x01\x00\xca\x19d\xc0\xa3\x83\xea\x0f*\x06\x04\x00(\x7f\x90\x01\x8f\x02\xaa?\xa80\x10\x00\xe0\xb1\x80\x0cx8P\xfdAE\x82\x00\x00\x8f\x0bd\xc0\x83\x82\xea\x0f*\x18\x04\x00x\x8c \x03\xca\x0e\xaa?\xa8x\x10\x00\xe0\xf1\x82\x0c(\x0b\xa8\xfe\xc0+ \x00\xc0c\x07\x19p\x7fP\xfd\x81\xb7@\x00\x80\x8a\x00\x19p/P\xfd\x81\x17A\x00\x80\n\x02\x19p\'\xa8\xfe\xc0\xbb \x00@\xc5\x81\x0c(\r\xaa?\xf0:\x08\x00P\xa1 \x03(\xa8\xfe@\x0e \x00@E\x83\x0c\x80\xea\x0fd\x02\x02\x00x\x81\x963\x00\xaa?\x90\x0f\x08\x00\xe0\x1d\xda\xcc\x00\xa8\xfe@V \x00\x80\xd7h-\x03\xa0\xfa\x03\xb9\x81\x00\x00\xde\xa4\x9d\x0c\x80\xea\x0fd\x08\x02\x00x\x99\x162\x00\xaa?\x90\'\x08\x00\xe0}\xea\xce\x00\xa8\xfe@\xb6 \x00\x80,\xa85\x03\xa0\xfa\x039\x83\x00\x00r\xa1\xbe\x0c\x80\xea\x0fd\x0e\x02\x00\xc8\x88\x9a2\x00\xaa?\x90?\x08\x00 /\xea\xc8\x00\xa8\xfe@\x11 \x00\x80\xec(=\x03\xa0\xfa\x03\xa5\x80\x00\x00r\xa4\xdc\x0c\x80\xea\x0f\x14\x04\x02\x00\xc8\x94\x123\x00\xaa?P\x16\x08\x00 _\xca\xca\x00\xa8\xfe@q \x00\x80\xac)%\x03\xa0\xfa\x03%\x82\x00\x00r\'\xff\x0c\x80\xea\x0f\x14\n\x02\x00(\x80\x9c3\x00\xaa?P.\x08\x00\xa0\x0c\xf2\xcc\x00\xa8\xfe@\xd1 \x00\x80b\xc8-\x03\xa0\xfa\x03\xa5\x83\x00\x00J"\x9f\x0c\x80\xea\x0fT\x00\x02\x00(\x8c\x1c2\x00\xaa?P\x07\x08\x00\xa0&lt;\xde\xcd\x00\xa8\xfe@5 \x00\x80"y+\x03\xa0\xfa\x035\x81\x00\x00JU\xf1\x19\x00\xd5\x1f\xa8\x0c\x04\x00P\xb0\x8a\xcc\x00\xa8\xfe@} \x00\x80\xb2UL\x06@\xf5\x07\xaa\x04\x01\x00\x14\xefqg\x00T\x7f\xa0V\x10\x00@\r\x1e_\x06@\xf5\x07*\x06\x01\x00T\xe2qd\x00T\x7f\xa0n\x10\x00@=\xca7\x03\xa0\xfa\x03\xd5\x83\x00\x00\xaaR^\x19\x00\xd5\x1fh\x01\x04\x00P\x9bG\xcf\x00\xa8\xfe@# \x00\x80\n=J\x06@\xf5\x07\xda\x01\x01\x00\xd4\xe9\xe12\x00\xaa?\xd0\x14\x08\x00\xa0Z\x0f\x9a\x01P\xfd\x81\xd6@\x00\x005+{\x06@\xf5\x07\x1a\x04\x01\x00T\xae,\x19\x00\xd5\x1fh\x13\x04\x00P\xbf\xfbg\x00T\x7f\xa0Y\x0c!\xde&lt;S\x1b\x80\nC\x08\xc1\x18s\x1c\x97\xd4w(\xca\xdb\xb1i\xfd\x10)\xdf.\xb9$]\xd5\x00\xa8\xfe@\x9b \x00\x80\x86\xfc\xbf\x0c\xc8\xdd\xb1i\xed`d\x12\xe6\xbc\xbb\xf3\xf3-\x18\xaa?\xd0 \x08\x00\xa0-\x9e\x0c\xe8\xd5gH\x10\xfe\xb5i\xa3\xca\x1f\xacu\xfe~\x18\xaa?\xd0"\x08\x00\xa09\x9e\x0c\xf8\xd73\x03\xff8v\xec\xc8\x91C\xfe\xfe\xfeP\xfd\x81\x06A\x00\x00-"\x840\x0cB\x08\xd9\xedv\x93\xc9\x07c\xcc\xb2\xb0 \x02h\x0e\x04\x00\xd0:B\x08C\xd3\x00\x00\x8d\xe1\xbd}\x01\x00x\rm\xfd@\xf5\x07\x9a\x05=\x00\x00\x00\xd0(\x18\xf7\x04\x00\x00\x8d\x82\x00\x00\x00\x00\x8d\x82\x00\x00\x00\x00\x8d\x82\x00\x00\x00\x00\x8d\x82\x00\x00\x00\x00\x8d\x82\x00\x00\x00\x00\x8d\x82\xf7\x004\x07\x16\xbfk\x19)\x85\xee\x92M\xff%\xbc\x08\xadM\xf0\x1e\x80\xb6x\xf6&lt; \x18K\x183\xa5x\xfb\xd2\xc0cA7&gt;B\xb7\xaa\xfc\xbd\n\xbd$I,\xcb\xc2\xd7@k \x004D\x14E\x9e\xe7\x8bl\xb6\xfc\xa2\xa2\xea\xe1\xe1\xa5\xff\x93$I\x9e&amp;!T\x01\xe5\xba\xb3\x81\x7f\xdb\xddt8\x1c\x97/_&gt;s\xe6Ljj\xea\xf9\xf3\xe7\x0b\n\n\xecv\xfb\x07\x1f|\xd0\xb8qc\x041\xa0=\x10\x00Z\xe1v\xbb\x05A\xf8\xf5\xc0\x81\xd7F\x8d2\xb9\\~5kV\xad_?\xa1U\xab\xa8\x06\r\x1a5l\xa8\x17\x04\xcf\x9f,\xdd9\x80\x91\x01\x99\xa3\r|\xfa\x14\xdf\xb5\x81\x9f\x99\x99y\xf2\xe4\xc9\xabW\xaf\xd2\x8a_\\\\\xac\xd3\xe9\xc2\xc3\xc3\xc3\xc3\xc3\xa3\xa3\xa3\xa3\xa2\xa2\x96-[\xb6z\xf5\xean\xdd\xba\xcd\x9e=;44\x14!\x04\x1b\xa3j\x07\x04\x80\xfa\xd1\xf6 \xcb\xb2\xef/^\xfc\xc9\xe4\xc9s\x9b5\x8b\xafV\xedtF\xc6\xb1\x8c\x8c\xb3\x05\x05\x97].W@@\xf5\xe8\xe8z\x91\x91\xadZ\xb6\x8cj\xd0\xa0rPP\xe9\xff\x1d:\x07\xf2q[\x03\xff\xce2]PP\x90\x9e\x9e\x9e\x9a\x9a\x9a\x92\x92r\xe3\xc6\r\x9b\xcd\x96\x97\x97\xe7\xef\xef_\xb3f\xcd\xda\xb5k7j\xd4\xa8j\xd5\xaa\xe1\xe1\xe1&gt;&gt;&gt;\xf4\xa7\x95\x94\x94\x98L\xa6\x0b\x17.\x8c\x1b7\xee\xd0\xa1C/\xbf\xfc\xf2\xff\xfe\xf7?\x8e\xe3\xe8\xa8\x11\xc4\xbf\xeaA\x00\xa8\x9c\xa757l\xec\xd8\xe3\xeb\xd7\xaf\xe8\xd9\xb3J@@aI\x89I\xa73\xf0&lt;\x8b\x90\xdd\xe9\xbc\x9c\x9b{2335;\xfblq\xb1U\xaf\xb7T\xaf\x1e\xd9\xb4it\xe3\xc6-\xe2\xe2\xea\xd5\xaaU\xfa\xa7aI\xc2\x10\x06\x15\xa8t\x03\x9f\xe3\xb8;?\xf3\x1b7n\x9c={655\xf5\xfa\xf5\xebg\xcf\x9e-,,\xf4\xf3\xf3\x0b\x0e\x0e\xae_\xbf~\xadZ\xb5\xea\xd5\xab\x17\x16\x16\x16\x1a\x1aJK\xb9\xeb\x16I\x92P\xa9\xa3\x92\x8dF\xa3\xd9l\xde\xb5k\xd7\xdbo\xbf\x9d\x97\x977w\xee\xdc\xc4\xc4D\x84\x90(\x8aw\xfdK\x81j@\x00\xa8\x19\x1d\xf4\xcf\xca\xcd\xed\xfd\xf4\xd3\xe1\x97/\x7f\x91\x94\xe4\xc2\xd8\xeer\xf1,K\x08\xc1\x08\x11B8\x96\xd5\xf3\xbcQ\x10x\x96u\x8bb\xae\xcdv\xfa\xe6\xcd\xb3YY\xc7rs\xaf\x11b\xacR%\xa4f\xcd\xb8\x16-\xa2\xa3\xa2\x9a\xc5\xc4\xf8[,\xb7\xfd|\x98F.G\xa5\x1b\xf8w\x1d\xcf)\xdd\xc0\xbf~\xfdzvv6BH\xaf\xd7\xd7\xa9S\'::\xbaF\x8d\x1a\xf5\xea\xd5\x0b\x0e\x0e6\x1a\x8d\x08!\x8c\xb1\xd3\xe9t\xb9\\n\xb7\x9b\xf6\x18\xeeu\xa7\x08!\x92$\xf9\xf9\xf9\xf1&lt;\xbfd\xc9\x92\xe9\xd3\xa7GFF\xce\x9e=;::\x1a\xdd\xfa\x16U\xc8\x07\x00*\x1a\x04\x80:y\x0e\xbd\xda\xb5g\xcf\x8b\xa3F\r\xf4\xf5\x9d\xd0\xa1C\xa6\xd5J\x08a\xef|\xfe\x11\xc2\x84 B\x18\x86\xe1Y\xd6(\x08:\x9eg\x11\xca/.\xbe\x96\x97w&lt;3\xf3DN\xcee\xbb\xbd\xc8l\xaeT\xaf^\xfd\xe8\xe8\xe6\t\tM\x9b4\xa9V\xb9r\xe9\x1f\x02\x9d\x83Gq\xaf\xd9\xd7\xabW\xaf\x1e?~\xfc\xe2\xc5\x8bg\xcf\x9eMOO\xcf\xcf\xcf/\xdd\xc0o\xd0\xa0A\xb5j\xd5|}}i\'\xcf\xe5r9\x1c\x0eZ\xeeK\xaf\xf2,\xe3\xed\xa0]\x8d\xe0\xe0\xe0\xcc\xcc\xccY\xb3f\xadZ\xb5j\xf0\xe0\xc1o\xbf\xfdvpp\xb0\xe7\xebT\xee\xbf8\xf0.\x08\x00\x15\xc2\xb7\xa6pg\x7f\xf4\xd1\x17\x93&amp;}\xd8\xae]\xbb:u2\x8a\x8ax\x96-K%\xa0#\x0e\x84\x10\x9e\xe3\xf4\x1cg\x10\x04\x81e\x9dnwZA\xc1\xc9\x8c\x8c\xd399\'\xf2\xf3\x8b\xf4z\x12\x12R/6\xb6y\x8b\x16Q\r\x1bF7lh(5\x8d\x8c1\xc6\xb0\xc6\xb4\xcc&lt;ks\x0b\n\n\xce\x9f?\xff\xe7\x9f\x7f\xa6\xa4\xa4\x9c;w\x8e\xb6\xdf\x83\x82\x82"""\xa2\xa2\xa2"###""BCC\r\x06\x03\xfd\xbf\x1c\x0e\x87\xd3\xe9\xf4L\xd2\x94\xcb\xa7-\x8a\xa2N\xa7\xf3\xf3\xf3\xfb\xe3\x8f?\xdey\xe7\x9d\x83\x07\x0fN\x992\xe5\xc5\x17_\xa4\xff\xe9&gt;\x0bI\x81\x12A\x00\xa8\r\x1d\xf4\xc7\x92\xf4\xcc\xc8\x91Y;v,\xe9\xd93\xd4l\xce\xb5\xdb\x85\x87zni\xe7\x80\xf6\x1bt&lt;o\x14\x04\x1d\xc7I\x18\x17\xd9\xed\xe7\xb3\xb3\xcf\xdc\xbcy"/\xef\xac\xdd\x8eCB\x02\xabV\x8dMH\x88\x8d\x8dm\x1a\x13\x13\x11\x1az\xdb%\xc14\xf2\xbd\xd0\x01\x96%K\x96|\xfb\xed\xb76\x9b\xcd\xc7\xc7\xa7V\xadZ\x11\x11\x11111\xb5k\xd7\x0e\x0b\x0b\x0b\x08\x08\xa0\x7f\x92\xb6\xee].\xd7}Vy\x96\x0bB\x88(\x8a\x16\x8b\xc5h4n\xd9\xb2e\xdc\xb8q~~~S\xa7N\xed\xda\xb5+\x82\x89\x01u\x81\x00P\x15ZM\xae\xa7\xa7?\xd5\xbbw\xd3\xc2\xc2\x05\xdd\xbb;D\xb1\xc4\xed\xe6\xcb\xa3\xd5Fn\rR#\x86\xe1X\xd6\xc0\xf3\x06A\xe0\x10*v:o\xe4\xe7\x9f\xcd\xce&gt;\x92\x91q\xd9f\xcb\x12\x04\xdf\x9a5\x1b6m\x1a\xd3\xb8q|\\\\\xad\xaaU\xf5\xf7\xe8\x1c@[\x92\xa6\xf5\xcf?\xff&lt;`\xc0\x80\xef\xbf\xff&gt;,,\xacR\xa5Jz\xbd\x9e\xfe\'Z\xf1EQ|\x88\xf1\x9cGG\xefTPP\x90\xddn_\xbcx\xf1\x9c9s\xda\xb4i3c\xc6\x8c\xbau\xeb"X*\xaa\x16\x10\x00*\xe1\x19\xa5\xdd\xf9\xeb\xaf\xc3\x07\x0cx\xb3V\xad\x17\x13\x122\xadV\x84\xd0\x9d\x83\xfe\xe5\xf67\xde\x9aF\xd6q\x9cA\x10\xf4\x1c\'a\x9cm\xb5\x9e\xca\xc88\x9b\x93s4\'\'\x9b\xe3\x1c\x16K\xd5\xc8\xc8\xb8\x16-b\xa2\xa3ccb\x02\xee\x98FF\x08\xd1\x96\xac\xd6\x1a\x95\xb4\x86^\xb8p\xa1y\xf3\xe6\xdf|\xf3M\x87\x0e\x1d\n\n\n$I\x92\xd5\xe8\x19\xbd\xc8\x80\x80\x80\xeb\xd7\xaf\xcf\x981\xe3\xdbo\xbf\x1d6l\xd8\xe4\xc9\x93}}}a\xa9\xa8\n@\x00\xa8\x81\xa796e\xd6\xac\xd5\xb3g\x7f\xd8\xae]\xdbZ\xb5\xd2\x8b\x8a\x1en\xd8\xe7!\xd0\xce\x01\xbe5\x8dl\x12\x04=\xcf#\x84l%%\xd7\xf2\xf3S\xd2\xd2\xe84\xb2\xd5l\xf6\xafV\xada\xd3\xa6\xcd\x13\x12\x1a5lx\xfb\x1a\xd3[C\xe1Z@\xabg~~~\\\\\xdc\x7f\xfe\xf3\x9f\xb1c\xc7\xde\xbcyS\xa7\xd3y\xfb\xba\xeeN\x14E\x83\xc1`\xb1X~\xff\xfd\xf7\xb7\xdez\xeb\xe2\xc5\x8bS\xa6L\x196l\x18\x82\x97\x87\x15\x0e\x02@\xf1\xe8\xb0\x8f\xcdj\x1d2zt\xd1O?}\xf9\xf4\xd3\x16\xbd&gt;\xdfn\x17\xbc\xd7C\xc7\xb7\xbeU,\xc3\xd05\xa6t\x1a9\xbd\xb0\xf0rN\xce\xef\xe9\xe9\x97\xac\xd6k\x18\xf3\xe1\xe1\xf5\x9a4i\x10\x15\x95\xd0\xbcy\xfd:u\xfc\xccf:\xd6\xe1\xad\xcb\xae0\x9e\xeeZ\xb3f\xcd\xbav\xed:}\xfa\xf4\xac\xac,\xa1\xd4@\x99\x0c\xd1\xa5\xa2\xbe\xbe\xbez\xbd~\xed\xda\xb5o\xbf\xfdv\xa5J\x95\xe6\xcc\x99\xd3\xb2eK\x04\x13\x03\x8a\x05\x01\xa0l\xb4\xfa\x9f9w\xaeO\xbf~]D\xf1\xbd.]l\x0e\x87C\x14\xcbe\xd0\xbf\\\x94\x9eF\x16\xe8H\x11\xcf#B\n\xed\xf6sYYgn\xde&lt;\x9a\x9d}M\x92\xf2\x05\xa1q\xdb\xb6K?\xff\\\x0b\x19@\xef\xda3\xcf&lt;#\x8a\xe2\xc6\x8d\x1bsrr\x942\x9eN\x97\x8a\x06\x04\x04\xd8\xed\xf6\xf9\xf3\xe7\x7f\xfe\xf9\xe7\xad[\xb7^\xb0`ADD\x04\x82\x89\x01\x05\x82\x00P*\xcf\xebB\x1b\xb6n}q\xd8\xb0\xf7\x1a5\x1a\x14\x1b\x9b\xf58\x07\xfd\x1f\xdd_\xd3\xc8\x08!B8\x965\x08\x02\x9dFv\xba\xdd\xe9EE\xadV\xacX\xf7\xd3O];u\xc2\xaa\xae#tS\xa6I\x93&amp;\xfd\xf8\xe3\x8f\xc9\xc9\xc9yyyr\x18\xeb\x7f \x92$\xf1&lt;\xef\xef\xef\x7f\xf5\xea\xd5\xb7\xdez\xeb\xd7_\x7f\x1d:t\xe8\xb4i\xd3x\x9e\x87\x89\x01e\x81\x00P$OSk\xf2\xcc\x99\xcb\xa7M[\xd9\xabWLXX\x96\xcd&amp;\x9f\x86\x7fY\xd0idD\x88\x84PU?\xbf\xd9\xbf\xfe\xba\xc5`H\xf9\xed7\x15O\x06\xd0\xb6\xff\x8a\x15+\xde~\xfb\xed\xc3\x87\x0f\x9bL&amp;\x97\xcb\xa5\xc4_\x96\x8e\x08\xd1=$\x0e\x1e&lt;\xf8\xfa\xeb\xaf\xe7\xe6\xe6\xce\x9d;7))\t\xc1\xc4\x80r@\x00(\x8f[\x14\x05\x9e\xcf\xcb\xcf\x1f4|8JN^\x9c\x98h\xd6\xe9\n\x1c\x8e\n\x9b\xf2-w\x04!\x06!\x96\xe3\x9e\\\xb2\xe4\xebm\xdb\xbau\xea\xa4\xca\xc1\x04\xfaK\xed\xdf\xbf\xbfw\xef\xde?\xff\xfcs\xc3\x86\r\x0b\n\n\x14\xbd\xcb\x82gb@\xa7\xd3}\xfe\xf9\xe7s\xe7\xce\xad\\\xb9\xf2\xc2\x85\x0bcbb\x10L\x0c(\x81RK\x86f\xb9\xddn\x81\xe7\x93SRZ\xb5m\xdb\xe8\xd2\xa5\xef\x06\x0f\xe6X\xb6H\xc9\xd5\x1f!\xc4 $b\x1c`0\x8c\x8e\x8e\x9e8e\nR\xe3\x81et\xd67###11q\xd5\xaaUQQQJ\xaf\xfe\x08!\x86ax\x9e\xa7{\x8e\xbe\xf0\xc2\x0b)))\xf1\xf1\xf1\xdd\xbbw\x1f1bDNN\x0e\xcf\xf3\x0c\xc3\xd0\x8d\xe7\x80&lt;)\xb8jh\r]:"\x08\xc2\x97\xabV=\xdd\xb5\xeb\xc4\xca\x95\xa7t\xebv\xd3j\x95$\x89Sr\xf5\xa7x\x96\xcd-.~.&gt;&gt;\xed\xf0\xe1\x1d\xbbv\xd1]*\xbd}Q\xe5\x86\xf6\xb3KJJ:t\xe80a\xc2\x84n\xdd\xba\xe5\xe6\xe6*\xbd\xfa{\xd0\xfd!rrr\x08!\xf3\xe7\xcf\xdf\xb3gO~~~dd\xe4\'\x9f|B\x08\xa1\x9bK\xd3\xb9\x01 70\x04\xa4\x0c\x9e!\x91\x97\xc7\x8d\xfb\xf1\xd3O\xd7$&amp;\xd6\x0e\x0e\xce-.V\xd6\xa0\xff\xfd\x89\x18\x87Z,\xf3\xf6\xec\xf9\xde`8\xba\x7f\xbfjf\x02\xe8\xce\n\x82 t\xef\xde=""b\xc9\x92%\xf2_\xf4\xf9pJO\x0cl\xd9\xb2\xe5\xddw\xdfu:\x9d\xb3f\xcd\xea\xd1\xa3\x07\x825B\xb2\x04\x01\xa0\x00\xa5wu\xae|\xe9\xd2\xa2\xc4D\x96alN\xa7\x9a\xaa?\xc5 \xc4\xb0l\xfcW_}\xb9uk\xd7\x8e\x1d\xd5\xb1\x03%\xbd}\xa3F\x8d\xbaq\xe3\xc6\xb6m\xdb\n\n\n\xd4\x11l\xf7Bc 00P\x14\xc5E\x8b\x16-X\xb0 **j\xce\x9c9QQQ\xaa\tu\xd5\x80\x9b!wn\xb7\x9b\xe7\xf9\xbd\x07\x0f\xb6\x8c\x8b\xebj\xb5\xae\x1b0\xc0%\x8atO\x7fo_Z\xf9sc\x1cd2\xf5\xa9Q\xe3\xa3E\x8b\xd41\r@\xab\xff\x07\x1f|\xf0\xdbo\xbfm\xde\xbc\xd9f\xb3\xa9\xe3\xf7\xba\x0f:1\x90\x9f\x9fo\xb3\xd9^{\xed\xb5\xc3\x87\x0f\xd7\xad[\xb7M\x9b6\xb3g\xcffY\x16\xc6\x82d\x05z\x00\xf2\xe5YR\xed9\xca\xb1{\xc3\x86i\x85\x85e\xdc\xd5Y\x89\x08B\x02\xcbf\xd9\xed\x1d\xbe\xf9\xe6\xb7\x94\x94\x86\xf5\xeb\xd3w\x1d\xbc}]\x0f\x89\x0ez\xec\xde\xbd\xbb\x7f\xff\xfe\xc7\x8e\x1d\x0b\x08\x08p:\x9d\xca\xfdu\x1e\x82gs\xe9_\x7f\xfd\xb5[\xb7n\x97.]\x8a\x88\x88\xd0\xc2\xbb~J\xa1\xa1\xef\xa2\xb2\xd0\x95\xd4,\xcb\x0e\x1b;v\xd9\xc4\x89\x9b\xbaw\xefP\xb7nZa\xa1\xa0\xde\xea\x8f\x10b\x10r\x88b\xbd\xe0\xe0\xde\x95+O|\xf7]\x86Qp\x03\x85V\xff?\xfe\xf8\xa3\x7f\xff\xfe\xdf|\xf3MXXXII\x89\xa6\xaa?B\x88\xe7yI\x92233\xdb\xb5k\xd7\xa6M\x9b\xc5\x8b\x17#\x84\xd44\xbd\xaft\xda\xfa:*\x85(I\x1c\xc7]OOo\xde\xb6\xadu\xeb\xd6\xdd\x83\x06\x05\x9b\xcd\xb9\xc5\xc5\x8a^\xebYF\x1c\xcb\xe6\xdb\xedo\xb6i\xf3\xcb\xa6M\xa7\xce\x9cQ\xe8\xa0\x01\xdd\xd1377\xb7W\xaf^\x1f~\xf8a\xfb\xf6\xed\xf3\xf2\xf2T\xb3\xec\xe7\x81\xd0\x11!\x8cq\xff\xfe\xfd7l\xd8\xa0\xe8.\x9d\xfa\xc0\x9d\x90\x17:\x81\xc6s\xdc\xce={\xe2cc\x9fv:W\xf6\xebgu\xb9\x1c\xe5\xb4\xa7\xbf\xfc\xd1N@\x9d\xa0\xa0\xa4\xf0p\x85v\x02\xe8\x05\xb3,\xdb\xae]\xbb\xe7\x9f\x7f~\xf0\xe0\xc1j]\xf6SF,\xcbZ\xad\xd6\xa4\xa4\xa4\xc2\xc2\xc2\xbd{\xf7\xaal\x8d\xaf\xa2)\xef\xe9R\xb1\xd2G9~&gt;i\xd2\xc2\x0e\x1d\xda\xd6\xaa\x95V\x81\xbb:\xcb\x04\x9d\t\xc8-)i\xbdn\xdd\x81\xa3G\x157\x13@\'~\xfb\xf6\xed\xab\xd3\xe9\xd6\xacY\x93\x9d\x9d\xad\xcd\xb6\x7fi\xa2(\x86\x84\x84\x0c\x192\xc4h4~\xf1\xc5\x17p\xd0\xbcL(\xe6\xa1R=Q\x92\xe8pG\xdfa\xc3\xb6N\x9f\xbe\xed_\xff\x8a\xafV\x8d\x0e\xfa{\xfb\xd2*\x9a\xa7\x13\xd0G\x81\x9d\x00\xbajk\xd2\xa4I\xd7\xaf__\xb5j\x95\x82v\xfa|\xac\x18\x86q\xbb\xdd\xfd\xfb\xf7\xdf\xb9sgII\t\xc7q\n\xba\xa7*\xa6\xb9\xe2"O\xa2(\xf2\x1cw=-\xadq|\xbc\xe5\xc0\x81\xcd\xfd\xfb[\xf4\xfa&lt;\xbb]\xa7\xd5\xda\xc1\xb1l\x81\xdd\xfez\xeb\xd6{6o&gt;\x7f\xf1\xa2Rf\x02\xe8\x0b_\x8b\x16-Z\xb9r\xe5\xf7\xdf\x7f_\\\\\xac\xb8\x9d&gt;\x1f\x13\x8e\xe3\xacVk\x97.]\xf4z\xfd\xd6\xad[\x19\x86Q\xc4\rU=\x08\x00/\xa3\x1b&lt;\xf0&lt;\xbfa\xeb\xd6\x16\xcd\x9a\r\xd7\xe9\x16\xf5\xee]\xe8p8E\x91gY\xcd\xb6\x91\x18\x84JD\xb1NPP\x9c\xc5\xf2\xe9\xd2\xa5\x8a\xe8\x04\xd0M\x92\xf7\xed\xdb7q\xe2\xc4\x9f~\xfa\xc9\xdf\xdf_k\x8b&gt;\xefO\x92$\xbd^\xdf\xabW\xaf\xaf\xbf\xfe\xda\xdb\xd7\x02\xfe\xa2\x80\xe7J\xc5&lt;/\xc7\xbf3k\xd6\xb2\xf7\xde[\xde\xa3Gl\x95*\x99V\xab\x06\x87}\xee\x84\t\xf1\xd1\xe9\x8e\xa5\xa7\x0f\xdc\xb3\xe7\xfc\xb9sAAAH\xc6\x9b\xc4\xd1w\\322\xa2\xa3\xa3W\xadZ\xd5\xb1c\xc7\xfc\xfc|\x18\xe6.\x8d\x10b0\x18\xae\\\xb9\xd2\xb6m\xdb?\xfe\xf8\x03^\x08\x90\x03(4^C7\xcb\xb5Y\xadI\x83\x06\xed\x9b?\x7f\xcf\xd0\xa1\r+U\x82\xea\xef\xc12\x8c\xd5\xe9lU\xb3fc\x96\x9d\xb1`\x81\x9c\x07\rh+\xaa\xa0\xa0\xa0m\xdb\xb6\x13&amp;L\xe8\xda\xb5\xabf\x17}\xde\x07\xc30v\xbb\xbd~\xfd\xfa5k\xd6\xdc\xb8q#\x82\x17\x02d\x00j\x8dw\x10B\xe8Q\x8e\xcdZ\xb5\xaav\xfc\xf8\xc6!C8\x86Q\xfa\xae\xce\xe5\x8ee\x98b\xa7s|\x9b6_}\xf6YNN\x0e\xcb\xb22\xec\xb0\xd2\xbd\xdeX\x96MLL\xec\xd1\xa3\xc7\x9bo\xbe\xa9\xf1E\x9f\xf7\xc70L\xbf~\xfd\x96-[\xa6\xac\x95]j\x057\xc0\x0b\x08!\x88\x90\xef\xb7m\xeb\xd8\xaa\xd5\x1b\x81\x813\xbbu\xcb+.v\xabbW\xe7\xf2E;\x01-k\xd4h"\xe3N\x80$I\x82 \x8c\x1c9\xd2\xc7\xc7g\xc1\x82\x05\xb9\xb9\xb9P\xfd\xef\x85\xbe\x100h\xd0\xa0\xabW\xaf\x9e:uJ)s\xfb*\x06\x15\xa7\xa2\xd1q\xcf\x82\xa2\xa2g\xfb\xf7\xff4&gt;~hllFQ\x11\xcb0\xb2=\xc8\xd7\xbbd\xde\t\xa0\xeb\xd9\xe7\xcf\x9f\xbf\x7f\xff\xfe\xef\xbe\xfb\xae\xa8\xa8\x08\x06\xb5\xef\x83a\x18\xa7\xd3\x19\x1e\x1e\xde\xa4I\x93\xb5k\xd7\xa2[\x1b^\x01o\x81\x00\xf0\x0e\x11\xe3@\x8b\xe5\x89\xe0\xe0\x1cu\xed\xe9_\xeeJw\x02\xa6\xcd\x9f/\xabN\x00\xad\xfe\x9b7o\x9e;w\xee/\xbf\xfc"\x8a\xa2(\x8a\x10\x00\xf7\xc70\x8c(\x8a\xc3\x87\x0f_\xb7n\x9d\xcb\xe5\x82\x97$\xbc\x0bJ\x8fw0\x08I\x18;\xdcn\x18\xf6\xf9G\xb4\x130\xaeu\xeb\xf5_\x7fm+.\x96I\'\x80.\xfa&lt;t\xe8\xd0\xa8Q\xa36l\xd8\x10\x1a\x1a\xeap8`P\xfb\x1fq\x1cg\xb3\xd9z\xf4\xe8a\xb7\xdb\x0f\x1d:\x04gFz\x17|_\xbd\tZ\x8beAO\xbfI\xa8^=\xbc\xa4\xe4\xeb5k\xe4\xd0\t\xa0\x13\x98\xd9\xd9\xd9\x89\x89\x89K\x97.m\xd1\xa2E^^\x1e\x0c\xfd\x97\x91\xdb\xed\xf6\xf5\xf5\xed\xd9\xb3\xe7\xc7\x1f\x7f\xec\xedk\xd1:\x08\x00\xa0\x04\x0c#a&lt;&amp;6v\xce\xacY.\x97\xcb\xbb\xef\x85\x11B\xe8\xca\x9f\x8e\x1d;\xbe\xf2\xca+\x89\x89\x89t\xd9\x8f\x1c\xfa%\x8a\xc0\xb2\xac\xd3\xe9\x1c&gt;|\xf8\xbe}\xfb\x8a\x8a\x8a`[\x08/\x82\x00\x00\n\xc01LAII\xdfF\x8d|22\x96,_\xee\xdd\xd5#\xf4\x9d\xaf\x97^z\xa9n\xdd\xba\x13\'N\xcc\xce\xce\x86\xb6\xff\x03aY\xb6\xb8\xb8\xb8I\x93&amp;~~~\xdb\xb7oG0\x15\xec=\x10\x00@\x19\x08B\x88\x90\xff&amp;$\xcc\xf2v\'\x80\x0e\xdc%\'\'\x0f\x1c8P\x92$\x18\xc7{\x08\x92$\x19\x0c\x86\xc1\x83\x07/\\\xb8\x10\xc1X\xa8\xf7@\x00\x00e\xa0\x9d\x80&gt;QQr\xe8\x04 \x84|||\x8a\x8b\x8be8\xebK\x8f\x94\x10\xff?I\x92d\xd5\xca\xe68\xcen\xb7?\xf3\xcc3\xa7O\x9fNKK\x93\xc9\xc4\xbe\x06\xc9\xee\xeb\x0b\xc0\xbdx:\x013\xbd\xdd\t@\xb7\x06\x82\xbc\xf5\xb7\xdf\x89\xd6}\x8c\xb1 \x08~~~\xc1\xc1\xc1!!!\xc1\xc1\xc1\xf4\x1f\x02\x03\x03}||\x90lv_\xf0l\x0b\xd1\xb8qc8\'\xd2\x8b`\xbb\x12\xa0\x18\x9eN\xc0\xdc\x83\x07\xbfX\xb6\xec\xa5\xe7\x9f\xf7\xec\xa6\xa7qtg\x11\xb3\xd9,\x8a\xe2\xf5\xeb\xd7\xcf\x9e={\xe9\xd2\xa5\x8c\x8c\x0c\xbb\xdd\x8e\x10\xb2X,\xd5\xaaU\x8b\x8a\x8a\x8a\x8c\x8c\xf4\xf3\xf3+((\x90\xcf6\x0c\x03\x07\x0e|\xff\xfd\xf7\xdf{\xef=\x99\\\x8f\xd6@\x00\x00%\xa1\x9d\x80\xff4o&gt;m\xde\xbc1#F\xb0P\xfdoU\xff\xc2\xc2\xc2\xb5k\xd7n\xdd\xba5999++\xeb\xce?\xc6\xf3|\xe3\xc6\x8dG\x8e\x1c9t\xe8P\x84\x90\xd7\xb7\xaa\xa6\xdbBt\xeb\xd6m\xe2\xc4\x89\xc7\x8e\x1dk\xd2\xa4\x89\xdc:UZ\x00\x01\x00\x94\x84n\x99\xd7\xbd~\xfd\xc9\x07\x0e\xec\xfc\xe5\x97\xee\x9d;k\xbc\x13\x8016\x99L\'N\x9cHJJ\xca\xcc\xcc\xa4\xff\xd2l6\xd7\xae]\xbbr\xe5\xca\x16\x8b\x05c\x9c\x9b\x9b{\xe9\xd2\xa5\x1b7n\x1c9r\xe4\xc8\x91#\x1b6l\xf8\xf2\xcb/\x03\x03\x03\xbd\xfb\xe6\x1a\xdd\x16"""\xa2C\x87\x0e\x0b\x17.\\\xb2d\t\x04@\xc5\x83\x00\x00\n#b\x1c\xa8\xd3\x8dj\xd8\xf0\xed\xa9S\xbbw\xee\xac\xf1\x05$\x0c\xc3\xb8\\\xae\x1a5j \x84\x0c\x06C\xef\xde\xbd{\xf4\xe8\xf1\xe4\x93O\x86\x85\x85\x99L&amp;ZOEQ\xcc\xcd\xcdMNN\xfe\xe0\x83\x0f\xf6\xed\xdb\xb7k\xd7\xae&gt;}\xfa\xec\xd8\xb1C\x10\x04\xef\xaeb\xa2\xdbB\x0c\x1c8\xf0\xdf\xff\xfewII\x89\xc1`\x80\x13\x02*\x18\xe4-P\x18\x9ee\xf3\xed\xf6\xe7\xe3\xe3\xd3\x0e\x1f\xde\xb1k\x17\xcb\xb2Z\x9e?\xa45\xd4\xcf\xcf\xef\xab\xaf\xbe\xfa\xf9\xe7\x9f\xd7\xae];x\xf0\xe0j\xd5\xaa\x11B\xacVkAAAAAAqq\xb1\xd9l\xee\xdd\xbb\xf7O?\xfd\xf4\xef\x7f\xff\x1b!\x94\x92\x922c\xc6\x0c___\xef.\r\xe28\xae\xa8\xa8\xa8s\xe7\xce\x06\x83\xe1\xfb\xef\xbfG\xf0B@\x85\x83\x00\x00\xca\xe3\xc68\xc0`\x18\x1d\x1d=q\xca\x14\xa4\xf9U\xe4\xf4\xbd\xaa\xf6\xed\xdb7n\xdc8777??\xdf\xe9t\xd2\x7f\xcfq\x1c\xc7q4#\xf3\xf3\xf3\xedv\xfb\x87\x1f~\xd8\xb9sg\x96e\x97/_~\xe5\xca\x15\xbd^\xef\xdd\xf5\x97\xf4\x85\x80\xee\xdd\xbb\xaf^\xbdZ\xe3\xf7\xd1+ \x00\x80\xf2\xf0,\x9b[\\\xfc\x1ct\x02naY\xd6f\xb3\xd9\xedvZ\xf1\xef\xac\xa4\x0c\xc3\xf0&lt;O_\x08x\xed\xb5\xd7\x08!\xb9\xb9\xb9\x07\x0e\x1c0\x99L\xdemt\xb3,\xebp8\x06\x0e\x1cx\xf0\xe0\xc1\x9b7o\xc2\xb6\x10\x15\x0c\x02\x00(\x92\xe8\xe9\x04\xbc\xf3\x0e\xd2|\'\x00!\xc4\xb2\xec?\xce\xa0r\x1cWRR\x12\x1d\x1d]\xb9re\x86a\xce\x9c9\xe3\xf5\x82K\xa3+..\xaez\xf5\xea\xeb\xd6\xad\xa3o3x\xf1z\xb4\x06\x02\x00(\xd2_\x9d\x80\xb8\xb8\xf4#G\xb6\xed\xdc\t\xbb\n\x97\x05\xfd\x94\xccfshh(\xed\x04\xc8\xa1\xb9M\'~\x93\x92\x92\xd6\xaf_\xcf0\x0c,\x04\xaaH\xf0Y\x03\xa5\x121\x0e4\x1a\x87\xd7\xaf?c\xee\\\xe8\x01\x94\x1d\xc30\xa5?.\xaf\x7ft\xf4\x84\x80\xfe\xfd\xfb_\xb8p\xe1\xcc\x993^\xdf\xe4CS \x00\x80Rq,[PR2\xa0I\x933\x07\x0f\x9e\x82\xc2Q\x06\xf4\x05`\x87\xc3QXX\xc80\x8c\x9f\x9f\x9fw\xb7\xd3\xa0\x18\x86)))\xa9]\xbbvLL\xcc\xca\x95+\x11\xac\x05\xaa@\x10\x00@\xa9\x18\x84\x1c\xa2\xf8DPP\xcf\xd0\xd0\x89\xef\xbe+\x87Z&amp;s\x84\x10A\x10n\xdc\xb8\x91\x96\x96F\x08\xa9[\xb7.\xc6\xd8\xeb=\x00tk1\xeb\x88\x11#\xe0\x9c\xc8\n\x06\x01\x00\x14\x8cc\xd9|\xbb\xfd\xcd6m~\xd9\xb4\t:\x01\xffH\x92$\x93\xc9\xb4y\xf3f\x97\xcbe6\x9b\xe3\xe3\xe3KJJ\xe40\xe6\xee9\'\xd2\xe9t\x1e&lt;x\x10ft*\x8c\xf7\xef=\x00\x0f\x8dv\x02\xea\x04\x05%\x85\x87C\'\xe0\xfeDQ\xf4\xf5\xf5={\xf6\xecg\x9f}\x86\x10JLL\xac_\xbf~II\x89\x1cz\x00\xe8\xd69\x91m\xda\xb4Y\xbe|9B\x08\xeec\xc5\x80\x00\x00\xca\xf6W\'\xa0uk\xe8\x04\xdc\x87(\x8a&amp;\x93\xa9\xa4\xa4d\xd4\xa8Q\xd9\xd9\xd9\x01\x01\x01\x13\'Nt8\x1c2\xa9\xfe\xe8\xd69\x91\xcf?\xff\xfc\xb6m\xdb\x8a\x8a\x8ax\x9e\x87\x0c\xa8\x00\x10\x00@\xd9Jw\x02&amp;L\x9d\n\x9d\x80;\xd1\xc6uaaaRR\xd2\x81\x03\x07\x18\x86Y\xb4hQ\xdd\xbaue2\xfeC\xd1\xf7\x99[\xb4ha\xb1X\xe0\x9c\xc8\n#\x97\xdb\x0f\xc0C\xa3\x9d\x807Z\xb7N\xfe\xe1\x87\x94c\xc78\x8e\x83\xda\xe1!\x8abHH\xc8\xa9S\xa7\xbat\xe9\xb2w\xef^\x9e\xe7\x97,Y\xf2\xcc3\xcf\xe4\xe5\xe5\xc9m\xae\x95\x9ef3l\xd8\xb0O&gt;\xf9D&amp;\xb3\xd3\xaa\x07\x01\x00\x14\xcf\xd3\t\xa8\xc60\xdf\xef\xd8\x81\xa0\xf1\x88\x10B\x88\x10\x821\x0e\x0e\x0e^\xb5jU\xe7\xce\x9dO\x9d:\x15\x14\x14\xf4\xcd7\xdf\x8c\x181"//\x8f\xe7e\xb7\x130]\x0b\xd4\xaaU\xabs\xe7\xce\xd1\xde\tt\xe6\x1e7\x08\x00\xa0x\x98\x10\x8b^\xbf\xff\xca\x95?u\xba1#G"\x84\xe4\xd6\xb6\xf5\nB\x88\xbf\xbf\xff\xd4\xa9S\x87\x0e\x1d\x9a\x97\x97\xd7\xa4I\x93\x9f~\xfa\xa9W\xaf^999\xf2\xfc|h\x0f`\xcd\x9a5m\xdb\xb6\xf5\xf1\xf1\xf1\xeeV\xd5\x1a!\xbbV\x00\x00\x0f\n\x13\xe2\xa3\xd7\xcf\xda\xbbw\xe8\x0b/T\xaeTI\xe3G\xc4P\x92$\x05\x04\x04L\x992e\xda\xb4i\x08\xa1\xfe\xfd\xfb\x7f\xfa\xe9\xa7&amp;\x93I\x9em\x7fJ\x10\x84\xa2\xa2\xa2\xef\xbf\xff~\xcd\x9a5\xde\xbe\x16\xad\x80\x1e\x00P6O\xf3\xff\x18\xc6\x13\xdfxC&gt;\xa7\xddz\x91$I\xfe\xfe\xfe\x9b7o\xa6\xd5\x7f\xc4\x88\x11+W\xae\xa4k\xede[\xfd\xe9&amp;E?\xfc\xf0\x83\xc9dj\xde\xbc9!\x04R\xbc\x02h\xfdQ\x01J\xe7i\xfe\x8f\x18=:88\x18&amp;\x0fi\x04\x96\x94\x94\xd0\xea\xdf\xb6m\xdbO?\xfd\xd4j\xb5\x8a\xa2(\xe7\x92JO6\xfe\xea\xab\xaf\xfa\xf5\xeb\xa7\xd3\xe9\xe0E\xb0\x8a\x01\x01\x00\x14\xact\xf3\xff-h\xfe#\x84\x10"\x84\xf8\xf8\xf8\x1c9r\xe4\xf8\xf1\xe3&lt;\xcfO\x9e&lt;\x99\xe38Q\x14\xe5\xfc\xc9\x10B\x8cF\xe3\xa5K\x97\x8e\x1f?&gt;d\xc8\x10\x84\x90\x9c\xafVM\xe0S\x06\n\x06\xcd\xff;a\x8cu:\xdd\x89\x13\'0\xc6\x91\x91\x91\xcd\x9a5\xb3Z\xad\xb2\x1d\xf9\xa1\xe8\xf8\xcf\xbau\xeb\x9ex\xe2\x89\x06\r\x1a\xc0\xe9\xf0\x15\x06&gt;e\xa0T\x98\x10_\xda\xfc\x97$h\xfe\x97\xc60\xcc\x8d\x1b7\x10B\x8d\x1a52\x9b\xcd\xf2_\x14K_\xdf\xdb\xb4iS\xbf~\xfd\xe8\xeaUo_\x91V\xc0\x03\x03\x94\x8a\x10\xa2\x17\x84\xd9\xfb\xf6\x8d\x1c;\x16\x9a\xff\x1e\x0c\xc3`\x8ci\xab?&lt;&lt;\\\xfe\xafFc\x8c\xcdf\xf3\xe1\xc3\x87\xaf]\xbb\xd6\xbf\x7f\x7f\x86a\xe4&lt;W\xa12\xb2\xee\x18\x02p/\x04!\xa3 \x9c\xcb\xceN))Y\xf5\xf2\xcb\xd0\xfc\xbfMnn\xae(\x8a\xf4\xb0-o_\xcb?\xc0\x18\x1b\x0c\x865k\xd6\xc4\xc5\xc5U\x82U\xbc\x15\x0b\x02\x00(\x92\x84\xb1\xaf\xd9\xfc\xe9\x8f?\xb6\xef\xd9\xb3r\xe5\xcaP5&lt;\x18\x86q8\x1c}\xfb\xf6\xad]\xbbv\xbbv\xedd\xb5\xe1\xcf]\xf1&lt;_PP\xb0y\xf3\xe6O&gt;\xf9D\xe6\x9d\x15\xf5\x81\x00\x00\xcaC\x102\xf0\xfc\xa5\xdc\xdc\r\xe9\xe9\x07&amp;OF28\xd7P&gt;\xe8\x99_O?\xfd\xf4\x80\x01\x03JJJd\x1e\x00\xf4\x95\x85m\xdb\xb6I\x92\xd4\xb5kW\x04oqW,\x08\x00\xa0&lt;\x12\xc6\xa1f\xf3[;w\xb6OJ\x8al\xd0\x00\x9a\xff\xb7a\x18\xc6j\xb5\xd2\xb54r\xae\xfe\x14\xdd\x9f\xaeo\xdf\xbe&lt;\xcf\x8b\xa2(\xf3\x05K*\x03\x9f5P\x18\xda\xfc\xbf\x98\x9b\xbb)=\xfd\xc0\xe4\xc9\x8a\x18\xe6\xaex\xcc-\xde\xbe\x90\xfb!\x84\xe8t\xba\xb4\xb4\xb4\xe4\xe4\xe4Y\xb3f!X\xfe_\xe1\xe0\xe3\x06\n#a\x1c`2\xcd\xdf\xb7\x8f6\xffa\xcd\xf8\x9d0\xc6&lt;\xcf\xfb\xf9\xf9\xe9t:9/\xa9\xc4\x18[,\x96m\xdb\xb6\x85\x84\x84\xc0\xf2\x7f\xaf\x80\x8f\x1b(I\xe9\xe6\xffth\xfe\xdf\r}\xab6??\x7f\xf7\xee\xddiii&amp;\x93I\xce3\xab\x84\x90\xa5K\x97\x8e\x181\x82\xae^\xf5\xf6\xe5h\x0e\x04\x00P\x92\xbf\x9a\xff{\xf7B\xf3\xff\xae\x08!\x82 \xa4\xa5\xa5u\xea\xd4\xa9{\xf7\xee\xad[\xb7NII1\x99L2\xac\xad\x84\x10\x93\xc9t\xf6\xec\xd9\x8b\x17/\x0e\x1c8\x10\xc1\xf4\xaf7\xc0\xc3\x03\x14\x836\xff\xcf\xe5\xe4l\xc9\xcc\x84\xe6\xff]\xd1=\x15v\xee\xdcy\xf1\xe2E\x83\xc1\x90\x9d\x9d\xfd\xddw\xdf\x19\x0c\x06\x19\x06\x80$I&amp;\x93i\xe9\xd2\xa5\xf1\xf1\xf1\xe1\xe1\xe1\xb0\xfb\xbfW@\x00\x00\xc5\xa0\xcd\xff%\xc9\xc9\t\xdd\xbb\xcb\xa1\xf9/\xe7\xa1\x15tki\xacl/\x92\xe38\x97\xcb\xb5u\xeb\xd6\xe1\xc3\x87{\xfbZ\xb4\x0b\x02\x00(\x86\xc0\xb2\xb9v\xfb\xc6+W^\x19;\xd6\xebu\x8da\x18A\x10\xbc~\x19\xb7\xe18\xae\xb8\xb8\xb8s\xe7\xce5j\xd4())\t\x08\x08\xe8\xdb\xb7\xaf\xc3\xe1\x90\xdb@\x19\xc6\xd8\xc7\xc7\xe7\xb7\xdf~\xc3\x18?\xf5\xd4S\xf0"\xb7\xb7\xc02P\xa0\x0c"\xc6\xa1\x16\xcb\xbc={*7m\xda\xadS\'\x8c\xb1w\x87\x8c].Wnn.\xcb\xb2^\xbf\x92\xd2\x18\x86q\xb9\\U\xaaT\xd9\xbd{\xf7\xc9\x93\'k\xd7\xae]\xabV-\xbb\xdd.\xb7\xf2\x8a1\xd6\xeb\xf5K\x97.\xa5\xa7?\xc2\xf2\x7fo\x81\x0f\x1d(\x03\xcf\xb2\x05\x0e\xc7g\xa9\xa9_o\xdb\x86d0\xb21g\xce\x9c\xa1C\x87\xf6\xea\xd5+00\xd0\xe9t\xca\xa7\xc22\x0cSRR\x12\x12\x12\xf2\xd4SO9\x9dN\x19V\x7f\xba\xfc?77w\xcf\x9e=\xabW\xafF\xf0"\xb7\xf7\xc8\xeb\x9b\x01\xc0]\x89\x18\x07\xf9\xf8,IN\x8e\x88\x8b\xf3z\xf3\x9f\xb6\xfa;v\xec\xf8\x9f\xff\xfc\xa7s\xe7\xce&lt;\xcf\xf3&lt;\xef\xf5@*\x8deY\xb7\xdb]PP \xabd\xf2\xc0\x18\xfb\xfa\xfan\xda\xb4\xc9\xcf\xcf\xafu\xeb\xd6\xb2\xeaBi\x8d\xec\xbe\x1c\x00\xdc\x89g\xd9|\x87\xe3\xb3\xd4\xd4\xe9S\xa6 \x194\xffY\x96\x15E\xf1\x8d7\xdeh\xd5\xaaUbb"\xdds\xdf\xebWU\x1a\xddTY\xce-\xeb5k\xd6&lt;\xfd\xf4\xd3\xb0\xfc\xdf\xbb \x00\xbc\x86\xe58y\xd5\x0c\xb9\x92U\xf3\xdf\x83\xe38\xb7\xdb\xbdt\xe9R\x96eG\x8f\x1e\x1d\x1c\x1c,\x8a\xa2\xb7/J\x01\xe8{jg\xce\x9c9~\xfc\xf8\x981c\x10,\xff\xf7*\x08\x00\xef \x84X\x8b\x8a\xfc\x8dF\x06!\x0c)p_rk\xfeS\x0c\xc3\xf0&lt;\x8f1\xde\xb0a\xc3\xfe\xfd\xfbg\xce\x9c\x19\x1a\x1a\n\x19\xf0\x8f$I\xf2\xf1\xf1\xd9\xb2eK\xbdz\xf5"""\xe0\x18\x1f\xef\x82\x00\xa8h\xf4\x84&amp;\x8b\x8fO\xb36m\xde\xd8\xb6\xcd\xc0\xf3\x06A\x10\xa1\x17|\x0f\x7f5\xff\x0f\x1d\x92U\xf3\x9f\xa2\x95\xcbh4\xee\xdb\xb7\xef\x83\x0f&gt;\xd8\xbcyspp\xb0\xdb\xed\xf6\xf6u\xc9\x1a\xcb\xb2N\xa7s\xed\xda\xb5C\x87\x0eE\x08\xc1\xf8\x8fwA\x00x\x87\xc1`\xd8\xfe\xc3\x0f\x81II\x1dV\xae\xcc\xb5\xd9\x82||\xdc\xf0$\xdc\r]\xfb\xff\xc5\x993\xb2j\xfe{\xb0,+IRpp\xf0\xe6\xcd\x9bG\x8e\x1cy\xe2\xc4\x89\xc0\xc0@\xe8\x07\xdc\x0b=\xfd1%%%==}\xf0\xe0\xc1\x08\xc6\x7f\xbc\r\x02\xc0\x0bh\xcb\x11c\xfc\xf5\xa7\x9f\x0e\x9b1#i\xfb\xf6\x9f\xcf\x9f\x8f\xf0\xf3sc,\xaf\xf2\xe6m\x12!~F\xe3\x96S\xa7|\xeb\xd5\x93[\xf3\xdf\x83\xe38Q\x14\x9b7o\xfe\xc1\x07\x1f\xf4\xec\xd93++K\x9e[/\xc8\x01]\xfe\xbfl\xd9\xb2v\xed\xda\x99\xcdf\xd8\xfe\xc1\xeb\xe0=\x00\xaf\xa1k\xf5^\x1f3\xa6iL\xcc\xa8!C\x8egf\xbe\xd5\xa1C\xa6\xd5\x8a\ta\xe1\xa9@\x08!\xc4 $\x11\xb2\xf8\xd8\xb1\x97\xdf\x7f\x1f\xc9\xaf\xf9\xef\xc1\xf3\xbc\xdb\xed\x1e:thZZZ\xd7\xae]\x8f\x1f?\xeev\xbba\xab\xa2;\t\x82PTT\xb4u\xeb\xd65k\xd6x\xfbZ\x00B\xd0\x03\xf0.A\x10DQl\x93\x90\xb0\xff\xf0\xe1\x1f-\x96\xfek\xd7\xeax\xde\xa4\xd3\xc1\x94\x00BH"\xc4\xdfh\xdct\xeaTQ\xe5\xca\xcf\x0f\x1b&amp;\xf3\xdd\x02\xe8\xad\x1c?~|tt\xf4\xd3O?\x1d\x18\x18\x08\x9d\x80\xdb\xd0\x8d\xea~\xf8\xe1\x07\x93\xc9\xd4\xbcysB\x88\x0c\xfbsZ#\xdf\'J#x\x9e\x97$)4(\xe8\xd0\x9e=U\x07\x0fn\xbb|\xf9\x8d\x82\x82 \x1f\x1f\xc8\x00\x06!\xc40s\x0f\x1e\x9c0~&lt;=\xd8D\xe6\rj:\x16\xb4z\xf5\xea\x1b7nL\x9c8\x11&amp;\x84oC\x08\xe1y\xfe\xeb\xaf\xbf\xee\xdf\xbf\xbfN\xa7\x93$\xc9\xdbW\x04 \x00d\x80\xe38B\x08\xc6\xf8\xe3\xd9\xb3\xc7/^\xdc{\xc7\x8e\x1fN\x9f\x0e\xf3\xf3\x93d;\xe4\xf1\xf8\xd1\xe6\xff\xc6\x93\'\x8b\xc3\xc2\x9e{\xf6Y\xafo\xfcY\x16\xf4\xdd+\x8c\xf1\x8f?\xfe\xb8v\xed\xdaE\x8b\x16\x85\x86\x86B\x06P\x84\x10\xbd^\x9f\x9e\x9e~\xec\xd8\xb1\x01\x03\x06 8\xfdQ\x1e\xe0\x1e\xc8\x02\xc30tJ`\xe4\xe0\xc1\x1b~\xfcqzf\xe6\x94\x1d;*[,,\xc3H\x9aL\x01O\xf3\x7f\xfc\xf8\xf1:\x9dN)\xe3\xe9t\x8doPP\xd0\x8e\x1d;\xde~\xfb\xed_~\xf9\x05\x16\x05Qt\xfd\xcf\x9a5kj\xd4\xa8\x11\x19\x19\xa9\x88D\xd7\x02\xb8\x072"\x08\x82[\x14\xe3\x9b6\xfdm\xcf\x9e\xe3\xb5j%\xadX\xa1\xe78\xb3\xf6\xa6\x04\x94\xd8\xfc\xf7\xe08N\x92\xa4\'\x9ex\xe2\x9bo\xbey\xe6\x99g233}||`\xb8\x03!\xc40\x0c]\xfe\x0f\xdb?\xc8\x87b\x9e+\x8d\x10x^\x92\xa4\xc0\x80\x80\x1f\xb7li0rd\xeb\x15+\xceeg\x87\x9a\xcd\x9a\xca\x00\x856\xff=\xe8d@\x87\x0e\x1d&amp;M\x9a\xd4\xae];\xa7\xd3\xa9\xd7\xeb\xb5\\\xf2h\xf3\xff\xf0\xe1\xc3\xd7\xaf_\xef\xd7\xaf\x1fL\xff\xca\x07\xa3\xe1qf\xf9"\x84\xd0E/\xdfm\xdd\xfa\xd2\xb0a\xef5j4(66\xcbjE\x08\xa9~\x85\xa8\xa7\xf9\xff\xee\xb5k\x17N\x9d\xe2y\x9ea\x18e\x05\x00\xe5v\xbb\x05Ax\xf5\xd5W\x8f\x1f?\xfe\xf3\xcf?\xe7\xe5\xe5\xb1,\xab\xc4_\xe4\xd1\xb9\\\xaeJ\x95*\xbd\xfe\xfa\xeb\x97.]\xda\xb2e\x8b$I\x10\x002\x01=\x009\xa2S\x02\xa2(\xf6\xed\xd9\xf3\x97\x03\x07\xe6\xe7\xe5M\xd8\xb1#\xd0\xc7G\xe08I\xf5\rIB\x04\x8e\xfb\xe4\xf7\xdf_{\xfduE,\xfe\xb9\x17\xfar\xc0\x87\x1f~\x18\x10\x100x\xf0\xe0\xe0\xe0`\r\x0e\x04\x11BDQ\xb4X,\x92$}\xf7\xddw\xa3G\x8f\x86\x16\xa7\xac@\x00\xc8\x17\xcf\xf3\xa2(6\xa8W\xef\xc8o\xbf]\x8b\x89\xe9\xb3r\xa5D\x88\xaf\xc1\xa0\xe2M#0!f\xbd\xfe\xe0\xd5\xab\xd7u\xba!\xcf&lt;\xa3\xe8\xb1\x02\xcfnq\x1b7n&lt;y\xf2\xe4\xf4\xe9\xd3CBB4\xb5(H\x92$\x96eCBB\xf2\xf2\xf2\xfa\xf4\xe9c6\x9b\xbbu\xeb\x86`\xfb\x079\x81\x00\x905\xfa\x96\x80\xd9b\xd9\xb4zu\xeb7\xdfl\xbbb\xc5\xe9\x9b7+[,j\xcd\x00L\x88\x8f^?k\xef\xde\xa1/\xbc\x10\x12\x12\xa2\xdc\xe6?\xe59\x96\xfd\xe7\x9f\x7f\xfe\xe8\xa3\x8f6o\xdeL\x17\x86*\xfa\x97*\x0b\x8c1\xc68  \x80\xe3\xb8)S\xa6&lt;\xf9\xe4\x93&amp;\x93i\xf7\xee\xdd\n\x9a\xcc\xd7\x08\x98\x03P\x00\xcf\x94\xc0\x86\xad[_}\xfe\xf9\xd7j\xd6|1!!SuS\x02\x98\x10\x1f\x9d\xee\x8f\x8c\x8c\xfe\xbf\xfez\xe1\xdc\xb9\xa0\xa0 \xa4\x8a\xc3\x02\xe9\x90\xf7\xa1C\x87z\xf6\xec\xb9e\xcb\x96\xb8\xb8\xb8\xfc\xfc|\xb5\x1e\x81K\x08\x91$\xc9\xd7\xd7W\x10\x84u\xeb\xd6M\x9a4\xa9R\xa5Js\xe6\xcci\xd9\xb2%\xfd\xaf*\xb8\xa1j\x02\x01\xa0\x18\xf4\xe0\xec\xebiiO%&amp;6-,\\\xd0\xbd\xbbC\x14K\xdcn^-\xad*\x11\xe3\xca\xbe\xbe\xbd\x96/o\xfc\xfc\xf3\x0bf\xccP\xd3T!\xbdw\x9b7o\x1e3fLJJ\x8a\xc5bq\xb9\\\xeak\x0e\x8b\xa2h0\x18,\x16Krr\xf2k\xaf\xbd\x96\x9b\x9b;q\xe2\xc4a\xc3\x86\xa1[\xc3AP\xfd\xe5Fm_A\x15\xe3y^\x94\xa4\xaa\x11\x11\x7f$\'[[\xb4H\\\xb7\xce\xeat\x06\x9aL\xea\x18\x0e\xc2\x84X\xf4\xfa\xfdW\xae\x1c\xc3\xf8\xad7\xde\x90\xf9\xce?\x0f\x8aN\x08\'&amp;&amp;\xbe\xf6\xdak]\xbbv5\x9b\xcd,\xcb\xaa\xa9\xedE\xe7\xb7CBB\n\n\n\xc6\x8e\x1d\xdb\xa3G\x8f\xb6m\xdb\x9e&gt;}z\xd8\xb0at8H\xe6\xe7Sj\x96z\x9e1-\xe09\x8e\xbe\x15\xf5\xdd\xb2e=\'N\xec\xf1\xed\xb7\x07\xae\\\t\xf3\xf5U\xc1&gt;\xd2\x9e\xd1\xff\x11\xa3G\x07\x07\x07+}\xf4\xffNt\xb7\xb8q\xe3\xc6EGG\xf7\xea\xd5\xcb\xcf\xcfO\x1d\x01\x801\x16E100P\x10\x84y\xf3\xe65m\xda4;;\xfb\xc0\x81\x03\xb3f\xcd\xa23X,\xcb\xaa)\xcbU\x06\x86\x80\x94\x87n\x1c\xc4q\xdc\xae={^\x1c5j\xa0\xaf\xef\x84\x0e\x1d2\xadV\xa2\xcc}\xa4\tB"\xc6f\x9d.53\xb3\x9f\xbaF\xffoC\xc7\xc7y\x9eo\xdb\xb6mll\xec\xfb\xef\xbf\x9f\x95\x95%\x08\x82\xb7\xaf\xeb!y\x96x\x1a\x8d\xc6-[\xb6\x8c\x1b7\xce\xcf\xcfo\xea\xd4\xa9]\xbbvE\xb7F\xbd\xbc}\x8d\xe0\x1f@2+\x0f\xddtL\x14\xc5Nm\xdb\xfe\x96\x9c\xfc\xa3\xc52h\xdd:\x8bN\xa7\xa0\xa3%\t!\x12!t\xb7;=\xcf\x07\x98L\x95\xfd\xfdg\xaa\xb7\xf9O\xd1\xd7;0\xc6\x9b7o\xfe\xfe\xfb\xef\x15\xbd[\x9c(\x8a\x1c\xc7\x85\x86\x86\x9e;w.11\xf1\xb9\xe7\x9e{\xf9\xe5\x97\x0f\x1d:\xd4\xb5kWQ\x141\xc6P\xfd\x15\x01z\x00\n\xe6\x99&amp;\x1d6v\xec\xf1\xf5\xebW\xf4\xecY5  \xa7\xb8X\x90_\x8f\x9b\xd0\x8e\x0b!\x0c\xc3\x08,\xab\xe3y\xa3 0\x08\xd9JJ\xae\xe4\xe7\x9f\xcd\xca:x\xe3\xc6799\x17.\\Pk\xf3\xd</t>
        </is>
      </c>
    </row>
    <row r="155">
      <c r="A155" s="1" t="n">
        <v>153</v>
      </c>
      <c r="B155" t="inlineStr">
        <is>
          <t>color_size_circle</t>
        </is>
      </c>
      <c r="C155" t="inlineStr">
        <is>
          <t>What is the missing color of the part denoted with a question mark?</t>
        </is>
      </c>
      <c r="D155" t="inlineStr">
        <is>
          <t>['light blue', 'dark blue', 'light purple', 'light yellow']</t>
        </is>
      </c>
      <c r="E155" t="inlineStr">
        <is>
          <t>dark blue</t>
        </is>
      </c>
      <c r="F155" t="inlineStr">
        <is>
          <t>There are circles of various sizes and colors in the image. The circles are ['large', 'small', 'extra large', 'medium'] size, and their colors are ['light blue', '?', 'very light blue', 'medium blue'].</t>
        </is>
      </c>
      <c r="G155" t="inlineStr">
        <is>
          <t>We observe that the largest circle is very light blue color, and the smaller circles change color from light blue to medium blue. Hence, the pattern is that the circles become darker as they become smaller.</t>
        </is>
      </c>
      <c r="H155" t="inlineStr">
        <is>
          <t>Based on the pattern that the circles become darker as they become smaller, the missing color of the smallest circle denoted with a question mark should be dark blue.</t>
        </is>
      </c>
      <c r="I155" t="inlineStr">
        <is>
          <t>b'\x89PNG\r\n\x1a\n\x00\x00\x00\rIHDR\x00\x00\x02\x00\x00\x00\x02\x00\x08\x02\x00\x00\x00{\x1aC\xad\x00\x00\xeceIDATx\x9c\xec\x9dw|UE\xda\xc7\xa7\x9csn/\xa9\xb4\x84\x14H(\t\x84.\x02R\xa4\x08\n*"Vl\xd8{YW\xdd\xd5Uqu}\xd1u-k/\xa8\x88\nb\x07\x01Q\x04\x11\x10\xe9-\xd4\x90\x84\x04\x08\xe9\xb7\xdf{\xca\xcc\xbc\x7fL\xb8FD\xd7J\xe6&amp;\xe7\xfb\xf1\xb3{\xe7\x92rr\xee\x9c\xe77\xf3\xb4\x81\x8c1`bbbb\xd2\xf6@-}\x01&amp;&amp;&amp;&amp;&amp;-\x83)\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xb5\xf4\x05\x98\x98\x9c \x18c\xbf\xf0+!\x84\x7f\xea\x95\x98\x98\x08\x82)\x00&amp;\tL\xdc\xa6SJ\x8fy\x07B\xd8\xdc\x8e\x1f3\xfc\x9f?\xb6\xb9Z4\x1f\xc6\x7f\x08B\xe8\x98wLL\x12\x0e\xf8\xcb\x97E&amp;&amp;-\x05\x9f\xa5\xdc\xca\xf3\xd7\xdc\xa0\xc7\xad\xf0/\xa1\xb1\xb1\x11\xc2\xff1\xe1\xf9\x17$%%\xfd\xf2\x1fK)\x8d+\x04\x17\x03~U\xa60\x98\x88\x8f)\x00&amp;\xc2\xc1\x9a\x01\x00\x80\x10b\x8c\x8f\xfb\x95\x84\x90@ @)-..&amp;\x84\x18\x86\xb1n\xdd:]\xd7!\x84\x07\x0e\x1c(//\x8f[\xfcP(TRR\xf2\x0b/\xa0k\xd7\xaeN\xa7\x13\x1c\xd5\x83\xec\xec\xec\xac\xac,\xc6\x98,\xcb\x83\x06\r\x92$\tc\\PP\x80\x10r\xbb\xdd?sm\xcd\xb5\xeaWmALLN\x0c\xa6\x00\x98\xb4&lt;\x8c\xb1\xf8\xea\x1e!\xf4\xe3u=!$\x18\x0c\xee\xdb\xb7/\x14\nm\xdd\xba\xd5\xef\xf7o\xdd\xba\xd5\xe7\xf3UWWWUU1\xc6|&gt;\xdf\t\xbef\xaf\xd7\x0b!\xec\xd0\xa1C\xbbv\xed\xbc^oQQ\x91\xc7\xe3)**r:\x9dyyy.\x97\xeb\xc7\xc2@)\xa5\x94\xc6w\t\xa6\x1e\x98\xb48\xa6\x00\x98\xb4\x00\xcd\xd7\xf8?\xb6\xf8\xd1h\xb4\xae\xae\xae\xa4\xa4d\xdb\xb6m\xb5\xb5\xb5\xeb\xd7\xaf\xaf\xac\xac&lt;r\xe4HcccK]\xf0\xaf"))\xa9}\xfb\xf6\x99\x99\x99\x03\x07\x0eLKK\xeb\xdd\xbbw\xd7\xae]SSSm6[\xf3/\x8b\xeb\x81\xb9?0i)L\x0109A\xf0e&gt;c\xec\xc7.\x1d\xbf\xdf\xbfw\xef\xde\x83\x07\x0fn\xda\xb4i\xdd\xbau\xbbv\xed\xaa\xaf\xaf\x8fD"\xbf\xfc\x87[\xad6\x8b\xd5F)\xed\x9c\x93\xebr{\x88A\\\x1eO\xf7\x82"B\t\x04\x10\x00\x80%\\X4@\x92e\xc6(\x00?ej\x19\x84\xc8\xd0\xf5\x1d[7\x10\x83\x00\x00\x18`\x18\xe1\xdd\xc5[\x83~?\x96p0\xe0\xaf(+E\x08\xa9\xb1h,\x16\xfd\xe5\x97g\xb7\xdbSRRz\xf4\xe81h\xd0\xa0~\xfd\xfaedd\xe4\xe7\xe7{&lt;\x9e\xe6_\xc3]F&lt;\xb0a\x8a\x81\xc9\x89\xc1\x14\x00\x93?\x91\x9f2\xfa\x84\x90\xbd{\xf7\xee\xde\xbd{\xd3\xa6M\xdf~\xfb\xed\xd6\xad[\xeb\xea\xea\xfe\xe7O\xc3Xr\xba])\xa9\xed\xd2\xdbwHo\xdf)3;\xdbjs\xf6\xec\xd5\xc7 F\xe7\xec..\xb7\x87\x10\x92\x94\x92j\xb5Z)e\x08AYnv%\x00\x18\x06\x00\xbfd\xb2C I?\x90\x08]\x07\xfc\x07\xc6b\xb1\xc6\xfa:\x8cq0\xe0\xaf(\xdf/ai\xe7\xf6-\xb1h\xa8\xb2\xbc\xbc\xe6\xc8\xa1\x9a#U\xf5u\xd5\xa1@\x90\x10\xe3\x7f\xfe\x92\xd4\xd4\xd4\xa2\xa2\xa2\x93O&gt;\xb9_\xbf~\xdd\xbbw\xcf\xcf\xcf?\xe6\xfe\x98b`r\x020\x05\xc0\xe4\x8f\x87\x1b}\x00@s\xa3\x16\x89Dv\xec\xd8\xb1f\xcd\x9am\xdb\xb6}\xf7\xddw{\xf7\xee5\x8c\xef\r\xe5\x8f\xf3s\x9c.wz\xfb\x8e\xed:t\xc8\xe9\xda\xa3sNn\xd7n\x05\xc9\xa9i\xed:t\xb4X\xedn\x8f\x07B \xc9\x80R\xc0\x8d\xad\xa6i\x94P\x08\x81\xae\xebMk|\xc6h\xb3\x1f\x08\xc1/\xcd\xcba\xe0\xd8\x92\x01\x04!\x80\x90\xef\x0fdYf\x0c \x8c\x14E\x01\x00`\t \x04\x0c\x1d0\x06\x02~\xbf\x1a\x8bTW\x1dn\xa8\xab-\xd9S\\QVZV\xb2\xab\xba\xaa\xaa\xe6\xc8\xe1P0\xd0\xfcW\x1c\xf3\xc7J\x92\x94\x9f\x9f\x7f\xd2I\'\xf5\xee\xdd{\xc8\x90!\x85\x85\x85v\xbb=\xfe\xaf\x84\x10\xfe-\xbf*\xe5\xc9\xc4\xe4\x97`\n\x80\xc9\x1fC|\xb1\xdf\xdc\xa7O\x08\xd9\xb4i\xd3\xea\xd5\xab\xbf\xf9\xe6\x9b\r\x1b6TTT|\xff\r\x10\x82\x1f\xce\xbd\xa4\x94\xd4\xdc\xbc\xee=\n\x8b\xba\x15\x14efgw\xce\xc9\xf3&amp;%;]n\x8c\x01\x84\xc00\x80a\x10C\xd7)%\xc40\x18\x00\x8c1x\xd4\xaaC\x04\x7f\x8d\x91\xff]\x7ff\xd3\xff\xd3&amp;\xa5`&lt;\xcf\x07\x00,I\x08aI\x96%\tK\x12`\x0c\x10\x02B\xc1\x80\xaf\xb1\xa1\xa2l_ey\xf9\x9e\xe2\xad\xbbvl-\xdd\xb7\xbb\xb1\xfe\x87\xdb\x9d\x1f\xde\x8a\xce\x9d;\x0f\x180\xe0\x94SN\x19:th\xbf~\xfd\xe2"\x1a\x8f\x19\x98\xdb\x02\x93?\nS\x00L~\x17q\xbb/I\xdf\x17\x15\x1e&lt;xp\xdd\xbau\x0b\x17.\xfc\xee\xbb\xefv\xee\xdc\x19\x7f\xff\x98\x95\xaf\xc7\x9b\x9c\xd7\xbd\xa0{aQ\xb7\x82\xdey\xdd{dduINM\xb7X1`\xc00\x80\xa6\xaa\x84\x18\xc40\x18`\x80\x01\x08!8\x1a)\x15\xd3\xfc\xf1?\x8d1\xc6c\xdc\x00\x02\x08 \x96$\x8c%\xc5b\x91$\x00 Pc\xa4\xa1\xae\xe6\xe0\x81\xfd\xfbv\xef\xdaS\xbcm\xf7\x8e\xad\xfbv\x17\xfb}\r\xf1\x1fr\xcc-\xea\xd9\xb3\xe7I\'\x9d4q\xe2\xc4A\x83\x06edd\xc4\xdf7\x0c\xc3T\x02\x93\xdf\x8f)\x00&amp;\xbf\x85\x1f\xdb}\xbe\xd8\xff\xfa\xeb\xaf\x97,Y\xb2~\xfd\xfa@\xa0\xc9\xe9q\x8cE\xeb\x90\xd1\xb9\xa0w\xdf~\'\r\xeb^X\x94\x9b\xd7\xbd}\x87N\xb2\x82\x00\x00\xbaN5U\xd5u\x9dQ\n\x9aL=\xe2\xc6\xfe\x84\xffq\x7f(\x8c1\xbe_`\x0c0\x00\x11\x92eY\xb1Xd\x19\x01\x00t\x8d\x1e\xa9:T\xbao\xf7\xee\x1d[7}\xb7\xaax\xdb\xe6\xaa\x83\xdfo\x92\x9a\xdf:\xb7\xdb=p\xe0\xc0\xf1\xe3\xc7\x8f\x181\xa2\xf9\xb6\xc0T\x02\x93\xdf\x83)\x00&amp;\xbf\x82\xe3\xda\xfd\xef\xbe\xfb\xee\xa3\x8f&gt;Z\xb4hQ\xf3\xc5~s:dt.\xe8\xdd\xaf\xdf\xe0\xa1}\xfa\x0f\xee\x92\xdf#)5\x05c`\xe8@Sc\x9a\xa61F\x01\x00\x10\xa26\x92\ny4\xfd\xb5\xe9\xafV\x14E\xb1X%\x19\x10\x02\x1a\xeb\xea\xf7\xef\xdd\xb5e\xe3\xdaMkW\x17o\xdb\xd4\\\x0c\x9a\xd3\xb3g\xcf\xd3O?}\xf2\xe4\xc9\'\x9dt\x92\xa9\x04&amp;\xbf\x07S\x00L~\x11\xdc\x01\xfd\xf3v\xbf\xf9\x8a\xd5\xe1t\x15\xf6\x1d0t\xc4\x98\x81CF\xe4\xe4uKNM\xc5\x18\xe8\x1aUc1]\xd7\x01c\xbc\x93\x83i\xad\x18c\x8c\xc7\xcc!\x94e\xd9b\xb5\xca\n"\x044\xd4\xd5\x95\xed\xdb\xb3~\xcd\xd7\xab\xbf\xfer\xc7\xe6\r\xe1P\x90\x7f}\xf3\x9b\xfcSJp\xdcb:\x13\x93\x1fc\n\x80\xc9\xcf\xc1\x97\xfc\xf1u\xe5\xff\xb4\xfb]\xf2{\x14\xf5\x1f4|\xcc\x84\x82\xa2\xfe\x9d\xb3\xbbH2\xd4u\xa6\xc6\xa2MF\x1f\xb5\x95e\xfeo\xe3\xe8\xde\x80\x1e\x15\x03\x9b,CCg\x15\xe5\xfb\x8b\xb7n\\\xf9\xe5\xe2\xad\x1b\xd7\xed\xdf\xbb\x8b\x7f\xf1\xcf+\xc11\x1f\x9c\x89\xc9q1\x05\xc0\xe4\xf8\xf0\xec\xc3\xf8\xbar\xe7\xce\x9d\x8b\x16-z\xeb\xad\xb7\xb6m\xdb\xc6\xdfA\x08\xc5{pv\xc9\xef1|\xcc\xf8S\xc7\x9fY\xd8g\x80\xcb\xe3d\x14\xa81MUc\x8c\xd1\xb6\xe3\xdb\xf9c\x89{\x8a D\x16\x8b\xd5bU \x02A\x7fh\xc7\x96\r_-\xf9t\xe5\x97K\xe2J\xd0\xfc\x83\xe8\xdd\xbb\xf7%\x97\\r\xfa\xe9\xa7\xf7\xec\xd9\x93\xbfs\xcc\xe7hb\xd2\x1cS\x00L~\xc01+\xc7@ \xf0\xc9\'\x9f\xbc\xf5\xd6[\xcb\x97/\xe7i\xfb\xcd\xcdM\x9f\x01\x83\xc7\x9c~V\xff\xc1\xa7t+\xe8\xedMri\x1a\x8bF\xc2\xdc\xe2\x98k\xcf?\x90x\xaf$\x8c\xb1\xcd\xeeP\x14\xe8k\x0c\xee)\xde\xb6q\xed7_.\xfad\xcb\x86\xb5\xfc\xcb\xe2\x1f\x8d$I\xa3F\x8d\xba\xe4\x92K\xce:\xeb,\xb7\xdb\r\xcc\r\x81\xc9O`\n\x80I\x13&lt;\xba\x1b_*\xaeY\xb3\xe6\x8d7\xdeX\xbcx\xf1\xc1\x83\x07\xc1O\xac\xf7\xfb\r\x1aj\xb3\xcb\x9aF\xa3\xd1(\xd1u\x88 B\xe6J\xf3\xcf\x85R\xc2(\xc3\xb2l\xb3\xd9\x14\x05E#\xfa\xa6u\xab\x7fjO\x90\x91\x911a\xc2\x84\xcb/\xbf|\xc8\x90!\xfc\x9f\x08!fM\x99I\x1cS\x00L~\xe0%\x88/\xf9\xbf\xf8\xe2\x0b\xfe\xafqk\xd2\xaeC\xa7SF\x8f?\xfb\xfci\x05E\x03&lt;^\xa7\xa6\xb1H8D\t\x81\x08\xa1\xa3uX&amp;\'\nF)c\x94"\x8c\xed\x0e\xa7\xa2@\xbf/T\xbcu\xc3\xc7\xf3\xe6|\xb3lIu\xd5!\xf0C\xcd\x1e;vl\xf3\r\x81\xe9\x172\xe1\x98\x02\xd0v9\xc6-\xb0{\xf7\xeey\xf3\xe6\xbd\xfa\xea\xab|\xc9\x8f\xb1\xc4{\xda(\x16\xcb\xd0\x91c\xc7\x9e1\xf9\xd4\xf1\x13S\xd3\xd3\x89\xc1"\x9101\x0cs\xbd/\x08M{\x02I\xb2\xdb\x1dX\x82u55_-Y\xf8\xc5g\x1f\xad^\xf1\x85\xa6\xaa\xa0\xd9G\x99\x91\x91q\xd5UW\x9d\x7f\xfe\xf9\xdd\xbbw\x07\xa6_\xc8\xc4\x14\x80\xb6\t\x7f\xf2\xe3\x0b\xc0/\xbe\xf8b\xce\x9c9\xf3\xe6\xcdSU\x154[9\xe6t\xedv\xfa\xe4\xa9\xe3\xcf:\xaf{\xcf^\x10\x81p(\xaa\xeb\x1a\x84\xc0\xb4\xfbbB)a\x0c\xc8\xb2\xe2p\xda\x18\x05\xbbwn_\xf2\xc9{\x8b&gt;\x9a_V\xb2\x074\xfbX-\x16\xcb\xf9\xe7\x9f?m\xda\xb4\xb1c\xc7\xf2o$\x84\x982\xd061\x05\xa0m\xd1\xdc\xf4k\x9a\xb6d\xc9\x92g\x9f}\x96{{\xe2\x06\x02!&lt;\xf8\x94\x91\x17N\xbf\xe1\xe4\xe1\xa7&amp;\xa7xcQ#\x12\t\x033\xae\x9b \xc4#\xc6v\xbb\xc3j\x93\x1a\xea}\xdf\xae\xfc\xea\xddY\xcf\xaf\xfdf\x05\xa5M\xf1y\xfe\x05c\xc7\x8e\xbd\xe9\xa6\x9b\xc6\x8f\x1f\xcf\x1b\xdb\x992\xd0\x061\x05\xa0\xadp\x8c\xe9\x7f\xfb\xed\xb7\xff\xf3\x9f\xff\xec\xd8\xb1\x03\x00 I\x12\xcf\xf0IIK?s\xea\xb4\x89\xe7\\PP\xd4\x17KR8\x146t\x1d\x9aUE\x89\t\xa5\x94Q*\xc9\xb2\xc3\xe9 \x86Q\xbcu\xf3\xc2\x0f\xe7~:\x7fN}m\rh\xf6\xa1\x17\x16\x16\xdeq\xc7\x1d\x17_|\xb1)\x03m\x10S\x00Z?\xbf\xc4\xf4w\xed^0\xf9\xfci\xa7\x9fsQv\x97\xce\xd1\x08\x89F\xc2\x8c1\x8cP\xc2\xb7\xe21a\x8cP\n!\xb4\xd9\x1d6;.\xdf_\xb1\xe8\xc3w&gt;\x9a7\xa7dw10e\xa0\xcdc\n@k\xe6\xe7L\xbf,\x1b\xba\x0e\x00\x182b\xcc\xa4\xa9\x17\x9f6qrR\x8a\'\x18\x8c\xa9\xb1\x98\xd9H\xa0U\xc2\x9byX\xacV\x97\xcb\xdaX\xef\xff|\xe1G\x0b\xe6\xbf\xbd\xe6\xeb/A\xb3\xc9`\xca@[\xc3\x14\x80V\x0b!\xe4\xb8\xa6?\xee\x02\x1e2b\xcc\x157\xdcq\xca\xa9\xa7I\n\n\x05\xc2\xba\xaec\x8c\xcd\xa7\xbdu\xc3\x18#\x84\xc8\xb2\xect;\x0c\x8d~\xf3\xd5\xe7\xaf?\xff\x1f.\x03\xf1\x89\xf1c\x190\x13F[+\xa6\x00\xb4B\xe2\xc5&gt;\xc7\x98~\x8c\x11!T\x96\x95\tgO\x9dt\xeeE\xc3N\x1d\x8f1\n\x06\x02\x8c\xf1]\x82i\xfa\xdb\x0e\x8c\x10\x02!r\xb9\xdd\x84\xd0U_-Y\xf0\xfe;\x8b?\x9e\xaf\xeb\x1a\x9f$\xe0\x872pL\x91\xa0I\xab\xc1\x14\x80VE\xf3\x07u\xee\xdc\xb9\x8f&lt;\xf2\x087\xfd\xb2,\xeb\xba.\xc9\xf2\xa4s/\xba\xec\xda[z\xf5\xedg\x18 \x14\x0c\x98Ou\x1b\x87\xaf\x15\x9c.\xb7$\x81\xed\x9b7\xbd\xf9\xd23\x0b\xde\x7f\xc7\xd0u&gt;a\x00\x00\x85\x85\x85\xf7\xde{\xef\x05\x17\\\x00\xcc*\xe2\xd6\x88)\x00\xad\x84\xe6\xee\xfee\xcb\x96\xcd\x9c9\x93\'w\xc6\x9f\xe4\tg\x9fw\xfd\x1d\x7f\xeb\xd9\xbb\x8f\xa6\x19\x91P\x08B\x88L\xd3o\x02\x00\x00\x80\x12\xc2\x18\xb3;\x9d\x8a"\xed\xdc\xb6\xe5\x85\xff&lt;\xba\xf8\xe3\xf7@\xb3\xc93v\xec\xd8\xbb\xef\xbe{\xf4\xe8\xd1\xc0\x0c\x0c\xb4.L\x01h\r\xc4\xbd\xb4;v\xecx\xf2\xc9\'g\xcd\x9a\x05\x9a=\xbd\xdc\xd7?|\xccxJi8\x184\xd3:M\x8e\x0bO\x1bu\xb8\\\x08\xa1\x95_.\x89\xc7\x06\xe2\x13i\xfa\xf4\xe9\xb7\xdf~{aa!0\x03\x03\xad\x05S\x00\x12\x9b\xa3\xa5[\xc8\xef\xf7\xff\xfb\xdf\xff~\xec\xb1\xc74M\x8b\xe7\xf6\xf5\xee7\xf0\xd6\xbf=4d\xe48\x8cQ0\xe0\x07\xc0\xdc\xbf\x9b\xfc\x0f(\xa5\x000\x97\xdbC\x08]\xb3b\xe9\xd3\x8f\xde\xbfm\xd3zp4aTQ\x94\xbb\xee\xba\xeb\xce;\xef\xf4x&lt;\xf1\xb9\xd7\xd2\x97l\xf2\xdb1\x05 Qi\xee\xf3\x99;w\xee\x03\x0f&lt;\xb0w\xef^\x8c1%\x84\x01\xd0\xb5[\xcf\xcb\xaf\xbbu\xe2\xb9\x17:\x9c\xae\x80\xdf\xf4\xf5\x9b\xfc:\xb8\xbb\xdf\xedq\x87C\xc1\x85\xef\xbf\xfb\xc6\x8bO\x97\xec\xd9\t\x01@\x18\x13B\xf2\xf3\xf3g\xcc\x98\x11\x0f\x0c\x98\x1e\xa1\xc4\xc5\x14\x80\x84\xa4\xb9\xcf\xe7\xae\xbb\xeeZ\xbcx18\xbaUOJI\x9dv\xd5M\xd3o\xfc\x8b\xdb\xe3\x0c\xf8C\xe6V\xdd\xe47\xc3\'\x0f\x9fH\xb3\x9e{b\xce\xab\xcf6\xd6\xd7}\x1fU\x9a0\xe1\xb1\xc7\x1e3=B\t\x8d)\x00\tF|\xe1\xdf\xdc\xe7\x13\x7f&amp;\'_p\xd9\xcdw?\x90\xdd5\xc7\xdf\x18"\x86\x81%3\xb9\xd3\xe4w\xc2\x88A\xb0$y\x92\x9c\xe5%e\xff\x9d9\xe3\xa3\xb9o\x82\xa3\xab\x8d\xe6\x1e!s+\x90\x88\x98\x02\x90H\x18\x86\xc1\x8fe_\xbcx\xf1m\xb7\xdd\xc6}&gt;\xbc\xb7{\xaf\xbe\x03o\xbf\xef\x9f#\xc6\x9c\x16\x89\xa8\xb1hT\xc2\xd8\xec\xe2`\xf2\x87\xc1\x98A\x88\xd5f\xb3\xdb-_\x7f\xf9\xf9\x93\x0f\xffc\xfb\xe6\xf5\x00\x00|\xd4#\xf4\xd4SOM\x980\x014\x9b\xa2&amp;\t\x81)\x00\x89A|\xe1\x7f\xf8\xf0\xe1\xbf\xfc\xe5/s\xe7\xce\x05\xdf\xfb|\xd2\xae\xbb\xe3\xef\x17^~\x8d\xd5f\xf7\xfb|f5\xaf\xc9\x9f\x04\xaf"\xf6x\xbd\xb1h\xe4\xdd7^~\xf1?\xffj\xac\xaf\x8d\xef&gt;/\xb8\xe0\x82\'\x9ex\xa2c\xc7\x8e\xe6V \x810\x05 \x01\x88\xaf\xaa\xe6\xce\x9d\xfb\x97\xbf\xfc\xe5\xf0\xe1\xc3\xb2\xa2\xe8\x9a\x06\x008\xfb\x82\xcbn\xb9\xfb\x81\xac.9\x01\x9f\xe9\xee79\x114\x05\x06\xbc\xce\x03\xfb\xcb\x9e\x999\xe3c\xee\x11R\x14]\xd3:v\xec\xf8\xc4\x13O\xf0\xe0\xb0\xb9\x15H\x08L\x01\x10\x9a\xe3.\xfcyB^Vn\xd7{\xff\xf5\xe4\x98\xd3\'\x86C\xaa\x1a\x8b\x9a\xee~\x93\x13\x08#\x06\xb1Xm\x0e\xa7\xe5\xcbE\x0b\x1f\xf9\xfb\xed\x07JK\xe2\xc9\xc7\xe6V \x810\x05@\\\xe2+\xfa\xf8\xc2_Q\x14M\xd30\x96\xae\xba\xf9\xce+n\xfcKJj\xaa\xaf\xd1\xf4\xf9\x98\xb4\x0c\xdc#\xe4M\xf2\xd6\xd7\xd5\xbd\xfe\xdc\x13\xaf\xfe\xf7\xdf\x84\x18|\x8a6\xdf\n\x98\x1bS\x911\x05@D\xf8\xa3%IR}}\xfdM7\xdd\xd4|\xe1\xdf\xab\xef\xc0{\xff\xf5\xe4I\xc3\x86\x06\xfc\x11\xde\xbf\xb3\xa5/\xd6\xa4M\xc3{\x8b\xba=\xf6\xefV\xad~\xe4\xef\xb7o\xdf\xbc\xbe\xf9V\xe0\xd9g\x9fMII1\x0c\xc3\\\xa6\x88\x89)\x00\xc2\xc1\xcf\xe9\x06\x00|\xfe\xf9\xe7\xb7\xdcr\xcb\xde\xbd{\xf9\xaa\na|\xddm\xf7\\{\xfb\xdf\xadV[ \xe07\x9f(\x13A\xe0\xeb\x15\xb7\xdb\x13\x8bE_z\xf2_/&gt;\xf5\x7f\x94\x10&gt;i\xf3\xf3\xf3\x9fy\xe6\x99\xd3N;\r4\x9b\xd8&amp;\xe2`\n\x80X\xf0\xd0\x99a\x18\x7f\xfd\xeb_\x9fz\xea)p4\xbc\xd6\xab\xef\x80{\xff\xf5\xd4\xa0aC\xfd\x8df\xb0\xd7DD\xf8\xb4\xf4$9\xd7\xadZ\xfd\xc8\xdfo\xdb\xbeyC&lt;U\xe1\xb6\xdbn{\xfc\xf1\xc7\xf9\xc46#\xc3Ba\n\x80(\xc4\xdd&gt;\xfb\xf6\xed\xbb\xe2\x8a+V\xaf^-\xcb\x8a\xaek\x00\x80K\xae\xbe\xf9\xae\x193e\xc5\x12\x0c\x04\xcc\x85\xbf\x89\xb0\xf09\xecr\xbbuM}\xec\x81\xbb\xdfz\xe5\xbf\x00\x00&gt;\x8d\x87\x0e\x1d\xfa\xfa\xeb\xaf\xe7\xe5\xe5\x99\xee \xa10\x05@\x08\xe2\xbb\xe3\xf7\xde{\xef\x86\x1bn\xa8\xaf\xaf\xb7X,\xaa\xaa\xa6\xa6\xb7{\xe4\xe9W\xc7\x9c&gt;\xd1l\xea`\x92(\xc4\x1bH|\xb9h\xe1\xbd\xb7^UWS\xcd\'sJJ\xca\xf3\xcf?\x7f\xdey\xe7\x01\xd3\x1d$\x0c\xe6g\xd0\xf2\x18\x86\x81\x102\x0c\xe3\xf6\xdbo?\xff\xfc\xf3\xeb\xeb\xeb%\t\xab\xaa:n\xe29\x1f|\xf9\xdd\xa9\xe3\'6\xd6\xfb\xccnn&amp;\x89\x02\xc6\x981\xd6X\xef;u\xfc\xc4\x0f\xbe\xfcn\xdc\xc4sTU\x95$\\__\x7f\xfe\xf9\xe7\xdf~\xfb\xed\xf1\t\xdf\xd2Wjb\xee\x00Z\x1a\xee\x15\x8d\xbb}\xe2\xf1\xde;\xef\x7f\xf4\xaa\x9b\xee\xd44=\x16\x8d`\xd3mj\x92\x80\x10\xc3\xb0\xda\xec\x8a"\xbf\xfa\xec\xbf\xff\xfd\xd0\xdf\xe2\x91\xe1\xe6\xee 3$\xd0\xb2\x98\x02\xd0b\xc4\x8b\xbc\x9a\xb9}\xac\xaa\x1a\xcb\xcc\xee\xf2\xe83\xaf\x0e\x1d5\xb2\xa1&gt;\x00\xcc~\xeb&amp;\x89\x0c?3 9\xc5\xbdz\xf9\x8a\xbf\xddrUe\xf9~&gt;\xc9\xe3\xee \xb3X\xace1\x8dK\xcb\xc0\xfb\xadc\x8cg\xcc\x98\xd1\xcc\xed\x13\x1b7\xf1\x9c\xf7\x96\xac\x1a4ld]\xad\x0f\x99Gw\x99$8|\x0e\xd7\xd5\xfa\x06\r\x1b\xf9\xde\x92U\xe3&amp;\x9e\xa3\xaa\xb1\xb8;h\xc6\x8c\x19&lt; \xcc\x1b\x1a\x9a\x9cx\xcc\x1d@\x0b\xc0w\xbe\x8d\x8d\x8d\xd7]w\xdd{\xef\xbd\xc7\xdbia\x8c\xffr\xff\xa3W\xddt\xa7\xaa\xaaj,f\xba}LZ\x13\xc40,V\xab\xc5by\xf5\xd9\x7f?\xf1\xd0\xdfx\xf9\x98\xae\xeb\xe7\x9dw\xde\x8b/\xbe\x98\x94\x94d\xba\x83Z\x04S\x00N4&lt;Gb\xdf\xbe}\x17_|\xf1\xfa\xf5\xeb\xadVk,\x16KMo\xf7\x9fW\xe6\x9er\xaa\xe9\xf61i\xb5\xc4\xddA\xdf|\xb5\xe2\x8e\xab/\xa8\xab\xa9\xe6\x93\x7f\xe0\xc0\x81o\xbf\xfdv^^\x9e\x99\xe7v\xe21\x05\xe0\x84\xc2\x979\xabW\xaf&gt;\xf3\xcc3\x1b\x1a\x1axz\\\xd1\x80\xc1O\xcf\x9a\xdb\xa1SV\xc0\xef3\x17A&amp;\xad\x1b\xc30\xdc\x1eo\xd5\xa1\x03\xb7N\xbf`\xeb\x86\xb5\xfc\x11HNN\xfe\xf4\xd3O\x87\x0e\x1dj\xee\x03N0\xe6J\xf3\x04\x11\xaf\xf3z\xe5\x95WF\x8e\x1c\xd9\xd0\xd0\xa0(\x8a\xaa\xaaS/\xb9\xf2\xed\x05\xcbS\xd3\xdb\x07\x03\xa6\xf57i\xfdH\x92\x14\x0c\xf8R\xd3\xdb\xbf\xbd`\xf9\xd4K\xaeTUUQ\x94\x86\x86\x86\x91#G\xbe\xf2\xca+\x92$\x11B\xccU\xe9\t\xc3\xdc\x01\x9c\x08\xe2e/\xb7\xdf~\xfbSO=\x851\xa6\x942\xc6\xfe\xf1\x7f\xff\xbd\xfc\xfa\x9b\x02\xfe\x90Y\x17\xf3G\xc1\xe73c\x0c\x1c}\x11\x9f\xdf\x10\x02\x08\xff\xf7Mf\x8c\xc6\xbf\x07\x02\xd0\x94\xa0\x02!\x7fa\xe6\xab\xfc!\xf0\t\xef\xf68\xdfx\xe1\xd9\x7f\xdes3\x84\x10!D\x08\xb9\xed\xb6\xdb\x9e|\xf2I`V\x8a\x9d(L\x01\xf8\xd3\xe1S\xd90\x8c\x1bn\xb8\xe1\x95W^\xe1\xa9\xd0.\xb7\xf7\xdf/\xbd5z\xc2D\xbf/\x00\x8f\x1a\x17\x93_\x0ec,n\xab\x19c\xfc\x16B\x88dYf\x0c(\x16\x0bB\x10\x00\x80%\x80 `\x00@\x00(\x05\xba\xfe\xbfg\xbb,C\x84\x8e~\x0b\x03\xc4\x00\x00\x00J\x99\xa6\xaa\x10\x02]\xd7\xf9om\xfa\xa5\x00@\xc4e\xc2\xfc\x04\x7f\x1d\x8c1\xc6\x98\xc7\xeb^\xb6x\xe1\x9d\xd7^\x12\x0c\xf8\xf8\xa3q\xf5\xd5W?\xff\xfc\xf3\x92$\x99\x1ap\x020\x05\xe0\xcf\x85\xc7\xb5\x1a\x1b\x1b\'M\x9a\xb4z\xf5j\x1e\xf5\xca\xcc\xce\xfd\xf7\x8b\xb3\x07\r\x1bZW\xd3(IrK_cb\xc0\x18e\x94\xd1&amp;[\x0feY\xc6X\x92\x15\x19!\x80%`\xe8\x80Q\xa0\xaa\xb1\x86\xfa:\x8cq\xf9\xfe}\xe1pP\xc2\xd2\xae\x1d[C\x01?\x00\x00a\xe4ol\xd8\xbbk\x07\x04\x90\x81\xe3\xcfy\xfeO\xf9=\n=I\xc9\x94P\x00\x80\xd3\xed\xe9QXd\x10\xc3\xe1pew\xc9#\x84$\xa7\xa4Z,V\x88\x80$\x03b\x00J\x81\xae\xe9\x84\x18\xba\xaes\x8b\x86 \x84\x08\xfe\x92\xad\x86\t\x00\xc00\xf4\xd4\xf4\xa4u\xabV\xdfy\xdd\xa5\x95\xe5\xa5\xfc\x01\x19:t\xe8\x82\x05\x0b\x92\x92\x92\xcc\xb0\xf0\x9f\x8d)\x00\x7f"|\xfaVUU\x9du\xd6Y\xf1\x84\x9f\x82\xa2\xfe\xaf\xbe\xf7Yrjz\xc0\xe7\x93d\xd3\xfa\xff$\x8cQJ\x19`\x0c@\x881\x96\x15EQ\x14Y\x06\x84\x00M#\x8d\xf5\xb5~_\xe3\x91C\x15\x15\xe5e\xb5\xd5\x87\x0e\x1e(?r\xf8P8\x148P\xb6\x1fA\xe8\xf75\xfe\xe1\xd7\xe3\xf1&amp;Q\xc6\xb2r\xba8\x9c\xee\xf6\x1d;ede\xa7\xb5\xeb\xd49;\xa7}\xa7\xce\x1eoRRJ\x9a\xa2`\x8c\x81\xae\x03M\xd3tM#\x84\xf0\x8bG\xa6\x1e\xfc,\x86\xae\xbb\xbd\xde\x86\xba\x9a\xab\xce;\xa3x\xeb\xc6xj\xd0\'\x9f|\xd2\xa1C\x07S\x03\xfeTL\x01\xf8\xb3\xe0\xf9\x0c\xeb\xd7\xaf?\xeb\xac\xb3\xaa\xaa\xaa,V\xab\x1a\x8b\x9du\xde%\xf7?\xf6\x8c\xc5j\x8bE\xa2f\xa6\xff\x8f`\x942\xc6(`\x00a\xacX,\x8a\xa2H\x12 \x04\x84\x82\xa1\xea\xaaC\xa5\xfbv\xef)\xdeZ\xbe\xbf\xe4\xe0\x81\xd2\xb2\xfd{#\xa1P,\x16m\xe9k\x06V\xab\xcd\xeet\xe6t\xc9\xcf\xc8\xca\xcd\xee\xd2\xb5[AQn^\xf7v\x1d:9]N\x8c\x81a\x00M\xd34U\xa5\x84\x00\x08 D\x08A\xf3\xf0\xcec \x86a\xb5\xdb\xd4X\xf4\xa1\xbbn\xf9\xe4\xbd\xb7\xf8\xc3\xd2\xa1C\x87O&gt;\xf9d\xe0\xc0\x81fj\xd0\x9f\x87)\x00\x7f\nq\xeb\x7f\xdai\xa7566r\xe7\xe69\x17]&gt;\xf3\xd9\xd7\xa3\xd1\xa8\xaei\xc8\\\xd4\x1c\x85\xb7\xc4\x00\x8caI\xb6X-\x8aEB\x10D"\xda\xc1\x03e\xa5\xfb\xf6\xec\xdc\xbey\xcf\x8e\xcd\xa5\xfb\xf6\x1e\xaa&lt;\x10\x8bF~\xe1\xcfT\xac6\xc5b\xa5\x94z\x93\xd3\x93\xd2;Rb\x00\x00\xecNO\xe7\xfcBJ\xe9OY_\x06\x00B\xa8b\xef\x8eH\x88{\x8d\xa4\xc6\x9a\xc3\xbe\x86\x1a\x84\x90\xa6\xc6\xb4_,6V\x9b\xbdSfVn^~\xb7\xc2\xbe={\xf5\xcd\xcd\xeb\x96\x91\x95c\xb7+\x94\x01M5\xd4\x98J\x0c\xbdI\n\xcc\xc8\xc1Q(!\xb2\xa2\xd8l\xb6\xbbo\xba\xe2\xc3w\xde\xe0\x8fLRR\xd2\xe7\x9f\x7fnj\xc0\x9f\x87)\x00\x7f&lt;\xf1d\xffI\x93&amp;566\xf2\x8a\xc7\xbf&gt;8\xf3\xaa\x9b\xfe\x12\x89D\xcd\xd0\x16\x00 \xbe\xd8\x87\x10Y,V\x8bU\xc1\x18\xf8}\xc1\x8a\xb2\x92\xed\x9b6\xec\xd9\xb5}\xcb\xfa\xb5\xfbv\x17\xffO\x8bos\xb8\xecNO\xbb\xcc\x1c\x9b\xc3\xd59\xaf\xd0jwf\xe5\xf7\xa2\x84\xb4\xcb\xcc\xb5;\xdd\x84\x186\x87\xdb\xeet3F\x01\x00\x10"IV\xc0O\x04\x00\x8e\x02\r]\x8b\x7f}$\x14\x88\x86\x03\x18K\x91P\xa0\xba\xb2\x14a|`\xef\xf6X$T\xb1oG4\x1c\xac\xae,\x8b\x84\xfc\xd1p\xf0\xe7/\xd2j\xb3\xe7u/\xe83pp\xb7\x1e\xbdz\xf5\x1b\xd09\xa7\xab\xc7\xeb"\x04\xa81MUc\xfc&amp;\x98\xdb\x02p4]\xc2n\xb7\xbd\xfa\xec\x13\x8f?x7\x7fp\x92\x92\x92\x16,X`\x96\x08\xfcI\x98\x02\xf0\x07\xc3\xa7\xe9+\xaf\xbcr\xc3\r7\x18\x06\x91eI\xd7\xf5\xfb\x1f{\xf6\xaa\x9bn\xac\xad1\x13~\x00\xa5\x84Q\x86e\xd9f\xb3\xcb24tVQ\xbe\x7f\xc7\x96\x8d\x9b\xd7\xad^\xfd\xf5\x97\xe5%\xfb\x08\xf9\xc9.\xc1v\xa7\xbb]f\x97\xd4\xf6\x19\x19]zt\xca\xe9\xeeINk\x97\x99k\xb59\\I)\x00@IV\x18\xa3\xc40 \x84\xba\xa6RJ \x80\x94\x12B\x0c\x08 \x00\x80\xfd )\xf4\'\xe1\xf9D\xfc\xeb1\x96\x10\xc2\x0c0\x84\xb0\xacX\x18cX\x92 D\x86\xae\x01\xc0\x82\x8d\xf5\xb1h\xb8\xba\xb2\xd4\xdfP{\xa8l\xf7\xc1\xfd\xbb\xea\x8e\x1c\xac\xae\xdc\x1f\t\x05~\xea\x87c,ew\xcd\x1b:bL\xdfAC\x0b\xfb\xf4\xef\x9c\xddE\x92\xa1\xae\xb3h4Bt\x1d"\x88P\x9b\xde\x1a\xf2@zZ\xba\xfb\xd5g\x9f{\xe8\xae\x9bdY\xd6uC\x92\xf0\xf3\xcf?\x7f\xf5\xd5W\x9b\x1a\xf0\x87c\n\xc0\x1fI\xdc\xfa_s\xcd5\x08c\xbe\xca\xbd\xff\xb1g\xa7\xdfpcmu\xa3$I\xa0\xadZ\xff&amp;\xbb/I6\xbbCQ\xa0\xaf1\xb8\xa7x\xdb\xfa5+W\x7f\xfd\xc5\x8e\xcd\x1b\xc2\xa1\xa3\x8bh\x08A\xb3\ti\xb1\xda;\xe5v\xcf\xc8\xed\xde9\xaf03\xaf\xa0c\xe7&lt;Oj;\xc5b\xc5\xbc\\\x88Rn\xe8\x89a\xc43\xfe\x8ff\xeb\xa3\xf8\xcf\xfb}+\xeb\xef\x9f\x0f\xbe-h\xf6[ \x96$.\x0c\x10!\x8c11\x0cM\x8d\xf9\xeb\xaa\x0fW\xec\xab\xdcW\\\xb1o\xc7\xc1\xd2\xdd\x87Jw\xab\xb1f\xfb\x98f\x7f\xa0\xc3\xe9*\xec;`\xe8\x88\xb1\x03\x87\x0c\xefV\xd0\xdb\x9b\xe4\xd24\x16\x8d\x84\x89a\xb4i%`\xcc0\x8c\xb4vI\xb3\x9e\x7f\xee\xa1\xbbn\x82\x10B\x84(!/\xbf\xfc\xb2\xa9\x01\x7f8\xa6\x00\xfca4\xb7\xfe|\xf7\x1aO\xf6\xf75\xfa\xdbf&amp;\x03\xa5\x941\x8aq\x93\xdd\xf7\xfbB;\xb6l\xf8j\xc9\xa7+\xbf\\\xb2\x7f\xef\xae\xe3~\x8b\xd3\x9d\xd49\xaf0\xbf\xcf\xe0\xae\x85\x03;d\xe5\xa5w\xcaR\xac6\x08!1\x0c]S\xb9\x7f\x861\x06\x01\x04G\x0b\xbbZjSu\xb4\xe8\x8c\x02\x06\x18\xe0\xf9\xa9H\x92\x15Y\xb1`Ib\x8ci\xb1h\xcd\xa1\x03U\x07\xf6\x95\xecX\xbfw\xcb\xda\x8a};B\x81\xe3\xa7\'u\xc9\xef1|\xcc\xf8S\xc7\x9fY\xd8g\x80\xc7\xeblR\x02b@\xd8F;\xc2\x12B\xbcI\x9ex\x89\x00\x7f\xa0L\r\xf8\xc31\x05\xe0\x8f\xe1\xb8\xd6\xff\x95y\x0bO:\xa5-&amp;\xfb3\xc6(!\x10!\x9b\xddn\xb1H\x01\xffq\xec&gt;\x84\xdf\xcf=\xab\xdd\x99\xdb\xb3_~\xef\x93\xf2\xfb\x0c\xee\x9cW\x90\x9c\xd6QV,\x84\x18\xba\xa6\xea\x9a\xca(\x8d\x9bW\xf1\x1dh\x8c\xb1\xb8DA\x84d\xc5"+\x16\x8c%]S\x1bj\x0fW\xec+\xde\xbbe\xed\xdem\xdf\x95\xee\xdc\x14\x8b\x84\xf8\xb74\xbf\x15\xcd\x95\xc0\xedq\xaa\xaa\x11\x8dD\x18\xa5\xa8\xed\x9d\xa3\xcbK\x04\xbe\xfbf\xf5\xd5\xe7O45\xe0O\xc2\x14\x80?\x80\xe3Y\x7f\xcf+\xf3&gt;\x1b0dhC]\xa3\xdc\x96\x92\xfd)\xa5\x8cR\xc5ju8\xacjL/\xd9\xb3\xeb\xf3O\xe7/\xf9\xf4\x83fv\x1fq_\n\x00 \xa5}F\xc1\x80\xe1}O\x19\x9f\xdd\xbd\xa8}F.\x96\x15b\xe8\xba\x1a3t\x8d2\x9a(\x16\xff\xe7\x89\xeb\x01\xe2\x9b\x03\x8b\x15K2\xd1\xb5#\x07K\xcbwo\xdd\xfc\xcd\x92\xe2\r+\xeb\x8f\x1c\xe4_\xdc\xfc\xe6t\xc9\xef1\xfe\xcc)\xa7\x9d9\xb5k\xb7\x1e\x16\xab\x1c\x0e\xc7\xb4X\x0c\xb6\xb1#"t]ONM\xda\xb0f\xf5\xd5\xe7\x9f\x11\x0c\xf8M\r\xf8\xc31\x05\xe0\xf7\xf23\xd6\xbf\xb1\xae\xb1\xcd\x94z1B\x08\x84\xc8nw(V\\Y~`\xf5\xf2/?\xfbh\xeew\xabV\x10\xc3\x00?4m\x9dr\xba\x15\r\x1d\xd7\x7f\xf8\xe9\x9d\xf3\n\xdcI\xa9\x00\x00M\x8dj\xaa\xcaZ\x8b\xd1\xff)\xbe\xdf\x1c@\xa4X,\x8a\xc5\x06\x00\x084\xd6U\xec+\xde\xb8r\xd1\xd6\xd5K\x0f\x95\xed\xe1_\x19\xbf]X\x92N\x1a6\xf2\x8c\xc9\x17\x0c\x1d5&amp;3;K\x8b\x91H$\xcc\x18\xc5\x18\xb7\x91\xac!C\xd7\x93L\r\xf8\xd30\x05\xe0waZ\x7f\xee\xed\x91d\xd9\xe9v\xe8\x9a\xb1k\xdb\xe6w\xdfx\xf9\xab%\x9f\xd6\xd7\xd6\x80\x1f:7\xe2v?\xb7g_\x87;\xc9\xd05M\x8d\x12]\x07\x00\xc0\xb6\x97\x11\xcf\x18c\x94\x02\x00\xb0,+\x16\x9b$+\xe1@c\xe9\xce\xcd?R\x82\xa6\x1b\x98\x92\x96~\xea\xf83/\xbc\xfc\x9a\x1e\xbd\xfb\xca\x8a\x14\n\x84\r]o#~!S\x03\xfe&lt;L\x01\xf8\xed\xf0\xc9\xf7\xea\xab\xaf^}\xf5\xd5m\xd0\xfaSJ)\xa5V\xab\xd5\xee\xb4\xfa\x1a|K\x17~\xbc`\xfe\xdb\xdf\xadZ\xce\x8f\xf7C\x085\x1d\x00\x92\xdeq\xf0\xd8s\x06\x8c8#\xa7g_\x87\xdbk\xe8\xba\x1a=\x1a\xde\x84\xb0\xcd\xa6E}\x0f\xdf\x140\x8a\xb1d\xb19$Y\x0e\x07|e;7o\xf8\xfa\xb3\xb5_|\xd8Ps\x184\xbb\x99\x18\xe3\x93\x86\x8d\x9a4\xf5\xe2q\x13\xcf\xf6&amp;{#\xa1X,\x16k\x0bG\x87\x1eW\x03^y\xe5\x95\xab\xae\xba\xca\xd4\x80\xdf\x83)\x00\xbf\x11&gt;\xed\xd6\xae];d\xc8\x10\x8c\xb1a\x18&lt;\xea\xdb\x16\xac?\xefemw8l6\xa9\xa2\xfc\xe0{\xb3_Z\xf4\xd1\xfc\xb2\x92=\xa0\x99\xa9\x92d\xa5\xf7\xc9\xa3\x87O\xba\xb8G\xdf\xa1I\xe9\x1d~`\xf7[\xbb\xb5\xfa\xcd\xc4\x93\xa6\xb8\x124\xd6T\xed\xda\xbcz\xe5\x82\xb7\xb7}\xbb\xcc\xd05\xd0\xec\xf6\xe6t\xedv\xfa\xe4\xa9\xe7]zm\xe7\xec\x8ch\xd4\x88\x84\xc3\xbc\xa3rK\xff\x05\x7f"\xcd4`"?&lt;\x83\x10\xb2f\xcd\x9a\xc1\x83\x07\x9b\x1a\xf0\x9b1\x05\xe0\xb7\xc0\x1bT\xad_\xbf~\xfc\xf8\xf1~\x7f\x00B\xe0p\xba_z\xf7\xd3Vo\xfd\xe3\xa6\xdfb\x91\xb6n\xdc\xb8\xe0\xfdw&gt;\x9d?\x87{{\xb0$qw\x7f\xc7\xac\xbc\xc1\xe3\xa6\x0c\x1e;\xb9s^!\x00@\x8dFt]5\xed\xfe\xaf\x82+\x81,[,6;\x00\xa0b\xdf\x8e\xb5_|\xb4v\xe9\x07\x87\x0f\xec\x03\xcdnuJZ\xfa\x99S\xa7M:\xf7\xa2\xa2\xfe\xfdU\xb5\xf5\xcb@\\\x03\xae\xbd\xf0\xccp(\xc0\x18\xf0x\xdcK\x96,\x198p\xa0\xd93\xee\xb7a\n\xc0\xaf&amp;n\xfdy\x9f\x1fI\x92\rC\x7f\xe9\xdd\x05\xe3&amp;M\xac\xadn\xb59?\xcdM\xff\xf6\xcd\x9b\xde|\xf1\xe9\x85\x1f\xcc\xd5\x7f\xb8,-\x1c4r\xd8\xe9\x17\x0c:\xf5L\xa77Y\x8bE\xd5X\x04\xb0\xb6\xe8\xdf\xff\xa3h\x8a\x13@`\xb1\xda\x15\xab-\xe4kX\xf7\xd5\xa7\xab\x16\xcd\xdd\xb1n\x05hv\xdbeY\x998\xe5\x82\xcb\xae\xbb\xb5W\xdf~\xad^\x06t]Ok\x97\xb4t\xc1\xc2k/\x9c\xc4\x1f\xbdx\xbf S\x03~\x03\xa6\x00\xfc:x\xbb\x92\xda\xda\xda\x82\x82\x82\xda\xdaZ\xee\x8b\xbc\xff\xb1g/\xbd\xe6\xc6\xc6\x86\xd6y\xa6#o\xd6\xd6\xcc\xf4?\xb3\xf0\x83wu]C\x083J\x18\x00\x92\xac\x0c\x19?u\xd4Y\x97\xe6\xf5\x1e\xa4Xl\xe1\x90\x9f\x18:B\xc8\xec\x81\xfcG\xc1\x18\xa5\x94bIv8=\x9a\x1a\xdd\xb7m\xdd\xf2Of\xafY2\xdf\xd05\x08\x00D\x98R"\xcb\xca\xc4)\x17^v\xdd-q\x19h\xad\xcd\xe6\x0c\xc3HJ\xf6\xce~9\xde+BOKK+..NKK3\x1bm\xfdZL\x01\xf8\x15\xf0\x05\x97\xcf\xe7\x9b0a\xc2\xbau\xeb\xf8y\xd6\xf7\xcf|v\xfa\x8d7\xd6\xd5\xb6\xc2Z_~\x8e\xb1\xd5j\xb5\xd9\xad;\xb6|\xbf\xeaG\x08SJ\x00\x00\xee\xe4\xb41S\xa6\x0f\x1e{NV~/BH,\x12d\x94"\xdc\nUP\x10(1 BV\xbb\x0bc|`\xef\xf6\xb5_|\xf8\xe5\x07\xb3\x02\r\xb5\x00\x00\xf4\xbd\x0c\\p\xd9u\xb7\x16\xf6\xe9\x17\x8d\xc4b\xb1\x18n\x8d\x99B\x84\x90\xd44\xcf\xac\xe7\x9e{\xe8\xee\x9b\xf8c8h\xd0\xa0\xc5\x8b\x17{\xbd^\x00\x80\xa9\x01\xbf\x1cS\x00~)\xbcM\x15\x84p\xe8\xd0\xa1\xdf~\xfb\xad\xc5bU\xd5\xd8_\xee\xff\xbf[\xffvw\xf5\xe1V\xe8\xf77\x0cCQ\x14\xa7\xdb~\xb8\xf2\xd0\x8b\xff\xf9\xd7\xbc\xd9\xaf\x18\xba~\x8c\xe9\x1f}\xce\xf4\xf4N\xd9j,\xa2F#\xa0\xf5\xba\x1dD\x83w\xcf\xb6\xd8\xec\x16\xab\xbd\xe6P\xf9\xb2\x0fg\x1d#\x03\x92,\x9f\x7f\xe9\xd5\xd7\xdd\xf1\xf7\x8e\x99\x9dB\x81\x88\xa6i\xadooj\xe8z\xbb\x8eIO?:\xf3\x89\x87\xee\xe1\x0f\xe3\xc9\'\x9f\xbcz\xf5\xea\xa3\xe7\x83\xb66\xcd\xfb\x930\x05\xe0\x17\xc1\xd7\xc2\x92$]s\xcd5\xaf\xbc\xf2\x8a\xd5j\x8b\xc5\xa2\x93/\xbc\xfc\xff\x9e}-\x14\x0c\xb5\xb2tFJ\x08\x800)\xc5]]U\xfb\xd6\xcb\xff\x9d\xfb\xc6K\ru5\xc75\xfd\xd1pP\xd3b\xa6\xb7\xa7E\xe0~!E\xb1\xda\x1c\xae\xe3\xca@rj\xfa\x05\x97_{\xc957\xb7\xeb\x90\xd6X\x1f\x00\x8c\xb5\xaaS(\x18\xa3\x8c9]\xce{n\xba\xf2\xa3w\xdf\xe0\x8f\xe4\xd5W_\xfd\xf2\xcb/\x1b\x86\xd1*\xf7=\x7f\x06\xa6\x00\xfc"x\x9e\xd9\xed\xb7\xdf\xfe\xd4SO\xf1#\xeb&amp;N\xb9\xe8\xc9W\xdf\x0e\x05C|\xc5\xd1\xd2\x17\xf8\xc7\xc0\xab\xba\x9cn\x0f!\xfaG\xef\xbe\xf9\xca3\x8f\x1f(\xdd\x07\x8e\x1a\x14wR\xda\x98s\x8f1\xfd\xe6c\xd6\xc20\xc6(%?\x90\x81\xf7g\x05\x1ak\xe3\x82\x9d\x95\x9bw\xf5-\x7f\x9d|\xe1e\x18\xcb\xa1\x80\xbf5\xd5\x8e\xf1G\xcf\xe9r\xde~\xd5\xc5\x0b?x\x87?\x98\xb7\xddv\xdb\x93O&gt;i&amp;\x86\xfeBL\x01\xf8\xdf4/\xf7\xe5\x0e\xc7\x9e\xbd\xfb\xcd\xf9\xf4+IVt]o5~\x0fb\x18\x8a\xd5\xeatZ\xbf[\xb5\xfa\xa9\x7f\xdd\xf7\xdd\xaa\x15\x00\x00I\x96\r]\xc7\x92&lt;\xf1\x92[\xc6\x9d\x7fmZ\xc7\xac\x98i\xfa\xc5#.\x03V\x87\xab\xf6\xf0\x81\xa5\xf3^Z\xf8\xd63\xc4\xd0\xf9\xc7\x07\x008i\xd8\xc8\xdb\xfe\xfe\xf0I\xc3\x86\x86B1-\x16k5\xc7\x91RJeY6tm\xda\x99\xa7\xee\xdc\xb6\x89?\x9ef\x91\xf0/\xc7\x14\x80\xff\x01\xcf-k^\xf0\xd513\xeb\x83/\xd7\xb9\xdc\x1e5\x16k\x1d{j\x1e\xdcv{\xdd\xd5\x87\x0f\xbd\xf0\xc4\xbf\xe6\xbe\xf12!\x86\xa2X4M\x05\x00\x0c\x9fx\xd1\x84\x8bo\xec\xd2\xb3\x7f,\x1a\xd2T\xd3\xf4\x8bK\x93\x0cX\xacV\x9bs\xff\xce\x8d\x8b\xdf~n\xe5\xc2w\x00\x00\xfc\xa3\xc4X\xba\xe0\xf2k\xae\xff\xcb\xdf\xdbu\xec\x14\xf0\x05@k\t\x96RB,Vk0\xe0\x9f2f\xd0\xe1\xca\x03\xcd\x0b\xc4\xcc\xc4\xd0\xff\x89)\x00?\x07\xcf*+++\x1b0`\x80\xdf\xef\x87\x10:\x9c\xee\x97\xe6.\xe8;pp\xd0\x1fh\x1d\xcb(\xc30\xec\x0e\x87,K\x9f\xcc\x9b\xf3\xd8\x83w\xd7VW!\x8c)!\x00\x80\x9e\x03\x86\x9fu\xc5\x1d}\x87\x8d\xd7\xb5X4\x122M\x7fB\xc0e\xc0fw\xca\x8au\xf3\xaa%\x9f\xbc\xfe\x9f\x9d\x1bV\x02\x00\xf8\xc7\x9a\xd6\xae\xc3]\x0f\xce&lt;\xeb\xfci\xbanD\xc2\xe1\xd6\xb1F&amp;\x86\xe1\xf2\xb87\xaf_{\xed\x05\x93\xc2\xa1\x00c\xcc\xe3\xf1l\xd8\xb0!\'\'\xc7L\x0c\xfdyL\x01\xf8I\xf8\x9d\xf1\xf9|\xe3\xc6\x8d\xdb\xb0a\x03?\xa5\x9a\x17|\xd5U\xb7\x86\xb4\x1f\xbe\xf0OJq\xef\xdcV\xfc\x7f\xff\xf8\xcb\xaa\xaf&gt;\x07\x00`,\x11bxS\xdbO\xbd\xee\xde\x11gN\xc3\xb2\x12\x0e4"\x88\xa0\xf9\x14%\x14\x8cR\xca\xa8\xc3\x9dDt\xed\xebO\xe7\xcc\x7f\xf1\x11_\xdd\x11\xfe\xe1\x02\x00\x86\x9dz\xda=\xff|\xa2g\xef\x82\xc6\xfaV\xb2\x150t=\xf5h\x81\x18\x7fT\x07\x0c\x18\xb0t\xe9R\x9e\x18j.\\~\nS\x00~\x12\xeeC\x9c:u\xea\xfb\xef\xbf\xcf\xf3\xcc\xee\xfd\xd7S\xd3o\xbc\xb5\xa1\xce\'\xc9\t\xbfn2\x0c\xc3\xe1pB\x04\xdez\xf9\xd9g\xfe\xef\xfeP0(\xc9\x8a\xa1k\x08\xe31S\xae&lt;\xfb\xaa\xbf\xa6\xb6\xcb\x0c\x05\x1a\x18m]\xa9#m\x0cJ\x08D\xd0\xe9N\xae\xab\xae\xfc\xf8\xd5\xc7\xbf\xfc\xe05J\x08\xff\xa0\x9d.\xd7-\xf7&lt;t\xc9571\n\xc2\xe1P+\xd8\n\x18\xba\x91\x9c\xea\x9d\xf5\xdc\xd3\x8f\xfc\xfd6\xfe\xc0\x9e{\xee\xb9\xf3\xe7\xcf7\x83\x01?\x83)\x00\xc7\x87O\x9a\x193f&lt;\xf8\xe0\x83&lt;\xbb\xe0\x9c\x8b\xae\xf8\xf7\x0b\xb3\x1a\x1b\x03\x89\xbe\\jZ\xf8\'\xbbwm/~\xe4\xef\xb7\xad\xf9\xfaK\x00!\x02\x902\xda\xa5\xa0\xdf\xa5w&gt;\xd6\xa3\xff\xb0X8\xa4i1l\x96t\xb5\n\x081\x14\xc5ju8wm\\5\xfb\xdfw\xed/\xde\x84 \xa2\x80\x01\xc6\x86\x8c\x18s\xef\xbf\x9e\xea\xd1\xab\xa0\xb1\xa15l\x05(\xa5II\xee;\xaf\x9f\xfe\xe1;\xaf\xf3\xc7\xf6\xc1\x07\x1f|\xe0\x81\x07L\r\xf8)L\x018\x0e&lt;v\xf4\xc1\x07\x1f\x9c{\xee\xb9\x8a\xc5\xa2\xa9j\xaf~\x83\xe6.Z\xa9iz\xa2\'}\x12\xc3\xb0\xda\xed\xb2\x84\xdf|\xe9\xbfO?z\x7f8\x14\xe4\x11B\x9b\xc35\xf5\xfa\xfbFO\x99.+\x96H(`\xba\xfb[\x19&lt;0`w\xbauM]\xf6\xc1\xac\xf9/&lt;\x1c\r7}\xf4\x0e\xa7\xeb\xd6\xbf=t\xd9\xb57\xeb\x06\x89E"\t\x1d\xd9\xe2\x8f\xa7\xa2\xc8\x17\x9c&gt;|\xfb\xa6u\xfc\xe1}\xff\xfd\xf7\xa7L\x99b\x06\x84\x8f\x8b)\x00\xc7B)\x85\x10\xf2\xc0o \x10`\x8cy\x92R&gt;^\xbe1%-]U\xd5\x84^"\x19\x86\xe1M\xf2\x1e\xae&lt;\xf0\xc8\xbdw,]\xf0!/\x98\xa4\x94\x16\x9e4\xea\xb2;\x1f\xcb\xee\xd6;\x14h\xa4\x94 d&gt;\'\xad\x13\xfe\xe1:\xddI\xe5{\xb6\xbd\xf9\xef\xbbv|\xb7\x1c!\xc4K\xdc\xc7M:\xe7\xdeG\xfe\xd313\xcb\xd7\x98\xd8-\xad(\xa5\x16\x8b\xa5\xbe\xb6\xe6\xecQ\xfd\xfd\x8d\xf5\x10B\xb7\xdb\xcd\x03\xc2\x8c\xb1\x84~~\xff\x0cL\x01\xf8\x01\xbc\xf1\x19\x00`\xd8\xb0ak\xd7\xae\x95e\x99P\xfa\xc6\x07_\x0c&gt;ed\xc0\x1f\xc0R\xa2ZF\xaejI\xc9\xae\xa5\x0b\x17\xde{\xebUu5\xd5|qd\xb59\xce\xbb\xf1\xfe\xd3.\xb8\x8e1\x16\x0b\x87\x12z\xf5g\xf2\x0b!\x86au8!\x84\x9f\xcf}\xf1\xbd\xe7\x1e\x8aE\xc3|2\xa4\xa6\xb7{\xe4\xe9W\xc7M\x9c\xd8\xd8\x10Lh[I\x0c\xe2\xf6\xb8\xd7~\xb3\xe2\xf2)c1B\xba\xae\x0f\x1e&lt;x\xd5\xaaU\x00\x80\xd6\xda \xef7\x93\xa8\x9f\xf1\x9f\x04\xdf\'\xdey\xe7\x9dk\xd7\xae\xb5X\xac\xba\xae\xdf~\xef#\xa7\x8c\x19\xe5\xf7\xfb\x13\xd7\xfa\x13\xc3\xb0X\xad6\x9b\xfd\xb1\x07\xee\xbb\xf6\xc2Iu5\xd5\x92\xach\xaa\x9a\xdb\xb3\xdf}//:\xf3\xf2;\xd4HX\x8d&amp;\xf6\xde\xdf\xe4\x97\x83%I\x8dF\xd4H\xf8\xcc\xcb\xef\xb8\xef\xe5E\xb9=\xfbi\xaa*\xc9J]M\xf5\xb5\x17Nz\xec\x81\xfbl6\xbb\xc5j\xe5G\x0e$"X\xc2~\xbf\xff\x941\xa3n\xbf\xf7\x11]\xd7-\x16\xeb\xda\xb5k\xef\xbc\xf3N\x8c1?\xae\xce$\x8e\xb9\x03\xf8\x9e\xe6\xae\x7f\x9eE0z\xc2Y/\xbe\xfdQ \x10L\xe4\xd5\x90\xe1M\xf6V\x1e8\xf0\xf7[\xae\xfa\xf6\xeb/y\x0bu\x00\xc0\xd9W\xfeu\xf2\x95w\xc9\x8a\x12\t\x05\xb0\x94\xf0)\xad&amp;\xbf\x01b\xe8v\xa7[\xd7\xb4\x8f^{\xec\xe3\xd7\x1e\x07\x00\xf0\xe9q\xf2\x881\xffz\xe6\xd5\xcc\xac,_\x83/q\x97\x05\x94R\xb7\xdbu\xdd\xc5\x93\x97-\xfe\x84?\xcef0\xe0\xc7\x98\x02\xd0Ds\xd7\x7f0\x18\xa4\x94v\xc8\xe8\xfc\xfe\x17\xdf9].MK\xc8~\x0f\x8cR\x00\xa07\xd9\xf5\xc5gq\xb7\x8fUSc\x9e\x94\xf4k\xee\x7fn\xd0\xa9g\x85\xfc\r\xa6\xc7\xbf\x8d\xd3\x14\x15\xf0$\xaf\xfb\xea\x93\x97\x1f\xba\xd1__\xc3\'\tw\x07\x8d=c\xa2\xaf!\x08\x00K\xc4*\x10J\xa9\xa2\xc8\xa1`\xf0\xdc\xb1\'U\x1d\xac@\x08\xb9\\.3\x18p\x0c\xe6]\x00\xe0h\xabgJ\xe9\xc5\x17_\xdc\xd8\xd8\x08!\x02\x10\xfe\xdf\xb3\xaf\xa7\xa4\xa5\xa91-\x11\xe7\n!D\x92e\x87\xcb\xf1\xc2\x7f\x1e?\xea\xf6\x9155V8h\xe4\xc3\xb3W\x0c\x18q\x86\xbf\xbe\x861fZ\xff6\x0eB\x981\xe6\xaf\xaf\x190\xe2\x8c\x87g\xaf(\x1c4RSc\x92,sw\xd0\x0b\xffy\xdc\xe1rH\xb2\x9c\x88\x9e\x13\x84\x90\x1a\xd3R\xd2\xd2\xfe\xef\xd9\xd7\x01\x84\x10\xa2\xc6\xc6\xc6\x8b/\xbe\x98\x9fmg.|9\x89g\xda\xfe\x0c~\xe8\xfa\xb7\xe8\xbav\xfb\xbd\x8f\x0c\x1b5\xd2\xefKH\xd7?1\x0c\x9b\xdd\xaek\xea\xdd7\\\xfe\xf8\x83w\xf1\xa2eC\xd7\'_\xf9\xd7\xbf=\xf7\x897\xb5}\xd0\xdf\x80%\xc9\x8c\x86\x99\x00\x00 \x84X\x92\x82\xfe\x06oj\xfb\xbf=\xf7\xc9\xe4+\xff\xca\xfb\xc7I\xb2\xfc\xf8\x83w\xdd}\xc3\xe5\xba\xa6\xda\xec\xf6D\x0c\t`\t\xfb}\xfea\xa3F\xde~\xef#\xba\xaeY,\x163\x18p\x0c\xa6\x0b\xa8\xc9\xfa/[\xb6l\xcc\x981\xbc\x9b\xe0\xe8\xd3\xcfzqN\xa2\xba\xfe\r\xc3p\xb9=\xd5U\x957L;\xa7x\xebF\xee\xfdt\xb8&lt;7&gt;\xfc\xda\xc0S\'\x05}\r\x80%\xe4\x8e\xde\xe4\xcf\x86Q\n ty\x93\xd7\x7f\xb5\xe0\xb9\xfb\xae\x0c\x07\xfd|\xf2\x14\x14\xf5\x7f~\xce\x87\xed:d\x06\x03\xfeD\xcc\x10m\n\x06L\x9b\xbcl\xd1\'\xfc\x01\xff\xf2\xcb/G\x8f\x1em\x06\x03\x80)\x00|3\xe8\xf3\xf9\x06\r\x1aTVV\x06\x00\xf0&amp;\xa7~\xbc|CrjBf\xfd\x1b\x86\x91\x96\xee\xfdv\xe5\xea\x9b.\x9bR_\xdb\xe4\xf4\xcf\xe9\xd1\xe7\xa6G^\xcb\xc8\xed\x11\xf45$nL\xcf\xe4\xc4@\x0c\xc3\xe5M&gt;X\xba\xeb\xd9{\xaf,\xdb\xb5\x85O\xa1\x94\xb4v\xcf\xbe\xf9\xc1\xc9\xc3\x87\xd6\xd6$^\x95\x00\xaf\x0ch\xa8\xab9{\xd4\x00_C\x1d\x00 \'\'g\xdd\xbau^\xaf\xd7&lt;;,\xc1\x0c\xdc\x1f\x0e!\x04!t\xfd\xf5\xd7\xef\xdf\xbf_\x92dJ\xe9\xbf\x9ey\xb5CFf,\x1aM,\xeb\xcf\xcf,KM\xf3\xbe\xf5\xca+WN\x1d__[-\xcb\x8a\xa6\xc6N9\xe3\xc2\xfb^\xfa\xac}\xe7\xaeA_\xbdi\xfdM\xfe\'X\x92\x82\xbe\xfa\xf6\x9d\xbb\xde\xf7\xd2g\xa7\x9cq\xa1\xa6\xc6dY\xa9\xaf\xad\xber\xea\xf8\xb7^y%5\xcdK\x08I\xacU#B(\x16\x8dv\xc8\xc8\xfc\xd73\xafRJ%I\xde\xbf\x7f\xff\xf5\xd7_\x8f\x102\x1dA\x89d\xe3\xfep\xf8)\x8f\xef\xbd\xf7\xde{\xef\xbd\xc7\xcb\xe2/\x9a~\xc3\xb8\x89\x93\xfc\x8d\t\x96\xfd\xc6\x1f\xc8\xa4d\xcf\xac\xe7\xfe\xfb\x8f\xdb\xaf\x89F\xc2\x10B]\xd7.\xba\xf5\x9f7&lt;\xf4\xb2$+\xb1p\xc8\xcc\xf54\xf9\x85`I\x8e\x85C\x92\xac\xdc\xf0\xd0\xcb\x17\xdd\xfaO]\xd7 \x84\xd1H\xf8\x1f\xb7_3\xeb\xb9\xff&amp;%{\xc0\xd1)\x97(`I\xf27\xfa\xc6M\x9ct\xd1\xf4\x1b4MU\x14\x0b\x7f\xea\xf9\xe1\x01-}u-I\xdbu\x01\xf1\x8a\xdf\xba\xba\xba^\xbdz\xd5\xd77\x10bt/,z\xff\x8bou\x9d$V\xc3\x1fJ)B\xd0\xe1p\xde{\xdb5\xf3\xdfzU\x96\x15\xc3\xd0-V\xfb%\x7f\xf9\xbf\xd3.\xbc\xce__\x0b!0\xcf\xec5\xf9\xb50F\x19\x03\x9e\x94\xb4\xcf\xdf}\xf1\xad\'\xeeQc\x11I\x92u]\x9bz\xc9U\x8f&lt;\xf5r8\x1c\xa24\x91\x92)\xf9C-\xcb\xf8\xdc\xb1\'\xef\xde\xb1\x15c)%%y\xfb\xf6\xed\xa9\xa9\xa9 \xf1\xbb\xe0\xfdf\xda\xe8\x9f\r\x8e\x1e\xf6r\xf3\xcd7\xd7\xd4\xd4 \x84$I~\xf0\xf1\xe7eY!\x84$\x92\xf5\'D\x96e\x97\xdbu\xcfM\xd3\xe7\xbf\xf5\xaa\xacXt]\xb3;\xdd\x7f{\xee\xe3\xd3\xce\xbf\xd6W{\xc4&lt;\xb1\xdd\xe4\xb7\x01!B\x08\xf9j\x8f\x9cv\xfe\xb5\x7f{\xeec\xbb\xd3\</t>
        </is>
      </c>
    </row>
    <row r="156">
      <c r="A156" s="1" t="n">
        <v>154</v>
      </c>
      <c r="B156" t="inlineStr">
        <is>
          <t>shape_size_hexagon</t>
        </is>
      </c>
      <c r="C156" t="inlineStr">
        <is>
          <t>What is the size of the missing shape denoted with a question mark if it is a hexagon?</t>
        </is>
      </c>
      <c r="D156" t="inlineStr">
        <is>
          <t>['large', 'medium', 'small']</t>
        </is>
      </c>
      <c r="E156" t="inlineStr">
        <is>
          <t>large</t>
        </is>
      </c>
      <c r="F156" t="inlineStr">
        <is>
          <t>There are 7 shapes with different sizes in the image, of which there is a missing hexagon in the center. The other shapes are arranged around the center, which are ['triangle', 'hexagon', 'pentagon', 'triangle', 'hexagon', 'pentagon'] in anti-clockwise order. Their corresponding sizes are ['small', 'large', 'medium', 'small', 'large', 'medium'].</t>
        </is>
      </c>
      <c r="G156" t="inlineStr">
        <is>
          <t>We observe that the triangles are small size, the hexagons are large size, and the pentagons are medium size. Hence, the pattern is that each shape appears with a distinct size.</t>
        </is>
      </c>
      <c r="H156" t="inlineStr">
        <is>
          <t>Based on the pattern that each shape appears with a distinct size, the size of the missing hexagon should be large.</t>
        </is>
      </c>
      <c r="I156" t="inlineStr">
        <is>
          <t>b'\x89PNG\r\n\x1a\n\x00\x00\x00\rIHDR\x00\x00\x02\x00\x00\x00\x02\x00\x08\x02\x00\x00\x00{\x1aC\xad\x00\x00XSIDATx\x9c\xed\xddy|\x15\xd5\x197\xf03\xe7\xcc\xbdY \x1b(\x06\xeaR!\x80Z\xb4\x12\xea\x82"D+\x10\xad\x02\x16\x10\x11\xadXE|+EPP\xac\x82\x04\\P@\x82\xa2U\x8b\xaf\xb8\x01\xb2h]P\x13\x05\x12(\x88\x0b\xe1\xad\xa2\x94U\x8bZ\x10\x08YY\xee\xbds\xcey\xffx\x92\xf1\x1a\x16!\xcb\x9d\xb93\xbf\xef\xa7\x1f?\x92D:\xb93s\x9es\x9e\xb3&lt;\x86\xd6\x9a\x01\x00\x80\xffp\xa7/\x00\x00\x00\x9c\x81\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a6\xd3\x17\x00?QJi\xad\x9d\xbe\x8a&amp;\xc797\x0c\xc3\xe9\xab\x00\x00f\xf8\xa1\xc5\x89\x0bZk4\x8b\x00\x10K\x18\x01\xb8\x02\xb5\xfek\xd7\xae\xad\xa8\xa8\xf0|\x18\xc8\xce\xceNMMe\x8cy\xfe7\x05p9\x8c\x00\x9c\xa7\x942\x0cc\xcb\x96-g\x9ey\xa6\x94\xd2\xe9\xcbirC\x87\x0e}\xf1\xc5\x17\xa5\x94B\x08\xa7\xaf\x05\xc0\xd7\x10\x00\x9cGM\xe1\xb5\xd7^\xbbp\xe1\xc2@ \xe0\xe1\x18`\x18\x86a\x18\x9c\xf3\x8f?\xfe8;;[)\xc59\x96!\x008\x06\x01\xc0a\xd4\xfa\x17\x16\x16\xf6\xee\xdd[\x08A\xad\xbf\x10\x9c1\xaf\xa5G\xb4VJi\xfa\x1d/\xb9\xe4\x92\xe5\xcb\x973\xc60\x08\x00p\x10\x02\x80\x93\xb4\xd6Zk\xa5T\xa7N\x9d6m\xdad\x18\x06\xa5\x83\xbczS\x0c\xc64c\xa6iZ\x96\xf5\xf2\xcb/\xdfx\xe3\x8dH\x04\x018\xc8\xb3mM\\\xa0\xe6\xef\xe9\xa7\x9f\x1e1b\x04u\x8d\xa9\x89\xecv\xde\xb9\xc1\x84 \x05\x03\xa7\xaf\xb1\x11(\xa5xBp\xe3\x86-\xff\xfbq7e\x81\xb4\xd6m\xdb\xb6]\xbbvmJJ\n}\xc5\xe9k\x04\xf0#\x04\x00\xc7P\xf7\xbf\xa2\xa2\xa2]\xbbv\xe5\xe5\xe5\x8c1\xce\xb9\x94r\xc0U\x97/\\\xf0,;\x18b\x9ei\x16\x95b\xcd\x9b}\xbe|\xf5\xc5}\x86Z\x96TJ\xd1 `\xe2\xc4\x89\x0f&gt;\xf8\xa0eY\xa6\x89\xd5h\x00\x0e@\x00p\x0cu\xffG\x8c\x18\xf1\xf4\xd3OS\xf7\x9fsn\x9a\xe2\x8be\x0b;\x9c\x99\x15\xaa\xda\'\x84w&amp;H\xa5e%\x9e\xd4\xea\xa6\x9bF\xbd\xbc\xf0\x1d\xd3\x14R*\xcey\xf3\xe6\xcdKJJN?\xfdt\xad5f\x83\x01b\x0f\x01\xc0\x19\x94\xde)))\xb9\xf0\xc2\x0b\x95RJ)\x8a\x01\xf7\xfd\xf5\xcf\x8fL\xb9/\xbcg\xaf\xf0V\xa7Xi\xcd\x03\x81\x1f\x7f\xdc}v\x8f\xfe\xe5\x15\x95Z\xd7\x0ew\x06\x0cX\xb8p!f\x02\x00\x1c\x81n\x973h\xe7\xd7\xddw\xdfmY\x16%\xc1\x95R\'\xb5jy\xd7\x1dCU\xf5&gt;\xee\xb9\xd6\x90\x1b\x86&lt;x\xb0M\xd6\xafG\x0f\x1b\xa2\x94\x16\x9cS\xa3\xbfh\xd1\xa2\xe2\xe2b{\xf9\x13\x00\xc4\x12\x02\x80\x03\xa8\xed[\xb8p\xa1\xdd\xf6q\xce\xb5\xd6\x8f\xde\xf7\xd7\x13Ni\x1d9\x18\xf2\xe4\xa4(\x17\xa6UV1v\xd4\xad\x1d\xda\x9d&amp;\x95\xa2_\x99\xa2`(\x14\xf2\xf0\xda\'\x00\xd7B\x00\x885j\xe6\xc2\xe1\xf0\xfd\xf7\xdfO\x7f\x14\x82K)/\xb90\xfbO\x7f\x1a\x10\xd9[\xee\xd5\x19Q\xc3`J\xca\x84\xe6\xc93\'\x8f\xd5Z\x1b\x06\xa3\x8d`k\xd7\xae\x9d?\x7f&gt;\xe7\\)\xe5\xf45\x02\xf8\x0b\x02@\xacQ\xba\x7f\xda\xb4i\x9b7o6MS)\xc5\x98!\x04\x9f4\xf6\xff\x08\xd3\xf4v/X\x08\x11\xa9\xa8\xca\xbd\xf2\xf7={\\(\xa5\x12\x82S\x0c\x187n\\YY\x19\x06\x01\x001\x86\x00\x10S\xd4\xdem\xdd\xba\xf5\xb1\xc7\x1e\xa3YP\xd3\x14R\xca\xc1\xd7\\\x91\x93{i\xb8\xbc\xc2\x0fs\xa1Z\xca\x99\x93\xef1M\xa1u\xcd\\\xc8\xce\x9d;\xc7\x8f\x1f\x8fA\x00@\x8c!\x00\xc4\x14\xb5w\x93&amp;M\xaa\xac\xac\xa4\x85\x8fJ\xe9\xd4\x94\xe6\x13\xc6\xdc\xae\x0e\x1c0\xb8\xf7[\x7f\xcey\xa4z\xff\x99\xd9\x9dn\xbb\xa1\xbf\xbd\xf6\x89s\xfe\xdcs\xcfm\xdc\xb8\x111 \x96\xa4\x94&gt;)A\x01G\x82\x00\x10;4\xf7\xbbb\xc5\x8a\xd7^{M\x08aY\x16\xe5@\xc6\xfe\xe5O\xed\x7f{Vd\xdf~\xce=8\xf7{(.\xb8\xda\xb7\x7f\xd2}\x7f=\xa9UK\x8a\x88\x86aX\x965r\xe4Hd\x81b\x83\xda}!\x04\x15\xe7\xc1\x12,\xdfB\x00\x88)\xa5\xd4\xf8\xf1\xe3\xe9}\xe3\x9c[\x96\xccj{\xea\xd8;o\xb5\xf6\x96{l\xe1\xffQ\x18\x86\x119\x18jyr\xe6#\xe3FPN\xcc&gt;\x11\xaf\xb0\xb0\x10KB\x9b\x9aeY\xd4\xee\xdfw\xdf}\xd7^{mYY\x19uG\x9c\xbe.p\x00\x02@\x8cP\x1b\xf7\xca+\xaf\xacX\xb1\xa2\xe6\xd8\x1f\xc3`\x8c=t\xcf_\x12R\x9a)K\xfa\xa2\xf3_K\x98\xa6U^q\xfd\xe0\xbe\xd9\xe7\x9c\xa9\xa2\x96\x84\x8e\x1c92\x1c\x0ec\x1c\xd0D\xb4\xd6t\xf0\xc6\xe6\xcd\x9bsss\xa7L\x99\xb2p\xe1\xc2\x0b/\xbc\xb0\xa0\xa0\x80\xd6# \xff\xe67\x08\x00\xb1@\xad\xdb\xde\xbd{\xc7\x8d\x1bG{\xbe(\x06t\xef\xdae\xd0\xf5\xfd"\xe5\x15\xc2\xf4~\xf6?\x9a\xc1\x98\x92*\xb1Y\xb3i\xe3G\xd3\x87C\x9f\xc9\xc6\x8d\x1b\xa7M\x9b\x86\x99\x80\xa6@\x1f\xa9i\x9a\x0b\x16,\xe8\xda\xb5+5\xfa\xa6in\xda\xb4)777//\x8fs\xce9\xc7P\xc0W\x10\x00b\x81:\xb9O&lt;\xf1\xc4\xce\x9d;\xa9\xb7\xab\xb56M1\xed\xc1\xbb\xb4%\xb5\xe7\x8e\xfe?\x16B\x88HyEN\xcfK\xfa\xff\xe1\xf74&lt;\xa2\xd9\xe0\xe9\xd3\xa7\xef\xdc\xb9\x93B\x82\xd3\xd7\xe8\x1d\xf4\xd9J)G\x8f\x1e=h\xd0\xa0\xd2\xd2RJ\xfbP:\x88s&gt;q\xe2\xc4\xdc\xdc\\Z\x9alY\x16F`&gt;\x81\x00\xd0\xe4\xa8\xf5\xdf\xbcy\xf3\xd4\xa9S9\xe7R*!\x84R\xea\xb6\x1b\xfa\x9f\xd7\xfd\x82H\xd5&gt;\xe1\xdbs\xd0\x0c\x83I9e\xc2\xe8\xb4\xd4\x14\xa65c\x8cs\xbew\xef\xde\xfb\xee\xbb\x8f\xc2\xa4\xd3\xd7\xe7\x05Zk\x8a\xaf%%%\xdd\xbau\xcb\xcf\xcf\xa7\t\x00\xa5$\xe7\x9c\x1b\x06U\xa40M\xb3\xa0\xa0\xa0k\xd7\xae\x0b\x16,0M\x13\x01\xd8\'\xfc\xda\xf4\xc4\x10\xa58\xee\xbf\xff~\xcan\xd3\x0e\xd8\x8c\xf4\xd4I\xe3F\xc8\xaaj\xee\xa1#?\x8f\x17\xe7&lt;\\\xb5/\xeb\xb7g\xddy\xeb`\xa9\x94\x10\x9c:\xa4s\xe7\xce-))\xa10\xe9\xf45\xc67\x9aj\x12B\xcc\x9e=;\'\'\xe7\x93O&gt;\xa1\\\xbfa\x18Z3E\x8b\x81\xb4\xae]\x93&amp;JKK\x07\r\x1a4r\xe4\xc8\xaa\xaa*\xa4\x83\xfc\xc0\xbf\xadOl\xd8\xeb[\x16.\\\x18}\xecO\xde\x98\xdb[\x9e\x9c)\x0f\x86=y\xec\xcf\xb1\x13\xa6\xb0\xca\xcaG\xdd1\xb4\xdd\xafO\x91Rqn\x18\x86\x11\x0e\x87G\x8d\x1a%\xa5\xc4 \xa0!\xec6}\xf0\xe0\xc1\xc3\x86\r\xab\xaa\xaa\xb2\x1bz\xa5\x94)\xf8\xac)\x7f+\\\xf4|\xe6\x89-\xa5\x94f\xed\xc2\x04!\xc4SO=\x95\x93\x93SRRb\x9a&amp;\xee\x82\xb7!\x004!\xea\xfbG\xafp\xa7\xe9\xcd\x0e\xedN\x1b~\xcb`\xab\xa2\xca{\xa7~\x1e/\xc30d8\x92\xd1\xba\xd5\x03\xa3n\xd5Zs\x83vG\x9b+W\xae\x9c;w.\x96\x84\xd6\x0f\xad\xe71Ms\xd5\xaaU\x17]t\xd1\xfc\xf9\xf3\x85\x10\xb53\xed\\J\xd9\xbe\xed\xa9\xcb\xdf\x9es\xc7\x88\x9b{\xf6\xea\xf1y\xd1\xc2\x81}zZR\xd2\x86\x0c\xfa\xfcKJJrrr\x9ez\xea)\xfa\x0fq\x17\xbc\n\x01\xa0\tQ\xf6?z\x8f\xaba0\xad\xf5\xccIc\x83\xc9IJJ\x7f\xf7\xfek\x98\xa6\x19)-\xbb\xf1\xc6\xfe\xdd.\xe8lII\x9b\xe3\x0c\xc3\xc8\xcb\xcb\xab\xa8\xa8\xc0\x92\xd0\xe3E\xa3L\xcey~~~NN\xce\xa6M\x9b\xa8#O\xe9~)\xd5-C\xfe\xf8\xe9\xf2\x85\xdd.&gt;/TZ\x16*+\xff\xd5\x89\',x\xf9\xc9\xe9\x93\xc6\n^\xb3\x16\x8b\x12qUUU#G\x8e\x8c\x9e1v\xfa7\x83\xc6\x87\x00\xd0T\xa8\xfb_VV6~\xfc\xf8\xa8\xa5\x9fj\xc0U\x97\xe7^}y\xa4\xa2\xd2\x0f\xc7\xfe\x1c#\xad\x99\xe0|F\xde\x98`0@\xb9i!\xc4\xd6\xad[i\xc6\x12\xdd\xcfcD\xcb\xfc\x85\x10;v\xec\xc8\xcd\xcd\x1d=z45\xe5\x96e\x99BH\xa5R\x9b7{~\xc6\xc4\xd9\xcfNI\x0b\x06\xc3\x95U\xa6)L\xd3\x8c\x84B\x91\xaa\xea\xbb\xee\xbam\xe5\x07\xafu\xeet\x06%-\xe9\xe9\xa55\xa3\x17]t\x116\nx\x15\x02@S\xa1\xee\xff\xf8\xf1\xe3\xcb\xca\xca\xec\xa5\x9f\xc1`\xe0\xa1q#\xb4ey\xa7\xdeoc\x10\x82\x87+\xab~\xd7\xfd\xc2\xeb\xfa\xe6*\xa5\xe8\x80&lt;!\xc4\x8c\x193\xb6m\xdb\x86\xd9\xe0cA\xc3&amp;Z\xcc\xd3\xa5K\x17j\xb2Y\xedy\xe3\x96\x94\x17\x9d\xf7\xdbO\x97\xbe&gt;l\xd8\xf5\xe1\xb2\xf2\xe8\x12l4\\\x08\x95\xee\xbd\xf0\xbcs\x8b\xde{\xf9\x96!\x7f\xa4\xbc?7\x0c\xda5\x86\x8d\x02\x1e\x86\x00\xd0$\xec\x93\xee\x9f{\xee9\xfb\xa8\x03\xa5\xd4\xdd\xc3o\xec\xd8\xf97\x91\xaa}(\x81[\x87!\x84\xac\xaa~t\xfc\x9d-2\xd2\xec\xe6\xbe\xa2\xa2\xe2\xde{\xefE\x16\xe8\x17\xd9=}Z\xce\xbfc\xc7\x0e{\xbe\x97\xd2&gt;w\x0e\xbf\xa1\xe8\x9d\x97:f\xfd:TZFi\xfd:\x7f\x83i\x9a\xe1\xca\xaa\x94``\xf63\x8f\xcc}\xfe\xf1\x16\xe9\xa9R)\xda\x13\x80\x8d\x02\x1e\x86f\xa8I\xf8\xad\xe2c\xc3\xa1fd\xfd\xd02\x7f:\xdd!\'\'\xc7\xee\xa7\xdb\'\x8d\xb7nu\xc2\xfc\x7fL\xcd\x9f1\x91K\x19\xd9w\xe0(\xe5\x86\x84\x10\xd2\x92\xe1\x8a\xca\xc1C\xae\xf9\xb8p\xdeE\xe7\xfd\x96Z\x7f\x86\x8d\x02\xde\x85\x00\xd0\xf8\xfcY\xf1\xb1\xe1P3\xf2x\xd9\x0b7\xe7\xcf\x9f\xdf\xb5k\xd7U\xabV\xd5\x96\x18\xaa9j\xb0WN\xd7\xcf\x97\xbe&gt;hp\xdf\xd0\xee\xbdZ\xeb_\xdctB\x7f[h\xcf\xde\x0e\xedN+z{\xce\x841\xb7\xd3^\x01\x13\x1b\x05&lt;\n\x01\xa0\x91\xf9\xb6\xe2c\xc3\xa1f\xe4q\xa1\x16\xb9\xaa\xaaj\xd8\xb0a\x83\x07\x0f\xb6\xd7\xea\x98B\xd0l\xed\x841\xb7\x17,\xfeG\x9b\xcc\x13C\xa5e\xa6y\x98\xb4\xcf\x91\x98\xa6\x19\xd9w\x80+\x957i\xcc\xfb\xaf\xff\xbdu\xab\x13,l\x14\xf0(\x04\x80F\xe6\xe7\x8a\x8f\r\x87\x9a\x91\xc7\xc2N\xfb\xac[\xb7.\'\'g\xf6\xec\xd9\xf62\x7f\xd34-)\xb3N?\xe5\xfd\x05\xcf\xe6M\x1ac\x1d8\x189\x18\xaaG\x9f\x83\x0b\xae\xb5\x0e\xed.\xcd\xbd\xe2\xb2\xcf\x97/\x1cx56\nx\x13\x02@cB\xc5\xc7F\x81\x9a\x91G\x11\xdd\r\xef\xd1\xa3\x87\xdd\r\xa7\xe8hY\xd6\xc0&gt;\xbd&gt;.\x9c\x97{\xc5e\xa1\xdd\xa5\x86a\xd4{\xb9\x01\xad)\n\x95U\xb49\xb1\xe5\x82W\xb0Q\xc0\x9b\x10\x00\x1a\x13*&gt;6\x1cjF\x1e\xc5\x91\x12\xf1\xa6)\x94R)\xcd\x92g&gt;z\xdf\x82\x97\xf2OHM\t\xed-k\x94d\xa3i\x8ac\xd9(`O?\xf8\xf9\xee\xc4#\x04\x80F\x83\x8a\x8f\x8d\x055#\x0fU\xe7t\x07{)N\xedQn\xb2s\xa73\x8a\xde}i\xe4\xa8[\xc3U\xfb\xacp\xa4\x11\xa7\x9a\x8ee\xa3@\xf4\x02$\x0c\x05\xe2\x88O_\xa7\xa6@\xc3\xf0K/\xbd\x94j~\xd1)\xbbYmO]\xff\xaf\x7f\n\xad\x19\xf3\xe5\xa9\xff\xf5eYV\xc2\t-\xfe\xefs\xaf\xderW\x1e\r\x02\xe8\x9f\x05\x05\x05\xbdz\xf5\x8a\xde\xc7\xe4\x07\xf6\xef\x9b\x97\x97\xf7\xd0C\x0fQ\xb3kY\x96\xe0\\*\xc5\x18\xbbe\xc8\x1f\x9fxt\\jJ\xf3PE\x95\x19h\xaaU\x06R\xca@0`$%\xcd{\xfd\xed\x11\xf7&lt;\xb4\xb7\xbc\xd2\xde(@\x1d\xff\xde\xbd{\xbf\xf8\xe2\x8b\xad[\xb7\xa6\x91\nV\xbb\xb9\x1fF\x00\x8d\x03\x15\x1f\x1b\x17jF\x92:\xa7;L\x9c8\xf1\xa7\xd3\x1dL!\x95j\x91\x9e:\xf7\xf9\xc7g?\xf3HJ0\x10\xae\xaan\xba\xd6\x9f\x1du\xa3\x00c?mB\xa6\xd1\t\xab\xadA\x06n\x86\x00\xd0\x08P\xf1\xb1\xd1\xa1f$;\xe2\xe9\x0e5\xc7\xcaZ\x96\xbc\xe8\xbc\xdf~\\8o\xf0\x90k\xc2\x15\x95\xd2\x8a\xc5\xa8\xe8H\x1b\x05\xa8\x96\x03\x05\xaaA\x83\x06\x8d\x1e=\xda\xaeA\xd6\xd4\x97\x04\r\x81\x00\xd0\x08P\xf1\xb1)\xf8\xbcf$\xfd\xb2\x96e\x8d\x1e=\xfa\xe7\xa7;p\xca.\xdey\xdb\rE\xef\xbc\xd4\xa1\xddi\xa1={c\x9co9t\xa3\x80]Q\xc0&gt;\x88\xb4[\xb7nT\xd5\x07\x1b\x05\xdc\x0c\x01\xa0\xa1P\xf1\xb1\t\xf9\xb2f\xa4]\xc4\x91&amp;W\xe9H\xd4:\xa7;\xbc\xff\xfa\xdf\xf3\x9fx\xf0\x17Owh:?m\x14\xb8\xf2\xb2\xcf\x97\xbe\xde+\xa7\xabU\xdb\xd9\xa7\xc9\xeaO&gt;\xf9$z\x8f\x02\x86\x02\xee\x84\xb6\xa9\xa1P\xf1\xb1\xe9\xf8\xb0fdt\x11\xc7\xf3\xcf??\xfat\x07\xc6\x98}\xbaC\xee\x95\x97\x85J\xcb\x8e\xe5t\x87\xa6S\xb3Q`oE\x9b\x93N,x\xf3\x85\xe9\x93\xc6\xd2&amp;d\xfb\x1c\xbaCw);u\xa9p$h\x9e\x1a\x04\x15\x1f\x9b\x9a\xafjFF\xb7\x9b\xc3\x86\r\xab\xa8\xa8\xa89\xdd\xc1\xa4"\x8eb\xc2\xd8\xda\xd3\x1d\xf6V\x1c\xd7\xe9\x0eM\xa7f\xa3@\xf5\xbe\xbb\xc6\x0c_\xfe\xf6\x8b\xed\xdb\x9e*\xa3\xaa\xfa\xd09E\xd8(\xe0Z\x08\x00\xf5\x87\x8a\x8f1\xe0\x93\x9a\x91\xba\xf6\xc4\xcd:\x99\x13U3\xee\x91\xedO?e\xf9\xdb/\xe6M\x1a\x1b\xd9O\xa7;\xb8\xe8\xd1\xaa\xd9(\xb0\xbb\xb4\xdb\xc5\xe7}\xba|\xe1-C\xfe(\xa5\xa2\x8d\x02t\xb3\xb0Q\xc0\xb5\x10\x00\xea\x0f\x15\x1fc\xc3\xf35#)\xeds\xe8\xdc\xa9]\xc4qP\xbf\xdc\xd5\x05\xf3\xbau;?\xf4\xe3\x1e\xce\xeb\x7f\xbaC\x93\xa2\x8a\x02i\xc1\xe0\xecg\xa7&lt;?cbj\xf3fR)\xb3\xf6\xdc\x88\xe8Z\x05\xa8(\xe0\x1en|\x92\xe2\x02*&gt;\xc6\x92\x87kFF\x9f\xee\x10\xbdz\x92\x96\xf9\xa74K~&gt;?o\xfe\xabO\xb6Lm\x1e\xae\xa8l\xd2e\xfe\rGq+\\V&gt;l\xd8\xf5\x9f.}\xfd\xa2\xf3~k\xd5&amp;E\xb1Q\xc0\x9d\x10\x00\xea\t\x15\x1fc\xc9\x935#\xed\xd3\x1d\xa2\x0b\xad\xd0\x83Di\x9f\xce\x9d\xceX\xfe\xeeK\xc3n\x1b\x12\xde[.-+.\xba\x145\x1b\x05J\xcb:f\xfd\xba\xe8\x9d\x97\xee\xbc\xed\x06\xa5\x94\xc6F\x01\xb7B\x00\xa8\x0fT|\x8c=\x8f\xd5\x8c\xb4K-\xe6\xe5\xe5E\x97Z\xa4e\xfeR\xaa\x11\xb7\x0e.z\xf7\xa5.\x9d\x7f\x13\xdaU\x1aw\xc7*\xd4l\x14\x902\xff\x89\x07\xb1Q\xc0\xcd\xd0N\xd5\x07*&gt;\xc6\x9egjF\xd2\xe9\x0eT\xc4\x91Nw\xb0\xa7FM\xd3\x94R\xb5HO\x9d?{\xeaSONNI\x08\x84+\x9b\xf6t\x87\xa6S\xb3Q\xa0\xb4\x0c\x1b\x05\xdc\x0c\x01\xe0\xb8\xa1\xe2\xa3S&lt;P3\x92\xc6.t\x8ar\xd7\xae]\xe9t\x07\xa5\x14\xab9\xdd\xc1\xa2\xd3\x1d\x06\r\xee\x17\xda]J\x9b\n\x9d\xbe\xe4\xfa3\x0c\xc34\x056\n\xb8\x19\x02\xc0\xf1A\xc5G\x07\xc5{\xcdH\xbaZ)\xe5\xe8\xd1\xa3\xa3\xeb\xa8\x98B(\xad\xa9\x88c\xd1\xdbs\xe8t\x07:\xed\xd9\xe9Kn\x04\xc7\xbbQ\xc0\xe9\xeb\xf5\x17\x04\x80\xe3\x83\x8a\x8f\xce\x8a\xdf\x9a\x91t\x9d\xeb\xd6\xad\xeb\xd6\xad\x1b-^\xaa)\xaf(\x84U{\xbaC\xde\xa41\\)\xa7Nwh:\xc7\xb5Q\x80\xd5v\xb3 \x06\xdc\xfb\xc2\xb8\x10\xf5Y\xb6m\xdb\x96\x9d\x9d]]]m\xaf\xd6\xb8a\xc0\x1f^yifxO\xa9\xf0\xd6{\xebNJ)39\xe9?_m:\xe7\xb2\x81Ji\xfb\xec\xd5;\xee\xb8c\xd6\xacY\xee,\x15@y\xc2w\xdf}w\xc8\x90!UUU4\xdfk\x7fw\xe0\xd5=\xf3\xa7\xfc\xad\xcd)mBe\xe5q7\xdf{\\\xa4\x94\x81@\xc0h\xde\xec\x1f\xb3\xe7\x8e\x9d0\xb5\xa2j\x1f}\xdd\x1e\xbd]u\xd5U\x8b\x16-\n\x06\x83\x1e\xfe\x10\\\x05#\x80\xe3\x80\x8a\x8fn\x10\xa75#\r\xc3h\xd6\xacYt\xeb\xcf9o\xde,yz\xde\xdd\x0b^}\xaa\xcd\x89-Ce\x15\x9eI\xfb\x1cI\xf4F\x81O&gt;z\xfd\xe2\xf3\xcf\x15B\xd0-3M\x93f\x05\x02\x81\x00z\xa51\x83\x00p\xacP\xf1\xd1=\xe2\xaef$U\x88\xeb\xd1\xa3G\xc7\x8e\x1di\x01(\xad\x1b\x9ep\xf7\xf0\xbb&amp;\x8c\x0e\x95WDB\xee:\xdd\xa1\xe9\xfc\xb4Q\xa0c\xdb\x82\xd7\x9fm}\xd2\t4\xb0\xa63Po\xbd\xf5V\xd7\x86pOB\x008\x0eJ\xa9\xf1\xe3\xc7\xd3z5\xaa\xc8\x91\xd5\xf6\xd4\xb1w\xdej\xed-G\xf2\'\x96\x0c\xc3\x88\x1c\x0c\xb5&lt;9\xf3\x91q#\xec\x99U:\x95\xaf\xb0\xb0\xd0\x9dKB\xe9\n\xfb\xf5\xeb\xc7\x18\xe3\x9cSG\xff?[\xbeQU\xd5\xf4\x15G\xaf.\xd68\x17*b}\xf7\xfd\xffv\x97\x96\xd1\xa0GJ\x99\x96\x96v\xf9\xe5\x973\xc6\\\x98\xc4\xf3*\x7f=v\xf5\x86\x8a\x8fn\x13w5#\xe9\x81\xc9\xcd\xcde\x8c)\xa5\xa4T\x8c\xb1%\x1f\xae\xac\xfaqO0!\xe8\xb6\xabmjJI\x9e\x9c\xfcVAq(\x14\xa6,\x10c\xacs\xe7\xce\x99\x99\x994 p\xfa\x02\xfd\x02\x01\xe0\x97\xa1\xe2\xa3\x0b\xc5]\xcd\xc8:m\x1cc\x8cs\xf1\xe3\xee\xd2\x15\xab?7\x92\x93\xddv\xb5MM\x08\xae\x0e\x1cx\xf3\xbde\x8c1\xadkZ\xfc+\xae\xb8\x82\xe1\x80\xa0\xd8B\x00\xf8e\xa8\xf8\xe8N\xf1U3\x92\x16}\xa6\xa5\xa5\xd1 @\x88\x9aJq\x8b\x97,e&gt;\x9b=RJ\x9bII\x1b\xbf\xdeT\xf2\xe5\x06\xc30\x94\xd2R\xca`0h\xe7\xc7\x9c\xbe@\x1f\xc1g\xfd\x0bP\xf1\xd1\xd5\xe2\xb0f\xe4\xc0\x81\x03YT\x16\xa8\xa0hu\xc5\x8e]\x81\xa0\x8f\x96\xbe(%Yb\xe2;\x1f\xae\x88D,\xca\xffh\xad\xb3\xb3\xb3\xb3\xb2\xb2\xe8us\xfa\x02}\x04\x9f\xf5/@\xc5G7\x8b\xaf\x9a\x91\xd4\xb4u\xeb\xd6-:\x0b\xb4s\x97\xef\xb2@\x94\xffyc\xc9\xcf\xf2?\xfd\xfb\xf7wa\xe2\xce\xf3\xd0~\x1d\r*&gt;\xba_\x1c\xd5\x8c\xa4,Pjj\xea\xe1\xb2@~y\x13k\xf3?\x9b\xeb\xe4\x7f\xfa\xf4\xe9\xc3\x90\xff\x899|\xdcG\x84\x8a\x8fq!\x1ekF\x1e\x9a\x05*\xfba\xa7O\xb2@J)\x96\x98\xf0VAQ$b\t\xc1\x91\xffq\x16&gt;\xee#B\xc5\xc7x\x11G5#\xed,P\xeb\xd6\xadk\xb3@|\xe7\xae\xd2\x92\x7f\x7fe$%)\xe5\x96\xebl:\x9c\x1b,\x1c)X\xbe\x9a\xd5\xf6\xb1\x18\xf2?\xceA\x008&lt;T|\x8c/\xf1R3\xd2\xce\x02\xf5\xea\xd5\x8b\xd5d\x81\x0c\xc6XA\xf1\x1af\n\xad=\xde\x02j\xad\x03\t\xc1\x1f\xfe\xfb\xfd\xba\xf5\xffa\x8c\xd9\xf9\x9f\xab\xaf\xbe\x9a!\xff\xe3\x04|\xe2\x87\x87\x8a\x8f\xf1%\x8ejF\xd2p\xe4\xb2\xcb.\xa3\x7f\xa7\x0b{\xeb\xfd\xe5\xa1\xb2\xca@|\xd6~9vR*\x96\x9c\\\xb0|uEe5\x1d{\xa7\xb5&gt;\xfd\xf4\xd3O?\xfdtJ\xb1:}\x81\xbe\x83O\xfc0\xa8\xffXRR\x82\x8a\x8fq\x84jFN\x19?*#-\xd5\xb2j\xba\xfc.\xac\x19Ic\xc7\x9e={\xa6\xa4\xa4H)\xb5f\x9c\xf3\xcd\xdfl_[\xf2\x05ON\xa6Y\x01\xaf\xe2\x06cR.^\xb2\xb4\xe6\x8f\x9c3\xc6\xfa\xf4\xe9\x13\x0c\x06\xdd3J\xf3\x154d\x87\x17\x0e\x87G\x8f\x1e\x1d]\xf1\xf1\xd7\xa7\xb6\x19\xfd\x97\x9bP\xf1\xd1\xb5\xa8fd\xebv\xa7\xde3b(\xe7\x06\x8f\xaa\x19YPP\xe0\x9e\xd9`z\x9cZ\xb7n\xdd\xbd{wV{V\xbe\xd6\xfa\xcd\xf7\x97\xb3@\xc0\xc3Y \xadu 1\xe1\x87m\xdbW\xaeY\xcb\x18SJ\xd18\xbb\x7f\xff\xfe\xac\xf6\xa8\x0c\x881\x04\x80\xbah(\xbak\xd7\xaeO&gt;\xf9\x84&amp;\xa6\xe8(\xc7\xab.\xef~\xe2\xafO\x8e\x1c8\x88\'\xd5\xb5\x0c.\xd4\xfe\x037\xf4\xffCRb"\xcd\x03\xd3\xcdz\xf7\xddw\x99\x9b\xca\x8cP\xda\x87\xd6\x021\xda\x18\xc5\xd8\xdb\x85\xc5\xa1\xb2\n\x0fg\x81j\xf2?E\xab\xab\xaa\xf7S\xfeG)\x95\x95\x95\xd5\xb9sg\xad5&amp;\xd5\x1c\x81\x00P\x17M\xd3\x9d|\xf2\xc9\x83\x07\x0f\xa6\x1e\n\x8d\x03^\x98\xfb\xe6\x7f\xd6~\x91\x90\x9a\xe2\x9el2\xd4\xa1\x95\xe4\xcd\x92\x1f\x982k\xdf\xfe\x03\xb5\x05\x1bT0\x18\xfc\xcb_\xfe\xc2\xdc4\xc7H\x8d]\xef\xde\xbd\x7f\x96\x05\xda\xb6}m\xc9\x97\x1e\xce\x02\x1d6\xff\xd3\xb7o_\xe4\x7f\x1c\xe4\x96W\xc2U\xa8\xdb\xf8\xe8\xa3\x8ffdd\xd0r \xce\xf9\x81\x83\xa1\xf1S\x9e\xd6\x9c3\xd7t$!\x9aT*\x90\xd2\xfc\xb3\x15\x9f\xcc{\xf3\x03\xca\xff\xd0\x00n\xcc\x981g\x9ey&amp;\xfd\xd1\xe9k\xacA\x9d\xdf\xcc\xcc\xcc\xa8,\x90\xa1\xb5^\xfc\xde2\x160=\x99\x05\xd2Z\x07\x12\x13\xbf\xdf\xfa\xdf\xe8\xfc\x8fa\x18\xc8\xff8\xcb-\xaf\x84\xabP\xf3\x91\x99\x999y\xf2\xe4\xe8\xe3\xe6\x17\xbd\xfbQ\xd1G+\x03\xe9\xa9\xe8\xb0\xb8\x90\xa1\xb5!\xc4\x98\xbc\'\xc2\x91\x08\xc5l\xa5T\xbbv\xed\xee\xbd\xf7^\x17\xee0\xaa\x93\x05\xa2\xf4T\xd1\xea\xcf\xd4\xfe\x03\x9eL\x86(\xa5XR\xe2\xa7\xeb\xd6G\xe7\x7f:v\xec\x88\xfc\x8f\xb3\xdc\xf5V\xb8\x075\x1f\xc3\x87\x0f\xef\xd8\xb1c\xf4q\xf3c&amp;\xcd\x08\x1f8\xc8\x85\xc00\xc0U\xa4e\x05Zd,\x98\xff\xd6\x8a\x8f\xd7\xda\x05\x1b\xb4\xd6\x0f&gt;\xf8`jj\xaa\x0b\x8f\x98\xb7\xd7\x02%\'\'K)\x95\xd2\x86a|\xf5\x9f-\x1b7l1\x93\x12\xbd\xb9#\xcc`\xef\x14\x163\xc6\x0c\xa3&amp;\xff\x93\x9b\x9b\x8b\xfc\x8f\xb3\x10\x00\x0e\x8f\x9a\x0f\xd34\x9f|\xf2I\xfb\xb8y\xcey\xc9\x17\x1b\x9e{~\xae\x99\x96\xa2\xf0\xd4\xba\x86\xd6\x9a\x07\x03e?\xee\x1e\xf7\xc8\x93t\xe3j\n6t\xef~\xfd\xf5\xd7\xd3\xc9\x10N_c]\xf4D\x9dt\xd2Ig\x9f}6c\x8c\x8aD\x86\xc2\x91w&gt;,f\x89\x894-\xec\x19Z\xeb@0P\xb1c\xd7\x07\xcbW1\xc6\xa4T4\x00\xfa\xfd\xef\x7f\xcf\x90\xffq\x14\x02\xc0\x11Q#\xd2\xabW\xaf^\xbdz\xd9[\x018\xe7\x0fN\x7f\xb6\xf4\xfb\x9df\xa2\xef\xaa8\xb9\x96\xb4\xa4\x99\x91\x9e\xff\xf4\x9co\xfe\xfb\x03\x9d\x03\xc1\x18\xe3\x9cO\x9e&lt;\xd9\xcd\xb9\x05Z`6`\xc0\x00V\xd3\xe1P\x8c\xb17\x96,S\x07\x0e\x08o\x9d2\xab\x942\x92\x93W\xac\xfe|\xe7\xaeR\xce\x05}%33\xb3G\x8f\x1e\xccM\x93\xf3&gt;\x84\x8f\xfeh\xa8;\xf9\xe4\x93O\x06\x83A\xad\xb5\xd6\xcc0\x8c\xb2\xf2\xca\tSf\xf1\xe4d\xe5\xd1\xd5\x1a\xf1E)\x1dh\x9e\xbcy\xddW3g\xcf\xb3\x0b6H)o\xbc\xf1\xc6\xee\xdd\xbbS\xe4v\xfa\x1a\x0f\xaf\xce6(\xca\x02\x95|\xb9a\xe3\xd7\x9bL\xef\x9d\x0b\xc4\rZ\xff\xc3yM\xfa+77\x97\x16Aa\x04\xe0 \x04\x80\xa3\xa1\x99\x80\x8e\x1d;\x8e\x1d;V)%D\xcd\xda\x92\xe7_]\xbca\xdd\xfa@s\x1f\x9d\xe1\xeeZZI\x9e\x948i\xfa\xb3\x15\x95U\xd4\x94h\xad[\xb4h1e\xca\x14\xfb\xac1w\xa2\xa7++++;;\x9bv\x9f\x08!"\x11\xeb\x9d\x0fWx)\x0bd\xe7\x7f\n\x8aV\xb3\xa8\xfc\x8f=\x01\x0e\x0eB\x00\xf8\x05\xf4\x96\xdeu\xd7]\x99\x99\x99\xd4\xa0\x18\x06\xb3,y\xe7\xf8\xc7\r\xf7e\x96\xfdFJ\x19\xccH+.(\x9e\xf7\xe6\xfb\xd4\xf1\xaf9\xb4\xe3\xee\xbb\xa9\xe8\x8a\xcb\xd3\x0bu\xb6\xc2z2\x0bt\xa4\xfcO\xb7n\xdd\x18\xf2?N\xc3\xa7\xff\x0b(\x0bD=\xca\xda%\xa1J\x08\xf1a\xf1\x9a\xd7\xe7\xfd3\x90\x9e*-\x8f\xf4\xd4\xe2\x8ef\x8c\x0b~p\xdf\x81\xd1\x0fN\x93RQ\'ZJ\xd9\xbe}\xfb1c\xc6\xb8\xbf\xf5gG\xce\x02\xfdg\xfdFOe\x81\x0cc\xd1!\xf9\x9f\xd4\xd4T\xe4\x7f\x1c\xe7\xf67\xc4\rh\x10p\xddu\xd7egg\xdbE\xc1\x0c\xc3x\xe0\xb1gBU\xfb\xb8\x89%\xa1\xce\x90\x96e\xa6\xa7\xcf\x9d\xf7\xcfu_\xfe\x87:\xfe\x14\xad\x1f~\xf8a\x9a\xb3q\x7f\xe3bg\x81h9\xbc\x9d\x05*(^\xe3\x8d,\x90\xd6:\x100\xabw\x97~X\xbc\x86!\xff\xe3&gt;\x08\x00\xbf\x8c\x9a\x95\x84\x84\x84\xfc\xfc|{\x0f\x8b\xe0|\xcb7\xdb\xa7\xe6\xcf63\xd2\xa4\xb4\x9c\xbeF\xdf\xa1\x93\xc5\xf6|\xf7\xc3\xdf\xa6\xcc\xb2\x8fl\xa2U[\x03\x07\x0et\xf3\xdco\x1d4R\xa1\x06\xd1&gt;\xb5t\xd9\xbf&gt;eV\x84J\x05\xc45\xa5\xb4\x91\x98\xf8\xc5W\x1bw\xed.\xe5\x9c\xd3\xbb\xd3\xa6M\x1b\xe4\x7f\\\x027\xe0\x98\x08!,\xcb\xba\xe4\x92K\x86\x0c\x19B\x8d\x8bT\x8a\x1b\xc6\x8c\x7f\xbc\xb6c\xcb\x7f\x03I\x89\n\xa3\x80\xd8RR\xf2\xe6\xcd\x9fx\xfa\xa5\x1fw\x95R\xbbYg\xdf\x86\xd3\x17x\xac\xe8Rsrr(\x7fE\x1d\xe4\xe2\x8f?\xffa\xdbw\x81\x84\x84x_j\xac\xb5b\xc1\xe0\x1b\xef-\x93JQ\x00`\x8c\x9dw\xdey\xc8\xff\xb8\x04\x02\xc0\xb1\xa2\xcc\xcf\x84\t\x13\xd2\xd2\xd2\xe8\xb548\xdf[V1n\xf2\x0c\xde,Yc_X\x0c)\xa5\x02\xcd\x9bm(\xf9b\xfas\xafD\x17l\x88\xde\xb9\xed\xf45\x1e+:k\xb6S\xa7NYYY\x14\xba\x84\x10U\xd5\xfb\x0b\x8aV\xb3\xf8?\x18.\x100Ce\x15\xb4\x01\xd8\xceh\xf5\xeb\xd7\x8f\xb9\xe9pV?\x8b\x9b\xf7\xc4q\xd4\xd0\xb4k\xd7n\xf4\xe8\xd1v\xc2A\x08\xf1\xea\xe2\xf7\x8a&gt;(\n\xa6\xa7aG{,\x19B\xdc\xf9\xc0\xe3\xe1p\xc40j2\'\x19\x19\x19\x93\'O\x8e\xc7\xc2RR\xca\x84\x84\x84\xbe}\xfb\xb2\xa8\xac\xc8\xe2%K\x99\x94q\x9d\x04\x92R\xf1\xe4\xe4\xb5%_l\xde\xb6\x9ds\xae5\x93R\xa6\xa4\xa4\xe4\xe6\xe6\xb2\xda\xc30\xc0Yq\xf6\xaa8\x8b\x1a\xfdQ\xa3F\xb5m\xdb\xb6\xf6tI\xad\x94\x9a0\xf5\xef2ba&lt;\x1b\x1bR\xca@j\xca\x07\xef-\xfd\xb0x\x8d\x10\\JEs\x00\x93\'O\xce\xc8\xc8p\xe1\xb1?\xbf\xa8Nat\xca\x02\xad\\\xb3\xf6\x87m\xdb\x03\x89q\x9c\x05\xd2Z\xb1@\xe0\xcd\xf7\x97ST\xa6\xd8\xd6\xbd{wZ\xa1\x1bw\xb7\xc9\x93\x10\x00\x8e\x03=\xb2iii\x8f=\xf6\x18\x8d\xd6iI\xe8\xca5%\xaf\xbc\xba8\xd02\xc3\xb20\x1b\xdc\xb44c\\\x88\xf0\xfe\x03w\x8e\x9fj\x18\x06\x9d\xa4\xaf\x94\xea\xd2\xa5\xcb\xf0\xe1\xc3\xe3+\xf9c\xa3,P\xe7\xce\x9d\xb3\xb2\xb2\xa8e\xf4F\x16\x88\xf2?o\xff&lt;\xffC\xd3\xdd\xd8A\xe9\x12\xf1\xf7\xb68\x8b\x06\x01\x03\x06\x0c\xe8\xd1\xa3\x07\xa5\x80\xb4V\x86a&lt;\x94?\xbb|\xe7n\x11\xc4\x01AMKY\xd2LO}\xee\x85y\x9b\xb6\xfe\x97\x9a~\xca\xffL\x9f&gt;\xdd4\xcd\xf8\x9a\xfe\x8d&amp;\xa5\x0c\x06\x83^\xca\x02\xd5\xe6\x7f\xbe\xac\x93\xff\xe9\xdd\xbb7C\xfe\xc75\x10\x00\x8e\x9b\xdd\xe2$$$h\xad\x95\xd2\x9c\xf3\xad\xdf~\xf7\xd8\x8c\xe7\xcd\xd4\xe68%\xb4\xe9(\xadEb\xf0\x7f[\xb7?8\xedY\xce\r{&amp;f\xe0\xc0\x81v&lt;v\xfa\x1a\xeb\xc9\xce\x02\xd1BI;\x0b\xf4\xfd\xd6\xff\x06\x12\x13\xe3\xb1W\xa1\xb5b\x01s\xf1{\xcb\xb4\xd6T\xa2\x99!\xff\xe3&gt;\x08\x00\xc7\xcd\xce9P\xcdH\xd34\xa5\x94\x82\xf3\'\x9e{u\xe3\xba\xaf\x82)\xcd1\xbcm"ZJ\x91\x92r\xdf\xe4\xfc\xb2\xf2J\xeaT2\xc6\x82\xc1\xe0\xc3\x0f?\xcc\xe2\xfcTa;\x0bD\xab\x98\xec,\xd0\xa7\xeb\xd6\xb3\xa4\xc4x|\xa2\x84\x10j\xff\x81\xa2\xd5\x9f\xb1\xa8\x05?\xc8\xff\xb8\r\x02@}P7\x8djF\xd6tg\x0c#\x1c\x8e&lt;0e\x16jF6\x91\xda\x8a\x8fk\xe6\xbf\xf5\x01\xe7\xdc\xb2$\x9d\xcd7f\xcc\x98\xf6\xed\xdb\xbb\xaa\xe2c\xfdP\x16\x88V\xc8p\xce)\x9c\xbdSX\xcc\xe20\xae)\xa5\xcd\xa4\xc4\x8d\x1b\xb6|\xf5\x9f-\x86a(\xa5\xa5\x94\xc9\xc9\xc9={\xf6d\xc8\xff\xb8I|\xbf3N\xa1=\x01\xa8\x19\x19K?U|\x0c\xc7A\xc5\xc7z\xa0\x11\x0c\xd5HQJ\xd1\xdc\xef\x07\xcbWU\xec\xd8\x15\x08\x06\xe2+\x0b\xa4\x94d\x89\x89\xef|X\x1c\nG\x84\x10tw\xce&gt;\xfb\xec\x93N:\t\xf9\x1fW\x89\xfb\xd7\xc6)\xa8\x19\x19KqW\xf1\xb1\x1e\xa8\x95\xec\xd1\xa3\x07e\xc9\x19c\x9c\x8b\x9d\xbbJW\xac\xfe\xdcH\x8e\xb3\x83\xc7\x85\xe0\xea\xc0\x817\x96,c\x8c\xd1*\t\xc6\xd8\x80\x01\x03h\xbf\x9e\xd3W\x07?A\x00\xa8\'\xd4\x8c\x8c\x99x\xac\xf8X\x0f\x86a\xd4\xd9\'E\xa3\x9a\xc5K\x96\xb2\xb8Z\t\xa4\x946\x93\x926~\xbd\xa9\xe4\xcb\rv\xfe\'\x18\x0c\xf6\xe9\xd3\x87\xe1\xfc\x1f\x97\xc1\xcd\xa8?\xd4\x8c\x8c\x8d8\xad\xf8Xo\xf6L)e\x81\n\x8aV\xc7W\x16\xa86\xff\xb3"\x12\xb1(\xff\xa3\xb5\xce\xce\xce\xa6]\x0e\x08\x00\xae\x82\x9b\xd1 \xa8\x19\xd9\xd4\xe2\xb7\xe2c=P\xe3\xd8\xad[\xb7:Y\xa0\xe2\xb8\xca\x02\t!\x0e\xcd\xff\xd8\xfb\x9c\x9d\xbe:\xf8\x19\x04\x80\x06A\xcd\xc8\xa6\x16\xbf\x15\x1f\xeb\x81\xb2@\xa9\xa9\xa9\xf6n)\xea.\xbf\xf9\xde\xb2x\xc9\x02\xd5\xac\xff\xf9z3\xf2?q\x01\xf7\xa3\xa1P3\xb2\xe9\xc4{\xc5\xc7z\xbb\xf6\xdakkw\x84i\xc6\xd8\xaa\xcf\xfe_\xa8\xbc\xca4\xe3`\xac\xa3\x94b\t\t\xab\xd7\xfe;\x12\xb1\xe8\xfc\x1f\xad\xf5\xef~\xf7;\xe4\x7f\xdc\t\xf7\xa3\xa1P3\xb2\x89x\xa0\xe2c=\xd0/\xd5\xb5k\xd7\xf4\xf4t\xa5j~\xeb-\xdf~\xb7\xb6\xe4K\x9e\x9c\xe4\xfes\x81\xb8\xc1\x98\x94o.YF\x7f\xa4!Z\xaf^\xbd\x90\xffq\'\x0f\xbeB\xb1\x87\x9a\x91M\xc1\x03\x15\x1f\xeb\x81:\xfe\xe9\xe9\xe9]\xbbve\x8c\xd5t\xa2\x95~\xf3\xfde,\x10\xa4\xaa\xf1\xaeEe\xda~\xd8\xb6}\xc5\x9a\xb5\x8c1:\xd3\x82s\xde\xabW/\x16\xe7[\xb5\xbd\n\x01\xa0\x11\xa0fd\xa3\xf3L\xc5\xc7z\xa0Pw\xed\xb5\xd7\xd6\xfeQ2\xc6\xde.,\x0e\x95U\x04\x02\xaeN*J\xa9XrrA\xd1\xea\xaa\xea\xfd\xf6\x8b\x90\x95\x95\xd5\xa5K\x17Z\xbc\xeb\xf4\x05B]\x08\x00\x8d\x035#\x1b\x97g*&gt;\xd6\x035\x94\xbd{\xf7NII\x91R\xd2\x91\xd7\x9b\xb7m_[\xf2\x05w\xf7\xe9\xd0\x94\xffY\xbcdi\xcd\x1f9g\x8c\xf5\xed\xdb7\x18\x0cbo\xbc;!\x004\x1a\xd4\x8cl,^\xaa\xf8X\x0f\xd4q\xce\xcc\xcc\xec\xde\xbd;\xb3\xb3@Z\xbf\xf9\xfer\x16\x08\xb86\x0bd\xe7\x7fV\xfe&lt;\xff\xd3\xbf\x7f\x7f\x86\xfc\x8f[y\xf9E\x8a1\xd4\x8clD^\xaa\xf8X\x0f4_J;\xc2Xt\x16\xa8\xbcB\x98B\xbb\x92eI\x9d\x9cth\xfe\xa7s\xe7\xce\x1a\xf9\x1f\xb7\xf2\xfe\xbb\x14K\xa8\x19\xd9p\xde\xab\xf8X\x0fG\xca\x02}\xbe\xf6\x0b3-Upn\x06L\xb7\xfd/!!`h\xb6\xf8\xdd\x8f\xe8W@\xfe\'.\x18\x1a\xb9\xe9FUs,\xe8\xa2E\x03\x07\x0e\xb4\x07\x01R\xca\x17\xf3\xf3\x86\xde6$\xb4\xbb\xd4\x1b\x07\xd74\x11z\x16\x15\xe7gw\xeb\xb7y\xdbv{\xe7Wvv\xf6\x9a5k8\xe7\x06\xed\xb3\xf0\x01\xca\x9f\\u\xd5UK\x96,\xa1\x0e\xb5eY\xf7\xfe\xf5\xcf\xf7\xde7"\xbcg\xaf\xdb\x9e"\xad\xb5\x08\x88\xf2\xb2\xaa\xec^\xd7\x95WT\xd9\xb7i\xf5\xea\xd5\x17\\p\x81\xb7\'\xed\xe3\x1a\x02@\xe3\xa3\xc7=\'\'\xa7\xb8\xb8\x98jFj\xcd\xda\x9ev\xf2\xe7\xcb\x164OJdR\xfa\xa4\t\xab\x07i\xc9\xe0\t\x19O\xcd\xf8\xc7\xc8\x07\x1e\x8f\x0e\x9fEEE\xf1^\xf3\xebxY\x96e\x9a\xe6\x9c9sn\xbe\xf9f\xfa\x10\x18c\x89\t\xc1\xa4$\x97\x16\x083\x98\xa1\xb4\xaa\xac\xda\xa7\xb5\xa6A[\x87\x0e\x1d\xbe\xfc\xf2\xcb@ \x80\x07\xde\xb5\xdc\xd5\x8f\xf0\x06\xbbf\xe4\xc5\x17_\x1c\x89D\x94\xd2B\x08\xaa\x19\xf9\xe8\x94\xbf\x85\xf7\xec\x15.\xeb\xbe\xb9\x84\x87+&gt;\xd6\x03\xa5P.\xba\xe8\xa2`0\x18\x89D\xe8\x8b\x07C\xe1\x83\xa1\xb0\xa3\xd7uL(\x00\\|\xf1\xc5\x94\xff\xf1\xd5\x8d\x8b/\x98\x03h|\xa8\x19Y?\x1e\xae\xf8X\x0f\xf4\x14eeeegg3\xc6L\xd3\xa428.\x17\x9d\xa3\xa3\xf5?\xe0f\x08\x00M\x025#\x8f\x97\xe7+&gt;\xd6\x03M\x03\xfc\xf1\x8f\x7f\xd4Z[\x96\xa5\xb5V\xaeW\xbb"\xc8:\xf1\xc4\x13\xede\xacN\x7f\x90pD\x98\x03h*4\xf2}\xfa\xe9\xa7G\x8c\x18\x11\x9d\xce^\xb6\xe8\xf9K{u\x0f\x97Wb\\\x1cMI\x19HK\xed\x91;\x84j~Q;\xd2\xb6m\xdb\x92\x92\x92\xe6\xcd\x9b\xfbg\xee7\x9aR\x8as\xbey\xf3\xe6\xee\xdd\xbb\x87B!\xa7/\xe7X\xd1\xa6\xc8!C\x86\xcc\x9a5\x0b\xf9\x1f\x97C\x00h*\xd4\x84)\xa5:u\xea\xb4i\xd3&amp;{AK\xe7\xb3\xcf\xf8\xf8\xc3y\xdc\x92L3\xff\xb5i\x87\'-+\xd8\xb2\xc5\x82\xd7\xde\x184\xfc\xde\xe8`\xf9\xf2\xcb/\xdfx\xe3\x8d4\x1d\xea\xf45:\xa9\xb2\xb2\xd2\xae\x82\xe9\xf4\xb5\xfc2z\xd4\x9b7o\xee\xf3\xbb\x16\x17\xe2\xe3\x91\x8aS\xd4\x90\x15\x16\x16\xf6\xee\xdd;\xba]{r\xf2=\x7f\x1d}k\xb8\xb4\\\xc4\xc3\x01\xbfMMk\xcd\x04\xaf\xda\x7f\xb0\xcbe\x03\xbf\xdd\xfe?\xea\xecS\xc5\xc7e\xcb\x96\xb1\xdaE\xf1\xbe\xa5\xbd~\xf4\x058\x08\xe9\xb9&amp;\x84\x9a\x91\xc7\xc2o\x15\x1f\x8f\x97}\x14R\xdcq\xfa\x93\x83_\x86\x00\xd0\xb4P3\xf2\xe8|U\xf1\xb1\xde\x8c\xf8\xe4\xf4\xc7\x06\xbf\x0c\x01\xa0iq\xd4\x8c&lt;*_U|\x04p\x1b\x04\x80&amp;\xc7Q3\xf2\x08|[\xf1\x11\xc0%\xf0\x8259\x035#\x0f\xc7\x9f\x15\x1f\x01\\\x05\xefX,p\xd4\x8c&lt;\x84?+&gt;\x02\xb8\n\x02@,\x18\xa8\x19\xf9s\xda\xc7\x15\x1f\x01\xdc\x03\x01 FP32\x9a\x9f+&gt;\x02\xb8\x07\x02@\xecp\xd4\x8cd\x8c\xf9\xbe\xe2#\x80{\xe0M\x8b\x1d\x8e\x9a\x91\xb5|^\xf1\x11\xc0%\xf0\xb2\xc5\x14jF\xa2\xe2#\x80{ \x00\xc4\x14\xb5niii\x8f=\xf6\x18%\xbbiI\xe8\xca5%\xaf\xbc\xba8\xd02\xc3\xb2\xbc&lt;\x1b\xac\x19\xe3B\x84\xf7\x1f\xb8s\xfcT\xc30\xa8\xd4\xadR\xaaK\x97.\xc3\x87\x0fG\xf2\x07 \xc6\xf0\xbe\xc5\x1a\r\x02\x06\x0c\x18`W\xb9\xd2Z\x19\x86\xf1P\xfe\xec\xf2\x9d\xbbE\xd0\xcb\x07\x04)K\x9a\xe9\xa9\xcf\xbd0o\xd3\xd6\xffR\xd3o\xd4VO3M\x13\xd3\xbf\x001\x86\x00\xe0\x00\xbb\xd5KHH\xd0Z+\xa59\xe7T3\xd2Lm\xae&lt;:\x13\x80\x8a\x8f\x00n\x83\x00\xe0\x00\xee\xcb\x9a\x91\xa8\xf8\x08\xe06\x08\x00\xce0\x8eZ3R\xd7\x96\xd6\xf3\x0c\xcb\x92\xa8\xf8\x08\xe06(\x08\xe3\x98\xa3\xd5\x8c\xfc\xc3\xefUY\x05\x17\x821\xaf\xdc\x1d\xa5Y\xf3f=z\rF\xc5G\x00\xf7@\x00p\x0c5\x82\x87\xad\x19\xf9\xee\xeb\xcf\x06\xb4b\x8c\x19\xcc\x0b\xcd\xa2\x942\x98\x96\xf2\xd6\x9b\x1f\x0c\xbds\x02*&gt;\x02\xb8\x07\x02\x80\x93\x0e\xad\x19I_Om\x96,\x02\xa6wn\x8dfL\xf0\x8a\xf2J\xfa\x8d\xe87E\xc5G\x00\xc7!\x008\x8cb@\xef\xde\xbd\x0b\x0b\x0b\xa9e4\xe2\xa4\xf6w\xbdQ\nh\xf9\xf2\xe5\xa8\xf9\x05\xe0,\x8f\xb75\xeeG3\xc0\x9b6m:\xe7\x9cs\xa4\x94\x94\x17\xf2jB\\km\x9af$\x12\xb9\xe9\xa6\x9b\xe6\xcc\x99\x83\xd6\x1f\xc0Y\x08\x00\xce\xa3v\xf0\x81\x07\x1e\xa0\x05\x91\x9e\xd7\xa2E\x8b\xaf\xbe\xfa\xea\xa4\x93N\xd28\xf9\x07\xc0Q\x08\x00\xce\xa3[PVVv\xe1\x85\x17\xee\xd9\xb3\xc7\xc3) :\x13\xfb\xde{\xef\x1d7n\x1c\xba\xff\x00\x8e\xf3l[\x13\x8f\x0e\x1c8p\xf0\xe0A\x0f\x07\x00Jm\xa5\xa7\xa7{8\xcd\x05\x10G&lt;\xdb\xd6\xc4\x1d\xb4\x89\x00\x10c\x08\x00.\xe2\x93{\x818\x07\xe0\x12\x08\x00\x00\x00&gt;\x855\x18\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08\x00\x00\x00&gt;\x85\x00\x00\x00\xe0S\xa6\xd3\x17\x00\x10\x0bZk\xfa\'\xa9\xf3]#\x8a\x13W\x07\xe0\x0c\xe3\xd0\x97\x01\xc03\x94RJ)\xc30\x84\x10\xc7\xfe\xf3\x9cs\xce18\x06\xefC\x00\x00\x0f\xa2v\xdc4\x7f6\xc0\xdd\xb5k\xd7\x0f?\xfc\xb0{\xf7\xee={\xf6TVV\x86\xc3a\xadu0\x18LKKk\xd5\xaa\xd5\xc9\'\x9f|\xea\xa9\xa7&amp;\'\'\xdb\x7f\x03c\x0ca\x00\xbc\xcd\xef\x01@J\xc99\xc7\xc0\xdf\x1b\xb4\xd6\xd4\xdf\xb7\x1b\xee\xaf\xbf\xfez\xe5\xca\x95\xff\xfa\xd7\xbf\xbe\xfc\xf2\xcbo\xbf\xfd\xb6\xa2\xa2\xe2H\xff\xadi\x9a\xad[\xb7&gt;\xf7\xdcs{\xf6\xecy\xe5\x95W\xb6k\xd7\x8e\xe1\xf1\xf0:\xdc__\x07\x00\xad\xb5\x9f\xef\xbd\xc7H)\xed&lt;\xcf\x86\r\x1b\x16/^\xfc\xd6[o\xad[\xb7NJ\x19\xfdc\xf43\xd1\xf7\x9df\x05\xa8\xcbO\x92\x93\x93\xfb\xf4\xe93f\xcc\x98.]\xba0\xc6()\x14\x8b\xdf\x01b\x08\xaf?\xf3s\x00\xa0\xdb\xff\xcc3\xcf\x0c\x192$55\x95\xfd\xbcQ\x80\xf8BwS)\xf5\xf6\xdbo?\xff\xfc\xf3\x1f~\xf8\xa1eY\xf4-J\x04)\xa5\x0e;\xfdk\x8b\x9e\x07\xa6\xff\xd64\xcdQ\xa3F=\xf4\xd0C\t\t\t\x88\x01\x1e\x83\xd7\x9f\xf84\x00P\xa2`\xdb\xb6mYYY/\xbc\xf0\xc2\x9f\xff\xfc\xe7\xe8\xfe#\xc4\x17z\x86\xe7\xcd\x9b7}\xfa\xf4\x92\x92\x12\xfa\xa2i\x9a\xbf\xd8\xe8\x1f\t%\x91\xe8?\xbf\xe4\x92K\x16,X\x90\x99\x99\x89\x18\xe0\x19x\xfdm&gt;\r\x00t\xbfsss\x0b\x0b\x0b\xdb\xb4i\xf3\xc5\x17_\xa4\xa7\xa7c\x15`\x9c\xa2\xa6\xb9g\xcf\x9e\x1f}\xf4Q0\x18\x94RR\xdb}\xe8O\x1ev\xad\xe7Q\xd6\x86\x9a\xa6\x19\x89D\xce&gt;\xfb\xece\xcb\x96\xb5l\xd9\x92\xf9\xb5\x9f\xe81x\xfdm~\xec\xd1\xd0\xed_\xb8paAAA \x10\xf8\xe1\x87\x1f\x9ex\xe2\t\xea\xf19}iP\x1f\xd4vO\x9e&lt;Y\x08aY\x96\x942\xba5\xa75\xa0\xa6i\x1a\x86A\xb9~\xf9s\x14-\x84\x10u:\xf8Z\xebH$\x12\x08\x04\xbe\xfc\xf2\xcb\xc1\x83\x07\xd3\x7f\xeb\xcf\x0e\x93\x97\xe0\xf5\x8f\xe6\xbb\x11\x00\xf5\xf5,\xcb\xea\xd4\xa9\xd3\x96-[8\xe7Zk\xd34\xd7\xaf_\xdf\xbe}{\x0c\xf3\xe3\x14\xdd\xb8\xee\xdd\xbb\xaf\\\xb9R\x08A\x13\xbf4\xa8\x8f\x9e\x04n\xd1\xa2E\x9b6mZ\xb6l\x99\x92\x92\x12\x0c\x06#\x91HEE\xc5\xf7\xdf\x7f\xbf}\xfbv\xca\xfb\x0b!\x0em\xe5\x03\x81@$\x12\x99&gt;}\xfa]w\xdd\xe5\xdb\\\x817\xe0\xf5\xafK\xfb\x8ceYZ\xeb\x87\x1f~\x98\xd56\x10\xf4\xcf\x81\x03\x07\xda\xdf\x85\xb8\x13\x89D\xb4\xd6\xff\xfc\xe7?\xe9\x86F\xef\x00HKK\xeb\xd3\xa7\xcf\xd3O?\xfd\xd9g\x9f\x95\x96\x96\xda\x13\x03\xb6\x83\x07\x0fn\xd8\xb0a\xd6\xacY\xb4\xe6\x87\x1d\x92\xe7\xa1}a\x19\x19\x19?\xfe\xf8#\xed0p\xe2W\x84F\x80\xd7\xbf\x0e\x7f\x05\x00\x1a\xf2\xef\xd8\xb1\xa3E\x8b\x16\xd1\xeb\x7f\xe9!(**\xd2\xbe|\x08\xbcA)\x15\x89D:u\xead7\xdc\x97\\r\xc9\xb3\xcf&gt;\xfb\xddw\xdf\xd5\xf9I)\xa5U\x8b\xf2E\xc4\xb2\xac\x993g\x06\x83\xc1C\xd3\xc1\x14Q\x1e\x7f\xfcq]\x1bl \xee\xe0\xf5?\x94\xbf\x02\x00\xdd\xdd\xa1C\x87\xdaw\xdd\xee\xe2\x19\x86\xd1\xa5K\x97\x83\x07\x0f\xdaIa\x88/\xd4.?\xff\xfc\xf3\x89\x89\x897\xdf|\xf3\xaaU\xab\xecoI)#\x91\x08\xdd\xd9Co.\xcd\nD"\x11\xfa\xd6;\xef\xbc\x13\x08\x04\xea\xec\x0f\x12B\x18\x86\xf1\xbb\xdf\xfd\x0e#\x80\xf8\x85\xd7\xffP&gt;\n\x00\xd4\xd7[\xbbvm0\x18\xb4_o\xbb\xafG\x0f\xc4\x9c9s\xb4\xffz\x01^R]]\xbdq\xe3F\xfaw\x1a\x13\x1c\xfb\xfb\xac\x94\n\x85BZ\xeb\xf1\xe3\xc7\xd7i#\xe8!IHH\xf8\xf6\xdbou\xed\xb3\x04q\x04\xaf\xffa\xf9h\x12\x98&amp;\x03/\xbd\xf4R{\x9e\x90\x96\x85\xd0w\xe9Qh\xd5\xaa\xd5W_}\xe5\xdb5a\x9eA7\xb7\x1e\x13z\xb4\x14\xa4\xb2\xb22++\xab\xb4\xb44\xfa\t\xa1\x85"K\x96,\xb9\xf2\xca+1\x15\x1cw\xf0\xfa\x1f\x96_\xa6\xbc\xe9\x8d\x9d;w\xee\xca\x95+M\xd3\xa43@\xb4\xd6\x8f\x8c\x1bq\xca\xaf2\xed\xee\xc0\xce\x9d;\xfd\xbc&amp;\xcc\x03\xb4\xd6J\xa9C\xd7t\x1e#z*\xd2\xd3\xd3\xbbw\xef\xce\x0eI\x140\xc6\xbe\xfd\xf6[V\xbb\xf0\x14\xe2\x05^\xff#\xf1E\x00\xd0Z\x1b\x86QQQ\x91\x97\x97G\x07\x06\x08\xc1\x95R]\x7fw\xce}\x0f\x8f\x1bs\xfb\x9f\xb4\xd6t\xd79\xe7S\xa7N\xdd\xbcy3-\x07t\xfa\xc2\xe1\xb8\xd5\xaf\xe3\x1f\x8d\x86\xc6\xd1\x93\xc9\xd1\xf6\xee\xdd\xdb\x90\xbf\x1cb\x0f\xaf\xffQ\xf8"\x00P\xc0\xcf\xcf\xcf\xdf\xbauk\xedBo\x16\x0c\x06fN\xbeWUV\xddv\xf3\xa0\x0e\xedN\xa3\xdd\xe1\x86a\x84\xc3\xe1\xfb\xef\xbf\x9f\xa1\x97\xe7c\x86a\xa4\xa5\xa5\x1d\xf6[\x91H$\xc6\x17\x03\r\x84\xd7\xff(\xbc\x1f\x00(!\xb0m\xdb\xb6\x193fP\xee\xcf4\x85R\xea\xba\xbe\xb9\xe7\xe5\\\x18*+OLi6s\xf2X\xad\xb5a\xfc\xb4K\xb0\xb8\xb8\xd8\xdeO\x04&gt;t\xa4\x86&gt;\x18\x0c\xc6\xf8J\xa0!\xf0\xfa\x1f\x9d\xf7\x03\x00\r\x00\xef\xbd\xf7^\xfb,x\xa5T\x8b\x8c\xb4G\xc7\xdf)+\xab\xcd` RY\x95{\xe5\xef{\xf6\xb8PJ%\x04\xa7\x9f\xbf\xfb\xee\xbbC\xa1P\xf44\x11\xf8\x87\xd6z\xc7\x8e\x1d\x87\xfd\x16\x9d\x08\x04\xf1\x02\xaf\xff\xd1y&lt;\x00PH/..^\xb4h\x11\x85t\xc1\xb9Rz\xf4\xb0!m\xb2~-\x0f\x1e\xe4\x86\xc1\x18\xd3R\xce\x9c|\x8fi\n\xadk\x0e\x15X\xbbv\xed\xfc\xf9\xf3}5\x1d\x04\x84\xd6\x08\xfe\xfb\xdf\xfff?\xcf\x03\xd0\x93\xf0\xeb_\xff\x9a\xe1H\xb88\x81\xd7\xff\x17y9\xc4\xd1l^$\x12\xb9\xf8\xe2\x8bKJJ\xe8\xa5\xd5Z\xb7o{\xea\x17+\xdf\x14Z3\xcd\xe8E\x96\x96\x0c\xb6H\xbf\xe3\xaf\x0f&lt;3g\x01e\t\xfd\xb9&amp;\x0c\xe8\xd6\x7f\xff\xfd\xf7g\x9cq\xc6\x81\x03\x07Xm\x0c\xa0\xce`bb\xe2\xc6\x8d\x1bO=\xf5T?\x1e\x1a\x13o\xf0\xfa\x1f\x0b/?\xc4\xf4\x96\xce\x9f?\x7f\xed\xda\xb5\x14\xcc\r\x83i\xadgN\x1e\x9b\xd0&lt;YIi\xdfV.\xb8\xda\</t>
        </is>
      </c>
    </row>
    <row r="157">
      <c r="A157" s="1" t="n">
        <v>155</v>
      </c>
      <c r="B157" t="inlineStr">
        <is>
          <t>venn</t>
        </is>
      </c>
      <c r="C157" t="inlineStr">
        <is>
          <t>What is the missing number of the part denoted with a question mark?</t>
        </is>
      </c>
      <c r="D157" t="inlineStr">
        <is>
          <t>['2', '0', '8', '4']</t>
        </is>
      </c>
      <c r="E157" t="inlineStr">
        <is>
          <t>2</t>
        </is>
      </c>
      <c r="F157" t="inlineStr">
        <is>
          <t>There are 3 overlapping circles containing the numbers ['?', 9, 4]. The overlapping part between the first and second circle contains the number 11. The overlapping part between the second and third circle contains the number 13.</t>
        </is>
      </c>
      <c r="G157" t="inlineStr">
        <is>
          <t>We observe that the circles with 9 and 4 overlap to form the part 13, where 9 + 4 = 13. Hence, the pattern is most likely that the numbers in the overlapping parts are the sum of the numbers in the corresponding circles.</t>
        </is>
      </c>
      <c r="H157" t="inlineStr">
        <is>
          <t>Based on the pattern that the numbers in the overlapping parts are the sum of the numbers in the corresponding circles, the missing number of the circle where the overlapping part is 11 should be 2.</t>
        </is>
      </c>
      <c r="I157" t="inlineStr">
        <is>
          <t>b'\x89PNG\r\n\x1a\n\x00\x00\x00\rIHDR\x00\x00\x02\x00\x00\x00\x02\x00\x08\x06\x00\x00\x00\xf4x\xd4\xfa\x00\x00\x9c\x9eIDATx\x9c\xec\xddw\x98\x14\xc5\xd6\xc0\xe1_wO\x0e\x9b\xc9aI\x12\x05\t\x8a\x82\x01\x8c\xa8\x88b\xc6\x80"\x08\x08\x8a\n\x06DEE1#\x8a\xa2\x02*\xa2b\x16\x03FPA\x05D@\xb2\x12%\xe7\xb0qvr\x87\xfbG\xcf,\x0b\xea\x95\xb0\xb0;3\xf5&gt;\xcf\xfd\xe4c\x97\xdd\x9e9\xd3]\xa7\xaaNUI\x86a\x18\x08\x82 \x08\x82\x90R\xe4\x8a\xbe\x00A\x10\x04A\x10\x8e=\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b2T\xf4\x05\x08\x15\xc30\x8c\xfd\xfe\\\xf6\xff?\xf0\xebq\x92$\xfd\xed\xcf\x07\xfeW\xa8\x1c\xe2\xf1;0\xb6\xff\x14\xd7\xb2\x0e\x8c\xb1\x88o\xe5T6\xbee\xff{\xe0\x9f\xcb\x12\xf7\xafp \xc9\xf8\xaf\'\x82\x90\xb0\xe2\xa1\xd5u\xbd\xf4\xcf\xf1\x87\xba,\x97\xff\xe0\x8f\xa6i\x7f\xfb=e\x1b\x11\xa1|\xc5\x1b\xf7\xb2\x8d|&lt;\xb6G\xe3=\x8f\x7f\x8e\x0c\xc3(\xfd\xf9G\xebw\t\xff\x1e\xdf\xa3q\xff\x1a\x86\xf1\x8f\xcf\tq\xff&amp;7\x91\x00$\x91\x03\x1f\xd0\x8a\xa2\xfc\xdf\xef\xf7\xfb\xfd\xf8|&gt;\x8a\x8a\x8a())\xa1\xa4\xa4\x84`0H \x10@UU"\x91(\xba\xaec\xb1(X\xadV\xac6\x1b.\xa7\x13\x97\xcb\x8d\xc7\xe3\xc6\xe3\xf1\x92\x91\x91\x8e\xdb\xed\xc6\xe9t\xfe\xeb\xef)\xfbp9\x9a\rT2\x8b\xc7U\xd7u\xc0lx\xff_#\xe0\xf7\xfb\x89F\xa3\xec\xd9\xb3\x87\xfc\xfc|\xc2\x91\x08\x91p\x84\x82\x82||&gt;\x1f\xaa\xaa\x12\x8eD0\x0c\x03\x9b\xd5\x8a\xd5j\xc5\xe5r\x91\x99\x99\x89\xcb\xe5\xc2b\xb1\x90\x9e\x9eN\xf5\xea\xd5\xb1\xd9lx\xbd\xde\xff{m"\xbeG\xe6\xc0\xc6\xfe\xbf\xe2\xabi\x1a\x81@\x80\xa2\xa2"\x8a\x8b\x8b\xf1\x95\x94\x10\xf0\xfb\t\x04\x82\x04\x83A4M%\x12\x89`\x18`\xb5Y\xb1X,8\xecv\x9c.\x17n\x97\x0b\x8f\xc7\x83\xd7\xeb%==\x03\xb7\xdb\x85\xcdf\xfb\xbf\xd7\xa6i\x1a\xb0/\xe1\x13\xf1M\x0e"\x01H`e\x1b|\x8b\xe5\xef\xb39\x86a\xb0k\xd7n6m\xda\xc8\xfa\xf5\x1bX\xb7n\x1d\xeb7\xacg\xcb\x96-\xec\xdc\xb1\x83\xdd\xbbwQTTD8\x1c9\xeckp\xb9\x9cdddR\xa3F\r\xaaW\xafN\xbdz\xf5\xa9_\xbf\x1e\x8d\x1a5\xa2^\xbdz\xd4\xad[\x97\xcc\xcc\xcc\x7f\xbcv]\xd7E\x83\xf1/\xca6\xf8\xff\x96\xcc\x95\x94\x94\xb0u\xebV6m\xda\xc4\xca\x95+\xd9\xbau+\xabW\xaf&amp;//\x9f\xcd\x9b7\xe1\xf3\xf9(..&gt;\xa2\xebp\xbb\xdd\xb8\xddnj\xd7\xaeM\x95*U\xa8\xdf\xa0\x01\xb9\xb9\xb94i\xdc\x98\xdc\xdc\\\xea\xd7\xaf/\xe2{\x18\x0e&amp;\xbe\xe1p\x98\x9d;w\xb1qc\xec\xde]\xbf\x9e\xf5\xeb\xd7\xb3m\xdb6v\xee\xd8\xc1\xde\xbd{)..F\x8d5\xce\x87J\x02&lt;^/\xd9\xd9\xd9\xa5\xf7o\x83\x06\r\xa9W/\xd7\xbc\x7f\xeb\xd7\xa7v\xadZx&lt;\x9e\xbf\xfd[\x11\xdf\xe4 \x12\x80\x04R\xf6\xa1\xa1(\xca\xdfn\xba\xad[\xb7\xb2b\xc5\n\x16-Z\xc4\xe2\xc5\x8b\xf9\xf3\xcf?Y\xb7n\x1d\xa1P\xe8\x1f\x7f\x9eb\xb1\xe2MK\'=#\x13\x8f7\r\x8f\xd7\x8b\xd3\xe9\xc2\xe14{\x80V\xab\rY\x91QU\rU\x8d\x10\x8dD\x08\x05\x83\x04\x02~\xfc&gt;\x1f&gt;_\x11\x85\x05\xf9\x94\xf8|`\xe8\xff\xf8;\xd2\xd3\xd3i\xdc\xb81-[\xb6\xa4m\xdbv\xb4m\xdb\x86&amp;M\x9a\x90\x95\x95\xb5\xdf\xf7\xc5\x1f(\xff\xd5\xf3Ife{\xf8\x076\x08\xa1P\x885k\xd6\xb2t\xd9R\x16/Z\xc4\x92%KX\xb5j\x15;v\xec\xf8\xd7\x9fg\xb1\xdap{&lt;\xb8=\x1e22\xb2\xf0\xa6g\xa2(\n\x16\xab\x15E\x96\xb1XmH\x92\x84\xaaF\xd1T\x15UU\xd1u\r\x7f\x89\x8f\xc2\xfc||\xbe"\x82\x81\x00\xa1`\xe0_\x7fGFF\x06M\x9a4\xa1y\xf3\xe6\xb4m\xdb\x96\xb6m\xdb\xd2\xacY\xb3\xbf%\x05"\xbe\xfb\x8f\x94\x1c\x98\xb0\xab\xaa\xca\x86\r\x1bX\xb6l9\x8b\x16-d\xc9\x92%\xacX\xb1\x82-\x9b7\xa3\xe9\xff|o\xd9\xec\x0e\xd2\xd23J\xef_\x97\xdb\x83\xd3\xe9\xc2\xeet\xa2(J\xacWo\xc6WUU"\xe1\x90y\xff\xfaK(\xf1\x15S\\TDQa&gt;\xc1\x80\xff_\xaf\xb9j\xd5\xaa4m\xda\x94V\xadN\xa0m\xdb\xb6\xb4n}\x02\x8d\x1b7\xc6\xedv\xef\xf7}\xf1\xe9\xbfT\x8eo"\x12\t@%\xf7\xff\x1e\x1a\x9b7of\xde\xbcy\xcc\x9a5\x8b_\x7f\xfd\x95e\xcb\x96\x11\x8dF\xf7\xfb\x1eoz\x06u\xeb5$\xb7A#\xea\xd4k@\xed:\xf5\xa8V\xb3\x16Y9UI\xcf\xcc\xc2\xed\xf6bw8\xb0\xd9lXm6$IF\x92 \x9e[H\x12\xc4?!\x86a\xfeO\xd74"\xd1\x08\x91p\x98p(H\x89\xaf\x98\xc2\xfc&lt;\xf2\xf6\xecf\xc7\xb6\xcdl\xdb\xb2\x91M\xeb\xffb\xf3\x86ul\xd9\xb4\x81p(\xb8\xdf5efd\xd0\xbam[N;\xf5TN?\xe3\x0c\xda\xb6iCvv\xf6~\xdf\xa3\xaajJ&lt;L\xfe\xad\xd1WU\x95?\xff\\\xc1\x9c9\xb3\xf9e\xd6,\x16\xcc\x9f\xcf\xfa\xf5\xeb\xff\xf6\xef\xd332\xa9[\xbf!\xb5\xea\xe4\x92\xdb\xb01\xd5\xaa\xd7\xa4vn\x03&lt;^/9Uk\xe0\xf6xP,\x16\xb3ap8\x91\xa04\xb8\xa5\xf9\xa3\x01F\xfc\x0f@$\x1c!\x18\xf4\x13\x8dD\x88D\xc2\xec\xd9\xb5\x83\x12\x9f\x8f\x9d\xdb\xb6\xb0s\xdb\x16\xb6l\xda\xc0\x96\x8d\xeb\xd9\xbci\x1d\xbbwl\xff\xdb5egg\xd3\xbaukN=\xf5T\xce8\xe3\x0c\xda\xb6m\xbb_B\x10\x1fRN\xe5\xf8\x1a\x86\xc1\xea\xd5\xab\xf9\xf5\xd7\xb9\xcc\x9a\xf5\x0b\xbf\xfd\xf6\x1b\xabV\xad\xfa\xdb\xbf\xcf\xa9Z\x9d\xdc\xfa\r\xc9mx\x1cur\xebS\xb3N=\xaaV\xabAfv\x15\xd232q\xba\xdd\xd8lvlv;V\x8b\x15I\x96\xf6\xc5U2{\xf9\x07\xde\xbf\x9a\xaa\x12\x89\x84\x89\x84\xc3\x84\x82\x01\x8a\x8b\n)\xcc\xcfc\xef\x9e\x9dl\xdf\xb2\x89m[6\xb1q\xdd\x1a6o\\\xcf\xb6\xcd\x9b\xd0\xf5\xfdG\x18j\xd6\xac\xc9\x89\'\x9e\xc8i\xa7\x9f\xcei\xa7\x9dF\xab\x96\xadp\xbb]\xfb\xbd\xb6T\x89o\xa2\x13\t@%\x15\xef1\x95m\xf45Mc\xf1\xe2\xc5L\x9f\xfe=\xd3\xa6}\xc7\xbc\xdf~#\x1c\xd97|\x9f\x96\x9eA\xe3\xe6-9\xbeu;\x9a\xb7lM\xbdFM\xa9Q\xab\x0e\x19\x99Y8\x9c\x0e\x14%\xf6\x00\xd0@\xd3t\xb4X\x8f/\xfe\xbb\xcc\x8f\x82Q\xa6A\xd8\x9fT\xe6\xff\x98\xc3~\xe6\r\xae(\n\x8a\xc5\x82\xa2H\xc8\xb1g\x9c\x1a\x85\x80\xbf\x84\x82\xbc=l\xdd\xbc\x91\xf5kV\xb1b\xf9b\xfe\\\xba\x90\xd5+\xfe@\x8d\xee\xbb\xee\xec\xeclN?\xfdt\xbat\xe9\xc2\x99g\x9eI\x93&amp;MJ\xbf\x16\x7f\x98\xfc\xd3\x88G\xa2\xfa\xb7F!//\x8fY\xb3f1m\xda4~\xfa\xe9\xa7\xbf5\x08\x99Y94nv&lt;-Z\xb7\xa5i\x8b\x13\xa8\xd7\xa815j\xd5!=3\x1b\xe7\x01\xf1\xd5u\x03U\x8d\xa2k:\x86\xa1\x97\xc68v\x05\xfb\xfd\x87\xd2\xb7u_E\xb8\xac(\xc8\x92\x84$\xcbX,V\x14EF\x96AV@\xd7 \x12V).*`\xcf\xae\x1dlZ\xff\x17kV,g\xe5\xf2%\xac^\xb9\x9c\xcd\x1b\xd6\xedw\xddU\xabV\xe5\xb4\xd3N\xe3\xbc\xf3\xba\xd0\xf9\xcc\xce4i\xdcx\xbf\xf7"\xd9\xe2\x0b\x94\xce\x99\x97\x8d\xaf\xcf\xe7c\xee\xdc\xb9|\xf7\xdd4~\xf8\xe1{\x96/_\xbe\xdf\xbf\xa9V\xb36\xcdZ\xb4\xa2\xc5\tmi\xd2\xa2\x15\xf5\x1a6\xa1J\xf5\x1a\xa4\xa5g`\xb7[\x91e\xd0u\xf3\x7f\xaa\xaa\xa1i\xea~\xf1=\xb8\xfbw_a_\xbc\x81\x96\x15\x0b\x16\x8b\x05Y\xa6\xf43\x14\x8d\xea\x94\xf8|\xe4\xed\xde\xc9\xe6\x8d\xeb\xf9k\xf5\x9f\xacX\xb6\x98\x95\xcb\x97\xf0\xd7\xea\x15\xfb\xfd\xdc:u\xea\xd0\xa9S\'\xce=\xf7\\:u\xeaDnnn\xe9\xd7\xe2\xd7%\xa6\t*\'\x91\x00T"e\xe7\x04\xe3\x99\xb3\xae\xeb\xfc6o\x1e_|\xfe9_\x7f\xfd5\x7f\xfe\xf9g\xe9\xf7{\xbc\xe9\xb4&gt;\xf1dN\xeax\x06\xad\xda\xb5\xa7a\xe3\xe6\xe4T\xa9\x86\xddi\xc1\xd0\xcd\x9b8\x1a\x8d\xa0E\xa3\xe60\xa2a\x946\xe0\x07\x16\xf2\x1c\xce\xcd\xb9\xef\xa3c\xc4z\x17FiwC\x92%d\xd9\x1cn\xb6\xd9\xecX,\xe6C)\xe0\x0f\xb1s\xdbV\xd6\xae\\\xce\xe2\xf9\xbf\xb2`\xee,\x96/\xfe}\xbf^F\xc7\x8e\x1d\xb9\xe4\x92K\xb8\xe8\xa2\x8bh\xde\xbcy\xe9\xdf\xff\xd3C5\x91\xc4\x1b\xbb\xb2I]~~&gt;?\xfc\xf0#S\xbf\x9c\xca\x0f\xdf\x7f\xcf\xae]\xbbJ\xbf\x96\x99\x9dC\xebv\'\xd3\xee\x94\xd3h\xd9\xb6=\r\x8ekJv\x95j8\x1c\n\xfaQ\x8e\xef\xdf\x96\x95\x19\x86\xd9\xa8\x18\x06H\x12\xb2,\xa1(\xd6Xq\xa8\x05E\x01U\x85\xa2\xc2\x02\xb6l\\\xcf\xca\xe5KX4o6\x8b\x17\xcce\xfd\xda\xd5\xa5?K\x91e:\xc4\xe2\xdb\xb5kW\x9a5kV\xfa\xb5d\x8c\xaf\xcf\xe7\xe3\xa7\x9f~\xe2\x8b/\xbe`\xda\xb4il\xdd\xba\xb5\xf4k\xd5j\xd6\xa6]\xfb\x8e\x9c\xd8\xe1tZ\xb4&gt;\x91z\r\x8e##+\x0b\xabUB\xd3 \x1aU\x89F\xa2fC_\x1a_i\xbf\x86\x1c\xd8oT\xe7P\xafw\xdf\x7f\xcd{8\xfe\x19\x92$3\xb1\xb7ZmXmV\x14\x8b\x99\xf8\x95\xf8J\xd8\xbee\x13+\xffX\xca\xc2\xdff\xb1p\xde\x1c\xd6\xac\xd8\x97\xc8\xd8\xedv:u\xeaL\xf7K\xbbs~\x97.\xd4\xaf_\xbf\xf4k\x9a\xa6\x1d\xb5\x15H\xc2\xe1\x11\t@%\xf0O\x0f\x8e\xd5\xabW\xf3\xc9\'\x9f\xf0\xf1\xc7\x1f\xb3t\xe9\xd2\xd2\xbf\xcf\xad\xdf\x88\x0e\x9d\xce\xe6\xd43\xcf\xa5e\xeb\x93\xa8V\xb366\xbb\x8c\x1a\x85p8\x84\x1a\x8d\xa0k\xfa~\x99~\xc5e\xde\xf1\xc4 \xde;\x91P\x14\x19\xab\xcd\x8e\xddnCV \xe8\x8f\xb0e\xe3:\x96\xfc\xfe\x1bs~\xfa\x9e\xb9\xbf\xcc o\xcf\xbeF\xb0s\xe7\xce\xf4\xe8\xd1\x83\x8b.\xba\x88Z\xb5j\x95\xfe}|\x881\x11z\x15\xf1^P\xbca\xd3u\x9d\x9f\x7f\xfe\x99\xf7\xdf\xff\x80\xaf\xbe\xfe\x8a\x1d\xdb\xf7\r\xa3\x1f\xd7\xb4\x05\xa7\x9cq\x16\x1d;\x9dC\x8b\x13\xdaQ\xb5zMl6\x89h\x14\xc2\xa1X|\xf5\xca\x11\xdf\xfd\x96\xa8\xc5W\x9eX\xac\xd8\xedvlv\x05\xc3\x80\xa2\x82"\xfeZ\xb3\x92\xdf\xe7\xfe\xc2\x9c\x99\xdf\xf3\xfbo\xb3\x88\x84\xc3\x00\xc8\xb2D\xe7\xceg\xd1\xa3\xc7\xd5t\xed\xda\x95\x9a5k\x96\xfe\xecD\x8e/\xc0\xaf\xbf\xfe\xca\x07\x1f|\xc0\xd4\xa9S\xd9\xb4iS\xe9\xdf\x1f\xdf\xba\x1d\xa7\x9d\xd5\x85\x0e\xa7\x9fE\x93\x16\xad\xc8\xca\xa9\x82\xa2@$\xa2\x13\t\x87PU\x15\xa3\x12\xc5\x17\x0c\x0c=\x16\xe3X\xb1\xa2\xcd\xee\xc0n\xb7 I\xe0+\x0e\xb0q\xdd\x1a\x16\xcd\x9b\xcd\xec\x99\xd3\x997\xfb\'\xfc%&gt;\x00l6\x1b\xe7u\xe9B\x8f\xab{p\xfe\x05\xe7\x93\x1d\xab\xfb\x89wt\x12%\xbe\xc9L$\x00\x15\xe8\xc0\x07G0\x18\xe2\xdbo\xbfa\xd2\xa4I|\xfd\xf5\xd7\xa5C\xb6u\xeb7\xe4\xec\xf3/\xa6\xf3y]iqB;2\xb33\xd0u\x08\x05\xc3D"a\x8c\xd8\xa8\x81\x94 7T\xe9\x10\xb8a +\nv\xbb\x03\xbb\xd3\x8a\xa1\xc3\xae\x1d;X\xbc`.3\xbe\xfd\x82_~\xfc\x8e\xbc=\xbb\x01\xb3\x98\xf0\xd2K/\xe3\x86\x1bn\xe0\xcc3;\x97\xfe,UU+\xed\xf0\xf1\x81=\x9e\xad[\xb7\xf2\xf1\xc7\x1f\xf3\xce;\x93Y\xbcxQ\xe9\xf7\x1d\xd7\xb4\x05g\x9d\xdf\x8d3\xce\xb9\x90f\xadZ\x93\x9e\xe1ES\xcd\xc2\xbfh$b\xc6W\x96b\xf5\x19\x95\xefu\x96\xb5/)\xd0\x01\t\x8b\xc5\x82\xdd\xe1\xc4f\x97\x89\x84T6\xae\xff\x8b\xf9s~f\xe6w_0\xf7\x97\x99\x84\xc3f\x81jVV\x16\xdd\xbbw\xa7g\xcf\x1b\xe8\xdc\xb9S\xe9\xcfK\xa4\xf8\xee\xda\xb5\x8bO\xa6L\xe1\xed\xb7\xdff\xfe\xbcy\xa5\xdf\xd7\xb2\xedI\x9c\xdb\xf5RN\xeb|.\x8d\x9a\x1e\x8f\xdb\xeb@\x8dB(\x18@\x8dF10Jc[\x19_\xe7\x81\x0c]G\x8f%\x07\x8ab\xc6\xd7nWP\xa3\x06\xdb\xb6ld\xc1\xdc_\x98\xf1\xed\x97\xcc\x9e9\xbd4\x19\xa8Q\xa3\x06W\\y%\xd7_w\x1d\xed\xdb\xb7/\xfdY\x959\xbe\xa9@$\x00\x15\xe0\xc0\x86\x7f\xfb\xf6\xedL\x9e&lt;\x99\x89\x13\'\xb2z\xb59\\\xeaMO\xe7\xac.\xdd\xb8\xf0\xd2\xabi{\xf2\xa9deg\xa2\xaa\x10\x0c\xf8Q\xd5(\xfb\xe6\xe1\x13\xff\xc6\x89\xcfa\x82\x84\xcdf\xc3\xe9r"I\xb0c\xdbv\xe6\xfe\xfc\x03\xdf~\xf11?}\xff\x8d\xd93\xc2\x9c"\xe8\xd3\xa7\x0fW^ye\xe9\xfa\xf4\xca\xd4c&lt;\xf0Z~\xff\xfdw&amp;N\x9c\xc8\x07\x1f~HA~&gt;\x00U\xaaV\xe7\xac\x0b\xbaq\xfe%WrB\xbbSH\xcf\xf4\x12\x8d\x18\x04\x03\x0145\x1a\x1bf\xaf\x1c\xaf\xe7\x88\x18\x06\xbaa\xc4\x92\x18\x19\x87\xc3\x89\xc3i%\x1a\xd5\xd9\xb0v5?\x7f\xff5\xdfM\x9d\xc2\x92\xdf\x7f+\xfd\'\xa7\x9ev\x1a}z\xf7\xe6\x8a+\xae(\x8doej(\x0el\xf8\x97-[\xc6\x9bo\xbe\xc9\xbb\xef\xbe\xcb\x9e={\x00\xa8]\xb7\x1e].\xbe\x82\xf3.\xba\x8cf\xad\xda\xe0\xf68\x88\x844B\xa1\x00\x9a\xaa%LBw0\xcc\xe7\x99\x8e$\xc9\xd8\xecv\x9cN;\xba\x0e[6\xaeg\xd6\x8f\xd3\xf8\xee\x8b\x8f\xf9m\xf6\xcc\xd2\xef?\xf7\xdcs\xe9\xdb\xb7/\x17_|1v\xbb\x1d\xa8\\\xf1M%"\x018\x86\x0el\xf8\xd7\xacY\xc3\x84\xd7^c\xd2\x9bo\x92\x97\x97\x07@\x8b\x13\xdar\xc9U\xd7s\xce\x85\x97R\xa7~=\x0c\x1d\x02~\xb3\xd17{\x08\xc9\xf1\xd0\xf87e\x0b\xe4l6;.\xb7\x03U\xd5Y\xb3b9\xd3\xa6N\xe1\x8b\x8f\xdea\xeb\xe6\x8d\x00\xd4\xaf_\x9f~\xfd\xfa\xd1\xbbwo\xaaV\xad\nT\xec\x83\xe4\xc0\x86a\xc6\x8c\x19\x8c\x1d;\x96\xcf&gt;\xfb\xac\xf4{\xda\x9dr\x1a\x17_y\x1dg\x9d\xdf\x8d\x1a\xb5k\xa1\xc5\x93\xbah\x14)\x05\xaa\xa6\xe3\xc9\x9e$\xedK\x06\x02\xfe\x10K\x16\xcc\xe5\xab)\xef3\xed\xcb)\x14\x16\x98IR\xc3\x86\r\xb9\xf9\xe6\x9b+M|\xcbn\xc2\x04\xf0\xcb\xacY\xbc&lt;v,\x1f\x7f\xfcq\xe9|z\xa7s.\xe0\xe2\xabzr\xda\x99\xe7\x92S5\x87hD\'\x18\xf0\x9b\x9f\x8d\x94\x88o\xac\x8e\t\xb0;\x1c8]v\xc2!\x95?\x96\xfc\xce7\x9f\x7f\xc8\xd7S&gt;`\xcf\xee\x9d\x00\xb4hq&lt;\xfd\xfb\xf7\xa3g\xcf\x9eddd\x00\x95+\x91O\x05"\x018\x06\x0e\x9c\xe3_\xb5j\x15/\xbd\xf4\x12oNz\x93`\xc0\\"w\xf6\x05\x17s\xe5\xf57\xd3\xa1\xd3\xd9x\xbc.\x02\x810\xe1\xd8\xfa\xfdT\xbd!\xca\x16E:].\xec\x0e\x0b{w\xede\xe6\xb4\xaf\xf8\xe8\x9d\xd7Y4o\x0e\x00\xd5\xabW\xa7\x7f\xff[\x180\xe0\x16\xaaU\xab\x06\x1c\xdb\x07\xc9\x81\x89\xdd\xf7\xdf\x7f\xcf\xe8\xd1\xa3\xf9\xee\xbb\xef\x00\xb0Z\xad\x9c\xd7\xed2\xae\xb8\xfefN\xeax\x06N\xa7\r\x7fI\x88H$\x84\x84\x84\xac\xc8\x94)\xc5O\x19F|o\x00E\xc1\xed\xf6\xa0X%6\xad\xdf\xc8w_|\xc4\x94w\xdfd\xfdZs\x15D\x8d\x1a5\xe9\xd7\xaf/\x03\x06\x0c\xa8\x14\xf1\x9d9s&amp;\xa3G?\xcfW_}\t\x80\xdb\x93F\xb7+\xae\xe1\xb2kn\xa4U\xdb\x93\xb1Xe\xfc%\x01\xa2\x91HJ4\xfa\xff\xc6\xbc\x7f\xcd89]\x1el6\x99\xed[\xb7\xf3\xfdW\x9f\xf2\xf1\xe47X\xb9|\t\x00\xb9\xb9\xb9\x0c\x1c8\x90\xbe}\xfb\x96.\x17\x8d\xaf\x0c\x11\x8e.\x91\x00\x1cee?\xc8\x1b7n\xe4\xf9\x17^\xe0\xb5\t\x13\x08\x06\x83(\x8a\x85\x8b\xaf\xbc\x96\xab{\xf5\xa7\xcdI\x1d\x90$\t\x7fI\t\x9a\xaa"\x8b\xe1\xb0\xfd\xe8\xba\x8e\xa1\xebXm6\xdc\x1e\x17\xc1`\x98\xb9?\xff\xc0\xbb\xaf\xbf\xcc\xcf?|\x0b\x98\x89\xc0m\xb7\r\xe2\xd6[\x07\xee\xd7\xa38Z\x0f\x92\x03\x13\xbb\xd9\xb3g\xf3\xd4SO\xf1\xf5\xd7_\x03\xe0\xf6x\xe9~\xf5\xf5\\\xd9\xf3fZ\x9c\xd0\x16]\x07\x7f\x89/\xf6P\x14\xf1-K\xd7\xcd\x8dd\xec\x0e\'.\xb7\x9d\xfc\xbd\x05\xfc\xf8\xed\x17\xbc?\xf1U\x96.\x9c\x0f\x98\xf1\xbd\xf5\xd6[\xb9\xf5\xd6[\x8fICq`|\xe7\xce\x9d\xcb\xd3O?\xcd\x17_|\x01@v\x95\xaa\\\xd9\xf3f.\xebq#\r\x9b4&amp;\x1a\xd1\xf1\xfbK\xc4\xb2\xb7\x7f\x10\xbf\x7fmv\x07n\x8f\x83\xe2\xa2\x12~\xf9\xe1[\xde{\xe3e\xe6\xcd\xf9\x19\x80\xbaus\xb9\xf3\xce;\xe8\xdb\xb7/\x1e\x8fg\xbfM\xcf\x84\xa3C$\x00GI\xbc\xe7*I\x12\x85\x85\x85\xbc\xf8\xe2\x8b\xbc\xf0\xc2\x0b\x14\x14\x14 \xcb\n\x97]s\x03\xd7\xf5\xb9\x95\xe3\xdb\xb6CSu\xfc%%\x7f\xab$\x16\xfen_\xafB\xc1\xe3\xf5\xa2i:\xf3f\xcf`\xd2+\xcf\xf3\xd3\xf7\xdf\x00\xd0\xa0A\x03\x86\x0e\x1dJ\xef\xde\xbd\xb1X,G\xa5\xb7X\xb6\xe1Y\xb5j\x15O&lt;\xf1\x04\xef\xbc\xf3\x0e\x00.\xb7\x87+\xae\xbb\x89kz\xdfB\xe3f\xcd\t\x87U\x02~?\x12 \x8b\xf8\xfe_\x86a\xa0k\x1a\x16\xab\x15O\x9a\x9b@I\x80\x19\xdfM\xe5\xadq/\xb2x\xc1\\\xc0\x9c\xfa\xb9\xe7\x9e{\xb8\xf9\xe6\x9b\xb1Z\xadGeyY\xd9\xf8\xae]\xbb\x96\'\x9e|\x92Io\xbe\t@VN\x15\xae\xed=\x80+\xae\xebC\xdd\xfau\t\x04"\x84\x82\x81\xd2}1\x84\x7f\x17\x8f\xafb\xb1\xe0\xf1z\x88\x84#\xcc\x9a1\x8d\xb7\xc6\xbd\xc0\xdc_f\x00\xd0\xacys\xee\xbb\xef&gt;n\xe8\xd9\x13\x10\xd3\x02G\x93H\x00\xca\xd9\x81\xbd\x86\xb7\xdfy\x87\xc7\x1e}\x94\xbf\xfe\xfa\x0b\x80\x0b\xbb_E\xef[\xef\xa2\xf5I\xed\x89F4\xfc\xfe\x12\xb16\xf60\xc5\x1f\xfc\x1eo\x1a\x86\xae3{\xe64^{\xf1\x19\xe6\xcd\xfe\t\x80\x0e\x1d:0b\xc4\x08\xce=\xf7\xdc\xd2\xef?\xd2\x04\xab\xec&lt;pqq1\xa3F\x8d\xe2\x85\x17^\xc0\xe7\xf3\xa1(\n\x97]\xd3\x8b^\x03\xee\xa4i\xcb\xe3\t\x05\xa2\x04\x03\xfe\x94\x1e\x06&gt;\\\xf1DOQ\x14&lt;i^\x82\x81 \xd3\xbf\x9c\xc2\x1bcG\xb1r\xb9\xb9,\xf6\xe4\x93O\xe6\x91G\x1e\xe1\xfc\xf3\xcf\x07\xcc\xfa\x80\x7f:\x13\xe3P\x94\x8d\xaf\xcf\xe7c\xf4\xe8\xd1&lt;7z4\xbe\xe2b\\n\x0f\xd7\xf6\x1e\xc0\xb5}\x06\x92\xdb\xa0\x1e\x81\x12s\'LY17\xc5\x12\x0eM\xbca\xf7x\xbdD\xa3Q~\x9a\xf6%\xaf\xbf\xf4,\x8b\x17\x98\x05\xa1\x9d;wf\xc4\x88\x11\x9cq\xc6\x19\xa5\xdf/:H\xe5K$\x00\xe5\xa8\xec\x07t\xd1\xa2E\x0c\x1b6\x8c\xe9\xd3\xa7\x03\xd0\xfe\xd4N\xdc2\xe4~N;\xf3&lt;4M\xc3_"\x1a\xfe\xf2\xa2k\x1aH\x12\xde\xb44"\x91\x08\xdf}\xf11\xe3F?Q\xbacY\xaf^71b\xc4#\xd4\xad[\xf7o\x85\\\x87\xa2l\x033e\xca\x14\x1e\x1c&gt;\x9cU+W\x02\xd0\xf9\xdc\x0b\xb9\xe5\xae\x078\xf1\x94\x8e\x84\xc3Q\x82~\xbf\xd9k\x11\xf1=b\xf1\x86"-\xddKqQ1\x9f\xbe7\x89\xd7_|\x86\x9d;\xb6\x01p\xfd\xf5=y\xf4\xd1\x11\xd4\xaf_\x7f\xbf\xd3\xf4\x0e\xe7\xf7\xc4\xef\xdfO?\xfd\x8c\x07\x1f|\x90\x95+\xcd\xcfP\xf7\xab{\xd2\xf7\xf6{i\xda\xf2x\x02\xfe0\xa1`PT\xad\x97\x93x|\xbdi^\x82\x81\x00_~\xf2&gt;\xe3_x\xb2tG\xc9\xfe\xb7\xdc\xc2\xc3\x0f=D\x8d\x1a5\x8e\xe8\xfe\x15\xfeN$\x00\xe5\xa0l\xaf?\x18\x0c\xf2\xe4\x93O\xf2\xcc3\xcf\x10\x0e\x87\xa9Y;\x97\x81\xf7&lt;H\xf7\xab{b\xb3\xda)..\x12\r\xffQR\xb6\xa1(\xc8/`\xf2kcy\xe3\xa5g))\xf1Q\xa5jU\x1e\x1f9\x92\xbe}\xfb\x02\x87\xd6[,;\x17\xb9i\xd3&amp;\xee\xbb\xef&gt;&gt;\xf8\xe0\x03\x00\x1a5i\xce\xad\xf7\x0c\xe7\x82\xeeW\x01P\xe2+\x16C\xc1G\x89\xa6\xa9X,V\xd2\xd2\xddl\xdd\xbc\x957\xc6\x8e\xe2\xbd7^!\x1a\x8d\x92\x93\x93\xc3\x88\x11#\x188p pd\xf1\x1d6\xec~\xde\x7f\xff=\x00\xda\xb4\xef\xc8\xa0\xa1\x0fs\xfaY\xe7\x11\x8dD\xf1\xfb\xfd\xa2\xe1?J\xe2\tXZ\xba\x87\xdd\xbbv\xf3\xd6\xb81Lz\xe5yB\xa1 \xb5j\xd5\xe2\xf1\xc7\x1f\xe7\xc6\x1bo\x04\xcag\xb4G\x10\t\xc0\x11\x8b\xefh\x05f\x11\xd8\x9dw\xde\xc9\xc2\x85\x0b\x01\xb8\xee\xe6[\x190\xe4~j\xd4\xaaIQ\xa1O\x14\xb4\x1c#\x9a\xaab\xb1\xd9HKs\xb1r\xf9\x1f\x8cy\xf2!\xa6\x7fe.\xc5\xeb\xda\xb5+\xcf?\xff&lt;\xc7\x1dw\xdcA\xcd-\x96\xed\x15N\x9a4\x89\xfb\x86\rc\xd7\xce\x9d\xd8\xedvz\xdd2\x98\x9bo\xbf\x87\xcc\xec,\x8a\n\x8b\x01\x03Y\x16\xf1=\x9a\xe2\xc9\xb6\xc3\xe1\xc0\xe5q\xb0\xe0\xd7_y~\xe4\x03\xa5\xd3&gt;\xe7\x9dw\x1e\xcf?\xff&lt;\xcd\x9b7\xdf\xaf\x0e\xe7\xdf\x94\x8d\xef\x9bo\xbe\xc9\xb0a\xc3\xd8\xb5k\x17\xe9\x19\x99\x0c\xbc{8\xd7\xf4\xbe\x05\x87\xc3Iq\x91H\xdc\x8f\x15MU\xb1\xda\xedx\xbdN\x96-Z\xcc\x0bO\x0c\xe7\xa7\xe9fa\xed\xa5\x97^\xcas\xcf=G\xfd\xfa\xf5Em@9\x10\t\xc0\x11\x88g\xa1\xd1h\x94\x91#G2r\xe4Ht]\xa7y\xcb6\xdc;\xe2\x19N?\xfb\x1cs\xb9W8\x84"\xb2\xd5c*\xdeP\xb8=n\x14\xc5\xc2\x17\x1f\xbe\xc3\xe8\x91\x0f\xb0s\xfbV\xb2\xb2\xb2x\xe6\x99g\xe8\xd3\xa7\x0f\xf0\xefs\x8b\xf1\xf8\xee\xda\xb5\x8b\xc1\x83\x07\xf3\xfe\xfb\xef\x03\xd0\xee\x94S\xb9\xef\xd1Q\xb4;\xe5\x14|\xc5\xe6r/\x11\xdfc+\x1e_oZ:\x9a\x16\xe5\xbd7^e\xec3#(*, ==\x9d\'\x9ex\xa2t4\xe0\x9f\xe2[v\xd4n\xc7\x8e\x1d\x0c\x192\xa4tT\xe7\xdc\x8b.\xe5\xae\xe1O\xd2\xb8Y\x13\x8a\nK\xc4\xdcs\x05\x88\xc7\xc7\xe3\xf1"I\xf0\xc9{o\xf2\xc2\xe3\x0f\xb2w\xf7.\xaaT\xa9\xc2\xb3\xcf&gt;[:\x1a \xe2s\xf8D\x02p\x18\xca\x0e\x19\xae\\\xb9\x92\xfe\xb7\xdc\xc2\xac_~\x01\xe0\xe6A\xf70\xe0\xae\x07\xf1\xa6\xa5Q\\X(\x96\xf3U\xb0\xf8\x96\xc3\x19Y\xe9l\xd9\xb4\x99Q#\x86\xf2\xd5\x14\xf3A\x7f\xfd\xf5\xd7\xf3\xc2\x0b/\x90\x9d\x9d\xbd\xdf\x90b\xd9\x9e\xe3\xb7\xdf~\xcb\xc0[oe\xe3\x86\r\xd8\xed\x0e\x06\xde\xfd\x00\xbdo\xbd\x1b\xab\xcd\x86\xaf\xb8X\x0c\x07W0=\xb6\xc1NF\xa6\x97\xd5\x7f\xae\xe4\xc9\xe1w\xf1KlY\xe8\x95W^\xc9\x8b/\xbeH\xf5\xea\xd5\xff5\xbe_\x7f\xfd5\xb7\xdez+\x9b6m"3+\x9b\xbb\x1f~\x8a+\xae\xef\x8d\xaaj\x04\xfc~1\xcc\\\xc1\xe2s\xfe\x19\x99il\\\xbf\x9eg\x1f\xbe\x97\xef\xa6N\x01\xa0W\xaf^\x8c\x1e=\x9a\xcc\xccL1%p\x98D\x02p\x88\xca&gt;&lt;\xde}\xf7]\x06\r\x1aDAA\x01\xf5\x1b5f\xf8S/\xd2\xe9\xbc.\xf8\x8a\xfc\xa5;\x96\t\x95\x83\xaa\xaa8\x9cN\xecv;\x9fL~\x83\xa7\x1f\xba\x87\xa2\xc2\x02\x9a4i\xc2\xeb\xaf\xbf\xcei\xa7\x9d\x86\xa6\x99k\xd1\xe3\x0f\x92\x87\x1ez\x88\xc7\x1e{\x0c\x80\xe6\xad\xda\xf0\xd03ci\x7fjG\x8a\nD\xaf\xb0\xb2QU\x15\xb7\xdb\x8d$\xcb\xbc5\xee\x05\xc6&lt;\xf1\x10\xc1`\x80\xfa\xf5\x1b\xf0\xdak\x138\xfb\xec\xb3\xf7;b[\xd7u\x86\x0f\x1f\xce\x13O&lt;\x01\xc0\xe9gu\xe1\x81\'\xc7p\\\xb3&amp;\x14\xe6\x17\x03\xa2\xd0\xac2QU\x15\xa7\xcb\x85\xd5j\xe5\xc3\xb7&amp;\xf0\xcc\xc3\xf7R\xe2+\xa6Y\xf3\xe6\xbc\xf1\xfa\xebt\xe8\xd0AL\t\x1c\x06\x91\x00\x1c\x82\xf8C_UU\xee\xb9\xe7\x1e^x\xe1\x05\x00\xba]q-\xc3\x1e\x1fM\x95\xaa\xd5(,(\x14\xbd\xc2J\xca\x88\xed\xe8\x96\x99\x9d\xce\xca\xe5\x7f\xf0\xf0\xdd\x03\xf9}\xee,l6\x1b\xa3F\x8db\xd0\xa0A\x00\xec\xd8\xb1\x83\xbe}\xfb\x96n\xe8\xd3\xa3W\x7f\xee\x19\xf14\x1eO\x1a\xc5EEX,\n\xa9\xb8s_eg&amp;\xe7\x90\x91\x95\xc6\xc2\xb9\xbf\xf1\xd0]\x03X\xb9|\t\x8a\xa2\xf0\xc4\x13Op\xef\xbd\xf7\x02\xe6\xa1L7\xdf\xdc\x97i\xd3\xbeC\x92en\x1f\xfa\x08\xfd\xef\xbc/v\\\xb5\xe8\xf5WV\xe6h\x80AfV:\x7f,Y\xca\xc3w\x0fd\xf1\xfc_\xb1\xdb\xed\x8c\x1e=\x9a\x81\x03\x07\x1e\xd1*\x90T$\x12\x80\x83\x14\x1fb\xda\xb6m\x1b\xbdz\xf5\xe2\x87\x1f~\xc0f\xb3q\xcf\x88g\xe8u\xcb\x1d\x04\x83A"\xa1\xb0\x98\x0bN\x00\xaa\xaa\xe2\xf1x\x88F#&lt;\xf7\xd8\xfd\xbc5n\x0c\x00\x03\x06\x0e\xe4\xca+\xae\xa0O\x9f&gt;l\xd8\xb0\x01oZ\x1a\x0f&lt;1\x86+{\xf6\xc2W,Fu\x12\x85\xaa\xaa\xa4\xa5\xa5\xe3\xf3\x15\xf1\xc4\xfd\x83\xf9\xf4\xfdI\x809d|\xf5\xd5W\xd3\xaf_?\xb6l\xd9B\xad:\xb9&lt;\xf6\xfcx:w\xe9Ba\xbeO4\x1c\tBUU&lt;^/\x91P\x88g\x1f\xbd\x8f\xc9\xaf\x8d\x05\xa0\x7f\xff\xfe\xbc\xf8\xe2\x8b\xd8l61Bw\x90D\x02p\x10\xe2\x8d\xff\xfc\xf9\xf3\xb9\xe6\x9akX\xbf~=ur\x1b\xf0\xe4\xd8\x89t\xec\xd4\x89\x82\xbc\xa2\xd2\xe3x\x85\xc4\xa0k\x1a\xb2E!-\xcd\xc3GoO\xe4\xf9\xc7\x87\xb3{\xe7\xf6\xd2\xaf\xb7ls"\x0f?\xfb2m\xdb\xb7\'\x7f\xaf\xa8\xe5H4\x9a\xa6a\xb5Zq\xb9]L\x1a7\x86q\xcf=A\xde\xde\xdd\xa5_?\xb3\xcbE&lt;\xf8\xe4\x18\xea\xd6o@aA\xa1\xe8\xf5\'\x98x\x01\xa77\xcd\xcd\x87oM\xe4\xb1\xfbn\'\x18\xf0s\xe6\x99g\xf2\xee\xbb\xefR\xa3F\rQ\x17p\x10D\x8b\xf5\x1f\xe2\x1f\xa2)S\xa6p\xce9\xe7\xb0~\xfdz:\x9c~\x16\xef|9\x93\xf6\xa7v"/\xde8\x88\xc6?\xa1\xc8\x8a\x82\xae\xe9\xe4\xe7\x15\xd0\xe7\xb6\xde\x9c\xd3\xb5{i\xef\xcf\xe1tr\xfb\xb0G9\xed\xcc\xf6\xec\xda\xb1\x07\xc5b\x11\x8d\x7f\x82Q,\x16\xa2\xd1\x08\xbeb\x1f\x03\xef\xba\x83\xf6\xa7v*\x8d\xa1\xc7\xeb\xa5\xef\xedCi\xd2\xa2\x01y{\xf6\x8aF"\x01)\x8a\x82\xae\xeb\x14\xe4\x17\xd2\xa3Wo&amp;}:\x9d\xba\xf5\x1b2s\xe6L:u\xea\xc4\xd2\xa5K\xb1X,\xa8\xaaZ\xd1\x97Z\xa9\x89V\xeb_\x94]&amp;4v\xecX\xae\xb8\xe2\n|&gt;\x1f\x97_{\x13\xe3?\xf8\x8a\x9c\xaa\xd5).\x14=\x87De\xae\xe2\x90IK\xcf\xe0\x9e\x01\x83y\xef\x8dW\x00\xa8\xd7\xb01\xa1`\x90\xa1\x03o\xe4\xb3\x0f\xa6R\xadf\x15\xf1\x10I@\xba\xaab\xb3\xd9\xb1\xda\xac\x0c\xb8\xbe\'\xdf~\xf116\x9b\x9d\xe3\x9a\xb6\xa0\xc4\xe7c`\xcf\xee|5\xe5K\xaa\xd6\xc8\x11\xf1MP\x92$\xa1(\x16\xf2\xf6\x16\xd2\xa6}G\xde\xf9b\x06\'u&lt;\x83\xb5k\xd7r\xf6\xd9\xe7\xf0\xfd\xf7\xdf\x8b$\xe0?\x88\x04\xe0\x1f\x94]\xe6\xf7\xf0\xc3\x0f\x97\x16\x87\xddv\xefC&lt;\xf5\xf2Dt]\'\x1c\n\x8a\xf9\xfe\x04\x15\xaf\x04\xb7\xdal\xdcw\xdbM\xbc5\xee\x05dYf\xc4\xe8q|9\xebw\xba\\|\x05\xf9{\xf7p\xfbMW2\xe5\xdd\xc9dW\xc9@\x13\x0f\x91\x84\xa1i\x1av\x87\x83h4\xc2m7\\\xce\xd4\x8f&amp;\xe3r\xbb\x19\xfd\xda{|\xf6\xd3|\xbat\xbb\x9c\xc2\xfc&lt;\x06\xf5\x12\xf1M\x06\x16\x8b\x85\xe2\xc2Br\xaaV\xe7\xb5\x0f\xbf\xe6\xc2K\xaf"/o/\xdd\xbau\xe3\xe3\x8f?\x16I\xc0\xff!\x12\x80\x03\xc4\xabH\x15Ea\xf0\xe0\xc1&lt;\xfa\xe8\xa3\xc8\xb2\xcc#\xa3^a\xc8\x83#(.*\x8a\xed\xfe\'\nL\x12\x91\xae\x9bs\xc3\x92\x04w\xf6\xb9\x86\xcf\xde\x7f\x0b\xb7\xc7\xcb\xd8\xb7\xa6pm\xef\xbeh\x9a\xcc\x98\x89\x1f\xd2\xb3\xef \xa2\x91\x08\xf7\x0c\xb8\x81\xb7\xc7\xbdJV\x95\x0c4M&lt;D*;M\xd3p\xba\\\x94\xf8\x8a\xb9\xe5\x9a\x8b\xf9\xf9\xfbo\xa8R\xad\x06\xaf\x7f\xf4-].\xbe\x145\xaa3\xe6\xcd\x8fb\xf1\r\xef\x1f_\xd1H$,\xc5b!\x14\x0c"I2\xa3_{\x9f\x9e}\x07\x11\x0e\x87\xb9\xfa\xea\xaby\xe3\x8d7D\x12\xf0/D\x11`\x19e{\xfe\x03\x06\x0c`\xdc\xb8q\xd8\x1d\x0e\x9e|i"\x97\xf6\xb8\x86\xbc=\xa2\x18,\x91\x99\x8d\xbf\r]\xd7\xb8\xa3w\x0f~\xfe\xfek\xb2\xb2\xab0f\xe2\x87t&lt;\xf3L\xb3\xd8/\xb6\x8e8-\xc3\xcb\xe8\xc7\x1e\xe2\x95Q\xe6&gt;\x00\xf7?\xfe&lt;7\x0f\xba\x93\xfc\xbc"Q]\\I\x99\x8d\xbf\x93\xa2\xfc|n\xb9\xee\x12\x96-\x9aO\x9dz\rx\xe5\x9d\xcfhz|+\n\x0b\nPd\x05$\x89\xb4t/\xa3\x1f\x1b\xce+\xcf\x8d\x04D|\x93E|\x9f\x96\xb4t/\xa3G\x0e\xe7\x95Qf|_y\xe5\x15\x06\x0c\x18 \n\x03\x0f \x12\x80\x98\xb2\x8d\x7f\xbf~\xfdx\xed\xb5\xd7p\xb9=\x8c~\xed=\xce\xeb\xd6\x8d\xbc=b\xbe?\x91\xe9\xba\x8e\xc5j\x05C\xe7\xb6\x1b\xaf`\xd6\x8f\xdfQ\xa5Zu^\x99\xfc\x05mNjOA~\x01\x16\x8b\x15\x88\x8f\x02\xe9df\xa5\xf3\xf2\xb3O\xf1\xdcc\xc3\x00\x186r4\xfd\xee\x18L\xde\xdeB\x14E|\x16*\x93\xd2\xc6\xbf \x9f\xbeW_\xc4\x9fK\x17\xd2\xe0\xb8\xa6\x8c{\x7f*\xb9\xf5\x1b\xc5\xf6o0c\xb6\x7f|\x9f\xe4\xb9\xc7\xee\x07D|\x93\xc5\xbf\xc5w\xec\xd8\xb1\xdcz\xeb\xad"\t(C$\x00\xec\xdf\xf8\x0f\x1c8\x90W_}\x15\x8f7\x8d\x17\xde\xf8\x90\xb3\xce?\x9f\xbc\xbd\xfb\x1a\x07!\xf1\xe8\xba\x8ebQPd\x99\xdbo\xba\x8a\x99\xd3\xbe\xa2j\xf5\x9a\x8c\x7f\x7f*\xc7\xb7nGa\xc1\xdf\xe3\x1b\xffLd\xe5\xa43n\xf4(\x9ey\xf8\x1e\x00\x86?\xfd\x127\r\xbc\x8d\xfc=\x85\xa2\x06\xa4\x92\xd0cs\xfe%%\xc5\xf4\xbb\xfa"\x96-\x9aO\xa3\xa6-\x98\xf0\xc1\x97\xd4\xac]\x17_\xb1\xefo\x0f\xfc\x7f\x8b\xefCO\x8f\xa5\xd7\xc0[E|\x13\xdc\xbf\xc5w\xc2\x84\t\xf4\xed\xdbW$\x011)\x9f\x00\x94\xad\xf6\xbf\xfb\xee\xbby\xee\xb9\xe7p\xb9=\x8c\x99\xf8\x11g_p\x01y{\n\xcc\x9e\xa3\x90\x90\x0c\xc3@\x92\xcc\xa5}Cn\xbe\x96o\xbf\xf8\x98\x9c*\xd5\x98\xf0\xc1W\xb4l{\xe2?6\xfeei\x9aJvN\x06/?\xfb4\xa3\x1e\xbd\x0f\x80\'\xc7\xbe\xc9\xd57\xf62?\x1b"1\xacP\xba\xaec\xb5ZQ\xd5(}\xaf\xee\xca\xc2\xdff\xd3\xe0\xb8\xa6\xbc\xfe\xf17\xd4\xa8U\x17\xbf\xcf\xf7\x7f\x1b\xf2\x7f\x8a\xefSc\xdf\xe4*\x11\xdf\xa4\xf0\xf7\xf8J\xbc\xf7\xde\xbb\\s\xcd5"\t@\x14\x01\x966\xfe#G\x8e\xe4\xb9\xe7\x9e\xc3nw0j\xfcd\xd1\xf8\'\x81xA\xa7\xc7\xeb\xe5\xe1!\x03\xf8\xf6\x8b\x8fI\xcf\xcc\xe2\xe5w&gt;5\x1b\xff\xfc\xff~\xc0\x9b\xcb\x8c\x8a\x18x\xf7P\x06\r}\x04\x80\x87\x06\xf7\xe7\xdb\xcf?\'+;S\x14\x16U \xc30\x97r\xca\xb2\xc4\xe0&gt;=X\xf8\xdbl\xea\xd4k\xc0\xf8\xf7\xa7R\xb3v]J\xfe\xa3\xf1\x87\xfd\xe3{\xdb\xbd\x8f\x000|H\x7f\xbe\xfb\xfc\x0b\x11\xdf$\xf0\xf7\xfb\xd7\xa0W\xaf^|\xf7\xddw\xa20\x90\x14\x1f\x01\x88g\x80\xaf\xbd\xf6\x1a\xfd\xfa\xf5C\x91e\x9ezy\x12\x97_\xdfSd\xffI@\xd3T\xb2\xb23x\xf6\x91\x07yu\xf4\xe3\xb8\xdcn\xc6\xbe\xfd)g\x9c}\x1e\x05y\x07\x9f\xdc\xc5\xe7\x1432\xd3y\xec\xbe!Lz\xf5y&lt;\xde4^\xff\xe8\x1b\xda\x9e|*\xc5\x85b\xb8\xf8X\x8b\'w\xde4/\xf7\x0c\xb8\x91/&gt;|\x87*\xd5j\xf0\xc6\'\xdf\xd1\xa4y\xcb\xfd\xe6\xfc\x0f\xeeg\x99\xf1}t\xe8`\xde\x1a\xf7\x02\x9e\xb4t3\xbe\xed;\x8a\xf8&amp;\xb8\x7f\x8aozz\x06?\xfe\xf8\x03\xed\xda\xb5K\xe9m\x83S6\x01\x887\xfe\xdf|\xf3\r\x17_|\t\x9a\xa6\xf2\xc0\x13/p\xf3\xedw\xb0w\xb7h\xfc\x13\x9d\xaa\xaadW\xc9\xe0\x9d\xf1\xe3x\xf8\xee\x01\xc8\x8a\xc2\xa8q\x93\xe9\xde\xa3\x07y\xbb\x0f}d\xc7\xbcM\x0c&lt;\xde4\xee\xee\xdf\x93\xa9\x1fO\xa6z\xcd\xda\xbc3u&amp;\xb5\xea\xe6\x12\xf0\x07R\xf6!R\x11\xe2\xc9\xddS\xc3\x871a\xccSx\xbciL\xf8\xe0+N:\xf5t\n\xf3\x0f\xbd`w_|\xbd\xdc\xd5\xaf\'_~\xf2.\xd5k\xd5f\xf2\xd4\x9f\xa8Y\xa7\xae\x88o\x82+\x1b_\xf3\xfe}\x97\xbaus\x99={\x16u\xea\xd4\x89-\xedN\xbd\x01\xf1\x94L\x00\xe2\x19\xdf\xf2\xe5\xcb\xe9\xd4\xa9\x13\x05\x05\x05\xf4\xbd\xfd^\x86\x8d|\x9a\xfc&lt;Q\x01\x9c\xe8TU%#3\x83_~\x98\xc6\x80\xeb/!\x12\x0e\x97Vx\xef=\x8c\xc6?\xce\xd0udEA\xb1(\xf4\xef\xd1\x8d_\x7f\xfe\x81\x16\'\xb4\xe5\xed\xcf\x7f\xc4b\xb3\xa1\xa9*\x92\x94z\x0f\x91cMU\xcdy\xdd\xc9oL\xe0\xa1\xc1\xfd\xb1X,&lt;\xff\xfa\x07\\x\xd9\xe5\xe4\x1fA\xc1n\xbc\x10X\xb1\xc8\xf4\xbb\xba\x1bs\x7f\xf9\x91\xe3[\x9f\xc8[_\xfc\x80E\xb1\xa2i\x9aX\x02\x9c\xc0\xfe)\xbe\'\x9f|23f\xcc\xc0\xe1p\x94\x1e\xf3\x9eJR\xeei\x15?\xf1+??\x9f+\xaf\xbc\x8a\x82\x82\x02.\xbc\xf4j\xeey\xe4)\n\x0b\x8a\xc5\x06?\tN\xd34\xdc\x1e7\xeb\xd7\xaef\xe8\xad7\x12\t\x87\xe9\xd9w\x107\xdfn.\xef:\x92\x9a\x0eI\x96\xd14\r\x90xn\xc2d\x1a6n\xce\x9fK\x171\xec\xf6\x9bq8\x9c\xa4^*}\xeci\xb1\xe4n\xf6\xcc\x99&lt;1\xecN\x00\xee~\xf8i.\xba\xfcr\xf2\x8fp\xdaN\x8e\xc5WB\xe6\xb9\t\x93ip\\S\xfeX\xf2;\x0f\xde\xde\x17\xa7\xcbI\n\xf6\x95\x92\xca\x81\xf1m\xd8\xb8)\xf3\xe6\xcd\xa3o\xdf~\xa5_K5)\x95\x00\xc4\x97\x86H\x92\xc4\r7\xdc\xc0\xea\xd5\xab8\xa1\xdd\xc9&lt;\xfe\xe2\xeb\x04\x03A\x0c\x83\x94\xcb\x00\x93\x89a\x18X,\x16\xc2\xa1\x10w\xf7\xef\xc9\xde\xdd\xbb\xe8t\xee\x85\xdc\xff\xc4h\x8a\x0b|\xe5\x92\xdc\xc9\xb2L8\x14"3\xbb\n\xcf\xbf\xfe\x1e\x19\x99YL\xffr\n/==\x82\xcc\xec\xb4\x94/*:\x9atM\xc7\xe9r\xb2u\xf3F\x86\x0e\xbc\x91P(\xc85\xbd\x07\xd0\xf7\x8e!G\x9c\xdc\xc5\xc9\xb2L(\x14"+\xa7*\xa3_{\x8f\xf4\x8cL\xbe\xfd\xe2c^~\xf6q2\xb3D|\x13]\xd9\xf8&gt;7\xe1=\xd233y\xef\xbdwy\xe6\xd9gS\xb2(0\xa5\x12\x80\xf8\xd0\xffC\x0f=\xc4\xd7_\x7fM\xb5\xea5\x195~2v\xbb\x9dh4\x9a\x92s@\xc9D\xd7u&lt;^7\x8f\xddw\x07\xcb\x17/\xa0~\xa3&amp;&lt;5v"jTE7\x8crK\xee\x14E\xc1W\\L\x8b\x13N`\xc4s\xe3\x91e\x99W\x9e\x1b\xc9\xb4\xa9S\xc9\xcc\xcaH\xb9\x87\xc81a\x18\xc8\x8a\x19\xbf\xfbn\xed\xcd\x8em[8\xe5\xf43y\xe0\x89\xe7).,)\xd7\x91;3\xbeE\xb4l\xd3\x86GF\xbd\x82$\xcb\x8c}v\x04?|\xf3\r\x19\x99b\xcb\xe0D\xb7_|\x9f}\x15Y\x96\xb9\xff\xfe\xfb\x991c\x06\x16\x8b%\xa5F\x02R\xa6\xc5\x8b/\xf7\xfb\xfa\xeb\xaf\x199r$V\xab\x95\xc7^x\x8d\xfa\x8d\x1a\xe1/\xf1\x8b\x02\x9f\x04\xa7\xaa*Y\xd9\xe9\xbc\xfb\xc6x&gt;}\xefM\\n\x0fO\xbf2\x89\xac\x9c\xaa\x84C\xa1rO\xee,\x16\x0b\xf9y\x85\\|\xe5\x15\xf4\x1f&lt;\x0c]\xd3xh\xc8-lZ\xbf\x1e\x97\xcb\x89\xae\xeb\xe5\xfa\xfbR\x9d\xa6i\xa4gxy\xee\xb1\x07\x987{&amp;5j\xd5\xe1\xa9\x97\'\x01\xe6F@\xe5=rg\xb1X\xc9\xcf+\xa4\xfb\xd5=\xb8\xf9\xb6{\xd0T\x95\x87\x86\xf4g\xdb\xe6M8\x9c"\xbe\x89n_|\xaf\xa6\xcf 3\xbe\xbdz\xf5b\xd7\xae]\xc8\xb2\x9c2\xf1M\x89"\xc0\xf8\xb0\xff\xf6\xed\xdb9\xf1\xc4\x93\xd8\xb9s\x07\xb7\xdf7\x82;\x1fxH,\xf7K\x02\xba\xae\xe1r\xbbY\xbdb9\xd7_\xd4\x99\x12_1\x8f&lt;\xfb\n7\xdc2\xe0\xb0*\xfe\x0f\x9e\x81a\x80\xd3\xe5\xa4\xef\xd5\x171{\xc64:v:\x877&gt;\xfe\x86`0$\xa6\x93\xca\x89\xa6\xaa\xa4ge0}\xeag\xdcv\xe3\xe5X\xacV\xc6\xbd;\x953\xce\xe9Ba\xc1\xd1\xdc\xa2\xdb\x8c\xaf\xc3i\xa7\xcf\x15\x172\xf7\x97\x1f9\xe3\x9c\x0b\x98\xf0\xc1\x97\xf8K\xfcb\xc40\xe1\xc5\xe2\xeb\xb0\xd3\xe7J3\xbe\xdd\xbauc\xea\xd4\xa9)\xb3IPJ|\x82\x8d\xd8\xf0\xef\xcd7\xdf\xcc\xce\x9d;8\xe3\xec\xf3\x19x\xf7\x03\x14\xe6\x15\x8b\xc6?\xc1\x99E\x9d\n\x91p\x98\xe1w\xf6\xa7\xc4WL\xb7+\xae\xe3\xfa\xbe\x03\xc8\xdf[t\x947r\x92Jw\x92|\xec\xf9\xf1T\xabQ\x8b_\x7f\xfe\x81q\xcf?EF\xa6WL\x05\x94\x03C\xd7\xb1;\x9dl\xdb\xbc\x99G\x87\x0e\xc20\x0c\xfa\x0f\x1e\xc6Y\xe7w\x89\xed\xe2x4\x1f\xd2f|\r\x1dF\xbe0\x9e\x9c\xaa\xd5\xf8\xe5\x87oyc\xecs\xa2\x1e )\xc4\xe2k\x98\xf1\xadR\xb5:_~\xf9%/\xbe\xf8b\xca\xd4\x03$}\x02\x10\x9f\xf7\x7f\xf1\xc5\x17\xf9\xee\xbb\xef\xa8V\xbd&amp;#\x9e{\x15UUI\xfa\xa1\x8f\x14\xa0k\x1a\xe9\x19\x1e^z\xfaQ\x96/^@\xbd\x86\x8dy\xf0\xc9\x17\x08\xf8\x03\xc7\xa4\x87&amp;\xcb2\xc1@\x90:\xb9\xb9&lt;\xf8\xd4\x8b\xc8\xb2\xcc\xb8\xe7\x9fd\xfe\xafs\xf1\xa6\xa5\xa1\xa7\xd0|\xe2\xd1`\x006\x9b\x8d\x91\xf7\xdd\xc1\xae\x1d\xdb\xe8p\xc6\xd9\xdcz\xd7\x03\x14\xe4\xfb\x8eI\xf2.\xcb2\x81@\x80z\r\x1br\xff\xe3/ I\x12/?\xfb(K~_\x88\xc7\xebE\xd7E|\x13Y\xd9\xf8\x0e{\xfcy$I\xe2\xfe\xfb\x1f`\xc5\x8a\x15X,\x96\xa4\x9f\nH\xea\x04 \xbe\xees\xe5\xca\x95\xdc\x7f\xff\x03H\x92\xc4}#GS\xb7~=B\x81\xa0\x18\xc2Kp\x9a\xa6\xe1\xcdHc\xf6\xcc\x99\xbc5\xeey,V+\x0f=\xfd\x12Y\xd99D\xc2\x91c6\x04o\xb1X(\xcc/\xa4\xeb\xa5\x97q\xf5\x8d\xfd\x08\x87\x82&lt;z\xef\xad\x84\x82\x01dEA\xac\x0f&lt;&lt;\xaa\xaa\x92\x91\x95\xc6\x87o\xbd\xc6\x0f\xdf|NfV6\x8f\x8cz\x05=\xb6\x0b\xe0\xb1b\xb1X(\xc8/\xe2\x92\xabzpi\x8f^\x04\xfc~\x1e\xbd\xf76\xd4\xd2\xc2a\x11\xdfDV6\xbe\x97]\xd3\x0b\xbf\xbf\x84~\xfd\xfa\xa1iZ\xe9\x8e\x93\xc9*i[\xc0x\xe0t]g\xc0\x80\x01\xf8\xfd%\\\xda\xe3F\xba]y5\x05\xf9bk\xcfD\x17_\xf2\x17(\xf1\xf3\xf8\xfdw\x12\x8dF\xe9\xd9w\x10\x9d\xbb\x9cGa\x05l\xdd*+\n\xc5\xc5\x01\x86\x0c\x7f\x82\x06\xc75e\xc5\xb2\xc5\x8c\x7f\xe1)\xd23&lt;)UU\\^t\xdd\\\xf2\xb7a\xed:\x9e\x7f\xfcA\x00\x86\x0c\x7f\x92\xe3\x9a6&gt;f\xa3;e\xc9\xb2\x8c\xbf$\xc8\xbd#\x9e\xa2N\xbd\x06,\xf9\xfd7\xde|\xe5y\xd23\xbc\xa8\xaa\x88o\xa2\x8b\xc7\xf7\x9eG\x9e\xa2n\xbd\x06\xcc\x993\x871c\xc6\xa0(JR\xdf\xbfI\x9b\x00\xc4{\xff\xaf\xbe\xfa*?\xff\xfc3\xb5\xea\xe4r\xd7\xc3O\x12\xf0\x8b\x9e\x7f2\xd04\x8d\xb4t7\x13^x\x9a\xd5\x7f.\xa3Q\xd3\x16\xdcv\xefC\x14\x17V\xcc\x8a\x0eI\x92P\xa3Q223\xb9\xff\</t>
        </is>
      </c>
    </row>
    <row r="158">
      <c r="A158" s="1" t="n">
        <v>156</v>
      </c>
      <c r="B158" t="inlineStr">
        <is>
          <t>polygon_sides_color</t>
        </is>
      </c>
      <c r="C158" t="inlineStr">
        <is>
          <t>What is the missing color of the part denoted with a question mark?</t>
        </is>
      </c>
      <c r="D158" t="inlineStr">
        <is>
          <t>['purple', 'blue', 'orange', 'yellow']</t>
        </is>
      </c>
      <c r="E158" t="inlineStr">
        <is>
          <t>blue</t>
        </is>
      </c>
      <c r="F158" t="inlineStr">
        <is>
          <t>There are 6 colored polygons arranged in a triangle with color ['?'] in the top row, ['red', 'purple'] in the middle row, and ['red', 'blue', 'purple'] in the bottom row.</t>
        </is>
      </c>
      <c r="G158" t="inlineStr">
        <is>
          <t>We observe that the polygon with 9 sides is red in color and the polygon with 6 sides is purple in color. Thus, the pattern is that the polygons with the same number of sides have the same color.</t>
        </is>
      </c>
      <c r="H158" t="inlineStr">
        <is>
          <t>Based on the pattern that the polygons with the same number of sides have the same color, the missing color of the part with 4 sides should be blue.</t>
        </is>
      </c>
      <c r="I158" t="inlineStr">
        <is>
          <t>b'\x89PNG\r\n\x1a\n\x00\x00\x00\rIHDR\x00\x00\x02\x00\x00\x00\x02\x00\x08\x02\x00\x00\x00{\x1aC\xad\x00\x00^aIDATx\x9c\xed\xddgx\x14U\xdb\x07\xf03e{\xb2\xbb\t!\tM\xc4\x00\xa1\xab$\x80\x88\x80 U\x9a\x94\x00\n\x88\xa0\xa0\x08H\x91&amp; \x1a\x8a4\x01\x11\x95\xa2\x14\x95.M:R, -\x10!\t%\t\x08$@\x08\xa4g7\xd9\xec\xcc\x9c\xf3~8\x92\x97\x87\x1a \xd9\x9dr\xff\xae\xf7\xc3s\xf9\xa2\x192\xbb\xf7\xff\xf4\xc3\x10B\x10\x00\x00\x00\xeda\xbd\xfd\x00\x00\x00\x00\xbc\x03\x02\x00\x00\x004\n\x02\x00\x00\x004\n\x02\x00\x00\x004\n\x02\x00\x00\x004\n\x02\x00\x00\x004\n\x02\x00\x00\x004\n\x02\x00\x00\x004\n\x02\x00\x00\x004\n\x02\x00\x00\x004\n\x02\x00\x00\x004\n\x02\x00\x00\x004\n\x02\x00\x00\x004\n\x02\x00\x00\x004\n\x02\x00\x00\x004\n\x02\x00\x00\x004\n\x02\x00\x00\x004\n\x02\x00\x00\x004\n\x02\x00h\x17\xc6\x18c\xec\xed\xa7\x00\xc0kxo?\x00\x00\xde\x811fY\x16!D\xaf\xc5f\x18\xc6\xdbO\x04\x80\xa7A\x0f\x00h\x91 \x08,\xcb\xce\x9c9\xb3[\xb7n\x0c\xc3\x10Bh\x0c\x00\xa0)\x10\x00@s\x04A\xd0\xe9t3g\xce\\\xb3fMAAA\x97.]X\x96\xc5\x18C\x06\x00\xad\x81\x00\x00\xdaB\xab\xff\x97_~\xf9\xddw\xdf\xed\xda\xb5k\xdb\xb6mN\xa7\xb3K\x97.\x1c\xc7A\x06\x00\xad\x81\x00\x00\x1aRX\xfd\x17,Xp\xf4\xe8Q\xbb\xdd\x9e\x96\x96\xb6g\xcf\x9e\xfc\xfc|\xc8\x00\xa0A\x10\x00@+\xee\xad\xfe\x0e\x87\x83e\xd9\xcc\xcc\xcc]\xbbvA\x06\x00\r\x82\x00\x00\x9ap\xdf\xea\xcf\xf3&lt;\xc30\x18c\xc8\x00\xa0M\x10\x00@\xfd\x1eT\xfd\xe9\xff\x97\xce\x00C\x06\x00\r\x82\x00\x00*\xf7\xf0\xeaOA\x06\x00m\x82\x00\x00jV\x94\xeaOA\x06\x00\r\x82\x00\x00\xaaU\xf4\xeaOA\x06\x00\xad\x81\x00\x00\xea\xf4\xb8\xd5\x9f\x82\x0c\x00\x9a\x02\x01\x00T\xe8\xc9\xaa?\x05\x19\x00\xb4\x03\x02\x00\xa8\xcd\xd3T\x7f\n2\x00h\x04\x04\x00P\x95\xa7\xaf\xfe\x14d\x00\xd0\x02\x08\x00\xa0\x1e\xc5U\xfd)\xc8\x00\xa0z\x10\x00@%\x8a\xb7\xfaS\x90\x01@\xdd \x00\x80\x1a\x94D\xf5\xa7 \x03\x80\x8aA\x00\x00\xc5+\xb9\xeaOA\x06\x00\xb5\x82\x00\x00\xcaV\xd2\xd5\x9f\x82\x0c\x00\xaa\x04\x01\x00\x14\xcc3\xd5\x9f\x82\x0c\x00\xea\x03\x01\x00\x94\xca\x93\xd5\x9f\x82\x0c\x00*\x03\x01\x00\x14\xc9\xf3\xd5\x9f\x82\x0c\x00j\x02\x01\x00\x94\xc7[\xd5\x9f\x82\x0c\x00\xaa\x01\x01\x00\x14\xc6\xbb\xd5\x9f\x82\x0c\x00\xea\x00\x01\x00\x94D\x0e\xd5\x9f\x82\x0c\x00*\x00\x01\x00\x14C&gt;\xd5\x9f\x82\x0c\x00J\x07\x01\x00\x94An\xd5\x9f\x82\x0c\x00\x8a\x06\x01\x00\x14@\x9e\xd5\x9f\x82\x0c\x00\xca\x05\x01\x00\xe4N\xce\xd5\x9f\x82\x0c\x00\n\x05\x01\x00dM\xfe\xd5\x9f\x82\x0c\x00J\x04\x01\x00\xe4K)\xd5\x9f\x82\x0c\x00\x8a\x03\x01\x00dJY\xd5\x9f\x82\x0c\x00\xca\x02\x01\x00\xe4H\x89\xd5\x9f\x82\x0c\x00\n\x02\x01\x00dG\xb9\xd5\x9f\x82\x0c\x00J\x01\x01\x00\xe4E\xe9\xd5\x9f\x82\x0c\x00\x8a\x00\x01\x00dD\x1d\xd5\x9f\x82\x0c\x00\xf2\x07\x01\x00\xe4BM\xd5\x9f\x82\x0c\x002\x07\x01\x00dA}\xd5\x9f\x82\x0c\x00r\x06\x01\x00\xbcO\xad\xd5\x9f\x82\x0c\x00\xb2\x05\x01\x00\xbcL\xdd\xd5\x9f\x82\x0c\x00\xf2\x04\x01\x00\xbcI\x0b\xd5\x9f\x82\x0c\x002\xc4\xc0\xe7\x0fx\x8b\x87\xab?!\x84\x10\x821fn+\xfc\x87\x84\x10\x96eY\xb6\xc4\xdbC\x18c\x96e\xfd\xfc\xfc\xda\xb6mk2\x996m\xda$I\x12\xcb\xb2\xf4a\x00\xf00\x08\x00\xe0\x1d\x9e\xac\xfe\x18c\x8c\xb1N\xa73\x99Lz\xbd\x9e\x10"\x8a\xa2 \x08\xf4\x1f\xeat:\x96e\xddn\xb7\xd3\xe9\xc4\x18s\x1cW\x12\xcfp\xe7\xc3@\x06\x00\x99\x80\x00\x00^\xe0\xe1\xb6\xbf\xc9d2\x18\x0c\x19\x19\x19111\'N\x9c8w\xee\\rr\xb2\xc3\xe1\xc0\x18\x1b\x8d\xc6\xb2e\xcb\xd6\xacY\xb3I\x93&amp;\xf5\xea\xd5cY677\x172\x00h\x04\x04\x00\xf04\xcf\x8f\xfb\'&amp;&amp;n\xdc\xb8q\xfb\xf6\xedg\xcf\x9e}\xd0\x9f\xe18\xaei\xd3\xa6\x13\'Nl\xda\xb4ifffI\x0f\x07A\x06\x009\x80\x00\x00\x1e\xe5\xc9\xeaOG\xf6\x05A\xa8_\xbf\xfe\xe5\xcb\x97\xe9?\xac]\xbbv\xed\xda\xb5\x9f}\xf6Y???\x96e\xb3\xb3\xb3/\\\xb8p\xe4\xc8\x91K\x97.!\x84t:\xdd\x9c9s&gt;\xfc\xf0\xc3\xcc\xccL\xe8\x07\x00\xd5\x83\x00\x00\x9e\xe3\xf9\xb6\xbf(\x8a\x01\x01\x01#G\x8e\xdc\xb0aC\xdf\xbe}\xdb\xb6m[\xa3F\r\xab\xd5\xcaq\x1c\xfd\xe43\x0c#IRZZ\xda\x86\r\x1b"##o\xdd\xba\x85\x10Z\xbbvm\xd7\xae]\xb3\xb2\xb2 \x03\x80\xbaA\x00\x00\x0f\xf1\xca\x8aOB\x08\xcf\xf3YYY\x92$U\xaaT\xc9\xe5r\xe5\xe7\xe7K\x92t\xe7\xc7\x9ea\x18\x9e\xe7\xedv\xfb\x89\x13\':t\xe8\x90\x9a\x9aZ\xa1B\x85\xe3\xc7\x8f\x1b\x8dFI\x92J\xba\x16C\x06\x00/\x82}\x00\xc0\x13\xbc\xb5\xde\x9fa\x18Q\x14\xedv{@@\xc0\xad[\xb7\x9cN\'B\x88\xe38\xfe\x0et=\xfe\x8d\x1b7\xc2\xc3\xc3\xa7O\x9fN\x08IJJ\xda\xb1c\x87\xaf\xaf/\xc6\xb8\xa4\x9f\x10\xf6\x07\x00/\x82\x00\x00%\xce\xbb\xbb\xbdh\x06\x08\x82\xc0\xf3\xfc\x83\xa6v\x19\x86\xd1\xeb\xf5\x99\x99\x99\x1d:t\x08\t\ta\x18\xe6\xaf\xbf\xfe\xf2X\x1b\x1c2\x00x\x0b\x04\x00(Yr\xd8\xeb[\xb8\xed\xeb\xe1\x7fF\x92$\x9b\xcdV\xa7N\x1dB\xc8\xbf\xff\xfe[PP\x00\x19\x00\xd4\r\x02\x00\x94 9T\xff\xc7\xc2\xb2l@@\x00B\xc8\xe9t\x16\x14\x14x`o\xf0\x9d?\x1a2\x00x\x18\x04\x00()\x8a\xab\xfe\x94$I\x08!\xcf\x9c\x0cq\x17\xc8\x00\xe0a\x10\x00\xa0D(\xb4\xfa\x8b\xa2x\xe3\xc6\r\x84\x90\xbf\xbf\xbf\xc1`\xf0\xc0$\xf0] \x03\x80\'A\x00\x80\xe2\xa7\xc4\xeaO\x08\xd1\xe9t\xe9\xe9\xe9\xb1\xb1\xb1\x08\xa1\x9a5k\xea\xf5z\xcf\x07\x00\x82\x0c\x00\x1e\x04\x01\x00\x8a\x99\x12\xab?BH\x14E\x9b\xcd\xb6}\xfb\xf6\xe4\xe4d\x86aZ\xb7n\xedv\xbb=?\nDA\x06\x00\xcf\x80\x8d`\xa08)\xb7\xfa[,\x96\xf4\xf4\xf4\xc6\x8d\x1b_\xb9r\xa5Y\xb3f;w\xeet:\x9d\xde\n\x00\n\xf6\x88\x81\x92\x06=\x00Pl\x14]\xfd].W\xef\xde\xbd\xaf\\\xb9b2\x99f\xcc\x98\xe1\xed\x87B\x08\xfa\x01\xa0\xe4A\x00\x80\xe2A\xcf\xd6\x9f9s\xa6\xb2\xaa\xbf \x08v\xbb=--\xadc\xc7\x8et\xf3\xd7\xa2E\x8b\xc2\xc2\xc2rss\xbd\xdb\xfc\xa7\xee\xca\x80N\x9d:q\x1c\xc70\xd0q\x07\xc5\xc3\xfb\x1fq\xa0\x02t\xb2t\xfa\xf4\xe9k\xd7\xae=r\xe4\x88\xcdfs:\x9d\xf2\xaf\xfe\xa2(\x06\x06\x06\x1e?~\xbcE\x8b\x16\x7f\xff\xfd\xb7\xc1`X\xbe|y\x9f&gt;}222\xe4\xf3\xf0\x85\x19\xb0}\xfbv\xa3\xd1\x18\x11\x11\xe1t:\xe9-f\xde~4\xa0x\x10\x00\xa0\xd8\x9c&lt;y\xb2L\x992e\xcb\x96\xcd\xcb\xcb\x93C\xf3\xf9!\xe8\xdd\x90\xa5J\x95Z\xbcxq\xeb\xd6\xad\x13\x13\x13\xcb\x94)\xb3y\xf3\xe6\xb7\xdf~;--M&gt;\xd5\x9f\xa2\x17\x96q\x1cW\xb7n\xdd\x93\'Ozr\x8b2P7Y\x7fK\x81R\xd0z\xb4a\xc3\x06\xa3\xd1\xd8\xbau\xeb\x80\x80\x00\x86a\xbc\xb2\x86\xb2\x88\x08!v\xbb}\xd2\xa4I\x1f|\xf0\x81\xd3\xe9|\xe5\x95W\xf6\xef\xdf\xdf\xb2eK\x19V\x7f\x84\x90 \x08AAA\x91\x91\x91\xdf\x7f\xff\xfd\xc9\x93\'\xfd\xfd\xfd\xd1\xed\xdf9\x00O\x03\x02\x00\x14\x03z\xd8\x8e$I\x9b6m\xb2X,m\xdb\xb6\xa5\xd7\xad\xc83\x03$I\xf2\xf3\xf3\x9b&gt;}\xfa\xb4i\xd3\x10B}\xfa\xf4\xd9\xb9sg\xc5\x8a\x15333\xe5Y\xfd\x03\x03\x03\'O\x9e\xbcr\xe5\xca\xe3\xc7\x8f\xfb\xf9\xf9\xd1{\xed\xbd\xfd\\@\r`6\t\x14\x1b:\xae\xc2q\\\x97.]\xf2\xf3\xf3w\xed\xda\x95\x99\x99I\xd72z\xfb\xd1\xfe\x9f$I\xbe\xbe\xbeG\x8e\x1cy\xed\xb5\xd70\xc6}\xfa\xf4Y\xbe|ynn\xae(\x8a%}\xfd\xcb\x13(\xac\xfe?\xfd\xf4STT\x94\x9f\x9f\x9f$I2|N\xa0P2\xfaf\x02\xa5c\x18\x86eY\xda\x0f0\x99L\xb2\xed\x07p\x1c7\x7f\xfe|\x8c\xf1\xf3\xcf?\xff\xcd7\xdf\xe4\xe6\xe6\xca\xb3\xaaB\xf5\x07%\r\x02\x00\x14\'\x99g\x00!\xc4`0$%%\x1d&lt;x\x10!4b\xc4\x08___A\x10d\xd5G\xa1\xa0\xfa\x03\x0f\x90\xdd\xe7\x1e(\x9d\x9c3\x00cl0\x18._\xbe\x9c\x9e\x9en\xb5Z\x1b5j\xe4p8dXU\xa1\xfa\x03\xcf\x80\x00\x00\xc5O\xce\x19\xc0q\xdc\xcd\x9b7\x11B\xcf&gt;\xfbl@@\x80(\x8ar\x9bP\x85\xea\x0f&lt;\x06\x02\x00\x94\x08\xd9f\x00\xc30\xf4\x90\x1f\x7f\x7f\x7f\xa3\xd1\xe8\xf5\xe7\xb9\x0bT\x7f\xe0I\x10\x00\xa0\xa4\xc83\x03\x18\x86q\xb9\\\x18c\x19\x16V\xa8\xfe\xc0\xc3`\x19((Y\xb2Z\x1bJ\x0f\xfd\xbf~\xfdz||\xbc\xbf\xbf\x7f\x9d:u\xe43\x04\x04\xd5\x1fx\x1e\x04\x00(qr\xcb\x00\xbd^o4\x1aEQ\xcc\xcb\xcb\x83\xea\x0f\xb4\x0c\x02\x00x\x82\xdc2\x80n\xa6\x95\xc9\xeaO\xa8\xfe\xc0[d\xf1\x05\x00\xaa\'\xb7\xf9\x00r\x9bW~\xfa\x9d\xa0\xfa\x03/\x82\x1e\x00\xf0\x1c9\xf4\x03\xe8^0\x8b\xc5\x821\xce\xc9\xc9\xf1\xee\xe7\x1f\xaa?\xf0.\x08\x00\xe0Q\xde\xcd\x00\x8c\xb1\xc9d\xfa\xf7\xdf\x7f\x7f\xfd\xf5\xd7R\xa5JEDD\xf0&lt;/I\x92Wf\x02\xa0\xfa\x03\xaf\x83\x00\x00\x9e\xe6\xad\x0c \x84\xb0,+\x08\xc2+\xaf\xbc\x92\x90\x90\x80\x10\x1a1b\xc4\xec\xd9\xb3333=_v\xa1\xfa\x039\x809\x00\xe0i\xde\x9a\x0f \x84\x98L\xa6\xf8\xf8\xf8\x84\x84\x04\x83\xc1\xa0\xd3\xe9\xfe\xf8\xe3\x0f\x97\xcb\xe5\xf9\xa9`\xa8\xfe@&amp; \x00\x80\x17x+\x03DQ\xb4\xdb\xed\x08\xa1\x82\x82\x02A\x10l6\x9b^\xaf\xf7p\'\x18\xaa?\x90\x0f\x08\x00\xe0\x1d\x9e\xcf\x00\x96e].W\xe5\xca\x95\xc7\x8e\x1d\x1b\x10\x10P\xb9r\xe5\xd1\xa3G{x\x19\x12T\x7f +0\x07\x00\xbc\xc9\xf3\xf3\x01\x0c\xc3\x18\x8d\xc6\x9b7o\x1a\x8dF\xab\xd5\xea\xc9\xbd`P\xfd\x81\xdc@\x00\x00/\xf3|\x06`\x8cu:\x1d=\x0e\xc8c\x13\x00P\xfd\x81\x0cA\x00\x00\xef\xf3|\x06\xd0\x8f=\xb4\xfd\x81\xc6A\x00\x00Y\x90\xc3\x1e\xb1\x12\x02\xd5\x1f\xc8\x96\xe2\xbf]@\x1d\xe4vVDq\x81\xea\x0f\xe4\x0c\x02\x00\xc8\x85\xfa2\x00\xaa?\x909\x08\x00 #j\xca\x00\xa8\xfe@\xfe \x00\x80\xbc\xa8#\x03\xa0\xfa\x03E\x80\x00\x00\xb2\xa3\xf4\x0c\x80\xea\x0f\x94\x02\x02\x00\xc8\x91r3\x00\xaa?P\x10\x08\x00 SJ\xcc\x00\xa8\xfe@Y \x00\x80|)+\x03\xa0\xfa\x03\xc5\x81\x00\x00\xb2\xa6\x94\x0c\x80\xea\x0f\x94\x08\x02\x00\xc8\x9d\xfc3\x00\xaa?P(\x08\x00\xa0\x00r\xce\x00\xa8\xfe@\xb9 \x00\x802\xc83\x03\xa0\xfa\x03E\x83\x00\x00\x8a!\xb7\x0c\x80\xea\x0f\x94\x0e\x02\x00(\x89|2\x00\xaa?P\x01\x08\x00\xa00r\xc8\x00\xa8\xfe@\x1d \x00\x80\xf2x7\x03\xa0\xfa\x03\xd5\x80\x00\x00\x8a\xe4\xad\x0c\x80\xea\x0f\xd4\x04\x02\x00(\x95\xe73\x00\xaa?P\x19\x08\x00\xa0`\x9e\xcc\x00\xa8\xfe@} \x00\x80\xb2y&amp;\x03\xa0\xfa\x03U\x82\x00\x00\x8aW\xd2\x19\x00\xd5\x1f\xa8\x15\x04\x00P\x83\x92\xcb\x00\xa8\xfe@\xc5 \x00\x80J\x94D\x06@\xf5\x07\xea\x06\x01\x00\xd4\xa3x3\x00\xaa?P=\x08\x00\xa0*\xc5\x95\x01P\xfd\x81\x16@\x00\x00\xb5y\xfa\x0c\x80\xea\x0f4\x02\x02\x00\xa8\xd0\xd3d\x00T\x7f\xa0\x1d\x10\x00@\x9d\x9e,\x03\xa0\xfa\x03M\x81\x00\x00\xaa\xf5\xb8\x19\x00\xd5\x1fh\r\x04\x00P\xb3\xa2g\x00T\x7f\xa0A\x10\x00@\xe5\x8a\x92\x01P\xfd\x816A\x00\x00\xf5{x\x06@\xf5\x07\x9a\x05\x01\x004\xe1A\x19\xe0v\xbb\xa1\xfa\x03\xcdb\x08!\xde~\x06\x00&lt;\x84\x10\x821\xe68\xaeK\x97.\xf9\xf9\xf9;v\xec`Y622\xf2\xe7\x9f\x7f\x86\xea\x0f4\x08\x02\x00hKa\x06t\xea\xd4\xc9d2\xd5\xad[w\xc9\x92%P\xfd\x816A\x00\x00\xcd)\xcc\x80\x88\x88\x88\x7f\xfe\xf9\xe7\xc4\x89\x13v\xbb\x1d\xaa?\xd0 \x08\x00\xa0E\x84\x10\x86a\x10Byyyf\xb3\x19c\xcc\xb20\x1f\x064\x07\x02\x00h]a\x18\x00\xa05\xbc\xb7\x1f\x00\x00\xaf\xa1\xad\x1f\xa8\xfe@\xb3\xa0\x07\x00\x00\x00\x1a\x05\xe3\x9e\x00\x00\xa0Q\x10\x00\x00\x00\xa0Q\x10\x00\x00\x00\xa0Q\x10\x00\x00\x00\xa0Q\x10\x00\x00\x00\xa0Q\x10\x00\x00\x00\xa0Q\xb0\x0f\x00\x14\x15=A\x81\xfe\x0f\x96e\xe9\xe1\x9a,\xcb\xc2:z\x00\x14\n\xf6\x01\x80\xfb#w\xa0g)?\xa8\xd0\xc3):\x00(\x14\x04\x00\xf8\x0fm\xe0\xd3\xcf\x03m\xe0\xdf\xf5\x07R\xd3\xd3\xe3\xce\x9f\xbf\x92\x94\x14{\xfa\xf4\xc5\xd8\xd8[\xe9\xe9\x1d\xbau\x1b;|8\xc7\xf3\xb4g\x00\xc7\xe9\x00\xa0,\x10\x00\x1auW\x03\xff\xde&amp;|Vnn\xca\xcd\x9b\xb1g\xcf\x9e&lt;q"\xf9\xd2\xa5\xdc\x94\x94\xf4+W\xac\x05\x05\xcf\x98L\xcf\xfa\xf8\xbcX\xa6\x8cS\x14g\x1e?\x9e\x1d\x188k\xf6\xec7\xda\xb7G\x08\xc1\x88\x10\x00\xca\x02\x01\xa0\t\xf4-\x176\xf09\x96e\xeei\xad_\xbby\xf3|bblll\xf2\xe5\xcbgO\x9d\xcaNN\xf6\x11\x04\x7fQ\xac\xe2\xeb[\xc9\xcf\xaf\xb2\xbf\x7f\x19\x9b-\xc0\xd7W\xc7q\x18!\x97(\xb2\x08\xf1,\xbb\xe2\x9f\x7f\xe6GG\x97\x7f\xe9\xa5o\xe6\xcd{\xbevm\x84\x90(\x8a\x1c\xc7A\x0c\x00 \x7f\x10\x00\xea\xf4\xe8\x06\xbe\xc3\x91x\xf1\xe2\xa5\xa4\xa4\x93\'N\x9c\x8f\x89\xc9OK\x13n\xde\xd4\xbb\\\x95L\xa6\xea~~\x15\xed\xf6*\xa5K\x07X,&amp;\x83\x81eY\x11c\x97(\n\x92$H\xd2\x7fS\x02\x08\xd1\xcf\x8d\x9f\xc9\x94\xebv\xcf&lt;xpcrr\x9b7\xdf\x9c5eJ\xe9\xd2\xa5\x11L\x0c\x00\xa0\x04\x10\x00j\xf0\xc8\t\xdb\x02AHIK\x8b\x8d\x8b\x8b\x8e\x8e\xbe\x9e\x9c|5!!\xe3\xda5s^^E\xbd\xbe\x8c\xd1X+0\xb0\x92\x9f_\xb0\xd5j3\x9b\xf5&lt;/\x12"H\x92K\x10D\x8c1!\x88\x10\x86\xfe\xe7\xee\xd7\xaa\x970\xe69\xae\x94\xd9\x9c\x90\x9e&gt;a\xdf\xbe\x93\x18\x7f\x1a\x199\xf8\xddw\x19\x8e\x83\x89\x01\x00d\x0e\x02@\xd9\x1eTdS\xd3\xd3\xaf\\\xbd\x1aw\xf6\xec\xb9\xb8\xb8\x84\xb3g3\x92\x92\xccyy\x86\xbc\xbc\xca&gt;&gt;U\xfd\xfc\x9e\xf3\xf7/k\xb7\x07\xf9\xfa\x1a\xf5z\x86a\xdc\x92T \x8a\x82$I\x18\xe3\xdb\xe5\x9ey\x9cA\x1c\x11c\x93Ng5\x1a\xb7\xc5\xc7\xcf\xfc\xfbo)$d\xc6\xb4i\xed\xda\xb4A0"T4\xf4=*\x0b!\x88e\x1f\xebc\x02d\x07\x02@\xc1\no2q\t\xc2\xa5\xa4\xa4s\t\t\xb1\xb1\xb1\xf1qq9))\x19W\xae\x98\x05\xa1&lt;\xcfW\xb3\xdb\x9f\xb1\xd9\xaa\x96.]\xc6j\xf51\x1ay\x8e\x131.\x90$\xb7(\n\x18c\x8c\x9f\xa0\xdc?\xe8a$B\xfcL&amp;\t\xa1\xa5\'N|s\xea\xd4\x0bm\xdb\xce\x9d&gt;\xbdj\xd5\xaa\x08F\x84\x1e\nn\xa4\x01\xde\x02\x01\xa0T\xb4\xa4\x1e\x8f\x8a\x9a0~\xbc\x90\x95\xc5dd\x043L\xb0\xc1P3 \xa0j\xa9Rel6?\x8b\xc5\xa8\xd3\x11\x84\x04\x8c]\x82\xe0\x96$\\8F\x84J\xea\x1a\x14\x89\x10\x06\xa1\x00\x8b%\xd5\xe9\x9c\xf1\xd7_\xbf\xde\xba\xf5\xce\x07\x1f|:f\x8c\xd5f\xa3S\xd0\x10\x03w\xa1\xef\xf1\xd7_\x7f\x9d\xfd\xe5L\x96e\x95\xd2\x15`\x18\xa4\xd3\x19~X\xb2\xb4\xd2s\x95\xe8\xc6@o?\x11x\x12\x10\x00\x8aD[\xeei\x19\x19u^x\xe1\xd3\n\x15\x9aV\xael7\x9b\xadF#\xcb\xb2\xc2\xed\t[Q\x92\x08!\xa8\x98\x1a\xf8\x8fE\xc4\xd8\xc0q6\x93\xe9\xc4\xf5\xeb\x91\x07\x0e\\\xb1\xd9\xc6\x8c\x1d;h\xc0\x00\x04KE\xff\x17!\x84\x10,I\xb8J\xd5\x90\xe7\x82Z&lt;\xf7LMWA\x1e\x83\xe4\xfe\xcb\xc1\x04\xfb\xfa\xf8\xed\xfdsux\xe3\xb2\xeb\xd6n\x84\xee\x9drA\x00(\x0f\x9d\xece\x19\xa6NxxGB&amp;\xbe\xf6Z\x9a\xc3A\'l\xe9?\x7f\xd0\x84\xadG\x1f\x12!\tc_\x83A\xc7\xf3;\xce\x9f\x9fr\xe8\x90_XX\xe4\xc4\x89\xad[\xb6D01p\x1b-\x9d\x9fN\xfa\xe4\xc7\xefwN\x19\xbd\xc1\xe5rz&lt;\xac\x9f\x04!\x84\xe7\xf8\\g\xe6\xf8Y\xed\xb7\xed\xfc\xe5\xb5\xe6-!\x03\x14\n\x02@yDQ\xe4y\xbe\xdb\xdbo\xe3\xdf\x7f_\xd3\xb3\xe7\xd5\xac,\x8ee\xe5Y3\xe8\xbe\x03\x7f\x93)O\x14\x97FE\xcd\x8f\x89i\x1e\x111o\xe6\xccre\xcb"\xcdO\x0c\xd0\xd1\x9e\xd4\xd4\x1b\xb5k\xbd0\xa0\xc7\xd7\xe5\x83C\xf2]\xce{\xf7g\xc8\x13\x96D?{\xe0\xce\xfd?]\xcf\xfd\xfd\xf0\xdf\xc7`pO\xa1\x94\xf1i\x03\x85\x04A\xe0y\xfe\xb3\x993/n\xda\xb4\xbc[\xb7k\xd9\xd9\xb2\xad\xfe\x08!\x96a8\x86\xc9\xc8\xcf\x17Dqx\xa3F\x7f\xf5\xeaE\x0e\x1e\xac_\xb7\xee\'\x9f}&amp;\x08\x02\xc7q\x18c\xa5\x8cz\x17;:t\xfe\xd1\xf0\xc1\xcf\x95}\xb9\xeas/\xe6\xbb\x9c\x1c\xc7\xb3\x0c\xab\x88\xff\xe3y}vNz\xdb\xe6}\x12\xcf\xde\xfa\xfe\x87E\x1c\xc7I\x92\xe4\xed\xdf(xl\xd0\x03P\x12\xda\xf6\xffy\xdd\xbaO\xde~\xfb\x8f\xbe}M\x1c\xe7\x96$V\xf6#\x06\x94\x88\xb1\x91\xe7\xadF\xe3\xd1\xe4\xe4\xf1\xfb\xf7\xe7\x94)3~\xc2\x84\xbe\xbdz!MN\x0c\xd0\xde\xcf\x81\x03\xfb:\xb4\x8b\x88\x1c\xb1I\xc7\x1b$"\xc9\x7f\xf4\xffN\x98`\xb3\xc1r\xf6B\xd4\xda\x9d\x13\xcf\x9f\x8f\xf7\xf3\xf3c\x18\x05\x8c_\x81;A\x0f@1$I\xe2y\xfe\xefc\xc7\x86\r\x1c\xb8\xb6sg?\xa3\xd1%\x8aJ\xa9\xfe\x08!\x9ee\x05I\xba\xe5p&lt;\x1f\x1c\xfc[\xdf\xbec\xca\x96\xfd\xfc\xfd\xf7\x1b5k\xf6\xf7\x91#t&gt;@\xa2\xb3\xd6\x9a\x811\x1e;nt\xf3\x97\xfa\xf8\xd9\x83\x04IPV\xf5G\x08\xb1\x0c\x9b\xe7\xca\xad[\xebU\xab1\xe4\x8b\xe9\x93\x15\xb4\x84\t\x14\x82\x00P\x06\x8c1\xc7q)\xa9\xa9\x1d_\x7f\xfd\xfbF\x8dj\x06\x05e\xe5\xe7\xf3\n\x19/.\xc40\x0c\xc7\xb2N\xb7;+/\xafK\x8d\x1a\x87\xde~\xbbIVV\xd7\xd6\xad\xfb\x7f\xf0A\xea\xcd\x9b\x851\xe0\xed\xc7,q\xb4\xf9\xbfl\xf9\xf7\x17\xce\xa5\xb7k\xd9/;\'\x8dc\x159\x80\xce0\x9c\xc3\x99\xf5N\xc4\xa7\xdf}\xf3\xc3\xf9\xf8s\x90\x01\x8a\x03C@\n@\x08!\x08\x15\xe4\xe7\xd7}\xf9\xe5^z\xfd\xc7\x8d\x1b_\xcb\xc9\xd1)\xad\xfa\xdfE"\x84c\x98RfsbF\xc6\xa4\x03\x07N\n\xc2Gc\xc6\x8c\x1a:\x94\xd7\xe9\xd4}\x86\x04=v;\xd7\x91[\xbbv\xcd6\rG\x86?\xdf\xc2\x91\x97\xcd2J\xfd\xcbJX\xf4\xb7\x05-]\xfb\xb9\x7f\xf9\x9cm[wi|b_q\x94\xfa\xb1\xd3\x14Q\x14Y\x86\x89\xe8\xd7/&lt;+kL\xd3\xa6\xd7\xb2\xb3\x95^\xfd\x11B\x1c\xc3 \x84R\x1d\x8e \xb3ymD\xc4\xc2\x06\r6L\x9dZ\xe3\xf9\xe7\x7f\xdd\xb1\x83\xdeF \x8a\xa2*[\'\xb4D\xce\x981\x95\x17\xcb4\x0c\x7f\xdd\xe1\xccTn\xf5G\x08q,\x9f\x93\x9b\xde\xa3\xe3\xf0}\xbb\x8f\xec\xdb\xff\x1b\xcc\x06+\x0b\xf4\x00\xe4N\x10\x04\x9dN7|\xfc\xf8\xa8\xef\xbe\xdb\xd1\xaf_\x86\xd3\xc9)g\xdc\xbf(\xe8\x19\x12V\x83A\xc7q?\x9e:\xf5eTT\x9d\xb6mgDF\xd6\xaeU\x0b\xa9n\xc7\x00\xdd\xc1w\xe1bb\x83z/\x0f{g\x99\xbf-H\x10\xddJ\xff\xdba,\xf9\xfa\xf8\x1d&lt;\xbe\xf5\xd4\xc5\xd5\xffD\xc70,\xc32\xda\x9a\xd2W.\x057=\xb4@\x14E\x9dN\xb7h\xe9\xd2-_}\xb5\xe6\xcd7\x9d.\x97\xfa\xbeU\x0c\xc3\xf0,\xebp\xbb3\xf2\xf3\xfb\xbd\xf8\xe2\xfe^\xbd\x9e9w\xaeY\xc3\x86\xc3\xc7\x8eM\xbbu\x8b\xe7y\x86QO3\x85\x1e\xc51r\xe4\xb0\xd0\x8a\xcd*\x94\xadR \xe4\xab\xa0P\xb2,\xe7pf5\xae\xdf15\xd9\xfd\xf5\x82y\x1c\xcb\xc1L\x80R\xa8\xe7\xab\xa5&gt;t\xac\xe0\xe0\xd1\xa3\x1d_{\xed@\x97.\xe5l6\x87\xdb\xad\xb2\xe6\xff]D\x8c\xf5\x1cW\xcab\x89NI\x99\xf6\xc7\x1f\xd1\x84|\x1a\x199\xa8\x7f\x7f\x8e\xe7Upb\x1a}\xa1\xfb\xf6\xff\xd6\xbeM\xc4\xec\x89{$QT\xcdw\x0f\x13l2X.%\x9fY\xbcv\xf0\xe5\xcbW\xfc\xfc\xec\x8a\xd8\xd2\x0c \x00d\nc\xcc\xb2l\xe2\xc5\x8b/\x85\x85-m\xd2\xa4I\xa5J\x99yy\x8a[\xf6\xf3\x04\xe8\x19\x12\x16\xbd\xde\xc7`\xd8\x16\x1f?\xe3\xef\xbf\xf5\xa1\xa1\xbf\xac]\xfbL\xc5\x8aH\xc93\xc3\x84\x10L\xb0$Ja\xe1/T+\xd7\xb1U\x93^9\x8e\x0cV\x99\x8b\x7f\xee\x0bc\xc9n\r\xf8\xea\x87\x8f\x1a4{\xe6\x87%\xcba6X\x11\x94\xfauR7\x9a\xcaY\x99\x99\xafw\xea4\xa1f\xcd6U\xabf8\x9dZ\xa8\xfe\x08!\x06!\x9ee\xf3\x05!57\xb7\xe5s\xcf\x1d\x1b0\xc0\x18\x1f?m\xce\x1c\xa5/1\xc4\x18s,\xb7|\xc5\x0fW/9Z5\xed\x95\xeb\xc8TS\xf5G\x081\x0c\x9b\x97\x9f\xfbV\xe71?\xafX{\xee\xdcY\xa5\xbf/\x8d\x80\x1e\x80\xec\x10B\xe8\xd0\xff\xab\xed\xdaUOH\x98\xdb\xa9\xd3\xb5\xac,\x9d&amp;\x1bS\x02\xc6v\xa3\xf1\xe4\xb5k\xef\x1c=\x9a\x10\x1f\xef\xeb\xeb\xab\xd0\x81 z~_ffFhh\xe8[\xed\xbf\xa8\x1e\x12\x9eW\xe0T\xf4\xe2\x9f\xfb\xc2X\xb2YK\xad\xdb\xfa\x95\x8b?s\xf0\xcf#\xd0\t\x90?\xb5}\x04U@\x92$\x9dN\xf7\xee\x90!|T\xd4\x8c\xf6\xedo\xe4\xe4h\xb3\xfa#\x84t,\x9b[PP\xb7|yKV\xd6\xae}\xfb\x902o\xceB\xb7\x07\xf4\xa6\xcf\x98\x1ah\xab\xfdB\xcd&amp;y.\x87\xfa\xaa?\xa2\xb3\xc1\x8e\xacN\xad\x07\xc6\xfd\x93\xb4c\xe76X\x12*\x7f*\xfc\x14*\x1a=\xedg\xfe\xc2\x85\x7f._\xbe\xba{\xf7\x9c|5\xac\x12y\x1a\x98\x10#\xc7ET\xa9\xf2\xcd\xc2\x85\xc8\xfb\xa7\\?\tZ\xfd\xcf\x9e;\xf3\xcd\x82\xef\xfbt\xfd\xc4\xe1\xccf\xd4X\xfd)\tKz\x9d\xb1s\xaba\x1f\x0e\x1e\xe4v\xbb\xd5\xb4\x82K\x95T\xfbAT"z\xda\xcf\x81C\x87"?\xfahk\xf7\xee"\xc6"\xc6\xca+x\xc5\x8acYGAA\xe7Z\xb5\xceEE\xa5\xdc\xb8\xc1\xb2\xac\xe2\n\n\x1d\xb6\x1a4h`\xe3\xba=K\x97*\'\x08\x05J\x8c\xb1"bY.\xd7\x91\xd90\xbc\rr\x05L\x9d\x16\t3\x012\x07\x01 \x17t\xc0\xf4TLLD\xbbv?\xb5k\x17l\xb5\xe6\x0b\x82\x82\xcez+!\x0cB\xf9\xa2X\xb5t\xe9g0^\xb3q#BHY\xa3\n\xf4\xb5\xee\xd8\xb9\xed\xc4\xd1s\x1d[\x0ft8\xb2T6\xf7{\x1f\x0c#\x08B\x8f\x8e\xa3\xe6\xcf\xff&amp;\xe5F\n\xc30\x90\x01\xb2\x05\x01 \x0b\xb4\x91\x98\x9e\x9e\xde\xb1[\xb7\xe9/\xbe\xd8&lt;$$C\x1b\x8b&gt;\x8b\x88A\xa8o\xed\xda\xcb\x96-C\x8aZ\tJ_\xab(\x8aC\x86\x0c\xee\xda\xf6c\xbd\xce(a%\xa5\xd7\x93a\x196\xdf\x95[-\xa4n\xe5rM\x86\x8f\x18\xa2\xc4N\x9bv(\xe6\xbb\xa4b\x84\x10z ~\x9b\xce\x9d\xbb\xeb\xf5\xbd\xc2\xc2\xae+\xff\xac\xb7b\xc42LnAA\xab\xd0\xd0\x9b\xf1\xf1\xa7bc\x154\xaa@G\xff\xbf^0/?\xdb\xf4J\xfd\x0e\xce\xbcl\xf57\xff\x11B\xf4\x94\xd0\xbc\x9cn\xed\x86l\xffu\xdf\xf1\xa8c\nzeZ\x03U\xc6\xfb$\x8cy\x9e\xef\xd5\xbf\x7f\xe9\x0b\x17"[\xb7N\xcd\xcd\x85\xea\x7f\'\x06\xa1\x02Q|\xc6nob\xb7\x7f\xbbd\tR\xc8Z \xda\xfc\xcf\xc8\xc8\x88\xfc|J\x9f\xae\x13DQ\xd0N3\x98a\x18\xb7P\x10\x18P\xe1\xd5\xfa}\x86\x0e\xfd\x10\xa6\x82e\x0b\n\x8d\x97\t\xa2\xc8s\xdc\xac\x05\x0b\xa2\xd7\xae]\x15\x11q\xcb\xe1\x80q\xff{1\x0c\xe3\x12\x84\xae\xb5j\xed\xdb\xbd[\x12EE\xac.\xa7\xcd\xff\xd1cFT\xad\xf0j\xf5\xca\xe1\xf9*]\xfa\xf9 \x1c\xcbe\xe7\xa4\xb5o\xd9\xffrB\xd6\xaa\xd5?\xc1\x92Py\xd2\xd0\'R\x86DQ\xd4\xf1\xfc\xd6\xdd\xbb\xbf\x1c9\xf2\xd7^\xbd\xf2\xdcnB\x08\x94\xff{q\x0c\x93[P\xf0J\xa5J\xd2\xb5k{\x0e\x1c\x90\xff\xbd1\xb4\xfa\x1f\x8f:\xb6z\xe5\xa6.\xaf\x0fv\xe4\xe5\xa8x\xe9\xe7\x83\x10\x84X\x86\xeb\xd0b\xd0\xd81\xe3\xb2\xb2\xb3\xd0\xed-\xee@&gt;4\xf7\xa1\x94\x0f\xba\xe8\xf3hTT\xbf\x9e=Wv\xeaT\xdalV\xd6\x15\x8f\x1e&amp;b\\\xcaln_\xa1\xc2\xe2e\xcb\xbc\xfd,\x8fF\xc7\x7f\x86\x0c\x1d\xd4\xfc\xa5\xbe\x81\x01\x15\xdc\xaa^\xfa\xf9 ,\xc3:\x9c\x99\x8d\xea\xb5\xe7q\xd9\xe9\xd3\xa7@\'@\x86 \x00\xbc\x83\xb6\x10\xd3\xd2\xd3;u\xee\xbc\xa0~\xfd\x86\x15*\xa4\xe7\xe5\xc1\xd0\xffC\xb0,\xeb((\xe8X\xb3\xe6\xb1?\xfft8\x1c\x1c\xc7\xc9\xb69I\x97~\xae^\xb32\xf1lj\x9bf}rr3\x14z\xe3\xe3\xd3c\x18\xce\x99\x9f\xdb\xab\xf3\xe8E\x0b\x97%&amp;&amp;\xc0l\xb0\xdc@\xc5\xf1\x02Z\xb9\x18\x84\x9a\xb7j5 0\xb0S\xed\xda\xa9\x0e\x87\x8eeeZ\xcf\xe4\x81E\xc8\xe9v\x87\x97/\x1f\xe0p\xac\xde\xb0\x81.\x9d\xf2\xf6C\xdd\x07m\xfb\x0b\x820n\xdc\xd87Z}d\xd0\x9b\xb0\x06\x96~&gt;\x08\xc30\xae\x02g\x95J/T\xad\xd0\xe4\x93\tc`I\xa8\xdc@\x00x\x01]\xf4\xd9\xado\xdf\xca7o~\xfa\xdak7`\xd1g\xd1`B\x8c&lt;\xdf\xa5r\xe5\x1fW\xaed\x18F\x9e\x1b\x02h\xdfn\xf2\x94I\x8c\xbb\xf4\xcb\xe1\xaf\xab\xef\xd4\xcf\xc7\xc5\xb2\\vNz\x8fN#vn\xfdc\xff\x81\xbd0\x10$+r\xfc\n\xa9\x1b=\xedg\xd2\xcc\x99\x177mZ\xde\xad\xdb\xb5\xeclN\x96\x85L\x868\x96\xcdv\xb9:\xd7\xae\x9dp\xfc\xf8\xf9\xf8x\x19\x8e\'\xd0\x1b\x1fSR\xae/\xfcv\xe9[o\x8c\xd3\xe6\xd0\xff]\x18\xc4\x88\x92`\xb7\x96n\xd3d\xc0\x84\t\xe3\xe5\xf6\xca4\x0eJ\x8fG\xd1\x89\xdf\x9f\xd6\xae]&gt;i\xd2/o\xbd\xe5p\xb9\x18\x84\xb4^!\x8a\x8cA\xc8%\x08UK\x97\xaec0\xac\xfc\xe5\x17$\xbf\r\x01\x84\x10\x96e?\x1a&gt;\xf8\xb9\xb2/W\ry1?\xdf\xa1\xc1\xc5?\xf7bY.;\'\xadm\xf3\xb7\x13\xcf\xde\xfa\xfe\x87E\xd0\t\x90\x0f\xd8\xa0\xe19\xb4y\x18\x9f\x98\xf8j\xc3\x86\xeb_{\xadVppf~&gt;\x9c\xf7\xf0X$BJ\x99\xcd?\x9e&lt;\xb9$//\xf6\xc4\tZp\xbd\xfdP\xff\xa1s\xbf\x07\x0e\xec\xeb\xd0."r\xc4&amp;\x1do\x90\x88\xc4@\xbe#\x84\x10\xc2\x04\x9b\r\x96\xb3\x17\xa2\xd6\xee\x9cx\xfe|\xbc\x9f\x9f\x1f\xc3\xc0\x9d\x91\xde\'\x97/\x8f\x16\xd0\xe9\xc1\xb3\t\tA\x82\xf0B\xf9\xf2\x19P\xfd\x1f\x1f\xcb0\xd9.W\x87\x1a52\xce\x9e=t\xe4\x08\xcb\xb2\xb2jKb\x8c\xc7\x8e\x1b\xdd\xfc\xa5&gt;~\xf6 A\x12\xa0\xfa\x17b\x196\xcf\x95[\xb7\xd6\xabVc\xc8\x17\xd3\'\xcbp\xf8N\x9b\xa0\x00y\x9a^\xafG\x1c\xe7\x16\x04u_\xef^B\x18\x84\x04I\n\xf2\xf1i\x14\x10\xf0\xe3\x9a5H6{\x8bh\xf3\x7f\xd9\xf2\xef/\x9cKo\xd7\xb2_vN\x9af\x97~&gt;\x08\xc3p\x0eg\xd6;\x11\x9f~\xf7\xcd\x0f\xe7\xe3\xcfA\x06\xc8\x01\x04\x80\xa7\x11B\x902\xef5\x94\t\x96a\x9cnw\xdf\xbauwl\xdc\x98\x93\x93\xc3\xf3\xbc\xd73\xe0\xbf;\x9c\xb3\xb3"#\'w{}\x18\x83`E\xef}0\x0cS \xb8\xca\x05\x87\xd4\xad\xd1~\xf4\xe8\x91p@\x90\x1c@\x00\x00\x85a\x19\xc6YP\xf0R\xc5\x8a&gt;\xd9\xd9\xbf\xfd\xfe;\x92\xc1T0m\xfe\xcf\x981\x95\x17\xcb4\x0c\x7f\xdd\xe1\xcc\xd4\xd4\xb1?E\xc7\xb1|Nnz\x8f\x8e\xc3\xf7\xed&gt;\xb2o\xffo0\x1b\xecu\xf01\x05\xca#\x11b\xe2\xf9V\x15*\xacX\xb9\xd2\xdb\xcf\x820\xc6\x1c\xc7%^HX\xb2h\xc5;=&amp;9\x9d9\x0c\x03\x83?\x0f$a\xc9h\xb0tk7j\xc4\x88\xe1\xa2("F.\x83x\xda\x04\x01\x00\x94\x87c\xd9\x1c\x97\xeb\xed\xb0\xb0#\xbf\xfd\x96r\xe3\x86w\x8f\x85\xa0s\xfb#G\x0e\x0b\xad\xd8\xacB\xd9*\x05\x82\xd6\xafq~8\x96\xe5\x1c\xce\xac\xc6\xf5;\xa6&amp;\xbb\xbf^0\x8fc9\xafw\xe0\xb4\x0c\x02\x00(\x0f\xbd\'\xb2Z\xe9\xd2\x95\x18\xc6\xbb\xf7D\xd2\xc1\x9f}\xfb\x7f\xdb\xbb\xeb\xf0[\x9d?\xce\xc9I\xe7X\xde+O\xa2 \x04!Q\x14\xfaFL\xfa\xfc\xb3\xc9\x19\x19\x19,\x0b\x93\x01^\x03\x01\x00\x14\xec\xedZ\xb5\x96-[F0\xf6\xcan\x00B\x08b\x90\xdb\xed\x1e1bx\x87\x16\x83\x8cz\x8b\x16n||z,\xc3\xe6\xbb\x1c\xd5B\xc2*\x06\xd5\x1f3\xeec\x86\x81\xe5@^\x03\x01\x00\x14\x89\xde\x13\xd92445&gt;\xfe|b\xa2W\xd6\x14b\x8c9\x96[\xbe\xe2\x87\xab\x97\x1c\xad\x9a\xf6\x82c\x7f\x8a\x8ea\xd8\xbc\xfc\xdc\xb7:\x8f\xf9y\xc5\xdas\xe7\xce\xc2\x92Po\x81\x00\x00\x8a\xc4 \xe4\x16\xc5\xf26[\x98\x8f\xcf\x92\x1f\x7fD\x1e_\x0bD\x87\xfe\xd3\xd3\xd3&amp;\x8c\xff\xb4O\xd7\t\xa2\xe0\x86\xab|\x8a\x8e\xde\x19Y\xbaT\xb9&amp;\xf5z\r\xfc\xe0]X\x12\xea-\x10\x00@\xb1\x18F\x10\xc5w^xa\xd3\xbaun\xb7\xdb\xc3\xf7D\xd2S?\xa7\xcf\x98\x1ah\xab\xfdB\xcd&amp;y\x1a\xbb\xf1\xf1\xe9\xb1,\xe7pduj=0\xee\x9f\xa4\x1d;\xb7\xc1\x92P\xaf\x80\x8f,P*\x8ea\x1c\x05\x05/?\xfb\xac\x90\x92r\xec\xc4\tO\xde\x13I\xab\xff\xd9sg\xbeY\xf0}\x9f\xae\x9f8\x9c\xd9p\xe8\xdb\x13\x90\xb0\xa4\xd7\x19;\xb7\x1a\xf6\xe1\xe0An\xb7\x1b\xfa\x01\x9e\x07\x9fZ\xa0`\x02\xc6\xfefs\xab2e\x16,^\xec\xc9\x9fK\xc7\x7f\x06\r\x1a\xd8\xb8n\xcf\xd2\xa5\xca\tp\xec\xf3\x13aY.\xd7\x91\xd90\xbc\rr\x05L\x9d\x16\t3\x01\x9e\x07\x01\x00\x14\x8ce\xd9&lt;\xb7\xfb\xad\xe7\x9f\xffc\xcf\x1e\x8f\xdd\x13I\x97~\xee\xd8\xb9\xed\xc4\xd1s\x1d[\x0ft8\xb2`\xee\xf7\xc91\x8c \x08=:\x8e\x9a?\xff\x9b\x94\x1b)\x0c\xc3@\x06x\x12\x04\x00P0zOd\xdd\xf2\xe5\x83\xf2\xf2Vo\xd8\x80J~C\x00m\xfb\x8b\xa28d\xc8\xe0\xaem?\xd6\xeb\x8c\xb0\xf4\xf3i\xb0\x0c\x9b\xef\xca\xad\x16R\xb7r\xb9&amp;\xc3G\x0c\x81;#=\x0c\x02\x00([\xe1=\x91?\xadZ\x85\x10*\xe9\r\x01t\xf4\xff\xeb\x05\xf3\xf2\xb3M\xaf\xd4\xef\xe0\xcc\xcb\x86\xe6\xffSb\x18\xce\x91\x97\xd3\xad\xdd\x90\xed\xbf\xee;\x1eu\x0c\x06\x82&lt;\t\x02\x00(\x1b\xc7\xb2\xb9.\xd7\xeb\xd5\xab\x9f\x8f\x8a\xbav\xfdz\x896!i\xf3?###\xf2\xf3)}\xbaN\x10E\x01\x1a\xabO\x8f.\t\r\x0c\xa8\xf0j\xfd&gt;C\x87~\x08S\xc1\x9e\x04\x01\x00\x94\x8dA(_\x10\xaa\x07\x06\xd6\xe4\xf9\xc5+V\xa0\x92\x1c\x05\xa2\xcd\xff\xd1cFT\xad\xf0j\xf5\xca\xe1\xf9\xb0\xf4\xb3\x98p,\x97\x9d\x93\xd6\xbee\xff\xcb\tY\xabV\xff\x04KB=\x06&gt;\xbe@\xf9\x18\x86\x10\xd2\xadz\xf5\r\x1b6\xa0\x12\x1b\x05\xa2\xa7~\x1e\x8f:\xba\xea\xe7\r]^\x1f\xec\xc8\xcb\x81\xa5\x9f\xc5\x88 \xc42\\\x87\x16\x83F\x8f\x1e\x9d\x9d\x93\r\x93\x01\x9e\x01\x9f`\xa0x\xf4\x9e\xc8v5j8\x12\x12\xf6\xff\xf9g\xc9\xdd\x13\xe9v\xbb\x87}\xf4Q\xebW\x06\xc2\xd2\xcfb\xc72\xac\xc3\x99\xd50\xbc\xadUWu\xca\x94\xcfa9\x90g@\x00\x00\xc5+\xbc\'\xb2\x82N\xf7\xd7\xe1\xc3\xa8\x04\xee\x89\xa4\xb7\xcf\xdf\xbc\x99z\xe2\xe4?5B\x1b\x14\x14\xb8\x10T\xff\xe2F\x10B\x84\t\xad\x1c\xbeu\xebVQ\x14!_=\x00\x02\x00(\x1eA\xc8\xa8\xd3%\xdc\xbau\x01\xe3\x1e\x9d;\xa3\x12\x18\x05\xa2\xdb\x8c\xcb\x97\xaf\xd0\xb5\xeb\x1bk\x7f\x9d\xa5\xd7\x1b\x10\x8cO\x14+\x82\x88\x8e\xd3\xe58\xd2v\xfd\xf1\xc3\x981c\xe5p\xd3\xa7\x16@\x00\x00\xc5\x930\xb6\x19\x8d\x9bcc+\xd7\xabW\xa3Z5\\2\xa7C\xd3\xd5)\xf3\xbf\xfa&amp;%#\xe6h\xf4.\x8b\xd9\nc\x14\xc5\x08c\xecc\xb1\xaf\xdb:\xafN\xdd\x90w\xfb\x0f\xa03.\xde~(\xf5\x83\x00\x00\x8a\xc72\x8cK\x147_\xbc\xd8\xb7woBH\t\xd5e\xba&gt;=((h\xc6\x8cY+7O\x15%7\xc7\xc2\xe5\xef\xc5\x03\x13l2X.&amp;\xc5\x1c\x8b\xd9\xb2x\xe1R\x18\xfc\xf1\x18\x08\x00\xa0l\x18!\x8b^\x1f}\xf5j\xaa\xd9\xfcV\xb7n\x0c\xc3\x94\\\xcb\x91f\xc0\xd0!\xc3\x82\xcb\xf9\xee\xd8\xbf\xccb\xb6\x11\xd8\x06\\,\x08\xd1\xeb\xf5\xab\xb7\xcc\xea\xf9fDXX\x98$I^\xb9\xe1G\x83\xe0\xb7\x0c\x94\rcl\xd6\xebW\x9f&gt;\xfdj\xeb\xd6&gt;&gt;&gt;\x92$\x95\\\xfb\x91\x8e\x02q\x1c\xb7x\xf1\x0f\xbb\xffZ\x9c\x91\x9d\xaa\xe3\xf50T\xfd\x940\x96|\xcc\xf6\x13\xa7\xf7\xa7f\xc6~5o\x01\xc6\x18z\x00\x1e\x03\x01\x00\x94M\xc7\xb2\x19yy\xbf\xa5\xa4\x0c}\xff}\x0f\xfc8\xbaG\xa9M\xeb\xb6M\x9a\xbe\xbcz\xcb,\x8b\xc5F\x08\xcc\x04&lt;9\x82\x10\xcbr\x12\x16Vo\x9d1n\xec\xf8\xa0\xa0 \xba\xe0\xca\xdb\xcf\xa5\x15\xf0\x8b\x06\n&amp;\x11\xe2c0\x1c\xbe|YW\xa6L\x83\xf0p\xda&lt;/\xe9\x1fJ\xfb\x01K\x16/\x8b\x89\xdf{&amp;\xe1\x88\xc9`\xc1\x90\x01O\x8a`\xc9\xc7b\xdb\xb6\xef\x07{\x00;~\xfc\xc4\x12\x9a\xc0\x07\x0f\x02\xbfk\xa0d\x84\xe8x~\xc5\xa9S]z\xf4\xd0\xeb\xf5\x9e9?\x80\xce\x04\x84\x86\x86\x8e\x1a=b\xc5\xfaH\xbd\xde\x88`\x14\xe8\x89\x10Bt\xbc&gt;#+u\xf7_\x8b\xbf_\xb2L\xa7\xd3\xd1\xd3\x96\xbc\xfd\\\x1a\x02\x01\x00\x94\x8a \xa4\xe7\xf9\xeb\xd9\xd9Q99\x03\xfb\xf6E%\x7f\x14h!\x9a\x01\xe3?\xf9Tb3\x0e\x1c^g\xf5\xf1\xc70\x1b\xfc\xf8\x08\xc1\x16\x8bm\xf5\x96YM\x9a\xbe\xdc\xa6u[z\xd1\x82\xb7\x1fJ[ \x00\x80RaB\xacF\xe3/11\x95\xc3\xc3\xabU\xa9\xe2\xc9\xd1\x03:\n\xe4\xe7\xe77w\xee\xbc\xf5\xdb\xe78\xf229\x8e\'\xb07\xecq\xd0\xa5\x9fg\x12\x8e\xc4\xc4\xef]\xb2x\x19\xb4\xfd\xbd\x02\x02\x00(\x16!\x08\xa1\r\xe7\xcf\xf7\xe9\xd3\x87\xf1\xf8!\xf2t6\xb8\x7f\xbf\xf7^\xac\x17\xfa\xcb\xf6\xafm\xbe\xa5\xa0\x13\xf0X\x18\x84\xf4z\xe3\x8a\xf5\x91\xa3F\x8f\x08\r\r\x85\xd1\x7f\xaf\x80\xdf8P$\x8c\x90\xc5`8\x9e\x9c\x9cb2u\xef\xd4\xc93\xd3\xbf\xf7b\x18f\xf6\xacyGOo\xb9|\xf5\x8cQo\x86%\xa1E\x84\xb1d1\xdb\x0e\x1c^/\xb1\x19\xe3?\xf9\x14\xaa\xbf\xb7\xc0/\x1d(\x12\xc6\xd8\xc7`\xd8\x18\x1b\xfbr\x8b\x16\x81\x81\x81^Y&lt;N;\x01\xaf6}\xb5[D\xc7\x95\x9bf\x99\xcd\xbe\x84@\'\xa0HX\x96\x13D\xd7\xdam\xb3\xe7\xcc\x99\xeb\xe7\xe7\x07\xe3?\xde\x02\x01\x00\x14\x89c\x18\xa7\xdb\xfd[r\xf2[\xdd\xbb{\xb1\xddMO-\x9e\xfe\xc5\xecki\xa7N\x9c\xdeg1\xdb\xe1\x80\xa0G\x92\xb0h\xf3-\xf5\xcb\xf6\xafCk\x94\xef\xfbv?\x8ca\xdf\xaf\xd7\xc0\xef\x1d(\x8fD\x88\xaf\xd1x\xe0\xc2\x05\xb1L\x99\xf6\xad[#\x0f\xae\xff\xb9\x0b\xbd\xb7$$$d\xdc\xb8\xb1?o\x9e*In\xa8e\x0fG\x081\xea\xcdW\xae\x9d\xfd+j\xed\xa2\x85?\xe8t:B\x104\xff\xbd\x05&gt;\xac@y\x08!&amp;\x9d\xee\x97\xd8\xd8V\xed\xda\x99L\xa6\x12=\xfe\xe1\x91\xe8\xfd3\x13\xc6\x7fj\xf5C\xbf\x1d\\\xe3k\xf1\x93`6\xf8\xc1\x08\xc1f\xb3\xef\xca\x8d3#\xbawj\xda\xa4),\xfd\xf4.\x08\x00\xa00\x04!\x03\xcf_\xc9\xca:\x98\x955\xf8\xbd\xf7\x90\xf7\x9a\xff\x14\xcd\x1e\x9dN7w\xce\xfc\xed\xfb\xbf\xcd\xc8N\xd1\xc3\x01A\x0f\x80\t\xb6\x98m\'N\xefM\xc9\x88\x99\xfe\xc5l8\xf6\xc7\xeb \x00\xbc\x03\xca\xc3\x13\xc3\x84\xf8\x1a\x0c\xfb\x12\x12\x02CC_\xa8SG\x0e\x0bH\xe8lp\x8f\x1e=\xc3\xea\xd5\xda\xb4\xf3[8 \xe8A\x18\x84\x18\x06\xad\xfeu\xf6\xf0\x11\xc3BBB\xe4\xf0\xee4\x0e~\xfb\x9eF\x08\xe1Y\x96\x81\x0cxb\x840\x0c\xb3)&gt;\xbe_\xff\xfe\x08!\x99L\xba\xd2\xada\x0b\xbf[r,f\xcb\x85\xcb\xa7\x8dp@\xd0=$,Y}\xfcw\xff\xf1\xb3\xd9Z0n\xec\x04\x18\xfc\x91\x03\x08\x00O\xd3\xebt7\x1d\x0e\x06Z&gt;O\x84 d\xd2\xe9\xce\xdf\xbc\x19\xebv\xbf\xd5\xb5+BH&amp;E\x84\x1e\x0e\x11\x16\x16&gt;``\xff\xe5\xeb?\xd3\xe9\xf40\xb4q\'B\x88\x9e\xd7gd\xdf\xd8\xbao\xc1\xbc\xb9_[\xadV\x84`\xee\xd7\xfb\xa0\ny\x0e\x1d(h\xf6\xca+5\xda\xb6\x9d\xb0sg\x90\xd5*x\xe4\xf025\x910\xf61\x186\xc7\xc5\xd5l\xd0\xa0Lp\xb0\xac\x06\x91i\x06\xcc\x9a9\';\xef\xd2\xb1\x7fv\x9bMpg\xe4\xff#\x04[\xcc\xb6\x8d;\xbf\r\xabW\xabG\x8f\x9e\xd0\xfc\x97\t\x08\x00\x8fbY\xd6`0\xacY\xbe|\x9f^\xbf\xf0\xc8\x91\xf2v;d\xc0c\xe1\x18\xa6@\x92~IL\x1c\xfc\xc1\x07\x08!Y\xcd\xb5\xd2Q \xbb\xdd&gt;}\xfaLzg$t\xf3(L\xb0\xd1`\xb9\x98\x14s&lt;v\xcb\xc2\xef\x96\xc0\xb6/\xf9\x80\x0f\xa8G\xd1}C\xfe\xfe\xfe;\x7f\xfdu\xda\x993\xbb\x13\x12\xfc-\x16\x11\xda\x89E\x83\t\xb1\x18\x0cG\x93\x92\x9cv{\xdb\x16-\x90\xb7\xd7\xff\xdc\xeb\xce;#w\x1eX\xeek\xb1\xc3\x01A\x08!D\x90Ao\\\xb3eV\xcf\x9e\x11aa\xe10\xf7+\x1f\xf0\x1a&lt;\x8d.\x1b\xaf\x12\x12\xb2e\xf7\xee~\xfb\xf7\'edX\x8dFIN-Y\xd9\xc2\x84\x98\xf5\xfa\x15\'O\xb6\xeb\xda\xd5\xd7\xd7W\x14E\xb95$\xef\xbc3r\xd7\x9f\x8bn\xa6\'\xebx\x83\xac\xba)\x9e\x871\xb6\x98\xadG\xa2w\xa6d\xc4\xc0\x8d\x8fr\x03\x01\xe0\x05\x1c\xc7\x89\xa2\xd8\xf8\xa5\x97\xa6\x7f\xfdu\xc7\r\x1b\xb2\x0b\n\x0c\x1c\x87\xb5]&amp;\x8a\x82g\xd9\xcc\xbc\xbc#ii}z\xf6Dr\x9dB,\xbc3\xb2}\x876?n\x98\xeac\xb1i\xfc\x80 \x96eE\xc9\xbdr\xf3\xd4\x193f\xc1\x8d\x8fr\x03o\xc2;x\x9e\x17\x04\xe1\x83w\xdf}\xe7\xb3\xcf"V\xaf\xf61\x1a\t,\x0c}(\x89\x10\xab\xd1\xb8\'!\xc1\xfc\xec\xb3/\xd7\xab\xe7\xad\xe3?\x8b\x82\xf6\x03\xe6\xce\xf9:\xe1\xf2\xe1\xb8\x84\xc3&amp;\xa3\xaff\x97\x84b,\xf9Z\xec;\x0f,\x0f.\xe7;t\xc80\x18\xfc\x91\x1bx\x19^\xa3\xd3\xe9DQ\x9c&lt;n\\H\x97.\xfd6l(o\xb3I0\x19\xf0`\x84\x10\x03\xcf\xaf&lt;}\xbaG\xef\xde:O\xdd\xfe\xf8d\xe8L@\x95*UF\x8d\x1a\xb1|\xdd\xe7\x1c\xc7\xc9\xb1\xabR\xf2\x08!:\xdep3=y\xd7\x9f\x8b\x16/\xfe\x81\xe38\x98\xfe\x95\x1bF\xe3\x03\x94\xdeE\x08!\x84\xb0\x0cS\'&lt;\xbc\x9d$\x8do\xde&lt;57W\x07M\xa4{\x10\x84t\x1cw\xd3\xe1h\xbde\xcb_QQ\xd5d\x7f\x7f\x08}\xb3N\xa7\xb3Z\xf5*\rj\xf6~\xbdY\xbf\xac\xdc4\x8e\x95i\x97\xa5\x84`,\xf9\xd9\x02g.|\xafjm\xeb\xb6\xad\xbb`\xe9\xa7\x0c\xc9\xf7+\xa4\x05\xb45\x84\t\xf9}\xef\xde\x95N\xe7\x9a\xe8\xe82\xbe\xbe\x02\xc6\xd0F\xba\x8b\x84\xb1\xcdh\xdc\x1c\x1b[\xa5~}\xf9W\x7ft{\x14\xc8\xd7\xd7w\xca\x94i\xdb\xf6-\xcau\xa6\xf3\x1a\xbb3\x92\xde\xf8\x18\x97p8\xe1\xf2\xe1\xb9s\xbe\x86\xb6\xbf&lt;\xc9\xfa[\xa4\x05\xf4&lt;\xe1R\xfe\xfe\xdb6n\x1c\x7f\xea\xd4\xdfII\xa5\xccf\x01\xc6\x82\xfe\x17\xcb0.Q\xdct\xe1B\xdf\xde\xbd\t!\x8a\xd8`Eg\x83\xdf\xe9\xdb\xff\x85\xf0*\xbfl_\xa0\xb9;#\t\xa17&gt;~&lt;jx\x15\xcf\xde\xd8\x0c\x8a\x0e^\x89\xf7\xd1EA/\xd4\xa9\xb3l\xed\xda\xde[\xb6\xdct:M:\x1d,\n*\x84\x11\xb2\xe8\xf5\'\xae^M\xf3\xf1y\xab[7\x86a\x144\x92\xc0\xb2\xcc\xecYs\x8f\x9e\xda|\xf9\xeaY\xa3\xde\xa2\x91\x11W\x8c%\xab\x8f\xff\x81\xc3\xeb$6c\xc2\xf8IP\xfde\x0b\xde\x8a,\xf0&lt;/\x8ab\xc76m\xc6}\xfdu\xbb5kx\x96\xe5YV\x13\xa5\xa2\x08\xe8\xed\x8f[\xcf\x9ci\xd0\xb4\xa9\x8f\x8f\x8fwO\xff\x7f,\xb7\xef\x8cl\xd6\xbdg\xe7\x1f7L1\x18\x8cZ8%\x94 \xc2q\xbc#/s\xfd\xf69s\xe7\xce\x83\x1b\x1f\xe5\x0c\x02@.h\x06\x8c\xfc\xf0\xc3\xa6\xfd\xfa\xbd\xb5~\xbd\xd5l\x86N\x00\xc5\xb3lz^\xde\x8e\xabW\xdf\xef\xdf\xdf\xdb\xcf\xf2\xd8\xe8\xde\xef\xf9_}\x93\x9a\x19w\xe2\xf4&gt;\x1f\r\xec\r\xc6X\xa27&gt;\xbeX/\xb4\x7f\xbf\xf7`\xeeW\xce \x00d\x84\xe38A\x10\x96~\xf3\x8dX\xaf\xde\xb8m\xdb\xca\xd9l0\x19 \x11\xe2k0\x1c\xbat\x89\x04\x07\xb7n\xde\\\xce\xcb\xff\xef\x8b\xce\xf1\x04\x05\x05\x8d\x1b;~\xcd\xd6\x99\xa2X\xc0\xaaz-\x10\xbd\xf1\xf1\xf2\xd53GOo\x99=k\x1e4\xfce\x0e\x02@F\x18\x86\xe1y\x1ec\xbce\xe5\xca\x03&amp;\xd3\xec\xbf\xfe*g\xb5j=\x03\x08\xd1\xf1\xfc\x8f\xa7Nu\xeb\xd1\x83\xe3y9/\xff\x7f\x10\xba-`\xfc\xf8\x89\xbe~d\xef\xc15\xbe\x16\xbb\x8a\xef\x8c$D2\x9b}Wn\x9a\xd5-\xa2\xe3\xabM_\x85\xe6\xbf\xccA\x00\xc8\x0bm1\xd9\xfd\xfc\xfe\xdc\xb7o\xde\x85\x0b;\xcf\x9d+e6k\xf6\xb48\x82\x10\xc7q\xd7\xb3\xb3O\xe4\xe4\x0c\xe8\xdb\x17\xc9\xef\xf4\xb7\xa2\xa0KB\xe9\x9d\x91\xbf\xee[\x90\x99\x9d\xaa\xd6;#1\xc6\x16\xb3\xfd\xc4\xe9}\xd7\xd2N\xc1\x8d\x8f\x8a\xa0\xbc\xaf\x93\xea\xd1\xd3\xe2\x82\x03\x03\xb7\xee\xdc9\xe0\xef\xbf\xcf\xa4\xa6\xdaM&amp;\rf\x00&amp;D\xc4\xb8\xa2\xdd\xbe1.\xee\xd9\xbau\xab)y)a\xe1\x9d\x91\x8d\x9b\xd4_\xb9y\xa6\xd9\xec\xab\xca\xd9`\x96e%\xc9\xfd\xf3\xe6\xa9\xe3\xc6\x8d\r\t\t\x81c\x7f\xe4\x0f^\x8f\x1c\xd1\x85\xa1\x8d\x1a4\x98\xbfdI\xcf\xcd\x9b3].#\xcfkgN\x98\x10"al\xd1\xebK\x99\xcd+\xa2\xa3\xbf8~|\xc4\xe0\xc1\x0c\xcb*b\xf9\xff\x83\xd0~\xc0\xf7K\x96\xc5\xc4\xef\xbdx9F}wFJX\xf2\xb5\xf8\xfdvp\x8d\xd5\x0fM\x18\xff\xa9$IP\xfd\xe5\x0f\xde\x90L\xd1\xd3\xe2\xfa\xf4\xe8\xf1\xee\xe4\xc9\x11\xabV\xf9\x1a\x8dH\x1b\xa7\xc5\x89\x18\xeb9.\xc0\xc7\xe7\xf4\x8d\x1b\xad~\xfa\xe9\x8b\xe4\xe4\xc5k\xd6\xf4\xea\xd9\x13c\xcc\xf3\xbc\xb7\x9f\xee\xc9\xd1\x99\x80\xd0\xd0j\x03\x06\xf6_\xfe\xcb\xe7*\xbb3\xf2\xf6\x8d\x8f)\xdb\xf7\x7f;w\xce|\x9dN\x87\xe4z\\+\xb8\x13\x9c\x05$k\xa2(\xf2&lt;\xdf\xbdo_\xe7\xbe}\xeb{\xf6L\xcd\xcd\xe5\xd4\xfb\xa5\x92\x08\xe1\x18\xc6\xcfdJ\xce\xce\xfe\xfc\xf7\xdf\x0f\xbb\\o\xbf\xff\xfe\x94\x89\x13y\x9dN\x1d\x0b\xc9\t!\x08\x91\xec\xec\x9c2eK\xbf\xd5~Z\xfd\xe7[9\xf2\xb2\xd5\xb1(\x08c\xc9n+\xfd\xfd\xaa\t\xd8x\xe5\xf8\xb1h\x98\xfbU\n\xe8\x01\xc8\x1a\xc7q\x12\xc6\xeb\x7f\xfc\xf1fH\xc8g{\xf6\x04\xf9\xfa\xaarQ\x10&amp;D"\xc4\xcfd2\xe8t_\xfc\xf9\xe7k\x1b7\xb2\x8d\x1b\x</t>
        </is>
      </c>
    </row>
    <row r="159">
      <c r="A159" s="1" t="n">
        <v>157</v>
      </c>
      <c r="B159" t="inlineStr">
        <is>
          <t>circle_size_number</t>
        </is>
      </c>
      <c r="C159" t="inlineStr">
        <is>
          <t>What is the missing number of the part denoted with a question mark?</t>
        </is>
      </c>
      <c r="D159" t="inlineStr">
        <is>
          <t>[1, 4, 3, 2]</t>
        </is>
      </c>
      <c r="E159" t="inlineStr">
        <is>
          <t>2</t>
        </is>
      </c>
      <c r="F159" t="inlineStr">
        <is>
          <t>There are 6 numbered circles with varying sizes arranged in a ring with number [1, 5, 2, 1, 5, '?'] in a clockwise order.</t>
        </is>
      </c>
      <c r="G159" t="inlineStr">
        <is>
          <t>We observe that the size of the circle is related to the number in the circle. The circle with the largest value 5 seems to be the biggest and the circle with the smallest value 1 seems to be the smallest. Thus, the pattern is that the larger the number the larger the circle.</t>
        </is>
      </c>
      <c r="H159" t="inlineStr">
        <is>
          <t>Based on the pattern that the larger the number the larger the circle, the missing number of the circle denoted with a question mark should be 2.</t>
        </is>
      </c>
      <c r="I159" t="inlineStr">
        <is>
          <t>b'\x89PNG\r\n\x1a\n\x00\x00\x00\rIHDR\x00\x00\x02\x00\x00\x00\x02\x00\x08\x02\x00\x00\x00{\x1aC\xad\x00\x00\x88EIDATx\x9c\xed\xbdg\\T\xd7\xf6\xff\x7f\xce\x99\x0e\xc3\x14`(v\xa5\x83(\xa0\xd8\x00\x8d\xbd+jl\x89%1\x89\x85X\xa2I\x8c\xa6\xc7k\xae7Fc,QcL\xa2\x89!\xa2\xb1`\x8f\x05\x0b\x8a\x08\xd2T\x8a\r{\xa1\x0c3\x0cL?\xe5\xff`\x7f\x9d??\x93\x18\xcb0s\xce\xccz?\xb8\xaf\\\x84as\xce^\xeb\xb3\xf6\xdak\xaf\x8d3\x0c\x83\x01\x00\x00\x00\xee\x07\xe1\xec\x01\x00\x00\x00\x00\xce\x01\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01\x01\x00\x00\x00pS@\x00\x00\x00\x00\xdc\x14\x10\x00\x00\x00\x007\x05\x04\x00\x00\x00\xc0M\xe1;{\x00\x80\xf3a\x18\x06\xc30\x9a\xa6\x1b\xfe\xdf\xbf\x82\xe3\xb8\xed?\x10\x8e\x19\x1e\x00\x00\x8d\x04\xfeO\xd6\x0e\xb8*L\x03\x90\x1f\'\x88\xe7\\\x08\xd24\x8dd\x03}\x08H\x02\x00p\x0b\x10\x00\xb7\x80a\x18\x9a\xa6\x91\xc7\xe7\xf1x\x8f\xfdkMM\x8d\xc5b\xc9\xcb\xcb\xa3(\x8a$\xc93g\xce\x90$\xf9\xd7O\xe8\xd0\xa1\x83R\xa9d\x18\xa6m\xdb\xb62\x99L\xa5R=\xf6=H\x0f@\x0c\x00\x80+\x80\x00\xb82\xc8\xe9c\x18\xd6\xd0\xe9\xd7\xd5\xd5]\xbdz\xf5\xc2\x85\x0b\x05\x05\x05\xa5\xa5\xa5\xb5\xb5\xb5\xd5\xd5\xd5\x0c\xc3(\x14\n$\x0fm\xdb\xb6\xe5\xf3\xf9\r\'\x06\xc30&lt;\x1e\xaf\xac\xac\xac\xae\xae\x8e\xc7\xe3\xd5\xd6\xd6\x92$\xa9P(&lt;&lt;&lt;\xda\xb7o\x1f\x12\x12\x12\x13\x13\x13\x1d\x1d\xed\xe3\xe3\xd3\xf0W\xd34M\x10\xc4s//\x00\x00hl@\x00\\\x10\x14\xef7\xcc\xed\xe8\xf5\xfa\xdc\xdc\xdc\x13\'Ndee\xdd\xb9s\x87\xc7\xe3\xf9\xfb\xfb\x07\x07\x07GGG\xfb\xfb\xfb\xb7m\xdbV$\x125k\xd6\x0c\xe9\xc4_\x97\x08\x08[\x80\x7f\xff\xfe}\x8b\xc5RZZZUU\x95\x9f\x9f\x7f\xeb\xd6\xad[\xb7n\xe9\xf5z??\xbf\xf8\xf8\xf8^\xbdzu\xeb\xd6\xcd\xb6&gt;@\x83\x815\x01\x00\xb0\x10\x10\x00\x97\x02\xf9h&gt;\xff\xff\xf6\xf6o\xdd\xbau\xe2\xc4\x89\xbd{\xf7\xe6\xe7\xe7\xcb\xe5\xf2\xc8\xc8\xc8\xc4\xc4\xc4\xae]\xbb6o\xde\xdc\x16\xad\xd34m4\x1a\x19\x861\x9b\xcd\xb6\xaf\xfc\xed\x87\xdb6~\x05\x02\x01A\x10b\xb1\x98\xc7\xe3\xa1\xaf\xd4\xd7\xd7\xdf\xbbw\xef\xfc\xf9\xf3\'O\x9e,,,\xac\xa8\xa8\x08\n\n\x1a6l\xd8K/\xbd\x14\x13\x13\x83~\x9c\xa2(\xec\x9f\xd5\x05\x00\x00\xc7\x03\x02\xe0"P\x14e\x0b\xf9u:\xdd\xbe}\xfb6l\xd8p\xe5\xca\x95\xe0\xe0\xe0A\x83\x06u\xef\xde=&amp;&amp;\xc6\xc3\xc3\x03\xc30\x83\xc1`\xb1XH\x92D[\x02\x18\x86\xa1\x9fz\xfa\x08\x1d\xcd\x99\x86;\xc9&lt;\x1eO(\x14zxx\xe08N\x92dii\xe9\x993g\x0e\x1e&lt;XPP\xa0T*\'N\x9c8z\xf4\xe8\x96-[b\xb0 \x00\x006\x01\x02\xc0y(\x8a\xb2\xf9\xd3\x82\x82\x82u\xeb\xd6\xfd\xf9\xe7\x9f\x81\x81\x81\xa3F\x8d\x1a&lt;xpxx8A\x10&amp;\x93\xc9`0\xd8D\xa21\x9c\xafm\x9f\x99 \x08\x89D\x82\xc4\xe6\xee\xdd\xbbG\x8e\x1c\xf9\xe3\x8f?\n\x0b\x0b\xe3\xe3\xe3\xa7L\x992l\xd8\xb0\xbf\x0e\x1b\x00\x00\xa7\x00\x02\xc0a\x1a\xfa\xd0={\xf6\xac\\\xb9\xf2\xc6\x8d\x1b\x03\x06\x0c\x984iRll\xacH$\xd2\xeb\xf5(\xbd\xe3\xe0\xcdX$\x06\x18\x86\t\x85B\x99L\x86aXii\xe9\xce\x9d;\x7f\xfd\xf5W//\xafI\x93&amp;M\x9b6M(\x14b \x03\x00\xe0T@\x008\t\xda\x8cE~s\xf7\xee\xdd+W\xae|\xf0\xe0\xc1\x94)S&amp;L\x98\xd0\xa4I\x13\xb3\xd9\\__O\xd3\xb4-G\xef,lJ \x91H&lt;==\xeb\xea\xea\x0e\x1c8\xb0b\xc5\n\xa3\xd18e\xca\x94\xe9\xd3\xa7\x8bD"\x0c\xc3(\x8a\x82\xbd\x01\x00p&lt; \x00\x1c\x03\xb9T\xe4.\xf7\xee\xdd\xfb\xcd7\xdfP\x14\x95\x92\x922x\xf0`///\x9dNg6\x9bYX|\xc90\x0cEQ|&gt;_.\x97S\x14\x95\x95\x95\xf5\xed\xb7\xdf\xde\xb8q\xe3\x8d7\xde\x981c\x06\x9f\xcfG:\xc1\xb6a\x03\x80k\x03\x02\xc0%l\x91raa\xe1\xcc\x993\x1f&gt;|\xf8\xd9g\x9f\x8d\x1f?\x9e \x08T\x9b\xef\xf4\x90\xff_A\xfb\x10^^^B\xa1033s\xfe\xfc\xf9j\xb5\xfa\xab\xaf\xbe\x1a1b\x04\x86a$I\xdaJ\x98\x80g\xc5f\xcb\xffT\xc7e\xd3W\x96O\x12\xc0a\x80\x00p\x03ToC\x10\x84N\xa7\x9b3g\xce\x91#G\xdey\xe7\x9d7\xdf|S.\x97\xd7\xd4\xd4\xa0\x83Z\xce\x1e\xe33\x80\xcaU\xe5r9A\x10\xe9\xe9\xe9\x8b\x16-\xf2\xf4\xf4\xfc\xe9\xa7\x9f\xc2\xc3\xc3\xd1\xbf\xc2R\xe0i@\xbb\xee\xc8\x84\x9fi\xd9g\xfbA\xbc\x01\x8d9R\x80\xa5\x80\x00p\x00[\xe0\xbfk\xd7\xae9s\xe6$%%-Y\xb2\xa4E\x8b\x16Z\xad\x16E\xfd\xce\x1e\xe0s\x82\x02U\xa5Ri0\x18\x96-[\xb6q\xe3\xc6\x193f,\\\xb8\x90 \x08X\n\xfc\x13\xb6\xe3x\x7f}\xef\x14E\xd5\xd4\xd4\xe08^\\\\\xac\xd5j\x1f\xf3\xe9|&gt;?..\x8e\xc7\xe3I$\x12\xa9T\xfa\xd7\x9fE\x11\x06\x88\x81[\x01\x02\xc0v\x90+\xd4\xe9tS\xa6L)++[\xbcxqrrr}}\xbd\xd1ht\r\x17\x89\xe4M\xa9T\x16\x16\x16\xbe\xf7\xde{\x95\x95\x95\xdb\xb6m\x0b\x0f\x0f\x87\x02\xa1\x86 \xbf\xffX\x8a\xaf\xbc\xbc\xfc\xd2\xa5K\xf9\xf9\xf97o\xde\xbc|\xf9r}}\xbd\xc1`\xa0i\xda\xcb\xcbK$\x12\xa1l\x1b\x86a(\xd2g\x18F\xab\xd5b\x18&amp;\x14\n\x15\nE\xd3\xa6M[\xb7n\xdd\xb5k\xd7\xe0\xe0\xe0\xa8\xa8\xa8\x86s\x89$Ih\xe8\xe4&amp;\x80\x00\xb0\x17\xdb~\xef\x89\x13\'&amp;N\x9c8l\xd8\xb0\xaf\xbe\xfa\xca\xc3\xc3C\xadV\xb3?\xd7\xff\xac\x90$)\x95J%\x12\xc9\xbau\xeb\xbe\xf8\xe2\x8b\x85\x0b\x17\xce\x993\x07s\xfb\x02!\xdb\xe6\xb9\xed+\xd7\xae]\xdb\xbf\x7f\xff\xc9\x93\'o\xdd\xbaU]]\xed\xed\xed\x1d\x1e\x1e\xde\xaaU\xab\xe8\xe8\xe8\xc0\xc0\xc0V\xadZY\xad\xd6&amp;M\x9axxx4\xdc\t\xc0q\x9c\xa2\xa8;w\xee\xe08^SSs\xed\xda\xb5\xf2\xf2\xf2k\xd7\xae\x95\x96\x96&gt;|\xf8\xd0\xcb\xcb\xcb\xdf\xdf?11q\xe8\xd0\xa1111\xb6T\x12I\x92,,(\x00\xec\x08\x08\x00K\xb19\xbeE\x8b\x16\xad^\xbdz\xcd\x9a5c\xc7\x8e\xd5h4.\x9c\x1bAA\xaeJ\xa5*,,\x1c?~|TT\xd4\xe6\xcd\x9b===]\xf8O~\x02(Mo\x13\xbf\xfc\xfc\xfc\x1d;v\xec\xdf\xbf\xbf\xbe\xbe\xbey\xf3\xe6]\xbatILL\x8c\x8a\x8aj\xd2\xa4\t:Q\xc10\x8c\xd5j5\x9b\xcd8\x8e[\xad\xd6\xbf\xdd\x07FE\xb7&lt;\x1eO$\x12!\xb7NQTUU\xd5\xd5\xabW\xcf\x9e={\xe6\xcc\x99\xeb\xd7\xaf[,\x96\xee\xdd\xbb\x8f\x1d;\xb6g\xcf\x9e\xe8\xb1\xdb\xce\xf7\xb9X\xcc\x01` \x00\xec\x04\xb9\xbc\xda\xda\xda\x97_~Y\xadVo\xdf\xbe=((\xa8\xb2\xb2\x92\xcf\xe7\xbb\xbc\x11Z\xadVT*\xfa\xe6\x9bo\xe6\xe6\xe6\xa6\xa6\xa6\xc6\xc7\xc7\xbb\x95\x064\xcc}=x\xf0`\xed\xda\xb5\x07\x0f\x1e4\x99L\x1d:t\x188p`\xd7\xae]QS\r\x92$\x8dF\xa3\xc5b\xb1]\xc9`K\xdf\xff\xd3$i\xd8\xc3\x03\xfd\x07A\x10\x02\x81@$\x12!mP\xab\xd5\xb9\xb9\xb9G\x8f\x1e=q\xe2\x84\xc9d\xea\xd2\xa5KJJJ\\\\\xdc_\x07\x06\xb8\x06 \x00\xac\x039\xbb\xd2\xd2\xd2\xe4\xe4\xe4\x1e=z\xac[\xb7\xcel6\xeb\xf5z\xb7\xf2\x80hW`\xdd\xbau\x9f~\xfa\xe9\x86\r\x1bF\x8c\x18a\xb5Z\x05\x02\x81\xb3\x87\xd6\xb84&lt;\x0c\x91\x93\x93\xb3l\xd9\xb2\xfc\xfc\xfc\x90\x90\x90\xc9\x93\'\x0f\x180@\xa1P\xd04\xad\xd7\xeb\xcdf\xb3\x1d7lm=\x9d0\x0c\xe3\xf3\xf9\x9e\x9e\x9e\x02\x81\xc0d2\x9d={v\xd3\xa6M\x99\x99\x99\xad[\xb7\x9e9sfrr2\xfa]n\x9e\x94s1@\x00\xd8\x05\xf2\xfeYYYC\x87\x0e]\xb8p\xe1{\xef\xbd\xa7V\xab1\xf7;!\xc50\x0cI\x92~~~\xc7\x8f\x1f\x1f=z\xf4G\x1f}4w\xee\\\x17\x8e@\x1f;\xdf\xb7d\xc9\x92\xba\xba\xba\xc1\x83\x07O\x980\xa1m\xdb\xb64M\xebt:\xab\xd5\xea\x80\xbdY\xdbn\xb3T*\x15\n\x85\xf7\xee\xdd\xdb\xb6m\xdb\xae]\xbb\xaa\xaa\xaaRRR\xe0\xd4\x9e\x8b\x01\x02\xc0"\x90\xf7\xff\xe5\x97_\xe6\xce\x9d\xbbu\xeb\xd6\xbe}\xfbVVV\xba|\xd8\xfb\x04\xacV\xab\xb7\xb7wEEE\x8f\x1e=\x86\x0e\x1d\xbab\xc5\x8a\x86=0\\\x06[L}\xea\xd4\xa9\x0f&gt;\xf8@\xadVO\x9d:u\xca\x94)\xde\xde\xde\xa8\x9b\x13\xe6\x8c6\xdaH\tD"\x91L&amp;\xb3X,\xe9\xe9\xe9\xcb\x97/\xd7h4\xf3\xe7\xcf\x7f\xe3\x8d70\xc8\x08\xb9\x04 \x00l\x01\xa58V\xae\\9\x7f\xfe\xfcC\x87\x0e\xf5\xec\xd9\xb3\xa2\xa2\x02\xed\xef\xb93$Izyyi\xb5\xda.]\xba\xc4\xc7\xc7o\xdf\xbe\xdd\x95\xfc\x8e-\x94\xbe{\xf7\xee\x9c9s\x8a\x8b\x8b\xdf|\xf3\xcd7\xdf|S\xa1Ph\xb5Z\xab\xd5\xea\xf4r/T\x86D\x10\x84R\xa9\xa4iz\xf7\xee\xdd\xdf|\xf3\r\xc30_}\xf5U\xf7\xee\xdd1\xc8\x08q\x1c\x10\x00V\x80\xbc\xff\xb2e\xcb\xd6\xacYs\xe2\xc4\x89f\xcd\x9ai4\x1a\xf7I\xfa?\x19\x8a\xa2\xd0.\xe5\xb0a\xc3&lt;&lt;&lt;v\xee\xdc\xe9\x1a\x1a`s\x9d\xff\xfd\xef\x7f\x7f\xfa\xe9\xa7A\x83\x06-X\xb0\xa0I\x93&amp;\xec\xac\xf5B\xa7\n\x94J\xa5\xc5b\xf9\xee\xbb\xef\xd6\xaf_\x9f\x98\x98\xb8j\xd5*///N\xf4 \x01\xfe\x16\x10\x00\xe7\x83\xbc\xff\xb7\xdf~\xbbb\xc5\x8a\xec\xeclooo\x9dN\xc76\xfbw.\xe8\x9a3\xb9\\&gt;`\xc0\x00//\xaf\xed\xdb\xb7s\xda\xe9\xd82\xfeeee\x93\'O&amp;Ir\xc3\x86\r\x1d:t@\xbd\xfc\xd8\xfc\xea\x91\x0c\xf8\xf8\xf8TTT\xcc\x9b7/33s\xcd\x9a5\xe8\x8e\x07h\xe0\xc1E\xe0\x859\x19\x92$\x05\x02\xc1\xbau\xeb&gt;\xfe\xf8\xe3\xec\xecl\xa5R\t\xde\xff\xaf\xa0\xe6\x10555\x87\x0e\x1d\xba}\xfb\xf6\xe8\xd1\xa3\xf9|&gt;\xbac\x92s \x1f\xca\xe3\xf1V\xadZ\xd5\xb3g\xcfA\x83\x06\x9d;w.**\xaa\xb2\xb2\x92\x85\x81\xffc\xf0x&lt;\x82 \xaa\xaa\xaa$\x12\xc9o\xbf\xfd\xb6l\xd9\xb2\x193fL\x992\x05U%\x91$\xe9\xec\x01\x02\xcf\x06\xac\x00\x9c\tJ\x02\x9c&gt;}\xba\x7f\xff\xfe\xfb\xf7\xefOLL\x84\xcc\xcf\x13\xa0iZ(\x14\x1a\x8d\xc6\xb8\xb8\xb89s\xe6\xbc\xff\xfe\xfb\x9c\xab\rEo\xbc\xbe\xbe\xfe\xb5\xd7^+))IMM\x8d\x89\x89\xe1b\xa1\x17\xda\x1b\xf0\xf5\xf5U\xab\xd5S\xa6L\xb9q\xe3\xc6\x1f\x7f\xfc\x11\x16\x16\xc6~\r\x03\x1a\xc2\xa59\xe7b _PPP0l\xd8\xb0\xf4\xf4\xf4\x97^z\t\xbc\xff\x93!\x08\xc2l6K\xa5\xd2\xf3\xe7\xcf\xaf^\xbdz\xed\xda\xb5\x02\x81\x80CQ\'J[\x9d?\x7f&gt;..N(\x14\x9e?\x7f&gt;""\xa2\xb2\xb2\x92\x8b\xed\x16p\x1c\xe7\xf3\xf9\xd5\xd5\xd5B\xa1p\xcf\x9e=\x13\'NLJJ\xfa\xe5\x97_\xb8\xbb2sO`\x05\xe0\x1c\xd0\xd1\x1b\x8dF\x13\x13\x13\xb3p\xe1\xc2\x94\x94\x14\xa8\xf9yJH\x92T*\x95\xc5\xc5\xc5\x89\x89\x89\x7f\xfe\xf9g\xb7n\xdd8\x91}F\xa1\xf1\x89\x13\'F\x8d\x1a\xb5`\xc1\x82\xf7\xdf\x7f_\xa3\xd1\xb8@\t\rZ\n\xa8T\xaa\x8c\x8c\x0ctbc\xde\xbcy\xae\xb1K\xef\x0e\x80\x008\x07\xe4\x0e:t\xe8\xd0\xb3g\xcfe\xcb\x96\xb9y\xbd\xff\xb3b\xb5Z}}}\x0f\x1c8\xf0\xca+\xaf\\\xb9r\xc5\xdf\xdf\x1f\xe5\xa0\x9d=\xae\x7f\xc4V\xe3\xbbp\xe1\xc2}\xfb\xf6\xf5\xea\xd5\xcb\xc5\x1a{\xa0\x13\x1bUUU\t\t\t\x1d;v\xdc\xb6m\x1bh\x00\'\x00\x01p\x02\xc8\xfb\xcf\x9d;\xf7\xdc\xb9sYYYj\xb5\x9a\xcd\xce\x8b\x9dX\xadV??\xbf\x05\x0b\x16\x1c9r$//\x8f\xcd\xa9g\xe4\xfd\x97/_\xbej\xd5\xaa}\xfb\xf6EFF\xaa\xd5j\xd7\xd3{\x92$===\xcdf\xf3\xb8q\xe3\xa4R\xe9\x8e\x1d;@\x03\xd8\x0f\x08\x80\xa3A\xab\xfe}\xfb\xf6M\x9a4\xa9\xb8\xb8X*\x95Z,\x16\x10\x80\xe7\x80\xa6ioo\xef\x84\x84\x84\xce\x9d;\xafX\xb1\x82\x9d\x1a`;\xe1\xb1z\xf5\xea\xec\xecl\x95J\xe5\xc2;=\x14E\t\x85B\x99L6p\xe0@\x89D\xe22\'6\\\x18\x10\x00\x87\x82:\x19TUU\x85\x84\x84l\xdd\xba\xb5_\xbf~555\xae\xea\x0e\x1a\x1bT\x14T__\x1f\x15\x15\xf5\xeb\xaf\xbf\x0e\x1e&lt;\x98m)u\xa4I6\xef\xafP(\xea\xeb\xeb]\xfbu\xa3\xfd\x18\xa5Ri\xd3\x00\x97\xec\xde\xe12@\xe0\xe9P\xd0\xd1\xffW_}u\xda\xb4i\x03\x07\x0eT\xab\xd5\xae\xed\x0e\x1a\x15\x82 L&amp;\x93\xbf\xbf\xff/\xbf\xfc2}\xfa\xf4\xca\xcaJ\xac\xc1\xc5\xe8N\x07y\xff\x95+W\xaeY\xb3\xc6M\xbc?\x86a\x04A\xd04\xad\xd1h\x0e\x1e&lt;h4\x1a\xc7\x8e\x1d\x8b\xce\x07\xb0\xe7\xbd\x00\r\x81\x15\x80\xe3@\x1ea\xed\xda\xb5k\xd6\xac\xb9t\xe9\x92F\xa3\x81\xcc\xcf\x8b\x836\x03\xde|\xf3M\xb5Z\xbdk\xd7.\x96$\x82\xd00\xf6\xed\xdb7l\xd8\xb0\xf2\xf2\xf2\xc0\xc0@\xb7:\xdfg[\x07\x84\x86\x86\x0e\x1c8p\xe5\xca\x95\x9c;\xb1\xe1&amp;\x80\x008\x08\xb4\x10\xae\xac\xac\x8c\x88\x888p\xe0@lll]]\x1d\xab\xf2\x15\x1c\x05]x\xcb\xe7\xf3\xc3\xc3\xc3\xbf\xff\xfe\xfb!C\x868=\x11\x84\xdc_vv\xf6\x90!C\xb6m\xdb\x96\x94\x94\xa4\xd5j\xdd\xc7\xfb#h\x9a\x16\x08\x04z\xbd&gt;!!a\xce\x9c9s\xe6\xccq\xfa{\x01\xfe\n\x08\x80\x83@\xb3\x7f\xc0\x80\x01-[\xb6\xfc\xfe\xfb\xef\xab\xaa\xaa\xdc\xcd#4\x1e\x14E)\x95\xcam\xdb\xb6\xbd\xfb\xee\xbb\xa5\xa5\xa5R\xa9\xd4\x89\x1b\x8f\xe8\x84Gmmmpp\xf0\xe2\xc5\x8bg\xcc\x98\xe1\xb65\xbe$I*\x14\x8a\xd2\xd2\xd2\xb8\xb8\xb8\x93\'O&amp;$$\x80\x06\xb0\r\x10\x00G\x80\xe6\xfd\x9f\x7f\xfe9q\xe2\xc4\xeb\xd7\xafS\x14\x85\x16\x04\xce\x1e\x97\xeb@\x92\xa4J\xa5\xea\xdb\xb7o\xdb\xb6m\x9d[\x11\x84~u\xaf^\xbdBBB\xbe\xff\xfe{7?\xdf\x87\x12tiii3g\xce\xbcr\xe5\x8a\\.\x87\raV\x01\x02\xd0\xe8\xa0\x90\x90$It\xe8\xf7\xd5W_\xad\xa9\xa9\x818\xc8\xbe0\x0c\x83\xae\xaf\xea\xd1\xa3\xc7\x89\x13\'BCC1gt\xd7AJ\xbfx\xf1\xe2\xad[\xb7\x16\x16\x16\xd6\xd6\xd6\xc26\x0f\xd2\x80\xa9S\xa7^\xbf~\xfd\xd8\xb1c,\xd9\xa4\x01\x10 \x00\x8d\x0er\nk\xd6\xac\xf9\xee\xbb\xef\x8a\x8b\x8ba\xef\xb7\x91\xb0\xed\x06?|\xf8p\xdf\xbe}\x8e\xcf6\xa0\xd4\x7fNNN\xaf^\xbd\x8a\x8a\x8a\x02\x02\x02L&amp;\x13\xbck\x0c\xc3h\x9aV(\x14\xd1\xd1\xd1\x93\'O\xfe\xe0\x83\x0f \x11\xc4\x1e@\x00\x1a\x17\x14\xfe\x9b\xcd\xe6\xf6\xed\xdb\xaf\\\xb9\xb2w\xef\xde:\x9d\x0ef\x7fc\xc00\x0c\x9f\xcf\xaf\xaf\xaf\xef\xd6\xad\xdb\x9e={\xa2\xa3\xa3\x1d\xd9\x1f\x02\xb5\xf8g\x18&amp;,,l\xee\xdc\xb93g\xce\x84m\x1e\x1b\x14EI\xa5\xd2\xd2\xd2\xd2\xa4\xa4\xa4\xfc\xfc\xfc\xd0\xd0PN\xb4or\x07\xe0\x1d4.h\xa2o\xd8\xb0!((h\xe0\xc0\x81\xb5\xb5\xb5\xe0\xfd\x1b\t\x1c\xc7\xcdfs\x93&amp;M\xa6N\x9d\xfa\xe9\xa7\x9f\xe2\xb8C\x83\x1bt\xc1\xcb\xfc\xf9\xf3\x9b6m:s\xe6\xcc\xea\xeaj\xf0\xfe6x&lt;\x9eN\xa7\x8b\x8d\x8d\x9d;w\xee\xf8\xf1\xe3QT\xe4\xecA\x01\x18\x06+\x80F\xc5\x16\xfew\xe8\xd0a\xfd\xfa\xf5\x9d:u\xd2\xeb\xf5\x10\xf84*8\x8eS\x14\x95\x90\x90\x90\x96\x96\xd6\xae];\xc7,\x02\xd0\x96~IIIbb\xe2\xf9\xf3\xe7\xfd\xfd\xfd\xcdf3\xbc\xe8\xc7@\x89\xa0\x98\x98\x98\x193f\xa4\xa4\xa4@"\x88\r\xc0\x1cmDP\xf8\xff\xc3\x0f?H\xa5\xd2\xee\xdd\xbb\xd7\xd7\xd7\x83Shl\xacV\xab\x8f\x8f\xcf\xa0A\x83&gt;\xfe\xf8c\x87-\x02\xd0Y\x84\xd7^{\xed\x83\x0f&gt;\x08\n\n2\x18\x0c\xf0\xa2\xff\n*\x85\xd8\xb0a\xc3\'\x9f|R]]\xed\xe0%\x1a\xf0\xb7\xc04mD\x08\x82\xa0(j\xe5\xca\x95s\xe7\xce\xe5\xd0\xbd%\x9c\x06\xdd\xb7\x95\x92\x92r\xf6\xec\xd9+W\xae\xf0x&lt;\xd4~\xa3\xf1@\x91lzz\xbaF\xa3III\xd1h4\xeeY\xf5\xff\xaf\xa0DP\xd7\xae]{\xf4\xe8\xf1\xc5\x17_\xa0\xa6\x11\xce\x1e\x94\xbb\x03\x02\xd0X\xa0\xab_\xf7\xef\xdf/\x14\nG\x8d\x1a\x05{\xbf\x8e\x01\xc7q\xa3\xd1\x18\x1c\x1c\xdc\xbf\x7f\xffU\xabVa\x8d\xdc\x1d\x08\xc5\xfe\x16\x8be\xe6\xcc\x99\xff\xfd\xef\x7f\xa5R)(\xfd\x13@\xf2\xbcb\xc5\x8a_\x7f\xfd\xb5\xb8\xb8\x184\xc0\xe9\x80\x004.\xcb\x96-\x9b0a\x82P(\x84{\xf2\x1c\x06j\x127}\xfa\xf4]\xbbv\xd5\xd5\xd5\x11\x04\xd1x\x1a`\xcb\xf2)\x14\x8a\x91#G\xbap\xabg\xbb\x80\xe4\xb9e\xcb\x96c\xc7\x8e\xfd\xf0\xc3\x0f!\x0b\xe4t@\x00\x1a\x05T\x13RRRr\xed\xda\xb5)S\xa6@\xf8\xefH\x08\x82\xa8\xaf\xafOJJj\xde\xbc\xf9\x96-[\xd0\xb6pc\xfc"\xb4\xc3l4\x1a\xff\xf7\xbf\xff9r\xcb\x81\xd3\xa0E\xc0\x82\x05\x0bN\x9d:u\xe1\xc2\x05X\x048\x17\x10\x80F\x01\xcd\xe9\xd4\xd4\xd4\xb8\xb8\xb8\xc0\xc0@\xb3\xd9\x0c\xc7\xdf\x1d\x0c\xc30#G\x8e\xfc\xfd\xf7\xdf\xb1F;\x12\x8c\x8a\x7f\xf6\xee\xdd\xeb\xeb\xeb;r\xe4H\xadV\x0b2\xff\xaf\xa0E@\xeb\xd6\xad_~\xf9\xe5U\xabV\xe18\x0e\x02\xe0D@\x00\x1a\x05\x1e\x8fg\xb5Z\xb7m\xdb6u\xeaT\x92$\xc1\xfb;\x18\xb4\x08x\xf5\xd5W\xcb\xcb\xcbKJJ\x1a)\xccD\xafu\xf9\xf2\xe5o\xbf\xfd6\x9f\xcf\x07G\xf6\x94\xf0x&lt;\xbd^?w\xee\xdc?\xff\xfc\xb3\xa2\xa2\x82\xc7\xe3\xc1\xca\xc9Y\x80\x00\xd8\x1f\xb4\xfd\x9b\x99\x99i4\x1aQ\xf5\'\x04\x86\x0e\x06\xc7q\x93\xc9\xd4\xb4iStY\x18\xf6hMfGP\xf6\xbf\xa0\xa0\xe0\xc1\x83\x07\xc3\x87\x0fw\xabv\xff/\x08Z\x04DDD\x84\x84\x84\xfc\xfa\xeb\xaf\x8d\x97\xa3\x03\xfe\x15\x10\x00\xfb\x83\xc2\x99\xf4\xf4\xf4\xee\xdd\xbb+\x14\n\xab\xd5\xea\xec\x11\xb9#(#\xff\xf2\xcb/\x1f=z\x14k\x84,\x10z\xcb\x8b\x17/\x1e8p\xa0J\xa5\xb2X,\xf6\xfd|\x97\x87\xa2\xa8\xa9S\xa7~\xf7\xddw\x16\x8b\x05"$g\x01\x02`\x7fP\xc2\xe1\xec\xd9\xb3/\xbf\xfc2\xe4\x7f\x9c\x05\xca\x02\xf5\xef\xdf\xbf\xb6\xb6\xf6\xf6\xed\xdb\xf6\xad\x05b\x18\x86\xc7\xe3\xd5\xd6\xd6fggO\x992\x05\x9a\xbe=+&lt;\x1e\xaf\xae\xaen\xd0\xa0A8\x8egee\xc1"\xc0Y\xc0\xac\xb53(3PRRr\xf7\xee\xdd\xae]\xbbr\xe5P(\xf3\xec8{\xc8\xff\x02j\r\xd4\xbcys\x95J\x95\x9e\x9e\x8ea\x98\x1d]\x0cJ(\x1d8p\xa0U\xabV\x1d;vd\xcf\x19o\xd4\x93\x8e\xa2(\xf2\xff\x055\xaas\xf6\xe8\xfe\x1fH\x92\x94\xc9d\xc3\x87\x0f\xdf\xb2e\x0b\xc6\xa6\xcb\x9c\xdd\n\xc8Z\xda\x19$\x00G\x8f\x1em\xdf\xbe\xbd\xbf\xbf\xbfZ\xadf\xff\xf2\x16]\xa9\xf8L?\xc20\x0c\xfbC6tJk\xc0\x80\x01\x19\x19\x19\xb3f\xcd\xb2\xfbRl\xfb\xf6\xed\x83\x06\rb\xc3\x1e&amp;\xf2\xfb\x18\x86\t\x04\x02\xb1X,\x10\x08\x90 \xa1\'\xc00\x8c\xd5j5\x1a\x8d(\xd9\xc2\x92%)A\x10f\xb3999y\xc6\x8c\x19f\xb3\xd9\x9d\xaf\xcdq" \x00v\x06Y\xd7\xc9\x93\'\x13\x13\x139Q\x18\x8e\xe38I\x92Z\xad\xf6\x99~\x8a \x08//\xaf\xc6\x19\x91\xdd \x08\xc2b\xb1t\xef\xde=55\xd5\x8e.\x06\xe5\x7fjjj\xf2\xf2\xf2&gt;\xfd\xf4S\xa3\xd1\xe8t\x8d\'\x08B&amp;\x93\x11\x04QQQQPPp\xe5\xca\x95\xbbw\xef\xd6\xd5\xd5\x91$\xe9\xe1\xe1\xd1\xa4I\x93\x88\x88\x88v\xed\xda\xf9\xfb\xfb\xd7\xd5\xd5\xb1$\xe7N\x10\x84^\xaf\xef\xd4\xa9\x13\x86a\x99\x99\x99}\xfa\xf4\x81\xf6p\x8e\x07\x04\xc0\xce\xa0\xb8\xa6\xac\xac\xec\x9dw\xde\xb1X,,\xc9\x0c\xfc\x13\x14E)\x14\x8a={\xf6L\x992\xe5)m\x0f\xedp\xb4j\xd5\xea\xd0\xa1C\x02\x81\x80\xcdw[\x12\x04a0\x18\xa2\xa3\xa3)\x8a*++k\xdf\xbe\xbd]\xda\xd0\xa3S~g\xcf\x9e\x95J\xa5aaaF\xa3\xd1\x89O\x00\x1dF\xa3(j\xef\xde\xbd\xbbv\xed:}\xfa\xf4\x8d\x1b7\xfe\xf6;\x83\x83\x83G\x8f\x1e\xfd\xf6\xdbo\xabT*\x96\x9cL\xa4(J"\x91\xc4\xc6\xc6\xee\xdb\xb7\xafO\x9f&gt;\xec\x8f\x96\\\x0f\x10\x00{\x82\xfcKii)M\xd3\xd1\xd1\xd1\xec\xdf\x00@\xc1\xec\xfd\xfb\xf7kkk\x9f\xe9\x07\xd9\xe0&gt;\x9e\x06\x92$}}}CBB222\xec%\x00\xc8O\xed\xde\xbd;))I"\x91\xd4\xd7\xd7;\xab\x00\x14\xbd&gt;\x93\xc9\x94\x9c\x9c\x9c\x9d\x9d\x8d\xbe\xc8\xe7\xf3\xdb\xb4i\xd3\xacY3\x85BA\x10\x84N\xa7\xbby\xf3\xe6\x95+W\xae]\xbb\xb6d\xc9\x92\xed\xdb\xb7\xff\xf8\xe3\x8f]\xbbve\xc3\xd5\x14\xe8\x14\xd8\x90!C\x96.]\nW\xc48\x05\x10\x00{\x82\\C~~~``\xa0R\xa9\xe4\xca\x06@MM\r\x8e\xe3\xad[\xb7\xfe\xf2\xcb/\x9f\xe6\xfb\x19\x86\xf1\xf4\xf4D\xb9o\xd6\x86\xff\x08\xf4F\xa2\xa3\xa3\xf3\xf3\xf3\xed\xf5\x99&lt;\x1e\x8f\xa2\xa8\xd3\xa7O\x7f\xf2\xc9\'\xce]\x00\xe18\x8e\xda_\xabT*\x0c\xc3\xfa\xf4\xe93d\xc8\x90\xc4\xc4\xc4\x96-[zyy\xa1\xb9G\xd3\xb4N\xa7+))\xd9\xb0aCjj\xea\xb5k\xd7\x86\r\x1bv\xf4\xe8\xd1\xa8\xa8(\xa7\x07(h\x89\x16\x1f\x1f\xff\xe0\xc1\x83[\xb7n\xb5n\xdd\x1ad\xc0\xc1\x80\x00\xd8\x13\xe4nrss\xdb\xb6m\x8bq\xa7\xb0A\xadV3\x0c\xd3\xacY\xb3q\xe3\xc6Y\xad\xd6\xa7\xb1@\x9a\xa6\xeb\xeb\xeb\x1d0\xb6\x17\x04\xc5\x98qqq\xc7\x8e\x1d\xb3W\xf8\x8f\xe3xUU\x95\xd1h\x8c\x8f\x8fw\xba\x0fE\x1a\xf0\xd9g\x9fM\x9b6\xado\xdf\xbe\x02\x81\xc0d2\x99\xcd\xe6\xfa\xfaz4\xfd\xd0\x0e\x7f\xa7N\x9d\xbaw\xef\xde\xb3g\xcf\xb7\xdf~\xbb\xb6\xb6v\xd6\xacY\xc7\x8e\x1ds\xbax\xa3J\xad\x96-[6k\xd6,??\xbfu\xeb\xd6\\1\x19\x97\x01\x04\xc0\x9e _P\\\\&lt;q\xe2D\x1c\xc7\x9dn`\xff\n\xaa\xbf\xae\xae\xae\xc60L\xa1P\x98\xcd\xe6\xa7oh\xc3\xfe\xc5\r\x86a\xa8Y[dd\xa4Z\xad\xae\xab\xab\x93\xcb\xe5/\xb8jA\x1b\x00\xe7\xce\x9dS*\x95-[\xb6D\xddF\xed8\xe0g\x05\xfd\x81\xe1\xe1\xe1\xd1\xd1\xd1uuuH\xe4p\x1co8*\xa4\xd6:\x9d\xee\x8d7\xde\xb8y\xf3\xe6\xe2\xc5\x8b\xb3\xb3\xb3\x8f\x1e=\xca\x86;Ji\x9a\x16\x08\x04\xd1\xd1\xd1\xa7N\x9d\x1a5j\x14\x08\x80\x83\x81\xd5\x96\xdd@\x9eE\xaf\xd7\xd7\xd4\xd4\x84\x86\x86r\xa2\x01\\C\x01\xf0\xf5\xf5\x15\x08\x04\xbc\xa7\xc6\xd9c\x7f*P\x80\x1c\x10\x10 \x16\x8b\xaf_\xbf\x8e\xbd\xf0\xb2\x0c\xfdxVVV\xeb\xd6\xad\x85B!\x1b\xfa\xff\xa0\xbe\x17:\x9d\x8e \x08&gt;\x9f\x8f\x04\xe0\xb1o@\xafL\xa7\xd3M\x9d:\xd5\xdf\xdf\x1f\xc7\xf1\xc3\x87\x0f\x0b\x04\x02\xa7;\\4\xd4\x98\x98\x98\xf3\xe7\xcfc\x8d\xd6\xb6\x0f\xf8\'\xe0q\xdb\x13\xd4\xe4\xa4\xae\xae\xaeY\xb3f\x16\x8b\x85\x13\x02`6\x9b5\x1a\r\x86a&gt;&gt;&gt;\x8d\xda:\xdfYP\x14\xe5\xed\xed-\x16\x8b\xef\xdc\xb9\x83\xbd\xb0\x00\xa0wz\xed\xda\xb5\x8e\x1d;\xdag|\xf6\x80 \x88\x7f\x95dT\x14\xeb\xef\xef\x1f\x1b\x1b\xcb0LYY\x19\x1b\xaa\xd4\xd0u:\xb1\xb1\xb1\xb5\xb5\xb5\x06\x83\x81\xfd&amp;\xe3b\x80\x00\xd8\r\xe4Y.]\xba\xa4P(\xfc\xfc\xfc\xd8\xdf\x04\xc2\xd6\xce\x1e\x1d\x02\xf0\xf1\xf1q=\xef\x8f=z/\xa1\xa1\xa1\x85\x85\x85\x98=\x04\x80\xa6\xe9\x9b7o\x86\x86\x86\xb2\xb9\x04\xf6\x9f\xe0\xf3\xf9M\x9a4\xc10L\xab\xd5\xb2\xa1\x83\x85m\x1b@\xaf\xd7k4\x1aN\x1c\x9dq%@\x00\xec\x06\x9a\xb8\xa8\xc2\xda\xd3\xd3\x93\r\xc9\x81\x7f\x85\xc7\xe3\x19\x0c\x06\xb4\x02\xf0\xf5\xf5e\x7fU\xcfs\x80t\xce\xcb\xcbK\xadV\xdb\xe5\xa3jkk5\x1aMDD\x84\xd1ht\xba\x03}\x0eX5f[\x8eN.\x97\x17\x17\x17c\x8d\xd0\xb7\x15x\x02,\x9a\n\\\x07\t@AAAhh(\'\x02\x19TE\xae\xd3\xe9\xf4z=\x86a&gt;&gt;&gt;.i{\xe8]\xb4k\xd7\xee\xf2\xe5\xcb\xd8\x8b\xb9?\xf4NQu\xaf\\.g\x7f3\x8c\xbfB\xd3tMM\r\x86a^^^,\xd9\xc3@\xfb\xc0\n\x85\xe2\xfe\xfd\xfb\xce\x1e\x8b\xdb\x01\x02`g*++\x15\n\x05\'\x04\x00\xc30\x1e\x8f\x87R\x01\x18\x86)\x14\nt\x93\x81\xb3\x07\xd5(\xa8T*\xe4\xf8^\x04\xf4N/\\\xb8\xa0P(\x02\x03\x03\xadV+\xb7\x1e\x17\xea\xc1YZZ\x8a\xe3xpp\xb0H$b\x83\x00\xa0uUxxxnn.\xc6\x9d\xe2i\xd7\x00\x04\xc0\xce\x88D"\xae\xb4\x86G+\x00\x8dF\xc30\x8cX,F\x02\xe0\xecA5\n(\xd1,\x10\x08\xec\xf2i\x1e\x1e\x1e\x16\x8b\x85\r\xae\xf3\x99 IR*\x95\x9e={\xf6\xf2\xe5\xcb\x0c\xc3\xbc\xf4\xd2K\xac\xda\xc30\x99L\x12\x89\xc4\xd9\xa3p;@\x00\xec\x06\xb2\xa5K\x97.\xc5\xc5\xc5q%\x99N\x10\x04\xca\x8c{zzzyyY,\x16\xea\x11\xf4#Poa\x8a\xa28\x1a\x9a\xa1\xd2\xac\xb6m\xdb\xaa\xd5j\xadV\xfb\xe2\x8b\xb3\xcb\x97/7o\xde\x9c\rM@\x9f\x1et|\x81$\xc9/\xbf\xfc\x92\xa6\xe9\xb0\xb0\xb0\x01\x03\x06\xd4\xd5\xd5\xb1\xa1\x9c\x17\xbd\x91\xe0\xe0\xe0\x9b7ob\x8f\xec\x08p\x0cp\x10\xccn\xa0\x89\xab\xd1h|||\x9c=\x96\xa7\x02-\xbd\xd1!\x00\xb9\\\xee\xed\xed-\x97\xcb\xb1G\xad\x9em\xde\r\x95\x90S\x14e0\x18\xd0\xe1\x06V\xed"\xfe+\xa8\xdd\xa9R\xa94\x9b\xcd\xa86\xf7\xb9\x1d7\xfaA$\x00\x1c*\x99E\x91\xbe\xb7\xb7wJJJVV\x16\x86a_|\xf1\x85\\.g\xd5-\xf6!!!\xbbw\xef\xc6@\x00\x1c\x0b\x08\x80\x9d\xe1\xf3\xf9$I:{\x14\xcf\x00j\x04$\x97\xcb\xef\xdf\xbf\x7f\xec\xd8\xb1\xb2\xb2\xb2\xdb\xb7oWVV\xea\xf5z\x8a\xa2\x84B\xa1\x8f\x8fO\xcb\x96-\xdb\xb5k\xd7\xa9S\xa7\x96-[Z,\x16\'\xb6?{&gt;\x90\x06\xd8\xebl\xb6P(\xe4D\x1b\x0c\x04z\x89b\xb1x\xe6\xcc\x99\xeb\xd6\xad\xc30l\xde\xbcy/\xbf\xfc\xb2F\xa3a\x8f\xf7\xc70\xccb\xb1\xd8+G\x07&lt;=\\2cN\xc0\x95\xe4\x0f\xf6\xa8\xa4\xbd\xbc\xbc\x9ca\x98+W\xae\xc4\xc4\xc4&lt;Y\xba\xfc\xfd\xfd\x07\x0e\x1c\xf8\xf6\xdbo\xc7\xc5\xc5\xa1\x92m\xae\xfc\xa5\x98]\xe3J\x0e\xbdbt\xebVmm\xed\xe4\xc9\x93Q|=s\xe6\xcc\xff\xfd\xef\x7fN\xef\x00\xf1W\xb8R7\xe1b\x80\x00\xb8/(.\xee\xd0\xa1\xc3\xf6\xed\xdb\xf5z\xbdR\xa9\x0c\t\ti\xd3\xa6M\xd3\xa6M\x15\n\x85X,F=d\xee\xdf\xbf_\\\\\\TTTQQ\xb1i\xd3\xa6\xed\xdb\xb7\x7f\xf8\xe1\x87\xef\xbf\xff~]]\x1d\x87\\\xa1\x1bB\x92\xa4\xb7\xb7w^^\xde\x1bo\xbcq\xe9\xd2%\x0c\xc3\xfe\xf3\x9f\xff,\\\xb8\xf0Y[\x7f\x03.\x0c\x08\x80\xfb\x82\xaeM\x9f;wn\xfb\xf6\xedI\x92l\xd7\xae\x9d\xb7\xb7\xb7D"A\xb1\xa1\xcd\xb9\xd34m4\x1a\xaf_\xbf\xbem\xdb\xb6\xef\xbe\xfbN\xab\xd5~\xf4\xd1G\xf7\xee\xdd\xfb\xf6\xdbou:\x1d\x08\x00;!I\xd2\xc7\xc7g\xf7\xee\xddS\xa6L\xa9\xad\xadU\xa9Tk\xd6\xac\x193f\x8cZ\xad\xe6\xd6\xd2\rhT@\x00\xec\x0c\xb7V\xb28\x8e\xd7\xd5\xd5\xf5\xec\xd9\x93 \x08\x93\xc9d\xb1XL&amp;\xd3c\xe3G\xbb\xbeAAA\x8b\x17/\x1e9r\xe4\xab\xaf\xbeZVV\xb6v\xed\xda\x90\x90\x90\xd9\xb3g\xab\xd5jN\xec\x07\xd8\xf1\xa5\xb0\xdf{R\x14\xa5T*\xf7\xee\xdd\x8b\xfa{\xc7\xc4\xc4\xfc\xfa\xeb\xaf\x91\x91\x91UUU\xac}Y\xb0\x9at\n\\*\xe7\xe0\x04V\xab\x95[\xd7[\xa3u@mm-:\xd6\xc4\xe3\xf1\xf8\xff/\xe8\x1aq\x93\xc9TQQ\xd1\xbe}\xfb]\xbbv\x05\x04\x04\x10\x04\xf1\xf9\xe7\x9f_\xbf~]"\x91\xb0_\xf0\x18\x86A\xb7W\xda\xa5x\x9f$I6\xd7A\xd14-\x16\x8b\xcb\xcb\xcb\xdfx\xe3\r\xab\xd5\x1a\x1f\x1f\x7f\xe0\xc0\x81\x90\x90\x90\xea\xeaj\xd6z\x7f\x0c\xc3\xf8|\xbe\xab\x1eCa3\xec\x9d\xc7\x9c\x03\xf9\xc1V\xadZ]\xbbv\x8d[\xb1\x0c\xea%\xf9\xe41\x13\x04!\x14\n\xab\xab\xab\xc3\xc3\xc3\xbf\xf8\xe2\x0b\x9a\xa6kkk\x7f\xfd\xf5W\xa9T\xcar\xbbe\x18F$\x12\xdd\xbauK&amp;\x93yyy\xbdH\xa4\x89~0&gt;&gt;\xfe\xf2\xe5\xcb\x14E\xb1S\x06h\x9a\xf6\xf4\xf4\\\xb1b\x85Z\xad\x0e\x0c\x0c\xdc\xb2e\x8bR\xa9\xd4\xe9t\xac\xad\xb1Ao$???**\n\x83\x93\xc0\x8e\x85\x8d3\x98\xa3\xd8\x04\xe0\xca\x95+\x98\x8b\xcec\xa1P\xa8\xd1hF\x8d\x1a\x15\x14\x14\x84\xe3\xf8\x9f\x7f\xfe\xa9\xd7\xeb\xd9VO\xf2\x18\x0c\xc3\x08\x85\xc2\x1b7n\xc8d2\x0f\x0f\x8f\x17\x7f/\xbe\xbe\xbe\xb5\xb5\xb5\xec|\xbf\xe8\x8f}\xf8\xf0\xe1\x81\x03\x070\x0c\x9b5kVhh\xa8N\xa7cs\xec\x8fP\xab\xd5\n\x85\x02sQ\xc3a- \x00vF\xaf\xd7{zz:{\x14\x8d\x08:T\x95\x94\x94\xc40\xcc\xf5\xeb\xd7\x1f&lt;x \x14\nYn\xb4\xe8\x12c\xd4\xf2\xc8.\x10\x04\xc1\xce\xbeIh\xb9S^^~\xe7\xce\x1d\x91H4d\xc8\x10\xbd^\xcf~\xef\x8f\xe6\x0f;WT\xae\r&lt;q\xbb\x81\xdcAxx\xf8\xed\xdb\xb7\xd9\xe9\x1d\xec\x05\x8e\xe3\xe1\xe1\xe1\x18\x86\xd5\xd6\xd6VVV\xf2\xf9|\x96\x0b\x00\x86aW\xae\\i\xd3\xa6\r\xf6b\x01&amp;\xf2P\xb1\xb1\xb1555\x0f\x1e&lt;`\xc3\x8dZ\x8f\xc10\x0c\x9f\xcf\x7f\xf8\xf0!\xc30\xadZ\xb5B\x1d\xeb\x9c=\xa8\x7f\x01\xd5M\x14\x17\x17w\xe9\xd2\x05\xe3\xc2\x1e\xbb+\x01\x02`g\xda\xb4is\xef\xde=\x17\xae\xb4C\xe6\xaaT*1\x0c#I\x92\xfd=\xf1Q\x8a\xf9\xe6\xcd\x9b\x81\x81\x81\x98=\xae\x84\xf4\xf4\xf4D\xdb!\xecT&gt;\x82 \xea\xea\xea\xf8|~@@\x00\xba\x97\x82\xe5S\x91\xc7\xe3\xe9\xf5z\xa3\xd1\xe8\xef\xef\x8f\x81\x008\x16V\x9b.\xb7@\x13\xb7i\xd3\xa6\x16\x8b\x05\x15G\xb2\xd0;\xd8\x0bTN\x83\xaa\x86X\xfeg\xa2\x03\xcf\x15\x15\x15h\x05\xf0"\xfe\x05\x89\x9f\\.W(\x14eeeb\xb1\x98\x85\x7f;*\xed%I\xd2d2\xb1\x7f\x12\xa2\x02\xad\x87\x0f\x1f\xeat\xba\xc8\xc8H\x0c\x04\xc0\xb1\xb0=9\xc8!\xd0\xc4m\xd5\xaaU}}\xbdF\xa3i\xd2\xa4\t\xcb\xcbc\x9e\x0f\xd4B\x0e\xf5\x10\xe5D\x13i\xe4\xb5\xef\xdc\xb9\x13\x12\x12\xf2\xe2\x9f\x86\xfciXXXqq1\x0b\xcf|\xa0;&gt;ccc?\xf8\xe0\x83\xa0\xa0 \xd4\xbc\xcf\xd9\x83z\x12\xa8\x15\xf9\xd5\xabW\x15\n\x85L&amp;\x83\xd3\x00\x0e\x06\x04\xc0n w \x95J\x95J\xe5\xb5k\xd7\xda\xb4i\xc3~\xf3{\x0eP@]RR\x82a\x98\xbf\xbf\x7f@@\x00\x9b\xefEA\x01fEE\x85^\xafG\x02\xf0\x82CE\x1e?((\xe8\xec\xd9\xb3/\xfeiv\x07\x9d\xd8\x88\x8d\x8dMLL$I\x92\xfdG\xb5i\x9a\xe6\xf3\xf9\x05\x05\x05\xde\xde\xdeB\xa1\x90\xa2(\x96\x17\x95\xb9\x18\x90\x02\xb2\'4M\x0b\x85B??\xbfk\xd7\xae\xb1\x7f\xf5\xfd\x1c \x7fZYYy\xfa\xf4i\x1c\xc7\xdb\xb7o\xef\xeb\xeb\xcb~\x01@w\r\xa2=\x80\x17\x1c*\xda\xf0\xe8\xd5\xab\xd7\xdd\xbbw\xf5z=\x0b\xf7?\xd0\xed7UUU\xe8\xf2\x03g\x0f\xe7\xa9(**\xea\xd1\xa3\x07\x065\xa0\x0e\x87u\xd3\x97\xd3\xa0\xe9\x1b\x13\x13\x93\x97\x97\xc70\x0c\xfbg\xf3\xb3\x8e\xd0j\xb5\xca\xe5\xf2\xed\xdb\xb7\xdf\xbe}\x9ba\x98\x11#F\xb0\xdc\xc5\xa0\x0cCQQQ@@\x80\x97\x97\xd7\x8b\xef\x88\xa2\x1f\x8f\x8e\x8e\xd6\xe9tW\xaf^e\xedAh\x82 X\xfej\x10&lt;\x1e\xcfh4^\xbcx\x11J\x80\x9c\x02\x08\x80=ixR\x94\xa6i\x16\x86\x87\x8f\x81\xce\xdf?e\x83\x04\x8b\xc5\xa2T*\xcb\xca\xca\xbe\xfc\xf2K\x0c\xc3\xa2\xa2\xa2\x86\x0f\x1f\xae\xd3\xe9\xd8\xbcfG9\xe5\x82\x82\x82\xb6m\xdbb\x8f\xf6\xae_\x04\x94\x01\x93\xcb\xe5*\x95*++\x0b\xf5L\xb5\xc7H\xed\x06\xfa\x93\xbd\xbc\xbc&lt;&lt;&lt;\xd86\xb6\xc7`\x18F"\x91\\\xb9rE\xa3\xd1\xc4\xc6\xc6bp\x14\xc0\xe1\xc0\xe3\xb6\'H\x00\xe2\xe2\xe2\xaa\xab\xab\x1f&gt;|\xc8\xc2:\xf1\x860\x0c\xa3\xd5j\x15\n\x05*\x16\xb4\xdd\xfb\xf8\x18\xe8\x9fh\x9a\xf6\xf7\xf7\xbfs\xe7\xce\xb8q\xe3***0\x0c\xfb\xfa\xeb\xaf===\xd9\xbf\x03L\xd3\xf4\xa5K\x97:u\xea\x84\xd9)\xc0D\xcb\x88\xfe\xfd\xfbgff\xb2m\x1f\x18\x9d\x03`\x18\xe6\xd4\xa9S\x97.]b\xf9-\xbb\xa8m\xd1\x993g\xc2\xc3\xc3\xfd\xfc\xfc\xd8_\xb1\xeaz\x80\x00\xd8\x13tM`\xabV\xad\xa4Ri~~\xbe]\x1a\x0f4\x12\x0c\xc3xxx\xcc\x9e={\xc6\x8c\x19\xc8S\xa8T*\xb9\\.\x12\x89\xf8|&gt;A\x10\xa8A\x90@ \x90J\xa5\xbe\xbe\xbeb\xb1\xf8\xb7\xdf~\xeb\xdd\xbbwQQ\x11\x86a_\x7f\xfdu\xff\xfe\xfdYx\xafHCP_\x84\x07\x0f\x1e\xdc\xb9s\xe7\xa5\x97^\xc2\xec\x14`"\'5x\xf0\xe0\xec\xecl\xadV\xcb\xb6\x1e;8\x8e\xbf\xf6\xdak}\xfb\xf6MHH\xd8\xb4i\x13\xcb\x9b5\xe18\xbew\xef\xde\x9e={b\xf6X\x9f\x01\xcf\n\x08\x80\x9dAe\x0c111\x99\x99\x99|&gt;\x9f\xb5s\x1a\x85\x8a\xb7o\xdf\xde\xb8qcBB\xc2\x80\x01\x03&gt;\xfb\xec\xb3C\x87\x0e\xdd\xb8q\xa3\xbe\xbe\x1e\x85\xfch/\xf1\xec\xd9\xb3K\x97.\xed\xd3\xa7\xcf\x84\t\x13n\xdd\xba\xe5\xe1\xe1\xb1z\xf5\xeay\xf3\xe6\xd5\xd4\xd4\xb0\xd9\xfbc\x8fD\xae\xa0\xa0\xc0\xcb\xcb\xabE\x8b\x16\xf6*1DG\x1f\xe2\xe2\xe2D"QQQ\x11{2-4MK$\x92\xd2\xd2\xd2\xbd{\xf7\x12\x04a\xb5Z7m\xda\xc4\xe6C\xe9|&gt;\xbf\xa6\xa6\xe6\xda\xb5k\xc3\x87\x0f\xc7 \xff\xe3\x0c\xa0\x0c\xd4\xce c\xeb\xd5\xab\xd7\xbau\xebX\xde7\xd8j\xb5\xa6\xa4\xa4,_\xbe\xbc\xac\xac,33333\x13\xc30\x89D\xe2\xed\xed\xed\xe5\xe5\xc5\xe3\xf1\xccf\xb3Z\xad\xd6h4\xb6\x1f\x198p\xe0\'\x9f|\xd2\xb9sg\xf6{\x7f\xecQ\x89\xe1\x91#G\xda\xb7o\xcf\xe3\xf1H\x92\xb4WW\x1c\x8a\xa2$\x12IRR\xd2\xae]\xbbz\xf4\xe8\xc1\xc2\xfd\x1e\xd6:}\x1b\x14E)\x14\x8a={\xf6\xc8d\xb2v\xed\xda\xb1\xf0\x19\xba\x03\xf0\xc4\xed\x0c\x9a\xc4/\xbd\xf4\xd2\xad[\xb7n\xdd\xba%\x12\x89\xd8\x99\x05B\'\x86^{\xed\xb5\x93\'On\xdb\xb6\xed\xad\xb7\xde\x8a\x8d\x8d\x95\xcb\xe5F\xa3\xf1\xde\xbd{eee\xc5\xc5\xc5\xd7\xae]\xd3h4\x9e\x9e\x9e111\xb3f\xcd:v\xec\xd8\xae]\xbbbcc\xd5j5\xfb\xbd?\x86a\x04A\x90$y\xf2\xe4\xc9\x01\x03\x06`v\xf5\x89\xe8\xa3\xc6\x8d\x1b\x97\x91\x91a0\x18X\xf24\xd0;\x8d\x88\x88\x188p \xeaV=q\xe2D\xd6\x96#\xa35\xe8\x8e\x1d;\xfa\xf7\xefO\x10\x04KVQ\xee\x06\xbb\xb6\xb0\\\x03\x14\xcb\xf4\xee\xdd{\xdc\xb8qo\xbc\xf1\x06\x9b\x83e\x8a\xa2\xf8|\xbeT*\xe5\xf1x:\x9d\xae\xa2\xa2\xa2\xa2\xa2B\xa3\xd1\x18\x0c\x06\xb4A\'\x97\xcb\x9b4i\xd2\xa4I\x13\x99Lf\xb5Z\xeb\xea\xea0\x8e,\xd5Q\x01\xe8\xf5\xeb\xd7_~\xf9\xe5\xec\xecl\xa5Ri\xdfS\xa6\x0c\xc3X\xad\xd6\x90\x90\x905k\xd6\x0c\x180\x80%\xdb!\xe8\xdc\x83\xd9l\xce\xc9\xc9\x91\xcb\xe5\xb1\xb1\xb1f\xb3\xd9\xd9\x83\xfa\x1b\x90\xf7\xaf\xaf\xaf\x8f\x89\x89\xc9\xc8\xc8h\xdb\xb6-\xac\x00\x9c\x02\xa4\x80\xec\x0f\x9a\xcaIII;v\xecx\xeb\xad\xb7\xd8,\xb1&lt;\x1e\x8f\xa6i\xadV\x8b\x0c\xb2I\x93&amp;-[\xb6\xb4]\x0e\x83J\x80\xacV\xab\xc5b\xa9\xae\xaeF;\xc3\xce\x1e\xf2\xd3BQ\x94\x87\x87\xc7\xde\xbd{\x9b4i\xa2T*\xed~\xc4\x14\x1d\xfa\x1b9r\xe4\xc6\x8d\x1b\x87\x0e\x1d\xca\x92\xb7\x8c\xe3\xb8\xd5j\xe5\xf3\xf9}\xfb\xf6\xa5(\xca`0\xb03\x17\x84.\xad\xdc\xb8qc\xabV\xad\xa2\xa2\xa2\xc0\xfb;\x0bx\xe8\xf6\x07M\xe5Q\xa3F\xe5\xe7\xe7\xdf\xbbw\x8f\xb5Y \x84\xed\x1aH\x0c\xc3,\x16K}}\xbdV\xab\xd5h4\x1a\x8dF\xab\xd5\xd6\xd5\xd5\xa1\x10\x12\x95\x069{\xb0\xcf\x00*\x00\xdd\xbd{wrr2\xd6\x08GL\xd1\xd3x\xef\xbd\xf7rrr\xae]\xbb\xc6\x9e\x13a\xe8\x0f\xaf\xad\xad\xd5\xeb\xf5\xec\xf4\xfe\x18\x86\xa1=\xea\xcd\x9b7\xbf\xfb\xee\xbbl+\xa5u+\xb8d\xd2\\\x01%4\xdb\xb6m\xdb\xbau\xeb\x03\x07\x0eH\xa5R\xae\xe47\xd1\xfd\xef\xbc\x06p\xe5@\xe9c\xa0\xfa\x9f\x92\x92\x92\x87\x0f\x1f\x8e\x1d;\x16\xc30\xbb\xe7gp\x1c\xa7(\xaai\xd3\xa6]\xbatIMMeU\xb5%\x12u\xd6\n6M\xd3R\xa94++\xcbl6\x0f\x192\x04\xb5\x17t\xf6\xa0\xdc\x14x\xee\x8d\x02:\xd22q\xe2\xc4\x1f~\xf8\xc1\xd9cqGP\xfe\xe7\xc7\x1f\x7f\x8c\x8d\x8d\r\x08\x08h\xd4R\xc8w\xdf}\xf7\x87\x1f~`\xe1\x81\x00\xd6B\xd3\xb4H$Z\xb2d\xc9\x981c\xd0YB.\x06\x19\xae\x01\x08@\xa3\x80J\xc5G\x8d\x1au\xff\xfe\xfd\xb2\xb226\x9f\x08sIP\r\xeb\xe1\xc3\x87\xdf|\xf3\xcd\xc6{\xf2h\x07%!!A\xa5R\xad_\xbf^\xa1P\x90$\xd9H\xbf\xcbe\xa0i\xda\xcb\xcb\xeb\xec\xd9\xb3\xb9\xb9\xb9o\xbf\xfd6\xc30l\xd8&lt;w[@\x00\x1a\x05\x94\x87\r\x0c\x0c\xec\xda\xb5\xeb\xaaU\xab&lt;&lt;&lt;\xd8\x93\x1fpy(\x8a\x92\xc9d\xbbw\xef6\x99L\x03\x07\x0e\xc4\x1a!\xffc\x03U\x16\xfd\xf7\xbf\xff]\xb9remm-,\x02\xfe\x15T]\xf6\xd9g\x9fM\x9e&lt;\xd9\xdf\xdf\x1f\xda?8\x17\x10\x80\xc6\x02mm-\\\xb8\xf0\xe0\xc1\x83555B\xa1\xd0\xd9#r\x17PE\xd3\x0f?\xfc0c\xc6\x0c\xd4\xed\xae\xf1~\x17Z\x04\x0c\x180\xa0e\xcb\x96\xeb\xd6\xad\x83E\xc0\x93\xa1iZ&amp;\x93eee\x15\x16\x16~\xf8\xe1\x87P\xfc\xe3t\xe0\xe97\x16\xa8/P\\\\\x1c\xca\x0f\xc8d2p\r\x0e\x00e\x18N\x9f&gt;]XX8y\xf2d\xc7d\x18\x18\x86\xd9\xb8q\xe3\xd2\xa5Ko\xdd\xba\xc5\xce{"Y\x02:\xa60c\xc6\x8cO?\xfdT\xa5R\xc1\xfd_N\x07\x04\xa0\x11A\x8e\xe0\xf3\xcf?\xff\xe5\x97_\xacV+\xe4:\x1d\x00EQb\xb1x\xed\xda\xb5\xaf\xbe\xfa\xaaJ\xa5r@\x86\xc1V\xf45h\xd0\xa0/\xbe\xf8\xc2\xcb\xcb\x0b\x94\xfeo!I\xd2\xc7\xc7\'55\xd5d2M\x9d:\x15\x9dUv\xf6\xa0\xdc\x1d\xa8\xc0m\\\xd0"\xb7[\xb7n)))\xe3\xc7\x8f\xd7h4 \x03\x8d\x07j\xffy\xff\xfe\xfdA\x83\x06\x9d&gt;}\xda\xdf\xdf\x1fsHW\x1c\xd47[\xab\xd5\x06\x05\x05m\xdf\xbe\xbd{\xf7\xee,\xbf&amp;\xc1\xf1\xa0\xa5\x98\xc5b\x89\x88\x88\xd8\xbauk\x9f&gt;}\xe0\xf6G6\x00\n\xdc\xb8 }]\xb8p\xe1\x8a\x15+0.\xb4\xe8\xe24$IJ\xa5\xd2e\xcb\x96\r\x1e&lt;8  \xc0a\x1b\x8ch\xbf\xc7\xdb\xdb{\xc5\x8a\x15S\xa6LA\xab=\x08\xad\x1aB\x92\xa4\\.\x9f:uj\xff\xfe\xfd\xc1\xfb\xb3\x07X\x014:h\x11\xd0\xa9S\xa7\t\x13&amp;\xcc\x9c9S\xadV\xdb\xab\'%\xd0\x10\xd4\x0c\xb9\xa4\xa4d\xd8\xb0a\x05\x05\x05~~~\x98c\x15\x179\xb5~\xfd\xfa\xb5n\xdd\xfa\xfb\xef\xbf\xaf\xac\xac\x84\xa2 \x04I\x92*\x95*--m\xf6\xec\xd9\xd7\xaf_\x97H$\x1c=`\xe8z\x80\x004:\xc8/\x1c&lt;xp\xd2\xa4I7n\xdc\xb0Z\xad\xce\x1e\x91k\x82\xbcL\x9f&gt;}\xa2\xa2\xa2V\xae\\\xe9\xf8\x18\x13\x9d\xf7\xae\xaa\xaa\n\x0f\x0fOMM\xed\xd7\xaf_MM\r\x88=j\x9aT__\xdf\xb6m\xdb_\x7f\xfdu\xd0\xa0A\x10\xfe\xb3\x07\x10\x00G\x80f\xfc\x80\x01\x03:t\xe8\xf0\xe5\x97_VUU\x81_\xb0/\xa8\xf6\xff\xf8\xf1\xe3\xd3\xa6M+((\x90\xcb\xe58\x8e;&gt;\xc6D/z\xdf\xbe}\x93&amp;M*..\x96J\xa5\x16\x8b\xc5\xcd\xb7:i\x9a\xf6\xf6\xf6NHH\xe8\xdc\xb9\xf3\x8a\x15+\xecx+\x03\xf0\xe2\x80\x008\x02\x94\x8c.++\xeb\xd8\xb1\xe3\x85\x0b\x17\x02\x02\x02L&amp;\x93\x9b\xfb\x05\xfbB\xd3\xb4B\xa1\x88\x88\x88x\xe7\x9dwRRR\x9c\x18c"\x077w\xee\xdc\xec\xec\xec3g\xce\xd4\xd4\xd4\xb8s\xba\xc3j\xb5\xfa\xf9\xf9}\xf0\xc1\x07\xc7\x8e\x1d;\x7f\xfe&lt;x\x7f\xb6\x01\x02\xe0 \x90Kz\xf7\xddwsssO\x9e&lt;\xc9\x95;U8\x01J\xfe|\xfc\xf1\xc7\x7f\xfe\xf9gNN\x0eM\xd3\xce}\xb6\xc8\xcd\xc5\xc6\xc6v\xe8\xd0a\xe3\xc6\x8dn\xbb\x19\x80\xbc\xff\xd6\xad[\'O\x9e|\xe7\xce\x1dT\xf8\x0fq\x0f\xab\x80\x97\xe1 \x08\x82\xa0(\xea\xab\xaf\xbez\xf0\xe0\xc1\x96-[|||\xa0Z\xdc.\xa0\xbd\xdf\xabW\xaf\xae_\xbf\xfe\xd7_\x7fuJ\xe6\xe71\xd0\xf1\xe0c\xc7\x8eeff.Y\xb2\xc4\xcf\xcf\xcf\r7~H\x92\xf4\xf6\xf6&gt;~\xfc\xf8\xcc\x993O\x9c8\xe1\xe7\xe7\x07\xde\x9f\x85\xc0\n\xc0q\xa0E\xc0\xd1\xa3G\xc7\x8d\x1bw\xf9\xf2e\x81@@\x92\xa4\xd3\xbd\x15\xd7A\xe1\x7fRRRbb\xe2\x92%KX\x92d@\xa5_\xd7\xaf_\x0f\x0b\x0bKOO\x1f&lt;x\xb0[\xad\x03H\x92\xf4\xf2\xf2\xd2h4\xc1\xc1\xc1\xeb\xd6\xad\x9b4i\x12K\xde\x0b\xf0\x18 \xc8\x8e\x03\xddK\xde\xa7O\x9fI\x93&amp;\xbd\xf2\xca+2\x99\x0c:\xc4\xbd V\xabU\xa5R}\xf9\xe5\x97f\xb3\xf9\xcb/\xbfd\x8f\x97A\x0b\xbe\xa0\xa0\xa0\xd3\xa7OO\x9a4\xe9\xc8\x91#\xee\xb3\x0e@\xa714\x1aM\x97.]\xfe\xfb\xdf\xffN\x9a4\t]R\xe6\xecq\x01\x7f\x03\xac\x00\x1c\n\xba</t>
        </is>
      </c>
    </row>
    <row r="160">
      <c r="A160" s="1" t="n">
        <v>158</v>
      </c>
      <c r="B160" t="inlineStr">
        <is>
          <t>rectangle_height_number</t>
        </is>
      </c>
      <c r="C160" t="inlineStr">
        <is>
          <t>What is the missing number of the part denoted with a question mark?</t>
        </is>
      </c>
      <c r="D160" t="inlineStr">
        <is>
          <t>[2, 3, 1, 4]</t>
        </is>
      </c>
      <c r="E160" t="inlineStr">
        <is>
          <t>1</t>
        </is>
      </c>
      <c r="F160" t="inlineStr">
        <is>
          <t>There are 7 rectangles in the image with varying lengths and numbers inside them. The numbers from left to right are [1, 2, 3, 3, 2, 1, '?']. The lengths from left to right are ['short', 'medium', 'long', 'long', 'medium', 'short', 'short'].</t>
        </is>
      </c>
      <c r="G160" t="inlineStr">
        <is>
          <t>We observe that the short rectangles are denoted as 1, the medium rectangles are denoted as 2, and the long rectangles are denoted as 3. Hence, the pattern is that the number in each rectangle corresponds to its length.</t>
        </is>
      </c>
      <c r="H160" t="inlineStr">
        <is>
          <t>Based on the pattern that the number in each rectangle corresponds to its length, the missing number of the rectangle with a question mark should be 1.</t>
        </is>
      </c>
      <c r="I160" t="inlineStr">
        <is>
          <t>b'\x89PNG\r\n\x1a\n\x00\x00\x00\rIHDR\x00\x00\x02\x00\x00\x00\x02\x00\x08\x02\x00\x00\x00{\x1aC\xad\x00\x00KOIDATx\x9c\xed\xddy\x98\x14\xc5\xfd?\xf0OU\xf5\xec\xce\xec13{\xb1\x9c\x1e\xc8\n(r\xdf\x97xp\x18\x13\xd4\x88\x88\x02\x1e(\xab\xd1\x98\xdf\x92D\x13\xa3\t\xa21\x1e\x98\xc3\xc4$\x86\x1b\x89h\x14\x8cIL\x04\xc1\x03\x90\x08\x0b\xa8 \xecr#\n\x0b\xcb\x9es\xed\xee\xcctW\xfd\xfeh\xd8\xf0U\xb9ww\xba\xa7\xdf\xaf\'\xcf\x13\x9d\xc5\xd9\x0f3U\xf5\xae\xae\xae\xeefJ)\x02\x00\x00\xe7\xe1\x89.\x00\x00\x00\x12\x03\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94\x96\xe8\x02\xc0\x06\x94Rg\xf1_1\xc6\x9a\xbc\x92\xb3c\xf7\xfa\x01\x9a\t\x02\x00\xbe\x81RJJ\xa9\x94b\x8c1\xc68?\x9b#\xc5&amp;y\x93\xb3c\xf7\xfa\x01Z\x06;\xbb\xc9\x11$%s\xc8#"!\xc4\xf1\xaf\x07\x02\x01)%c\xa7\xdbZ\xcc\xb9\xb3\xdf\xef?\xfeEs0\xe5\x9c7\xdf\xcc\xda\xee\xf5\x03\xb40\x04\x00\x10\x11)\xa5\x0c\xc3\xd0\xb4\xa3G\x84\xa1P\xa8\xb8\xb8x\xfd\xfau\x1f\x7f\xfcIuuuii\xa9n\xe8\xa7\xffn\x8c\x98"\xd5\xe9\xa2N~\xbf\xbfo\xdf\xbe\xbd{\xf7\xee\xdf\xbf\x7f\xbbv\xed\xcc\x9f\xea\xba\xce9o\xda\t\xb5\xdd\xeb\x07H\x08\x04\x00\x90a\x18\xe6\x949\x16\x8b-[\xb6\xec\xa5\x97^\xda\xb8q\xe3\xfe\xfd\xfb\x9b\xf0Wdee\xf5\xed\xdbw\xfc\xf8\xf1c\xc7\x8em\xd5\xaa\x15\x11\xe9\xba.\x84h\x92\xd9\xb4\xdd\xeb\x07H\x14\x04\x80\xa3\x99\xdf&gt;c,\x10\x08\xcc\x9e={\xd1\xa2E[\xb6li\xfciFfF\xfb\xf3\xda\xe5\xe5\xe7u,\xb80;\xdb\xaf\xeb\xc6\xe9\x8cw\x8a\x14g&lt;\x1e\x8f\x97|VZ[\x13\xd8\xbf\xf7\x8b\x9a\xea\x9a\xc6\x9f\xb6i\xdbf\xe2\xad\x13\xef\xbe\xfb\xee\xce\x9d;\x13\x91\x94\xf2\\\xa6\xd2v\xaf\x1f \xb1\x10\x00\xce\xd58q\x9e?\x7f\xfe\xb3\xcf&gt;\xbb}\xfbv\xf3\xf5\xf6\x1d\xda\r\x1e1\xe8\xca\xd1#.\xe9\xde5\xbfu^zF\x86\x10B\x08~f\rE\xa9x\\\x8f6D+\x8fT\xee\xdc\xbek\xcd{kW\xaf\\\xb3\xbdd\xa7\xf9\xc3\xec\xec\xec\x07\x1ex`\xda\xb4i&gt;\x9fO\xd7\xf5\xc6\xa5\x1bG\xd5\x0f\x90p\x08\x00\x872G\xcf\xb2\xb2\xb2)S\xa6,_\xbe\xdc|\xb1\xcb%\x9d\xa7\xdc\x7f\xfb\x98\xb1\xa3\xf3Z\xe5(\xa5\x1a\x1a\xa2\xf1X\\\x1aR\x91:\xf3v\xc28c\x8c3\x97\xcb\x95\xeaN\xd54-\x14\x0c\xae\xfb\xb0x\xf6\xef\xe7\xad~\xefC\xf3Ot\xee\xdcy\xee\xdc\xb9C\x86\x0c1\xcf\xd0\x9e\xd1r\x8a\xdd\xeb\x07\xb0\x02\x04\x80\x13\x99\x93\xd6\xe5\xcb\x97O\xb9kJ\xd9\xc12"\xeaX\xd0\xf1{\xd3\xa6~\xe7\xc6k}Y\xbep0\x1c\x8f\xc7\x89\xa8Iv\xbc(\xa5\xa4T\xa4\x94\xd0DzF\xba\x94\xc6\xaa\x95\x1f\xbe\xf8\xdbYkW}DD\xa9\xa9)O?\xfdLQQ\xd1\x19\x8d\xa1v\xaf\x1f\xc0"\x10\x00\x8ec\x8e\x9e\xb3g\xcf.,,4_\xb9\xbdp\xd2\x8f\x7f1-/?/P\x130t\x83\x8b\xe6\xda\xe9h\x18\x06c\xcc\xeb\xcb4tc\xde\x9f_z\xee\x89\xdf\x86Ca"\x9a:u\xea\xacY\xb3\x0c\xc38\x9d!\xdb\xee\xf5\x03X\x07\x02\xc0Y\xcc\x95\x93\xc6\xd1\xd3\x9f\xe5\xfb\xe5o\x1e\xbbi\xf2\xb8`m0\x16\x8b\xb5\xccZ\xb69\x8c\xe6\xe4\xe5l\xfch\xd3\x8f\xbf\xf7\x93\x92\xcf\xb6\xd3\xb11\xf4\x94\xf3h\xbb\xd7\x0f`)\x08\x00\x07\xf9\xca\xe8\x99\x97\x9f7k\xf1\x1f\x87]1\xe4\xf0\xa1rM\xd3Zx\xd8\x8a\xc7\xe3\xfe,\x7fUE\xd5\x1d\xe3\xa6~\xb2\xe1S:n\x1e\xfd\x95\xcb\xb8\x92\xa6~\x00\xabA\x008\x8590\xad\\\xb9r\xe4\xc8\x91D\x94\x9d\x93\xfd\xcfUK.\xe8xAmM\xad\xcb\xe5JHI\xban\xa4\xbaS\x84\x10\xb7~\xfb\xb6\x8f\xd6\xac\'\xa2\xc7\x1e{l\xfa\xf4\xe9\xdf\xb8\xaf\xc6\xee\xf5\x03X\x10\x02\xc0\x11\xcc\xed\xea\xe5\xe5\xe5=z\xf68R~\xc4\xeb\xf3.X:\xbb\xdf\xa0\xbe\x81\x9a\x80\xe6J\xe4Pe\x18F\xaa;5\x14\x0cM\x1a{\xe7\xd6\xcd\xdb\x18c\xcb\x97/\x1f9r\xe4W\xe6\xd1v\xaf\x1f\xc0\x9ap\r\x8b#\x98wJ\x98&lt;yr\xf9\xe1r"z\xe27\xd3\x87]1\xa4\xb6\xa66\xb1\xa3\'\x11\t!\x1a\xea\x1br\xf3r^X\xf0;\x7f\x96O\x91\x9a|\xdb\xe4\xc3\x87\x0f3\xc6\xcc\xbb\xfa\x98\xec^?\x805!\x00\x92\x9f9\x1b]\xbcx\xf1\x8a\x15+\x88\xe8\x96;\xc6O\xb8\xfd\xa6\xc3\x87\xca\x13\xb5r\xf2\x15\x9a\xa6\xd5\xd6\x04\xbav\xeb\xfc\xd8\xb3?\'E\xe5\x87\xcb\x1f~\xf8a\xcey\xe3\xb1\xa9\xdd\xeb\x07\xb0,,\x01%9\xa5\x94R\xaa\xb6\xb6v\xc0\x80\x01{\xf7\xee=\xef\x82\x0eo\xad\xf9{jj\xaa\xb9\x95%\xd1\xd5\xfd\x8f\xa1\x1b\xfe\x1c\xff]7\xdd\xf3\xf6?\x97\xa7\xa6\xa6\xaeY\xb3\xa6o\xdf\xbe\xe6\xad\x98m]?n\x14\x01V\x86\xd6\x99\xe4\xcc\xcd\xe9\xf3\xe7\xcf\xdf\xbd{\xb7\x94\xf2\xdeiS\xf3\xf2sc\xb1\x98\xa5FO"b\x9c\xc5c\xf1i?{ 555\x1a\x8dN\x9f&gt;\xdd\x1c\xfa\xed^\x7f\xa2\xeb\x028\x19\x04@2SJ\t!\xea\xeb\xeb\xe7\xcf\x9f\xcf\x18\xbb\xa8\xa0\xe3\r7_W[\x1d\xb0\xe0\x1e\x15\xcey8\x14\xee\xde\xfb\xb2ko\x18CD\xabW\xaf.--\x15Bp\xcem]?\xce\x04\x80\x95!\x00\x92\x99y]\xd2\xca\x95+\xb7m\xdb\xa6\x94\x9a\xfa\x83\xbb|~\xaf\xae\x9f\xc1\x9d\xf1[\x12\xe7&lt;\x1a\x8d\x15\xfe\xbf\xbb\xd3\xd2&lt;\x91Hd\xce\xdc9\xe6\x8bv\xad\x7f\xce\x1c"B\x00\x80\x95!\x00\x92\xdf\x82\x05\x0b\x18c\xf9m\xf2\xbfu\xfd\xe8P0l\xd9\xed\x89\x9c\xf3H8\xd2\xbdw\xb7\x81\xc3\x060\xc6\x96\xbc\xbe$\x1c\x0e\x13\x919\xfd\xb7_\xfdK\x96\xd4\xd5\xd5i\x9a\x86\x85 \xb0,\x04@\xd22\xd7\x7f\x02\x81@\xf1\x86b\xa5\xd4\xb0+\x86\xe4\xb5\xca\x8d\xc7\xe3V[=?\x9eR\x8a1&gt;\xea\xdb#\x95R\x07\x0f\x1e,))\xd1u}\xfd\xfa\xf5\xb6\xac\xbf\xec\xe0\xe6\xcd\x9b\t\x07\x01`a\x08\x80\xa4e\x8e;\x1b7n&lt;\xf0\xe5\x01"\xbar\xcc\x08\xebOD\x85\x10\ru\xf5\x83/\x1f\x98\xe1\xcd0\x0cc\xf5\xea\xd5\x9f}\xf6YYY\x19\xd9\xb1~\xddx{\xd9\xdbt\xec\xa95\x00\x16\x84\x00HZ\xe6\xb8S\xbc\xa1\x98\x88\xd22\xd2.\xe9\xde5Z\x1f\xb5\xf8\xaeD\xc6X4\x1ak\xdf\xa1\xed\x85\x1d/ \xa2\xcd\x9b7\xaf]\xbb\x96\x88\xd2\xd2mY\xff\xc6\r\x1b\x89\xc8\xe25\x83\x93\xa1i&amp;-s\xa9d\xd3\xc6MDt\xde\xf9\x1d\xda\xb4\xcd\xb7\xf8\xfa\x89IJ\xe9I\xf3t\xbd\xac3\x11m\xd9\xb2\xe5?o\xff\x87\x88:\x9c\xdf\xde^\xf5_rY\x17"*--\r\x87\xc3\xb8(\x0c,\x0b\x01\x90\xb4\xcc}\xe8\x15\x15\x15D\x94\x93\x9b\x9d\x9e\x91n\x18F\xa2\x8b:5\xa5\x14\x17\xa2u\xdb\xd6DT]]\xfd\xc5\x17_\x90m\xeb\xaf\r\xd4\xd6\xd7\xd7\'\xba"\x80\x13B\x00$\'\xf3\x1a\xd4@ \xb0s\xe7N"*\xe8\xd2I\xd8d;\nc\xcc\xd0\xf5\x82.\x9d\x88\xa8\xbc\xbc|\xcf\xee=d\xc3\xfa;u\xb9\x88\x88\x82\x81`ii)\xe1&lt;0X\x95\xe5.\xa8\x81&amp;\xa4\x94\x8a\xebq"\xca\xca\xce\xb2\xd1B\x84R*+;\x8b\x88t]7\x87N\x9b\xd6/\xa5\xb4\xecU\x0b\x00\x84#\x80\xa4g.\x9a\xdbn\x182\x0bn|\xba\x96M\xeb\xa7c\x9f?\x805!\x00\x1c\xc1v\xc3\xd0W\n\xb6{\xfd\x00\xd6\x84\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i\x89.\xc0\x11\x94Rg\xf1_1\xc6\x9a\xbc\x12\xb0#\xb4\x1fh&amp;\x08\x80f\xa1\x94\x92R*\xa5\x18c\x8c1\xce\xcf\xe6H\xabI\xde\x04\xec\x08\xed\x07Z\x06\x02\xa0)\x99]\x8e\x88\x84\x10B\x88\xc6\xd7\x03\x81\x80\x94\x921v\x9aS9s\xee\xe6\xf7\xfb\x8f\x7f\x13\xb33s\xce1\xb3KVh?\xd0\xc2\x10\x00MC)e\x18\x86\xa6if\x97\x0b\x85B\xc5\xc5\xc5\xeb\xd7\xaf\xfb\xf8\xe3O\xaa\xab\xabKKKuC?\xfdwc\xc4\x14\xa9N\x17u\xf2\xfb\xfd}\xfb\xf6\xed\xdd\xbbw\xff\xfe\xfd\xdb\xb5kg\xfeT\xd7u\xce9&amp;t\xc9\x04\xed\x07\x12\x02\x01\xd0\x04\x0c\xc3\x10Bh\x9a\x16\x8b\xc5\x96-[\xf6\xd2K/m\xdc\xb8q\xff\xfe\xfd\xe7\xf8\xb6\x95\x15\x95D\xb4l\xd92"\xca\xca\xca\xea\xdb\xb7\xef\xf8\xf1\xe3\xc7\x8e\x1d\xdb\xaaU+"\xd2u]\x08\x81\xd9\\\x12@\xfb\x81DA\x00\x9c\x13\xf3\x90\\\x08\x11\x08\x04f\xcf\x9e\xbdh\xd1\xa2-[\xb64\xfe4#3\xa3\xfdy\xed\xf2\xf2\xf3:\x16\\\x98\x9d\xed\xd7u\xe3t\xfa\x9b"\xc5\x19\x8f\xc7\xe3%\x9f\x95\xd6\xd6\x04\xf6\xef\xfd\xa2\xa6\xba\xa6\xa6\xa6f\xc5\x8a\x15+V\xac\xf8\xc5\xf4_L\xbcu\xe2\xddw\xdf\xdd\xb9sg"\x92Rb*g_h?\x90X\x08\x80\xb3gN\xdc\x88h\xfe\xfc\xf9\xcf&gt;\xfb\xec\xf6\xed\xdb\xcd\xd7\xdbwh7x\xc4\xa0+G\x8f\xb8\xa4{\xd7\xfc\xd6y\xe9\x19\x19B\x08!\xf8\x99\xed\xe4P*\x1e\xd7\xa3\r\xd1\xca#\x95;\xb7\xefZ\xf3\xde\xda\xd5+\xd7l/\xd9y\xa8\xec\xd0s\xcf=7o\xde\xbc\x07\x1ex`\xda\xb4i&gt;\x9fO\xd7uM\xc3\xf7h?h?\x90p\xf8\xe2\xcf\x92\xd9{\xcb\xca\xca\xa6L\x99\xb2|\xf9r\xf3\xc5.\x97t\x9er\xff\xedc\xc6\x8e\xcek\x95\xa3\x94jh\x88\xc6c\xf1P \xa4H\x9d\xf9N&gt;\xc6\x19c\x9c\xe5\xb6\xcamw^\xbb\x91\xdf\xba:\x14\x0c\xae\xfb\xb0x\xf6\xef\xe7\xad~\xef\xc3\xea\xea\xea\x193f\xbc\xfa\xea\xabs\xe7\xce\x1d2d\x88y\x86\x10\x87\xf36\x82\xf6\x03V\x80\x008\x1b\xe6\xa4i\xf9\xf2\xe5S\xee\x9aRv\xb0\x8c\x88:\x16t\xfc\xde\xb4\xa9\xdf\xb9\xf1Z_\x96/\x1c\x0c\xd7T\xd7\x12\x91\xb9\xe3\x82\x8bs:\xc4\x8e\xc7\xe3\xd1h\x8c\x94\x12\x9a\xb8b\xd4\x88\xcb\xaf\x1e\xb6j\xe5\x87/\xfev\xd6\xdaU\x1f\xed\xd8\xb1\xe3\xaa\xab\xae|\xfa\xe9g\x8a\x8a\x8a\xcc\xdd#\xe8\xc3\xb6\x80\xf6\x03\x16\x81\xe5\xbf3f\xf6\xde\xd9\xb3g\x8f\x193\xc6\xec\xbd\xb7\x17N\xfa\xc7\xfb\xafO\x9e:\x911VSYcN\xee\x9a\xea\x0c\x1bcL\x08.4AD\xc1@0\x12\xae\xbbr\xf4\xe5\xaf\xbc\xf5\xd2c\xcf\xfe&lt;#3#\x1a\x8dM\x9b6\xad\xb0\xb0\x90sn\xee\xf3;\xf7\xdf\x08\xcd\n\xed\x07\xac\x03\x01pf\xcc\xbdz\xb3g\xcf.,,$"\x7f\x96\xef\x85\xf9\xbf}\xf6OO\xb9\xdd\xee\xaa\x8a*"\x12Z3\xee\xac\x10Bp\xce\x03\xb5\xc1H\xa4\xee\xbe\x1f\xdd\xf3\xda\xdb/_rY\x17"2\xeb\x11B(u\x16k\x05\xd0r\xd0~\xc0R\x10\x00g\xc0\x9c\x9a5\xf6\xde\xbc\xfc\xbc\xf9KfO\xb8}|Ey\x85\xd9\xb1[\xa6\x0c\xb3\x1b\x1f9|\xa4{\xef\xcb^ykQ\xaf~=\xe9X\x1f6\xe7q-S\x06\x9c)\xb4\x1f\xb0\x1a\x04\xc0\xe92{\xef\xca\x95+\xcd\xde\x9b\x9d\x93\xfd\xf7w\xff\xd6oP\xdf\xc3\x87\xca].W\xcb/\x9e\xba\\\xae@m0=3\xfd\x8d\x95\x7f\x1b4l\x00\x11\xcd\x9e={\xc6\x8c\x19B\x08]?\x83\x8b\x86\xa0e\xa0\xfd\x80\x05!\x00N\x8b\x94R\x08Q^^&gt;i\xf2$\xc6\x98\xcf\xef\x9b\xfb\xda\x8b\x17t\xbc P\x13p\xb9\\\x89\xaaJ\xd3D,\x1a\x93R\xfe\xf9\xaf\x7f\xe8\xd6\xe3R"\x9a1c\xc6\x8a\x15+4M3\x0c#QU\xc1\xd7\xa1\xfd\x805!\x00N\x8by\xa5\xfe\xe4\xc9\x93\xcb\x0f\x97\x13\xd1\x13\xbf\x99&gt;\xec\x8a!\xb55\xb5\x9a+\xc1\xdb\xa8\x84\x10\r\xf5\r\xb9y9/,\xf8\x9d?\xcb\xa7HM\xbem\xf2\xe1\xc3\x87\xb1\x9d\xc3jl\xd7~\xb0\x16\xe4\x04\x08\x80S3\x0f\xde\x17/^\xbcb\xc5\n"\xba\xe5\x8e\xf1\x13n\xbf\xc9&lt;rOtiDD\x9a\xa6\xd5\xd6\x04\xbav\xeb\xfc\xd8\xb3?\'E\xe5\x87\xcb\x1f~\xf8\xe1\xe3\xef\x02\x06\t\xe7r\xb9\xec\xd5~8\xe78\x1b\xec\x04\x08\x80S0\xef\xa6[]]\xfd\xf8\xe3\x8fs\xce/\xe8x\xfe\xcf~\xf9\x93@M\xd0R\x17O\xba\\\xae\xaa\x8a\xea\xf1\xb7\x8d\xbbf\xech"z\xe5\x95W\x8a\x8b\x8b\x1bo-\t\td\x0e\xa3UUU\xf6j?\x1b6l\xc0\ta\'@\x00\x9c\x82a\x18\x9c\xf3\xf9\xf3\xe7\xef\xde\xbd[Jy\xef\xb4\xa9y\xf9\xb9\xb1X\xccjk,\x8c\xb3x,&gt;\xedg\x0f\xa4\xa6\xa6F\xa3\xd1\xe9\xd3\xa7\x1f\xbd{0\xa6q\te\x9eP\x9d;w\xae]\xdb\x0f$5\x04\xc0\xc9(\xa5\x84\x10\xf5\xf5\xf5\xf3\xe7\xcfg\x8c]T\xd0\xf1\x86\x9b\xaf\xab\xad\x0eXj\xfaf\xe2\x9c\x87C\xe1\xee\xbd/\xbb\xf6\x861D\xb4z\xf5\xea]\xbbvedd`\x12\x97X.\x97KJi\xc7\xf6SZZ*\x84@\xfbIn\x08\x80\x931\xef\x91\xb2r\xe5\xcam\xdb\xb6)\xa5\xa6\xfe\xe0.\x9f\xdfk\xd9Mr\x9c\xf3h4V\xf8\xff\xeeNK\xf3\xd4\xd5\xd5\xcd\x9d;\xd7\xedv\xa3\x03\'\x96\xd7\xeb]\xb3f\xcd\xf6\xed\xdb\xed\xd5~"\x91\xc8\x9c9s\x88\x08\xed\'\xb9!\x00Nm\xc1\x82\x05\x8c\xb1\xfc6\xf9\xdf\xba~t(\x18\xb6\xec\xf9U\xcey$\x1c\xe9\xde\xbb\xdb\xc0a\x03\x18c\xaf/y\xbd\xbc\xbc&lt;55%\xd1u9\x1ac\xcc\x9c\xfe\xdb\xae\xfd,Y\xb2\xa4\xae\xaeN\xd34,\x04%1\x04\xc0\t\x99\xeb?\x81@\xa0xC\xb1Rj\xd8\x15C\xf2Z\xe5\xc6\xe3q\xab\xad\xde\x1eO)\xc5\x18\x1f\xf5\xed\x91J\xa9/\xbf\xf8b\xd3\xa6M\x9e\xb4\xb4D\x17\xe5h\x07\x0f\x1e\xdc\xb0a\x83\x1d\xdb\xcf\xc1\xb2\x83\x9b7o&amp;\x1c\x04$5\x04\xc0\t\x99\xed~\xe3\xc6\x8d\x07\xbe&lt;@DW\x8e\x19a\xfd\x89\x90\x10\xa2\xa1\xae~\xf0\xe5\x03322\xe2q}\xd9\xb2e))8\x02H\x18M\xd3&gt;\xfa\xe8\xa3\x9d;w\x92\xed\xda\x8f7\xc3\xd0\x8d\xb7\x97\xbdM\xc762ARB\x00\x9c\x90\xd9\xee\x8b7\x14\x13QZF\xda%\xdd\xbbF\xeb\xa3\x16\x7f|\x12c,\x1a\x8d\xb5\xef\xd0\xf6\x82\x8b\xce\'\xa2\r\x1b7\xe8q\x9d\x88\xb0\x19(!RRR6n\xdc\xa8\xeb\xba\xdb\xe3\xb6W\xfb\xb9\xb0\xe3\x05D\xb4q\xc3F"\xb2x\xcdp.\xf0\xd5\x9e\x90y\xa8\xbei\xe3&amp;":\xef\xfc\x0em\xda\xe6[\xfc\xf8\xdd$\xa5\xf4\xa4y\xcc\xbb&lt;\x96\x96\x94\x96\x97\x97\x13\x11\xc6\xff\x84\x88\xc5b\x1b7n$\xa2\x0e\xe7\xb5\xb7e\xfb)-\r\x87\xc3\xb8(,\x89!\x00N\xc8\xdc\x07]QQAD9\xb9\xd9\xe9\x19\xe9\xb6\xb8A\x8aR\x8a\x0b\xd1\xbamk"\n\x85B\r\r\r\x89\xae\xc8\xb9\xa4\x94555D\x94\xdb\xca\x96\xed\xa76P[__\x9f\xe8\x8a\xa0\x19!\x00\xbe\x99R\x8as\x1e\x08\x04\xcc\x05\xdc\x82.\x9d\x84M\xb6C0\xc6\x0c]/\xe8\xd2\xc9\xfcg\xebO9\x93\x9b\xb9\xe5\xff\xe2\xae\x17\xdb\xab\xfdt\xear\x11\x11\x05\x03\xc1\xd2\xd2R\xc2y\xe0\xe4\x85\x008\x19\xa5T\\\x8f\x13QVv\x96\x8d\x0e\x84\x95RY9Y\x84\xd3w\x96a\xbf\xf6\x93\x9dEDRJ\xcb^\xb5\x00M\x02\x01p\n\xe6\x0c\xdav\xdd\xc0v\x05\'7\xdb}\x1d\x8d\x05\xe3\x082\xb9!\x00N\x8b\xed\xba\x81\xed\nNn\xb6\xfb:lW0\x9c\x1d\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JKt\x01\xa7E)u\x16\xff\x15c\xac\xc9+\x01\x803e\xf7\xfek\xf7\xfaO\xc2\xa2\x01\xa0\x94\x92R*\xa5\x18c\x8c1\xce\xcf\xe6H\xa5I\xde\x04\x00\xce\x94\xdd\xfb\xaf\xdd\xeb?}\xd6\n\x00\xf3##"!\x84\x10\xa2\xf1\xf5@  \xa5d\x8c\x9df\x14\x9b\xd9\xeb\xf7\xfb\x8f\x7f\x13\xf3\xcb\xe0\x9c\xdb"\x99\x01l\xc7\xee\xfd\xd7\xee\xf5\x9f\x05\xab\x04\x80R\xca0\x0cM\xd3\xcc\x8f,\x14\n\x15\x17\x17\xaf_\xbf\xee\xe3\x8f?\xa9\xae\xae.--\xd5\r\xfd\xf4\xdf\x8d\x11S\xa4:]\xd4\xc9\xef\xf7\xf7\xed\xdb\xb7w\xef\xde\xfd\xfb\xf7o\xd7\xae\x9d\xf9S]\xd79\xe7\xd6\x0cd\x00;\xb2{\xff\xb5{\xfdg\xcd\x12\x01`\x18\x86\x10B\xd3\xb4X,\xb6l\xd9\xb2\x97^zi\xe3\xc6\x8d\xfb\xf7\xef?\xc7\xb7\xad\xac\xa8$\xa2e\xcb\x96\x11QVVV\xdf\xbe}\xc7\x8f\x1f?v\xec\xd8V\xadZ\x11\x91\xae\xebB\x08K\xa51\x80\x1d\xd9\xbd\xff\xda\xbd\xfes\x91\xe0\x000\x0f\xa9\x84\x10\x81@`\xf6\xec\xd9\x8b\x16-\xda\xb2eK\xe3O323\xda\x9f\xd7./?\xafc\xc1\x85\xd9\xd9~]7N\xe7\xf3R\xa48\xe3\xf1x\xbc\xe4\xb3\xd2\xda\x9a\xc0\xfe\xbd_\xd4T\xd7\xd4\xd4\xd4\xacX\xb1b\xc5\x8a\x15\xbf\x98\xfe\x8b\x89\xb7N\xbc\xfb\xee\xbb;w\xeeLDRJ\x8bD1\x80\xed\xd8\xbd\xff\xda\xbd\xfes\x97\xc8\x000\x83\x97\x88\xe6\xcf\x9f\xff\xec\xb3\xcfn\xdf\xbe\xdd|\xbd}\x87v\x83G\x0c\xbar\xf4\x88K\xbaw\xcdo\x9d\x97\x9e\x91!\x84\x10\x82\x9f\xd9\x99x\xa5\xe2q=\xda\x10\xad&lt;R\xb9s\xfb\xae5\xef\xad]\xbdr\xcd\xf6\x92\x9d\x87\xca\x0e=\xf7\xdcs\xf3\xe6\xcd{\xe0\x81\x07\xa6M\x9b\xe6\xf3\xf9t]\xd74K\x1c\t\x01\xd8\x88\xdd\xfb\xaf\xdd\xebo\x12\t\xfb\xc5\xe6\xa7_VV6e\xca\x94\xe5\xcb\x97\x9b/v\xb9\xa4\xf3\x94\xfbo\x1f3vt^\xab\x1c\xa5TCC4\x1e\x8b\x87\x02!E\xea\xccwb1\xce\x18\xe3,\xb7Un\xbb\xf3\xda\x8d\xfc\xd6\xd5\xa1`p\xdd\x87\xc5\xb3\x7f?o\xf5{\x1fVWW\xcf\x981\xe3\xd5W_\x9d;w\xee\x90!C\xcc3&lt;\t?\x1c\x03\xb0\x0b\xbb\xf7_\xbb\xd7\xdfT\x12\x13\x00f\xe8-_\xbe|\xca]S\xca\x0e\x96\x11Q\xc7\x82\x8e\xdf\x9b6\xf5;7^\xeb\xcb\xf2\x85\x83\xe1\x9a\xeaZ"2\xcf\x98sqN\x87H\xf1x&lt;\x1a\x8d\x91RB\x13W\x8c\x1aq\xf9\xd5\xc3V\xad\xfc\xf0\xc5\xdf\xceZ\xbb\xea\xa3\x1d;v\\u\xd5\x95O?\xfdLQQ\x91y\xf6\x1f\x19\x00pJv\xef\xbfv\xaf\xbf\t%`\xf9\xc9\xfc\xf4g\xcf\x9e=f\xcc\x18\xf3\xd3\xbf\xbdp\xd2?\xde\x7f}\xf2\xd4\x89\x8c\xb1\x9a\xca\x1a3\x9c\x9b\xea\x0c\tcL\x08.4AD\xc1@0\x12\xae\xbbr\xf4\xe5\xaf\xbc\xf5\xd2c\xcf\xfe&lt;#3#\x1a\x8dM\x9b6\xad\xb0\xb0\x90sn\xee\xd3:\xf7\xdf\x08\x90\xc4\xec\xde\x7f\xed^\x7f\xd3j\xe9\x000\xf7Z\xcd\x9e=\xbb\xb0\xb0\x90\x88\xfcY\xbe\x17\xe6\xff\xf6\xd9?=\xe5v\xbb\xab*\xaa\x88Hh\xcdxf\\\x08\xc19\x0f\xd4\x06#\x91\xba\xfb~t\xcfko\xbf|\xc9e]\x88\xc8\xacG\x08\xa1\xd4Y\x1c\xeb\x018\x85\xdd\xfb\xaf\xdd\xebor-\x1a\x00f\xb46~\xfay\xf9y\xf3\x97\xcc\x9ep\xfb\xf8\x8a\xf2\n\xf3\x8bi\x992\xcc\xaf\xe1\xc8\xe1#\xdd{_\xf6\xca[\x8bz\xf5\xebI\xc7\xbe\x033\x87[\xa6\x0c\x00{\xb1{\xff\xb5{\xfd\xcd\xa1\xe5\x02\xc0\xfc\xf4W\xae\\i~\xfa\xd99\xd9\x7f\x7f\xf7o\xfd\x06\xf5=|\xa8\xdc\xe5r\xb5\xfc\xe2\x97\xcb\xe5\n\xd4\x06\xd33\xd3\xdfX\xf9\xb7A\xc3\x06\x10\xd1\xec\xd9\xb3g\xcc\x98!\x84\xd0\xf53\xb8\xe8\x03\xc0\t\xec\xde\x7f\xed^\x7f3i\xa1\x00\x90R\n!\xca\xcb\xcb\'M\x9e\xc4\x18\xf3\xf9}s_{\xf1\x82\x8e\x17\x04j\x02.\x97\xabej\xf8:M\x13\xb1hLJ\xf9\xe7\xbf\xfe\xa1[\x8fK\x89h\xc6\x8c\x19+V\xac\xd04\xcd0\x8cDU\x05`5v\xef\xbfv\xaf\xbf\xf9\xb4P\x00\x98WZO\x9e&lt;\xb9\xfcp9\x11=\xf1\x9b\xe9\xc3\xae\x18R[S\xab\xb9\x12\xbc\x01_\x08\xd1P\xdf\x90\x9b\x97\xf3\xc2\x82\xdf\xf9\xb3|\x8a\xd4\xe4\xdb&amp;\x1f&gt;|\x18\xdb\x81\x00\x8eg\xbb\xfe{\xfcZ\x8a\x1d\xc7\x9f\x96Y\x0bj\x89\x000\x0f\xbe\x16/^\xbcb\xc5\n"\xba\xe5\x8e\xf1\x13n\xbf\xc9&lt;\xf2j\x81\xdf~J\x9a\xa6\xd5\xd6\x04\xbav\xeb\xfc\xd8\xb3?\'E\xe5\x87\xcb\x1f~\xf8\xe1\xe3\xef\xe2\x04\xe0p.\x97\xcb^\xfd\x97s\xdex6\xd5\x8e\xe3\xcf\xf1\xf57\xabf\x0f\x00\xf3n\xa8\xd5\xd5\xd5\x8f?\xfe8\xe7\xfc\x82\x8e\xe7\xff\xec\x97?\t\xd4\x04-u\xf1\xad\xcb\xe5\xaa\xaa\xa8\x1e\x7f\xdb\xb8k\xc6\x8e&amp;\xa2W^y\xa5\xb8\xb8\xb8\xf1\xd6\x80\x00\x8ee\x0eCUUU\xf6\xea\xbf\x1b6lh\xdcXi\xc7\xf1\xa7\xb1\xfe\xe6\xfe\xd5\xcd\x1e\x00\x86ap\xce\xe7\xcf\x9f\xbf{\xf7n)\xe5\xbd\xd3\xa6\xe6\xe5\xe7\xc6b1\xab\xad\xb10\xce\xe2\xb1\xf8\xb4\x9f=\x90\x9a\x9a\x1a\x8dF\xa7O\x9f~\xf4\xee\xaf\xd8\x14\n\x0ef\x9e\x90\x9c;w\xaeM\xfb\xaf\xed\xc7\x9ff\xd6\xbc\x01\xa0\x94\x12B\xd4\xd7\xd7\xcf\x9f?\x9f1vQA\xc7\x1bn\xbe\xae\xb6:`\xa9\xf85q\xce\xc3\xa1p\xf7\xde\x97]{\xc3\x18"Z\xbdz\xf5\xae]\xbb222p\x10\x00N\xe6r\xb9\xa4\x94v\xec\xbf\xa5\xa5\xa5\xe6\x86K\x9b\x8e?f\xfd\xcd=\xfe4o\x00\x98\xf7\xb8X\xb9r\xe5\xb6m\xdb\x94RS\x7fp\x97\xcf\xef\xb5\xec&amp;K\xcey4\x1a+\xfc\x7fw\xa7\xa5y\xea\xea\xea\xe6\xce\x9d\xebv\xbb\x11\x00\xe0d^\xafw\xcd\x9a5\xdb\xb7o\xb7W\xff\x8dD"s\xe6\xce1_\xb4\xe3\xf8\x13\x89D\xe6\xcc\x99CD\xf6\x0e\x00\xd3\x82\x05\x0b\x18c\xf9m\xf2\xbfu\xfd\xe8P0l\xd9\xf3\xab\x9c\xf3H8\xd2\xbdw\xb7\x81\xc3\x060\xc6^_\xf2zyyyjjJ\xa2\xeb\x02H\x18\xc6\x989}\xb6]\xff]\xf2\xfa\x92p8LDv\xad\x7f\xc9\x92\xba\xba:M\xd3\x9au!\xa8\x19\x03\xc0\\\xff\t\x04\x02\xc5\x1b\x8a\x95R\xc3\xae\x18\x92\xd7*7\x1e\x8f[m\xf5\xedxJ)\xc6\xf8\xa8o\x8fTJ}\xf9\xc5\x17\x9b6m\xf2\xa4\xa5%\xba(\x80\x849x\xf0\xe0\x86\r\x1b\xec\xd8\x7f\x0f\x1e&lt;XRR\xa2\xeb\xfa\xfa\xf5\xebmY\x7f\xd9\xc1\xcd\x9b7S3\x1f\x044c\x00\x98uo\xdc\xb8\xf1\xc0\x97\x07\x88\xe8\xca1#\xac\x7f&gt;U\x08\xd1PW?\xf8\xf2\x81\x19\x19\x19\xf1\xb8\xbel\xd9\xb2\x94\x14\x1c\x01\x80Ci\x9a\xf6\xd1G\x1f\xed\xdc\xb9\x93l\xd7\x7f\xbd\x19\x86a\xac^\xbd\xfa\xb3\xcf&gt;+++#;\xd6\xaf\x1bo/{\x9b\x8em\xc4j&amp;\xcd{\x04@D\xc5\x1b\x8a\x89(-#\xed\x92\xee]\xa3\xf5Q\x8b?~\x8b1\x16\x8d\xc6\xdawh{\xc1E\xe7\x13\xd1\x86\x8d\x1b\xf4\xb8ND\xd8\x0c\x04\x0e\x94\x92\x92\xb2q\xe3F]\xd7\xdd\x1e\xb7\xbd\xfa\xef\x85\x1d/ \xa2\xcd\x9b7\xaf]\xbb\x96\x88\xd2\xd2m6\xfe\x98\xf5o\xdc\xb0\x91\x88\x9a\xb5\xe6f|k\xf3Pk\xd3\xc6MDt\xde\xf9\x1d\xda\xb4\xcd\xb7\xf8\xf1\x97IJ\xe9I\xf3\x98w\xe9+-)-//\'"\x8c\xff\xe0@\xb1Xl\xe3\xc6\x8dD\xd4\xe1\xbc\xf6\xf6\xea\xbf]/\xebLD[\xb6l\xf9\xcf\xdb\xff!\xa2\x0e\xe7\xdb\xac\xfe\xa3\xe3Oii8\x1cn\xd6\x8b\xc2\x9a7\x00\x94R\x15\x15\x15D\x94\x93\x9b\x9d\x9e\x91n\x8b\x1b\xec(\xa5\xb8\x10\xad\xdb\xb6&amp;\xa2P(\xd4\xd0\xd0\x90\xe8\x8a\x00\x12CJYSSCD\xb9\xadl\xd9\x7f\xab\xab\xab\xbf\xf8\xe2\x0b\xb2\xed\xf8S\x1b\xa8\xad\xaf\xafo\xd6_\xd7\\\x01\xa0\x94\xe2\x9c\x07\x02\x01s\x01\xb1\xa0K\'\xd1\xcc\xa7\xb3\x9b\nc\xcc\xd0\xf5\x82.\x9d\xcc\x7f\xb6\xfe\x94\x01\xa0\xf9\x98[\xe6/\xeez\xb1\x1d\xfboyy\xf9\x9e\xdd{\xc8\x86\xe3O\xa7.\x17\x11Q0\x10,--\xa5\xe6&lt;\x0f\xdc\xbc\x17D(\xa5\xe2z\x9c\x88\xb2\xb2\xb3Z\xec\xee\x16\xe7N)\x95\x95\x93E\xc7\xeec\x91\xe8r\x00\x12\xcc~\xfd7;\x8b\x88t]7\x87N\x9b\xd6/\xa5l\xee\xab\x16\x9a\xfd\x94\x889\x80Z\xf6\xe2\x8b\x13\xb1]\xc1\x00\xcd\xc7v\xdd\xc1,\xb8\xf1\x08\xde\xa6\xf5S\xf3?%\xb8\x85\xce\x89\xdbn\x1em\xbb\x82\x01\x9a\x8f\xed\xba\xc3W\n\xb6{\xfd\xcd\xc7\xd2\x9b\xa2\x00\x00\xa0\xf9 \x00\x00\x00\x1c\n\x01\x00\x00\xe0P\x08\x00\x00\x00\x87B\x00\x00\x008\x14\x02\x00\x00\xc0\xa1\x10\x00\x00\x00\x0e\x85\x00\x00\x00p(\x04\x00\x00\x80C!\x00\x00\x00\x1c\n\x01\x00\x00\xe0P\x08\x00\x00\x00\x87B\x00\x00\x008\x14\x02\x00\x00\xc0\xa1\x10\x00\x00\x00\x0e\x85\x00\x00\x00p(\x04\x00\x00\x80C5\xef3\x81\xe1D\xbe\xf2xR{=\xb1\xe8\xeb\xcfVE\xfd-\xcc\xd6\xed\'\t$\xcd\xe7o\xef\x00\x90\x86\x94J\x9a\xff\xcc\x88\tM$\xb6\x9e\x93SJ\x99\x8f\xa8\x16\\h\x9a\xc69g\x8c)\xa5\x0ci\x18\xba!\r\xc9\x18\xe3\xc2\xa2\xc7dG\x8bW\xc49\x17\x9a\xe0\x9c3\xce\x18\x91TJ\x1a\xd20\x0c\xf3\xaff\xfe\xa5\x12]\xec7\xb0{\xfdd\xf3\xf6\xf3\x8d\xec\xd5\x7f\xa5\x94J*bL\x08~\xec\xf3\'\xa5HJi\x18\x86a\x18D$\xb8 \x8b6\x9fof\xd7\x00P\x8a\xa44\xbc\xdeLWj\n)"FJ\xca` \xf4\xf5\xc9\x9d\x15\x98]7%%%-=\x8d1\x8aD\xeaB\x81P]]\xbd\x1e\x8f\xbbR\\ii\xe9&gt;\x7f\xa6\'\xcd\xa3\xc7\xf5p8\xa2\xa4\xb2T76\xdb}J\xaa\xcb\x93\x96)\x04oh\x88\x86\x83\xe1\xbaH]CCT)\x95\x9a\x9a\xe2I\xf3d\xfa2=i\x1ei\xc8\xbaH]&lt;\x1e\x17\xc2B=\xd9\xee\xf5\x93\xcd\xdb\xcf7\xb2Q\xffUJIC\nM\xa4g\xa4\xa7\xa4\xa4\x18\xba\x1e\x89\xd4\x05\x03\xc1\x86\xfa\x86x&lt;\xaei\x9a\'\xcd\xe3\xf5y\xbd&gt;\xaf\x942\x1c\n\x1b\x86a\xb5\xf6s\x12\xb6\x0c\x00)%g,;\'\xfb\xad7\xfe\xf3\xe9\xa6\xcd\x9cs%UzF\xda\xa4\xbb\'\xa6\xa6\xa6\x98\xb3$\xeb0t\xc3\x9d\xe6\xf6x&lt;e\x07\xca\xfe\xf3\xe6\xb2\x0f?X[\xfa\xd9\x8e\xc3e\x87\xeb\xea\xea\x0cC\n!223\xda\xb6o\xd3\xabo\x8f\xab\xae\xb9r\xd0\xb0\x01\xae\x14W(\x18\xb2B\x1b2\x9b\xbe\'\xdd\xe3\xf1\xb8\x0f\x95\x95\xbf\xbb\xec\xfd\xff\xae^_\xb2\xa5\xf4p\xd9\xe1@m \x1e\xd7I)\xa1i\x19\x99\x19\xad\xdb\xe6_\xda\xbd\xeb\xb0+\x87\x0e\x1d18\'/\'P\x1b \x0b\x1c\x17\xdb\xbd~\x93}\xdb\xcf\x89\xd8\xa8\xffJ)SSS\xd3\xd2=\xc1@h\xd3\xfa\x8f\xd7\xad)\xfet\xd3\xe6\xfd{\xbf\xa8&lt;RY_\xdf \r\x83q\x9e\x96\xe6i\xdd\xaeu\xb7\xee\x97\\u\xcd\x95\xc3\xaf\x1a\xea\xf5y\x83\x81\xa0\x95?\xff\xe3\xd9/\x00t\xdd\xf0x\xdc\\\xf0\'\x1fy\xfa\x0f3\xff\xd4\xf8zjj\xea\xf8\xdbnr\xbbS\x95R\x16\xe9\xbaRJ\xc6Xvn\xd6\xae\xed{^\x9a\xf5\xd7\x7f,y\xeb\xc8\xe1#_\xffc\x91p\xa4\xfcP\xf9\'\x1b&gt;\x9d\xf7\xe7\x85\xfd\x06\xf5\xf9\xe1#E#F\x0e\xab\xad\tp\x9e\xc8y\x9c\x94\xd2\xe5r\xa5\xfb\xd3K\xb7n\x7fu\xe1ko\xbd\xf1\x9f\xb2\x03\x87\xbe\xf1O\x86C\xe1\xc3e\x87?\xdd\xb8\xf9\xe5y\xaf^p\xd1\xf9\x85\x0f\xdc5\xf1\xae[b\xd1\x98\xae\xeb\t\xfc+\xd8\xbd~\xb2y\xfb9\x11\x1b\xf5_%UZ\xba\xe7\xe0\x17eo\xbe\xf6\xaf\xb7\xde\xf8w\xc9g\xdb\xbf\xf1\x8f\xd5E\xea*+\xaa\xb6~\xba\xed\xd5\x97^\xbf\xb4\xc7%\x0f\xfe\xe2\x87\xa3\xae\xbd:Pk\xd1\xcf\xff+l\x16\x00\xba\xae\xfb\xb3|e\x07\x0e?x\xff\xc3\x1f\xbc\xb3\x8as\xde\xb8\x12\x97\x9d\x9be\x91vcRJ\xa5\xa5\xa7\x19\xba\xf1\x87g\xff\xf4\xc2s/\x9a\x93J!\x84Y\xb0\x94\xca\xc4\x18\xe3\x9c+\xa5\x14))\xe5\x86\x8f6\xdd\xf2\xed\xc9?\x9d\xf1\xe0\x03\x0f\xdd\x17\x0c\x04\x13\xd5\x86\x94Rn\x8f;X\x1b|\xe6\xb1\xe7^\x9e\xf7j]\xa4\x8e\x88\xb8\xe0B\x08FL\x1eCD\x9cs!8\x11\x93J*\xa9&gt;\xdf\xb3\xffgE\xbfX\xfb\xc1\x7f\x7f3k\xa6\xe6\xd2\x0c\xddH\xc8\x97b\xf7\xfa\xc9\xe6\xed\xe7Dl\xd4\x7f\rCz}\x19\x7f{i\xc9\xe3?\xfd\x95\xf9\xe1\x13\x91\xe6\xd28\xe3\xe6G\xad\xa4""\xc6X\xe3\xc9$%\xd5\xb6\xcd%w\xdcx\xf7#O\xfe\xf4\xbe\x1f\xdd\x13\xac\tZ\x7f-\xce6\x01\xa0\xa4RJ\xe5\xe6\xe5|\xb0b\xf5\x8f\xee\xfd\xc9\x81/\x0ej\x9a0\x0c\xa9\xeb\xfa\xd1Sa\xba\x91\xe8\x1a\xffG)\xa5i\xda\xde]{\x1f\x9d\xf6\xd8\xdaU\x1f\x11\x91\xd0\x04)RJ\xc5\xe3\xf1\xaf\xfca\xf3\xf4\x91y ,\x84PJ==}\xa6\xa6\x89\xfb\x7f|oMUm\xcb\x9f\x19SR\xa5\xbaS\xf7\xed\xfe|\xd2\xf5w\x96}Yf\x16\xcf\x88\x19\x86\x117\xfeW&lt;\xe7\x9cH5\x8e\xa4\x8c3R\xc48\x13B\xfc\xfb\xcde\xf1\xb8&gt;\xeb\x95?%\xe4K\xb1{\xfdd\xf3\xf6\xf3\x8d\xec\xd5\x7fMJQ^\xab\xbc@m\xc0\xe5r\x11\x91\x94R\x8f\xeb\xdf\xf0\xe7\x0c\xa2c\x0b\x86\xe6\x88\xff\xe4#O\xe7\xb5\xca\x1d?y\\mM\xad\xc5\xd7\x82\xec\x11\x00\x86a\xa4\xa4\xa4x\xd2&lt;/&lt;\xf7\xe2\xaf\x1e}\xc60\x0c\xa1\t\xc3\x90\x16&lt;e\xd4Hsi?\xfe\xde\xc3\x9b\xd6\x7f\xecr\xb9tC\'\xa5\x0cC\x12QA\x97NC\xaf\x18ri\xf7\xaey\xf9y.\x97\x16\x0c\x84\xb6m.y\xeb\xef\xff\xd9\xb7\xfbs\xc6\x99a\x18\xe6\x18\xf4\xd4/f\xf6\x1f\xd2\xafg\x9f\xee\x91H]\x0b\xcf\xe3\x18c\xf1x\xbcU\xeb\xbcV\xf9\xb9\x87\x0e\x1c\xd24M\xd7u\xf3\xa3.\xe8\xd2i\xd8\x15Cz\xf4\xed\xde\xb6]\x9b\xb4\xf44"\n\x06\x82;Kw\xbd\xfd\xcfw\xd6\xadYOD\xa4H\x97\xba\xcb\xa5\xbd\xf3\xef\x95\x0b\xff\xb2\xa8\xf0\x07w\xd7T\xd7\xb4p\x1f\xb0{\xfd&amp;\xfb\xb6\x9f\xaf\xb3c\xff\x15\x82\x87C\xe1\xab\xae\xb9b\xd8\x95C\xd7\xbc\xf7\xa1\xf9bn^N\xbf\xc1}{\xf4\xe9~A\xc7\xf3}~\xaf\x10"\x12\xa9\xdb\xb3s\xef\xbbo\xbf\xff\xd1\x9auD\xa4\x0ce\xee\xcez\xfc\xa7O\x0e\xbdb\xb0?\xdb\xaf\xc7uK\x1d\xd9|\x85\r\x02@\x8f\xeb^\x7ff\xa06\xf4\xa3{\x7f\xf2\x8f\xd7\xffE\x8c\x84\x10\xe6|!%5%\x16\x8d%\xba\xc0o`\xb6\xec_&lt;\xf5\xf0\xc4\xeb\xee\xac\xaf\xabWR\x19\xa4z\xf5\xeby\xdf\x0f\xef\xb9\xfc\xeaa^\x9fW*)\rI\xa4\x18\xe37\xdc&lt;\xf6\x81\x87\xbe\xf7\xeb\'\x9e\xff\xcb\xef\xe7p\xce\xa5\x94$\xc80\x8c\xdf?\xfb\xc7\x85K\xe7$\xa0\x8f02\x0c\xc3\xeb\xf3&gt;?\xf77\xdf\xb9\xfc\xbb\xc1\xda \x11]9z\xc4\x94\xfb\xee\xe8?\xb8\xaf\xb9\xdb\xc10\x0ciH"\xe2\x82\x8f\x18y\xf9\x94\xfb\xefxe\xfe\xdf\x1e\x9d\xf6\x989\xd4\x1a\x86d\x8c\xfd\xe5\xf997\xderC\xaa;\xd50d\x8bv\x01\xbb\xd7o\xf7\xf6\xf3\x7f\xd9\xb1\xff\x9a\xcco\xe1\xce{\'\xafy\xef\xc3A\xc3\x07\x8e\xbb\xf5\x86\xcb\xaf\x1e\xd6\xa6]\x1b!\x84a\x18JI\xa5\x883&amp;\xc6\x8e\xba\xb7h\xea\xeb\x7f]\xfa\xf0\x0f\x1e\x8d\xc6bJ)\xceyuU\xcd\xdf\xff\xf6\x8f\x07\x1e\xbc\xaf\xba\xb2\xc6"\x07a\xdf\xc8\xeaKTJ\xa9\x9c\xbc\x9c\xcf&gt;\xd9\xf6\xdd\x91\xe3\xff\xf1\xfa\xbf\x84\x10\x82\x0b\xf3\x98\xf7\xe1\'\x1e*\xe8\xdc\x89\x8e\x1e\xcb[\x0b\xe7\xbc.R7p\xd8\xc0\xa7\x9e\x7f\xc20\x0c\x8f\xc7=\xfd\x99G\x96.\x7f\xe5\xda\x1b\xc6(\xa5\xaa*\xabk\xabk\x83\x81P(\x10\x0e\xd4\x06*+\xaa\x94\xa2\'\x9f\x7f|\xe2\x94[\xa4\x94Bp\xf3\xec\xdf\x9a\xf7\xd6\xee\xda\xbe\xc7\xe3q\xcb\x16\xef\xc4\x9c\xf3P0\xd4\xf9\x92\x8b\x1fy\xe2\']\xbau^\xb0t\xf6K\x7f\x9f7b\xe4p\xa5TueumMm8\x14\xae\xab\xab\xab\xab\xab\x0b\x87\xc2\xd5U\xd5\xa1\xda\xd0\xd4\xfb\xa6\xfc\xec\x97?\x91R2\xce\xa4\x94\xc4X\xd9\x81C\x1b\xd7}\xecI\xf3\xa8\x16\xdf\xd7\x91\x04\xf5\xdb\xba\xfd4\xb2i\xff5\t!"\x91H\xff!\xfd\xdeX\xf9\xb7\xc5\xffZx\xeb\x9d\x13\xfcY\xfe@m\xa0\xba\xb2:P\x1b\x08\x05\xc2\xe1P8\x10\x08UU\xd6\x04j\x03wL\xbd\xed\xa1\xc7~\xa4\xa4\xe2\x9c\x11\x11cl\xd5\x8a5\xf1X\x9cq\xebN\xff\xc9\xe2\x01\xa0\x94r\xa5\xb8\x16/\xf8\xdb\xb8Q\x13v\x96\xec2\x8f\xc4\r\xc3HMM\xfd\xc3\xfc\xdf~oZamMm\xa2k&lt;!!DUe\xf5wo\xb9\xfe\xe7O\xfdl\xe1\x1bs\x1fx\xe8\xfeX&lt;^[\x13 "M\x13B\x08!\xb8yZR\xd34i\xc8@M\xe0\x07\x0f\xdd\xe7\xf5e\x9aG\xfa\x8c\xb3hCt\xcb\'\x9f\xa5\xbaS[~\x00""M\xd3\x025\x81\x1b&amp;\\\xf7\xc6\x8a\xbf\x8d\xfc\xd6\xd5\xa1`(\x18\x08\x12\x91\xd0\xcc\xd2\xffG\xd34.x\xf9\x91#\xb7\xdey\xf3\xf9\x1d\xcf\x97\x86\xe4\x9c\x0b\xce\x18c%[K5\x97\x96\x90\x01\xc8\xee\xf5\xdb\xbd\xfd\x90\xcd\xfb\xafII\x95\x92\x92\xd2w@\x9fhC\xb4\xa6\xaaF\xd7u!\xc4\xd1&amp;$\xb8\xb9\x83\xc0\xfc:**+\xbe{\xcb\xf59y9\xe6\xe7\xaf\x94\xda\xbf\xef\x8b@mP\xd3\x84\x95W\xba\xac\x1b\x00\xd2\x90\x19\x99\x19\xef\xbe\xfd\xfe\x0f\x0b\x1f\xac\xafo\xe0\x9c\x9b\x87\xf6\xed\xcfk\xb7\xf8\xad\x97&amp;\xdcvS\xf9\xa1\xf2h4FD\x8a,\xfa\xf9\n\xc1\x83\x81\xe0\xbdES\x07\x0c\xe9W~\xe8\x08c\xecD\xab\xc9\\\xf0h4\xda\xb6C\xdb\x1e\xbd\xbb\x13\xd1\xd1\xbd\x11D\xfb\xf7~a\x9e\xd6k\xd1\xba\x8fc\x9e\x8d4\xf7\xb4\x9dd)\x9c1f~_\xbd\xfb\xf5\xa0c\'\xc4\xcc\xe96\xa9D^\x1ai\xeb\xfam\xdd~\x92\xa0\xff\x9a\x94R\x91H\x841&amp;4q\xa2\xd5|\xc6\x98\x94\xd2\xe7\xf3\x9d\x7fa\x07"2[L8\x14nh\x882\xab\x1e\xdf\x98\xac[\x1c\x17&lt;\x12\x8e\x0c\xbfj\xe8\xe5W\rSJ\tM\x18\xba1d\xc4\xa07V\xbe\xd6\x7fp\xdf\xaa\xcaj\xc6\xf8\xd1\x93\xf2\x16n?\x9c\xf3@m\xa0\xae\xae^;\x8du@M\x13\xed\xcekKd6 FD\xe1P\x98\xcc\x0b%\x13GJy\x9agA\x19c\xfe,?\xd1\xff\xea\xb5\xc2\xe9/[\xd7o\xdf\xf6\x93\x1c\xfd\xd7t:\x8bTJ\x111b\x8c\xd3\xb1\x8f\x9bY\xf8\xb6"\x8d\xac\x1b\x00D$\xa5Ju\xa7\xfev\xf6\xccv\x1d\xda\xc5c\xf1;\xbfw\xfb\xa2\xbf\xcf\xcbk\x95\x13\xac\r\xba\\.\xa5\xa4\xa5.\x1a&lt;\x11s\xc1\xe14\xff\xf0W\xfe\xa4\xe6r\x11Qb\xbb\xc8\xe96bFJ\xa9P0d\xfe\x9b"b\x8c\xf2Z\xe5\x12Kp\x07\xb7{\xfd\xf6m?\xc9\xd1\x7fO\x8b"!x]\xa4\xae\xfcP9\x99a@\xe4\xf3{=iniHf\xe1\xdb\x03Yz\x17\x10\xe7\xac&gt;R\xdf\xbam\xfe\xb3\x7f\xfc\xd5\x9e\x9d{\xee\xf9\x7fw\x07j\x82\x864\xcc\xb3\xeaJ\x91\r&amp;\x0fgBJU]UCd\x1e\x15+"\xca\xcd\xcbQJY\xb9\x015\xe2\x9c\xd7\xd7\xd5o\xdd\\BDJ*s\x0fE\xd7\xcb\xba\xeaq\x9d[\xfb&lt;\x98\xc9\xee\xf5\x93\xf5\xda\x8fs\xfa\xafa\x18\xdeL\xef\x9a\xf7\xd7\x1e\xfc\xb2\xac\xf1$p\xc7N\x17z}\xdeP0d\xd9\xb3\xdcd\xf1\x00 "\xa1\x89@mp\xf0\xe5\x03G\x8c\x1c^]U\xd3x\xddc\xa2\xebjzB\x88H8\xb2g\xc7^"2/\xf2$\xa2N\x17w\xd4u\x83,\x7f \x19\x8b\xc5\xf3Z\xe5\xbc\xf3\xd6\xca\x1d%;\xcdm\x0fJQ\xfb\xf3\xdb\xf7\xee\xdf\xb3.Rg\xf1\x8d\x10d\xff\xfa\xc9\xaa\xed\xc7\t\xfdWJ)4\xa1\xc7\xf5_?\xf1;\xa5\x94\xb9\n\xa4\x94\x1ay\xed\xd5B\x08%\x95\x95\xd7Y,\\\xda1\x9c\xf3\x86\xfa\x06\xf3&lt;\x9e\xf5\xd7\xd4\xce\x8e\x94\xd2\xedq\xef,\xd9\xb9w\xf7&gt;\xc6\x98\xd9\x85\xb3r\xb2\xba^\xd6\xa5\xa1\xa1\xc1"3P\xa5\x8e\x8e,\x8d\xcc\r\xf5\xban\xe4\xe4f\x97\x1d84\xe3\xa7O\x12)F\xcc&lt;\xf1X\xf8\x83\xbb\xb2s\xb2u]\xb7\xc8\x11\x8c\xdd\xeb?\t+\xb7\x9f\xe4\xee\xbf\xe6\xbe\xdb\xcc\xcc\x8c\x9f\xfe\xe0\x91\x8d\xeb6\x99\x93}\xc30.\xbc\xe8\x82\xb1\xe3\xbe\x1d\n\x86\xb8\xb5\xaf\x04\xb6A\x00\xd0\xd1\x1b\xb6X\xfas&lt;G\xd2\x90nw\xea\xab\x8b\x96\x18\x86\xc197w\x0e\x8c\xb8zx\xbb\x0emc\xd1\x98E\xba\r\xe7\xacq\xeb\xa4\x10Bsi\x9e4OV\xb6\xdf\x9f\xe5\xfb\xef\xeau7\x7fk\xd2\x9e\x9d{9\x17\x9c\xf3x&lt;&gt;\xf2\xda\xabn\x9b:1P\x1b\xb0\xce\x17g\xf7\xfaO\xc2\xe2\xed\'Y\xfb\xafy\x85\xb3+%\xe5\x07w\xff\xe8\xd5\x85\xaf\x0b!\x1aw4=\xf1\x9b\xc7\xbc\xbeL]\xd7\x13\xfd\xd9\x9f\x82\xd5\x97\x80\x9c\xc0\xdc0\xb7\xf9\xe3\xcf\x96\xbc\xfc\x86\xb9\x9f\xcc&lt;R\x9e&lt;\xf5\xd6\xb8\x95\xae#\xd7u\xbdqG\x894dCC\xf4H\xf9\x91\xd2\xcf\xb6/\xff\xd7\x8aw\xfe\xbd\x92\x884\x97f\xee\xeb\x183v\xd4\xeff?\xf7\xf5\xbb\xd6$\x96\xdd\xeb?\x11\xbb\xb4\x9f$\xa3\xebz\xa67\xb3\xa6\xaa\xe6\x07w\xfdp\xd5\xca5\x8d\xdbm\xa5\x94O\xfe\xee\xf1\xab\xc6\x8c\xb0\xce\x8d\x98N\x02\x01\x90x\x8c\x11\xe3\xec\xb1\x87\x9eh\xa8o0\x0f\x93\r\xc3\xb8\xee\xa6o\x0f\x1c\xda\xbf\xb6&amp;\xf13Ps+}(\x18\xbas\\a\xa06\xc08SJ\xe9\xba\x11\x0e\x85\x035\x81\xe37r\xe8q\xbdM\xbb6\xdf\x9b6\xf5\xb6\xc2I\xf1x\\\x8f\'\xf8v\xca&amp;\xbb\xd7\x7fJ\x16o?II\xd7\r\x7f\x96\x7f\xdb\xe6\x92\xef\xdd\xf6\xc0\x9e\x9d{\xcd\xb9\xbf\x94\x92s\xfe\xcc\x1f\x9f\xbcm\xea\xa4\xea\xaaj\xeb\x8f\xfe\x84\x00H8]\xd7\xf3Z\xe5\xfd\xea\xd1\xa7\xff\xbbj\x9d\x10\xc2\xbc)\xb1?\xdb\xff\x93\x19\x0f6\xd4G\xad2}c$\xa5\xdc\xb9}\x97y_\xe5\xe3\t!\x88\x91\xe0b\xf8\xd5\xc3\xc6\xddz\xfd\x98\xb1\xa3}\x99\xbeC\x87\x0e\x11;z\x03KK\xb0{\xfd\'f\x8f\xf6\x93\\\x0c\xdd\xf0\xfb\xbd\xeb\xd6\xac\xbfk\xc2\xbd\xb5\xd5G\xef\xf7)\r\xe9\xcf\xf2\xfdn\xf6sc\xae\x1b]]Ym\x97\xdcE\x00$\x92\x1e\xd7s[\xe5\xbc\xfa\xd2k\xbf{\xfa\x05!\x84\x94\x92\x0bn\xe8\xc6\x8c\x99?\xbf\xf0\xa2\xf3\xadv\x08\x99\x96\x9ef.(\x1f\xdb\xc5qt=\xc5&lt;\x99\xbaw\xd7\xde7^\xf9\xc7\xf6\x92\x9d#\xae\x1a\xdeg`o]\xd7\xeb\xeb\xea-\xd5\r\xec^\xff\xd7\xd9\xab\xfd$\x07)ezf\xfa\xd6-%w\xdeT\xd8\xf8\xe4/\xc30\xba\\\xda\xf9\x8f\x0b\x9f\xef\xda\xadKUE\x95\xa6\xd9f\\\xb5\xc1\x11n\xb2\xd2\xe3zvn\xd6{\xcb?x\xf0{\x0fs\xce\xcc\x0bV\r\xdd\xb8\xeb\xfe;\xc7O\x1eg\xb5\xde\xab\x94\n\x07\xc3\xba\xae\xc7\xe3q\xfd(\xe3\xe8\xff\x19R\xd7\x8d\xbd\xbb\xf6\xbd\xf3\xef\x95\xbf\xfb\xd5\x1f\xbe;\xf2\xe6\xc2[\xef\xfb|\xcf~\xaf\xcfk\xde\xf6\xcb\n\xec^\xff\xd7\xd9\xab\xfd$\tE\x9c\xf3hC\xb4\xe8\xee\x1f\x07\x03A\xa1\tE\xca0\x8c\xc1\x97\x0fz}\xf9\xe2\x82.\x17\xd5T\xd5\xd8h\xf4\'\x1c\x01$\x8a\x1e\xd7\xfd\xd9\xfeM\xeb?\xb9w\xd2\xf7\xa3\xd1(\xe7L\x08\xae\xeb\xfa\x98\xb1\xa3\xa6?\xf3H\xc0JK\xb7\xe6}r\xd2\xd2\xd3\xe6\xbd\xfe\x97x\\gD\x8aH\xd7\xf5H(Rq\xa4r\xff\xbe/\xb6~\xbau\xcb\'[\xcd\x15s\xce\xb9\xae\xebo\xffc\xf9Gk\xd6\xffq\xc1\xf3#\xae\x1e\x16H\xf4\xf3Q\xed^\xff7\xb2Q\xfbI&amp;\x864\xb2\xb2\xb3\xe6\xffya\xe9\xd6\xedB\x13J*)\xe5\xa0\xe1\x03\x17.\x9d#\x84\x08\x07#\x9a\xcbf#\xaa\xcd\xcaM\x0e\xba\xae\xfb\xb2|\xa5[\xb7\xdfySa\xa06h&gt;\x17O\xd7\x8d\x81C\xfb\xffa\xdeo\xa2\rQ\xa5\x94\xa5.&gt;2\xcf\xa3\x0e\xbfj\xe8qk\xca\xcc\xdcjB\xa4\xea\xeb\x1a\xf6\xee\xde\xf7\xb7\x97^\x9f\xf7\xa7\x85\xe6\x03\x9e\x84\xe0\xb5\xd5\xb5\x85\xb7\xde\xf7\xe6{\xaf\x17t\xe9T_W\x9f\xd8\xb3\xa9v\xaf\xff+l\xd7~\x92\x06c,\x16\x8b\xfds\xc9[\x8c1\xc6\x98T\xb2m\xfb6\x7f\\\xf0;\xcd\xa5\xd5\xd7\xd5\xdb\xf1\x90\xcbB\xcd\xda!t]\xf7z\xbd{v\xee\xb9\xed\x86)\x15\xe5\x15\x9cs\xc6\x99\xae\x1b=\xfat\x9f\xf3\xea\x8b\\\x88\x84?\x8b\xfc\x1b)\xa5B\x81p\xa06x\xec\x7f\x81\xda\x9a\xda\xea\xca\xea\xea\xca\x9ahC\xb4c\xc1\x85O\xfe\xee\xf1\x05Kfgz3\x19c\x86!5M\x8b\x84#\x8f\xff\xf4I\x8b\xfc]\xec^\x7f#\x9b\xb6\x9f$`\xde\xdd\xba\xf2H\xe5\xae\xed\xbb\x95R\xe6\x13:\xef\xfe\xfe\x94\xf6\xe7\xb5\x8b\x84#6=\xe4BCiQ\xba\xae{\xbd\x99\x9f\xef\xdb?\xe9\xba;\xcb\x0e\x1c\x12B0\xce\x0c\xdd\xe8\xd6\xe3\xd2\x85K\xe7\xa4g\xa4G\x1b\xa2\x96\xed\xbd\xe6\xdd\xe7\xff\x0fM\x08M0\xce\x1a\xea\x1b\x0e\x97\x1d\xfe\xd6uc~\xf6\xcb\x87\xccg\xaa\x18\x86\xce9\xff\xf0\xfd\xff~\xbaasZz\x9a\x15n\xfbe\xf7\xfa\xc9\xe6\xed\xc7\xee\x94R\x9a\xd0\xaa+\xab\x83\x81\x10\x11\x19\x86!\x84\x184l@]\xc4\xea\x9</t>
        </is>
      </c>
    </row>
    <row r="161">
      <c r="A161" s="1" t="n">
        <v>159</v>
      </c>
      <c r="B161" t="inlineStr">
        <is>
          <t>shape_morph</t>
        </is>
      </c>
      <c r="C161" t="inlineStr">
        <is>
          <t>What is the missing shape of the part denoted with a question mark?</t>
        </is>
      </c>
      <c r="D161" t="inlineStr">
        <is>
          <t>['triangle', 'circle', 'pentagon', 'hexagon']</t>
        </is>
      </c>
      <c r="E161" t="inlineStr">
        <is>
          <t>triangle</t>
        </is>
      </c>
      <c r="F161" t="inlineStr">
        <is>
          <t>There are eight shapes arranged in a grid. The top left shape is a pentagon and the bottom right shape is a ?. The other shapes do not appear to regular shapes.</t>
        </is>
      </c>
      <c r="G161" t="inlineStr">
        <is>
          <t>We observe that from the top left to bottom right direction, the shapes look like a pentagon but gradually change shape into something like a triangle. Hence, the pattern is the the shapes are morphing between pentagon and triangle shapes.</t>
        </is>
      </c>
      <c r="H161" t="inlineStr">
        <is>
          <t>Based on the pattern that the shapes are morphing between pentagon and triangle shapes, the missing shape at the bottom right should be a triangle.</t>
        </is>
      </c>
      <c r="I161" t="inlineStr">
        <is>
          <t>b'\x89PNG\r\n\x1a\n\x00\x00\x00\rIHDR\x00\x00\x02\x00\x00\x00\x02\x00\x08\x02\x00\x00\x00{\x1aC\xad\x00\x00\x80\xc3IDATx\x9c\xed\xddy\\T\xd5\xff?\xf0s\x97\xd9g\x18\x86}Q\x10LQT\\\x10\x155\xf7\r\xadLK\x8d\x96\x8fK\x81\xa6-\xeaG\xfbTZ.\xb9\xd5\xaf\x8fhj*\x94[\xa9\xe5\xbe\xe6\x82k\xa5&amp;\xa2\x18\x9a\xe4\x82\x06\xa8,\x03\xcc0\xfbr\xef=\xbf?NN|\xd3\xfaX\xb1\xc8\xdc\xf7\xf3\x8f\x1e6\x0er\xb9\xdc9\xaf\xb3\x1f\nc\x8c\x00\x00\x00\x88\x0f]\xdf\x17\x00\x00\x00\xa0~@\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x00\x00\x80HA\x004\x18\x82 p\x1c\x871\xae\xef\x0b\x01\x00x\t\n\n\x94G\x9c \x08\x82 \xd04M\xd3\x90\xd6\x00\x80\x9a\x04e\xca#\x8a\xd4\xf7I\xd1\xcf\xb2,M\xd3w\xee\xdc\xf9\xf0\xc3\x0fKJJ\x04A\x80\xd8\x06\x00\xfcsl}_\x00\xf8\r\xc6\x18c,\x08\x02\xc30\x9e*\xff\xed\xdb\xb7333w\xef\xde}\xf2\xe4I\xa3\xd1h6\x9b\xe7\xcd\x9b\xc7q\x1c\xcb\xc2\xef\x0e\x00\xf0\x8f@\x17P\xfd#\x85&gt;\xc6\xb8z\x99\x9e\x97\x97\xb7\x7f\xff\xfe\x83\x07\x0f\x9e;w\xced2\xfd\xfa*EI%\x92\x13\'N$&amp;&amp;\xf2&lt;\xcf0L\xfd\\1\x00\xc0+@\x00\xd4\x1bR\xee#\x84&lt;\xe58\xcf\xf3\x17.\\8y\xf2\xe4\xce\x9d;\xb3\xb2\xb28\x8e\xfb\xdd\x97\x84\x05\x05\x95\xe8\xf5\x81AA\x97.]\n\x08\x08\xc0\x18\xc3\xc0@m\xf3|@(\x8a\xaa\xdf+\x01\xa0\xc6A\x00\xd45O\x0f~\xf5r\xff\xec\xd9\xb3;w\xee\xfc\xe6\x9bo\xae\\\xb9\xf2\xbb\xf734\xdd\xa5]\xdb\'{\xf7n\xd6\xb8\xf1\xac\x15\x9f^\xbe~\x1d!\xf4\xec\xb3\xcfn\xd9\xb2\x85\xe7y\xe8\x08\xaaA\xe4\xf7BR\x99\xfc\x19\xc6\xde\x81w\x83\xe2\xa3\x8e\xdc?\x99\xc7d2\x1d?~|\xf7\xee\xddg\xcf\x9e\xbd\xbf\xdcW+\x95\xbd:u\xea\xd7\xa5KLT\x93^\t\tr\xb5\nIe;\x8f\x1c\xbdQX\x18\x1e\x12\xbcm\xdb\xb6\x0f&gt;\xf8\xe0\xfd\xf7\xdf\x87\xc1\x80\xbf\x81\x14\xee\xf8\x1e\x84\x10EQ\x14E\x91_\xcd\xef:\xd6\x04A(//W\xab\xd5J\xa5\x12c\x0c\xed\x00\xe0M\xa0\x05P\xbb\xee/\xf7o\xdf\xbe\x9d\x95\x95\xb5o\xdf\xbe\xcc\xcc\xcc\xdb\xb7o\xff\xee\xfd\xc1\x01\xfe1M\x9a&lt;\xd3\x7f\xc0\x13}zG7\nG\x0c\x8b8\xcej\xb3\xb99N"\x9188n\xfe\x8aO3\xb6m\xb3\xda\xed\x0c\xc3|\xfb\xed\xb7\x89\x89\x89\xe4\xdf\xaf\xf3\x9f\xaca\xb8\xbfROQ\xd4\x1f\x8d\x9dTUU\t\x82\x90\x9f\x9f_XXx\xe9\xd2%\x87\xd3y!;\xfb\xce\xdd\xbbEEEIII\x9b7o&amp;q\x0b\x19\x80\x10\xe2y\x1e!\xe4y\xf0\xe0\x9e4P\x10\x00\xb5\xc2S\xb5\xac^\xeegff\xee\xda\xb5\xeb\xc4\x89\x13\xbf\r\xea\xde\x13\x16\x14\xd4\xbfk\xe2\x13\xbd{wo\xdf\xde_\xab\x95H\xa5n\x97\xcb\xeet\x92*\'C\xd3\x08!\x9e\xe7\xd5j\xf5O\xd7\xafw\x1a\xf5\\XP\xd0\xdd\xd2R\x8dV{\xf9\xf2\xe5\x80\x80\x80\xea\xdfH\x9c\x1eX\xa9\xa7i\xfa\x81\x05\x93 \x08UUUV\xab\xf5\xda\xb5k\xb9\xb9\xb9\x06\x83\xa1\xb0\xb0\xf0\xe7\xabWo\\\xbf\xeet\xb9\xcc\xf7\xfdv\x88\xd9\xb3g\xcf\x9a5\xcb\xedvK$\x92Z\xfdY\x1a"\xcfm\'YK\x90\x9bOZW\xd5_\x01\x8f\x0e\x08\x80\x9at\xff\xb8\xee\x83\'\xf3\xdc\xd3":zP\xf7\xee\tmZ\xb7o\xd1\xb2e\x8b\x18\xc4q\x0e\x87\x83\xe38\x01c\x8a\xa2\xe8\xfb&gt;-&lt;\xcf\xab\x95\xca\x13\xe7\xce\xbd6o\xfe\x8d\xc2B7\xc7\x8d\x1c9\xf2\xeb\xaf\xbf\x16aG\x10\xc6\x98TB\xd1\x9f\xf6\xd4\x1b\x8dF\x9e\xe7\x7f\xfa\xe9\xa7\xf2\xf2\xf2K\x97.9\x9d\xce\xac\xac\xac\x82\xc2\xc2\x8a\xf2r\x8b\xd5\xeav\xb9&lt;\xef\x0c\xf5\xf7/\xae\xa8h\x16\x11\xc1c\xa1M\xb3\xe6\xbb\x8f\x1d{\xe1\x89\'Nfg\xab\x14\xf2\xab\xb7~\xd1\xa8\xd5f\x8b%===%%E\xe4\xf3\xafH\xa5\xe4\xf8\xf1\xe3*\x95\xaaY\xb3f\xe4E\x9dN\xf70_\xebi\x8aU/v&lt;\xa9\x00\xed\x89\xba\x07\x01P\x03H?O\xf5\xbe\x05\xab\xd5\x9a\x9b\x9b\x9b\x96\x96\xb6c\xc7\x0eO9EHX\xb6iDD\xc7V\xb1)#F\xc4\xc7\xc6\xaa||\x90 \xb8\x9dN\x9b\xc3A!\xf4G\x95V\x0f\x8e\xe7\xb5\x01\x01c\xff=m\xdd\xae]4M\x0b\x82\xb0j\xd5\xaa\xf1\xe3\xc7\x8b*\x03\xee/\x82m6\x9b\xd3\xe9,---,,&lt;w\xee\x9c\xd3\xe9\xbct\xe9\xd2\xad_~),(p\xba\\6\xab\xd5\xf3N\tM\xeb\xb4Z\xbd\xc1\x10\x17\x13\xa3\x90\xcb\xf5\x06\x83\xd1d\xea\xd2\xae-\xc7\xf1\xdf\x9d?\xdf\xb1u\xab\x10\xff\x00\x9d\x8f\xcf\xb5\x82\x82\xa7z\xf7R*U\xfeZ\xed\xae#Gv\x1e=\xeat\xb98\x8e\xcbHO\x7f%%ETw\xbb:\xd2\x00\x9a;w\xee\xacY\xb3\x10B\xfe~~\x02\xc6\x08\xa1\xc8&amp;Mt\xbe\xbe,\xcbv\xec\xd8Q&amp;\x93a\x8cu:]\\\\\x1c\xc68,,,$$\x04c\xcc0\x8c\x8f\x8f\xcf\xc3|\x97\xea\xcd\x08\x917mk\x1b\x04\xc0\xdf\xf7\xc0q\xdd\x13\'N\xec\xda\xb5\xeb\xd8\xb1c\x05\x05\x05:\xb5\xda\xe2p\xb89\x0e!\xc4\xd0tb\xbbvCz\xf6Hz\xfc\xf1\xa6\x11\x11j\x85\x02!d\xb5\xdb9\x9e\xa7\x10"\xbd\x15\x0f\xf3M\xc9\x07\xc9\xeep\xf4\x1c=\x86\xa2\xa8\x9bEEV\xbb=\'\'\xa7]\xbbvb\xa8\x99\x92\xa2\x81\xa6i\xbd^\xbfo\xdf\xbe\xc2\xc2\xc2J\x83!\'\'\xe7f~\xbe\xd5j5\x1a\x8d\xd5\xdf\xdc((\xe8vYYB\xabV\xd7\n\x0b\xfb\'&amp;n;|xTR\xd2\x95\xfc\xfc\xe8\xc6\x8dv\x1f=\xf6\x9fW^\xce\xbe\xfcS\xb3\xc8\xc8\xdb%%/=\xf5\x94\xc9j\x89j\x1c!c\x99\xe6M\x9a\xc8$\x12\xadV\xebv\xb9$R)\xa2\xe92\xbd~\xc0\xcb\xaf\xfcx\xf5*\xcb\xb2\x1c\xc7eff\xf6\xeb\xd7O\x84\x19@~\xe4\xa3G\x8f\xf6\xeb\xd7\x8f\xa2i\t\xc3`Ap\xf3&lt;B(\xc4\xcf\xaf\xa4\xb2\xf2\x8f\xbeP\xab\xd5\x92\xeaQ\xf3\x98\x18\xb9LV=\'\x9a4i\x12\x11\x19\x890fY\xb6U\xabV\xe4\xd3\xa4\xd5j=_+\x86\xa7\xba\x1eA\x00\xfce\xa4\xdcg\x18\xc6SU\'\xfd\xfb\xfb\xf6\xed\xcb\xca\xca\xaa&gt;\xae\xdb8$$\xbaQ#\x8e\xe7G\r\x19\xdc\xacq\xe3^\t\tr\x8d\x86w8\x9cN\'/\x08\x18!\xe6o\xd5n\x04A\x90I$\xa5\x95\x95\xfd\xc6\xbd|\xad\xa0\x80\xa6\xe9\xd6\xad[\x1f?~\\\xab\xd5\xfe\xcf\x06D\x83\xe6)s\xd7\xacY3s\xe6\xcc\xe2\xe2b\xf2\xbaN\xadr\xba9\xb9L\x16\xe8\xef\x1f\xd5\xa8\xd1\xe1S\xa7\x12\xdb\xb5ss\\\x93\xb0\xb0-\x07\x0fNz&gt;\xf9\xcc\xc5\x1f\x93\x07\'}\xf3\xddwO\xf7\xe9\xcb\xb0L\xf3\xc8H\x9e\xe7c\xa2\xa2T\n\x85\xbf\xaf/\xe9\xa2\xa6X\x16\t\x02\x16\x04\xa7\xcb%`\xcc\xf1&lt;MQ\x82 \x08\x18\xab\x94J\xa3\xd9\xdc~\xd8p\xbd\xc1\xa0R*\x19\x89\xe4\xc0\x81\x03\x1d;v\x14\xd5\xf0;\xf9a/_\xbe\xdc\xfd\xf1\xc7c\x9b4\xc9\xcb\xcf\x8f\x0c\x0b\xa3i:\'/\x0f!4m\xec\xd8\x8f\xd7\xae\xf5Q\xab\x87\xf6\xed\xf3\xc5\xee=\x08\xa1V\x8f=\xe6\xab\xd1\x9c\xca\xc9\xe9\xd0\xb2eaqq\xb9\xd1\xc8\xd0\xb4\xbf\x8fO\xd9\xff\r\xe9\xea\x94*\x95L*\xa5i\xbayL\x8cJ\xa9\xe4y\xbeG\x8f\x1e\xb3g\xcf&amp;\xcdk/~\xb0\xeb\x11\x04\xc0C\xf1,\xd6\xad^\xee_\xb9r%++k\xd7\xae]\xc7\x8f\x1f\xbf\xbf\x7f\xdf\xdf\xd7wP\xf7\xeeS\xc7\x8ei\x19\x1d\xad\xd0h\x90\xcbe\xb5\xd9H\xb1B\xd1\xf4?|\x969\x9e\xd7\xfa\xf9\xcd_\xb6|\xf5\x96-j\x952/\xff\xa6w\x0f\x06\xf0&lt;O\xb2\xed\\v\xf6\x87\x8b\x16m\xdf\xbe]!\x93\xd9].\x84\xf1s\x83\x87\xdc(,\x10\x04\xe1Fa\xe1\xe8\xa7\x87\xde)-\x130\x8e\x08\t\xe9\x10\xdbR\xa5Ph\xd4\xea\xb0\x80\x80@\x7f\x7f\x85L\xa6\xd5h\xdcn\xb7D.G\x1c\x87h\xda\xe5t\n\x82\xe0\xbe\xb7\xda\x0ecL\xfa\x9e\xef/k8\x8e\xf3\xd1j\xf7\x1d;\xb6|\xe3\xa6\x1frsM\x16KtttVV\x16\xe9\xf8\x16C\x06`\x8cyAp:\x1c]\xbat)\xbb{\xd7\xeet\x0e\xeb\xd7\xf7\x9d\xf1\xe3\xed6\xdb]\xbd^*\x91\xa8\x14\x8a}\'N\x06\x07\x0404\xb5\xed\xd0a\x8cP\x8f\xf8\x0e\xf9E\xb7\x0f|\xff\xfd\xc4\xe7\x9e[\xb7k\xd7\xdd\xb2\xb2\xb0\xa0\xa0!\xbdzfl\xd9\xea\xa7\xd5\x0e\xe9\xd5\x93\xe4\xc4\x80n\xdd\xae\xe4\xe7\xdf.)Q)\x95\xb1\xd1\xd1\xe7._fi\xda\xafZN\xcc\x9a5\x8bd\x00\x12\xc7\xad\xaec\x10\x00\x7f\xe6O6i\xf8\xa3\xc5\xba\xb1M\x9b\x0e\xe8\xdemp\x8f\x1eM\x1b5\x8a\x0c\rE\x14ew8x\x9e\xa7h\xfa\xef\xd5\xf7\xff\x88\x80\xb1R\xadJ\xfb|\xed\xf4\x8f?f\x18\x86\xe7y\xaf\x1c\x0c \x83\xbd\xa4\xefe\xc5\x8a\x15\x1f.\\XY^&gt;\xfe\xf9\xe4\xe5\x1b7i\xd5\xea\xf8V\xad\xc6&lt;=\xb4\xd2dj\xdb&lt;\xc6\xeet\xc45\x8f\x91\xb0l\x80\x9f\x8e\xe38V"A\x08#Dqn7\xc7\xf3\x82 x*\xf5\x14Ea\x84\xe8{sT\x1e\xe62\xdc\x1c\xe7\x1b\x14\xb4c\xef\xde\x11S\xa6\xc6DE\xe5\xe5\xe7\xf7\xeb\xd7/33\xd3\x93L\xb5|\x1b\xea\x19y\xa8F\x8f\x1e\xbdo\xd7\xae\x1e\t\t\x97\xae]\xfb\xf8\xad\xe9O\'%\xb9\xacV\xa9T\x8a\x10\xe6\xdd\x1c\xa3P Ap;\x1c\x12\x96E\x08\xf1\x82\xa0\xaf\xac\xfc\xb5\xddp\xfd\xba\xd3\xed\xd6\xa8\xd5&amp;\xb3\xf9t\xce\xc5\x90\xa0@\x1aQ[\x0f\x1d\xa2(jX\xdf&gt;kv\xec,(.n\x16\x11\x91\xd8\xbe\xdd\xb2/76\n\tIz\xbc{\xc6\xd6m\x08!\xa9D\xe2r\xbbSRR\xd2\xd3\xd3\xd1\xbdVH=\xdf\x0b\xef\x02\x01\xf0\x00\x0f\xdc\xa4\x81,\xd6\xfd\xf6\xe4\xc9\x0b99\xbf+\xf7\x19\x86Ih\xdd:\xa9\xc7\xe3m\x1ek\xd6\xb5}\xbb\xe0\xf00\xe4t\xb9\xdcn\x97\xcbU{\xbb5\x08\x18K%\x92J\xa3\xb1\xff+)4M{\xe5`\x80\xe7\x079r\xe4\xc8\xcc\x993\xcf\x9e=\x1b\x12\x10\x10\xd5\xb8\x11\x16\xf03\xfd\xfb\'=\xde\xbdU\x8b\x16\x9c\xc3\xc1\x92J=E9\x9cN\x8c1\xc7q\x14E\t\x82\x80&lt;\xd3\x10kbb\x89 \x08\x12\xa9t\xc3\xae]o/N\x93\xc9d%z=)\x98\xbc&gt;\x03\xc8oa\xf5\xaaU\xd3\xa6N\xed\xd0\xaa\xd5\x9d\xd2\xd2\xf1#GN\x9f\xf4\xaa\xb1\xb4\x8ca\xd9_\'\xdd"J\xc0\x02B\x88\xa1iO\x91"\x91H(\x840\xc6r\xb9\x1cQ\x14\x12\x04\x8c1%\x93\xfd\x96\x13\x14r8]\x15F#\xc6X"\x91\xe8+*\n\x8a\x8b}\xd4\x9a*\x93\xe9Ln\xee\xb6\x83\x07\xaf\x15\x14\x90\xec\x1f5j\xd4\xca\x95+u:\x9d\xd7&lt;\xdb\x8f\x08\x08\x80\xdf\x90\xcaf\xf5\xc9&lt;f\xb39++\xeb\xe0\xc1\x83\x0f\xdc\xa4A\xa3R\xc54i\xd2\xbbs\xe7\x17\x9fz\xb2Et\xb4T\xa1@\x1c\xe7\xb0\xdb\x9d.\xd7\xafS\xd0k\xb9P\x10\x04A.\x95\x96TTx\x06\x03\xe2\xda\xb49r\xf4\xa8\xaf\xafoC/\x92H9.\x91H\xca\xcb\xcb\xe7\xcd\x9b\xb7t\xe9R\x84Ph`\xa0\xc5fk\xd7\xa2\xc5\xa2\xa9S\xbb\xc6wp;\x9dv\x87\x83\xa2iA\x10\xe8\xdf*\xf5\xb5\xf5s\x93B\xcaj\xb7\xcd\xfdt\xe5\xce#G\xef\xea\xf5\x1c\xc7\x91\x0c\xe08\xaez\xdf\xa07\xa9&gt;\xf0\x1b\x1e\x1c\xdc\xbeeK?\x1f\x9f\xb5\x0b\xe6[m\xb6\xffY\xb3\xf1\x94-\xc2\xaf!\xf1\xdb\x9f=9AQ\x94\x84e\x11EaA`Y\x96\x95H\xc8f)\xb4Ba(/\x9f4\xf7\x83\xcc\xd3\xa7\x15rYQqI\xc7\x84\x84=\xbbw\x87\x86\x86B\x06\xd4 \x08\x80\xdf6a\xf6\xf4\x9cx&amp;\xf3&lt;p\xb1\xaeZ\xa9\xec\xd3\xb9\xf3\x13\xbdz\xf5\xee\xd2\xb9QP\x90\\&amp;\x13x\xde\xe6p\xf0\x82\xf00\xf38k\xd6o\x83\x01[\xb7\xa8\x14\xca\x9fo\xde\x1c=z\xf4\xbau\xeb\x1atG\x90\xe7\x13~\xe0\xc0\x81i\xff\xfe\xf7\x95\xbc\xbc\x94\x11\xcf\x1e:u\xaa\xa8\xb8d\xc6\xf8\xd41\xc3\x877\x8d\x88\xa82\x1ai\x86y\xc8\xa9S5E\xc0\x98\xa1i\xa5J\xf5\xd2\xf4\xe9_\xee\xdd\'\x97\xcb\x1d\x0e\xc7\xf8\xf1\xe3W\xadZ\xd5\xa0o\xf8\x1f!].\x15\xe5\xe5-Z\xb6\x8c\n\t)(.n\x1e\x19\xf9\xdd\xa6\x8d\x16\xb3\x19\xd5\\\xd2z\x8a L\x16\x19 \x84\x10\xe2y^.\x97\xcb\x15\x8a\x7f/\xfap\xf1\xbauA\x01\x01\xfa\xf2\xf2\x90\xd0\xd0\xdd\xbbw\'$$x\xe5\xdd\xae\x17\x10\x00\xbf1\x99L;v\xec\xd8\xbbw\xef\xef&amp;\xf3\x10aAA\x03\xbav\xed\xda\xa1C\xab\xa6\xd1];t@4\xedv8\xc8\x8c\x11\xaa^\x87\xa7\x04\x8c\x95j\xf5\xe2\xcf&gt;\x7fw\xc9\x92\xd6\xcd\x9b\xdf)-\xfd\xf6\xf4\xe9\x1611\r\xb1\xc3\xd4s\x1cB\xf5\x8a\xff\xe0\x9e=\xf2n\xe4\x8f\x1b&gt;\xacS\\\xdc\x80\xee\xdd\xdd.\x97\xdd\xe1\xa8\xaf: Y\xa3\xa7V\xab\xc7\xbe\xfd\xce\xba]\xbb\xc8\xe8\xcb\xea\xd5\xabSSS\xbd\xacT"\xbf\x0b\x97\xcb\xd5\xa9K\x17kEE\xd3\x88\x08}e\xe5\x86E\x0b\x9bGG\xbb\x9d\xce:x\xb4\xc8\x03L\xd1\xf4\x9a\xed;\xd2\xd6\xaf/*-u\xbb\xdd:\x9d\xee\xd0\xa1C\x90\x015E\xec\x01\x801v8\x1c\xb7n\xdd:p\xe0\xc0\xcaU\xab\xf2o\xdc\xf8\xdd\x1b\x9a\x84\x87\xb7\x8c\x8e\x1e7|X\xcf\x84\x84\xc0\xc0@\x84\x10v\xbb\xcd6\x1b\xc6\x98y4\xbaY\xc8`@Ye\xe5\xe7\xdb\xb6\x7f{&gt;;+\xf7Rl\xeb\xd6G\x8f\x1eU(\x14\r\xb4_\xe2\x9bo\xbe\x99&gt;m\xda\x95\xbc\xbc\t\xa3F\xed&gt;v\xcc\xe5v\xa7\xcf\x9d\xf3D\x8f\x1eR\xa9\xd4d6\xd7{\xef\x96 \x08,\xc3R4\xd5\xe5\xb9d\x01\xe3\xab\xb7n\xb9\xdc\xee3g\xcet\xe9\xd2\xc5\x9bJ\xa5_\x07~\xc7\x8c\xd9\xb9e\x0b\x8fP\xe76m\xdeMM\xe9\xd75\xd1l\xb6\xd0u\x95\xbed\xd5\xb1\xca\xd7w\xf9\xbauo\xffw\xb1\xdd\xe9\xc4\x82\xe0{/\x03`[\x8e\x7fN\xd4\x01@\x1e\xf1\x0f?\xfcp\xc6\x8c\x19&lt;\xcf\xeb4\x1a\x1ec\x93\xc5\x82\xeeM\xe6\x19\xda\xa7O\xbb\x98\x18\x8dJ\xc5\xb0\xac\xc3\xe1p\xba\\\x08!\xfa\xde\xb6\x91\x8f\x0e\x8e\xe3\xb4\xfe\xfei\x19\x19\x19\xdb\xb6W\x9aL\xa5\xe5\xe5\x93&amp;MZ\xbe|y\x03*\x8fHG\\AA\xc1\x82\x05\x0b&gt;\xfb\xec3\x84\xd0\xa0\xc7\x1f\xbfz\xeb\xe6\x87S\xa7j5\x9a\x01\xbdz\x99\x8dF\x12\xba\xf5}\xa5\x08\x91\x0c`\xd9r\x83\xa1\xf7\xd8\xb1\x0e\xa7\xab\xcab\x91H\xa5\'N\x9c\x88\x8b\x8b\xf3\x8e\x1ej\xf2S|\xfe\xf9\xe7\xafO\x9c\x98\xd8\xa1C\x89^?\xa4g\xcf\x8f\xde\x7f\xcfXR"\xa9\xdb\'\n#\xc4q\x9co`\xe0\xa9\x1f~xb\xc2\xabUV+\xc2\xd8G\xab\xcd&lt;|\x18\xda\x01\xff\x1c\x04\x00;k\xd6\xac\xb9s\xe7J$\x92`\x7f\xff&gt;\x9d;kT\xaa\x01\xdd\xbbuj\xdd:$,\x0c9\x9dv\x87\x83\x13\x04\x8cq\x1d\x0c\xea\xfe\x13\x1c\xcfku\xbaW\xdf{o\xd5\xd7[|\xd4j\x93\xc5\xb2n\xdd\xba\xd1\xa3G7\x94\xf2\x88\xfc.f\xcc\x98\xb1`\xc1\x02\xb9L\xe6p:\x1b\x05\x07\xa7\xbd\xf3\xf6\x13={\xcae2\x93\xd9\xfc\xa8\xfd\x14\x02\xc6r\xa9\xf4\xbb\xf3\x17\xde[\xf6\xc9\xe9\x9c\x8b4E\xc5w\xe8\xf0\xc5\xa6M1\xcd\x9b7\xc4\xce\xb7\xea\xc8L\xd9\xf3\xe7\xcfw\xed\xd6-\xc4\xcf\xafIxxp\x80\xff\xd6e\xcbL\x06C}\xfd\x16\xdcn\xb7\xaf\x9f\xdf\xe9\xec\xf3\x83\xc7O\xa8\xb2\x98\x152\x19+\x95.]\xbat\xec\xd8\xb1\xd0\x0e\xf8\' &lt;\x11\xe9\'!-\x80\xb4\xff\xbc\xe5\xe7\xe7\x87\x10r\xd8lU\xe5\xe5\xa4\xb7\x81\xa6(\xf4\x08\x17\xfd\x04M\xd3.\xbb}\xf2\xbf\xfeu\xa3\xb0\xb0\xdch\xcc\xbdz\xed\xd5W_\xed\xd1\xa3GTTT\x03*\x8fd2\x19\xc30.\xb7\xbbET\xd4\xfa\x85\x0b:\xb5kg1\x9bM.\xd7\xa3V\xfa#\x84h\x8a\xb2\xda\xed}\xfa\xf5\xbd\x90w\xc5d\xb1\x0e\xeb\xd7\xf7\x83\x95\xab\x06\r\x1at\xe1\xfcy\x9dN\xd7\x80\xee\xf9\xfdH\xfbf\xc7\x8e\x1dn\x97\xab\xa8\xa4\x04c\xbcmI\x9a\xc3j\xa5\xea\xef\'\x92H$F\x83\xa1kB\xc7\xdd+\x96\xbd\xb9`a\xb9\xd1x\xb7\xb4t\xdc\xb8qd"\x96\xd7\xcf\xc4\xad=\r\xf5\x19\xadA\x9eY@A~~~~~\x06\x83\xc1TU\xc5\xf1&lt;\xcb\xb2\r\xe8\xa9\xa2)\xca\xe9t6\x8b\x8c\\&gt;sf\xee\xd5k\x82 \xf0\x1c7j\xd4(\x8b\xc5\xe29\x83\xec\xd1Gf\xe2\n\x82\x10\x1e\x14\xd4\xa9S\'\xa3\xc1\xf0\'\xdb\xf7\xd7;\t\xcb\x9aKK_}\xee\xb95\xf3&gt;\xc8\xd8\xba-\xaaQ\xf8/\xb7n\r\x1c8\xd0f\xb3\xa1j\x93[\x1a(\x85BA\xda\xbc\xcd"#\x83\xfc\xfd].W\x1d\xcf\xb9\xfa\x1d\t\xcb\x1a++{v\xe9\x92&gt;w\x8e\xcb\xe5\xc2\x08iT\xaa\xd4\xd4\xd4)S\xa60\x0c\xf3\xbb\x1dF\xc1C\x82\x00\xf8\x8d\x9b\xe30\xc7\xb1\x0c\xd3@\xc7Ni\x9a6[\xad\xcd\xa2\xa3\xdf\x7fuB|\xabX?_\xdfs\xe7\xce\xbd\xfd\xf6\xdb,\xcb\xfenG\xd2G\x9f\x9b\xe3\x04\xab\xf5\x91-\xfa=(\x84\x18\x9an\xda\xb8\xf1k\xcf?o\xb5\xd9\x11B\xe7\xce\x9d\x9b4i\x12M\xd3\r\xee\x9e\xff\x0e\xa97`\xf2\x07Ax\x14&gt;\x11\x12\x96\xad2\x1a\xe3cc\xcfm\xf9z`\xb7nZ\x8dF\xc2\xb2K\x96,IMM%;\xe3B\x06\xfcU\x10\x00\xbf\xf1\x82\r\xa7X\x86\xb1\x98L\xb3\xa6N\x8d\x8fmU\xa2\xd7\xfb\xa8\xd5+V\xacX\xb7~}\x83\xcb\x00\xea\xd1\x1bi\x7f \x8a\xa28\x8e\x93I\xa53\xa6\xfd\xbbw\xa7N\x8fED\x04\x07\x04\xac[\xb7n\xc9\x92%,\xcb\xba\xaa\x9d7\xd0\xa0=:\x9f\x0b\x96a\xac6[\xa3\x90\x90\x8d\x1f\x7f\x14\x16\x18\xe8\xe68\x85\\\x9e\x91\x91\x91\x9a\x9a\xca0\x0c\xd9\xa8\xb1\xbe\xaf\xb1!i\x00\x9f1\xf0\x97P4\xed\xb4X\xa6\x8e\x19\xdd/\xb1KT\xa3F\x14E\xbd6iR~~&gt;\xa9"\xd5\xf7\xd5y!\x8a\xa20\xc6\xa6\x92\x92\xb5\x8b\x16\xb6i\xde\xcc\xe1t\x86\x05\x05M\x992e\xcd\xda\xb5R\xa9\xf4\xfe\xdd\xa2\xc0?\xc40\x8c\xd5nW\xc8\xe4\xdf~\xf9\xc5\x98\xa7\x9f\xb6;\x1c\n\x85\xc2\x93\x01\xf0\x9c\xff%\x10\x00\xde\x86\xa6(\x97\xd3\xd9,2r\xd9\x8c\x19Wn\xdc`\x19\xc6j\xb5\x8e\x1f?\x9e\x94S\xd0F\xae\r\xa4\xe5\xc8\xd0\xf4\xdc\xd7_\x1f\xda\xbb\xf7\xdd2=Bh\xe6\xdbo\x1f8x\xb0\xc1\xb5\xbd\x1a\x04\x86\xa6y\x8e\xe39n\xed\xc2\x05c\x9e~\xdan\xb7\xb3,\x9b\x91\x911j\xd4(\x83\xc1\xe0\x05\xfdou\x06\x02\xc0\x0b\x91\xc1\x80\x16\x8f=6m\xec\x187\xc7\x85\x07\x07\x1f=zt\xea\xd4\xa9d\xd9j}_\x9dw\xa2i\xdan\xb7\xb7\x8e\x8d\x9d\x98\xfc\\Dh\xf0\x8c\xf1\xa9R\x86\x19\x9c\x94\xb4c\xc7\x0e\x86a\xa0\x1dP\xe3h\x9a\xe6\x05\xc1b\xb5\xae]\xb4\xf0\xc5\'\x9f\xf4\xd5h\x1a\x85\x84l\xd9\xb2e\xe0\xc0\x81\x06\x83\x01\x1e\xf5\x87\x04\x01\xe0\x9d\x18\x9a\xb6\xdbl\xd3_~\xf9\x8d\x17_P)\x144M\xa7\xa5\xa5\x1d9r\x04*\xa4\xb5\x87e\x18\xb3\xc1\x10\xfbX\xd3\xecm\xdb\xf2\xf2o\x16\x14\x17kT\xaaW^y\xe5\xd2\xa5Kp\xdbk\x03MQ\x08c\x8b\xc5\xf2\xc5G\x1f\xfe\xeb\xa9\xa7n\x97\x940,{\xee\xdc\xb9\xbe}\xfb\xe6\xe4\xe4@\xee&gt;\x0c\x08\x00\xefD\x06\'U\n\xc5\xccW_\xbd[V&amp;aY\xadF\x93\x9c\x9c\x0c\x83\x01\xb5\x8a\xa6i\x84(\x7f?\xbf\'\xfb\xf4Nl\xdb\xd6\xcfWk0\x18^|\xf1\xc5\xca\xca\xca_w\xa8\x065\x8a\xa2(\x84\xb1\xd5j\x9d?e\xf2\xfc7\xdf\xf4U\xab\x1f\x8b\x8c\xcc\xc9\xc9\xe9\xdb\xb7\xef\xb9s\xe7\xc8V\xd2\xf5}\x8d\x8f4\x08\x00\xafE\xd3\xb4\xdd\xe1\xf0\xf3\xf5\xdd\xf8\xd1\x87\x89\xed\xda\xd24]^^\x0e\x83\x01\xb5\x8d\xa6(\xb3\xc94&amp;99u\xe4\x08\xbb\xdd\xd1\xb2itnn\xee\x13C\x86\x90\x894p\xdbk\x1cy\x9ey\x8e{\xf7\xf5\xd7\x96\xcdx\xf7FA\x01M\xd3\x06\x83a\xe0\xc0\x81$\x03\xdcnw}_\xe3\xa3\x0b\x02\xc0\x9b\xb1\x0cc6\x9b\x9fz\xf2\x89\xc7;\xc4\x1b\xaa\xaa\xc2C~\x1b\x0c\x80\xdah\xeda\x19\xc6\\^&gt;")i\xd9\xcc\x19y\xf97\x95\n\xc5\x99\x1f~\x18?~&lt;M\xd3\x10\xbd\xb5\xe1\xd7\x89X\x15\x15#\x07\r\xda\xbb\xf2S\x1f\x95\x8a\xa2(\xa3\xc10h\xd0\xa0s\xe7\xceI$\x12h\x07\xfc\x11\x08\x00/\xc7\xb2\xac\xb5\xbcb\xf2\xe8\x7f\xbd\xf1\xe2\x8bJ\x99\\&amp;\x95\xa6\xa5\xa5\x9d8q\x02F\xc9j\x15\x85\x10\x85\xf1\xb0\xbe}_xbHTx\xb8F\xa5\xca\xc8\xc8 \x19\xc0\xf3&lt;d@\x8d#+\xc6\xad6\xdb\x13\xfd\xfb\xef_\xb5J\xabV#\x9a\xae\xac\xac\x1c0p\xe0\xa1C\x87\xa0/\xe8\x8f@\x00x9\n!\x81\xe7\xd5J\xe5\xccW\'\x94UT8]\xae\x90\x80\x80\x8f\x16-\x82b\xa8V\x91\x1e\x7f\x87\xd3\xf9\xe5\xc7\x1fwo\xdf\xdel\xb5*\x14\x8a\xf4\xf4\xf4)S\xa6@aT{\x18\x861\xea\xf5];\xc6\xef_\xb5J\xa3T\x86\x05\x05\xb9\xec\xf6A\x83\x06}\x96\x91A\xc6\xe1\xe1\x99\xff\x1d\x08\x00\xefG\x06\x03\xfc\xfd\xfcV\xcez\xff\xbfo\xbd\xf5\xfa\x8b/\x1c9zt\xde\xbcyP\x12\xd5*\xb2\xb0\xdcb\xb1\xac\x9c3\xfb\xc5\'\x9f\xb4\xdb\xedZ\x8df\xc9\x92%\xeb\xd6\xaf\x87N\x89\xda#\x91H\xaa\x0c\x86\xae\x1d\xda\x1f_\xbf\xceG\xa5\xb29\x1c\x0c\xc3\xa4\xa4\xa6.Y\xb2\x04\xb6\x0c\xba\x1f\x04\x80(\xb0\x0cc\xae\xaaJ~\xe6\x99\x96\xd1\xd13\x97~\xe2\xe6\xb8\xf9\xf3\xe7\x9f9s\x06\xa6\'\xd6*\x8a\xa2\xb0 p\x1c\xb7p\xca\xe4~\x89\x89\xe1\xc1A\x08\xa1I\x93&amp;\x91\xc1I\xb8\xf3\xb5\x84e\xd9*\x93\xa9]\x8b\x16\x9f\xcd\x9f\x17\xdb\xb4\xa9\\&amp;\x0b\r\x0c\x9c2e\n\xe9\x82\x83-\x83\xaa\x83\x00\x10\x0b\x9aa\x9cf\xb3\x8fZ\xad\x94\xcb\xa3\x1b7f(j\xe8\xd0\xa1z\xbd\x1ef\x85\xd6*\xd2\xfc\n\t\x0c\\\xf2\xf6\x7f\xcc\x16k\xebf\xcdlV\xeb\x80\x01\x03n\xdd\xba\x05\xc30\xb5\x87e\x18\xb3\xc5\xd2\xadC\x87\x13\x1b\xd6\xf7OL,\xd6\xebI\x17\x9cg\xcb \xc8\x00\x02\x02@,\xc8\x16\x11\xdd\xda\xb7\xdb\xb3|\xb9\\*u\xba\xddz\xbd~\xe2\xc4\x89\x08!\x08\x80Z\xc5\xd0\xb4\xc3\xe1\x88j\xd4h\xef\xa7+\xca**\x10E\x99\xaa\xaaF\x8c\x18Q\\\\\x0c\xd3\xb1j\x0f\xcb0UF\xa3\xafF\xb3\xe4\xddw\x9e\xee\xdb\xd7n\xb7\xcb\xe5r2\x14Ov\x99\x85;\x8f \x00D\x85\xa6\xe9*\x8b\xa5O\xaf\x9e\x1dZ\xb6\x94I\xa5M##\xb6m\xdb\xf6\xc1\x07\x1f\xc0`@m#\xeb\xf2\xda\xc6\xc5\xbd\xf1\xe2\x8b\xad\x1f{,:\xa2\xf1\xf9\xf3\xe7;w\xee\xac/+\x83\x05b\xb5\x87eY\xbb\xc3\x11\x1a\x10\xb0s\xc5\xf21O?\xedp8&lt;\xed\x00r\x86\x0c\xdcy\x08\x00qah\xdaZU\xb5\xe4\xbd\x99\xaf&gt;7\xaaT_NQ\xd4\x07\x1f|@\x06\x03\xe0\xc3P\xab\x18\x86\xa9\xaa\xa8\x981i\xe2[/\x8f\xab4V\x85\x05\x05\xdd.*z\xf2\xa9\xa7\xd0\xbdi\xec\xf5}\x81\xde\x89\xa1i\xa7\xd3i\xb1X&lt;\xdb\xc6\x85\x07\x07gdd\xf4\xea\xd5\x0b\xb6\x8dC\x10\x00bCQ\x14\xcfq:\xb5z\xec\xb0a\x1c\xcfG5j\xc4\xd2\xf4\xd0\xa1C\xcb\xca\xca\x104\x8ak\x19\x19\x8a\x7f\xe9\xa9\xa7\xfe5\xf4)\x8c\xb1B\xa18{\xf6\xec\x84\t\x13\xc8\x89\xa4\xf5}u^\x8b\xa6i\x84\xb1\xd5f\xfb\xec\x83\xb9o\xbf\xf2\xb2\xcdn\x97H$\xa7N\x9d\x1a0`\x00\xe9\x85\x13\xf3\xcd\x87\x00\x10\x1d\x86\xa6-\x16K\xab\xa6M\xf7\xaf\xfcT&amp;\x91\xf0\x82\xa0\xd7\xeb_\x7f\xfduh\x11\xd7\x01\x8a\xa2,Vk\xda\xbb\xef\xf6\xec\xd8\xb1YD\x84Z\xa5JOO\x9f;w\xae7\x9d\x1e\xf3\x08"\xfdlN\x97k\xce\x1bo\x8cJJr\xbb\xdd\xfe:\xdd\xf9\xec\xec\xf8\xf8\xf8s\xe7\xce\x89y\xdb8\x08\x001b\x18\xc6l\xb3\xf5\xe9\xd9\xb3s\\\x9c\x9b\xe3h\x9a\xde\xb2e\xcb\xea\xd5\xaba0\xa0\xb6\x91\x1d\x81\xaa\xaa\xaa6/]\xf2XD\x84\xc5jm\x1c\x1a:k\xd6\xacm\xdb\xb6\xc1\xe91\xb5\x8a&amp;\x19\xe0t\xae\\0\xff\xf3y\x1fh\x14\nV")..\xf6l\x19$\xce\x9b\x0f\x01 R\x0cM\xdb\xab\xaa\xfe\xfb\xd6\xf4\xd6\xcd\x9a\xb5z\xec1\x95B1a\xc2\x84\x8b\x17/\xc2\xfc\xf4\xdaFQ\x14\x99\x91\xf5\xfek\x93F\x0e\x1ad4\x99"\xc3\xc2\xa6\xbc\xf1\xc6\xe6\xcd\x9b\xe1\xe6\xd7*rnOUy\xf9\xb8\x91#\xa7\x8d\x1b\'eY\x9a\xa6\x8d\xe2\xde6\x0e\x02@\xa4\xc8\xbc\x14\xb5B\xf1\xcd\xaa\x95N\xa7\xd3j\xb7\xd34=z\xf4\xe8\xca\xcaJ\x04\x9bV\xd62\x9a\xa6\xedV[\\\xab\xd8\x17\x9e\x182\xa8{\xf7\xe7\x87\x0c\xb9]\\\xfc\xfc\xf3\xcf\x1f=rD\xcc\xdd\x11u\x80\xa2(\x96a\xaa*+\'\x8d\x1ds\xe8\xb3\x0c\x1f\x95\n\xd1\xb4\xd1h\xec?`\x808\xb7\x8d\x83\x00\x10/\x9a\xa6\xed.W\xe3\x88\x88\x7f\r\x1d\xda8$$&amp;\xaaInn\xee\xab\xaf\xbe*\xf2a\xb1\xba\xc1\xb2\x8c\xb9\xd20\xb0{\xf7Usf\xad\xde\xb2E&amp;\x95\xea||F\x8c\x1au\xeb\xd6-\x98\x91U\xdbX\x965\x96\x95u\xeb\xd8q\xff\xaaU&gt;J\x15\xc6\xd8e\xb7\xf7\xed\xdbw\xed\xda\xb5bk\x07@\x00\x88\x1a\xcb0f\xa3\xf1\xedW\xc7\xbf\xf1\xe2\x8by\xf97\x19\x86\xf1\x0c\x06@\x06\xd46\x9a\xa6\x9d.\x97R\xa9\xfa\xfc\x83\xb9\x9d\xda\xb4q\xf3\xbc\xb9\xaaj\xe4\xc8\x91\x15\x15\x15\x08fd\xd52\x89Db4\x18\xba&amp;t\xdc\xbdbY\xdb\x98\x18?__\xb3\xd9&lt;n\xdc\xb8\x8c\x8c\x0c\x89D"\x9em\xe3 \x00\x00\xe2\x9c\xae\x17\x9e\x18\x12\xdb\xb4i\xcb\xe8h\xa5\\&gt;a\xc2\x84\x1f\x7f\xfc\x11\x16\xa9\xd6\x01\x86\xa6\x9dv\xfb\xd3O&gt;9\xb0[\xb7\xa8\xb00\x7f\x9d.;;;99\x99\xa6irx@}_\xa07\x93\xb0\xac\xb1\xb2\xb2g\x97.\xe9s\xe78\x9cN\x84\x10\xc30\xa9\xa9\xa9S\xa6La\x18F$\x8b3 \x00\xc4\x8e\xa6(\x97\xcb\xe5\xaf\xd5\x1e\xf9\xfc3\x8c\xb1\xcd\xe1\xa0(\xea\x85\x17^\xa8\xaa\xaa\x12\xc9g\xa0~\xb1\x0cc,-\x9d\xf1\xfak\x13\x93\x93K\xcb\xcbe2Yff\xe6\x0b/\xbc`\xb3\xd9`\xeb\xca\xda&amp;aY\x93\xd1\xd8\xbeE\x8b\xcb\xbbw\r\xec\xd6\x8dB\x88e\xd9%K\x96\x88\xe7\xfeC\x00\x80\xdf#\xe5\xbe\xd8F\xc3\x1e)\x82 \xc0\xfd\xafG\xe2\xb9\xffl}_\x00\xa8g\x02\xc6R\xa9\xb4\xc2h\xec\xf7\xf2+4M+\xe5r\x9b\xc3\xb1i\xd3&amp;\x7f\x7f\x7fA\x10h\x1a\xaa\x08\xb5\x8b\xe3y\xdf\xe0\xe0\xf9iK\xbe&gt;p 8 \xa0\xb4\xbc\xbc\x7f\xff\xfe\x9b7oF\x08a\x8c\xc9\xba\x01PK\xdc\x1c\xe7\xab\xd3e]\xbc8x\xfc\x84\n\xa3\x91a\x18\x9e\xe3&amp;O\x9e\x9c\x96\x96\x86\xc4q\xff!\x00\x00be\xd2\x8d\xfb\xf6_\xc9\xcf\'\xf3\x7fV\xadZ\xd5\xb6m[\x9e\xe7\xc9\xa6\x89\xa0\xf6\xf0\x82 S(v\xed\xdd{\xe8\xd4\xa9[w\xef:\x1c\x8e\x8e\x1d;n\xde\xbc\x99\x8c\xbe@\xfa\xd6*7\xc7\xf9\xfa\xf9\x9d&lt;s\xe6\xcd\x05\x0b\xe52\x19B\x88\xe7\xf9\xf4\xf4\xf4\x94\x94\x14\xb2U\x9c\xd7\x97\xfe\x08\x02@\xe48\x9e\xd7\xfa\xf9\xcd_\xb6|\xf5\x96--\x9bF\xe7\xe5\xdf\x1c9r\xe4\xf8\xf1\xe39\x8ecYx6j\x97 \x082\xa9\xd4j\xb3\xbe\xfc\xde\xfbV\xbb])\x97K\xb4\xda-[\xb6@\xdb\xab\x0e\xb8\xddn_?\xbf\xd3\xe7\xb2\x87Nz\xbd\xcabV\xc8d\x1a\x8df\xe9\xd2\xa5c\xc7\x8eu\xbb\xdd\x12\x89\xa4\xbe/\xb0\x8e\xc0\x87\\\xbc\x04APH\xa5E\x85\x85\x1bv\xef.*)\xa1i:..n\xe5\xca\x95P\xf7\xaf\x03\x1c\xc7k\x03\xfc\xf6\x1c&lt;\xf4\xe5\xde}\xe3G\x8e\\\x98\x91\xe1t\xb9\x8edfFEEA\xfa\xd66\x8e\xe3|\x83\x82N\xfd\xf0\xc3\x13\x13^5\xd9\xac\x14EI\x15\x8a\xcc\xc3\x87\x13\x12\x128\x8e\x13O\xe9\x8f \x00D\x0bc\xcc\xb2\xac\xc5n\x1f&lt;\xe1U\x99L\xa6R(\xacv\xfb\xfa\xf5\xeb\xfd\xfc\xfcx\x9e\x17C\xe3\xb7\x1e\t\x82\xa0P)s\x7f\xba\xb2q\xdf\xfe\x83\xdf\x7f\xef\xa7\xd56\n\r\xfd\xe8\xbf\xff\xed\xdb\xaf\x1f\xcf\xf3P\xfa\xd7\x1e\x8c1/\x08Z?\xbf\x15k\xd7\xfd\xe7\xbf\xff\xb5;\x9dH\x10|u\xbaC\x87\x0e%$$\x88\xaa\xeeO\xc0\xa3&amp;R\xbc \xa8\xfd\xfc&amp;\xce\xfd\xe0\xf2\xf5\xebd\x1f\xd0U\xabV\xb5k\xd7\x0e\xaa\x9f\xb5\rc,`,\x95\xc9\xe6._\xb1=3\xb3qhh\xc1\xdd\xbb[\xb7n}\xf6\xd9g\xe1\xe6\xd7*2\xa9S\x1b\x10\xb0f\xf3\xe6\x8f\xd7\xacqq\x9c \x08\xba{\xa5\xbf\xd8\xea\xfe\x04&lt;mb\xc4\xf3\xbcF\xa9&lt;v\xf2\xe4\xd9\xdc\\\t\xcb\xba9\x0e\xba\xfe\xeb\x06\x99W\xae\xd5j\x93\xdf\x9c|\xa3\xb0P\xadR\x15\x15\x17\xcf\x993\xe7\xd9g\x9fu\xb9\\R\xa9\xb4\xbe/\xd0k\t\x1834\xcdJ$\xaf\xbe;c\xd5\xd7_\xfb\xebt\x9c\xdb\x1d\x1a\x1a\xba{\xf7nR\xfa\x8b\xf3\xc9\x17\xe3\xcf,r\xbc \xa8\xd5\xea\x9f\xae_\x1f\xf2\xea\xc4\xb0\xa0 \x86\xa6}\x03\x03\x97-[\x06\x03\x8fu\x00c\xacQ\xab\xa7,Xp2;\xbb\xcab\xb1\xd9\xed\xa9\xa9\xa9\xef\xbf\xff&gt;\xc7qP\xfa\xd7\x1e\x8c1M\xd32\xa9t\xe6\xd2\xa5_\x1f8 \x91H*\x0c\x86\x8e\x1d;\xee\xd9\xb3\'44T\xcc\xddn\xf0\x81\x17\x17\x8c1\xc3\xb2\x06\x8be\xed\xce\x9d,\xc3\xdc\xba}\x9b\x13\x84\xdd\xbbw\x07\x05\x05!\x98wX\xcb8\x9e\xd7h\xb5_\xec\xd9\xb3a\xf7\x1e\x8a\xa2\xecv{\xe7\xce\x9dW\xadZ\x851\x86Q\xf7\xda#\x08\x02\xa2(\x95R\xf9\xca{\xef/\xfa\xecs\xa5B\xe1v\xbb\xbbu\xebv\xf8\xf0aR\xfa\x8b\xf9\xe6\xc3\x07^\\xAPi\xb5\x93?\x98\xb7\xf2\xab\xaf\x83\x03\x030\xc6\xef\xbd\xf7^bb"\xc7qP\xfa\xd7*\x9e\xe7\xb5\xfe\xfe\xf3W|\xfa\xd1\xe7k\xfc|\xb5w\xcb\xca\x1a5n\xbcw\xcf\x1e$\x8e\x05G\xf5\x85\x17\x04\x99L\xa6V\xab\xc7\xbe\xf3\xee\xba]\xbb\x14\n\xc5\x9d\xd2\xd2\x94\x94\x94\x13\'N\xe8t:A\x10\xc4\\\xfa#\xe8\x02\x12\x15A\x10\xb4j\xf5\xb1\x13\'/\xe4\xe59]\xae\xfc\x82\xc2g\x9f}\xf6\xbd\xf7\xde\x13m\x07h\x9d!s\xae~\xcc\xcd\xfd\xe4\xcb/\xcb\x0c\x06\x1a\xa1\xf8\xf8\xf8\xbd{\xf7\x06\x06\x05A\xcf[\xed\xe18N\xa9T\xde\xd5\xeb\'/X\xb8\xeb\xe8Q\xb9\\n\xb7\xdbSSSW\xaf^\x8d1\x86;\x8f\xa0\x05 \x1ed\xe6\xc9\xa9\x9c\x8bO\xbd\xf6\x9a\xc3\xe5\x92I$\x81\x81\x81\x9f~\xfa)\x82\x9e\x9fZ\xc6\x0b\x82\\.\xbfu\xfb\xf6\x93\x13\'\x05\xf9\xfb#\x8c}\xb4\xda\xad[\xb7\x92\xfe\x07\xb8\xf9\xb5\x84\xe3y\xad\xaf\xaf\xd1l&amp;\xa5\xbfB\xa1p8\x1c)))\xabW\xaf&amp;[\x9d\xc3\x9dG\x10\x00\xe2!\xf0\xbcL\xa31Y,6\x87\xe3fQ\x11\x8f\xf1\xee\xdd\xbb\x03\x03\x03\xa1\x1eT\xab\x04AP\xc8\xe5%z\xfd\xe4E\x1fj\xd4\xaa\xcb\xd7\xaf+U\xaa\xc3\x87\x0fGEE\x89\xbc\xf7\xb9Vq&lt;\xafQ\xabO]\xb8\xd0\xeb_\xa33\xcf\x9c\t\r\x0c$u\xff\xf4\xf4t\xf1l\xf3\xf00\xe0\x93/\nd\xf8q\xf3\xf6\xedy7o\xce{\xf3\r\t\xcb\xce\x981\x83t\xfdC\x19T{0\xc6\x14M\xb3,\xfbN\xda\x92#g\xce\xdc)-C\x08\xadX\xb1\x82\xcc;\x84;_K8\x8e\xd3\xfa\xf8\\\xfc\xf9\xe7Wf\xcc\xbc\x92\x9f\xefp:\x8b\xf5\xfa\xb4\xb4\xb4\xd5\xabW\x93\xea\x0e\x94\xfe\x1e\xd0\xf3\xeb\xfdH%\xb4\xa2\xb2\xf2\xd59s\xab,\x96\x90\x80\x80~}\xfb\xce\x9c9\x13\xba\xfek\x15\xd9M^\xa3\xd1Lx\xef\xfd/\xf7\xeeU(\x14Uf\xf3\xe4\xc9\x93\xc7\x8c\x1e-\xc2\x15\xa7u\xe6\xd7M~\xb2\xcf\'\x8d\x1f\xafV*\xc9\xee\xb6\x19\xe9\xe9\xaf\x88i\x8b\xb7\x87\x07\x9f\x7f/\x87\x11\xa2\x19\xc6b\xb3\xcd[\xb9*\xc8\xdf\xdf\xe1r\x95\x94\x97\xbf\xf5\xf6\xdbp\xf0o\xad"\x13\xcf%,\xfb\xe2\xb4i\x17\x7f\xbe\xaaQ\xa9\xccVkjjjZZ\x1a\xe4n\xed\xe1y\xde70\xf0\xf4\xd9\xac!\x13&amp;\x98m6\x93\xc5\xe2\xab\xd3\xed\xd8\xb5k\xe0\xc0\x81p\xdb\x1f\x08\xba\x80\xbc\x1c\xc7q\xaa\x00\xff%\xeb7|\xf2\xe5\x976\xa7\xc3\xe9rM\x992\xa5W\xaf^\xd0\x01]\xab0B\x98\xa2v\x1e=\xbaq\xdf\xfe[w\xee\x98\xadV2\xfcH\xe6\x1dB%\xb4\xc6a\x8cy\x9eW)\x95\xfb23\x87L\x98Pe\xb1 A\xf0\xf3\xf3;|\xe8\x10\x94\xfe\x7f\x02\x02\xc0\x9bq&lt;\xaf\xd1h\xf6\xec\xdd\xf7\xdd\x85\xf3:\xad\xf6NIi\xdf\xbe}\x17/^\x0c\x93Oj\x15\xc7\xf3\x9a\x80\x80\xad\x07\x0e\xbc&gt;o~\xcb\xa6\xd16\xbb=\xb1K\x17R\xfaS\x14\x05\xa5\x7f\x8d#\x0b)|\xfc\xfd\xb7\x1c&lt;\xf8\xe4\xab\x13MV+\xc6\xd8W\xa7;x\xf0 \xd9\xe2\rJ\xff?\x02\xf7\xc5k\x91\xae\xffJ\xa3\xf1\x85\xb7\xfe\xe3\xe68\xb9L\x16\x10\x10@f@C1T{\x04\x8c5&gt;&gt;\xeb6oN\xdf\xb2U\xa1\x90\xe7\xe5\xdf\x8c\x8b\x8b\xdb\xb7\x7f?\xd9\x05\x08n{\x8d#\xcf3\xc3\xb2\x0b\x96-_\xbc~\xfdc\x91\x917\n\nD\xbe\xc5\xdb\xc3\x83j\xa0w"+\x8f\xacv\xfb\xbc\x95+\xc3\x82\x82\xdc\x1cWe6o\xde\xbc\xb9i\xd3\xa60\xef\xb3\xf6\x08\x82\x80\x10\xae\xa8\xac\xdc{\xec\xf8\x99\x1f\x7f\xac4V\xe9t\xba/\xbf\xfc\xd2\xcf\xcf\x8f\x8c\n\xd4\xf7\x05z\x1b\x8c1\xa2(\x95J5#m\xc9\x8c\xa5K\x8d\x16\xcb\x8d\x82\x82\xf6\xed\xdb\x1f=zT\xcc[\xbc=&lt;x"\xbd\x13/\x08\n\xa5\xf2\xff}\xfe\xf9\'_n\xb4\xda\xed\x82 L\x992\xa5_\xbf~0\xfb\xb0\xf6p&lt;\xaf\xd1\xe9\xae\xdc\xc8\xef\xf8\xec\xb3-\x9bFG\x86\x86\x9a\xad\xd6\xcf&gt;\xfb\xacM\x9b6p\xdbk\x83\x801\xa2(\xb5Z\xfd\xd2[\xff\xd9\xb0gO\xa3\x90\x10\x9e\xe3\x12\x12\x12\x8e\x1e=\xda\xbe}{1o\xf1\xf6\xf0 \x00\xbc\x90 \x08\x1a\x95\xea\xe7\x1b7&gt;^\xbbN\xc2\xb2wJ\x7f\xeb\xfa\x87b\xa8\x96\x08\x82\xa0P(._\xb9\xf2\xe9\xe6\xaf\n\x8bK\xe7\xafNw\xf1\xfc7\x07\x0e\x0c\x1f&gt;\x1cJ\xa2\xda \x08\x02C\xd3j\x95j\xec\xdb\xef|\xb9w\xaf\xd1l\xbe]R2r\xe4\xc8C\x87\x0e\xe9t:x\xd4\x1f\x12\x04\x80\xb7![&gt;\\/(x}\xfe\xfc\xd8\xc7\x1e\xe3x^\xa5RA\xd7\x7f\xad"\'\x8d\xf0\x82\xf0\xfe\xb2e\xbb\x8f\x1f\x0f\x0b\nD\x08\xcd[\xb4(i\xd0 \xa8\xfb\xd7\x06^\x10\x18\x96eX\xd6\xb3\xc5\x1b\xc7q)))_\x7f\xfd5l\xf1\xf6\x97@\xc5\xc4\xdb`A\x90\xa9\xd5\x8b\xd7\xad?r\xe6\x07\x1f\xb5\x1ac\xbc|\xc5\x8a\xa6M\x9bB\x9d\xa8\x96\xfc:\x05%8\xf8\xb9\xd4\xf1\x97\xae]\x97\xcbdw\xcb\xca\xd2\xd2\xd2\xc6\x8d\x1d\x0bg\xbc\xd4\x062\xdd\xd3h1\x0fN\x9d\x90u\xe9\x92B.\xb7\xdb\xed)))d\x9b\x07\x8a\xa2`\xac\xe5\xe1A\x00\xfc\x86,\xdd\xac\xef\xab\xf8G8\x9e\xd7\xf8\xf8\xccY\xbc\xf8\xfc\x95\x9fB\x02\x03K\xf4\xfaI\x93&amp;\x8d\x19=\xba\xc1\x8d\x86\x91\xcd\x1a\xeb\xfb*\xfe72\xd8n\xb3\xdb\x97|\xfc\xdf\xe3YYe\x95\x95\x08\xa11c\xc6L\x9e&lt;\xd9\x9b\xcexyt&gt;\x17\x1c\xcf\xab\x95\xca\xdb%%\xe3g\xcf\xb9\xab\xd7KX\xd6\xeepxJ\x7fX\xe8\xfbW5\xa4B\xa1\xb6IX\x96bY\x8e\xe7\x19\x8c\x1b\xe2\x93D\xba\xfe\xaf\xdf\xbc9w\xe5*A\x10\xa4\x12IBB\xc2\xa2E\x8b\x1ab/\x84\x84ei\x95\x8a\xb7X\x1e\xf1\xda\x1c\xe9\xf9\xc9/*Z\xbei\x93J\xa9@\x95(!!a\xc5\x8a\x15^\xd0\x0b\xf1\xebG\x80|\x16h\xfaQ\xc8\x007\xc7\xf9\xeatY\x17/&gt;1\xe1U\xbd\xc1\xa0Q\xa9\xdc\x1c7y\xf2\xe4\xb4\xb44\xd8\xe4\xe7\xefy\xa4?]u\x83\xf4\x8c\xd34]VYYYY\xa9\xd3\xe9|\xb4Z\x96a8\x8e\x13\x04\xe1Qx\xee\x1f\x86\x80\xb1L&amp;\xbb^P\xf0\xda\xbcyq1\xcdi\x9afX\xf6\xeb\xaf\xbfV\xab\xd5\r\xe8\x83AQ\x14\xc304M\xdf)+\xcb\xca\xca\xf2\xd5\xe9\xc8\n\xcf\xfa\xbe\xae\x07ss\x9c&amp;8x\xe5W_\x8d\x9b\xf9^\xca\x88go\xdd\xbe\xd3$*\xea\xd0\xa1CJ\xa5\x125\xfc)\xffv\xbb\x9d\xb4\x88\xaf\x17\x14\x94UTH\xa5R\xa1^?\x0bn\x8e\xf3\xf5\xf3;\xf9\xc3\x0f\xa9\xef\xcf\x92J\xa5\x14Bf\xab5===--\x8d\xf4\xfc4\xf4\x1b^/ \x00\x10\xcf\xf3\xe4L&gt;\x83\xd9&lt;\xe5\xc3\x8f^\x9b\xfb\xc1\x9ec\xc7\x8c\x16\x8b6 @\xa3R14-`\xcc?\xf2I \x08\x82T\xa1X\xb2a\xc3\x913?\xdc,\xba-\x08\xc2\xca\x95+\xc9\x9e\xc3\x8fx%\xba:\xa7\xd3\xc9\xf3\xbcT"\xf9\xf9\xd6\xadg\xde\x9c\xbc\xed\xe0A\x96e}4\x9aG0\x03\x04\x8cU\n\xc5\xb1#Gw\x1e9r\xf9\xfa\xf5\xf9\xabV\'\xc4\xc7\x1f&lt;x\x90\x0cB6\xa0{~?\x9a\xa61\xc6\xc3\x87\x0f\x97H\xa5\x8dCB\xa2\x1a5\x9a4o\x9e\\\xa5\xc2\xf5\xd7)\xe7v\xbb}u\xba\xd3\xe7\xb2\x87Nz\xfd\xc7\xabW+\x8dF\xb5F\xb3f\xcd\x9a\x94\x94\x14\xb7\xdb\r\xbbk\xfcm\r\xf81\xad)J\xa5\x92a\x18\xb7\xdbm\xb5Zw\x1d=\xbab\xd3\xa6\xa1\x13\'\xf5\x1d;n\xca\x07\x1f\x9c\xc8\xcev\xba\xddJ\xb9\xdcG\xa3aY\x96\xe3y\x8e\xe7\x1f\xc1\xbei\x8e\xe3\xb4~~i\x9f}v\xf2\\vp@\x80\xc9b\x994i\xd2\xe8\xd1\xa3\x1bP\xe7\x0f\xc30\x82 \xbc\xf2\xca+\xaf\xbc\xf2\x8a\xc3\xe9D\x08\xb5n\xde\xfc\xad\x8f?\xde{\xfc\xf8\xe1S\xa7|\xfc\xfcH\x0c\xd7\xf7e\xfeJ\x10\x04\x96aJ\xca\xcbSg\xcf*\xb8[\xacV\xa9\xb4\xbe\xbe\x9f\xadY\x13\xd3\xbcy\xc3J\xdc\x07\xa2iZ\x10\x84\x8e\x1d;\xae\xfc\xf4\xd3\xf2\xcaJ\x89Dr\xe5F\xfe[\x8b&gt;\xf4\t\x0evs\\\x1d_\x0c&amp;u\xff\xa0\xa0S\xd9\xd9C&amp;L0\xd9\xac\x14EI\x15\x8a\xa3G\x8f\x8e\x1d;\x16\x16\xfa\xfeC\xd4#^\xb1\xadm\x18c\x87\xc3q\xeb\xd6\xad\x03\x07\x0e\xac\\\xb5*\xff\xc6\x8d\xdf\xbd\xa1Ixx\xcb\xe8\xe8q\xc3\x87\xf5LH\x08\x0c\x0cD\x08a\xb7\xdbl\xb3a\x8c\x99G\xa3kE\xc0X*\x91\x94UV~\xbem\xfb\xb7\xe7\xb3\xb3r/\xc5\xb6n}\xf4\xe8Q\x85B\xd1@kF\xdf|\xf3\xcd\xf4i\xd3\xae\xe4\xe5M\x185j\xf7\xb1c.\xb7;}\xee\x9c\'z\xf4\x90J\xa5&amp;\xb3\xb9\xde{\xb4\x04A`\x19\x96\xa2\xa9.\xcf%\x0b\x18_\xbdu\xcb\xe5v\x9f9s\xa6K\x97.\rn\xb0\xfdO\x90\x9fe\xf4\x981;\xb7l\xe1\x11\xea\xdc\xa6\xcd\xbb\xa9)\xfd\xba&amp;\x9a\xcd\x16\xba\xaej\x15d\x86\x95\xca\xd7w\xf9\xbauo\xffw\xb1\xdd\xe9\xc4\x82\xe0{o\x9b\x07\xd8U\xfb\x9f\x13{\x00Tg2\x99v\xec\xd8\xb1w\xef\xde\xac\xac\xac\xdb\xb7o\xff\xeeo\xc3\x82\x82\x06t\xed\xda\xb5C\x87VM\xa3\xbbv\xe8\x80h\xda\xedp8].\x01c\xaa^\x8f\x97\x130V\xaa\xd5\x8b?\xfb\xfc\xdd%KZ7o~\xa7\xb4\xf4\xdb\xd3\xa7[\xc4\xc44\xc4\x8e\x082\xf9\x87a\x98\xf2\xf2\xf2y\xf3\xe6-]\xba\x14!4\xb8g\x8f\xbc\x1b\xf9\xe3\x86\x0f\xeb\x14\x177\xa0{w\xb7\xcbew8\xea\xabe#`LQ\x94Z\xad\x1e\xfb\xf6;\xebv\xed"\xbbj\xaf^\xbd:55\xd5\x9bJ\x7ft\xefw\xe1r\xb9:u\xe9b\xad\xa8h\x1a\x11\xa1\xaf\xac\xdc\xb0ha\xf3\xe8h\xb7\xd3Y\x07\x8f\xd6\xaf\xe3\xba4\xbdf\xfb\x8e\xb4\xf5\xeb\x8bJK\xddnw\xf5M~\xbc\xe9n\xd7\x17\x08\x80_g\x7f\n\x82\xe0y\x9eL&amp;\xd3\x89\x13\'v\xed\xda\x95\x99\x99y\x7f\x12\xa8\x95\xca&gt;\x9d;?\xd1\xabW\xef.\x9d\x1b\x05\x05\xc9e2\x81\xe7m\x0e\x07/\x08\x94g\xeeD]\xe1x^\xeb\xe77\x7f\xd9\xf2\xd5[\xb7\xa8\x14\xca\x9fo\xde\x1c=z\xf4\xbau\xeb\x1a\xf4\xc7\xc3\xb3d\xe1\xc0\x81\x03\xd3\xfe\xfd\xef+yy)#\x9e=t\xeaTQq\xc9\x8c\xf1\xa9c\x86\x0fo\x1a\x11Qe4\xd2\x0cC\xd7mS@\xc0\x98\xa1i\xa5J\xf5\xd2\xf4\xe9_\xee\xdd\'\x97\xcb\x1d\x0e\xc7\xf8\xf1\xe3W\xadZ\xd5\xa0o\xf8\x1f!EpEyy\x8b\x96-\xa3BB\n\x8a\x8b\x9bGF~\xb7i\xa3\xc5lF57\xca\xed)\x820\xa9\xf2#\x84\x10\xe2y^.\x97\xcb\x15\x8a\x7f/\xfap\xf1\xbauA\x01\x01\xfa\xf2\xf2\x90\xd0\xd0\xdd\xbbwC\xe9_\x83 \x00~C&amp;\x9c\x90\x89(\xe4\x15\xb3\xd9\x9c\x95\x95u\xf0\xe0\xc1o\xbe\xf9\xe6\xca\x95+\xbf{\xbfF\xa5\x8ai\xd2\xa4w\xe7\xce/&gt;\xf5d\x8b\xe8h\xa9B\x818\xcea\xb7;].\x8a\xe4@-\x17O\x82 \xc8\xa5\xd2\x92\x8a\x8a~\xe3^\xbeVP@\xd3t\\\x9b6G\x8e\x1e\xf5\xf5\xf5\xad\xf7~\x92\x7f\x08cL\xbaw\xab7\x05B\x03\x03-6[\xbb\x16-\x16M\x9d\xda5\xbe\x83\xdb\xe9\xb4;\x1c\x14M\x0b\x82@S\x14F\x88\xa6\xa8\xda\x9b}\x831\x96H$V\xbbm\xee\xa7+w\x1e9zW\xaf\'\xabO\xd3\xd3\xd3\xc9XK\x83\xbe\xe1\x7f\x84\x14\xb5G\x8f\x1e\xed\xd7\xaf_xpp\xfb\x96-\xfd||\xd6.\x98o\xb5\xd9\xfeg#\xc0S\xb6\x90\xe9CT\xb5?3\xf7\xe6\x95R\x14%aYDQX\x10X\x96e%\x12$\x08\x02\xc6\xb4Ba(/\x9f4\xf7\x83\xcc\xd3\xa7\x15rYQqI\xc7\x84\x84=\xbbw\x87\x86\x86\xc2\x92\xc6\x1a\x04\x01\xf0\x00\x9eUH\x9e\xe7\x8c\xe7\xf9\xb3g\xcf\xee\xdc\xb9\xf3\xdb\x93\'/\xe4\xe4p\xffw(\x8ca\x98\x84\xd6\xad\x93z&lt;\xde\xe6\xb1f]\xdb\xb7\x0b\x0e\x0fCN\x97\xcb\xedv\xb9\\\xb5\xb7\x07$\xe9\xfa\xaf4\x1a\xfb\xbf\x92B\xd3\xf4\xcd\xa2"\xab\xdd\x9e\x93\x93\xd3\xae];\xaf\xf9\x84x~\x90#G\x8e\xcc\x9c9\xf3\xec\xd9\xb3!\x01\x01Q\x8d\x1ba\x01?\xd3\</t>
        </is>
      </c>
    </row>
    <row r="162">
      <c r="A162" s="1" t="n">
        <v>160</v>
      </c>
      <c r="B162" t="inlineStr">
        <is>
          <t>venn</t>
        </is>
      </c>
      <c r="C162" t="inlineStr">
        <is>
          <t>What is the missing number of the part denoted with a question mark?</t>
        </is>
      </c>
      <c r="D162" t="inlineStr">
        <is>
          <t>['1', '5', '6', '7']</t>
        </is>
      </c>
      <c r="E162" t="inlineStr">
        <is>
          <t>5</t>
        </is>
      </c>
      <c r="F162" t="inlineStr">
        <is>
          <t>There are 3 overlapping circles containing the numbers ['?', 6, 3]. The overlapping part between the first and second circle contains the number 11. The overlapping part between the second and third circle contains the number 9.</t>
        </is>
      </c>
      <c r="G162" t="inlineStr">
        <is>
          <t>We observe that the circles with 6 and 3 overlap to form the part 9, where 6 + 3 = 9. Hence, the pattern is most likely that the numbers in the overlapping parts are the sum of the numbers in the corresponding circles.</t>
        </is>
      </c>
      <c r="H162" t="inlineStr">
        <is>
          <t>Based on the pattern that the numbers in the overlapping parts are the sum of the numbers in the corresponding circles, the missing number of the circle where the overlapping part is 11 should be 5.</t>
        </is>
      </c>
      <c r="I162" t="inlineStr">
        <is>
          <t>b'\x89PNG\r\n\x1a\n\x00\x00\x00\rIHDR\x00\x00\x02\x00\x00\x00\x02\x00\x08\x06\x00\x00\x00\xf4x\xd4\xfa\x00\x00\x9e"IDATx\x9c\xec\xddu\x9cTU\x1b\xc0\xf1\xdf\xbdw:\xb6\x97n\x90\x14$\x14\x05\x03LT\x14\xb11P$\x05\xc5\xc0\xc0BE\xb1\x05\x0b[\x11\x15\x15T\x0c,@\x05\x95\x12PRZ\xbackf\xa7o\xbc\x7f\xdc\x99%\xd4W\x84]\xd8\x999\xdf\xcf\xe7}\xd5\xcd\xbb\xf3\xcc\xbd\xe79\xe7&lt;\xe7\x1c\xc90\x0c\x03A\x10\x04A\x10\xd2\x8a|\xb4/@\x10\x04A\x10\x84#O$\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G\xfb\x02\x84\xa3\xc30\x8c\xfd\xfe}\xdf\xff&gt;\xf0\xf3\t\x92$\xfd\xe5\xdf\x0f\xfc\xa7P9$\xe2w`l\xff.\xae\xfb:0\xc6"\xbe\x95\xd3\xbe\xf1\xdd\xf7\x9f\x07\xfe\xfb\xbe\xc4\xfd+\x1cH2\xfe\xed\x89 $\xadDhu]/\xfb\xf7\xc4C]\x96\xcb\x7f\xf0G\xd3\xb4\xbf\xfc\x9e}\x1b\x11\xa1|%\x1a\xf7}\x1b\xf9Dl+\xe25O\xbc\x8f\x0c\xc3(\xfb\xf9\x15\xf5\xbb\x84\x7f\x8eoE\xdc\xbf\x86a\xfc\xedsB\xdc\xbf\xa9M$\x00)\xe4\xc0\x07\xb4\xa2(\xff\xf7\xeb\x03\x81\x00~\xbf\x9f\x92\x92\x12JKK)--%\x14\n\x11\x0c\x06QU\x95h4\x86\xae\xebX,\nV\xab\x15\xab\xcd\x86\xcb\xe9\xc4\xe5r\xe3\xf1\xb8\xf1x\xbcdee\xe2v\xbbq:\x9d\xff\xf8{\xf6}\xb8Td\x03\x95\xca\x12q\xd5u\x1d0\x1b\xde\xff\xd7\x08\x04\x02\x01b\xb1\x18\xbbw\xef\xa6\xb0\xb0\x90H4J4\x12\xa5\xa8\xa8\x10\xbf\xdf\x8f\xaa\xaaD\xa2Q\x0c\xc3\xc0f\xb5b\xb5Zq\xb9\\dgg\xe3r\xb9\xb0X,dffR\xadZ5l6\x1b^\xaf\xf7\xff^\x9b\x88\xef\xe19\xb0\xb1\xff\xb7\xf8j\x9aF0\x18\xa4\xa4\xa4\x04\x9f\xcf\x87\xbf\xb4\x94` @0\x18"\x14\n\xa1i*\xd1h\x14\xc3\x00\xab\xcd\x8a\xc5b\xc1a\xb7\xe3t\xb9p\xbb\\x&lt;\x1e\xbc^/\x99\x99Y\xb8\xdd.l6\xdb\xff\xbd6M\xd3\x80\xbd\t\x9f\x88oj\x10\t@\x12\xdb\xb7\xc1\xb7X\xfe:\x9bc\x18\x06;w\xeeb\xe3\xc6\r\xac[\xb7\x9e\xb5k\xd7\xb2n\xfd:6o\xde\xcc\x8e\xed\xdb\xd9\xb5k\'%%%D"\xd1C\xbe\x06\x97\xcbIVV6\xd5\xabW\xa7Z\xb5j\xd4\xabW\x9f\xfa\xf5\xeb\xd1\xa8Q#\xea\xd5\xabG\x9d:u\xc8\xce\xce\xfe\xdbk\xd7u]4\x18\xff`\xdf\x06\xff\x9f\x92\xb9\xd2\xd2R\xb6l\xd9\xc2\xc6\x8d\x1bY\xb1b\x05[\xb6la\xd5\xaaU\x14\x14\x14\xb2i\xd3F\xfc~?&gt;\x9f\xef\xb0\xae\xc3\xedv\xe3v\xbb\xa9U\xab\x16\xf9\xf9\xf9\xd4o\xd0\x80\xbau\xeb\xd2\xa4qc\xea\xd6\xadK\xfd\xfa\xf5E|\x0f\xc1\xc1\xc47\x12\x89\xb0c\xc7N6l\x88\xdf\xbb\xeb\xd6\xb1n\xdd:\xb6n\xdd\xca\x8e\xed\xdb\xd9\xb3g\x0f&gt;\x9f\x0f5\xde8\xffW\x12\xe0\xf1z\xc9\xcd\xcd-\xbb\x7f\x1b4hH\xbdzu\xcd\xfb\xb7~}j\xd5\xac\x89\xc7\xe3\xf9\xcb\xf7\x8a\xf8\xa6\x06\x91\x00$\x91}\x1f\x1a\x8a\xa2\xfc\xe5\xa6\xdb\xb2e\x0b\xcb\x97/g\xc1\x82\x05,\\\xb8\x90e\xcb\x96\xb1v\xedZ\xc2\xe1\xf0\xdf\xfe&lt;\xc5b\xc5\x9b\x91IfV6\x1eo\x06\x1e\xaf\x17\xa7\xd3\x85\xc3i\xf6\x00\xadV\x1b\xb2"\xa3\xaa\x1a\xaa\x1a%\x16\x8d\x12\x0e\x85\x08\x06\x03\x04\xfc~\xfc\xfe\x12\x8a\x8b\n)\xf5\xfb\xc1\xd0\xff\xf6wdff\xd2\xb8qcZ\xb6lI\xdb\xb6\xedh\xdb\xb6\rM\x9a4!\'\'g\xbf\xafK&lt;P\xfe\xad\xe7\x93\xca\xf6\xed\xe1\x1f\xd8 \x84\xc3aV\xaf^\xc3\xe2%\x8bY\xb8`\x01\x8b\x16-b\xe5\xca\x95l\xdf\xbe\xfd\x1f\x7f\x9e\xc5j\xc3\xed\xf1\xe0\xf6x\xc8\xca\xca\xc1\x9b\x99\x8d\xa2(X\xacV\x14Y\xc6b\xb5!I\x12\xaa\x1aCSUTUE\xd75\x02\xa5~\x8a\x0b\x0b\xf1\xfbK\x08\x05\x83\x84C\xc1\x7f\xfc\x1dYYY4i\xd2\x84\xe6\xcd\x9b\xd3\xb6m[\xda\xb6mK\xb3f\xcd\xfe\x92\x14\x88\xf8\xee?Rr`\xc2\xae\xaa*\xeb\xd7\xafg\xc9\x92\xa5,X\xf0;\x8b\x16-b\xf9\xf2\xe5l\xde\xb4\tM\xff\xfb{\xcbfw\x90\x91\x99Uv\xff\xba\xdc\x1e\x9cN\x17v\xa7\x13EQ\xe2\xbdz3\xbe\xaa\xaa\x12\x8d\x84\xcd\xfb7PJ\xa9\xdf\x87\xaf\xa4\x84\x92\xe2BB\xc1\xc0?^s\x95*Uh\xda\xb4)\xadZ\x1dG\xdb\xb6mi\xdd\xfa8\x1a7n\x8c\xdb\xed\xde\xef\xeb\x12\xd3\x7f\xe9\x1c\xdfd$\x12\x80J\xee\xff=46m\xda\xc4\xdc\xb9s\x991c\x06\xb3g\xcff\xc9\x92%\xc4b\xb1\xfd\xbe\xc6\x9b\x99E\x9dz\r\xa9\xdb\xa0\x11\xb5\xeb5\xa0V\xedzT\xadQ\x93\x9c\xbc*df\xe7\xe0v{\xb1;\x1c\xd8l6\xac6\x1b\x92$#I\x90\xc8-$\t\x12\xef\x10\xc30\xff\xa7k\x1a\xd1X\x94h$B$\x1c\xa2\xd4\xef\xa3\xb8\xb0\x80\x82\xdd\xbb\xd8\xbeu\x13[7o`\xe3\xba?\xd9\xb4~-\x9b7\xae\'\x12\x0e\xedwM\xd9YY\xb4n\xdb\x96SN&gt;\x99SO;\x8d\xb6m\xda\x90\x9b\x9b\xbb\xdf\xd7\xa8\xaa\x9a\x16\x0f\x93\x7fj\xf4UUe\xd9\xb2\xe5\xcc\x9a5\x93_f\xcc`\xfe\xbcy\xac[\xb7\xee/\xdf\x9f\x99\x95M\x9d\xfa\r\xa9Y\xbb.u\x1b6\xa6j\xb5\x1a\xd4\xaa\xdb\x00\x8f\xd7K^\x95\xea\xb8=\x1e\x14\x8b\xc5l\x18\x1cN$(\x0bnY\xfeh\x80\x91\xf8\x17 \x1a\x89\x12\n\x05\x88E\xa3D\xa3\x11v\xef\xdcN\xa9\xdf\xcf\x8e\xad\x9b\xd9\xb1u3\x9b7\xaeg\xf3\x86ul\xda\xb8\x96]\xdb\xb7\xfd\xe5\x9arssi\xdd\xba5\'\x9f|2\xa7\x9dv\x1am\xdb\xb6\xdd/!H\x0c)\xa7s|\r\xc3`\xd5\xaaU\xcc\x9e=\x87\x193~\xe1\xd7_\x7fe\xe5\xca\x95\x7f\xf9\xfe\xbc*\xd5\xa8[\xbf!u\x1b\x1eC\xed\xba\xf5\xa9Q\xbb\x1eU\xaaV\';7\x9f\xcc\xacl\x9cn76\x9b\x1d\x9b\xdd\x8e\xd5bE\x92\xa5\xbdq\x95\xcc^\xfe\x81\xf7\xaf\xa6\xaaD\xa3\x11\xa2\x91\x08\xe1P\x10_I1\xc5\x85\x05\xec\xd9\xbd\x83m\x9b7\xb2u\xf3F6\xac]\xcd\xa6\r\xeb\xd8\xbai#\xba\xbe\xff\x08C\x8d\x1a58\xfe\xf8\xe39\xe5\xd4S9\xe5\x94Sh\xd5\xb2\x15n\xb7k\xbf\xbf-]\xe2\x9b\xecD\x02PI%zL\xfb6\xfa\x9a\xa6\xb1p\xe1B\xa6N\xfd\x9e)S&amp;3\xf7\xd7_\x89D\xf7\x0e\xdfgdf\xd1\xb8yK\x8em\xdd\x8e\xe6-[S\xafQS\xaa\xd7\xacMVv\x0e\x0e\xa7\x03E\x89?\x004\xd04\x1d-\xde\xe3K\xfc.\xf3\xad`\xec\xd3 \xecO\xda\xe7\xff\xcca?\xf3\x06W\x14\x05\xc5bAQ$\xe4\xf83N\x8dA0PJQ\xc1n\xb6l\xda\xc0\xba\xd5+Y\xbet!\xcb\x16\xff\xce\xaa\xe5\x7f\xa0\xc6\xf6^wnn.\xa7\x9ez*]\xbat\xe1\xf4\xd3O\xa7I\x93&amp;e\x9fK&lt;L\xfen\xc4#Y\xfdS\xa3PPP\xc0\x8c\x193\x982e\n?\xfd\xf4\xd3_\x1a\x84\xec\x9c&lt;\x1a7;\x96\x16\xad\xdb\xd2\xb4\xc5q\xd4k\xd4\x98\xea5k\x93\x99\x9d\x8b\xf3\x80\xf8\xea\xba\x81\xaa\xc6\xd05\x1d\xc3\xd0\xcbb\x1c\xbf\x82\xfd\xfeA\xd9\xcb\xba\xb7"\\V\x14dIB\x92e,\x16+\x8a"#\xcb +\xa0k\x10\x8d\xa8\xf8J\x8a\xd8\xbds;\x1b\xd7\xfd\xc9\xea\xe5KY\xb1t\x11\xabV,e\xd3\xfa\xb5\xfb]w\x95*U8\xe5\x94S8\xe7\x9c.t&gt;\xbd3M\x1a7\xde\xef\xb5H\xb5\xf8\x02es\xe6\xfb\xc6\xd7\xef\xf73g\xce\x1c&amp;O\x9e\xc2\x0f?|\xcf\xd2\xa5K\xf7\xfb\x9e\xaa5j\xd1\xacE+Z\x1c\xd7\x96&amp;-ZQ\xafa\x13\xf2\xabU\'#3\x0b\xbb\xdd\x8a,\x83\xae\x9b\xffSU\rMS\xf7\x8b\xef\xc1\xdd\xbf{\x0b\xfb\x12\r\xb4\xacX\xb0X,\xc82e\xef\xa1XL\xa7\xd4\xef\xa7`\xd7\x0e6mX\xc7\x9f\xab\x96\xb1|\xc9BV,]\xc4\x9f\xab\x96\xef\xf7sk\xd7\xaeM\xa7N\x9d8\xfb\xec\xb3\xe9\xd4\xa9\x13u\xeb\xd6-\xfb\\\xe2\xba\xc44A\xe5$\x12\x80Jd\xdf9\xc1D\xe6\xac\xeb:\xbf\xce\x9d\xcb\x97_|\xc17\xdf|\xc3\xb2e\xcb\xca\xbe\xde\xe3\xcd\xa4\xf5\xf1\'rB\xc7\xd3h\xd5\xae=\r\x1b7\'/\xbf*v\xa7\x05C7o\xe2X,\x8a\x16\x8b\x99\xc3\x88\x86Q\xd6\x80\x1fX\xc8s(7\xe7\xde\xb7\x8e\x11\xef]\x18e\xdd\rI\x96\x90es\xb8\xd9f\xb3c\xb1\x98\x0f\xa5` \xcc\x8e\xad[X\xb3b)\x0b\xe7\xcdf\xfe\x9c\x19,]\xf8\xdb~\xbd\x8c\x8e\x1d;r\xd1E\x17q\xc1\x05\x17\xd0\xbcy\xf3\xb2\x8f\xff\xddC5\x99$\x1a\xbb}\x93\xba\xc2\xc2B~\xf8\xe1G&amp;}5\x89\x1f\xbe\xff\x9e\x9d;w\x96}.;7\x8f\xd6\xedN\xa4\xddI\xa7\xd0\xb2m{\x1a\x1c\xd3\x94\xdc\xfc\xaa8\x1c\nz\x05\xc7\xf7/\xcb\xca\x0c\xc3lT\x0c\x03$\tY\x96P\x14k\xbc8\xd4\x82\xa2\x80\xaaBIq\x11\x9b7\xacc\xc5\xd2E,\x98;\x93\x85\xf3\xe7\xb0n\xcd\xaa\xb2\x9f\xa5\xc82\x1d\xe2\xf1\xed\xda\xb5+\xcd\x9a5+\xfb\\*\xc6\xd7\xef\xf7\xf3\xd3O?\xf1\xe5\x97_2e\xca\x14\xb6l\xd9R\xf6\xb9\xaa5j\xd1\xae}G\x8e\xefp*-Z\x1fO\xbd\x06\xc7\x90\x95\x93\x83\xd5*\xa1i\x10\x8b\xa9\xc4\xa21\xb3\xa1/\x8b\xaf\xb4_C\x0e\xec7\xaa\xf3_\xafw\xef?\xcd{8\xf1\x1e\x92$3\xb1\xb7ZmXmV\x14\x8b\x99\xf8\x95\xfaK\xd9\xb6y#+\xfeX\xcc\xef\xbf\xce\xe0\xf7\xb9\xb3X\xbd|o"c\xb7\xdb\xe9\xd4\xa93\xdd/\xee\xce\xb9]\xbaP\xbf~\xfd\xb2\xcfi\x9aVa+\x90\x84C#\x12\x80J\xe0\xef\x1e\x1c\xabV\xad\xe2\xd3O?\xe5\x93O&gt;a\xf1\xe2\xc5e\x1f\xaf[\xbf\x11\x1d:\x9d\xc9\xc9\xa7\x9fM\xcb\xd6\'P\xb5F-lv\x195\x06\x91H\x185\x16E\xd7\xf4\xfd2\xfd\xa3\x97y\'\x12\x83D\xefDBQd\xac6;v\xbb\rY\x81P \xca\xe6\rkY\xf4\xdb\xaf\xcc\xfa\xe9{\xe6\xfc2\x8d\x82\xdd{\x1b\xc1\xce\x9d;\xd3\xa3G\x0f.\xb8\xe0\x02j\xd6\xacY\xf6\xf1\xc4\x10c2\xf4*\x12\xbd\xa0D\xc3\xa6\xeb:?\xff\xfc3\x1f}4\x9e\xaf\xbf\xf9\x9a\xed\xdb\xf6\x0e\xa3\x1f\xd3\xb4\x05\'\x9dv\x06\x1d;\x9dE\x8b\xe3\xdaQ\xa5Z\rl6\x89X\x0c"\xe1x|\xf5\xca\x11\xdf\xfd\x96\xa8%V\x9eX\xac\xd8\xedvlv\x05\xc3\x80\x92\xa2\x12\xfe\\\xbd\x82\xdf\xe6\xfc\xc2\xac\xe9\xdf\xf3\xdb\xaf3\x88F"\x00\xc8\xb2D\xe7\xceg\xd0\xa3\xc7\x95t\xed\xda\x95\x1a5j\x94\xfd\xecd\x8e/\xc0\xec\xd9\xb3\x19?~&lt;\x93&amp;Mb\xe3\xc6\x8de\x1f?\xb6u;N9\xa3\x0b\x1dN=\x83&amp;-Z\x91\x93\x97\x8f\xa2@4\xaa\x13\x8d\x84QU\x15\xa3\x12\xc5\x17\x0c\x0c=\x1e\xe3x\xb1\xa2\xcd\xee\xc0n\xb7 I\xe0\xf7\x05\xd9\xb0v5\x0b\xe6\xced\xe6\xf4\xa9\xcc\x9d\xf9\x13\x81R?\x006\x9b\x8ds\xbat\xa1\xc7\x95=8\xf7\xbcs\xc9\x8d\xd7\xfd$::\xc9\x12\xdfT&amp;\x12\x80\xa3\xe8\xc0\x07G(\x14\xe6\xbb\xef\xbee\xec\xd8\xb1|\xf3\xcd7eC\xb6u\xea7\xe4\xccs\xbb\xd1\xf9\x9c\xae\xb48\xae\x1d\xd9\xb9Y\xe8:\x84C\x11\xa2\xd1\x08F|\xd4@J\x92\x1b\xaal\x08\xdc0\x90\x15\x05\xbb\xdd\x81\xddi\xc5\xd0a\xe7\xf6\xed,\x9c?\x87i\xdf}\xc9/?N\xa6`\xf7.\xc0,&amp;\xbc\xf8\xe2K\xb8\xee\xba\xeb8\xfd\xf4\xcee?KU\xd5J;||`\x8fg\xcb\x96-|\xf2\xc9\'\xbc\xff\xfe8\x16.\\P\xf6u\xc74m\xc1\x19\xe7^\xc8ig\x9dO\xb3V\xad\xc9\xcc\xf2\xa2\xa9f\xe1_,\x1a5\xe3+K\xf1\xfa\x8c\xca\xf7w\xeekoR\xa0\x03\x12\x16\x8b\x05\xbb\xc3\x89\xcd.\x13\r\xablX\xf7\'\xf3f\xfd\xcc\xf4\xc9_2\xe7\x97\xe9D"f\x81jNN\x0e\xdd\xbbw\xa7g\xcf\xeb\xe8\xdc\xb9S\xd9\xcfK\xa6\xf8\xee\xdc\xb9\x93O\'N\xe4\xbd\xf7\xdec\xde\xdc\xb9e_\xd7\xb2\xed\t\x9c\xdd\xf5bN\xe9|6\x8d\x9a\x1e\x8b\xdb\xeb@\x8dA8\x14D\x8d\xc500\xcab[\x19\xff\xce\x03\x19\xba\x8e\x1eO\x0e\x14\xc5\x8c\xaf\xdd\xae\xa0\xc6\x0c\xb6n\xde\xc0\xfc9\xbf0\xed\xbb\xaf\x989}jY2P\xbdzu.\xbb\xfcr\xae\xbd\xe6\x1a\xda\xb7o_\xf6\xb3*s|\xd3\x81H\x00\x8e\x82\x03\x1b\xfem\xdb\xb61n\xdc8\xc6\x8c\x19\xc3\xaaU\xe6p\xa973\x933\xba\\\xc8\xf9\x17_I\xdb\x13O&amp;\'7\x1bU\x85P0\x80\xaa\xc6\xd8;\x0f\x9f\xfc7Nb\x0e\x13$l6\x1bN\x97\x13I\x82\xed[\xb71\xe7\xe7\x1f\xf8\xee\xcbO\xf8\xe9\xfbo\xcd\x9e\x11\xe6\x14A\x9f&gt;}\xb8\xfc\xf2\xcb\xcb\xd6\xa7W\xa6\x1e\xe3\x81\xd7\xf2\xdbo\xbf1f\xcc\x18\xc6O\x98@Qa!\x00\xf9U\xaaq\xc6y\x17r\xeeE\x97s\\\xbb\x93\xc8\xcc\xf6\x12\x8b\x1a\x84\x82A45\x16\x1ff\xaf\x1c\x7f\xcfa1\x0ct\xc3\x88\'12\x0e\x87\x13\x87\xd3J,\xa6\xb3~\xcd*~\xfe\xfe\x1b&amp;O\x9a\xc8\xa2\xdf~-\xfb\x96\x93O9\x85&gt;\xbd{s\xd9e\x97\x95\xc5\xb725\x14\x076\xfcK\x96,\xe1\x9dw\xde\xe1\x83\x0f&gt;`\xf7\xee\xdd\x00\xd4\xaaS\x8f.\xdd.\xe3\x9c\x0b.\xa1Y\xab6\xb8=\x0e\xa2a\x8dp8\x88\xa6jI\x93\xd0\x1d\x0c\xf3y\xa6#I26\xbb\x1d\xa7\xd3\x8e\xae\xc3\xe6\r\xeb\x98\xf1\xe3\x14&amp;\x7f\xf9\t\xbf\xce\x9c^\xf6\xf5g\x9f}6\xfd\xfa\xf5\xa3[\xb7n\xd8\xedv\xa0r\xc57\x9d\x88\x04\xe0\x08:\xb0\xe1_\xbdz5o\xbc\xf9&amp;c\xdfy\x87\x82\x82\x02\x00Z\x1c\xd7\x96\x8b\xae\xb8\x96\xb3\xce\xbf\x98\xda\xf5\xeba\xe8\x10\x0c\x98\x8d\xbe\xd9CH\x8d\x87\xc6?\xd9\xb7@\xcef\xb3\xe3r;PU\x9d\xd5\xcb\x972e\xd2D\xbe\xfc\xf8}\xb6l\xda\x00@\xfd\xfa\xf5\xe9\xdf\xbf?\xbd{\xf7\xa6J\x95*\xc0\xd1}\x90\x1c\xd80L\x9b6\x8d\xd1\xa3G\xf3\xf9\xe7\x9f\x97}M\xbb\x93N\xa1\xdb\xe5\xd7p\xc6\xb9\x17R\xbdVM\xb4DR\x17\x8b!\xa5A\xd5t"\xd9\x93\xa4\xbd\xc9@0\x10f\xd1\xfc9|=\xf1#\xa6|5\x91\xe2"3Ij\xd8\xb0!}\xfb\xf6\xad4\xf1\xddw\x13&amp;\x80_f\xcc\xe0\xe5\xd1\xa3\xf9\xe4\x93O\xca\xe6\xd3;\x9du\x1e\xdd\xae\xe8\xc9)\xa7\x9fM^\x95&lt;bQ\x9dP0`\xbe7\xd2"\xbe\xf1:&amp;\xc0\xeep\xe0t\xd9\x89\x84U\xfeX\xf4\x1b\xdf~1\x81o&amp;\x8eg\xf7\xae\x1d\x00\xb4hq,\x03\x06\xf4\xa7g\xcf\x9edee\x01\x95+\x91O\x07"\x018\x02\x0e\x9c\xe3_\xb9r%/\xbd\xf4\x12\xef\x8c}\x87P\xd0\\"w\xe6y\xdd\xb8\xfc\xda\xbet\xe8t&amp;\x1e\xaf\x8b`0B$\xbe~?]o\x88}\x8b"\x9d.\x17v\x87\x85=;\xf70}\xca\xd7|\xfc\xfe[,\x98;\x0b\x80j\xd5\xaa1`\xc0\x8d\x0c\x1cx#U\xabV\x05\x8e\xec\x83\xe4\xc0\xc4\xee\xfb\xef\xbfg\xd4\xa8QL\x9e&lt;\x19\x00\xab\xd5\xca9\x17^\xc2e\xd7\xf6\xe5\x84\x8e\xa7\xe1t\xda\x08\x94\x86\x89F\xc3HH\xc8\x8a\xcc&gt;\xa5\xf8i\xc3H\xec\r\xa0(\xb8\xdd\x1e\x14\xab\xc4\xc6u\x1b\x98\xfc\xe5\xc7L\xfc\xe0\x1d\xd6\xad1WAT\xaf^\x83\xfe\xfd\xfb1p\xe0\xc0J\x11\xdf\xe9\xd3\xa73j\xd4s|\xfd\xf5W\x00\xb8=\x19\\x\xd9U\\r\xd5\xf5\xb4j{"\x16\xabL\xa04H,\x1aM\x8bF\xff\x9f\x98\xf7\xaf\x19\'\xa7\xcb\x83\xcd&amp;\xb3m\xcb6\xbe\xff\xfa3&gt;\x19\xf76+\x96.\x02\xa0n\xdd\xba\x0c\x1a4\x88~\xfd\xfa\x95-\x17M\xac\x0c\x11*\x96H\x00*\xd8\xbeo\xe4\r\x1b6\xf0\xdc\xf3\xcf\xf3\xe6\x1bo\x10\n\x85P\x14\x0b\xdd.\xbf\x9a+{\r\xa0\xcd\t\x1d\x90$\x89@i)\x9a\xaa"\x8b\xe1\xb0\xfd\xe8\xba\x8e\xa1\xebXm6\xdc\x1e\x17\xa1P\x849?\xff\xc0\x07o\xbd\xcc\xcf?|\x07\x98\x89\xc0\xcd7\x0f\xe6\xa6\x9b\x06\xed\xd7\xa3\xa8\xa8\x07\xc9\x81\x89\xdd\xcc\x993y\xf2\xc9\'\xf9\xe6\x9bo\x00p{\xbct\xbf\xf2Z.\xef\xd9\x97\x16\xc7\xb5E\xd7!P\xea\x8f?\x14E|\xf7\xa5\xeb\xe6F2v\x87\x13\x97\xdbN\xe1\x9e"~\xfc\xeeK&gt;\x1a\xf3*\x8b\x7f\x9f\x07\x98\xf1\xbd\xe9\xa6\x9b\xb8\xe9\xa6\x9b\x8eHCq`|\xe7\xcc\x99\xc3SO=\xc5\x97_~\t@n~\x15.\xef\xd9\x97Kz\\O\xc3&amp;\x8d\x89Eu\x02\x81R\xb1\xec\xedo$\xee_\x9b\xdd\x81\xdb\xe3\xc0WR\xca/?|\xc7\x87o\xbf\xcc\xdcY?\x03P\xa7N]n\xbb\xedV\xfa\xf5\xeb\x87\xc7\xe3\xd9o\xd33\xa1b\x88\x04\xa0\x82$z\xae\x92$Q\\\\\xcc\x8b/\xbe\xc8\xf3\xcf?OQQ\x11\xb2\xacp\xc9U\xd7qM\x9f\x9b8\xb6m;4U\'PZ\xfa\x97Jb\xe1\xaf\xf6\xf6*\x14&lt;^/\x9a\xa63w\xe64\xc6\xbe\xf2\x1c?}\xff-\x00\r\x1a4`\xe8\xd0\xa1\xf4\xee\xdd\x1b\x8b\xc5R!\xbd\xc5}\x1b\x9e\x95+W\xf2\xf8\xe3\x8f\xf3\xfe\xfb\xef\x03\xe0r{\xb8\xec\x9a\x1b\xb8\xaa\xf7\x8d4n\xd6\x9cHD%\x18\x08 \x01\xb2\x88\xef\xffe\x18\x06\xba\xa6a\xb1Z\xf1d\xb8\t\x96\x06\x996y\x12\xef\xbe\xf6"\x0b\xe7\xcf\x01\xcc\xa9\x9f\xbb\xee\xba\x8b\xbe}\xfbb\xb5Z+dy\xd9\xbe\xf1]\xb3f\r\x8f?\xf1\x04c\xdfy\x07\x80\x9c\xbc|\xae\xee=\x90\xcb\xae\xe9C\x9d\xfau\x08\x06\xa3\x84C\xc1\xb2}1\x84\x7f\x96\x88\xafb\xb1\xe0\xf1z\x88F\xa2\xcc\x986\x85w_{\x9e9\xbfL\x03\xa0Y\xf3\xe6\xdcs\xcf=\\\xd7\xb3\' \xa6\x05*\x92H\x00\xca\xd9\x81\xbd\x86\xf7\xde\x7f\x9fG\x1fy\x84?\xff\xfc\x13\x80\xf3\xbb_A\xef\x9b\xee\xa0\xf5\t\xed\x89E5\x02\x81R\xb16\xf6\x10%\x1e\xfc\x1eo\x06\x86\xae3s\xfa\x14\xde|\xf1i\xe6\xce\xfc\t\x80\x0e\x1d:0|\xf8p\xce&gt;\xfb\xec\xb2\xaf?\xdc\x04k\xdfy`\x9f\xcf\xc7\xb3\xcf&gt;\xcb\xf3\xcf?\x8f\xdf\xefGQ\x14.\xb9\xaa\x17\xbd\x06\xdeF\xd3\x96\xc7\x12\x0e\xc6\x08\x05\x03i=\x0c|\xa8\x12\x89\x9e\xa2(x2\xbc\x84\x82!\xa6~5\x91\xb7G?\xcb\x8a\xa5\xe6\xb2\xd8\x13O&lt;\x91\x87\x1f~\x98s\xcf=\x170\xeb\x03\xfe\xeeL\x8c\xffb\xdf\xf8\xfa\xfd~F\x8d\x1a\xc5\xc8Q\xa3\xf0\xfb|\xb8\xdc\x1e\xae\xee=\x90\xab\xfb\x0c\xa2n\x83z\x04K\xcd\x9d0e\xc5\xdc\x14K\xf8o\x12\r\xbb\xc7\xeb%\x16\x8b\xf1\xd3\x94\xafx\xeb\xa5gX8\xdf,\x08\xed\xdc\xb93\xc3\x87\x0f\xe7\xb4\xd3N+\xfbz\xd1A*_"\x01(G\xfb\xbeA\x17,X\xc0\xbd\xf7\xde\xcb\xd4\xa9S\x01h\x7fr\'n\x1cr\x1f\xa7\x9c~\x0e\x9a\xa6\x11(\x15\r\x7fy\xd15\r$\toF\x06\xd1h\x94\xc9_~\xc2k\xa3\x1e/\xdb\xb1\xacW\xaf\x1b\x18&gt;\xfca\xea\xd4\xa9\xf3\x97B\xae\xffb\xdf\x06f\xe2\xc4\x89&lt;0l\x18+W\xac\x00\xa0\xf3\xd9\xe7s\xe3\x1d\xf7s\xfcI\x1d\x89Db\x84\x02\x01\xb3\xd7"\xe2{\xd8\x12\rEF\xa6\x17_\x89\x8f\xcf&gt;\x1c\xcb[/&gt;\xcd\x8e\xed[\x01\xb8\xf6\xda\x9e&lt;\xf2\xc8p\xea\xd7\xaf\xbf\xdfiz\x87\xf2{\x12\xf7\xefg\x9f}\xce\x03\x0f&lt;\xc0\x8a\x15\xe6{\xa8\xfb\x95=\xe9w\xcb\xdd4my,\xc1@\x84p($\xaa\xd6\xcbI"\xbe\xde\x0c/\xa1`\x90\xaf&gt;\xfd\x88\xd7\x9f\x7f\xa2lG\xc9\x017\xde\xc8C\x0f&gt;H\xf5\xea\xd5\x0f\xeb\xfe\x15\xfeJ$\x00\xe5`\xdf^\x7f(\x14\xe2\x89\'\x9e\xe0\xe9\xa7\x9f&amp;\x12\x89P\xa3V]\x06\xdd\xf5\x00\xdd\xaf\xec\x89\xcdj\xc7\xe7+\x11\r\x7f\x05\xd9\xb7\xa1(*,b\xdc\x9b\xa3y\xfb\xa5g(-\xf5\x93_\xa5\n\x8f\x8d\x18A\xbf~\xfd\x80\xff\xd6[\xdcw.r\xe3\xc6\x8d\xdcs\xcf=\x8c\x1f?\x1e\x80FM\x9as\xd3]\xc38\xaf\xfb\x15\x00\x94\xfa}b(\xb8\x82h\x9a\x8a\xc5b%#\xd3\xcd\x96M[x{\xf4\xb3|\xf8\xf6+\xc4b1\xf2\xf2\xf2\x18&gt;|8\x83\x06\r\x02\x0e/\xbe\xf7\xde{\x1f\x1f}\xf4!\x00m\xdawd\xf0\xd0\x878\xf5\x8cs\x88Ec\x04\x02\x01\xd1\xf0W\x90D\x02\x96\x91\xe9a\xd7\xce]\xbc\xfb\xda\x0b\x8c}\xe59\xc2\xe1\x105k\xd6\xe4\xb1\xc7\x1e\xe3\xfa\xeb\xaf\x07\xcag\xb4G\x10\t\xc0aK\xech\x05f\x11\xd8m\xb7\xdd\xc6\xef\xbf\xff\x0e\xc05}ob\xe0\x90\xfb\xa8^\xb3\x06%\xc5~Q\xd0r\x84h\xaa\x8a\xc5f##\xc3\xc5\x8a\xa5\x7f\xf0\xc2\x13\x0f2\xf5ks)^\xd7\xae]y\xee\xb9\xe78\xe6\x98c\x0ejnq\xdf^\xe1\xd8\xb1c\xb9\xe7\xde{\xd9\xb9c\x07v\xbb\x9d^7\xdeN\xdf[\xee";7\x87\x92b\x1f` \xcb"\xbe\x15)\x91l;\x1c\x0e\\\x1e\x07\xf3g\xcf\xe6\xb9\x11\xf7\x97M\xfb\x9cs\xce9&lt;\xf7\xdcs4o\xde|\xbf:\x9c\x7f\xb2o|\xdfy\xe7\x1d\xee\xbd\xf7^v\xee\xdcIfV6\x83\xee\x1c\xc6U\xbdo\xc4\xe1p\xe2+\x11\x89\xfb\x91\xa2\xa9*V\xbb\x1d\xaf\xd7\xc9\x92\x05\x0by\xfe\xf1a\xfc4\xd5,\xac\xbd\xf8\xe2\x8b\x199r$\xf5\xeb\xd7\x17\xb5\x01\xe5@$\x00\x87!\x91\x85\xc6b1F\x8c\x18\xc1\x88\x11#\xd0u\x9d\xe6-\xdbp\xf7\xf0\xa79\xf5\xcc\xb3\xcc\xe5^\x910\x8a\xc8V\x8f\xa8DC\xe1\xf6\xb8Q\x14\x0b_Nx\x9fQ#\xeeg\xc7\xb6-\xe4\xe4\xe4\xf0\xf4\xd3O\xd3\xa7O\x1f\xe0\x9f\xe7\x16\x13\xf1\xdd\xb9s\'\xb7\xdf~;\x1f}\xf4\x11\x00\xedN:\x99{\x1ey\x96v\'\x9d\x84\xdfg.\xf7\x12\xf1=\xb2\x12\xf1\xf5fd\xa2i1&gt;|\xfbUF?=\x9c\x92\xe2"233y\xfc\xf1\xc7\xcbF\x03\xfe.\xbe\xfb\x8e\xdam\xdf\xbe\x9d!C\x86\x94\x8d\xea\x9c}\xc1\xc5\xdc1\xec\t\x1a7kBIq\xa9\x98{&gt;\n\x12\xf1\xf1x\xbcH\x12|\xfa\xe1;&lt;\xff\xd8\x03\xec\xd9\xb5\x93\xfc\xfc|\x9ey\xe6\x99\xb2\xd1\x00\x11\x9fC\'\x12\x80C\xb0\xef\x90\xe1\x8a\x15+\x18p\xe3\x8d\xcc\xf8\xe5\x17\x00\xfa\x0e\xbe\x8b\x81w&lt;\x807#\x03_q\xb1X\xcew\x94%\xb6\x1c\xce\xca\xc9d\xf3\xc6M&lt;;|(_O4\x1f\xf4\xd7^{-\xcf?\xff&lt;\xb9\xb9\xb9\xfb\r)\xee\xdbs\xfc\xee\xbb\xef\x18t\xd3MlX\xbf\x1e\xbb\xdd\xc1\xa0;\xef\xa7\xf7Mwb\xb5\xd9\xf0\xfb|b8\xf8(\xd3\xe3\x1b\xecde{Y\xb5l\x05O\x0c\xbb\x83_\xe2\xcbB/\xbf\xfcr^|\xf1E\xaaU\xab\xf6\x8f\xf1\xfd\xe6\x9bo\xb8\xe9\xa6\x9b\xd8\xb8q#\xd99\xb9\xdc\xf9\xd0\x93\\vmoTU#\x18\x08\x88a\xe6\xa3,1\xe7\x9f\x95\x9d\xc1\x86u\xebx\xe6\xa1\xbb\x99&lt;i"\x00\xbdz\xf5b\xd4\xa8Qdgg\x8b)\x81C$\x12\x80\xffh\xdf\x87\xc7\x07\x1f|\xc0\xe0\xc1\x83)**\xa2~\xa3\xc6\x0c{\xf2E:\x9d\xd3\x05\x7fI\xa0l\xc72\xa1rPU\x15\x87\xd3\x89\xddn\xe7\xd3qo\xf3\xd4\x83wQR\\D\x93&amp;Mx\xeb\xad\xb78\xe5\x94S\xd04s-z\xe2A\xf2\xe0\x83\x0f\xf2\xe8\xa3\x8f\x02\xd0\xbcU\x1b\x1e|z4\xedO\xeeHI\x91\xe8\x15V6\xaa\xaa\xe2v\xbb\x91d\x99w_{\x9e\x17\x1e\x7f\x90P(H\xfd\xfa\rx\xf3\xcd78\xf3\xcc3\xf7;b[\xd7u\x86\r\x1b\xc6\xe3\x8f?\x0e\xc0\xa9gt\xe1\xfe\'^\xe0\x98fM(.\xf4\x01\xa2\xd0\xac2QU\x15\xa7\xcb\x85\xd5je\xc2\xbbo\xf0\xf4CwS\xea\xf7\xd1\xacys\xde~\xeb-:t\xe8 \xa6\x04\x0e\x81H\x00\xfe\x83\xc4C_UU\xee\xba\xeb.\x9e\x7f\xfey\x00.\xbc\xecj\xee}l\x14\xf9U\xaaR\\T,z\x85\x95\x94\x11\xdf\xd1-;7\x93\x15K\xff\xe0\xa1;\x07\xf1\xdb\x9c\x19\xd8l6\x9e}\xf6Y\x06\x0f\x1e\x0c\xc0\xf6\xed\xdb\xe9\xd7\xaf_\xd9\x86&gt;=z\r\xe0\xae\xe1O\xe1\xf1d\xe0+)\xc1bQH\xc7\x9d\xfb*;39\x87\xac\x9c\x0c~\x9f\xf3+\x0f\xde1\x90\x15K\x17\xa1(\n\x8f?\xfe8w\xdf}7`\x1e\xca\xd4\xb7o?\xa6L\x99\x8c$\xcb\xdc2\xf4a\x06\xdcvO\xfc\xb8j\xd1\xeb\xaf\xac\xcc\xd1\x00\x83\xec\x9cL\xfeX\xb4\x98\x87\xee\x1c\xc4\xc2y\xb3\xb1\xdb\xed\x8c\x1a5\x8aA\x83\x06\x1d\xd6*\x90t$\x12\x80\x83\x94\x18b\xda\xbau+\xbdz\xf5\xe2\x87\x1f~\xc0f\xb3q\xd7\xf0\xa7\xe9u\xe3\xad\x84B!\xa2\xe1\x88\x98\x0bN\x02\xaa\xaa\xe2\xf1x\x88\xc5\xa2\x8c|\xf4&gt;\xde}\xed\x05\x00\x06\x0e\x1a\xc4\xe5\x97]F\x9f&gt;}X\xbf~=\xde\x8c\x0c\xee\x7f\xfc\x05.\xef\xd9\x0b\xbfO\x8c\xea$\x0bUU\xc9\xc8\xc8\xc4\xef/\xe1\xf1\xfbn\xe7\xb3\x8f\xc6\x02\xe6\x90\xf1\x95W^I\xff\xfe\xfd\xd9\xbcy35k\xd7\xe5\xd1\xe7^\xa7s\x97.\x14\x17\xfaE\xc3\x91$TU\xc5\xe3\xf5\x12\r\x87y\xe6\x91{\x18\xf7\xe6h\x00\x06\x0c\x18\xc0\x8b/\xbe\x88\xcdf\x13#t\x07I$\x00\x07!\xd1\xf8\xcf\x9b7\x8f\xab\xae\xba\x8au\xeb\xd6Q\xbbn\x03\x9e\x18=\x86\x8e\x9d:QTPRv\x1c\xaf\x90\x1ctMC\xb6(ddx\xf8\xf8\xbd1&lt;\xf7\xd80v\xed\xd8V\xf6\xf9\x96m\x8e\xe7\xa1g^\xa6m\xfb\xf6\x14\xee\x11\xb5\x1c\xc9F\xd34\xacV+.\xb7\x8b\xb1\xaf\xbd\xc0k#\x1f\xa7`\xcf\xae\xb2\xcf\x9f\xde\xe5\x02\x1ex\xe2\x05\xea\xd4o@qQ\xb1\xe8\xf5\'\x99D\x01\xa77\xc3\xcd\x84w\xc7\xf0\xe8=\xb7\x10\n\x068\xfd\xf4\xd3\xf9\xe0\x83\x0f\xa8^\xbd\xba\xa8\x0b8\x08\xa2\xc5\xfa\x17\x897\xd1\xc4\x89\x139\xeb\xac\xb3X\xb7n\x1d\x1dN=\x83\xf7\xbf\x9aN\xfb\x93;Q\x90h\x1cD\xe3\x9fTdEA\xd7t\n\x0b\x8a\xe8sso\xce\xea\xda\xbd\xac\xf7\xe7p:\xb9\xe5\xdeG8\xe5\xf4\xf6\xec\xdc\xbe\x1b\xc5b\x11\x8d\x7f\x92Q,\x16b\xb1(~\x9f\x9fAw\xdcJ\xfb\x93;\x95\xc5\xd0\xe3\xf5\xd2\xef\x96\xa14i\xd1\x80\x82\xdd{D#\x91\x84\x14EA\xd7u\x8a\n\x8b\xe9\xd1\xab7c?\x9bJ\x9d\xfa\r\x99&gt;}:\x9d:ub\xf1\xe2\xc5X,\x16TU=\xda\x97Z\xa9\x89V\xeb\x1f\xec\xbbLh\xf4\xe8\xd1\\v\xd9e\xf8\xfd~.\xbd\xfa\x06^\x1f\xff5yU\xaa\xe1+\x16=\x87de\xae\xe2\x90\xc9\xc8\xcc\xe2\xae\x81\xb7\xf3\xe1\xdb\xaf\x00P\xafac\xc2\xa1\x10C\x07]\xcf\xe7\xe3\'Q\xb5F\xbex\x88$!]U\xb1\xd9\xecXmV\x06^\xdb\x93\xef\xbe\xfc\x04\x9b\xcd\xce1M[P\xea\xf73\xa8gw\xbe\x9e\xf8\x15U\xaa\xe7\x89\xf8&amp;)I\x92P\x14\x0b\x05{\x8ai\xd3\xbe#\xef\x7f9\x8d\x13:\x9e\xc6\x9a5k8\xf3\xcc\xb3\xf8\xfe\xfb\xefE\x12\xf0/D\x02\xf07\xf6]\xe6\xf7\xd0C\x0f\x95\x15\x87\xdd|\xf7\x83&lt;\xf9\xf2\x18t]\'\x12\x0e\x89\xf9\xfe$\x95\xa8\x04\xb7\xdal\xdcs\xf3\r\xbc\xfb\xda\xf3\xc8\xb2\xcc\xf0Q\xaf\xf1\xd5\x8c\xdf\xe8\xd2\xed2\n\xf7\xec\xe6\x96\x1b.g\xe2\x07\xe3\xc8\xcd\xcfB\x13\x0f\x91\xa4\xa1i\x1av\x87\x83X,\xca\xcd\xd7]\xca\xa4\x8f\xc7\xe1r\xbb\x19\xf5\xe6\x87|\xfe\xd3&lt;\xba\\x)\xc5\x85\x05\x0c\xee%\xe2\x9b\n,\x16\x0b\xbe\xe2b\xf2\xaaT\xe3\xcd\t\xdfp\xfe\xc5WPP\xb0\x87\x0b/\xbc\x90O&gt;\xf9D$\x01\xff\x87H\x00\x0e\x90\xa8"U\x14\x85\xdbo\xbf\x9dG\x1ey\x04Y\x96y\xf8\xd9W\x18\xf2\xc0p|%%\xf1\xdd\xffD\x81I2\xd2usnX\x92\xe0\xb6&gt;W\xf1\xf9G\xef\xe2\xf6x\x19\xfd\xeeD\xae\xee\xdd\x0fM\x93ya\xcc\x04z\xf6\x1bL,\x1a\xe5\xae\x81\xd7\xf1\xdek\xaf\x92\x93\x9f\x85\xa6\x89\x87He\xa7i\x1aN\x97\x8bR\xbf\x8f\x1b\xaf\xea\xc6\xcf\xdf\x7fK~\xd5\xea\xbc\xf5\xf1wt\xe9v1jL\xe7\x85w&gt;\x8e\xc77\xb2\x7f|E#\x91\xb4\x14\x8b\x85p(\x84$\xc9\x8cz\xf3#z\xf6\x1bL$\x12\xe1\xca+\xaf\xe4\xed\xb7\xdf\x16I\xc0?\x10E\x80\xfb\xd8\xb7\xe7?p\xe0@^{\xed5\xec\x0e\x07O\xbc4\x86\x8b{\\E\xc1nQ\x0c\x96\xcc\xcc\xc6\xdf\x86\xaek\xdc\xda\xbb\x07?\x7f\xff\r9\xb9\xf9\xbc0f\x02\x1dO?\xdd,\xf6\x8b\xaf#\xce\xc8\xf22\xea\xd1\x07y\xe5Ys\x1f\x80\xfb\x1e{\x8e\xbe\x83o\xa3\xb0\xa0DT\x17WRf\xe3\xef\xa4\xa4\xb0\x90\x1b\xaf\xb9\x88%\x0b\xe6Q\xbb^\x03^y\xffs\x9a\x1e\xdb\x8a\xe2\xa2"\x14Y\x01I"#\xd3\xcb\xa8G\x87\xf1\xca\xc8\x11\x80\x88o\xaaH\xec\xd3\x92\x91\xe9e\xd4\x88a\xbc\xf2\xac\x19\xdfW^y\x85\x81\x03\x07\x8a\xc2\xc0\x03\x88\x04 n\xdf\xc6\xbf\x7f\xff\xfe\xbc\xf9\xe6\x9b\xb8\xdc\x1eF\xbd\xf9!\xe7\\x!\x05\xbb\xc5|\x7f2\xd3u\x1d\x8b\xd5\n\x86\xce\xcd\xd7_\xc6\x8c\x1f\'\x93_\xb5\x1a\xaf\x8c\xfb\x926\'\xb4\xa7\xa8\xb0\x08\x8b\xc5\n$F\x81t\xb2s2y\xf9\x99\'\x19\xf9\xe8\xbd\x00\xdc;b\x14\xfdo\xbd\x9d\x82=\xc5(\x8ax/T&amp;e\x8d\x7fQ!\xfd\xae\xbc\x80e\x8b\x7f\xa7\xc11My\xed\xa3I\xd4\xad\xdf(\xbe\x7f\x83\x19\xb3\xfd\xe3\xfb\x04#\x1f\xbd\x0f\x10\xf1M\x15\xff\x14\xdf\xd1\xa3Gs\xd3M7\x89$`\x1f"\x01`\xff\xc6\x7f\xd0\xa0A\xbc\xfa\xea\xabx\xbc\x19&lt;\xff\xf6\x04\xce8\xf7\\\n\xf6\xecm\x1c\x84\xe4\xa3\xeb:\x8aEA\x91en\xb9\xe1\n\xa6O\xf9\x9a*\xd5j\xf0\xfaG\x938\xb6u;\x8a\x8b\xfe\x1a\xdf\xc4{"\'/\x93\xd7F=\xcb\xd3\x0f\xdd\x05\xc0\xb0\xa7^\xe2\x86A7S\xb8\xbbX\xd4\x80T\x12z|\xce\xbf\xb4\xd4G\xff+/`\xc9\x82y4j\xda\x827\xc6\x7fE\x8dZu\xf0\xfb\xfc\x7fy\xe0\xffS|\x1f|j4\xbd\x06\xdd$\xe2\x9b\xe4\xfe)\xbeo\xbc\xf1\x06\xfd\xfa\xf5\x13I@\\\xda\'\x00\xfbV\xfb\xdfy\xe7\x9d\x8c\x1c9\x12\x97\xdb\xc3\x0bc&gt;\xe6\xcc\xf3\xce\xa3`w\x91\xd9s\x14\x92\x92a\x18H\x92\xb9\xb4oH\xdf\xab\xf9\xee\xcbO\xc8\xcb\xaf\xca\x1b\xe3\xbf\xa6e\xdb\xe3\xff\xb6\xf1\xdf\x97\xa6\xa9\xe4\xe6e\xf1\xf23O\xf1\xec#\xf7\x00\xf0\xc4\xe8w\xb8\xf2\xfa^\xe6{C$\x86G\x95\xae\xebX\xadVT5F\xbf+\xbb\xf2\xfb\xaf3ipLS\xde\xfa\xe4[\xaa\xd7\xacC\xc0\xef\xff\xbf\r\xf9\xdf\xc5\xf7\xc9\xd1\xefp\x85\x88oJ\xf8k|%&gt;\xfc\xf0\x03\xae\xba\xea*\x91\x04 \x8a\x00\xcb\x1a\xff\x11#F0r\xe4H\xecv\x07\xcf\xbe&gt;N4\xfe) Q\xd0\xe9\xf1zyh\xc8@\xbe\xfb\xf2\x132\xb3sx\xf9\xfd\xcf\xcc\xc6\xbf\xf0\xdf\x1f\xf0\xe62\xa3\x12\x06\xdd9\x94\xc1C\x1f\x06\xe0\xc1\xdb\x07\xf0\xdd\x17_\x90\x93\x9b-\n\x8b\x8e"\xc30\x97r\xca\xb2\xc4\xed}z\xf0\xfb\xaf3\xa9]\xaf\x01\xaf\x7f4\x89\x1a\xb5\xeaP\xfa/\x8d?\xec\x1f\xdf\x9b\xef~\x18\x80aC\x060\xf9\x8b/E|S\xc0_\xef_\x83^\xbdz1y\xf2dQ\x18H\x9a\x8f\x00$2\xc07\xdf|\x93\xfe\xfd\xfb\xa3\xc82O\xbe&lt;\x96K\xaf\xed)\xb2\xff\x14\xa0i*9\xb9Y&lt;\xf3\xf0\x03\xbc:\xea1\\n7\xa3\xdf\xfb\x8c\xd3\xce&lt;\x87\xa2\x82\x83O\xee\x12s\x8aY\xd9\x99&lt;z\xcf\x10\xc6\xbe\xfa\x1c\x1eo\x06o}\xfc-mO&lt;\x19_\xb1\x18.&gt;\xd2\x12\xc9\x9d7\xc3\xcb]\x03\xaf\xe7\xcb\t\xef\x93_\xb5:o\x7f:\x99&amp;\xcd[\xee7\xe7\x7fp?\xcb\x8c\xef#Co\xe7\xdd\xd7\x9e\xc7\x93\x91i\xc6\xb7}G\x11\xdf$\xf7w\xf1\xcd\xcc\xcc\xe2\xc7\x1f\x7f\xa0]\xbbvi\xbdmp\xda&amp;\x00\x89\xc6\xff\xdbo\xbf\xa5[\xb7\x8b\xd04\x95\xfb\x1f\x7f\x9e\xbe\xb7\xdc\xca\x9e]\xa2\xf1Ov\xaa\xaa\x92\x9b\x9f\xc5\xfb\xaf\xbf\xc6Cw\x0eDV\x14\x9e}m\x1c\xdd{\xf4\xa0`\xd7\x7f\x1f\xd91o\x13\x03\x8f7\x83;\x07\xf4d\xd2\'\xe3\xa8V\xa3\x16\xefO\x9aN\xcd:u\t\x06\x82i\xfb\x109\x1a\x12\xc9\xdd\x93\xc3\xee\xe5\x8d\x17\x9e\xc4\xe3\xcd\xe0\x8d\xf1_s\xc2\xc9\xa7R\\\xf8\xdf\x0bv\xf7\xc6\xd7\xcb\x1d\xfd{\xf2\xd5\xa7\x1fP\xadf-\xc6M\xfa\x89\x1a\xb5\xeb\x88\xf8&amp;\xb9}\xe3k\xde\xbf\x1fP\xa7N]f\xce\x9cA\xed\xda\xb5\xe3K\xbb\xd3o@&lt;-\x13\x80D\xc6\xb7t\xe9R:u\xeaDQQ\x11\xfdn\xb9\x9b{G&lt;Ea\x81\xa8\x00Nv\xaa\xaa\x92\x95\x9d\xc5/?La\xe0\xb5\x17\x11\x8dD\xca*\xbc\xf7\x1cB\xe3\x9f`\xe8:\xb2\xa2\xa0X\x14\x06\xf4\xb8\x90\xd9?\xff@\x8b\xe3\xda\xf2\xde\x17?b\xb1\xd9\xd0T\x15IJ\xbf\x87\xc8\x91\xa6\xaa\xe6\xbc\xee\xb8\xb7\xdf\xe0\xc1\xdb\x07`\xb1Xx\xee\xad\xf1\x9c\x7f\xc9\xa5\x14\x1eF\xc1n\xa2\x10X\xb1\xc8\xf4\xbf\xf2B\xe6\xfc\xf2#\xc7\xb6&gt;\x9ew\xbf\xfc\x01\x8bbE\xd34\xb1\x048\x89\xfd]|O&lt;\xf1D\xa6M\x9b\x86\xc3\xe1(;\xe6=\x9d\xa4\xdd\xd3*q\xe2Waa!\x97_~\x05EEE\x9c\x7f\xf1\x95\xdc\xf5\xf0\x93\x14\x17\xf9\xc4\x06?IN\xd34\xdc\x1e7\xeb\xd6\xacb\xe8M\xd7\x13\x8dD\xe8\xd9o0}o1\x97w\x1dNM\x87$\xcbh\x9a\x06H\x8c|c\x1c\r\x1b7g\xd9\xe2\x05\xdc{K_\x1c\x0e\'\xe9\x97J\x1fyZ&lt;\xb9\x9b9}:\x8f\xdf{\x1b\x00w&gt;\xf4\x14\x17\\z)\x85\x879m\'\xc7\xe3+!3\xf2\x8dq48\xa6)\x7f,\xfa\x8d\x07n\xe9\x87\xd3\xe5$\r\xfbJ)\xe5\xc0\xf86l\xdc\x94\xb9s\xe7\xd2\xaf_\xff\xb2\xcf\xa5\x9b\xb4J\x00\x12KC$I\xe2\xba\xeb\xaec\xd5\xaa\x95\x1c\xd7\xeeD\x1e{\xf1-B\xc1\x10\x86A\xdae\x80\xa9\xc40\x0c,\x16\x0b\x91p\x98;\x07\xf4d\xcf\xae\x9dt:\xfb|\xee{|\x14\xbe"\x7f\xb9$w\xb2,\x13\t\x87\xc9\xce\xcd\xe7\xb9\xb7&gt;$+;\x87\xa9_M\xe4\xa5\xa7\x86\x93\x9d\x9b\x91\xf6EE\x15I\xd7t\x9c.\'[6m`\xe8\xa0\xeb\t\x87C\\\xd5{ \xfdn\x1dr\xd8\xc9]\x82,\xcb\x84\xc3ar\xf2\xaa0\xea\xcd\x0f\xc9\xcc\xca\xe6\xbb/?\xe1\xe5g\x1e#;G\xc47\xd9\xed\x1b\xdf\x91o|Hfv6\x1f~\xf8\x01O?\xf3LZ\x16\x05\xa6U\x02\x90\x18\xfa\x7f\xf0\xc1\x07\xf9\xe6\x9bo\xa8Z\xad\x06\xcf\xbe&gt;\x0e\xbb\xddN,\x16K\xcb9\xa0T\xa2\xeb:\x1e\xaf\x9bG\xef\xb9\x95\xa5\x0b\xe7S\xbfQ\x13\x9e\x1c=\x065\xa6\xa2\x1bF\xb9%w\x8a\xa2\xe0\xf7\xf9hq\xdcq\x0c\x1f\xf9:\xb2,\xf3\xca\xc8\x11L\x994\x89\xec\x9c\xac\xb4{\x88\x1c\x11\x86\x81\xac\x98\xf1\xbb\xe7\xa6\xdel\xdf\xba\x99\x93N=\x9d\xfb\x1f\x7f\x0e_qi\xb9\x8e\xdc\x99\xf1-\xa1e\x9b6&lt;\xfc\xec+H\xb2\xcc\xe8g\x86\xf3\xc3\xb7\xdf\x92\x95-\xb6\x0cNv\xfb\xc5\xf7\x99W\x91e\x99\xfb\xee\xbb\x8fi\xd3\xa6a\xb1X\xd2j$ mZ\xbc\xc4r\xbfo\xbe\xf9\x86\x11#F`\xb5Zy\xf4\xf97\xa9\xdf\xa8\x11\x81\xd2\x80(\xf0Ir\xaa\xaa\x92\x93\x9b\xc9\x07o\xbf\xceg\x1f\xbe\x83\xcb\xed\xe1\xa9W\xc6\x92\x93W\x85H8\\\xee\xc9\x9d\xc5b\xa1\xb0\xa0\x98n\x97_\xc6\x80\xdb\xefE\xd74\x1e\x1cr#\x1b\xd7\xad\xc3\xe5r\xa2\xebz\xb9\xfe\xbet\xa7i\x1a\x99Y^F&gt;z?sgN\xa7z\xcd\xda&lt;\xf9\xf2X\xc0\xdc\x08\xa8\xbcG\xee,\x16+\x85\x05\xc5t\xbf\xb2\x07}o\xbe\x0bMUyp\xc8\x00\xb6n\xda\x88\xc3)\xe2\x9b\xec\xf6\xc6\xf7J\xfa\x0c6\xe3\xdb\xabW/v\xee\xdc\x89,\xcbi\x13\xdf\xb4(\x02L\x0c\xfbo\xdb\xb6\x8d\xe3\x8f?\x81\x1d;\xb6s\xcb=\xc3\xb9\xed\xfe\x07\xc5r\xbf\x14\xa0\xeb\x1a.\xb7\x9bU\xcb\x97r\xed\x05\x9d)\xf5\xfbx\xf8\x99W\xb8\xee\xc6\x81\x87T\xf1\x7f\xf0\x0c\x0c\x03\x9c.\'\xfd\xae\xbc\x80\x99\xd3\xa6\xd0\xb1\xd3Y\xbc\xfd\xc9\xb7\x84Ba1\x9dTN4U%3\'\x8b\xa9\x93&gt;\xe7\xe6\xeb/\xc5b\xb5\xf2\xda\x07\x938\xed\xac.\x14\x17U\xe4\x16\xddf|\x1dN;}.;\x9f9\xbf\xfc\xc8ig\x9d\xc7\x1b\xe3\xbf"P\x1a\x10#\x86I/\x1e_\x87\x9d&gt;\x97\x9b\xf1\xbd\xf0\xc2\x0b\x994iR\xdal\x12\x94\x16\xef`#&gt;\xfc\xdb\xb7o_v\xec\xd8\xceig\x9e\xcb\xa0;\xef\xa7\xb8\xc0\'\x1a\xff$g\x16u*D#\x11\x86\xdd6\x80R\xbf\x8f\x0b/\xbb\x86k\xfb\r\xa4pOI\x05o\xe4$\x95\xed$\xf9\xe8s\xafS\xb5zMf\xff\xfc\x03\xaf=\xf7$Y\xd9^1\x15P\x0e\x0c]\xc7\xeet\xb2u\xd3&amp;\x1e\x19:\x18\xc30\x18p\xfb\xbd\x9cqn\x97\xf8.\x8e\x15\xf9\x906\xe3k\xe80\xe2\xf9\xd7\xc9\xabR\x95_~\xf8\x8e\xb7G\x8f\x14\xf5\x00)!\x1e_\xc3\x8co~\x95j|\xf5\xd5W\xbc\xf8\xe2\x8biS\x0f\x90\xf2\t@b\xde\xff\xc5\x17_d\xf2\xe4\xc9T\xadV\x83\xe1#_EUUR~\xe8#\r\xe8\x9aFf\x96\x87\x97\x9ez\x84\xa5\x0b\xe7S\xafac\x1ex\xe2y\x82\x81\xe0\x11\xe9\xa1\xc9\xb2L(\x18\xa2v\xdd\xba&lt;\xf0\xe4\x8b\xc8\xb2\xcck\xcf=\xc1\xbc\xd9s\xf0fd\xa0\xa7\xd1|bE0\x00\x9b\xcd\xc6\x88{ne\xe7\xf6\xadt8\xedLn\xba\xe3~\x8a\n\xfdG$y\x97e\x99`0H\xbd\x86\r\xb9\xef\xb1\xe7\x91$\x89\x97\x9fy\x84E\xbf\xfd\x8e\xc7\xebE\xd7E|\x93\xd9\xbe\xf1\xbd\xf7\xb1\xe7\x90$\x89\xfb\xee\xbb\x9f\xe5\xcb\x97c\xb1XR~* \xa5\x13\x80\xc4\xba\xcf\x15+Vp\xdf}\xf7#I\x12\xf7\x8c\x18E\x9d\xfa\xf5\x08\x07Cb\x08/\xc9i\x9a\x867+\x83\x99\xd3\xa7\xf3\xeek\xcfa\xb1Zy\xf0\xa9\x97\xc8\xc9\xcd#\x1a\x89\x1e\xb1!x\x8b\xc5Bqa1]/\xbe\x84+\xaf\xefO$\x1c\xe2\x91\xbbo"\x1c\n"+\nb}\xe0\xa1QU\x95\xac\x9c\x0c&amp;\xbc\xfb&amp;?|\xfb\x05\xd99\xb9&lt;\xfc\xec+\xe8\xf1]\x00\x8f\x14\x8b\xc5BQa\t\x17]\xd1\x83\x8b{\xf4"\x18\x08\xf0\xc8\xdd7\xa3\x96\x15\x0e\x8b\xf8&amp;\xb3}\xe3{\xc9U\xbd\x08\x04J\xe9\xdf\xbf?\x9a\xa6\x95\xed8\x99\xaaR\xb6\x05L\x04N\xd7u\x06\x0e\x1cH P\xca\xc5=\xae\xe7\xc2\xcb\xaf\xa4\xa8Pl\xed\x99\xec\x12K\xfe\x82\xa5\x01\x1e\xbb\xef6b\xb1\x18=\xfb\r\xa6s\x97s(&gt;\n[\xb7\xca\x8a\x82\xcf\x17d\xc8\xb0\xc7ipLS\x96/Y\xc8\xeb\xcf?If\x96\'\xad\xaa\x8a\xcb\x8b\xae\x9bK\xfe\xd6\xafY\xcbs\x8f=\x00\xc0\x90aOpL\xd3\xc6Gltg_\xb2,\x13(\rq\xf7\xf0\'\xa9]\xaf\x01\x8b~\xfb\x95w^y\x8e\xcc,/\xaa*\xe2\x9b\xec\x12\xf1\xbd\xeb\xe1\'\xa9S\xaf\x01\xb3f\xcd\xe2\x85\x17^@Q\x94\x94\xbe\x7fS6\x01H\xf4\xfe_}\xf5U~\xfe\xf9gj\xd6\xae\xcb\x1d\x0f=A0 z\xfe\xa9@\xd3422\xdd\xbc\xf1\xfcS\xacZ\xb6\x84FM[p\xf3\xdd\x0f\xe2+&gt;:+:$IB\x8d\xc5\xc8\xca\xce\xe6\xbe\xc7\x9eCQ\x14\xdeye\x14\x0b\xe6\xce\xc3\xed\xf5\x8a\xa9\x80\xff\xc80\x0c\xec6;O=t\x17E\x05\xbb9\xbd\xcb\x05\\y]\x1f\x8a\n}G\xa58K\x92$\xa2\x91\x08yU\xaa0t\xf8\xb3H\x92\xc4\xeb\xcf?\xc1\xb2\xc5Kq{\xdc)?T\x9c\xea\xf6\x8d\xef\xdd\x8f\x98\xf1}\xf8\xe1\x87Y\xbbv-\x8a\xa2\xa4l|S\xb2%L\xec\xeb\xbcy\xf3f\x86\r\x1b\x06\x98\xbb\</t>
        </is>
      </c>
    </row>
    <row r="163">
      <c r="A163" s="1" t="n">
        <v>161</v>
      </c>
      <c r="B163" t="inlineStr">
        <is>
          <t>color_overlap_squares</t>
        </is>
      </c>
      <c r="C163" t="inlineStr">
        <is>
          <t>What is the missing color of the part denoted with a question mark?</t>
        </is>
      </c>
      <c r="D163" t="inlineStr">
        <is>
          <t>['green', 'blue', 'yellow', 'red']</t>
        </is>
      </c>
      <c r="E163" t="inlineStr">
        <is>
          <t>yellow</t>
        </is>
      </c>
      <c r="F163" t="inlineStr">
        <is>
          <t>There are 3 squares which overlap each other in the image. The color of the squares are ['blue', 'red', '?']. The part where the first and second squares overlap is purple. The part where the second and third squares overlap is orange.</t>
        </is>
      </c>
      <c r="G163" t="inlineStr">
        <is>
          <t>We observe that the blue and red squares overlap to form purple. Hence, the pattern is that the color of the part where two squares overlap is determined by mixing the two colors.</t>
        </is>
      </c>
      <c r="H163" t="inlineStr">
        <is>
          <t>Based on the pattern that the color of the part where two squares overlap is determined by mixing the two colors, the missing color of the part which overlaps with red to form orange should be yellow.</t>
        </is>
      </c>
      <c r="I163" t="inlineStr">
        <is>
          <t>b'\x89PNG\r\n\x1a\n\x00\x00\x00\rIHDR\x00\x00\x02\x00\x00\x00\x02\x00\x08\x02\x00\x00\x00{\x1aC\xad\x00\x00!KIDATx\x9c\xed\xddo\x90\\e\x81\xef\xf1\xe79\xe7tw\xe6\x0fI\x86\x18\xdc?\xc1\xf2\xa2\xeb\xde\xeb\x92\x85T\x12V)I\xf0\x02\x15\xa1ta\xafE\xf9"\xc2\xa5J\x93  l\x95%\x86\xc8\x1bJ%\xbb\xa5/ \xael\x08\x05\x1bb\xb6\x16\xdd\xb5\xb4\xdc-Xn\xad,\x99\xc2\x92\x98\x04\x8c\x02^)\x8aUd\x97\n\xc1L\x92\xf9\xdb\xdd\xe7\x9cg_&lt;0\x0c\x93\xc9\xa4\xa7\xfb9\xe7&lt;\x7f\xbe\x9f\xb2\xac\x18\xa39\xf4\x9c\xfe}\xa7\xbb\xcftK\xa5\x94\x00\x00\x84\'\xaa\xfa\x00\x00\x00\xd5 \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e0MY\x96)\xa5\xaa&gt;\n\x94G\xf2\xf5\x06 \x84PJI)g\xfe\x02\xde\xe3\x11\x00\x10:\xa5\x94\x1e\xfd\xbb\xef\xbe\xfb\xc8\x91#R\xca&lt;\xcf\xab&gt;(\x94\x81\x00\x00ASJ\xe5y.\xa5\xbc\xf1\xc6\x1b\xbf\xfc\xe5/_}\xf5\xd5###Q\x14\xd1\x80\x10\x10\x00 \\z\xfd\xe38\xde\xbcy\xf3\xfd\xf7\xdf\xdf\xdf\xdf\xbf\x7f\xff\xfe\r\x1b6\xd0\x80@\x10\x00 P3\xd7\xff\x81\x07\x1eh4\x1a\x13\x13\x13I\x92\x1c8p\x80\x06\x04\x82\x00\x00!:u\xfd\x9b\xcd\xe6G&gt;\xf2\x91,\xcbh@8\x08\x00\x10\x9cY\xeb\xdf\xd7\xd7\xd7l67n\xdc\xb8o\xdf\xbe{\xee\xb9\'M\xd3F\xa3A\x03B@\x00\x80\xb0\x9c\xba\xfe\x93\x93\x93\xd7_\x7f\xfd\xee\xdd\xbbGFFn\xbd\xf5\xd6{\xef\xbd\xb7\xd9l\xd2\x80\x10\x10\x00  \xa7[\xff\x07\x1f|pttT\x08q\xf4\xe8Q\x1a\x10\x0e\x02\x00\x84b\xfe\xf5\xcf\xf3&lt;\x8a\xa2$Ih@8\x08\x00\x10\x84N\xd6_\xffI\x1a\x10\x0e\x02\x00\xf8\xaf\xf3\xf5\xd7h@ \x08\x00\xe0\xb9\x85\xae\xbfF\x03B@\x00\x00\x9fu\xb7\xfe\x1a\r\xf0\x1e\x01\x00\xbc\xd5\xcb\xfak4\xc0o\x04\x00\xf0S\xef\xeb\xaf\xd1\x00\x8f\x11\x00\xc0C\xa6\xd6_\xa3\x01\xbe"\x00\x80o\xcc\xae\xbfF\x03\xbcD\x00\x00\xaf\x14\xb1\xfe\x1a\r\xf0\x0f\x01\x00\xfcQ\xdc\xfak4\xc03\x04\x00\xf0D\xd1\xeb\xaf\xd1\x00\x9f\x10\x00\xc0\x07\xe5\xac\xbfF\x03\xbcA\x00\x00\xe7\x95\xb9\xfe\x1a\r\xf0\x03\x01\x00\xdcV\xfe\xfak4\xc0\x03\x04\x00pXU\xeb\xaf\xd1\x00\xd7\x11\x00\xc0U\xd5\xae\xbfF\x03\x9cF\x00\x00\'\xd9\xb0\xfe\x1a\rp\x17\x01\x00\xdcc\xcf\xfak4\xc0Q\x04\x00p\x8cm\xeb\xaf\xd1\x00\x17\x11\x00\xc0%v\xae\xbfF\x03\x9cC\x00\x00g\xd8\xbc\xfe\x1a\rp\x0b\x01\x00\xdc`\xff\xfak4\xc0!V\x9c1\x00\xe6\xe7\xca\xfak4\xc0\x15\x16\x9d4\x00\xe6\xe4\xd6\xfak4\xc0\t\xd6\x9d7\x00frq\xfd5\x1a`?KO\x1d\x00\xc2\xe5\xf5\xd7h\x80\xe5\xac&gt;{\x80\x90\xb9\xbe\xfe\x1a\r\xb0\x99\x03\'\x10\x10 ?\xd6_\xa3\x01\xd6r\xe6\x1c\x02\xc2\xe1\xd3\xfak4\xc0N\x8e\x9dF\x80\xf7\xfc[\x7f\x8d\x06X\xc8\xc93\t\xf0\x95\xaf\xeb\xaf\xd1\x00\xdb8|2\x01\x9e\xf1{\xfd5\x1a`\x15\xe7\xcf\'\xc0\x0f!\xac\xbfF\x03\xec\xe1\xc9)\x058-\x9c\xf5\xd7h\x80%\xbc:\xab\x00\x17\x85\xb6\xfe\x1a\r\xb0\x81\x87\'\x16\xe0\x900\xd7_\xa3\x01\x95\xf3\xf6\xdc\x02\xec\x17\xf2\xfak4\xa0Z\x9e\x9f^\x80\xb5X\x7f\x8d\x06T(\x883\x0c\xb0\r\xeb?\x13\r\xa8J@\'\x19`\t\xd6\xffT4\xa0\x12\xc1\x9dg@\xb5X\xff\xd3\xa1\x01\xe5\x0b\xf4T\x03*\xc1\xfa\xcf\x8f\x06\x94,\xe8\xb3\r(\x13\xeb\xdf\t\x1aP&amp;N8\xa0\x0c\xac\x7f\xe7h@i8\xe7\x80\xc2\xb1\xfe\x0bE\x03\xca\xc1i\x07\x14\x8b\xf5\xef\x0e\r(\x01g\x1eP \xd6\xbf\x174\xa0h\x9c|@QX\xff\xde\xd1\x80Bq\xfe\x01\x85`\xfdM\xa1\x01\xc5\xe1\x14\x04\xccc\xfd\xcd\xa2\x01\x05\xe1,\x04\x0cc\xfd\x8b@\x03\x8a\xc0\x89\x08\x98\xc4\xfa\x17\x87\x06\x18\xc7\xb9\x08\x18\xc3\xfa\x17\x8d\x06\x98\xc5\xe9\x08\x98\xc1\xfa\x97\x83\x06\x18\xc4\x19\t\x18\xc0\xfa\x97\x89\x06\x98\xc2I\t\xf4\x8a\xf5/\x1f\r0\x82\xf3\x12\xe8\t\xeb_\x15\x1a\xd0;NM\xa0{\xac\x7f\xb5h@\x8f8;\x81.\xb1\xfe6\xa0\x01\xbd\xe0\x04\x05\xba\xc1\xfa\xdb\x83\x06t\x8ds\x14X0\xd6\xdf64\xa0;\x9c\xa6\xc0\xc2\xb0\xfev\xa2\x01]\x90J\xa9\xaa\x8f\x01p\x06\xebo\xc4\xac\xd9\x91R\x9a\xfa\x7fN\xd3t\xf9\xf2\xe5;v\xec\xb8\xed\xb6\xdb\x1a\x8dF\xb3\xd9\\\xbbv\xed\xe3\x8f?&gt;44\xc4W\xe7T\x04\x00\xe8\x14\xeb\xdf\x8b&lt;\xcf\xf3&lt;\x97R\xc6q\x1c\xc7q\x14ERJ}\x93fY\x96e\x99\x10B\xfff\x8f\x7f\x11\r\xe8\x1c\x01\x00:\xc2\xfawG)\x95eY\x92$\xfd\xfd\xfd\xf5z=\xcb\xb2\xb1\xb1\xb1\xd1\xd1\xd1\xc9\xc9\xc9V\xabU\xab\xd5\xfa\xfb\xfb\x97,Y288\x98\xe7\xf9\xe8\xe8h\x96eq\x1c\xf7\xf8\x97\xd2\x80\x0e\x11\x00\xe0\xccX\xff\xee\xe4y\xdeh4\x06\x06\x06N\x9c8q\xf8\xf0\xe1\xe1\xe1\xe1\x83\x07\x0f\xbe\xfc\xf2\xcbG\x8e\x1c\x99\x9c\x9c\xcc\xb2,\x8a\xa2\xfe\xfe\xfe\x15+V\\p\xc1\x05W]u\xd5\xe5\x97_&gt;88x\xe2\xc4\t\x1aP\x0e\x02\x00\x9c\x01\xeb\xdf\x9d&lt;\xcf\x07\x06\x06^y\xe5\x95G\x1ey\xe4{\xdf\xfb\xde\xcf\x7f\xfe\xf33\xfeO.\xb8\xe0\x82\xbb\xee\xba\xeb\x13\x9f\xf8\x84~\xe5\xb6\xc7\x03\xa0\x01gD\x00\x80\xf9\xb0\xfe\xdd\xc9\xb2l\xc9\x92%\x0f?\xfc\xf0\xed\xb7\xdf&gt;22\xa2\x7f\xb3V\xab\xe9\xa7\xf8\xf5\xeb\x01B\x08)\xa5\xbe\x01\xf5\xed\xac\x7fs\xfb\xf6\xed_\xfc\xe2\x17GFFx\x1cP\xb4\xd0\xff\xf9\x81y\xb0\xfe\xbdPJ\xbd\xfb\xdd\xef\x1e\x19\x19\xa9\xd5j\xb5Z-\x8e\xe3v\xbb\xddj\xb5Z\xadV\x9a\xa6z\xee\xb3,k\xb7\xdb\xedv;\xcb2\xa5\x94~}\xf8\x8e;\xee\xd8\xb3g\xcf\xd0\xd0\x90~e\xb8\x17\\\x1b:?\x1e\x01\x00sc\xfd{\x94\xe7\xf9\x92%K&gt;\xf6\xb1\x8f\xfd\xe8G?\xd2\xbfs\xce9\xe7\\|\xf1\xc5k\xd6\xacy\xdf\xfb\xde\xb7t\xe9\xd28\x8e\xc7\xc7\xc7_|\xf1\xc5G\x1f}t\xdf\xbe}\xfa\xcfDQ\xa4\x94Z\xb6l\xd9\xc1\x83\x07\xcf&gt;\xfb\xecv\xbb\xcduA\xc5!\x00\xc0\x1cX\xff\xdeeY\xb6t\xe9\xd2\x1f\xfe\xf0\x87\x9f\xfc\xe4\'\xd7\xaf_\xff\xe9O\x7f\xfa\xf2\xcb/_\xb1bE\x92$Y\x96\xe5y\xae\x94\x8a\xa2(\x8e\xe34M\xf7\xec\xd9\xf3\xf9\xcf\x7f\xbe\xd9l\xea\xdf\xcc\xb2l\xfb\xf6\xed[\xb7n=z\xf4h\x92$\xbd\x1f\x0c\r\x98\x13\x01\x00fc\xfdM\x91R\xb6Z\xad\x17^x\xe1\xa2\x8b.\xea\xeb\xeb\x1b\x1b\x1b\xd3\x13\xaf\xbf\xa9\xd7?\x07\xa0\'h\xf9\xf2\xe5_\xff\xfa\xd7o\xbf\xfdv\xfd\xbc\x7f\x9e\xe7\x97^z\xe9c\x8f=666f\xea\xd6\xa6\x01\xa7"\x00\xc0;\xb0\xfefI)\xfb\xfa\xfa\xc6\xc7\xc7\xf5\x05\xfes&gt;\x9f\xa3\xbf\xeb\x1f\x1f\x1f_\xb5j\xd5\xd1\xa3G\xe38\xce\xb2\xec\xbd\xef}\xef\xd3O?\xbdh\xd1\xa2,\xcbL\xfd\xa80\r\x98%\xb8\x7f``\x1e\xac\xbfqJ\xa9\xb1\xb11)e\x92$\xa7\xdbq)\xa5~\xbe\xe8\xbc\xf3\xce\x13o\xbd3\xc4\xc9\x93\'\xa7\xa6\xa6\xcc\xde\xe0\xbc&amp;&lt;\x0bg3\xf0&amp;\xd6\xbf \x1d\xdenR\xca\x99\x850\xf2\xb6\x10\xa7\xa2\x013qB\x03B\xb0\xfe\x95\xd2\x17\x80\x8e\x8f\x8f\xbf\xf6\xdak\xd3\xbf\xb9t\xe9\xd2\xfe\xfe\xfe\xde\xaf\x04=\x15\r\x98\xc69\r\xb0\xfe\x15\xcb\xb2lpp\xf0\x99g\x9ey\xe5\x95W\xf4e\xa0R\xca\x0f|\xe0\x03K\x96,I\xd3\x94\xc7\x01\xc5\xe1\xb4F\xe8X\xffj\xe5y^\xab\xd5\xda\xed\xf6]w\xdd5}M\x8aR\xea\xe3\x1f\xffx\x1c\xc7\xc5]\xa5B\x03\x04W\x01!p\xac\x7f\xb5\xf4-\xbcx\xf1\xe2\xcf~\xf6\xb3\xbbw\xef\xd6\xb7v\x9e\xe7\xef\x7f\xff\xfb\x7f\xf2\x93\x9f$I\xa2\xdfA\xba\xb8\x03\x08\xfc\xba \xcf\xff\xf1\x80y\xb0\xfe\xd5J\xd3\xb4\xd1h4\x1a\x8d\x1bn\xb8a\xf7\xee\xdd3\xdf\xf9\xe7\x9e{\xee)\xee\xf9\x9f\x99\x02\x7f\x1c\xc0\xf9\x8d@\xb1\xfe\xd5J\xd3t\xf1\xe2\xc5\'O\x9e\xbc\xe6\x9ak\xf6\xee\xdd;\xfdlO\x9e\xe7;v\xec\xb8\xf2\xca+\x8f\x1f?\xde\xfb\x9b\xc1u"\xe4\x06\xf0\x14\x10B\xc4\xfaW+M\xd3\xa1\xa1\xa1\xc3\x87\x0fo\xdc\xb8\xf1W\xbf\xfa\x95\x1ez\xfd\xf1\x00\xdf\xfa\xd6\xb7\xb6l\xd9\xf2\xbb\xdf\xfd\xae\x9c\xf5\x9fyH\x01&gt;\x17D\x00\x10\x1c\xd6\xbfZz\xfd\x87\x87\x87\xaf\xbd\xf6\xdac\xc7\x8eM\xaf\xff\xd0\xd0\xd0C\x0f=t\xcd5\xd7\x98z\xff\x9f.\x0e,\xb4\x06\x10\x00\x84\x85\xf5\xaf\x96\xfe\x94\x98\xe7\x9e{\xee\x8a+\xae\x98~\x92\'\xcb\xb2\xf3\xcf?\xff\xdb\xdf\xfe\xf6\xca\x95+\x8f\x1d;V\xc9\xfak\xa15\x80\x00  \xac\x7f\xb5\xf4\x05\xfeR\xcau\xeb\xd6\xfd\xe2\x17\xbfH\x92D\x7fb\xf0\xa5\x97^\xfa\xc8#\x8f,]\xba\xf4\xc4\x89\x13\xb5Z\xad\xda\x83\x0c\xaa\x01^\xfd\xc3\x00\xf3`\xfd+\xa7?&amp;l\xef\xde\xbdz\xfd\xf5\x07\xc2\xac_\xbf\xfe\xfb\xdf\xff\xfe\xc0\xc0\xc0\xc9\x93\'+_\x7f\x11\xd8k\xc2\x9c\xf1\x08\x02\xebo\x83(\x8a\xda\xed\xf6w\xbf\xfb]\xfd8@)\xb5b\xc5\x8a={\xf6\xd4\xeb\xf5\xa9\xa9\xa9\n\x9f\xf9\x99%\x9c\x06p\xd2\xc3\x7f\xac\xbf\r\x94R\xf5z\xfd\xc8\x91#\xbf\xfc\xe5/\xd5[n\xbd\xf5\xd6\xf7\xbc\xe7=ccc%_\xf3sF\x814\x80\xf3\x1e\x9ec\xfd-\xa1\xdf\xf1\xed\x8d7\xde8q\xe2\x84\x10B\x7f&lt;\xc0\xbau\xeb&amp;\'\'m[\x7f-\x84\x06p\xea\xc3g\xac\xbfU\xa2(\x9a\x9c\x9c\x9c\xfed\x98\xc5\x8b\x17/_\xbe\xbc\x84\x1f\xf7\xed\x9a\xf7\r\xe0\xec\x87\xb7X\x7f\x0b\xe9O\x03\xd6\xff&gt;55e\xe7\xf7\xfe3\xf9\xdd\x00.\x03\x85\x9fX\x7f\xdb\xe8\xa7\x80FGG\x9fy\xe6\x19\xfd;\xb5Zm\xed\xda\xb5\xfab\xd0j\x8f\xed\x8c|\xbd6\x94\x00\xc0C\xac\xbf\xb5\xa2(\x1a\x18\x18\xd0\xbfVJ\x8d\x8f\x8f\xbb2A^6\x80\x00\xc07\xac\xbf\xcd\x94Ri\x9a\xeagN\xa2(\xb2\xe1\xc2\xff\xce\xf9\xd7\x00\x02\x00\xaf\xb0\xfe\x96\xd3o\x05\xb1h\xd1"!D\xbb\xdd\x1e\x1d\x1d\x15o}\n\xbc\x13&lt;k\x00\x01\x80?X\x7f\xcb)\xa5\x06\x06\x06~\xfa\xd3\x9f\xee\xdb\xb7ojj\xea\xa2\x8b.\xba\xe2\x8a+\x9a\xcdf\xd1\x9f\xfab\x96O\r \x00\xf0\x04\xebo9\xfd&gt;\x10;v\xec\xf8\xd2\x97\xbe4\xfdQ\xef\xd7_\x7f\xfd}\xf7\xdd\xd7l6\x1d\n\x80\xf0\xa8\x01\x04\x00&gt;`\xfd-\xa7\x94J\x92\xe4\xf8\xf1\xe3+W\xae\xd4\xef\xf9\xa3\x7f\x128\xcb\xb2G\x1f}\xf4\xb2\xcb.\x1b\x1d\x1du\xebk\xe4G\x03\xdc8J`\x1e\xac\xbf\xfd\x94R\x8dF\xe3\xd7\xbf\xfe\xf5\xe8\xe8\xa8\x94\xb2\xddn\xeb\x9f\xff\x8a\xa2\xe8\xf9\xe7\x9f\xaf\xd5j\xce]P\xef\xc7\xcf\x07p\xc7\x80\xdbX\x7f\x87\xcc\xf9\xb5p\xf7\x0b\xe4A\x03\\\xbd\xe9\x01\xc1\xfa\xbbCJ955u\xdey\xe7-[\xb6L\xbf+\x9c~;\xe8&lt;\xcf/\xbc\xf0\xc2V\xab\xe5\xe8W\xca\xf5\x068y\xa3\x03\x82\xf5w\x8a~\xdag\xf9\xf2\xe5_\xfb\xda\xd7\xea\xf5z\xab\xd5\xd2?\rp\xcb-\xb7\\|\xf1\xc5ccc\xee~\xb1\x9cn\x00/\x02\xc3I\xac\xbf\x8b\x94R\x83\x83\x83\x87\x0e\x1dz\xe2\x89\'&amp;\'\'?\xfc\xe1\x0f_v\xd9eSSS\x1e\xac\x90\xa3\xaf\t\x13\x00\xb8\x87\xf5wW\x9e\xe7\xfd\xfd\xfd}}}B\x88V\xab\xe5\xdc\xc5?\xf3p\xb1\x01\x04\x00\x8ea\xfd]\xa7\x9f\xfa\x17BH)\xed\x7f7\xd0\x05q\xae\x01\x04\x00.a\xfda9\xb7\x1a`\xd7\xd1\x00\xf3`\xfda?\xb7^\x13\xe6\x0e\x037\xb0\xfep\x85C\r\xe0&gt;\x03\x07\xb0\xfep\x8b+\r\xe0n\x03\xdb\xb1\xfep\x91\x13\r\xe0\x9e\x03\xab\xb1\xfep\x97\xfd\r\xe0\xce\x03{\xb1\xfep\x9d\xe5\r\xe0\xfe\x03K\xb1\xfe\xf0\x83\xcd\r\xe0.\x04\x1b\xb1\xfe\xf0\x89\xb5\r\xe0^\x04\xeb\xb0\xfe\xf0\x8f\x9d\r\xe0\x8e\x04\xbb\xb0\xfe\xf0\x95\x85\r\xe0\xbe\x04\x8b\xb0\xfe\xf0\x9bm\r\xe0\xbd\x80\xc2R\xf9U\x07\xf3PJ\xe9\xcf\x08\xd4\xeb\xaf\xdf5~\xe3\xc6\x8d\x0f=\xf4\x10\xeb_\x1an\xe4\x12\xcc|\xbf\xa08\x8e\xb3,\x9b~\xbf }/(\xedH\x08\x00\xec\xa2\xd7\xbf\xd1h\xb4\xdb\xed-[\xb6\xdcw\xdf}\xcdfS)\xc50\x95 \xcb\xb2\xa9\xa9\xa9\xaa\x8f"\x08\xd3\r\xd8\xb6m[\xbb\xddn\xb5Z\x1f\xfa\xd0\x87\xbe\xf3\x9d\xef\xacX\xb1BJYZ\x03\x08@(\xf4w\x16_\xf8\xc2\x17\x9e}\xf6Y\xfdMG\xd5G4\x9b\x94\xf2\xc4\x89\x13\x87\x0e\x1d\xd2\x87\x17\xc7\xf1%\x97\\\xa2\x94J\xd3\x94\xf5/\x9a~\xfea\xe5\xca\x95\xdf\xf8\xc67&amp;\'\'\xcb\xfc&amp;4L\xfa\xb1\xf8\xb2e\xcb.\xb9\xe4\x92\xa7\x9ez\xaa\xbf\xbf\x7fbb\xe2+_\xf9\xca\x9dw\xde\xa9O\xfer\x0e#)\xe7\xafA\xe5t\x00~\xfc\xe3\x1f\xef\xdf\xbf\xbf\xeac\x99O=I\xf2&lt;\x8f\xa3(\xcb\xb2\'\x9f|\xb2\xea\xc3\t\xcb\xc4\xc4D\x92$%?\x0b\x11 \xfd|\xe6Yg\x9du\xddu\xd7=\xf5\xd4S\x8dFcbbb\xcb\x96-w\xdcq\x87~\r\xac\xb4#!\x00a\x19\x1c\x1c\x8c\xe38\x8e\xe3V\xabU\xf5\xb1\xcc\xad\x95\xa6\xfa\x17R\x88\xe8\xad{\x82\x85\x8fW&lt;S\xaf\xd7\xb3,\x1b\x1c\x1c\xe4)\x81\xa2M\xaf\xffg&gt;\xf3\x99\xbd{\xf7\xea\xcf\x0c\xd8\xb4i\xd3\xce\x9d;\xcb\xbf\xf1\t@X\xf2&lt;\xcf\xb2L)\xf5\xa1?\xf8\x83\x8f\x9e{\xeex\xbb\x1dY\xf6\xbd\x9e\x12"\x89\xa2c\x93\x93\x7f\xf7\xdcsy\x9eI!\xa3H\xde\xf4\x89?\xfd\xbde\x83\x13\x13\xad8\x8e\x84PB\xd8u\xcc\xee\xca\x95j,\xaa=q\xe87O=\xff\xda\xf4\x07u\xa183\xd7\x7f\xcf\x9e=\xfa:\xb7M\x9b6\xed\xda\xb5+\xcb\xb2(\x8aJ~\xecE\x00B\x94\xe7\xf9\xa5\xe7\x9e{\xf7\xfa\xf5\xc7&amp;&amp;\x12\xfb\x9e^\xcf\x95Z\x94$\x7f|\xf6\xd9[\x87\x87\x93Xf\xb9z\xe9?\x8f\x7f\xf3\x96\x8fF\x83\r1\x95\x8aX\n\xbeI5%\xcb\xc5\xd0@\xf2\xcd\'\x86\x7f\xf1\x9fU\x1f\x8a\xffl[\x7fA\x00\x825\xd1n\x1f\x9b\x988je\x00\x84\x10J\x88\x9b.\xbcP\x08\xb1ux\xb8\x16G\xff\xef\x99WV\xdd\xf8\xf7\xff\xba\xfd\xff\x0c\r\xd6\xa7\xa6\xd28\xe6\x11\x80\x19i\x96\x9f%\xc4\xf8d\xbb\xea\x03\xf1\x9f\x85\xeb/\x08@\xb0")\x93(\xd2\xff\xaa\xfaX\xe6\xf6\xfa\xc4\xc4t\x03\x1aI\xfc\xf3\xffx\xe3\xe3w\xfe\xe0\xf1\xbf\xfa\x8b\xa1\x81\xc6$\r0\'\x89\xa3(\xe2\xc6,\x96\x9d\xeb/\xf8I`X+\x89"\xdd\x80\xbfZ\xb7\xae\x99f\x8d$~\xe6\xa5\xd77l\xfd\xfe\xc8x\xb3oQ\x92e&lt;\r\x047X\xbb\xfe\x82\x00\xc0f4\x00\xae\xb3y\xfd\x05\x01\x80\xe5h\x00\xdce\xf9\xfa\x0b\x02\x00\xfb\xd1\x00\xb8\xc8\xfe\xf5\x17\x04\x00N\xa0\x01p\x8b\x13\xeb/\x08\x00\\A\x03\xe0\nW\xd6_\x10\x008\x84\x06\xc0~\x0e\xad\xbf \x00p\x0b\r\x80\xcd\xdcZ\x7fA\x00\xe0\x1c\x1a\x00;9\xb7\xfe\x82\x00\xc0E4\x00\xb6qq\xfd\x05\x01\x80\xa3h\x00\xec\xe1\xe8\xfa\x0b\x02\x00w\xd1\x00\xd8\xc0\xdd\xf5\x17\x04\x00N\xa3\x01\xa8\x96\xd3\xeb/\x08\x00\\G\x03P\x15\xd7\xd7_\x10\x00x\x80\x06\xa0|\x1e\xac\xbf \x00\xf0\x03\r@\x99\xfcX\x7fA\x00\xe0\r\x1a\x80rx\xb3\xfe\x82\x00\xc0\'4\x00E\xf3i\xfd\x05\x01\x80gh\x00\x8a\xe3\xd9\xfa\x0b\x02\x00\xff\xd0\x00\x14\xc1\xbf\xf5\x17\x04\x00^\xa2\x010\xcb\xcb\xf5\x17\x04\x00\xbe\xa2\x010\xc5\xd7\xf5\x17\x04\x00\x1e\xa3\x01\xe8\x9d\xc7\xeb/\x08\x00\xfcF\x03\xd0\x0b\xbf\xd7_\x10\x00x\x8f\x06\xa0;\xde\xaf\xbf \x00\x08\x01\r\xc0B\x85\xb0\xfe\x82\x00 \x104\x00\x9d\x0bd\xfd\x05\x01@8h\x00:\x11\xce\xfa\x0b\x02\x80\xa0\xd0\x00\xcc/\xa8\xf5\x17\x04\x00\xa1\xa1\x018\x9d\xd0\xd6_\x10\x00\x04\x88\x06\xe0T\x01\xae\xbf \x00\x08\x13\r\xc0La\xae\xbf \x00\x08\x16\r\x80\x16\xec\xfa\x0b\x02\x80\x90\xd1\x00\x84\xbc\xfe\x82\x00 p4 d\x81\xaf\xbf \x00\x00\r\x08\x13\xeb/\x08\x00 h@xX\x7f\x8d\x00\x00B\xd0\x80\x90\xb0\xfe\xd3\x08\x00\xf0&amp;\x1a\x10\x02\xd6\x7f&amp;\x02\x00\xbc\x8d\x06\xf8\x8d\xf5\x9f\x85\x00\x00\xef@\x03|\xc5\xfa\x9f\x8a\x00\x00\xb3\xd1\x00\xff\xb0\xfes"\x00\xc0\x1ch\x80OX\xff\xd3!\x00\xc0\xdch\x80\x1fX\xffy\x10\x80\xb0(\xc5l-\x00\rp\x1d\xeb??\x02\x10\n\xa5\x94R*I\x92\xaa\x0f\xc414\xc0]\xac\xff\x19\x11\x80 (\xa5\xa4\x94R\xca\xe3\xc7\x8fW},\xee\xa1\x01.b\xfd;A\x00\xfc\xa7\x94\xd2w\x86\xcd\x9b7\x1f&lt;x\xb0\x9e$B\x08FkAh\x80[X\xff\x0e\x11\x00\xcf\xe9\xf5\x8f\xe3x\xf3\xe6\xcd\x0f&lt;\xf0@\x1c\xc7y\x9e\x0b!jQ\xc4\xeb\x01\x0bB\x03\\\xc1\xfaw\x8e\x00\xf8l\xd6\xfa\xd7\xea\xf5,\xcb\xf4\x7f\xf5\xc6\xe4d#Ih\xc0\x82\xd0\x00\xfb\xb1\xfe\x0bB\x00\xbcu\xea\xfa\xb7[-)e\x9a\xe7\x91\x94{_x\xe1\x9eC\x87\xde=8\x98\xe6y\xd5G\xea\x12\x1a`3\xd6\x7f\xa1\x08\x80\x9ff\xad\x7fcQ_\xbb\xd5\xba\xf0\xca\x1b\xce=\xffb!\x84\x90Q\xa6\xd4\x1d\xc3\xc3\xf7=\xfb\xec9\xfd\xfd4`Ah\x80\x9dX\xff.\x10\x00\x0f\x9d\xba\xfe\xcd\xa9\xc9\x0f^z\xedU\x7f\xb9C?\xe7\xa3\x84\x10J%Q\xbcux\xf8\xbe\x9f\xfd\x8c\x06,\x14\r\xb0\r\xeb\xdf\x1d\x02\xe0\x9b9\xd7\xffO\xfe\xf7\xa7\xae\xba\xed\xde\xd6\xc4X\x9e\xbf\xf9\x1a\x80\x12"\xcd3\x1a\xd05\x1a`\x0f\xd6\xbfk\x04\xc0+s\xae\xff\xf9z\xfd\'\xc7\x94\xc8\xf5=A\xe5\xd9\xba\x8b\xae\xfd\xa3\xff\xb1&amp;\xcd\xb3Z\x9c\xd0\x80\xee\xd0\x00\x1b\xb0\xfe\xbd \x00\xfe8\xdd\xfa_\xa9\xd7_\xe5R\xbe\xfd\xe5^|\xd6\xbbn\xbb\xe1o\xff\xf0\xf7\xfe\xa8\x9d\xa54\xa0k4\xa0Z\xac\x7f\x8f\x08\x80\'\x16\xb4\xfeB\x88fs\xa2o\xd1\xe0\xcd\xd7}\xf3\xdc\xdf\xff\x9f4\xa0\x174\xa0*\xac\x7f\xef\x08\x80\x0f\x16\xba\xfeB\x88(\x8a[\xad\xa9\xfe\xbe\xb3n\xf9\xbf\x7fC\x03zD\x03\xca\xc7\xfa\x1bA\x00\x9c\xd7\xc5\xfak\xba\x01}\x8bh\x80\x014\xa0L\xac\xbf)\x04\xc0m]\xaf\xbf\x16Eq\xab5I\x03\x8c\xa0\x01\xe5`\xfd\r"\x00\x0e\xebq\xfd5\x1a`\x10\r(\x1a\xebo\x16\x01p\x95\x91\xf5\xd7h\x80A4\xa08\xac\xbfq\x04\xc0I\x06\xd7_\xa3\x01\x06\xd1\x80"\xb0\xfeE \x00\xee1\xbe\xfe\x1a\r0\x88\x06\x98\xc5\xfa\x17\x84\x008\xa6\xa0\xf5\xd7h\x80A4\xc0\x14\xd6\xbf8\x04\xc0%\x85\xae\xbfF\x03\x0c\xa2\x01\xbdc\xfd\x0bE\x00\x9cQ\xc2\xfak4\xc0 \x1a\xd0\x0b\xd6\xbfh\x04\xc0\r\xa5\xad\xbfF\x03\x0c\xa2\x01\xdda\xfdK@\x00\x1cP\xf2\xfak4\xc0 \x1a\xb0P\xac\x7f9\x08\x80\xed*Y\x7f\x8d\x06\x18D\x03:\xc7\xfa\x97\x86\x00X\xad\xc2\xf5\xd7h\x80A4\xa0\x13\xac\x7f\x99\x08\x80\xbd*_\x7f\x8d\x06\x18D\x03\xe6\xc7\xfa\x97\x8c\x00X\xca\x92\xf5\xd7h\x80A4\xe0tX\xff\xf2\x11\x00\x1bY\xb5\xfe\x1a\r0\x88\x06\x9c\x8a\xf5\xaf\x04\x01\xb0\x8e\x85\xeb\xaf\xd1\x00\x83h\xc0L\xac\x7fU\x08\x80]\xac]\x7f\x8d\x06\x18D\x034\xd6\xbfB\x04\xc0"\x96\xaf\xbfF\x03\x0c\xa2\x01\xac\x7f\xb5\xaa\x1f\x14hN\xac\xbfF\x03\x0c\n\xb9\x01\xac\x7f\xe5l\xd9\x94\xc09\xb4\xfe\x1a\r0(\xcc\x06\xb0\xfe6\xb0kV\xc2\xe4\xdc\xfak4\xc0\xa0\xd0\x1a\xc0\xfa[\xc2\xc6e\t\x8a\xa3\xeb\xaf\xd1\x00\x83\xc2i\x00\xebo\x0f{\xc7%\x04N\xaf\xbfF\x03\x0c\n\xa1\x01\xac\xbfUl\xdf\x17\x8fy\xb0\xfe\x1a\r0\xc8\xef\x06\xb0\xfe\xb6qcb\xfc\xe3\xcd\xfak4\xc0 _\x1b\xc0\xfa[\xc8\xa5\x95\xf1\x86g\xeb\xaf\xd1\x00\x83\xfck\x00\xebo\'\xf7\x86\xc6u^\xae\xbfF\x03\x0c\xf2\xa9\x01\xac\xbf\xb5\\\xdd\x1aGy\xbc\xfe\x1a\r0\xc8\x8f\x06\xb0\xfe6s{n\xdc\xe2\xfd\xfak4\xc0 \xd7\x1b\xc0\xfa[\xce\x87\xc5qB \xeb\xaf\xd1\x00\x83\xdcm\x00\xebo?\x7fF\xc7fA\xad\xbfF\x03\x0cr\xb1\x01\xac\xbf\x13|\xdb\x1d\x0b\x05\xb8\xfe\x1a\r0\xc8\xad\x06\xb0\xfe\xae\xf0sz\xec\x11\xec\xfak4\xc0 W\x1a\xc0\xfa;\xc4\xe7\xf5\xa9\\\xe0\xeb\xaf\xd1\x00\x83\xeco\x00\xeb\xef\x16\xff\x07\xa8*\xac\xff4\x1a`\x90\xcd\r`\xfd\x9d\x13\xca\x06\x95\x8c\xf5\x9f\x85\x06\x18dg\x03X\x7f\x17\x855C\xe5`\xfd\xe7D\x03\x0c\xb2\xad\x01\xac\xbf\xa3B\\\xa2B\xb1\xfe\xf3\xa0\x01\x06\xd9\xd3\x00\xd6\xdf]\xe1\x8eQ\x11X\xff3\xa2\x01\x06\xd9\xd0\x00\xd6\xdfi\xa1\xef\x91A\xac\x7f\x87h\x80A\xd56\x80\xf5w\x1d\x93d\x06\xeb\xbf 4\xc0\xa0\xaa\x1a\xc0\xfa{\x80U2\x80\xf5\xef\x02\r0\xa8\xfc\x06\xb0\xfe~`\x98z\xc5\xfaw\x8d\x06\x18Tf\x03X\x7fo\xb0M=a\xfd{D\x03\x0c*\xa7\x01\xac\xbfO\x98\xa7\xee\xb1\xfeF\xd0\x00\x83\x8an\x00\xeb\xef\x19\x16\xaaK\xac\xbfA4\xc0\xa0\xe2\x1a\xc0\xfa\xfb\x87\x91\xea\x06\xebo\x1c\r0\xa8\x88\x06\xb0\xfe^b\xa7\x16\x8c\xf5/\x08\r0\xc8l\x03X\x7f_1U\x0b\xc3\xfa\x17\x8a\x06\x18d\xaa\x01\xac\xbf\xc7X\xab\x05`\xfdK@\x03\x0c\xea\xbd\x01\xac\xbf\xdf\x18\xacN\xb1\xfe\xa5\xa1\x01\x06\xf5\xd2\x00\xd6\xdf{lVGX\xff\x92\xd1\x00\x83\xe6i@\xff\xa2D\xe5s7\x80\xf5\x0f\x01\xb3uf\xac\x7f%h\x80A\xa7m\xc0XS.J\xd2l\xf6\x8d\xc9\xfa\x07\x82\xe5:\x03\xd6\xbfB4\xc0\xa0\xb9\x1b\xb0\xed\x07\xe3\xe3\xad\xb3\xfaj3\xff$\xeb\x1f\x0e\xc6k&gt;\xac\x7f\xe5h\x80A\xa76\xe0\xf0\xcbG\xaf\xfe\xe2?\xbdvlb\xfa\xcf(\xa5X\xffp\xb0_\xa7\xc5\xfa[\x82\x06\x184\xab\x01\xb58\xfa\xd1\xe1W\xbf\xf5\xcf\x87\xe38\x16B\xe4y.\x84`\xfd\xc3\xc1\x84\xcd\x8d\xf5\xb7\n\r0hf\x03\xdaY^\x8b\xa3\xe9QO\x92\xa4\xd1h\xb0\xfe\xe1`\xc5\xe6\xc0\xfa[\x88\x06\x184\xab\x01\xe2\xade\x97R~\xees\x9f\xdb\xbbw/\xeb\x1f\x08\x86l6\xd6\xdfZ4\xc0\xa07\x1b\xb0j\xd5\xf6u\xebb)U\x9e\x0b!\x86\x87\x87w\xee\xdc\xd9h4X\xff@\xb0e\xef\xc0\xfa[\x8e\x06\x18\x94D\xd1\x91\xb1\xb1\xbf\\\xbd\xfa\xd3\x1f\xfc`\xaeT\x12Ey\x9e\xd7\xeb\xf5f\xb3\xc9\xfa\x07\x829{\x1b\xeb\xef\x04\x1a`\x90\x94\xb2\x99\xa6\xef\xea\xeb\xd3\xff1\x8e\xe3V\xab\xc5\xfa\x87\x83E{\x13\xeb\xef\x10\x1a`\x90\x94\xb2\x9d\xe7B\x88(\x8a\xb2,c\xfd\x83\xc2\xa8\t\xc1\xfa;\x88\x06\x18\xa4g\xbe\x95\xa6k\xd6\xac\xd9\xb5k\x97\xfeA0\xd6?\x04\xec\x1a\xeb\xef*\x1a`\xdc\xd2\xa5K\x95RJ)\xd6?\x10\xa1O\x1b\xeb\xef4\x1a`V\x9a\xa6RJ\xd6?\x1cA\xaf\x1b\xeb\xef\x01\x1a`\x10\xd3\x1f\x9ap\x07\x8e\xf5\xf7\x06\r\x00\xba\x13\xe8\xc6\xb1\xfe\x9e\xa1\x01@\x17B\x9c9\xd6\xdfK4\x00X\xa8\xe0\x96\x8e\xf5\xf7\x18\r\x00\x16$\xac\xb1c\xfd\xbdG\x03\x80\xce\x05\xb4w\xac\x7f h\x00\xd0\xa1P&amp;\x8f\xf5\x0f\n\r\x00:\x11\xc4\xea\xb1\xfe\x01\xa2\x01\xc0\x19\xf9?|\xac\x7f\xb0h\x000?\xcf\xb7\x8f\xf5\x0f\x1c\r\x00\xe6\xe1\xf3\xfc\xb1\xfe\x104\x008=o\x17\x90\xf5\xc74\x1a\x00\xcc\xc9\xcf\x11d\xfd1\x0b\r\x00N\xe5\xe1\x0e\xb2\xfe\x98\x13\r\x00f\xf1m\nY\x7f\xcc\x83\x06\x003y\xb5\x86\xac?\xce\x88\x06\x00\xd3\xfc\x19D\xd6\x1f\x1d\xa2\x01\x80\xe6\xc9&amp;\xb2\xfeX\x10\x1a\x00\x08?\x02\xc0\xfa\xa3\x0b4\x00p~\x19Y\x7ft\x8d\x06 pn\x8f#\xeb\x8f\x1e\xd1\x00\x84\xcc\xe1}d\xfda\x04\r@\xb0\\\x9dH\xd6\x1f\x06\xd1\x00\x84\xc9\xc9\x95d\xfda\x1c\r@\x80\xdc\x1bJ\xd6\x1f\x05\xa1\x01\x08\x8dc[\xc9\xfa\xa3P4\x00Aqi.Y\x7f\x94\x80\x06 \x1c\xce,&amp;\xeb\x8f\xd2\xd0\x00\x04\xc2\x8d\xd1d\xfdQ2\x1a\x80\x108\xb0\x9b\xac?*A\x03\xe0=\xdb\xa7\x93\xf5G\x85h\x00\xfcf\xf5z\xb2\xfe\xa8\x1c\r\x80\xc7\xec\x1dP\xd6\x1f\x96\xa0\x01\xf0\x95\xa5\x1b\xca\xfa\xc3*4\x00^\xb2qFY\x7fX\x88\x06\xc0?\xd6-)\xeb\x0fk\xd1\x00x\xc6\xae1e\xfda9\x1a\x00\x9fX\xb4\xa7\xac?\x9c@\x03\xe0\r[&amp;\x95\xf5\x87Ch\x00\xfc`\xc5\xaa\xb2\xfep\x0e\r\x80\x07\xaa\x1fV\xd6\x1f\x8e\xa2\x01p]\xc5\xdb\xca\xfa\xc3i4\x00N\xabr^Y\x7fx\x80\x06\xc0]\x95-,\xeb\x0fo\xd0\x008*\xa9\xe4oe\xfd+\xa7T\x9e\xe5i\x9egU\x1f\x88?&amp;\xa7\xc6\x1a\xf5\xfe\x9b\xae\xbb\xf7\x9b\x0f\xdf\xfc_G^J\xa2x\xeb\xf0\xb0\x10\xe2\xa6\x0b/&lt;21!\xab&gt;\xbc9\xa5y\x9e\xe6y\xaeT\xd5\x07\x82jT\x10\x00\xd6\xdf\x06\xf5z\xdf\x92\xc1wI!\xa2\xa8\x9ao\x02&lt;$E\x96eg\r\x9c\xbd\xed\xa6\x7f\xf8\x9b=\xb7\xbc\xf8\xf2\x81\xe9\x06\xdc\xb6z\xf5T\x9aF\xd2\xba\n\xa4y~v\x7f\x7f\x7f\xadV\xf5\x81\xa0\x1ae\xdf\xf9Y\x7f\x1bH\x19\xfd\xff\x97\x9e~\xe4_\xb67[\x93\xdc\xe0\xe6(!d\x9eg\x8dF\xff\xf2e\xe7\xbe\xf8\x1f\x073\x95K)\xb7\x0e\x0f\xff\xea\xd8\xb1\xb3\xfb\xfa\xd2&lt;\xb7\xad\x00\xb9R\x03\xb5\xda\x93\xbf\xfdm\x14E9OU\x85\xa7\xd4\x00(\xa5\x84\x10\xd3\xeb_\xaf7X\xff\x92I\x19\xc9(\x96Q\xfc\xd2o\x9e}\xe97\xcfV}8&gt;\x93Q$\xa4\x14BH\xa5\xfe\xee\xb9\xe7\xaa&gt;\x9c3\xa8\xd7\xebY\x96E\x11w\xc0\xb0\x94\x1d\x00\xa5\xd4\xcd7\xdf\xac\xd7\xbf\xd5j\xfe\xc9G\xafe\xfdK$\xdbS\xe3*\xcf\x14O\xfd\x17O\xcd\xf8\x86:\x8e")D\x14E\xad4\xad\xf0\x90\xe6\xd1j\xb5\x84\x10cccU\x1f\x08JU^\x00\xb2,\x8b\xe3\xf8\xab_\xfd\xea\xfd\xf7\xdf\xdf\xd7\xd7?99\xb1\xe2\x83\x7f\xf6\xe7\xb7?0&gt;\xf2\xba\x90\x82\xf5/\x9c\x94*O\x7f\xff\x8fW\'\x8d&gt;\x19\xc54\xa0PRH\xa5r\x19\xc5R\xca\xdf&gt;\xfft\x96gq\x1c\xb7\xd2t\xf5\xea\xd5K\x96,Q\xf6\xbd\xe8\x1a\xc7q\x96e\xabV\xad\x12BH\xfb^\xab@Adi\xe7\xa2\xfe\xf6\xff\xd5W_\xfd\xd4\xa7&gt;\xf5\xf4\xd3O\xd7\xeau\x11%\xeb\xaf\xbfs\xf5\xd5[&amp;\x8e\x1f\x8db^\x8a,CRo\xc8(\x16J\x08\xee\xe3ERy.eT\xef\x1f|\xec\xde\xdb~\xf6\xaf\x0f\xd7\x92Z\xab\xd5\xdc\xb4i\xd3\xae]\xbb\xaa&gt;4\xe0m\xe5\x05@\x08\xa1\x94\x92R\x8e\x8c\x8cl\xd8\xb0\xe1\xc0\x81\x03I\x92\xa4iz\xf9\xe6\xbb\xd7\\s\xe3\xf8\xc8\xeb4\xa0\x04J\xe5\xc2\xba\xef&gt;\xfd"\xdf\xb1\xfe\xcf\xff\xfb?\xd6\xeb\xf5V\xab\xa5\xd7?\xcfs}/\xa8\xfa(O\x8b\x97\x01\x82Rj\x00\x84\x10y\x9eGQ4\xdd\x00\xfdJ\x00\r\x807\xf4\xabY\xf5\xbe\xc1\xc7\xee\xbd\xf5\xb9\'\xbe\xab\xafs\xd3\xeb\xaf_e\xb5y\xfd\x11\x9a\xb2k\xaf\xaf6\x1b\x1a\x1az\xfc\xf1\xc7\xd7\xae]\xdbj5\xeb\xf5\xc6\xbf\xed\xdav\xf0\x07;\x07\x86\xce\xc93K_"\x03:1c\xfdoc\xfda\xbf\n\x1e\xee\xd1\x00x\xe9\x9d\xeb\xff\x1d\xd6\x1f\xf6\xab\xe6\xf9&gt;\x1a\x00\xcf\xb0\xfepQe/\xf8\xd0\x00x\x83\xf5\x87\xa3\xaa|\xc5\x9f\x06\xc0\x03\xac?\xdcU\xf1%_4\x00Nc\xfd\xe1\xb4\xea\xaf\xf9\xa5\x01p\x14\xeb\x0f\xd7U\x1f\x00A\x03\xe0 \xd6\x1f\x1e\xb0"\x00\x82\x06\xc0)\xac?\xfc`K\x00\x04\r\x80#X\x7fx\xc3\xa2\x00\x08\x1a\x00\xeb\xb1\xfe\xf0\x89]\x01\x104\x00\x16c\xfd\xe1\x19\xeb\x02 h\x00\xac\xc4\xfa\xc3?6\x06@\xd0\x00X\x86\xf5\x87\x97,\r\x80\xa0\x01\xb0\x06\xeb\x0f_\xd9\x1b\x00A\x03`\x01\xd6\x1f\x1e\xb3:\x00\x82\x06\xa0R\xac?\xfcf{\x00\x04\r@EX\x7fx\xcf\x81\x00\x08\x1a\x80\xd2\xb1\xfe\x08\x81\x1b\x01\x104\x00%b\xfd\x11\x08g\x02 h\x00J\xc1\xfa#\x1c.\x05@\xd0\x00\x14\x8c\xf5GP\x1c\x0b\x80\xa0\x01(\x0c\xeb\x8f\xd0\xb8\x17\x00A\x03P\x00\xd6\x1f\x01r2\x00\x82\x06\xc0(\xd6\x1far5\x00\x82\x06\xc0\x10\xd6\x1f\xc1r8\x00\x82\x06\xa0g\xac?B\xe6v\x00\x04\r@\x0fX\x7f\x04\xce\xf9\x00\x08\x1a\x80\xae\xb0\xfe\x80\x0f\x01\x104\x00\x0b\xc4\xfa\x03\xc2\x9b\x00\x08\x1a\x80\x8e\xb1\xfe\x80\xe6O\x00\x04\r@\x07X\x7f`\x9aW\x01\x104\x00\xf3b\xfd\x81\x99|\x0b\x80\xa0\x018\r\xd6\x1f\x98\xc5\xc3\x00\x08\x1a\x80S\xb0\xfe\xc0\xa9\xfc\x0c\x80\xa0\x01\x98\x81\xf5\x07\xe6\xe4m\x00\x04\r\x80\x10\x82\xf5\x07N\xcf\xe7\x00\x08\x1a\x10&lt;\xd6\x1f\x98\x87\xe7\x01\x104 `\xac?0?\xff\x03 h@\x90X\x7f\xe0\x8c\x82\x08\x80\xa0\x01\x81a\xfd\x81N\x84\x12\x00A\x03\x82\xc1\xfa\x03\x1d\n(\x00\x82\x06\x04\x80\xf5\x07:\x17V\x00\x04\r\xf0\x1a\xeb\x0f,Hp\x01\x104\xc0S\xac?\xb0P!\x06@\xd0\x00\xef\xb0\xfe@\x17\x02\r\x80\xa0\x01\x1ea\xfd\x81\xee\x84\x1b\x00A\x03\xbc\xc0\xfa\x03]\x0b:\x00\x82\x068\x8e\xf5\x07z\x11z\x00\x04\rp\x16\xeb\x0f\xf4\x88\x00\x08A\x03\x1c\xc4\xfa\x03\xbd#\x00o\xa2\x01\x0ea\xfd\x01#\x08\xc0\xdbh\x80\x13X\x7f\xc0\x14\x02\xf0\x0e4\xc0r\xac?`\x10\x01\x98\x8d\x06X\x8b\xf5\x07\xcc"\x00s\xa0\x01\x16b\xfd\x01\xe3\x08\xc0\xdch\x80UX\x7f\xa0\x08\x04\xe0\xb4h\x80%X\x7f\xa0 \x04`&gt;4\xa0r\xac?P\x1c\x02p\x064\xa0B\xac?P(\x02pf4\xa0\x12\xac?P4\x02\xd0\x11\x1aP2\xd6\x1f(\x01\x01\xe8\x14\r(\r\xeb\x0f\x94\x83\x00,\x00\r(\x01\xeb\x0f\x94\x86\x00,\x0c\r(\x14\xeb\x0f\x94\x89\x00,\x18\r(\x08\xeb\x0f\x94\x8c\x00t\x83\x06\x18\xc7\xfa\x03\xe5#\x00]\xa2\x01\x06\xb1\xfe@%\x08@\xf7h\x80\x11\xac?P\x15\x02\xd0\x13\x1a\xd0#\xd6\x1f\xa8\x10\x01\xe8\x15\r\xe8\x1a\xeb\x0fT\x8b\x00\x18@\x03\xba\xc0\xfa\x03\x95#\x00f\xd0\x80\x05a\xfd\x01\x1b\x10\x00ch@\x87X\x7f\xc0\x12\x04\xc0$\x1apF\xac?`\x0f\x02`\x18\r\x98\x07\xeb\x0fX\x85\x00\x98G\x03\xe6\xc4\xfa\x03\xb6!\x00\x85\xa0\x01\xb3\xb0\xfe\x80\x85\x08@Qh\xc04\xd6\x1f\xb0\x13\x01(\x10\r\x10\xac?`1\x02P\xac\xc0\x1b\xc0\xfa\x036#\x00\x85\x0b\xb6\x01\xac?`9\x02P\x86\x00\x1b\xc0\xfa\x03\xf6#\x00%\t\xaa\x01\xac?\xe0\x04\x02P\x9e@\x1a\xc0\xfa\x03\xae \x00\xa5\xf2\xbe\x01\xac?\xe0\x10\x02P6\x8f\x1b\xc0\xfa\x03n!\x00\x15\xf0\xb2\x01\xac?\xe0\x1c\x02P\r\xcf\x1a\xc0\xfa\x03."\x00\x95\xf1\xa6\x01\xac?\xe0(\x02P%\x0f\x1a\xc0\xfa\x03\xee"\x00\x15s\xba\x01\xac?\xe04\x02P=G\x1b\xc0\xfa\x03\xae#\x00Vp\xae\x01\xac?\xe0\x01\x02`\x0b\x87\x1a\xc0\xfa\x03~ \x00\x16q\xa2\x01\xac?\xe0\r\x02`\x17\xcb\x1b\xc0\xfa\x03&gt;!\x00\xd6\xb1\xb6\x01\xac?\xe0\x19\x02`#\x0b\x1b\xc0\xfa\x03\xfe!\x00\x96\xb2\xaa\x01\xac?\xe0%\x02`/K\x1a\xc0\xfa\x03\xbe"\x00V\xab\xbc\x01\xac?\xe01\x02`\xbb\n\x1b\xc0\xfa\x03~#\x00\x0e\xa8\xa4\x01\xac?\xe0=\x02\xe0\x86\x92\x1b\xc0\xfa\x03! \x00\xce(\xad\x01\xac?\x10\x08\x02\xe0\x92\x12\x1a\xc0\xfa\x03\xe1 \x00\x8e)\xb4\x01\xac?\x10\x14\x02\xe0\x9e\x82\x1a\xc0\xfa\x03\xa1!\x00N2\xde\x00\xd6\x1f\x08\x10\x01p\x95\xc1\x06\xb0\xfe@\x98\x08\x80\xc3\x8c4\x80\xf5\x07\x82E\x00\xdc\xd6c\x03X\x7f d\x04\xc0y]7\x80\xf5\x07\x02G\x00|\xd0E\x03X\x7f\x00\x04\xc0\x13\x0bj\x00\xeb\x0f@\x10\x00\x9ft\xd8\x00\xd6\x1f\x80&amp;\x95RU\x1f\x03L\xca\xf3&lt;\x8a\xa2\x91\x91\x91\r\x1b6\x1c8p\xa0^o\xb4Z\xcd\xcb7\xdf\xbd\xe6\x9a\x1b\xc7G^\x97Q\xc4\xfa\x03\xd0\x08\x80\x87N\xd7\x80\xd5Wo\x99&lt;\xf9\xbbF\xffb\xd6\x1f\x80 \x00\xbe:]\x03\xd6\xfe\xc5M?\xfc\xebM\xcf?\xf9\x8f\xac?\x00\x02\xe0\xadY\rH\x92$\xcd\xb2\x15\xff\xeb\xa2W_\xd8\xaf{\xc0\xfa\x03\x81#\x00&gt;\x9b\xa3\x01i\xca\xfa\x03\xd0\xb8\n\xc8g\xb3\xae\x0bJ\xd3\xb4\xaf\xaf\x9f\xf5\x07\xa0\xf1\x08\xc0\x7f\xd3\x8f\x03\xae\xbc\xf2\xca\xfd\xfb\xf7o\xd9\xb2e\xe7\xce\x9d\xac?\x00\x02\x10\x04\xdd\x80#G\x8e&lt;\xf8\xe0\x83\xdb\xb6m\xd3_t\xd6\x1f\x08\x1c\x01\x08\x85RJ/\xfe\xf4/\x00\x04\x8e\xd7\x00B!\xa5TJeY\xc6\xfa\x03\xd0x\x04\x00\x00\x81\xe2\x11\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fe\x1bw\x8a\x88\x0f!\xf8\x04\xa5\x00\x00\x00\x00IEND\xaeB`\x82'</t>
        </is>
      </c>
    </row>
    <row r="164">
      <c r="A164" s="1" t="n">
        <v>162</v>
      </c>
      <c r="B164" t="inlineStr">
        <is>
          <t>rectangle_height_color</t>
        </is>
      </c>
      <c r="C164" t="inlineStr">
        <is>
          <t>What is the missing color of the part denoted with a question mark?</t>
        </is>
      </c>
      <c r="D164" t="inlineStr">
        <is>
          <t>['purple', 'red', 'green', 'blue']</t>
        </is>
      </c>
      <c r="E164" t="inlineStr">
        <is>
          <t>red</t>
        </is>
      </c>
      <c r="F164" t="inlineStr">
        <is>
          <t>There are 7 rectangles in the image with varying colors and lengths. The lengths from left to right are ['short', 'medium', 'long', 'short', 'long', 'medium', 'long']. The colors from left to right are ['green', 'blue', 'red', 'green', 'red', 'blue', '?'].</t>
        </is>
      </c>
      <c r="G164" t="inlineStr">
        <is>
          <t>We observe that the blue rectangles are of medium length and the green rectangles are of short length. Hence, the pattern is that the color of each rectangle corresponds to its length.</t>
        </is>
      </c>
      <c r="H164" t="inlineStr">
        <is>
          <t>Based on the pattern that the color of each rectangle corresponds to its length, the missing color of the part denoted with a question mark should be red.</t>
        </is>
      </c>
      <c r="I164" t="inlineStr">
        <is>
          <t>b'\x89PNG\r\n\x1a\n\x00\x00\x00\rIHDR\x00\x00\x02\x00\x00\x00\x02\x00\x08\x02\x00\x00\x00{\x1aC\xad\x00\x00=\x9bIDATx\x9c\xed\xdd{|\x14\xd5\xfd?\xfe\xf793{\xcbu7!\t\xe1"\x08\xe1*\x1a\x0c B\x10\xbc\x14\xc4\xd6\x0b*"*\xf8\xed\x17\x05mKk\xfc\xfa\xb5\xad\xfd\xf9\xf8 \xfam-\xa2m\xb5\xed\xa7\nB\x04\x15\xf1\xa3\xd6\xaam%\x04\xad\x80\x17\x08\xc1\x02B\x08\x17\xb9\x13\x13r\xdd\xdc\xf66s\xce\xef\x8f\xa9)R\x81\x10\x92\xcc\xee\x9e\xd7\xf3/\xdc\xc5\xe5\xe4\x9d\xf7\xcc\xeb\xcc\xcc\x99Y&amp;\xa5$\x00\x00P\x0f\xb7{\x00\x00\x00`\x0f\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J\xb7{\x00\x10\x03\xa4\x94\x1d\xf8\xbf\x18c\x9d&gt;\x125\xa1\xfe\xf6\x8a\xe3\xfa#\x00\xe0[H)\x85\x10RJ\xc6\x18c\x8c\xf3\x8e\x1c)v\xca\x87\xa8\t\xf5\xb7\x97:\xf5g\x1d\x0b7\x88KV\xcb\x12\x91\xa6i\'\xbf\xee\xf7\xfb\x85\x10\x8c\xb5\xb7[\xac\xb9\x8f\xd7\xeb=\xf9Ekc\xe0\x9c\xc7\xc4\xcc\xc8\x16\xa8\xbf\xbd\x14\xac?\x02\x00\x88\x88\xa4\x94\xa6i\xea\xfa\xbf\x8e\x08\x9b\x9a\x9aJJJ6o\xda\xf4\xf9\xe7\x9f\xd7\xd5\xd5\xed.+3\x0c\x83\x11\xb5\xb3W\xacM%\'\'\xc7\xeb\xf3\x8d\x1e3&amp;//\xef\xb2\xcb.\xeb\xdd\xbb\xb7\xf5\xaea\x18\x9c\xf3\xe8\x9c\x10\xd9\x05\xf5\xb7\xd7\xb7\xd7\x7f\xf3\xe6\x7f\xd5\x7f\xf7n\xd34\xcf\xf53\x07\x0e\x1c\xe8\xf5zG\x8f\x1e\x1d\xcd\xf5G\x00\x00\x99\xa6iMy\xc2\xe1\xf0\x9a5kV\xaeXQ\xbae\xcb\xe1\xa3G;\xf1\x9f\xf0\xa5\xa6\x8e\x1e3f\xc6\x8c\x197\xdetSff&amp;\x11\x19\x86\xa1iZT\xcd\x86\xec\x82\xfa\xdb\xeb\xd4\xfa\xaf\\YZZz\xf8\xf0\xe1N\xfc\'|&gt;\xdf\xe8\xd1\xa3g\xcc\x98q\xe3\x8d7FU\xfd\x11\x00J\xb3~\xfb\x8c1\xbf\xdf\xbft\xe9\xd2\x97W\xae\xdc\xf1\xc5\x17m\xef&amp;\xbb\xdd}\x92\x933=\x9e\x1c\xaf\xd7\xe7v\x1bB\xb4\xb3[\x19c\x11\xd3\xdcUW\xd7\x10\n\x1d\xf4\xfb\xeb[[\xdb\xde\xca\xee\xd9\xf3\xaeY\xb3\xee\xbd\xf7\xde!C\x86\x10\x91\x10"J\xa6B\xb6@\xfd\xeduj\xfd_~y\xc7\x8e\x1dm\xef&amp;\'\'_p\xc1\x05={\xf6\x1c&lt;xpZZ\x9aa\x18\xed\xdc_3\xc6"\x91\xc8\x8e\x1d;\xea\xeb\xeb\xbf\xfc\xf2\xcb\xba\xba\xba\xb6\xb7z\xf5\xeau\xe7\x9dwFO\xfd\x11\x00\xeaj\x9b\xf8\x14\x16\x16&gt;\xb5hQ\xf9\x9e=\xd6\xeb}RS\xaf\xe8\xd5\xeb;\xfd\xfa\x8dHO\xcfLLLr8t\xce\xf99NU\xa4\x94\x86\x10A\xd3\xacnm\xddS_\xbf\xe1\xd8\xb1\x7f\x1c=\xba\xbb\xb6\x96\xa4$\xa24\x9f\xef\xc7?\xf9\xc9\x83\x0f&gt;\x98\x9a\x9aj\x18F\xdb\xa1\xb7RP\x7f{}\xa3\xfeO=U^^n\xbd~\xc1\x05\x17\\y\xe5\x95S\xa7N\xcd\xcd\xcd\xed\xd9\xb3grr\xb2\xae\xeb\x1d\x98\xaaG"\x91P(TUU\xb5{\xf7\xee\x0f&gt;\xf8\xa0\xb8\xb8x\xd7\xae]\xd6[iii?\xfe\xf1\x8f\xa3\xa1\xfe\x08\x00EY\xdd_QQ1g\xce\x9c\xa2\xa2"\xeb\xc5a=z\xcc\xbd\xf8\xe2\xef\r\x18\x90\x91\x90 \xa5\x0c\x99f\xd84\x85\x94\xb2C+\xe1\x18c\x9c1\x07\xe7nM\xd39o\x0c\x87?\xad\xa8x~\xfb\xf6\x8f\x8e\x1e\xb5vCC\x86\x0cY\xb6lY~~\xbeu\x85\xcd\xf6\xc3\xe1\xee\x84\xfa\xdb\xeb[\xeb\x7f\xd1E\x17\xcd\x9f?\x7f\xda\xb4i\x99\x99\x99R\xca`0\x18\x0e\x87\xad\xb3\xff\x1d\xac?\xe7\x0e\x87\xc3\xe3\xf1h\x9a\xd6\xd8\xd8\xb8q\xe3\xc6g\x9f}v\xdd\xbau\xd6_\x88\x86\xfa#\x00TdM:\x8a\x8a\x8a\xe6\xcc\x99SQQAD9&gt;\xdf\x8fF\x8e\x9c6h\x90\xd7\xe5j\n\x87#\xa6I\x8c\xf1\xceX\xcb,\x89\x84\x94RJ\x9d\xf3$\x87\xc3\x94\xf2\xa3\xa3G\x7f\xff\xcf\x7f~|\xec\x18\x11\xb9\x9c\xce_/ZTPP\xa0\xd4&gt;\x08\xf5\xb7W[\xfd\xef\xb9\xe7\x9e\xe3\xc7\x8f\x13\xd1\xa0A\x83\x1ez\xe8\xa1\xdbn\xbb\xcd\xe7\xf3566\x86\xc3ak\xf7\xdd\t\xf5\xffz1\xa8\xae\xeb\xc9\xc9\xc9\xa6i\x16\x17\x17?\xf3\xcc3\x1f}\xf4\x11\x11\xb9\\\xae_\xff\xfa\xd76\xd6\x1f\x01\xa0\x1c\xab\xfb\x97.]:o\xde&lt;""\xc6\xfe\xf7E\x17=r\xf9\xe5\x99\x1eOC(d\x08\xa1q\xdeEmhJ\xc9\x88R\\.S\x88\xa5;v,\xda\xb2\xa5)\x14"\xa2\xb9s\xe7.Y\xb2\xc44\xcdh[$\xd7\x15P\x7f{\x9dZ\x7f\xa2\xfb\xef\xbf\xff\xb1\xc7\x1e\xcb\xca\xca\xaa\xaf\xaf\xef\xd2k\xb3\xa6i2\xc6\xac\xd3&gt;\x7f\xfc\xe3\x1f\x17.\\\xd8\xd4\xd4D\xb6\xd6\x1f\x01\xa0\x16\xeb\xc8\xb7\xad\xfb\xbdn\xf7\xaf\xaf\xb8\xe2\x8ea\xc3\xfc\xa1P\xd84\xf5n\xb9\x1ee\xed\x86zx&lt;%\x95\x95\x0f|\xf8\xe1\xae\xdaZ\x92\xd2\xda\x06\xe2~\x1e\x8a\xfa\xdb\xeb\x94\xfa\xfb|\xbeg\x9f}v\xf6\xec\xd9~\xbf?\x1c\x0ew\xcf\xb9x+\x06\xd2\xd3\xd37m\xdat\xdf}\xf7Y\x97\x9d\xed\xaa?\x02@!\xdf\xe8~\xc62=\x9e\xc2\xa9S\'\xf6\xed[\xd9\xd2\xa2w\xd9\xac\xf3t"B\xf8\xdc\xee\xea\xd6\xd6Y\x7f\xfb\xdb\xd6\xeaj\x12\xa2m\x1et\xcam8q\x03\xf5\xb7\xd7){\xff\xac\xac\xac\xd7_\x7f}\xd2\xa4I\'N\x9c\xe8\xd8e\xde\xf3\x11\x89D|&gt;_uu\xf5\xcd7\xdf\\RRB\'\x1d\x07tg\xfd\x11\x00\xaa\xb0\x1ak\xdd\xbau\x93\'O&amp;\xa2t\x8f\xe7\xfd[o\x1d\x90\x9aZ\x1f\n9lZ\x88f\x08\xe1\xd6u\xce\xd8m\xef\xbe\xfb\xc9\xf1\xe3D\xf4\xd8c\x8f-X\xb0 .\xd7\xa5\xa0\xfe\xf6:\xa5\xfe=z\xf4\xd8\xb8q\xe3\xc0\x81\x03\xeb\xeb\xeb\x1d\x0e\x87-C2\x0c\xc3\xedvk\x9av\xddu\xd7m\xd8\xb0\x81\xec\xa8?\x02@\t\xd6r\xe3\xaa\xaa\xaa\xdc\xdc\xdc\x13\'N\xa4\xba\\\xaf~\xf7\xbbc\xb3\xb3\x1bB\xa1\xee9\xedp:\xa6\x94nMk\x0c\x87g\xbc\xf7\xde\x1755\x8c\xa8\xa8\xa8h\xf2\xe4\xc9q6\x0fE\xfd\xed\xd5V\xff\x91#GVUUy\xbd\xde\xb7\xdf~{\xfc\xf8\xf16\xee\xfd-\xa6i\xba\xddn\xbf\xdf\x7f\xfd\xf5\xd7o\xdb\xb6\x8d1\xd6\xcd\xf5W\xf7\x1e\x10\xa5Xw\xba\xcf\x9e=\xbb\xaa\xaa\x8a\x88\x9e\xbc\xe2\x8a\x89}\xfb\xd6\xdb\xbd\xf7!"\x8d\xb1\x80i\xf6\xf0x^\x98&lt;\xd9\xebrI)g\xcf\x9e]YY\xc9\x18\xb3\x9e\xca\x12\x1fP\x7f{\xb5\xd5\xbf\xb2\xb2\x92\x88~\xf7\xbb\xdfM\x9a4\xc9\xf6\xbd?\x11i\x9a\x16\x08\x04222^~\xf9e\x9f\xcfGDw\xdf}ww\xd6\x1f\x01\x10\xff\xac\xd9\xc4\xaaU\xab\x8a\x8b\x8b\x89h\xd6\xb0aw\r\x1f^\xd9\xd2b\xd7\x99\x87S\xe8\x8c5\x84B\xc3{\xf4\xf8\x7f\xf9\xf9DTUU\xf5\xc8#\x8fp\xce\xe3\xe6\xd8\x14\xf5\xb7\xd7)\xf5\x9f3g\xce\xddw\xdf}\xe2\xc4\t\xdb\xf7\xfe\x16]\xd7\x1b\x1a\x1aF\x8c\x18\xf1\xcc3\xcfH)+++\xbb\xb3\xfe8\x05\x14\xe7\xa4\x94R\xca\x86\x86\x86\xb1c\xc7\x1e\xf8\xf2\xcb~))ko\xbb\xcd\xa5i\xd6R\x90\xe8a\n\xe1s\xbbg\xbf\xff\xfe\xdf\x0e\x1cp9\x9d\x1b7n\x1c=z\xb4\xf5\xf4D\xbb\x87v^P\x7f{}\xa3\xfe\x07\x0e\xf4\xef\xdf\xff\xd3O?u\xbb\xdd\xd6R\x1c\xbbG\xf7o\xa6i\xa6\xa5\xa5\xddz\xeb\xad\x7f\xf9\xcb_\\.W\xb7\xd5?\xb6\x7f\xbbpV\xd6\xe2\xe2\xc2\xc2\xc2\xfd\xfb\xf7\x0b)\xe7_zifBB\xd84\xa3\xa8\xf7\x89\x88\x881\x16\x16\xe2\xe1\xd1\xa3\xdd\x9a\x16\n\x85\x16,X\xd0\xfe\xa7\xefF3\xd4\xdf^\xdf\xa8\xbf\x10\x0f=\xf4PVV\x96u\x9f\x97\xddC\xfb\x06\xc6X8\x1c~\xf4\xd1G].Ww\xd6\x1f\x01\x10\xcf\xa4\x94\xd6I\xc6\xc2\xe5\xcb\x19c9&gt;\xdf\xad\x83\x07\xd7\x07\x83\xb6\x9fz\xfeO\x9c\xb1\xe6p873\xf3\xfa\x81\x03\x89h\xc3\xfa\xf5\xbbw\xef\xd64-\xa6\xcfD\xa3\xfe\xf6\xfaw\xfd\x0b\x0b\x19c\x83\x07\x0f\xbe\xe3\x8e;\xea\xeb\xeb\xa3p\x8d\x13\xe7\xbc\xa9\xa9)//\xef\x96[n!\xa2\r\x1b6tO\xfd\xa3\xae\x11\xa1\x13Y\xf7\x95\xac[\xb7nWY\x99\x94\xf2\x07\xb9\xb9\xa9.\x97\x11\xad\x9b4g,d\x9a?\xcc\xcdMp:[Z[_|\xf1E"\x8a\xe9\x1d\x10\xeao\xaf\x7f\xd7\x7f\xd7.)eAA\x81\xd7\xeb5\x0c\xc3\xeeq};\xcey0\x18|\xf0\xc1\x07\x13\x12\x12ZZZ\xba\xa7\xfe\x08\x80\xf8\xf7Ra!c\xacgr\xf2\xf7\x06\x0el\n\x87\xb5\xe8\x9b~Z8c-\xe1pnf\xe6\xf8^\xbd\x18co\xfe\xcf\xff\xb4\xb6\xb6\xea\xba\x1e\xeb\'"P\x7f{\xbd\xf4\xd2K\x8c\xb1\xec\xec\xec\x9bo\xbe\xb9\xb1\xb11j\x97\xb7r\xce[ZZ\xf2\xf2\xf2&amp;N\x9c\xc8\x18{\xf3\xcd7\xbb\xa1\xfeQ\xda\x8bp\xfe\xac\xe3_\xbf\xdf_RR"\xa5\x9c\xd8\xbbwfBB$\xfa\xce&gt;\x9fL\x12q\xc6\xae\xeb\xdf_Jy\xfc\xab\xaf\xb6o\xdfN1;\tE\xfd\xed\xd5V\xff-[\xb6H)\xaf\xb9\xe6\x9a\xcc\xcc\xccH$\x12mg\xffOf}\x81\xf0\r7\xdc \xa5\xac\xa8\xa8\xe8\x86\xfa#\x00\xe2\x96\xd57\xa5\xa5\xa5\xc7\x8e\x1f\'\xa2\xc9\xfd\xfa\x11\x11Eq\xf7\x13\x91\xc6y\xc00&amp;\xf4\xee\x9d\xecv\x9b\xa6\xf9\xfe\xfb\xefS\x87\x9e\xc4\x1b\rP\x7f{\xb5\xd5\xff\xe8\xd1\xa3D4u\xea\xd4\xe8\xffA\xac+\x16W]uUJJ\x8aa\x18k\xd6\xac\xa1.\xae?\x02 nY}c=f$\xd1\xe5\xba(==h\x18\xe7\xfa\xbd"\xdd\x8c\x11\x85L\xb3wr\xf2\x85\xa9\xa9DT\xbae\x0b\x11\xc5\xe8JD\xd4\xdf^V\xfd\xb7l\xd9BDIII\xb9\xb9\xb9\xc1`0\xca\x7f\x16\xc6X(\x14\xea\xdb\xb7\xef\xc0\x81\x03\xe9\xeb\xc1w\xe9\x98\xa3\xba\x1cp&gt;\xacC\xdd\xad\xa5\xa5DtAJJvRR\x94\x9f\x7f\xb0\x08!\x12\x1c\x8e\x8b\xd2\xd2\x88hwYYsss\x8c\xde\x94\x84\xfa\xdb\xcb\xaa\x7fii)\x11\xf5\xeb\xd7\xafw\xef\xdeQ~\xfe\xc7"\x84HHH\xb8\xf8\xe2\x8b\x89h\xf7\xee\xdd]]\x7f\x04@\xdc\xb2\xd6\x11WWW\x13Q\xba\xdb\x9d\xe4t\x9a\xb1\xb0\x19K"\x8d\xb1\xec\xc4D"jhh\x08\x04\x02v\x8f\xa8\x83P\x7f{\x9d\\\xff\x8c\x8c\x8c\xa4\xa4$\xeb\xbb\xbd\xa2\x9cu\xf3W\xef\xde\xbd\x89\xc8\xef\xf7wu\xfd\x11\x00\xf1\xc9j#\xbf\xdf\xbfw\xcf\x1e"\x1a\xe2\xf5\xea1r_\x0fc\xcc\x10b\xb0\xcfGD\x8d\xcd\xcd\xbbw\xef\xa6\x18\xbc\x0e\x89\xfa\xdb\xeb\xdf\xf5\xdf\xbb\x97\x88\x86\x0e\x1d\xaaiZ\xac\xd4\xdf4\xcd\xa1C\x87\x12\x91\xdf\xef\xef\xea\xfa#\x00\xe2\x99\x942\x12\x89\x10\x91\xcf\xed\xe6\x8c\xc5@\xfb\x13\x11\x91$Js\xbb\x89H\x08\x11\xb5\xab\xb6\xdb\x03\xf5\xb7\x97\x94\xd2\x1a\x7fzzz\x0c\x9d\xc8\x92R\xa6\xa7\xa7S\xb7\xd4\x1f\x01\x10\xe7\xac\x93\x9eF\x8c\xb4~\x9b\xb6\x01G\xffI\xdb3C\xfd\xed\xf5\xaf\xfa\xc7Z\x8c\xb5\r\xb8\xab\xeb\x8f\x00PB\xccm\xc417\xe03\x8b\xb9\x1f\'\xe6\x06|f1\x17c\xdd6`\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d2\xed\x1e\x80\x12\xa4\x94\x1d\xf8\xbf\x18c\x9d&gt;\x12\x80\xee\x87\xfe\x8fZ\x08\x80.!\xa5\x14BH)\x19c\x8c1\xce;r\xa4\xd5)\x1f\x02\xd0\xfd\xd0\xff\xb1\x02\x01\xd0\x99\xac\x96%"M\xd34Mk{\xdd\xef\xf7\x0b!\x18c\xed\x9c\nYs\x1f\xaf\xd7{\xf2\x87X\x1b\x03\xe7\x1c3#\x88N\xe8\xff\x98\x83\x00\xe8\x1cRJ\xd34u]\xb7Z\xb6\xa9\xa9\xa9\xa4\xa4d\xd3\xa6\xcd\x9f\xff\xf3\xf3\xba\xda\xba\xb2\xdd\xbb\r\xc3`\x8c\xday(\xcc\x18#\x92\x03\x07\xe6\xf8|\xde1\xa3G\xe7\xe5\xe5]v\xd9e\xbd{\xf7\xb6\xde5\x0c\x83s\x8e\t\x11D\x0f\xf4\x7f\x8cB\x00t\x02\xd345M\xd3u=\x1c\x0e\xafY\xb3f\xc5\xca\x95[\xb6\x94\x1e=r\xf8&lt;?\xb6\xb6\xa6\x86\x88\x8a\xd6\xac!\xa2T\xafo\xcc\xe8\xd13f\xcc\xb8\xe9\xa6\x1b333\x89\xc80\x0cM\xd30\x1b\x02\xdb\xa1\xffc\x17\x02\xe0\xbcX\x87\xb4\x9a\xa6\xf9\xfd\xfe\xa5K\x97\xae|\xf9\xe5/v\xech{\xd7\x9d\x98\x9c\x92\xd1;\xd1\x9b\xe9\xeb5\xd0\x9d\xec\x13\xc2`\xd4\xbe~eL\x18\x91\xeaCe\xc1\xe6\x06\x7f\xe5\xa1\x96\xc6z\x7fC\xfd\xbau\xc5\xeb\xd6\x15\xff\xd7\x82\xff\x9au\xd7]\xf7\xde{\xef\x90!C\x88H\x08\x81\xa9\x10\xd8\x05\xfd\x1f\xeb\x10\x00\x1dgM|\x88\xa8\xb0\xb0p\xd1SO\xed)/\xb7^\xf7f\xf6\xe9{q\xfe\x85\xa3\xae\xc9\xe8\x7fQRZ\xa6\xd3\x93\xc4\xb8\xc6\xb9&amp;IR;7\x00"\x92R\x98\x11#\x1cjm\xa8\xae9\xba\xf7\xc8\xf6\x8d\x87\xb7}t\xe2py\xe5W_=\xfd\xf4\xd3\xcb\x96-\xff\xc9O~\xfc\xe0\x83\x0f\xa6\xa6\xa6\x1a\x86\xa1\xeb\xf8=BwC\xff\xc7\x01\x14\xae\x83\xac\xee\xaf\xa8\xa8\x983gNQQ\x91\xf5bF\xbf\xa1y\xd7\xdf;\xe8\xf2\xeb\x12\xbc\x19$\xa5\x11\x0e\x9aF$\xd4\xd2$I\xb6\xf7\xf4\xe7I\x18\xe3\x8c\xb1\x04o\xc6\x80\xcc\xbe9\x97M\t\xb54\x1d\xdd\xf5\xd9\xd6w\x97\x1c\xde\xb6\xbe\xbe\xben\xe1\xc2\x85\xabW\xaf^\xb6lY~~\xbeu\x85\r\x87\xc3\xd0m\xd0\xff\xf1\x01\x01\xd0\x11\xd6\xa4\xa3\xa8\xa8h\xce\x9c9\x15\x15\x15D\x94\xde{\xe0\xe8i?\x1cz\xc5M\xae\xc4\xd4pkS\xa0\xb1\x9e1"\xc6\xad\xf5k\xe7\xd3\x98\xa6\x111#!)%\xd7\xf4\x01\xa3\xae\xbe\xf0\xd2+\x0fm[_\xf2\xf6\x1f\x8f\xec\xf8d\xcf\x9e=W_}\xcd\xa2E\xbf.((\xb0V_`\x1b\x80n\x80\xfe\x8f\x1b\x08\x80sfu\xff\xd2\xa5K\xe7\xcd\x9bGD\x8c(\xf7\xba\xefO\xb8\xeb\xa7\x89\xde\xcc`sC\xa0\xb1\x96k\x1a?i\xf9\xdayb\x8c\x11\xd3\xac\xbe\x0e\xb54\x12\xb1\x0b\xf3\xae\xee7r\xd2?\xff\xba\xec\x93\xd7\x9e\n\xb56?\xf8\xe0\x83eeeK\x96,1M\x13\x8b\xe4\xa0\xab\xa1\xff\xe3\t\xae\x9f\x9c\x1bk\xad[[\xf7{\x92\xbd\xdf\xfd?\xff}\xed\xfcgt\x87\xbb\xd5_CD\\\xd3\xcf\xe1D\xe79b\\c\x9c\x07[\xfc\x91@\xcbe\xb7\xcc\x9f\xf1\xc4\x9b\x99\xfd\x87\x13\x915\x1eM\xd3\xa4\x94\x1d\xbb\xeb\x12\xa0=\xd0\xffq\x06\x01p\x0e\xac\xf3\x9eV\xb71\xa2D_\xe6\xcd\xff\xdf\xca\x8b\xbfsGk\xfd\t)L\xaeu\xd3\xe1\x14\xe7\x1a\xe3\xbc\xa5\xbe\xaag\xce\xc8\xdb\x1e\xff\x9f\xec\xc1y\xec\xebm\x80sn\x1d\x0b\x03t:\xf4\x7f\xfcA\x00\xb4\x97\xd5\xfd\xeb\xd6\xad\xb3\xe6&gt;\xee\x94\xb4;\x9e|\xa7\xf7\xb01-u\x95\\wP\xb7\x1fxr\xdd\x11lnpz\x92\xeex\xf2/}F\x8c#\xa2\xa5K\x97.\\\xb8P\xd34\xc30\xbay0\x10\xf7\xd0\xffq\t\x01\xd0.B\x08M\xd3\xaa\xaa\xaaf\xcd\x9a\xc5\x18s\'\xa5\xde\xfc\x8b\x97|\xd9\x17\x06\x9b\xfd\\w\xd85*\xae\xe9f$$\x85\xbc\xf1\xe1%Y\x03F0\xa2\x85\x0b\x17\x16\x17\x17\xeb\xban\x9a\xa6]\xa3\x82\xf8\x83\xfe\x8fW\x08\x80v\xb1\xeet\x9f={vUU\x15\x11]3\xf7\x97\x17\xe4^\x11l\xaa\xef\xb6\xc3\xde\xd3a\\3\xc3\x01Oj\x8f\xeb\x1f\xfa\x93+\xc9+\xa5\x9c={vee%.\x85A\xe7B\xff\xc7%\x04\xc0\xd9Y\x07\xbf\xabV\xad*..&amp;\xa2\x8b\xbfs\xe7\xc5\x93\xefl\xa9\xad\xb4q\xees2\xa6\xe9\xa1\xe6\x86\x1e\xfd\x86]}\xcf\xe3DTUU\xf5\xc8#\x8fh\x9d\xb7\x0c\x03\xc0\xe1p\xa0\xff\xe3\x12\x02\xe0,\xac\xa7\xd1\xd6\xd5\xd5=\xfe\xf8\xe3\x8cs_v\xffI\xff\xeb\xd1`S\x83\xeds\x9f\x93q\xdd\xd1\xea\xaf\x1d\xf1\x9d\x99\x83\xc7}\x97\x11\xbd\xf6\xdak%%%m\x8ff\x04\xe80kQMmm-\xfa?.!\x00\xce\xc2Z\\\\XX\xb8\x7f\xff~)\xc4\x98i?L\xf0e\x9aF\xb8\xfb\xafz\x9d\x19c\xcc\x8c\x84\xc7\xdd\xfe\x7f4\xa7+\x14\n-X\xb0\xa0\xfdO\xdf\x058\x1d\xeb\x82\xea\x8b\xcb\x96\xc5h\xffc\x1383\x04\xc0\x99H)5M\x0b\x04\x02\xcb\x0b\x0b\x19c\xe9\xbd\x07\x0e\x9btK4\x9c\xfa\xfcO\x8c\xf3p\xa09+\'w\xf0\xb8\xeb\x89h\xc3\x86\r\xfb\xf6\xedKJJ\xc2$\x08\xce\x87\xc3\xe1\x10B\x14\xa2\xff\xe3\x14\x02\xe0L\xacg\x8c\xac[\xb7\xael\xd7.)\xe5\xa8\x9b\xeew%\xa5\n3J\x17\x991\xc6\xcdph\xf4\xb4\xfb\x9d\xee\x84\xd6\xd6\xd6\x17\x97-s\xbb\xdd\xd8\x00\xe0|\xa4\xa4\xa4l\xdc\xb8qOy9\xfa?.!\x00\xce\xae\xb0\xf0%\xc6XJz\xcf\xc1\xe3\xbe\x1bnm\xe2&lt;J\xaf/1\xce\xc3\x81\x96\x9e9\xb9}/\x1a\xc7\x18{\xe3\x8d7\xaa\xaa\xaa\\.\x97\xdd\xe3\x82\x18\xc6\x18\xb3\xa6\xff\xe8\xff\xb8\x84\x008-\xeb\xfc\x8f\xdf\xef/\xd9R"\xa5\xbc\xe0\x92+\x12\xbc\x19f$\x12mg?\xbfI\x12\xb1\x81c\xaf\x95R\x1e=rt\xeb\xd6\xad\t\x1e\x8f\xddC\x82\x18v\xfc\xf8\xf1\xcd%[b\xb8\xff\x13\x12\xec\x1eRTC\x00\x9c\x96u\xf0XZZz\xfc\xd81"\xbap\xd45$\xa3\xbb\xf9\x898\xd7\x8cP\xe0\x82\x8b\'\xb8\x12\x92\x0c#\xf2\xfe\x9a5N\xa7\xd3\xeeAA\xac\xd25\xed\xb3\xcf&gt;\xdb\xb7o/\xa1\xff\xe3\x14\x02\xe0\xb4\xac\xf5\x03%%%D\xe4\xf2$f^x\x91\x11\t2\x16\xdd\x15c\xcc\x8c\x84\x923z{\xb3\xfb\x13\xd1\x96-["\xb8-\x1e:\xca\xe9t\x96\x96\x96\x9a\x86\xa1\xbb&lt;\xb1\xda\xff\x91\x88\xddc\x8aj\xd1\xfd\xeb\xb4\x95u3ai\xe9V"J\xcd\xec\x9b\x94\x9e\x1d\xf5\xc7\xbfDDB\x08\x87\xcb\x93\xd1o8\x11\x95\x95\xed\xb6n\xdd\xc4b8\xe8\x80p8\xbc\xa5\xb4\x94\x88R2\xfa\xa0\xff\xe3\x12\x02\xe0\xb4\xacu\xc4\xd5\xd5\xd5D\x94\x90\x9a\xee\xf4$J\x11\x13\x0f\x18\x91\x8ck\xc9\xe9\xd9D\xd4\xd4\xd4\x14\x0c\x06\xed\x1e\x0f\xc4*!DC}=\xa1\xff\xe3\x17\x02\xe0\xdbI)9\xe7~\xbf\x7f\xcf\xde\xbdD\x94\xd6g0\xe3zL\xcc#\x18c\xc24\xd2\xfb\x0e&amp;"\xce\xf1=yp^\xac%\xff=.\x18\x82\xfe\x8fK\x08\x803\x91RZ\xe7\x10\xdd\xc9&gt;\xc69Q\x0cl\x00DDR\xba\x93\xd3\x08G\xbe\xd0I\x12\x92\xd3\xd0\xffq\t\x01p\x16\xd6\x0cB\x8a\x18\xbb\x94\x1as\x03\x86h&amp;b\xad\x9d\xd0\xff\xed\x84\x00h\xa7\x98;\x90\x8c\xb9\x01C4\x8b\xb9v\x8a\xb9\x01\xdb\x03\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t\xbb\x07\xd0.R\xca\x0e\xfc_\x8c\xb1N\x1f\t\xc4"\xf4\x0f\xc0\xb7\x8a\xd2\x00\x90R\n!\xa4\x94\x8c1\xc6\x18\xe7\x1d9R\xe9\x94\x0f\x81X\x84\xfe\x01h\x8f\xe8\n\x00k\x93#"M\xd34Mk{\xdd\xef\xf7\x0b!\x18c\xed\x9c\xcaYs7\xaf\xd7{\xf2\x87X\x1b3\xe7\x1c3\xbbx\x85\xfe\x018\'\xd1\x12\x00RJ\xd34u]\xb76\xb9\xa6\xa6\xa6\x92\x92\x92M\x9b6\xfd\xf3\x9f\x9f\xd7\xd6\xd5\xed\xde]f\x18\xe6\xb9~f\xce\xc0\x1c\xaf\xcf;f\xf4\x98\xbc\xbc\xbc\xcb.\xbb\xacw\xef\xde\xd6\xeb\x86ap\xce1\xa1\x8b\'\xe8\x1f\x80\x0e\x88\x8a\x000MS\xd34]\xd7\xc3\xe1\xf0\x9a5kV\xae\\\xb1\xa5\xb4\xf4\xc8\xe1#\xe7\xf9\xb1\xb55\xb5DT\xb4\xa6\x88\x88\xbc&gt;\xef\xe8Q\xa3g\xdc&gt;\xe3\xa6\x1bo\xca\xcc\xcc$"\xc304M\xc3l.\x0e\xa0\x7f\x00:\xc6\xe6\x00\xb0\x0e\xc95M\xf3\xfb\xfdK\x97.]\xf9\xf2\xca/v|\xd1\xf6nB\x92\'\xad\xa77\xa5GRV\xbf\xf4\xa4T\x8fi\nFg\xdf\xde$I\xc6\x98i\x98\xc7\xf6V\xb56\x06\xaa\x8f\xd57547\xd47\xac[\xb7n\xdd\xbau\x0b\xfe\xeb\xbf\xee\xbak\xd6\xbd\xf7\xde;d\xc8\x10"\x12B`*\x17\xbb\xd0?\x00\xe7\xc3\xce\x00\xb0&amp;nDTXX\xb8\xe8\xa9E{\xca\xf7X\xaf\xf7\xc8\xf6\r\x19s\xe1\x88\xfcA}\x86d{{$\xbb\x12\x9c\x9a\xc6\x19\xe7D\xe7\xb2\x96C\x92i\x98\x91\xb0\xd1X\xdbRq\xe0Dy\xc9\x97e\x9f}yl\x7f\xe5W_U&gt;\xfd\xf4\xd3\xcb\x96/\xfb\xc9\x8f\x7f\xf2\xe0\x83\x0f\xa6\xa6\xa6\x1a\x86\xa1\xebQq$\x04\xe7\x04\xfd\x03p\x9elk\\k\xeb\xad\xa8\xa8\x983gNQQ\x91\xf5b\x9f\x9c\x9eW\xdfq\xf9\xc8\xab\x86\xa5\xa4%\x11\xc9H\xc80"f\xa09d\xcd\xf4\xd8\xb9l\xc1\x8c\x88\x18\xe3\x8c\xa5\xa4\'\xa6g\x0f\xce\x9d44\xd0\x1c\xdc\xbb\xf5\xd0\xbaW?-\xdb\xf4e}]\xfd\xc2\x85\x0bW\xaf^\xbdl\xd9\xb2\xfc\xfc|\xeb\n!\x0e\xe7c\x08\xfa\x07\xe0\xfc\xd9\x13\x00\xd6\xa4\xa9\xa8\xa8h\xce\x9c9\x15\x15\x15D\xd4\xb3_\xc6\x94\xbb\xf3\xc7\\{qB\xb2;\xd0\x12j\xf1\xb7\x12\x11\xe3\xd6\xf2;F\xed8r?\xed\xbf\x151#a\x93\xa4\xe4\x1a\xbf8\x7f\xf0E\xe3r\xca6\xed/Z\xf1q\xf9\x96\x03{\xf6\xec\xb9\xfa\xea\xab\x17-ZTPP`\xad\x1e\xc16\x1c\x13\xd0?\x00\x9d\xc2\x86\x00\xb0\xb6\xde\xa5K\x97\xce\x9b7\x8f\x88\x18\xb1I\xb7\x8d\xb9\xe9\x87\xdfIIOjm\x0c47\xb4r\xce\xb9\xd6i\xe7U\xbf\x9e\x991"jm\x0e\x10\xb1\x11\xf9\x83\x87_\x9e\xf3\xe1\xeaM\xef\xfe\xe9\xc3@K\xf0\xc1\x07\x1f,++[\xb2d\x89i\x9aX\xe4\x17\xfd\xd0?\x00\x9d\xa5\xbb\x03\xc0Z\xab\xd7\xb6\xf5&amp;\xa6$\xdc\xf1\xb3\xef\x8d\xbf\xf1\xd2\xd6\xa6`S]\x8b\xa6w\xe6\xa6\xfb\x9f\xac\xebu\xad\x8d\x01\xc6\xd8\xd4\xef_\x913\xb2\xdf\x8a\xc7\xdf&gt;\xb6\xb7r\xe9\xd2\xa5D\xb4d\xc9\x12\xcc\xe3\xa2\x1c\xfa\x07\xa0\x13u\xeb\x02\x06\xeb\xbc\xed\xd7[/KMO\x9a\xff\xbb\xbb&amp;L\x1b\xd5X\xdb,L\xa1\xe9\xdd4\x18\xaeq\xc6YCMS\xff\xe1\xbd\x1f\xfc\xef\xef_8\xa2\x0f#f\x8d\x8asnm\xc3\x10\x85\xd0?\x00\x9d\xab\xfb\x02\xc0\xdaz\xd7\xad[g\xcd\xdd\x92\xbd\x9e\x9f.\x9f\x9b3\xb2_Cu\xa3\xa6\xdb\xb0\x9eZ\xd7\xb5\xd6\xa6\x80\'\xd1\xf5\xd3\xe5s\x07\x8f\xeaODK\x97.]\xb8p\xa1\xa6i\x86at\xf3`\xe0\xac\xd0?\x00\x9d\xae\x9b\x02@\x08\xa1iZUU\xd5\xacY\xb3\x18c\x89)\x9e\x1f\xfe\xe6\xae\xcc\xbei-\x8d\x01M\xd7\xce\xfe\xffw\r\xae\xf1H\xc4\x90B\xce[t\xfb\x05C\xb2\x89\xd8\xc2\x85\x0b\x8b\x8b\x8bu]7\xcds\xbeq\x14\xba\x0e\xfa\x07\xa0+tS\x00Xw\xea\xcf\x9e=\xbb\xaa\xaa\x8a\x88f\xfe\xf4\xfaac\x0767\x06\xba\xed\xb0\xfdt8\xe7\xe1P$9-\xf1\xde\'g$\xa6\xb8\xa5\x94\xb3g\xcf\xae\xac\xac\xc4i\xdch\x83\xfe\x01\xe8t\xdd\xb1\xfdX\x07\xef\xabV\xad*..&amp;\xa2\t\xd3FM\x98\x96\xd7P\xdd\xa4\xdb7w;\x99\xa6\xf1\x96\xc6@\x9f\x9c\xac\x19\xff\xf7\xbbDTUU\xf5\xc8#\x8f\x9c\xfc\x140\xb0\x9d\xc3\xe1@\xff\x00t\xba.\x0f\x00\xebi\xbauuu\x8f?\xfe8\xe7&lt;\xb3O\xfa-\x0fLim\x0cp-\x8a\xa6H\xba\xae5\xd5\xb7\xe4\xdf\x98\x97w\xf5p"z\xed\xb5\xd7JJJ\xda\x1e-\t6\xb2\x1e\xf6P[[\x8b\xfe\x01\xe8t]\x1e\x00\xd6\xe2\xe8\xc2\xc2\xc2\xfd\xfb\xf7\x0b!\xa6\xfc\xaf\t\xa9\xe9I\x91\x88\x19u\xc7\xc8\x8c\x99\x11\xf3{\xf3\xaer\xba\x1c\xa1Ph\xc1\x82\x05\xed\x7fz0t\x1d\xeb\x82\xea\xb2e\xcb\xd0?\x00\x9d\xaek\x03@J\xa9iZ \x10X^\xb8\x9c1\x96\xdd?c\xecu\x97\xb4\xf8\x03ZW.\xd6\xee\x18\xceY\xb05\xd4\x7fX/k\x12\xb7a\xc3\x86}\xfb\xf6%%%a\x12g/\x87\xc3!\x84(,,D\xff\x00t\xba\xae\xdd\x90\xacg\xa4\xac[\xb7\xaelW\x99\x94\xf2\x9a\xbb\xc6\'\xa4\xb8M3Z7\t\xc6\x8c\xb0\xf1\x9d\xd9\xf9.\x8f\xb3\xb5\xb5\xf5\xc5e/\xba\xddnl\xc0\xf6JII\xd9\xb8qcyy9\xfa\x07\xa0\xd3u\xc7L\xaa\xf0\xa5B\xc6\x98/35\xef\xea\xe1\xc1\xe6\x10\xe7Qv\xf0\xfe5\xceY\xb05\xdc\x7fx\xef!y\x172\xc6\xdex\xe3\x8d\xaa\xaa*\x97\xcbe\xf7\xb8\x94\xc6\x18\xb3\xa6\xff\xe8\x1f\x80N\xd7\x85\x01`\x9d\xff\xf1\xfb\xfd\xd6\x05\xb1a\x97\rH\xed\x91dD\xe1\xd9\xdb\x93Hb\x8c\xd1%W\x0e\x95R\x1e=rt\xeb\xd6\xad\t\t\x1e\xbb\x07\xa5\xb4\xe3\xc7\x8f\x97l\xd9\x1c\xc3\xfd\xe3A\xff@\xf4\xea\xc2\x00\xb0\x0e~KKK\x8f\x1f;ND\x17M\x18$%Q\x14o\xbdD\xc49\x85\x83\x91!c.\xf4$\xba\r\xc3X\xb3f\x8d\xd3\xe9\xb4{P\xea\xd25\xed\xb3\xcf&gt;\xdb\xb7w\x1f\xa1\x7f\x00\xba@\xd7\x1e\x01\x10QII\t\x11\xb9\x13\\}\x07gGB\x91\xe8\xde~\x891f\x84\xcd\xf4\x9e\xde\xcc\xbeiD\xb4e\xcb\x96H\xc4\xa0s\xfb&amp;\x11\xe84N\xa7\xb3\xb4\xb4\xd40L\xa7\xdb\x11\xab\xfd\x83\xc7B@\x14\xeb\xc2\x00\xb0\x0e\xd5K\xb7\x96\x12Q\x8f^&gt;_F\x8a\x191\xa3|\x03&amp;"!\x84\xcb\xe3\xe8=(\x8b\x88\xca\xcavY\xb7\x9e\x12\xd6\xf3\xd9!\x1c\x0e\x97\x96\x96\x12Qz\xb67\xa6\xfb\x07\xebA!:um\x00H)\xab\xab\xab\x89(\xd9\x97\xe8Nt\t!\xcf\xe7\xab9\xba\x87$b\x9c\xf92S\x89\xa8\xa9\xa9)\x18\x0c\xda="u\t!\xea\xeb\xeb\t\xfd\x03\xd05\xba*\x00\xa4\x94\x9cs\xbf\xdf\xbfw\xef^"\xeaya\x06\xd7b\xe3\xbe\x18\xc6\x980E\xcf\x01\x19D\xc4\xf0\xfd\x1ev\xb3\x9e\xa9\xd0k`\x16\xfa\x07\xa0\xd3u\xf9\x8d`\x91H\x84\x88\x92\xbc\t\x8c\xb3\x18\xd8|\x89\x88HJJ\xf2&amp;\x10\x8e\xdc\xa3\x82$\xf4\x0f@\xd7\xe8\xf2\xfb\x00\xac\x19\x900b\xecv\x98\x98\x1bp|\x8b\xb9_G\xcc\r\x18\xd4\xd4]\xb7\xd4\xc7\xdcqp\xcc\r8\xbe\xc5\xdc\xaf#\xe6\x06\x0cJ\x8a\xbag\xaa\x00\x00@\xf7@\x00\x00\x00(\n\x01\x00\x00\xa0(\x04\x00\x00\x80\xa2\x10\x00\x00\x00\x8aB\x00\x00\x00(\n\x01\x00\x00\xa0(\x04\x00\x00\x80\xa2\x10\x00\x00\x00\x8aB\x00\x00\x00(\n\x01\x00\x00\xa0(\x04\x00\x00\x80\xa2\x10\x00\x00\x00\x8a\xd2\xed\x1e\x00\x00@l\x90\'i{\x91\x9d\xc4\xc6\xb1u\x0c\x02\x00\x00\xe0L\x84\x10B\x08M\xd3\x9cN\xa7\xd3\xe9\xd44\x8dsn}\xe5\xad\xf5n8\x1c\x0e\x85B\x86a0\xc68\x8f\xa5\xd3*\x08\x00\x00\x80o!\xa54MS\xd7\xf5\xe4\xe4d\xa7\xd3\xd9\xdc\xdc\\QQq\xe4\xc8\x91\xca\xca\xca\x9a\x9a\x1a\xeb\xdb\x9e\x13\x13\x13\xb3\xb2\xb2\xfa\xf7\xef\x7f\xe1\x85\x17\xa6\xa7\xa7G"\x91\xa6\xa6&amp;\x1e;_\x05\x8a\x00\x00\x008\x95\x94\xd2\xe5r%$$\xf8\xfd\xfe\r\x1b6\x14\x15\x15\xad_\xbf~\xdf\xbe}\r\r\r\xff\xf9\x97\x1d\x0eG\xbf~\xfd\xae\xba\xea\xaa;\xef\xbc3???\x14\n\x05\x83A\xeb\xeb\xac\xa3\x1c\x02\x00\x00\xe0\x1b\xa4\x94\x9a\xa6\x1d=z\xf4\xcf\x7f\xfe\xf3\xeb\xaf\xbf\xbec\xc7\x8e3\xff\xfdH$\xb2\x7f\xff\xfe\xfd\xfb\xf7/]\xbat\xe6\xcc\x99\xbf\xfc\xe5/\xfb\xf4\xe9\xd3\xd8\xd8\x18\xfd\x19\x80\x00\x00\x00\xf8\x06\xd34}&gt;\xdf\x93O&gt;\xb9h\xd1\xa2\xb6\x17\x19c\x03\x06\x0c\x182d\xc8\xc0\x81\x03322&lt;\x1e\x8f\x94\xb2\xa1\xa1\xe1\xe0\xc1\x83\xdb\xb6m\xdb\xbd{7\x11i\x9a\xb6z\xf5\xeaO?\xfdt\xf5\xea\xd5\xa3F\x8d\x8a\xfe\x0c@\x00\x00\x00|\x03\xe7&lt;\x10\x08\xcc\x9c9s\xf1\xe2\xc5B\x88\xe1\xc3\x87O\x9b6\xed\xdak\xaf\x1d6l\x98\xd7\xebu8\x1cDd]\x01f\x8c\x99\xa6\xd9\xd8\xd8XZZ\xfa\xdcs\xcf\xfd\xf5\xaf\x7fu8\x1cG\x8e\x1c\xb9\xe9\xa6\x9b&gt;\xfa\xe8\xa3\xfe\xfd\xfb\x07\x02\x81h\xbe,\x8c\x00\x00\x00\xf8\x06\xcey0\x18\x1c&lt;x\xf0\xcf\x7f\xfe\xf3A\x83\x06\xdd|\xf3\xcd\xa9\xa9\xa9\xa1P(\x10\x08\xf8\xfd\xfe\x93\xd7\x80\x12\x11cL\xd3\xb4I\x93&amp;]s\xcd5\xcf?\xff\xfc\x03\x0f&lt;\xe0t:\xab\xab\xab\x7f\xf4\xa3\x1f\xbd\xff\xfe\xfbv\xfd\x08\xed\x84\x00\x00\x008\x15c,\x18\x0c&gt;\xf6\xd8c\x8c\xb1\xe6\xe6\xe6\xea\xeajkm\xcf\xe9N\xe9466J)\x7f\xf8\xc3\x1fJ)\xe7\xcf\x9f\xaf\xeb\xfaG\x1f}\xf4\xb7\xbf\xfd\xed\xa6\x9bnjhh\x88\xda\x13A\xd1{l\x02\x00`#\xc6\x98\xdf\xefohh\x10B\xe8\xba~\xe6\xc5\x9d\x9a\xa6i\x9aV]]\xfd\x83\x1f\xfc\xe0\x9ak\xae\xb1\xee\tX\xb5jU\x94\xaf\x07E\x00\x00\x00|;k\xb7\xde\xce\x9d\xb8\xf5\xd7\xa4\x94\xf7\xdcs\x8f\xf5\x87\x92\x92\x92\xea\xeaj\x87\xc3q\xcaY\xa3\xe8\x81\x00\x00\x00\xe8\x1c\x9a\xa6\x05\x02\x81\xbc\xbc\xbc\xc4\xc4D"\xaa\xac\xac&lt;v\xec\x98\xd3\xe9D\x00\x00\x00\xc4?\xc30|&gt;_VV\x96\xf5\xe7\xda\xdaZM\xd3\x10\x00\x00\x00q\xcez@\x90\xc3\xe1HHH\xb0^\t\x85B\xd1\xbc\x0c4zG\x06\x00\x10[\xa4\x94\x8c1!D$\x12\xb1^\xd1u=j\xa7\xff\x84\x00\x00\x00\xe8D\x9c\xf3\xd6\xd6\xd6\xfa\xfaz\xeb\xcf^\xaf\xd74\xcd\xa8]\x0b\x84\x00\x00\x00\xe8\x1cRJ\xa7\xd3y\xe4\xc8\x91\xda\xdaZ"\xf2\xf9|\xbdz\xf5\x8aD"\x08\x00\x00\x808\'\x84p\xbb\xdd\x1f~\xf8\xa15\xeb\x1f1bDvvv8\x1cF\x00\x00\x00\xc43\xeb\xf2oMMMaa\xa1\xf5\x9f7\xdf|\xb3\xd3\xe9\x14B\xd8=\xb4\xd3\xc2\xa3 \x00\x00:\x81a\x18\x99\x99\x99\x0f=\xf4\xd0\xc1\x83\x07\x19c}\xfb\xf6\xbd\xfd\xf6\xdb\xa3\xfc\x81\xa08\x02\x00\x008_\x91H$33s\xc5\x8a\x15\xbf\xfd\xedo\xad[\x7f\x1f\x7f\xfc\xf1\x8c\x8c\x8ch&gt;\xffC\x08\x00\x00\x80\xf3!\xa5\xb4\xe6\xfe\xaf\xbc\xf2\xca\xdc\xb9s\x1d\x0eG$\x12\xf9\xfe\xf7\xbf?k\xd6\xac\xfa\xfaz]\x8f\xea\xb3,\x08\x00\x00\x80\x0e\x12B0\xc6222~\xf3\x9b\xdf\xdc}\xf7\xddD\x14\x0e\x87\xaf\xbf\xfe\xfa\xdf\xff\xfe\xf7\xd6\x97\x03\xdb=\xc0\xb3\x88\xeat\x02\x00\x88Z\x86a$&amp;&amp;\n!~\xf0\x83\x1f&lt;\xff\xfc\xf3\xd6\xdc\xff\xb6\xdbn[\xbe|\xb9i\x9a\xa6iF\x7f\x00D\xfb\xf8\x00\x00\xa2\x90\xf5\xcc\x9f\xa3G\x8f^w\xddu\xcf?\xff\xbc\xa6i\x91H\xa4\xa0\xa0\xe0\xe5\x97_6\x0c\xc30\x8c\xe8\xdf\xfb\x13\x8e\x00\x00\x00\xce\x95a\x18iii\x1b7n\xbc\xeb\xae\xbb***\x88\xc8\xe1p\xfc\xe1\x0f\x7f\xb8\xef\xbe\xfb\xea\xeb\xeb\xa5\x941\xb1\xf7\'\x04\x00\x00\xc09\xb1\xbe2\xfe\x83\x0f&gt;\xb8\xf5\xd6[\x9b\x9b\x9b\x89(\'\'\xe7\xa5\x97^\xca\xcf\xcf\xaf\xae\xae\xd64-V\xf6\xfe\x84\x00\x00\x00h?!Dbb\xe2\xce\x9d;o\xbf\xfd\xf6\x96\x96\x16"\xca\xcf\xcf_\xbdzuff\xe6\x89\x13\'\xac\xef\x8b\x8f!\x08\x00\x00\x80\xf6\xe2\x9c\x9b\xa6y\xdf}\xf7544\x10\xd1\xe5\x97_\xfe\xee\xbb\xef\xba\\.\xbf\xdf\x1fs{\x7f\xc2E`\x00\x80v2M3%%\xe5\xad\xb7\xde*))\xe1\x9c\xf7\xec\xd9\xf3\x95W^\xf1x&lt;\xad\xad\xadQ\xbe\xde\xfft\x10\x00\x00\x00\xedb=\xeb\xdf\xfa\xaaw!\xc4/~\xf1\x8b\x81\x03\x07655\xc5\xe8\xde\x9f\x10\x00\x00\x00\xeda=\xeb\xed\xab\xaf\xbe\xda\xb6m\x9b\x94\xb2g\xcf\x9e\xb7\xdcr\x8b\xdf\xef\x8f\xdd\xbd?!\x00\x00\x00\xda\xe3\x94g\xfd_~\xf9\xe5YYY\xd1\xfc\xac\xff\xf6@\x00\x00\x00\x9c\x9d\x94R\xd7\xf5\x13\'N\x98\xa6ID\xc3\x86\r\x8b\xf2\xaf{l\x0f\x04\x00\x00@\xbbp\xce\xad\xc5?D\x94\x9d\x9dm}\x03\xb0\xad#:_1|\xf6\n\x00\xa0\x9b\x85B!\xeb&gt;\xaf\x94\x94\x94h\xfe\xa6\x97vB\x00\x00\x00\xb4\x0bc,\x1c\x0e[\xfb\xfd8\x98\xfe\x13\x02\x00\x00\xa0=8\xe7\xcd\xcd\xcd\xd7^{\xed;\xef\xbcCD\xc3\x86\rkii\x89\xa1\xa7&gt;|+\x04\x00\x00\xc0\xd91\xc6"\x91H\x9f&gt;}rrr\x88(\x10\x08\xc4\xfa\x12 B\x00\x00\x00\xb4\x93u\n(\x18\x0c\x12\x11\xe7&lt;\xd6\xf7\xfe\x84\x00\x00\x00h?\xc6X4\x7f\xc9\xfb\xb9\x8a\xed\x13X\x00\x00\xddLJ\x19\x07\xeb\x7f,\x08\x00\x00\x80\xf6\x12B8\x9dN\xb7\xdb-\xa5\x8c\xf5\xbb\xc0\x08\x01\x00\x00\xd0N\x8c\xb1\xa4\xa4\xa4\x8a\x8a\x8a\x03\x07\x0e8\x1c\x0e\xa7\xd3\x19\xeb\x19\x80\x00\x00\x008;\xebY@?\xfb\xd9\xcf\xc6\x8c\x193v\xec\xd8\x1bn\xb8\xa1\xba\xba\xda\xe1p\xc4t\x06 \x00\x00\x00\xceB\x08\x91\x94\x94\xf4\xd9g\x9f=\xfb\xec\xb3\x8d\x8d\x8d\xa1Ph\xfd\xfa\xf5\x7f\xfa\xd3\x9f\x92\x92\x92\xacG\x03\xc5(\xac\x02\x02\x008\x0b\xebIp\xe5\xe5\xe5\x9a\xa6Y\xab?\x19c\xbbw\xef6M3\xa6\x17\x83\xe2\x08\x00\x00\xa0]\xac\xf9&gt;\xe7\\\xd34!DBBB\xac\xdf\t\x1c\xdb\xa3\x07\x00\xe8\x06\x9c\xf3\x96\x96\x96\x89\x13\'fee\x85\xc3\xe1P($\xa5\xbc\xf5\xd6[c\xfa\xfc\x0f\xe1\x14\x10\x00\xc0YY\xf7\x00\xf7\xec\xd9\xf3\xddw\xdf]\xb1bEkk\xeb\x94)Sn\xb8\xe1\x86\xa6\xa6\xa6\x98\xbe/\x0c\x01\x00\x00pv\x9c\xf3\xd6\xd6\xd6\x11#F\xfc\xe1\x0f\x7f\xb0\xee\x05kll\x8c\xe9\x0b\x00\x84\x00\x00\x00h\'\xcey \x10hii\xb1\xf6\xfb1=\xf7\xb7 \x00\x00\x00\xda\x8bs\x1e\xeb\x17~O\x16??\t\x00\x00\x9c\x13\x04\x00\x00\x80\xa2\x10\x00\x00\x00\x8aB\x00\x00\x00(\n\x01\x00\x00\xa0(\x04\x00\x00\x80\xa2\x10\x00\x00\x00\x8aB\x00\x00\x00(\n\x01\x00\x00\xa0(\x04\x00\x00\x80\xa2\xba)\x00b\xee\x91I17\xe0\xf8\x16s\xbf\x8e\x98\x1b0\xa8\xa9k\x03\xc0zf\x1e\x11\x19\x11\x93b\xea\x8b3\x8dHl?\xe6;\xce\xa0\x7f\x00\xbaBW\x05\x00cLJ\x99\x92\x922h\xd0 ":\xb6\xb7\xd24\x04\x8f\x85i\x91\x94R\xd3\xf9\xb1\xbd_\x11Q\x0c\x0c7\xde\t!\x89\xe8\xe8\x9e\n\xf4\x0f@\xa7\xeb\xc2#\x00\xeb[4{\xf4\xe8AD\xad\x8d\x81H\xd8\x88\x95\xe3b)eS]\x0b\x119\x1c\x8exz\xf2_,r8\x1cD\xd4\xecG\xff\x00t\xbe.\xecN\xeb\xe4O\xee%\xb9Dt\xe2h\xad\xbf\xa6Isp)\xa3\xfdH\x9e3f\x84\xccc{+\x89h\xc8\x90!={\xf6$"\x8a\x91]O\x9cq\xbb\xdd\xa3F\x8d"\xa2\xeac\xb1\xdd?\xb1\x12]\xa0\x9a.\x0c\x00\xab\xe9G\x8f\x1eMD-M\x81\xaf\x0eV;\\\x8e(\xdf~\xa5\x94\xbaC\xf3\xd76U\x1d\xa9%\xa2\xdc\xdc\x91\x1e\x8f\x9bp,o\x13\xc30\xf2\xf2\xf2\x18\xa3`K8V\xfb\xc7\xed\xb6{P\x00\xa7\xd5\x85\x01`\x1d\xfc\x8e\x1b7\xce\x97\xe6\x93R\xee\xde\xfc%\xd7\xa2}\x06\'%9\xdc\x8e\x03_\x1ck\xack\xe6\x9cO\x992\xc50p5\xcf6\x91Hd\xfc\xf8\xf1}\xfa\xf6\x89\xe1\xfe\x89\xf1/\r\x87\xf8\xd6\xb5G\x00B\x88\xec\xec\xec\xdc\xdc\\\xc6\xd8\xae\x8f\xf7\x05\x9a\x82\x9a\x16\xd5\xa7D\xa5\x94\x9a\xc6\xb7\x7fTND\xe9=\xd2\'L\x98\xd0\xda\xdaj\xf7\xa0\xd4%\x89\x06\r\x1a\x94w\xe9(\xf4\x0f@W\xe8\xda\xcd\xc9\xba\x0c0\xf3\xf6\x99R\xca\xca#5{J\x0f\xba\x13]\xd6\xba\x8e($\xa5t:\xf5\xea\xe3\xf5e\x9b\xf6\x13\xd1\xd4\xa9S\xfb\xf4\xe9\x13\x0c\x06\xed\x1e\x97\xd2t]\xbf\xfd\xf6\xdb\xd1?\x00]\xa1k\x03\xc0\xfa\xd2\xe4\xe9\xd3\xa7geeI)\xd7\xae\xfcX\x08\x19\xb5\xe7\xd3\x85\x90\xee$\xd7\xfa7J\xfc\xb5M\x9a\xa6\xcd\x9b;\xcf\xee\x11\x01577O\x9b6-##\x03\xfd\x03\xd0\xe9\xba6\x00\x18c\x86a\xa4\xa7\xa7\xcf\x9a5KJ\xb9\xf7\xf3C;?\xd9\xebIv\x0bSt\xe9\xbf\xdb\x01\xd6\xf4\xad\xe6x\xc3\xc6\xb7K\x19c\xb9\xb9\xb9\x13&amp;Lhll\xb42\x0c\xec\x12\x08\x04&lt;\x1e\xcf\x9dw\xde\x89\xfe\x01\xe8t]~F\x95s.\xa5\x9c7o\x9e\xd7\xeb%\xa25\x85\x1b\x85\x90Q\xb8*N\x98\xd2\x93\xec\xfe`\xd5\xa7M\xf5-D\xf4\xf0\xc3\x0f\xb7\xdd\xc6\x0c6\xd24MJy\xff\xfd\xf7\xa3\x7f\x00:]w\x04\x80\x10b\xf0\xe0\xc1\x05\x05\x05R\xca}\xff&lt;\xb4\xee\x95O\x92\xd3\x12\xa3ju\x8di\x8a\xc4\x14w\xf9\x96\x83\x1f\xae\xdeDD\x13\'N\x9c9s&amp;c\x0c\xd37\xdbq\xce\x19cC\x87\x0eE\xff\x00t\xba\xeeXS\xc197M\xb3\xa0\xa0`\xc0\x80\x01D\xf4\xde\x0b\xff\xd8\xbf\xedHR\x8a\xc7\x8c\x8e\x03y)\xa5\xc3\xa9\x07ZB\xaf\xfc\xbfw\x8c\x88\xa9i\xda3\xcf&lt;\x13\xe5\xcb\rUc\x18\x06\xfa\x07\xa0\xd3uG\x000\xc6\x18c\xa9\xa9\xa9\xabV\xad\xd2u=\x14\x08\x17.x\xab\xa9\xbe\xd5\xe1\xd4m?F\x96RJI\x0e\x97\xfe\xca/\xdf=\xfee\x95\x94\xf2\xe9\xa7\x9f\x1e5j\x94\x89\xe5\xdb\xd1DJ\x89\xfe\x01\xe8t\xdd\xb4\xaa\x9asn\x18\xc6\xd8\xb1c\x17/^,\xa5\xac\xf8\xf2\xc4s?^\xc95\xeep:l\xbc\xa0gm\xbd\xde\x8c\xe4UO\xfe\xb5d\xcd\x0e"\x9a&gt;}zAA\x81a\x188x\x8f*\xe8\x1f\x80\xae\xd0}\xb7\xd5\xe8\xban\x1d\xc8\xcf\x9d;\x97\x88\x0e\x95\x1d\x7f\xf6G+\x02\xcdAO\xb2\xdb\xb4\xe3|\xae0\x85\xa6k\x9eD\xd7K\x0b\xfe\xbc\xe1\xad-D4f\xcc\x98%K\x96\x08!\xb0\xf5F!\xf4\x0f@\xa7\xeb\xd6\xfb*5M\x13B,Y\xb2\xc4\xda\x86\xcb\xb7\x1cxn\xfe\xca\xcaC5\xc9iI\xc2\x14\xb2\xbbn\xf0\x91R\x9a\x86\xf0$\xbb\xcd\x88\xb9\xfc\xbf\xde\xfa\xc7\xffl\x16B\x8c\x193\xa6\xa8\xa8\xc8\xe7\xf3\x11\x1e\xdd\x15\xad\xd0?\x00\x9d\xab[\x03\xc0\xba\x18`\x9af\xdb6|\xb8\xbc\xe2\xa9\xff\xbd\xf4\xd3w?OL\xf18=\xce\xae\xde\x8c\xa5\x94\xa6)4]KIO:\xb0\xe3\xe8\xe2{\x97m\xfa\xdb6"\x1as\xd9\xbf\xb6^!\x04\x9e\xdf\x1b\xb5\xd0?\x00\x9d\xab\xbb\x9b\x951f-\x0c]\xb2d\xc9c\x8f=FD\xcd\xfe\xd6e\x8f\xbe\xf9\xc2\xcf^\xaf\xf8\xb2*\xd1\x9b\xe0\xf48\x84)\x84):q\x1d\x85\xb5"[\x98B\xd7\xb5d_b\x8b?\xf0\xc6o\xdf\x7ff^\xe1\xd1\xbd_\x11\xd1\x8c\x193\x8a\xd6`\xeb\x8d\r\xe8\x1f\x80N\xa4w\xff?i\x1d \x0b!\x16,Xp\xf9\xe5\x97\xcf\x993\xa7\xa2\xa2b\xcb\xda/v\xac\xdf3j\xca\x88k\xee\xbc\xbc\xdf\xb0^D,\x12\x8aD\xc2\x86\x14RZOcf\x8cH\xb6\xef\xc1\xcc\xd6_\x93\xd6\x97\x082\xc64\x87\xe6t;\xb8\xc6k\x8f\xd7\xff}\xf9\x86\x8f\xdf\xde\xdaP\xd3HDN\xa7c\xd1\xa2\xa7\n\n\n\xac\xf1`\xeb\x8d\t\xe8\x1f\x80\xcebC\x00\xd0\xd7\xc7\xf2\x86a\\{\xed\xb5[\xb6ly\xf4\xd1G_]\xf5j(\x14\xfe\xf4\xbd\xcf\xb7\x16\xef\x1av\xf9\x80K\xae\x182d\xf4\x85\xbe\x9e\xa9N\xb7\x83s.LS\x8as~*\xbf\xa6s)\xa4\x116\xfd\xb5\xcd_|\xbc\xf7\x8b\x8d{\xca&gt;\xfb\xb2\xbe\xdao\xbd;y\xf2\xe4\'\x9exb\xec\xd8\xb1B\x08k^\xd9\xf9?\'t\r\xf4\x0f@\xa7\xb0\'\x00\xfe\xf5o\xeb\xbai\x9a\xbdz\xf5Z\xbe|\xf9}\xf7\xdd\xf7\xab\'\x7fU\xbcvm \x10\xdc\xf6\xd1\xeem\x1f\xedNH\xf2\xf4\xbc0#\xfb\xc2\x1ei=\xbdY\xfd\xd2\x13\xbd\t\xc2\x10\xed\xdc\x86\x19cf\xc4&lt;\xb6\xaf\xb2\xa9\xbe\xe5\xf8\xbe\x13\x95\x87\xaa\xfd\xb5Mm\xef\x8e\x1f?~\xfe\xfc\xf9w\xdcq\x07\x11\x99\xa6\x895\x1b1\n\xfd\x03p\x9e\xec\x0c\x00\xfa\xfaI/B\x88\xb1c\xc7\xbe\xf3\x97wv\xee\xdc\xb9b\xc5\x8a7\xdf|\xe3\xd0\xa1\xc3\xad\xcd\x81\x03_\x1c9\xf0\xc5\x91\xce\xfa\xb7223\xae\x9bz\xdd\xacY\xb3&amp;O\x9eL_?\xaa\x1a[oLC\xff\x00\x9c\x0f\x9b\x03\x80\xacs\xac\x9a&amp;\x84\x90R\x8e\x181b\xf1\xe2\xc5\x0b\x17.\xdc\xbe}\xfb\xda\xb5k?\xdb\xf4Yyyyccc}]}\x07&gt;9)911!q\xd8\xf0\xe1#G\x8e\xbc\xea\xca\xab\xf2\xf3\xf3\xd3\xd3\xd3\xe9\xebkz\xd8t\xe3\x03\xfa\x07\xa0\xc3\xec\x0f\x00\x8bu\nU\x08!\x84HHH\x187n\xdc\xb8q\xe3\x88(\x10\x08\xb4\xb4\xb4\x94\x95\x95u\xe0\xde\xfa\x9c\x9c\x9c\x94\x94\x94\xd4\xd4\xd4\xb6W\xac\x0f\xd14\r[o\x9cA\xff\x00t@\xb4\x04\x80\x85sn=&gt;\xda\x9a\xd0q\xce=\x1e\x8f\xc7\xe3\x998qb\x87?\xd3\xda)X\x97\xe9\xb0\xdd\xc67\xf4\x0f\xc09\x89\xae\x00\xb0\x9c\xfc\x1c]k5w\xc7\x9e\xf9e\xad\x15\xb1v\n\x9d9&gt;\x88n\xe8\x1f\x80v\x8a\xc6\x008\x99\xb5\xe8\x1b3/\xe8\x18\xf4\x0f\xc0\x19`j\x03\x00\xa0(\x04\x00\x00\x80\xa2\x10\x00\x00\x00\x8aB\x00\x00\x00(\n\x01\x00\x00\xa0(\x04\x00\x00\x80\xa2\x10\x00\x00\x00\x8aB\x00\x00\x00(\n\x01\x00\x00\xa0(\x04\x00\x00\x80\xa2\x10\x00\x00\x00\x8aB\x00\x00\x00(\</t>
        </is>
      </c>
    </row>
    <row r="165">
      <c r="A165" s="1" t="n">
        <v>163</v>
      </c>
      <c r="B165" t="inlineStr">
        <is>
          <t>shape_size_hexagon</t>
        </is>
      </c>
      <c r="C165" t="inlineStr">
        <is>
          <t>What is the size of the missing shape denoted with a question mark if it is a square?</t>
        </is>
      </c>
      <c r="D165" t="inlineStr">
        <is>
          <t>['medium', 'large', 'small']</t>
        </is>
      </c>
      <c r="E165" t="inlineStr">
        <is>
          <t>medium</t>
        </is>
      </c>
      <c r="F165" t="inlineStr">
        <is>
          <t>There are 7 shapes with different sizes in the image, of which there is a missing square in the center. The other shapes are arranged around the center, which are ['pentagon', 'triangle', 'square', 'pentagon', 'triangle', 'square'] in anti-clockwise order. Their corresponding sizes are ['large', 'small', 'medium', 'large', 'small', 'medium'].</t>
        </is>
      </c>
      <c r="G165" t="inlineStr">
        <is>
          <t>We observe that the pentagons are large size, the triangles are small size, and the squares are medium size. Hence, the pattern is that each shape appears with a distinct size.</t>
        </is>
      </c>
      <c r="H165" t="inlineStr">
        <is>
          <t>Based on the pattern that each shape appears with a distinct size, the size of the missing square should be medium.</t>
        </is>
      </c>
      <c r="I165" t="inlineStr">
        <is>
          <t>b'\x89PNG\r\n\x1a\n\x00\x00\x00\rIHDR\x00\x00\x02\x00\x00\x00\x02\x00\x08\x02\x00\x00\x00{\x1aC\xad\x00\x009\x06IDATx\x9c\xed\xdd{x\x15\xd5\xbd7\xf0u\x99\xbds\x81\x10\x12P\x01\xb1r$\xc6\xf6\x14m\x13\xabhA\x04\xab$P\x0bX@\xc0\xcb\xab\xb6\xa0\xbe\x16c\x10T&lt;\x18+\x17{\x8e%\x08j\x0f\xa7\x14\x15\xad\x15\x14\xc5\xbeV\xa8r\xbfD\x11\x14\xc2\x83\xa0\x96\xa4\xa8\x87\xaa \x92\x84\x9d\x84\x90d\xcfZ\xeb\xfdc%\xdbM \x90d_f\xf6\xac\xef\xe7\xe9\xe3S \x97\xc9\xde\xf9\xcdw~k~3C\x95R\x04\x00\x00\xcc\xc3\x9c\xde\x00\x00\x00p\x06\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e9\xbd\x01\x00p\x02\xa5\x94\xd3\x9b\x10+\x94R\xa77\x01N@=\xfc\xdb\x06\x00\x00\xa7\x81\x0e\x00\xc0E\x94R\xd5\xd5\xd5RJJ\xbdsp\xa6\x7f\x96\x94\x94\x94\xe4\xe4d\xa7\xb7\x05N\x80\x00\x00p\x05\xa5\x14\xa54\x10\x08\xe4\xe4\xe4\x04\x02\x01\xa77\'\x9a8\xe7B\x88\x87\x1ez\xe8\xa1\x87\x1e\xb2m\xdb\xb2\xb0\xdbq\x0b\xbc\x13\x00.\xa2\x94\xaa\xa8\xa8\xa8\xa9\xa9qzC\xa2\xaf\xae\xae\xce\xe9M\x80\x96\x10\x00\x00\xee\xe2\xf3\xf9(\xa5\xa1%\xa0\x84&gt;q\xaa\x7f\x04\xcb\xb2l\xdb\xe6\x9c;\xbd9\xd0\x12\x02\x00\xc0]\x94Rz\xbf\x19\xfe\xdf\x84\xa6\x9a9\xbd!\xd0\x12\x02\x00\xc0\xbd(\xa5]\xd2:1J\x13n\xdfI)=~\xbc\xa1\xbe\xa1\xc1\xe9\r\x81\xd3A\x00\x00\xb8\x91^\x02\xea\x92\xd6\xa9t\xcd+\x19\x99\xe9"h\'\xd0Z\x90m\xdb\xfe\xee\x99\xff\xf5\xbb\xa7\x7f\xff\x87\x17p\xca\xd7\xcd\xf0\xde\x00\xb8\x17\xa5\xb4[fzz\xb7\x0c\x12\x0c\x92\xc4\t\x00a\xdb\xbc{fjJ\x8a\xd3\x1b\x02g\x80\x00\x00p\xb5`\xd0V\xc1\xa0\x9dh\x1d\x00\x0b\x06\x85\x90No\x08\x9c\x01\x02\xc0hRJ\xc6p?(W\xa3a\x9c\xde\x96\xb6J\xb4\xed5\x17\x8a\xdf\\J)\xec\xfd\x01L\x86\xfa7\x94\xbe\xeet\xdb\xb6m\x8d\x8d\x8d\x98\xcf\x030\x13\x02\xc0Dz\x8f_]]\x9d\x97\x97\xb7y\xf3fJ\xa9\x10\xc2\xe9\x8d\x02\x80xC\x00\x98H\xdfk\xac\xa8\xa8\xa8\xba\xba\xba\xa8\xa8\xc8\xb6m/\xddz\x0c\x00\xda\x08\x01`\x1c}\xe2w\xdf\xbe}\x0b\x17.\xb4,k\xfb\xf6\xed\x8b\x16-b\x8cI\x89\x99\r\x00\xb3 \x00\x8c\xa3W\xff\x0b\n\nl\xdb&amp;\x840\xc6\x8a\x8a\x8a\xaa\xaa\xaa\x18ch\x02\x00\x8c\x82\x000\x8b\x10\x82s\xbef\xcd\x9a5k\xd6p\xce\xf5\xe2OUUUQQ\x11\xa5\x14M\x00\x80Q\x10\x00\x06\xd1\xc7\xfe\xb6m\x17\x14\x14\x84\x16\xfd\xf5\x8a\xd0\xa2E\x8b\xf6\xed\xdb\x87\x85 \x00\xa3 \x00\x0cr\xca}\xfd)S\x01\x00L\x80\x000\x85\xbe\xec\xab\xc5j\x8f\xbe\x10\xac\xc5\xba\x10FB\x01\x0c\x81\x000Eh\xf43t\xbe7|\xd1?tf\xb8\xb1\xb1\x11}\x00\x80!\x10\x00F\x08\x8d~\xea\x89O!\x84\xde\xcb\xdf4*\x8fs\xae\x93\x80s\xbeo\xdf\xbe\xe2\xe2b\x9c\t\x000\x04\x02\xc0\x08\xe1\xa3\x9f\x94R\xbd\xf2\xf3\xe3~\x17\xbd\xf8\xe23\xbf\x1c6D)\xa5W~\x18c\xf3\xe6\xcd;t\xe8\x10&amp;\x82\x00L\x80\x00\xf0\xbe\x93\x97\xf8\xf5\xe1\xff\xdcG\xa7X\xc9I\xb3\xff\xe3\xde\xf4.iD)B\x08c\xac\xb2\xb2\xf2\xe1\x87\x1f\xc65\x01\x00&amp;@\x00x\xdc\xc9C&gt;:\x03\xc6\\\x7f\xed\xb5C\xaf&gt;\xfe\xd5W\x17\xe5^|\xdf\xc4\tBJ\xce\x99m\xdb\x8c\xb1\xa5K\x97\x96\x96\x96r\xce\xd1\x04\x00x\x1b\x02\xc0\xe3Z\x8c~*%\x95R~\xbfo\xce\xf4\xc9JJfYv\xd5\xd1\xc2\xdf\xdc\xde\xb7\xcfyBH\xc6(\xa5\xb4\xb1\xb1\xb1\xb0\xb0P\x08\x81&amp;\x00\xc0\xdb\x10\x00^v\xf2\xe8\'c\\J9\xf5\xae[/\xca\xf9a\xb0\xa6\xd6\xe2\\4\x063z\x9e\xfdH\xe1D\xa5\x14\xa3L\x08aYVII\xc9\xd2\xa5K1\x12\n\xe0m\x08\x00/k1\xfaI\x08QJ\x9dsv\xb7\xfb\x7fs\x9b\xac=\xc68\'\x84X\x96\x15\xac\xa8\xba\xf5\xd6\xd1\x03\xfb\xe7\xd8Bp\xce\xf4g\xcd\x9c93\x10\x08`$\x14\xc0\xc3\x10\x00\x9eu\xf2\xe8\xa7\x9e\xef\xfc\xdd\xf4\xc9\xdd\xcf;7X\xdf\x10zd\x9fR\x8436\x7f\xe64\xbf\xdf\xa7\x14\xd1#\xa1\xfb\xf7\xef_\xb0`\x81\xfeDg\x7f\x10\x00\x88\x11\x04\x80g\x9d&lt;\xfa)\xa5\xcc\xbd\xe4\x077M\x18i\x1f=\xca\xad\xef\x1e\x07\xcd9k\xac\xae\xf9\xc9\xa0+\xc6\x8f\xcc\x97RZV\xd3H\xe8\xfc\xf9\xf3\xf7\xef\xdf\x8f\xb3\xc1\x00^\x85\x00\xf0\xa6\xd6F?\x8b\x1f\x9d\x92\xdc\xa9\x93\x14\xb2\xc5\xf3\xba)\xe7\xa2\xa6\xf6?\x8b\xee\xcb\xccH\xd7\xbb{Ji \x10\x985k\x16\xae\t\x00\xf0*\x04\x80\x07\x9df\xf4s\xf0\xb5W\x05\x8f\x068\xe7-&gt;\x85Q*\xea\xeb{e\xf5\x992\xe9f)\x15gLG\xc8\xcb/\xbf\\RRbY\x16\x16\x82\x00\xbc\x07\x01\xe0A\xa7\x19\xfd\xa4R\x12JO\xf9Y\x8c[vU\xe0\x81\xc2\x89\xd9}\xcf\x17R\xeak\xc1\x84\x10\x85\x85\x85\r\r\r8\x1b\x0c\xe0=\x08\x00\xaf9\xfd\xe8gcM\xad\x1e\x07:\x19\xa5D\n\x91\xd49\xf5\xa9\xd9\x0f(\xa5(m:\x1b\\ZZ\xfa\xca+\xaf\xe0\x06A\x00\xde\x83\x00\xf0\x9a\xb6\x8c~\xb6\x86s\x1e\x0c\xd4\xe4\x0f\xff\xd9uW_!\x84\xd4#\xa1\x8c\xb1\xe9\xd3\xa7WVV\xa2\t\x00\xf0\x18\x04\x80\xa7\xb4}\xf4\xf34\x94\x10O\xcd~\xd0\xb2\xb8RM\xa7\x13\x0e\x1d:\xf4\xe4\x93O\xa2\t\x00\xf0\x18\x04\x80\xa7\xb4}\xf4\xb35\x8c\xb1`m\xdd\x0fr\xfa\xddy\xcbh\xbd\x04$\x84d\x8c\xcd\x9d;\x17\xcf\x8c\x04\xf0\x18\x04\x80w\xb4w\xf4\xb35\x8c3YW7k\xfa\xe4\x8c\xae]\xf4\xc9\x00}\x83 &lt;3\x12\xc0c\x10\x00\x1e\xd1\x81\xd1\xcf\xd6PJ\xed\xfa\xc6n\xbd{\xcc\x9cz\xb7^S\xc23#\x01&lt;\t\x01\xe0\x11\x1d\x1b\xfdl\r\xe3\xdc\x0e\xd4\xdcu\xe7M\xb9\x97\xfc@6\x8f\x84\x86/.\xa1\x0f\x00\xf0\x00\x04\x80\x17tx\xf4\xb35z$\xd4\x9f\x92\\\xfc\xe8\x94\xd0\xd3\x83\xc3O/\xe3L\x00\x80\x07 \x00\xbc \x92\xd1\xcf\xd6p\xce\x83G\xab\x07_{\xd5\x98\xeb\xaf\xd5K@:\x03\x8a\x8a\x8a\xf0\xccH\x00o@\x00$\xbc\xd3\x8e~\xf6j\xe3\xe8\xe7)\xe9\x8b\xc1\xe6L\x9f\xec\xf7\xfb\x88R\xa1&gt;\x03\xcf\x8c\x04\xf0\x06\x04@\xc2;y\xf4S\x08\xf1\xe3~\x17\x8d\xbfqDc\xe5QJ\x99\xec(JH}\xa0\xfa\xa2\x1f\xfd\xa0p\xd2\xcdBJ\xce\xb9~f\xe4\xb2e\xcbv\xee\xdc\x89\x85 \x80Dw\xe6\xc1pp\xb3\x93\xe7s\x18c&gt;\x9f\xb5hnQj\x8f\xb3\xc8\xd1\x00\xe9\xd0\xfaO\x88O\x11\xa2\xd4\xe3\x8f\x16\xbe\xb3q\xebG\x9f\x94\xebgF644L\x9d:u\xd3\xa6M\x08\x00\x80\x84\x86\x00H`\'\x8f~\x12\xa2o\xe0\xc3\xa6\xcf^@f/h\xef\xf0\xcf)I)}\xc9\xc95\xb5\xc7\xf47\x94Rp\xce7o\xde\xfc\xdak\xaf\x8d\x1d;V\'P\xe4\xdf\x05\x00\xe2\x0f\x01\x90\xc0\xf4\x95\xba\xff\xf3?\xff\xb3o\xdf\xbe\xf0\xf1\xfc`\xd0\xde\xb8uG,\xbe\xa3\xce\x18\xfd\xdf\x193f\x8c\x1c9\x92s\xaes(\x16\xdf\x0e\x00b\n\xe7\x00\x12U\x8b\xd1\xcf\x16\xa7d9g&lt;\xaa\xc2w\xf1RJ\xcb\xb2\xca\xcb\xcb\x8b\x8b\x8b\xf1\xbc0\x80\xc4\x85\x00HTz\xf4\xf3\xb1\xc7\x1e;z\xf4\xa8\xcf\xe7#\x84\xb00\xfa&gt;nQ\xa4O/\x87\x10B,\xcb*..\xfe\xfc\xf3\xcf\x91\x01\x00\t\n\x01\x90\x90Bw\xea\x7f\xfa\xe9\xa7\x95R\x8d\x8d\x8d\x1d\x1e\xf5\xe9\x18\xdb\xb6m\xdb\xae\xaa\xaa\x9a6m\x9a\x94\x12#\xa1\x00\x89\x08\xe7\x00\x12\x92^\x90\xc9\xcc\xcc\\\xbf~\xbd\x83#\xf9\x94\xd2\xd0}\x87\x1c\xd9\x00\x00\x88\x04\x02 !\xe9\x00\xe8\xd3\xa7O\x9f&gt;}\x9c\xde\x16\x00HT\x08\x80\x04\xa6\x94r\xc3\xe2;\x0e\xff\x01\x12\x14\x02 \x81QJ\xb1\xf3\x05\x80\x0e\xc3I`\x00\x00C!\x00\x00\x00\x0c\x85\x00\x00\x000\x14\x02\x00\x00\xc0P\x08\x00\x00\x00C!\x00\x00\x00\x0c\x85\x00\x00\x000\x14\x02\x00\x00\xc0P\x08\x00\x00\x00C!\x00\x00\x00\x0c\x85\x00\x00\x000\x14\x02\x00\x00\xc0P\xb8\x19\x1c\x80\xab\t!\xf5\xff\x12\xe8\xc1\xcbBH!\x84\xc4c\x82\\\x0f\x01\x00\xe0^\x94\xd2\xae\xe9\x9dy\xd74\xdeh\x93\xc4\t\x00\xbfm\x93\xce\xe9)IINo\x08\x9c\x01\x02\x00\xc0\xbd\x82A\xfb\xed\xf5\xefu\xe9\xd2Y\x08\xe1\xf4\xb6\xb4\x83\x10\xc2\xdf5}\xdf\xfe/\x08!\xfa\x81\xd2No\x11\x9c\x1a\x02\x00\xc0\x8d\xf4c&gt;k\x8f\xd5\x8d\xbac\x8a\xd3\xdb\x12\x11!\x84ea?\xe3Rxc\x00\\\x8d\xb1D\x9d\xd4PJ9\xf5\xb4jh#\x04\x00\x80\xbbp\xce9\xe7\x94\xd2D\xdf{\x86V~8\xe7J\xa9\xc4M2\x0fC\x00\x00\xb8\x88R\xea\xe8\xd1\xa3\x89\xb5\xe2\x7fF\xfa\xc79~\xfc\xb8\xd3\x1b\x02-!\x00\x00\\\xc4\xe7\xf3\r\x1f&gt;\xbc\xa6\xa6\xc6\x03\x1d@\x08\xe7\\\x08\xf1\xfd\xef\x7f\x9f\x84\xb5\x05\xe0\x06\xde\xf9%\x03\x00\x80vA\x07\x00\xe0.RJ\xa77!&amp;(\xa58\xfcw\x1bt\x00\x00\x00\x86\xc2yy\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19\x1d\x00RJ\xa5\x94\x10\xc2\xe9\r\x01\x80xC\xf9\x13B\xa8R\xca\xe9mp\x86\x10\x82s\x1e\xfa\xff\x8c1J\xa9\xb3\x9b\x04\x00\xf1\x81\xf2\xd7L\xec\x00\xa4\x94RJ\xce\xf9\x87\x1f~8|\xf8\xf0e\xcb\x96q\xce)\xa5RJ\xa77\r\x00b\x0b\xe5\x1f\xce\xb8\x00\xd0i\xcf\x18[\xb0`\xc1\x80\x01\x03\xde~\xfb\xed\x9bn\xba\xa9\xa0\xa0\xa0\xa6\xa6\x861f\xdb\xb6\xd3\x1b\x08\x00\xb1\x82\xf2o\xc1\xa0% \xbd\xdegY\xd6\xc1\x83\x07\x0b\x0b\x0b\x97/_N\x08\xe1\x9c+\xa5\xa4\x94\xb9\xb9\xb9\x8b\x17/\xce\xcd\xcd5\xb9\x1f\x04\xf0*\x94\xff)\x99\xd2\x01H))\xa5\x96e\xad^\xbd\xfa\xd2K/]\xbe|\xb9eY\x94R!\x84\x94\xd2\xb2\xac\xd2\xd2\xd2\xc1\x83\x07?\xf3\xcc3\xba\x1f4\xfc\xd4\x10\x80\x97\xa0\xfc[cD\x00\xd8\xb6\xad\xfb\xbb\xc7\x1e{,??\xff\xe0\xc1\x83\x96e\xd9\xb6\xcd(\xa5\x94\xea\x7fb\x8c\xd5\xd4\xd4\x14\x14\x14\x8c\x1b7\xae\xa2\xa2\x82sn`?\x08\xe0=(\xff\xd3\xf0\xf8\x12\x90\xee\xef8\xe7\xe5\xe5\xe5w\xdcq\xc7{\xef\xbd\xc7\x18#\x84\xe8\xbf\x0c\xe5&lt;cT\xbf\x0c\xfa\x8d\xcf\xce\xce~\xfa\xe9\xa7\xf3\xf2\xf2\xf4y!\xfd)\x00\x90XP\xfeg\xe4\xe5\x9fM\x08A)\xe5\x9c\xbf\xf2\xca+W^y\xe5{\xef\xbdgYV\xe8M\x15B\\;\xa8\xff\xfb\x1b_\x9ft\xebh)\x95R\x8aQj\xdb\xb6eYeee\xf9\xf9\xf93g\xce\xd4\xe7\x8b\x0c9\x16\x00\xf0\x12\x94\x7f\x9b(\x8f\n\x06\x83J\xa9\xea\xea\xea\x89\x13\'\xea\x9fT\x8f\xfdZ\xcd\xc3\xbf\xbf\x9dv\xb7\xaa\xd8\xab\x02\xffPG?]\xfa\xa7\xdfgv\xedB\x08\xb1,\x8b\x10\xa2\xdfxBH^^\xde\xd7_\x7f\xad\xbf\x9a\xbel\x04\x00\xdc\x0f\xe5\xdfF\x1e\x0c\x00!\x84\x10B)\xb5m\xdb\xb6\xdc\xdc\\\xfd\xdeSJ\xf5Y BH\xd6\xbf\x9d\xf7\xf6\xf2?\xaa\xba\x7f\x06\xbf\xdc\xd1p\xe0\x83\xc6\x03\x1f\xa8c\xe5\xfb&gt;X\xf5\xd3\xcb~\xd4\xf4\xf6S\x1a\xfam\xe8\xd9\xb3\xe7\xab\xaf\xbe\xaa\x94\x92R\xea/\x0b\x00\xae\x85\xf2o\x17\xaf\x05\x80m\xdb\xfa\xff\xcc\x9f?_\xbf\x85:\xf9C\x0bycG\x0c\xfd\xb6\xfc]USV\xff\xbf\xdb\xed\xafv\xea\xff\xd5\xff\xefvU\xb1\xb7\xf1\xe0\xaeG\xa7\xdd\x1d~\xbc\x10\xbaV\xb0\xb0\xb0P\x1fS\x84\xbe&gt;\x00\xb8\r\xca\xbf\xbd\xbcs\x12X\x9d4\xe7\xabc_JiY\xdc\xb6EZ\xa7\xd49\x8f\xdcWp\xf7\xad\xa41\xd8P_\xaf\x7f?B\xa4\x90\x8c3\x9e\x91\xfe\xce[k\x7fuo\xd1\xc1\xc3G,\xcem!Bg\x8d\xfa\xf7\xef\xbfp\xe1B\x03\'\x85\x01\xdc\x0f\xe5\xdf1\x1e\t\x00)\xa5~\xabV\xaf^}\xc7\x1dw\x84&amp;\xbd(\xa5\x8cQ!d\xce\xc5\xdf_\xfc\xf4\xecK\xaf\xc8m\xfc\xb6\x92QJ\xd9)\xde?\xfd;\x94\x94\xd9\xf5\xeb/\xbe\xbc\xe3\xdeG\xd6lz\x9f\x10\xc2\x18\xd3\x93\xc2\xb6m\xa7\xa5\xa5=\xf9\xe4\x93zU1\xfc^"\x00\xe0 \x94\x7f\x87ya\n\xa8\xb59_}\x99\x9f\x10r\xf2\xc4\t\x9b\xdez\xf1\xd2\x9c\x1f6|s\x84sv\xca\xb7\x9f\x10\xa2W\t\x1b*\x03\xbd\xce9k\xf5_\x9f\x9b7\xeb\x01\x8bs=1\xa6\xbfZMM\xcd\xa4I\x93&amp;L\x98`\xd4\xa40\x80\x9b\xa1\xfc#\x91\xd8\x1d\x80j}\xceW\xff\x12dv\xed\xb2\xb0\xb8h\xdcM7\xa8@u0h\xb71\xb4\xf5\xac\x98\xaf[\xc6\xbb\x1b\xb7\xfe\xea\xdeG\xca?;\xc09\x93R\x91\xe6\x01\xb2\xec\xec\xec\xe7\x9f\x7f~\xc0\x80\x01&amp;L\n\x03\xb8\x13\xca?r\t\xbc\xe9\xa7\x9f\xf3\xb5m{\xe8\xe0+\xdf_\xbdt\xdc\x84Q\r\xdfV\x08!\xdb\xde\xb2\xe99\xb0\x86o+\x06\x0e\xb8\xec\x83\x8d\xaf\xfd\xfa\xe6_\n!\x95R\x8cR\xbd\xceXVV6x\xf0\xe0\xd0\xa4\xb09\x17\x8e\x03\xb8\x04\xca?*\x12\xb5\x03\xd0\x97l\xd4\xd4\xd4\xdc\x7f\xff\xfd\xcf&gt;\xfb,!D_\xda\xa7O\xdd\x10B\x1e\x9dv\xf7\xcc\x87\'\x13B\x1aj\x8f\xb58\xe1\xd3vB\x08\x9f\xcfG;wZ\xfc\xec\xd2iEs\xabk\x8f\x85N\r\xe9_\xb5\xbc\xbc\xbc%K\x96\xf4\xec\xd9S7\x89\x9e95\x04\xe0f(\xffhI\xbc\x00\x08\x85\xfc\xf6\xed\xdb\xef\xb9\xe7\x9e\xd2\xd2R\xce\xb9\xfeK\xbd0\x97\xf5o\xe7=\xf3\xc4\x8c\xfc\xeb\xaf\xb5+\x8f*\xa5"l\xd0t\x9b\xe9\xcf\xec\xba\xef\xe3\xb2_M\x9e\xb1\xf5\xc3\xdd\x8c1\xa5\x94R\xc4\xb2\xb8m\xdb={\xf6\\\xb2dI^^\x1e\t;\x19\x05\x00\xb1\x80\xf2\x8f\xae\x04\xdb\xdc\xf0\xdby\x0f\x1c8P\xbf\xfd\xba\x19TJ\xd9\xb6=v\xc4\xd0\xf7\xd7,\xcb\x1fvM\xc3\xb7\x15\xfaNO\x11~G\xddf6TT]\x94\xd5g\xd3[/\xdew\xe7-\xfa\x9a@\xce\x99\x8e\xfd\x83\x07\x0f\xe6\xe7\xe7O\x992E\x9f\x8cJ\xe8~\x10\xc0\xcdP\xfeQ\x970\x1d@\x84s\xbe\x91k\x9a\x14N\xef\xf2\xce\xaauM\x93\xc2\x16\xb7\xed\xef&amp;\x85\x07\x0c\x18\xf0\xfc\xf3\xcfggg{lR\x18\xc0q(\xff\x18I\x8c\x00\x88\xca\x9co\xe4\xf4TYRfzk\x93\xc2\xe9\xe9\xe9\xc5\xc5\xc5\x1e\x9b\x14\x06p\x16\xca?v\x12`\t(Zs\xbe\x91\xa3\x94Z\x16o\xa8\x0c\xf4\xeaq\xd6\xea\x15\x8b\x1f}\xe0n=)\xacW\x039\xe7\x81@`\xd2\xa4I\x93&amp;M\n\x04\x02\x9e\x99\x14\x06p\x10\xca?\xa6\\\xdd\x01\xc4h\xce7rRJB\xa8\xaf{\xc6\xbb\x1b\xde\xfb\xd5\xe4\x19\xe5\x9f\xff\xab\xb5Ia\xbd@\x99p\xa7\x86\x00\x1c\x87\xf2\x8f\x03\xf7nY\xec\xe6|#\xc7\x18c\x8c6|sd\xe0\xc0\xcb\xb7\xae^6nT~\xd3\xa40\xa3\xba\xf5+++\x1b2d\xc8\x82\x05\x0b8\xe7\x89xj\x08\xc0Y(\xff\xf8pi\x07\x10\x9f9\xdf\xc8\t!|~?\xed\x9c\xba\xf8\xd9eSg&lt;Qs\xac.tjH\xff\xb2\xdex\xe3\x8d\x0b\x16,H\xe8Ia\x808C\xf9\xc7\x8d\xeb\x02 \xces\xbe\x91k\x9a\x14\xee\x9e\xb9s{\xe9=\xf7\xcf\xfa`\xd7^\xdd\x0f*\xa5t\xa3\x9a\xe8\x93\xc2\x00q\x83\xf2\x8f3wmM\xfc\xe7|#\xd74)\xfcm\xc5\xa5?\xfa\xe1\xbb\xef\xfc\xe5\xbe\xbbn\xd1\xfd\xa0\xfe}\xd5\x83k\xf9\xf9\xf9\x8f=\xf6X\xe8t\x96\xd3\x9b\x0c\xe0F(\xff\xf8sK\x07\xe0\xf8\x9co\xe4\x84\x90\x9c3\x9e\x91\xfe\xea\xd2\xbf\xde3mv\xe5\xd1j}\x08\x10&gt;)\xbcd\xc9\x92\x0b/\xbc0\xb1&amp;\x85\x01b\r\xe5\xef\x14W\x04\x80K\xe6|#\xd7tK\xf1\xee\x99e{\xf7\xdd\xfb\xd0\xe3k6\xbd\xdfbn\xa1[\xb7n\x7f\xf8\xc3\x1f\xc6\x8f\x1fO\x12gR\x18 \xa6P\xfe\x0er\xbe\x87r\xcf\x9co\xe4\x9an)~\xa42;\xab\xcf\xea\x15\x8b\x1f\x9dv\xb7\x94RJi5\xdfR\xbc\xa2\xa2b\xc2\x84\t\x93&amp;M\xaa\xa9\xa9I\x94Ia\x80\xd8A\xf9;\xbc\xcd\x0ev\x00\xae\x9d\xf3\x8d\x9c\x94\x92Rjev}g\xe5\xba{\x1fz\xfc\x9f\x9f\xff\xcb\xb2,=\r\xa6\xc7\xc2rss\x17.\\\xd8\xbf\x7f\x7f\xfd\x91.\xe9\x07\x01\xe2\x06\xe5\xef\x86\xf2w\xac\x03p\xf3\x9co\xe4\xf4\x1a_\xc3\xb7\x15\xf9\xc3\xaey\x7f\xcd\xb2\xb1#\x86\xea\xc7IS\xda4)\\ZZ:p\xe0\xc0\x05\x0b\x16\xe8\x8ft\xf3\xa40@\xd4\xa1\xfc]R\xfe\xcet\x00\x892\xe7\x1b9\xdb\xb6\x93\x92\x93\x89\xdf\xf7\xf4\x1f_zd\xceS\xe1\x93\xc2J)\xa5\xd4\x8d7\xde\xb8p\xe1\xc2n\xdd\xba\xe9\xd7\xc4\xe9\xed\x05\x889\x94\xbf{\xca?\xde\x01\x90ps\xbe\x91SRI\xa5\xfcge\xee\xdcV:\xa9\xa0h\xd7\x9e\x7f\xb4\x98\x14\xbe\xf0\xc2\x0b\x9fy\xe6\x99\xbc\xbc&lt;\x0f&lt;a\x0e\xe04P\xfen+\xff\xb8~\xb3D\x9c\xf3\x8d\x1ce\x94s\xd6\xf0\xcd\x91Ks~\xb8\xe9\xad\x17\'O\x9c\xd0&lt;)\xcct\xec\x97\x97\x97\xe7\xe7\xe7\x87\x9e0\xe7\x86SC\x00Q\x87\xf2wa\xf9\xc7\xa9\x03\xf0\xc0\x9co\xe4\x84\x10&gt;\x9fE\xd3\xbb\xb46)\x9c\x97\x97\xf7\xcc3\xcf\\x\xe1\x85\xae\xbdp\x1c\xa0\x03P\xfe\xc4\xad\xe5\x1f\x8f\x00\xf0\xcc\x9co\xe4\xbe\x9b\x14\xfe\xb8\xec\x8e\xdf\xfc\x87~\xc2\x1cQJ6\xf7\x83\xdd\xbau[\xb8p\xe1\x8d7\xdeH\\y\xe18@{\xa1\xfcC\\X\xfe1\xff\x06^\x9a\xf3\x8d\xdcw\x93\xc2}\xcf\xdf\xf4\xb7\x17\x9a&amp;\x85\x95\n\x9f\x14\x1e7n\\AAAMM\r\x96\x83 \xd1\xa1\xfc\xc3\xb9\xb0\xfcc\xd8\x01xx\xce7rMO\x98\xcbH\x7f\xe7\xad\xb5MO\x98\xe3\xdcn\xbe{\xb8\x9e\x14^\xbcxqnn\xae\xab.\x1c\x07h#\x94\xffi\xb8\xa7\xfcc\xd5\x01x{\xce7r\x8c3\xa5\x94\x9e\x14\xde\xb1\xf1\xb5\xb1\xbf\xb8N\xbf\xfdz(\xd8\xb2\xac\xd2\xd2\xd2\xc1\x83\x07?\xfb\xec\xb3z5\x10\x17\n@\x02A\xf9\x9f\x9e{\xca?&amp;\x1d\x809s\xbe\x91\xb3m\x91\x94\x92L\xfc\xbe\'\x9f~\xfe\xa1\x99\xf3l!\xf5k\xa5\xffK\x08\x19?~\xfc\x1f\xfe\xf0\x07\\(\x00\x89\x02\xe5\xdfv\x8e\x97\x7f\x94\x03\xc0\xc09\xdf\xc8\xe9\xd7\xc7\x97\xd1u\xdb\xfb;\xee\x992s\xd7\xde\x7f\x84^\xb4\x16O\x98\xc3\x85\x02\xe0f(\xff\x0ep\xb6\xfc\xa3\xf9\xb5\xcc\x9c\xf3\x8d\x9c~\xd1\x1a**\xaf\xb8\xec\xc7\x9b\xfe\xfe\xe7_\xdf\xfcK!\x84R\x8a5\xf7\x83eee\x83\x07\x0f\xc6\x85\x02\xe0f(\xff\x8eq\xb6\xfc\xa3\xd3\x01`\xce7*\x84\x10\x96\xcf\xc7:wZ\xfc\xec\xd2iEs\xabk\x8f\xe9\xae9\xf4\x84\xb9\xbc\xbc\xbc%K\x96\xb8\xf9\ts` \x94\x7fT8R\xfeQ\x08\x00\xcc\xf9FQ\xd3\x13\xe62\xbb\xee\xfb\xb8\xecW\x93g\xe8Ia\xa5\x94R\xc4\xb2\xb8~\xc2\xdc\x82\x05\x0bn\xbc\xf1F}/\x11\x1cF\x81\xb3P\xfeQ\x14\xff\xf2\x8f\xf4\xf31\xe7\x1b]MO\x98\xab\xa8\xba(\xab\xcf\xa6\xb7^\xbc\xef\xce[\xa4\xfc\xee\xc2q\xce\xf9\xc1\x83\x07\xc7\x8d\x1b7e\xca\x14\xddqc:\x08\x1c\x84\xf2\x8f\xae\xf8\x97\x7f\xc7;\x00\xcc\xf9\xc6T\xd3\xa4pz\x97wV\xad\x0b\x9f\x14\x0e\xbd\xc8\xfd\xfb\xf7_\xb8p!.\x14\x00G\xa0\xfcc*n\xe5\xdf\xc1\x0e\x00s\xbe\xb1\xd64)\\Q\x95?\xfc\x9a\x1d\xeb_\x1d:\xf8J\xbb9\xedu\x8dm\xdf\xbe\x1d\x17\n\xb4\x9dn\x99\xa5\x94B\x08\xfb$B\x08}\xa8\xe5\xf4f&amp;\x06\x94\x7f\xac\xc5\xad\xfc;\xd2\x01`\xce7\x9e\x9a&amp;\x85}\xd6\x93\xcf,yh\xe6\x93v\xf3\x8cphRx\xe2\xc4\x89\xc5\xc5\xc5\xe9\xe9\xe9\xb8P\xe0d\xfa\x99|zo\xd5\xf6\x8f\xd7\xe3\x16\xb1\xde\xb6\x04\x85\xf2\x8f\xa7X\x97\x7f\xfb\x02\x00s\xbe\x8eh\x9a\x14\xee\x96\xf1\xee\xc6\xad\xbf\xba\xf7\x91\xf2\xcf\x0e\xe8[\x8a\x13\\(\xd0\x8a\xa6g\xb1\x9eX\x0f\x87\x0f\x1f\xfe\xea\xab\xaf\xbe\xfd\xf6\xdb#G\x8eTWW766*\xa5\xfc~\x7fzz\xfa\xd9g\x9f\xdd\xbbw\xef\xef}\xef{\xa9\xa9\xa9\xa1\xaf@\xf0J\x9e\x08\xe5\xef\x88\x98\x96\x7f;\x02 \xf4\x18\xfb\x05\x0b\x16&lt;\xf0\xc0\x03\xfa\xa4\x84\x08\x9bR\x1a;b\xe8\xc2y\x8fv\xefqvCe\x15\x92?\xeal\xdbNJ\xefr4P=\xed?\x9ex\xee\xe57\x08!\x9c3\xd1|\xe9\xa0eYs\xe7\xce-,,$a\xef\x94i\xf4"O\xf8\x8c\xf9\'\x9f|RRR\xf2\xee\xbb\xef\xee\xd9\xb3\xe7\x8b/\xbe\x08\x04\x02\xad}\xaeeY={\xf6\xfc\xf1\x8f\x7f|\xddu\xd7\r\x1f&gt;\xbco\xdf\xbe\xa4y\xb6\x1d\xe7W\x08\xca\xdfi1*\xff6\x05\x00\xe6|]B\x08\xe1\xf3\xf9h\xe7N\x8b\x9f[6u\xc6\x13\xe1O\x98\xc3\x85\x02\xe1\xbf\xf7\x9f~\xfa\xe9\x8a\x15+\xde|\xf3\xcd]\xbbv\xb5X\x1e\xd5\x1f\x13\xfe\xca\x84N\x0f\x84\xfe&amp;55u\xc4\x88\x11\xd3\xa6M\xbb\xf4\xd2K\x89\xf1\xf7\xe5F\xf9\xbbD,\xca\xbf\x1d\x1d\x00\xe6|\xdd\xa0iR\xb8{\xe6\xce\xed\xa5\xf7\xdc?\xeb\x83]{9cR}\xf7\x84\xb9\x9e={.Y\xb2$//\xcf\xe9-\x8d+\xfd\xc4m)\xe5\xdf\xfe\xf6\xb7?\xfd\xe9Ok\xd7\xae\r]0\xa9\xf7G\xfa\x1c\xefi~\xdbi\x18\xfd\xb9\x96e\x15\x16\x16\xce\x993\'))\xc9\xf0\x0c (\x7fw\x88z\xf9\x9f9\x00\x94Ruuu\xc5\xc5\xc5\x8f=\xf6\x18!$4\xe7\xab\x0f\xac&amp;O\x9c\xf0\xf8#\x85]\xba\xa65\x1c\xad\xb1|H\xfe8\xb1m;)\xads0\x18|\xe0\xd1\xe2\xa7\x16\xfd\x854\x9f\x88\x0b\xbd/S\xa6L\x99={vJJ\x8a\t\xbb-\xfd;\xbcl\xd9\xb2y\xf3\xe6\x95\x96\x96\xea\xbf\xd4s)\xa7\xdf\xe9\xb7F/"\xe9O\xbf\xea\xaa\xab\x96/_\xde\xa3G\x0f33\x00\xe5\xefBQ,\xff3\x04\x80\xfe\xa2\x93&amp;Mz\xf6\xd9guE\xe95V\xa5Tf\xd7\xf4\x85\xc5\x8f`\xce\xd7)BH\xce\x19\xcfH\x7f\xf5\xe5\xbfN\x99\xf1\xc4\xc1\xc3G\xf4\xfb\x12\xbaa\xc8\xc4\x89\x13\x17/^l\xc2\xf9\x00\xbdk\xbe\xee\xba\xeb\xd6\xad[\xe7\xf7\xfbO3\xd3\x19:\xc6\x0f\xffK\xd5\xec\xe4\x0f\xb6,+\x18\x0c^|\xf1\xc5\x1b6l\xe8\xd6\xad\x1b9q\xed\xc8\xf3P\xfe\xae\x15\xad\xf2?C&gt;\xe8\xaa\xb8\xfc\xf2\xcbC\x17 \xe8\xd6o\xd85\x03\xde\x7f\xe7/\x98\xf3u\x10o\xba\xa5x\xe5\xb8\t\xa3&gt;\\\xff\xea\xb0k\x06\x84Vf\t!\x8c\xb1\xcb/\xbf\x9c4\xbf\x83\xde\xa6\x7f\xc6\xd9\xb3g\xebY\x14}/\xad\xd0\xbf\xea\x19P\xcb\xb2t\x85\xe8K\x01\xc25_l\xc9[\x1c.)\xa5\x82\xc1\xa0\xcf\xe7\xdb\xb3g\xcf\x84\t\x13\xf4\xe7\x9a\xf0z\x86\xa0\xfc]+Z\xe5\x7f\x86\x0e@/\xad~\xf3\xcd7\xd9\xd9\xd9\xd5\xd5\xd5\xa1\xe3\xa7\x0f\xde~9\xf7\xaa\xcb\x8f\x1f\xfc\xd6\x9f\xe4\x8b\xe2O\x05\x1d\xd0\xd8\x18L9\xbb{\xe9{\x1f^&gt;\xecf\xa5\x9a\x8eg\xbbt\xe9RVVv\xce9\xe7\xe8w\xd0\xe9m\x8c9\xdd\x04\x0c\x1a4\xa8\xa4\xa4$\xd4\x08\xeb\x1dS\xf8I\xe0\xcc\xcc\xcc^\xbdzu\xeb\xd6---\xcd\xef\xf7\x07\x83\xc1@ \xf0\xe5\x97_\x1e8p@\xaf\xfb\xeb\xb9\xc6\x16E\xe1\xf3\xf9\x82\xc1\xe0\xbcy\xf3\xee\xbf\xff~\x13:\xaa\x10\x94\xbf\xfbEX\xfegX\xb6\xd3\x91r\xce9\xe7\\u\xd5U\xabV\xadb\x8cQJl[\xbc\xfc\xc6\xdfs\xae\xbc\x94q\xe3\x96D]\x881\xa6\x94|\xf9\x8d\xbf\x0b!-\x8b+E\x85\x10W]u\xd59\xe7\x9cc\xce\xb2\xb5\xfeI\xa7N\x9dZRRB\x9a\x97\xaa\xf5\xae?==\xfd\xea\xab\xaf\xce\xcb\xcb\xbb\xfc\xf2\xcb/\xb8\xe0\x82\x8c\x8c\x8c\x16%\xd1\xd0\xd0\xf0\xf9\xe7\x9f\xaf_\xbf~\xc9\x92%;w\xee$\x84\xe8^!\xf4\x01z\xd8q\xce\x9c9\xb7\xdcr\xcbYg\x9deH\xa6\x12\x94\x7f"\x88\xb0\xfc\xcf\xfc\x166\r\xf9\x8e\x1d\x1b\xfe\xc7\x95k\xb74V\xd7\xf8|\xa6\x1c\n\xb9\x99\xcf\xc7\x1b\x035+\xd7n!\xcd\xef\x0ei~\xbf\xc2G\x1b\xbd\xcd\xb2,\xa5\xd4\xcf\x7f\xfe\xf3~\xfd\xfa\xe9\x9b=\x10B\xae\xba\xea\xaa?\xfe\xf1\x8f{\xf7\xee}\xf3\xcd7\xef\xb9\xe7\x9e\x9f\xfc\xe4\'\x99\x99\x99z\xa7\x16\xbe\xfe\x93\x94\x94\xf4\xfd\xef\x7f\xff7\xbf\xf9\xcd\xf6\xed\xdb\x9fz\xea)\xbf\xdfON\\\xeb\xd7\x85TUU\xf5\xe2\x8b/\x9av\xd7\r\x94\xbf\xcbEX\xfeg\x0e\x00\xdd\xf0\xe6\xe5\xe5\xa5\xa7\xa7\x0b!\x94"\x94\xd2\xcf\x0f|\xb5\xff\x9f_\xb0\xa4$}A\x1a8EJ\xc5\x92\x92\xf6\xff\xf3\x8b\xcf\x0f|E)U\x8a\x08!\xd2\xd3\xd3\xf5\x1c\x989\x8b\x15D\xdfN\xdd\xb2\n\n\n\x92\x93\x93\xf5\xed\xc9\xb6l\xd9r\xd7]w\xf5\xee\xdd[Ji\xdbvh(\x881\xc6\x9b\xe9\xdb\xed\xea\x0f`\x8c\x15\x14\x14\xacX\xb1B\x9f0hq\xad\x00\xa5t\xf9\xf2\xe5\xfal\x81\x83?f\x9c\xa1\xfc\xdd,\xf2\xf2?s\x00\xe8#\xa6\x1e=z\xe4\xe4\xe4\x10Bt\xf1\x04\x83\xf6\xcau%$9YJ\x83\x8e\x86\\HJA\x92\x93W\xae+\xd1\x93\x18\xba\xe3\xcb\xc9\xc9\xd1c\x8b\x86\xacThz\xde\xff\xa6\x9bn\xda\xbd{\xf7\xf3\xcf?\xff\xd3\x9f\xfeT?\x88J\xef\xf1-\xcb\xd2\xd7\xf4\x9e\xfc\x9a\xe8\xa1O\xfd\xe9\x8d\x8d\x8d\xd7_\x7f\xfd\xf4\xe9\xd3[\xb4\xcf:&lt;\xf6\xec\xd9s\xe0\xc0\x81\xd0\xa96\x13\xa0\xfc\xdd,\xf2\xf2o\xd3*\x9e\xfeu\x1f6l\x18iZ\x1e\x95\x84\x907V\xad\x97\xc7\x8fs\xac\x03:\x8as&amp;\x8f\x1f\x7fc\xd5zB\x88RMo\xb9~\xa7\xcc\xd9I\x85\xeb\xd4\xa9Svv\xb6^\xdb\xd1s\x9cmOA\xfd\xf1R\xca\xfb\xef\xbf\xbf[\xb7n\xfa\x9e\x97\xfa\x9ft\x8a444|\xfc\xf1\xc7\xc4\x8c\xd9\xaa\x10\x94\xbfkE^\xfemz\xfft\xb0\x8c\x1a5\xaay\xc8ZQJK\xf7|\xba\xef\x932+%\x05m\xa0S\xa4TVJ\xca\xbeO\xcaJ\xf7|J)\x95R\t!\xfc~\xff\xa8Q\xa3\x88\xa972\x0b\xdd\xa7\xbec?\xbe^\x11\xea\xda\xb5\xeb\xa0A\x83\xc8\x89M\xb4\xfe\x82_|\xf1\x051,\x00P\xfe\xee\x14\x95\xf2ok\x00H)\xb3\xb2\xb2rssCK\xa8\xc1\xa0\xfd\xd6\xda-h\x03\x1d\xa4\x1b\xc0\xb7\xd6n\t5\x80J\xa9\xdc\xdc\xdc\xac\xac,s\xe6\x7fZ\xa0\x11?m\\\x9f\'\xe8\xd7\xaf\xdf)\xff\xb5\xb2\xb22\x92/\x9e\x88P\xfe\xee\x14\x95\xf2ok\xa9\xe8\xaf8z\xf4hrB\x1b\xb8\x01m\xa0\x83\x9a\x1b\xc0\r$\xac\x01\x1c=zt\xe8\xe6P\xd01\x94\xd2\xf4\xf4\xf4S\xfeS0\x18\x8c\xf3\xc6\xb8\x01\xca\xdf\x85\xa2R\xfem}\xf3t\x9e\x8c\x181\x02m\xa0K\xb4\xd6\x00\x8e\x181\x82\x98\xba\xfe\x13E\xad\xed\xe8\xf5\x90\xa8iP\xfen\x13\xad\xf2oG\x00\xa0\rt\x15\xac\xff\xc4\x8eR\xea\xe0\xc1\x83\xa7\xfc\'}G \xd3\xa0\xfc\xdd&amp;Z\xe5\xdf\x8e\xdd\x04\xda@W\xc1\xfaO\x8c\xe8i\xd1\xdd\xbbw\x93\x13O\xf6\xeaW\xb5O\x9f&gt;\xc4\xb0[\xc2i(\x7fW\x89V\xf9\xb7\xe3\x9dC\x1b\xe8\x1eX\xff\x89\x11=&lt;\xfa\xaf\x7f\xfd\xeb\xc3\x0f?\x0c\x9f\xf7\xd7\xff?99\xf9\xdf\xff\xfd\xdf\x89\x91\x01\x80\xf2w\x8f(\x96\x7f\xfb\x02\xa0\x956\xb0\x84\xa4\xa0\r\x8c+)\x05II~km\t\xd6\x7f\xa2K\x07\xc0\x82\x05\x0b\xea\xea\xea8\xe7\xa1\x0e@\xb7\x05\x97\\r\xc9y\xe7\x9dg\xe6\xd3nQ\xfe\xee\x11\xc5\xf2o\xdf\xefq+m\xe0zq\xac\xce\xa8\xeb\xe3\x1d\xc79\x17\xc7\xeaZ\\\x00\x82\xf5\x9f\x08\xd9\xb6mY\xd6\x8e\x1d;\xfe\xfb\xbf\xff[?n;\xfc_\x95R\x13&amp;L0\xed^@\xe1P\xfe.\x11\xc5\xf2o_\x00\x84\xda\xc0\xa4\xa4$\xdd\x06\x12B&gt;\xfa\xb4\xfc\xeb\x03_[I~\xa3\xae\x8eq\x90R\xcaJ\xf2\x7f}\xe0\xeb\x8f&gt;-\'\x84\xe8\x060))\t\xeb?\x91\xd0\xb7\x12\xfa\xe6\x9bo\xc6\x8f\x1f\xdf\xd0\xd0@\xc2N\x00\xe8#\xac\xb3\xcf&gt;\xfb\xb6\xdbn3\xed^@\xe1P\xfen\x10\xdd\xf2ow\x00(\xa5\xb2\xb2\xb2\xfa\xf5\xeb\x17j\x03\x8f\x1f\xaf_W\xb2\x9d\xa4$\x0b\x81c\xcfx\x10B\x92\x94\xe4u%\xdb\x8f\x1f\xaf\x0f5\x80\xfd\xfa\xf5\xcb\xca\xca2su"r\xfa.\xff\x87\x0f\x1f\x1e&gt;|\xf8\xfe\xfd\xfb\xf5S\x01B\xff\xaa\x0f\xacf\xcd\x9a\x95\x91\x91a\xda\x1d\x96\xc2\xa1\xfc\xdd \xba\xe5\xdf\xee\x9d\x85\xbe7\xfa\x90!CH\xd8\xa9\xb0\xd7W\xae#B\xe2q\xd0\xf1\xc1(!B\xbe\xber\x9d\xfe\xa3~\x17\x86\x0c\x19r\xf2\xaa\x05\xb4\x85~\xc8\xed\x17_|\xf1\xb3\x9f\xfd\xac\xb4\xb44\xf4&lt;\x19M?Z //\xef\xce;\xef4\xeai0\xa7\x84\xf2w\\t\xcb\xbf\xdd\x01\xa0\xbf\xdf\x981c\xf4a\x91&gt;P*\xd9\xb6\xf3\xab\xcf\x0e\xf8\x92\x93\xd0\x06\xc6\x9aR\xca\x97\x9c\xf4\xd5g\x07J\xb6\xed$\x84\xe8\xb7\x8016f\xcc\x18b\xe4tJ\x84\xf4\xba\xff\x87\x1f~x\xf5\xd5W\xef\xdd\xbb\xd7\xb2\xac\x93\xf7\xfe}\xfb\xf6}\xe9\xa5\x97\x08^^\x94\xbf\xd3\xa2^\xfe\xed\x0e\x00=\x1a\x91\x93\x93\xa3\xcf8\xeb\x07\xae\xd6\xd4\xd6\xad\xde\xb4\x95\xa4\xa6\xa2\r\x8c5!$IM]\xbdikMm\x1d\xe7\\\x8f\'fee\xe5\xe4\xe4\x98\xbc&lt;\xdd\x01J)\xbd\xee\xbfb\xc5\x8ak\xae\xb9\xe6\xc0\x81\x03\xfa\x91\xc2\xa1\x0f\xd0{\xffs\xcf=w\xd5\xaaU\xfaA`X^C\xf9;+\xea\xe5\xdf\x91_h=s:r\xe4H\x12v\xcea\xc5\xaa\xf5D\x08\xb4\x81\xb1\xc6(!B\xacX\xb5\xbe\xe9\x8f\x8c\x11BF\x8e\x1c\xa9\xa7\xb3\x1d\xdd\xb4D\x12\xday=\xfe\xf8\xe3c\xc6\x8c\xa9\xad\xadm\xd1A\x87\x8e\xfd7l\xd8p\xd1E\x17\xe9\xa5\x0f\x077\xd8=P\xfe\x0e\x8az\xf9w\xe4w\xba\xc5\xd4\x11\xda\xc0\xb8i\xad\x01\x0cM\xe69\xbd\x81\x89A\xbfh\xf5\xf5\xf57\xdf|\xf3#\x8f&lt;\xa2g\xfc\xc3\xcf\xfa\xea\xbd\xffe\x97]\xb6i\xd3&amp;\xfdt\x01\xb4V!(\x7f\xa7\xc4\xa2\xfc;\x12\x00h\x03\x9d\x82\xf5\x9f\xc8\x85\x1e\xf0;l\xd8\xb0\xa5K\x97\xea\x87\t\x87v[\xfa\x97\xd9\xb6\xed\x1bn\xb8a\xfd\xfa\xf5\xbd{\xf7\xc6\xde\xbf\x05\x94\xbfSbQ\xfe\x1d\xecj\xd1\x06:\x02\xeb?\x11\xd2\x8f\xf6=z\xf4h~~\xfe\xa6M\x9b|&gt;\x9f~f\xa4\xfeW=Q\'\x84x\xf8\xe1\x87\xdfx\xe3\x8d\xb4\xb44\xfdl\x19g\xb7\xd9\x85P\xfe\x8e\x88E\xf9w0\x00\xd0\x06\xc6\x1f\xd6\x7f"\xa4\x1f\x16&amp;\x84\x183f\xcc\x07\x1f|\xe0\xf3\xf9\xc2\xef\xf9\xacg\xffSSS\x97-[\xf6\xbb\xdf\xfdN?\x04\x18\xeb\xfe\xa7\x84\xf2\x8f\xbf\x18\x95\x7f\x07\x7f\xbf\xd1\x06\xc6\x1f\xd6\x7f"\xa4\x0f\xe7\x1f|\xf0\xc1\xf5\xeb\xd7\x9f\xbc\xf7\x17B\x9c{\xee\xb9\x1b6l\x18?~\xbcm\xdb\xfa\xc4\x80\x83[\xebf(\xff\xf8\x8bQ\xf9w\xfc\x00\xe7\xd4m\xe0\xcau\xca\x0e2\xf4\x811\xc0\x18UvpE\xf3\x05 X\xffi\x17\xbd\x94\xff\xde{\xef\xcd\x9f?_\x9f\xe3\r\xfd\x93\xde\xfbgggo\xde\xbc\xb9\x7f\xff\xfe\xc1`\xd0\xb2,\x0775!\xa0\xfc\xe3,F\xe5\xdf\xf1\x008e\x1b\xb8u\xc7\xee\xca\xaf\x0f\xfb\xfc&gt;\xb4\x81\xd1\xa5\x94\xf2\xf9}\x95_\x1f\xde\xbac7\xc1\xfaO\xfb\xe9\x97\xa8\xa8\xa8\x884?\xf5W\xff\xbd\x9e\xfe\xcc\xce\xce^\xbf~}\xdf\xbe}m\xdb\xf6\xf9|Nnh\x82@\xf9\xc7S\xec\xca\xbf\xe3\x01pr\x1b\xc8\x18\x0fT\xd7n\xdd\xb1\x9b\xa4\xa4\xe0\x9e\x94\xd1%\xa5$))[w\xec\x0eT\xd72\x86\xf5\x9f\xf6\xd1\xd5\xb2k\xd7\xaeM\x9b6\x85\xcf\xfb\xeb\xb3\xbe\xdd\xbbw_\xb9re\xef\xde\xbd\xf5U\xc1\xcenj\xa2@\xf9\xc7S\xec\xca?\xa2s\\RJ\xbf\xdf?`\xc0\x00B\x08c\x8c1\xa2\x94z}\xe5:\x82\x1e0\x16\x18}}\xe5:\xa5\x14cM\r\xe0\x80\x01\x03\xfc~?\x8a\xed\x8c\xf4K\xf4\xe6\x9bo\x9e|^W)\xf5\xa7?\xfd\xe9\xc2\x0b/\xc4\xcaO{\xa1\xfc\xe3*6\xe5\x1f\x85!\x07\xdd\x86H)\xf5\xc9\x9f5\x9b\xb6\x06\x0e\xa2\r\x8c&amp;\xdd\x00\x06\x0e\x1e^\xb3i+!D\x88\xa6\x8e[\xbf\xf2pF\xba`\xde{\xef=\x12v\x93g=\xf63t\xe8\xd0\x1bn\xb8\x01+?\x1d\x86\xf2\x8f\xb5\x98\x96\x7fD\x01\xa0\xebj\xd0\xa0A=z\xf4\xd0\xdb\xc4\x18?t\xb8b\xcb\xd6\x1d45\x15G\xa6\xd1"\xa5\xa4\xa9\xa9[\xb6\xee8t\xb8\x821\xae\xff\xa6G\x8f\x1e\x83\x06\r"x\x00\xc0\x99\xe8\xa3\xfe\xc6\xc6\xc6\xfd\xfb\xf7\x93\x13\x1f\xf3K\x08\xb9\xeb\xae\xbb\xb0\xab\xea\x18\x94\x7f|\xc4\xb4\xfc#\xfad\xfdt\xa4\xb4\xb4\xb4\xfc\xfc|B\x08\xe7\\o\xcc\x8aU\xeb\xd1\x06F\x19\xa3\xfa\x02\x10\xc6\x88^\xf2\xcb\xcf\xcfOKK\x13B\xe0\x0cp[\x1c=z\xf4\xc8\x91#\xa49\x00\xf4\xafnJJJ\xff\xfe\xfd\xf5\x14\xa3\xd3\x1b\x98xP\xfe\xf1\x13\xb3\xf2\x8f\xce\xc1\xe3\xd8\xb1cIX\x1b\xb8\x1am`\xf4\x84\x1a\xc0\xd5\'6\x80\xfa5\x873\xd2\xbf\x84\xd5\xd5\xd5\xf5\xf5\xf5\xa1\xbf\xd4e\xd3\xbbw\xefs\xce9\xc7\xb1-\xf3\n\x94\x7f\xec\xc4\xba\xfc#\r\x00\xdd\x80\x0c\x1c8\x10m`\x8c\xb4\xd6\x00\x0e\x1c8\x90`\xfd\xa7\xcd\x1a\x1b\x1b\xc3\xc7\xa5u\x00dff\xea{\x01\xa1\x8b\xea\x18\x94\x7f\xac\xc5\xba\xfc#\xfd|\xdd\x06v\xe9\xd2\x05m`\x0c\x9d\xaa\x01\xec\xd2\xa5\x0b\xd6\x7f\xdaN\xef\xe5\xd9\x89\x92\x92\x92\xc8Ig\x05\xa0\xedP\xfe\xf1\x10\xcb\xf2\x8f\xda\xf1#\xda\xc0X\xc0\xfaO\xb4\xe8\xbb\x00\x85\xfe\x1b\x0c\x06\xa5\x94uuuNo\x97G\xa0\xfcc!\x0e\xe5\x1f\x85\xc1\xe7\xf06\xf0\xd0\xa1C\xfa\x92\x10\xdd\x06\xfe\xe2\x86a\xf2h\x00g\xd8:LJi\xa5\xa6mY\xbdY7\x80JI\xac\xff\xb4\x97&gt;J\xba\xe0\x82\x0b6l\xd8\xd0\xe2\x9f\xd2\xd3\xd3\t\xae\xa3\x8e\x0c\xca?v\xe2P\xfeQ\x08\x80\xf06\xf0\x85\x17^\xe0\x9c\x13\xa2\xa4$\xaf\xafZ\xff\x8b_\x0e\x8f\xfc\xeb\x9b\x8e\xd2\xd7\x9b\x1b@B\xb8m\xdb\xa1\x06\x10\xa5\xd5\x16z\xff\xde\xa9S\'\xfd(\xf3\xd6&gt;\x00:\x06\xe5\x1f[1.\xffh\x1eB\xb6h\x03\xd7n\xdeV\xfbm\x85\xcfg\xa1\r\xec\x18\xa5\x94\xcfg\xd5~[\xb1v\xf36\x82\xf5\x9f\xc8\xe8\x1b\xfd\xb7\x80\xb3\x94Q\x84\xf2\x8f\xae\xf8\x94\x7ft\x02 \xd4\x06\xf6\xea\xd5\xab\xf9\xc6 \xec\xf0\xb7\x15\x1f}\xbc\x8f&amp;\'K\x89\xdf\x80\x8e\x90R\xd1\xe4\xe4\x8f&gt;\xdew\xf8\xdb\x8a\xd0c\x0b{\xf5\xea\x85\xf5\x9f\x0e\xd0\xc3\xfe-\xe05\x8c\n\x94\x7f,\xc4\xa7\xfc\xa3\xf3UBm\xe0e\x97]\xa6\xff\xc8\x18\x13R\xbe\xf1\xf7\r\xc4\xefW\n\xc7Y\x1d\xa1\x94$~\xff\x1b\x7f\xdf \xa4\x0c\xdd\x9e\xfe\xb2\xcb.\xc3\xfc\x0f\xb8\n\xca?\x16\xe2S\xfeQ;\x02\xd2\x8d\xde\xa8Q\xa3\xf4\x1f\xa5\x14\x84\x90\xb7\xd6ln\xa8\n\xf8|\xb8\xc7VG\xf8|VCU\xe0\xad5\x9bI\xf3\xebI\x9a_a\xb4\xd5\x1d\xa0W\x81l\xdb\xd6\xff\r\x7f\x18$D\x08\xe5\x1fu\xf1)\xff\xa8\x05@\x8b\x0b\x94\x95"\x8c\xb1\xf2\xcf\x0e\xec,\xfd\x88\xe1!A\xed\'\x84d\xa9\xa9;K?*\xff\xec\x00cL)\xd2\xe2\xb2{\xa770\xc1\x84\x1e\\eY\x96\xfe\xafeY\xfa\xd0\xd5\xe9M\xf3\x02\x94\x7ft\xc5\xad\xfc\xa3\x16\x00z\x89*\xfc\x16E\xfaf\xeb\x7f}{#\xf1\xf9\xd0\x06\xb6\x97R\x92\xf8|\x7f}{\xa3\xbe\x97Y\x8b\x1boa\xfd\xa7]\xf4\xf3\x00\x82\xc1\xe0\x9bo\xbe\xf9\xe0\x83\x0f\xde~\xfb\xed\xf7\xde{\xefs\xcf=w\xf8\xf0a}OP\xa770\xe1\xa1\xfc\xa3+n\xe5\x1f\xcd\xeeL\x97\xd9\xd8\xb1cW\xadZE\x9a\xdb\x96\xbf\xad\xd9&lt;\xa7*\xe0\xf3Y\xe8\xb6\xdbE7\x80\x7fkn\x00)e$l\xd0\x02g/\xdbN\xbf\\\xbbw\xef\xbe\xe3\x8e;v\xed\xda\x15\xfeOg\x9f}\xf6\xef\x7f\xff\xfb\xdbn\xbb\r/i\xe4P\xfeQ\x14\xb7\xf2\x8f\xe6/\xbdnL\xf2\xf2\xf2\xd0\x06F\xa8\xb5\x060//\x8f`\xfd\xa7=\xf4\x1d \x0e\x1f&gt;&lt;l\xd8\xb0]\xbbvY\':|\xf8\xf0\xed\xb7\xdf\xber\xe5\xca\xf0\xc7\x84A\xc7\xa0\xfc\xa3%\x9e\xe5\x1f\xcd\x00@\x1b\x18-X\xff\x89\x16=/\xb1d\xc9\x92\x83\x07\x0f\xfa\xfd~\xfbD\xfa4\xc0\x9c9sp?\xb8\xc8\xa1\xfc\xa3%\x9e\xe5\x1f\xe5\xb6\xb7\xc5\xa5\n\xa16\x10\xc3\x00\xed\xd2\xa2\x01\xd4\x7f\x19j\x00\x9d\xdc\xb2D\xa3\xabe\xf3\xe6\xcd\xa7&lt;\xdf+\x84PJ\xed\xd9\xb3\xe7\xe0\xc1\x83zo\xe5\xc46z\x07\xca?*\xe2Y\xfeQ\x0e\x00\xb4\x81\x91\xc3\xfaO\x14\xe9\x97\xeb\xf0\xe1\xc3J\xa9\x93\xf7\xef\xfao\xea\xea\xea\x0e\x1d:D0\\\x1b1\x94\x7f\xe4\xe2\\\xfeQ\x0e\x80\xd6\xda\xc07\xde\xdeH|\x16\xda\xc0\xb6PJ\x12\x9f\xf5\x06\xd6\x7f\xa2\xe74\xc7M\xfa\xf5\xd4\x1f\x80\x00\x88\x10\xca?rq.\xff\xe8O&gt;\x9c\xb2\r\\\xb9fs\xc3\xd1j\xb4\x81m\xe1\xf3Y\rG\xabWb\xfd\'\x1a\xf4+\x96\x9e\x9eN)=\xb9x(\xa5J)\x9f\xcf\x97\x91\x91ApW\xb8h@\xf9G(\xce\xe5\x1f\xfd\x00\x08\xb5\x81\xe9\xe9\xe9\xba\r\xa4\x94~v\xe0\xab\xfd\xff\xfc\x82%%\xe1\xc6 \xa7\'\xa5bII\xfb\xff\xf9\xc5g\x07\xbe\xa2\x94\xea\x060==\x1d\xeb?\x1d\xa3k&amp;77W\x1fO\xb5\xf8W}\xd3\x82\xf3\xcf?\xff{\xdf\xfb\xde)?\x00\xda\x0b\xe5\x1f\x89\xf8\x97\x7f\xf4\x7f\xe3Cm`NN\x0e!\x841\xc69\x0f\x06\xed\x95\xebJHrr(\xd3\xe0\x94\xa4\x14$9y\xe5\xba\x92`\xd0\x0e\xdd\xad,\'\'\x07\xeb?\x1d\xa3_\xc0\xdbo\xbf\x9dR\x1a\x1a\xfb\xd1\xf4\xf5\xc0R\xca\xbb\xee\xba\xcb\xe7\xf3a\x0c4*P\xfe\x91\x88\x7f\xf9\xc7\xe4\x90G\x1fv\r\x1b6\x8c4u\xd9\x92\x10\xf2\xc6\xaa\xf5\xf2\xf8q\xceq\x90u:\x9c3y\xfc\xf8\x1b\xab\xd6\x13B\x94jz\xcb\xf5+\x89\xf5\x9f\x0e`\x8cI)/\xbe\xf8\xe2\xa7\x9f~Z)\xa5\xef\xff\xa3\t!\x1a\x1b\x1b\'L\x98PXX(\xa5Dw\x15-(\xff\x0e\x8b\x7f\xf9\xc7\xe4\xfd\xd0\xc15j\xd4(\xbf\xdf/\x84\x90RQJK\xf7|\xba\xef\x932+%\x05m`k\xa4TVJ\xca\xbeO\xcaJ\xf7|J)\x95R\t!\xfc~\xbf\xbe\x03\x14\x16(:Fg\xc0\xe4\xc9\x937n\xdc8j\xd4\xa8^\xbdzu\xea\xd4)##c\xc0\x80\x01\xcf?\xff\xfc\xd2\xa5KCm\x81\xd3[\xea\x11(\xff\x8eq\xa4\xfccrZF\x97\\VVVnn\xee\xb6m\xdb8\xe7\x94\xd2`\xd0~k\xed\x96\x1f\\\xfa#Y{\x8c1\x9c\x0e:\x05\xdd\x00\xbe\xb5vK0h[\x96\xa5\x8fRsss\xb3\xb2\xb2p\xaf\x82H\xe8_\xc8\xc1\x83\x07\x0f\x1e&lt;\xb8\xa6\xa6\xa6\xba\xba:))\xa9{\xf7\xee\xa4\xf9Ra\xec\xfd\xa3\x08\xe5\xdf1\x8e\x94\x7f\xac\xf6)z\x8bG\x8f\x1eMNh\x037\xa0\r&lt;\x8d\xe6\x06p\x03\tk\x00G\x8f\x1e\xad+\xca\xe9\xadKl\xfaf\x0fR\xca\xb4\xb4\xb4s\xcf=\xb7{\xf7\xee\xba\xc0\xb0\xeb\x8f\x05\x94\x7f\x078R\xfe\xb1z3t^\x8d\x181\x02m`\x1b\xb5\xd6\x00\x8e\x181\x82`\xfd\'\x1a\xf4Y5\xa5\x94\x94R\x1f\xf8c\xdd?FP\xfe\xed\xe5T\xf9\xc70\x00Bm\xa0\x1e\xb0\xd3\xc3\x00o\xad\xdd\x82a\x80S\no\x00C\xbb*\xac\xffD\x9d\x1e\xfd\xc4\x81\x7fL\xa1\xfc\xdb\xcb\xa9\xf2\x8f\xe1n\x05m`\xbb`\xfd\x07\xbc\x04\xe5\xdf.N\x95\x7f\x0c\xdf\t\xb4\x81m\x87\xf5\x1f\xf0\x18\x94\x7f\xdb9X\xfe\xb1\r\x80V\xda\xc0\x12\x92\x826\xf0\x04R\n\x92\x92\xfc\xd6\xda\x12\xac\xff\x807\xa0\xfc\xdb\xce\xc1\xf2\x8f\xed\x9e\xa5\x956p\xbd8V\x87\xf3o\xe18\xe7\xe2X]\x8b\x0b@\xb0\xfe\x03\t\r\xe5\xdfF\x0e\x96\x7fl\x03 \xd4\x06&amp;%%\xe96\x90\x10\xf2\xd1\xa7\xe5_\x1f\xf8\xdaJ\xf2\xe3\xe6\x8b\x9aR\xcaJ\xf2\x7f}\xe0\xeb\x8f&gt;-\'\x84\xe8\x060))\t\xeb?\x90\xd0P\xfem\xe1l\xf9\xc7&lt;\x00\x94RYYY\xfd\xfa\xf5\x0b\xb5\x81\xc7\x8f\xd7\xaf+\xd9NR\x92q\x7fpM\x08IR\x92\xd7\x95l?~\xbc&gt;\xd4\x00\xf6\xeb\xd7/++\x0bw(\x83\xc4\x85\xf2o\x0bg\xcb?\xe6;\x17!\x04cl\xc8\x90!$\xecv\xbb\xaf\xaf\\G\x84d\x98\xc4#\x84\x10\xc2(!B\xbe\xber\x9d\xfe\xa3~\x95\x86\x0c\x19\x82\x07\xd5B\xa2C\xf9\x9f\x91\xb3\xe5\x1f\xf3\x00\xd0?\xcf\x981c\xf4z\x96^\xd2*\xd9\xb6\xf3\xab\xcf\x0e\xf8\x92\x93\xd0\x06*\xa5|\xc9I_}v\xa0d\xdbNB\x88~\x89\x18cc\xc6\x8c!\xb8C=$8\x94\xff\xe99^\xfe1\x0f\x00\xce\xb9R*\'\'G\x9f\xd1\xd6\x97_\xd6\xd4\xd6\xad\xde\xb4\x95\xe0)q\xba\x01LM]\xbdikMm\x9d\xbek\x8a\x9e\x9d\xc8\xc9\xc9QJ\xe1\\\x19$4\x94\xff\xe99^\xfe\xf1X_\xd63\xad#G\x8e$a\xe74V\xacZO\x84@\x1b\xc8(!B\xacX\xb5\xbe\xe9\x8f\x8c\x11BF\x8e\x1c\xa9\xa7\xa7\x1d\xdd4\x80(@\</t>
        </is>
      </c>
    </row>
    <row r="166">
      <c r="A166" s="1" t="n">
        <v>164</v>
      </c>
      <c r="B166" t="inlineStr">
        <is>
          <t>rectangle_height_color</t>
        </is>
      </c>
      <c r="C166" t="inlineStr">
        <is>
          <t>What is the missing color of the part denoted with a question mark?</t>
        </is>
      </c>
      <c r="D166" t="inlineStr">
        <is>
          <t>['purple', 'blue', 'yellow', 'green']</t>
        </is>
      </c>
      <c r="E166" t="inlineStr">
        <is>
          <t>purple</t>
        </is>
      </c>
      <c r="F166" t="inlineStr">
        <is>
          <t>There are 7 rectangles in the image with varying colors and lengths. The lengths from left to right are ['short', 'short', 'long', 'medium', 'medium', 'long', 'medium']. The colors from left to right are ['red', 'red', 'green', 'purple', 'purple', 'green', '?'].</t>
        </is>
      </c>
      <c r="G166" t="inlineStr">
        <is>
          <t>We observe that the green rectangles are of long length and the red rectangles are of short length. Hence, the pattern is that the color of each rectangle corresponds to its length.</t>
        </is>
      </c>
      <c r="H166" t="inlineStr">
        <is>
          <t>Based on the pattern that the color of each rectangle corresponds to its length, the missing color of the part denoted with a question mark should be purple.</t>
        </is>
      </c>
      <c r="I166" t="inlineStr">
        <is>
          <t>b'\x89PNG\r\n\x1a\n\x00\x00\x00\rIHDR\x00\x00\x02\x00\x00\x00\x02\x00\x08\x02\x00\x00\x00{\x1aC\xad\x00\x00&gt;\x8bIDATx\x9c\xed\xdd{xT\xd5\xbd7\xf0\xdfZ{\xcfd2\xb9\xcd\x10\x92p\x15\x81\x00\x82(1\xdc\x84 ^\x11\xac\xf5RED\x05\xebA\xc1\xd6\xa2\'\x1e_{9\x8fo\x11\xfbV\x8b\xe0i\xebi\x8f\x16\x04\n*\xd2\xa3\xd6Zm%\x10[.Z!\x80r3\xe1\x0er\t\xb9\'3If23{\xaf\xf5\xfe\xb15MQ1\x04\x92\xd9{\xd6\xf7\xf3&lt;&gt;\x0fL\xe2\xe4\xc7\xca\xda\xeb\xbb\xf6\xdak\xefaRJ\x02\x00\x00\xf5\xf0x\x17\x00\x00\x00\xf1\x81\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e9\xf1.\x00\x1c@J\xd9\x81\xff\x8b1v\xde+\x01\'B\xff\xb1-\x04\x00|\x05)\xa5\x10BJ\xc9\x18c\x8cq\xde\x913\xc5\xf3\xf2&amp;\xe0D\xe8?N\xc1:\x16\xce\x90\x90\xacC\x8e\x884Mk\xfbz \x10\x10B0\xd6\xde\xdeb\xcd\xdd|&gt;_\xdb\x17\xad\x83\x99s\x8e\x99]\xa2B\xffq\x1c\x04\x00\x10\x11I)M\xd3\xd4\xf5\xcf\xcf\x08\x1b\x1b\x1bKJJ6o\xde\xfc\xc9\'\x1f\xd7\xd6\xd5\x95\x95\x95\x1a\x86y\xb6\xef\x99;0\xd7\xe7\xf7\x8d\x1e5:??\x7f\xcc\x981\xbd{\xf7\xb6^7\x0c\x83s\x8e\t]"A\xffq(\x04\x00\x90i\x9a\xd6\x94-\x1a\x8d\xaeY\xb3f\xe5\xca\x15[\xb7m;\xf6\xd9\xb1\xf3\xf8#|~\xdf\xa8\x91\xa3\xa6\xdd9\xed\x96\x9bo\xc9\xce\xce&amp;"\xc304M\xc3l.\x01\xa0\xff8\x17\x02@i\xd6o\x9f1\x16\x08\x04\x96,Y\xb2\xf2\xe5\x95\xbbw\xedn\xfd\xaa75\xb9[\x0f_z\xf7\xd4\x9c~\x99\xa9\x19\xc9\xa6)\x18}\xf3\xf1&amp;I2\xc6L\xc3&lt;\xb1\xbf2\x14\x0cW\x9f\xa8olhj\xfdj\xcf\x9e=\xee\xb9g\xc6\x03\x0f&lt;0d\xc8\x10"\x12B`*\xe7\\\xe8?N\x87\x00PW\xeb\xc4m\xf9\xf2\xe5\x0b\x9e]\xb0o\xef&gt;\xeb\xf5\xee=\xfdCF\xf7\x1f^0\xa8\xcf\x90\x9e\xbe\xeeiI^\xb7\xa6q\xc69\xd1\xd9t\x15I\xa6a\xc6\xa2F\xb0\xb6\xb9\xfcp\xd5\xde\x92C\xa5\x1f\x1d:q\xb0\xc2\xfa\xa2\xbf\x9b\xff\x91\x87\x1fy\xf4\xd1G322\x0c\xc3h]:\x00\x07A\xffI\x00\x08\x00EYGoyy\xf9\xacY\xb3\x8a\x8a\x8a\xac\x17\xfb\xe4\xf6\xb8\xe6\xae\xcb\xf3\xae\x1e\x9a\xde-\x95H\xc6"\x86\x113\x85\x90\xd6L\x8f\x9d\xcd\x11\xcc\x88\x881\xce\x98\xe6\xe2.\xb7\x8b\xeb&lt;\xdc\xd4\xb2\x7f\xfb\xd1\xe2W\xffQ\xba\xf9\x90\xf5NC\x86\x0cY\xbatiAA\x81u\x85\x10\xa7\xf3\x0e\x82\xfe\x93\x18\x10\x00*\xb2&amp;MEEE\xb3f\xcd*//\'\xa2\x1e\xfd\xb2\xae\xbf\xb7`\xf4\xe4K\xbci\x9eps\xc4\x8c\x99D\xc4\xf8y8\xa8\xa4\x94R\x12I\xc95\xee\xf1&amp;\t!J7\x1f,Z\xf1\xc1\xde\xad\x87\x89\xc8\xedv/X\xb0\xa0\xb0\xb0\x10\xc7\xb0\x83\xa0\xff$\x0c\x04\x80r\xac\xa3w\xc9\x92%s\xe6\xcc!"F\xec\xca;F\xdf\xf2\xd0u\xe9\x99\xa9\xa1`X\x98\x82s\xde\x8e\xa5\xda\x8e\x10B\x101o\x9aG\x98\xe2o\xab7\xff\xf9\x85\xbf\x85\x9b[\x88h\xf6\xec\xd9\x8b\x17/6M\x13\x9b\xfc\xec\x0f\xfd\'\x91 \x00\xd4b\x9d\xb9\xb7\x1e\xbd)\xe9\xde\xbb~t\xe3\xf8\x9b/\x0b5\xb6\x18QS\xd3\xbb\xe2z\x9a0\x05c,\xad[\xca\xc1\x1d\xc7V&lt;\xf5\xd6\x89\xfd\x15\xf4\xc51\x8cy\x9c\xcd\xa1\xff$\x18\x04\x80B\xfe\xf5\xe8e\x19\x99)\xdf[x\xd7\xd0\xb1\x03\x1b\xaa\x83\\\xeb\xea\xa9\x93a\x98\xa9\xe9\xde`]\xd3o\n_9\xba\xe7\xa4$\xd9:\x8f;\xed6"\xb0\t\xf4\x9f\xc4\x83\x00P\x85u`\x14\x17\x17O\x9a4\x89\x88\xd2|\xde\x1f\xafx0\xbbofs0\xa4\xe9\xf19`\x84)\\n\x9di\xfcW\xdf\xff\xfd\xbe\xedG\x88\xe8\xc9\'\x9f\x9c7o\x1e\xf6u\xd8\x10\xfaOBB\x00(\xc1\xda.]YY9b\xc4\x88\xaa\xaa*o\x9ag\xee\xaff\xe4\xe6]\xd0\x1cl\xe9\x9a\xd3\xf63\x14\xe6r\xbb\xc2M-\xbf\xfe\xc1\x8ac\xfb*\x18\xa3\xa2\xa2\xa2I\x93&amp;a\x1eg+\xe8?\x89\n\xf7P(\xc1\xbaS\x7f\xe6\xcc\x99\x95\x95\x95D4\xfd\x87\xdf\x1e:v`S0\x1c\xdf\xa3\x97\x888\xe7\xd1H,\xad[\xca\x03\xcfLKI\xf7H)g\xce\x9cYQQ\xc1\x18\xb3\x9e*\x03v\x80\xfe\x93\xa8\x10\x00\x89\xcf\x9a\r\xadZ\xb5j\xdd\xbauD4\xe1\xd6\x91\x13n\xcdo\xa8n\xd4\xe3t\xe6~\x1aM\xe3\xcd\xc1p\x9f\xdc\x9ci\xff\xe7[DTYY\xf9\x93\x9f\xfc\x84s\x8esS\x9b@\xffI`X\x02JpRJ)eCC\xc3\xd8\xb1c\x0f\x1f&gt;\xdc\xbd\x97\xff\'\xaf&lt;\xe8v\xeb\xa6)l\xb5YB\x98"%\xc3\xfb?\xff\xf1\xea\xc7\x7f+MJJ\xda\xb4i\xd3\xa8Q\xa3\xac\xa7?\xc6\xbb4\xa5\xa1\xff$6\xb4N\x82\xb36G/_\xbe\xfc\xe0\xc1\x83B\x88\xeb\xbf;!#35\x163mu\xf4\x12\x111f\xc6\xcc\x1b\xe7\\\xedNrE"\x91y\xf3\xe6\xb5\xff\xe9\xc1\xd0y\xd0\x7f\x12\x1b\x02 \x91I)5M\x0b\x87\xc3\xcb\x96/c\x8c\xf5\xbc0k\xec\r\x976\x07\xc2\x9af\xbb\xdf;\xe7\xac%\x14\xb9ph\xaf\xfck\x86\x11\xd1\x86\x8d\x1b\xca\xca\xca4M\xc3Jn\x1c\xa1\xff$&lt;\xdb\xfd"\xe1&lt;\xb2\xee\x8b)...\xfd\xb4TJy\xed=\xe3\xbd\xe9\x1e\xd3\xb4\xeb!\xc1\x98\x115\xae\x9bY\x90\x94\xec\x0e5\x87^z\xe9%\xfa\xfc\xe6O\x88\x0f\xf4\x9f\x84\x87\x00H|\xcb\x7f\xbf\x9c1\xe6\xcf\xce\xc8\xbffXKS\x84s\x9b\x9d\xbc\x7f\x81s\xd6\x12\x8a^8\xac\xf7\x90\xfc\xfe\x8c\xb1\xd7\xdfx=\x14\n\xe9\xba\x8e\x13\xf9\xf8B\xffI`\x08\x80\x84e\x9d\xbf\x07\x02\x81\x92\x92\x12)\xe5\xd01\x032\xba\xa7\x1a6\\\xbdmC\x12c\x8c.\xbd\xea")e\xf9\xc9\xf2\x9d;w\x12&amp;qq\x82\xfe\xa3\x02\x04@\xc2\xb2\xfa\xfd\xb6m\xdbN\x9e8ID\x17O\x18$%\x91\x8d\x8f^"\xe2\x9c\xa2-\xb1!\xa3\xfb{S=\xa6i\xbe\xf7\xde{\xf4\xc5\xa7\x8e@\x17C\xffQ\x01\x02 aY\xfd\xbe\xa4\xa4\x84\x88&lt;\xde\xa4\xbe\x83{\xc6"1{\x1f\xbf\xc4\x183\xa2ff\x0f_v\xdfL"\xda\xbam+\x11a\'_\\\xa0\xff\xa8\x00M\x93\xb0\xacS\xf5m\xdb\xb7\x11Q\xf7^~\x7fV\xba\x193m~\x00\x13\x91\x10")\xd9\xd5{P\x0e\x11\x95\x95\x95555\xe1\xa6\x9e\xb8@\xffQ\x01\x02 aY\xfb\xa0\xab\xab\xab\x89(\xcd\x9f\xe2II\x12\xc2\xfa\\&amp;[\x93D\x8c3\x7fv\x06\x11544\x84\xc3\xe1xW\xa4(\xf4\x1f\x15 \x00\x12\x93u\x0fd \x10\xd8\xbf\x7f?\x11\xf5\xe8\x9f\xc55g\xdc\x17\xc3\x18\x13\xa6\xe8\xd1\xbf;\x115\x06\x1b\xcb\xca\xca\x08\xd7\xf1\xba\x1c\xfa\x8f"\x10\x00\x89LJ\x19\x8b\xc5\x88(\xd5\xe7e\x9c9\xe0\xf0%""))\xc5\xe7%"!\x84a\x18\xf1.G]\xe8?\t\x0f\x01\x90\xe0\xac\x95\\a8l\x06\xd4Z\xb0\x9d7\x1d\xaa\x00\xfd\'\xb1!\x00\xd4\xe0\xb8\xa3\xc0q\x05\'6\xc7\xfd:\x1cWp\x9c \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94\x1e\xef\x02\x00:\x9d\x94\xb2\x03\xff\x17c\xec\xbcW\xd21N\xaf\xdf\xe9\x12\xb8\xfd\x11\x00\x90\x80\xa4\x94B\x08)%c\x8c1\xc6yG\xcet\xcf\xcb\x9bt\x8c\xd3\xebw:u\xda\x1f\x01\x00\x89\xc3:\xe4\x88H\xd34M\xd3Z_\x0f\x04\x02B\x08\xc6X;\xa7r\xd6\xdc\xcd\xe7\xf3\xb5}\x13\xeb`\xe6\x9cw\xde\xcc\xce\xe9\xf5;\x9d\x82\xed\x8f\x00\x80D \xa54MS\xd7u\xeb\x90kll,))\xd9\xbcy\xf3\'\x1f\x7fR[WWVZf\x98\xc6\xd9\xbeg\xee\xc0\x81&gt;\xbf\x7f\xf4\xe8Q\xf9\xf9\xf9c\xc6\x8c\xe9\xdd\xbb\xb7\xf5\xbaa\x18\x9c\xf3\xf3;\xa1sz\xfdN\xf7\x95\xed\xbfe\xcb\x96\x8f?\xfe\xb8\xae\xae\xae\xac\xac\xcc4\xcd\xb3}\xcf\x81\x03\x07\xfa|\xbeQ\xa3l\xdd\xfe\x08\x00p&lt;\xd345M\xd3u=\x1a\x8d\xaeY\xb3f\xe5\x8a\x95[\xb7m;v\xec\xb3s|\xdb\xda\xda\x1a"**ZCD&gt;\x9f\x7f\xd4\xa8\x91\xd3\xa6\xddy\xcb-7ggg\x13\x91a\x18\x9a\xa6\x9d\x97\xd9\x9c\xd3\xebw\xba\xd3\xdb\x7f\xe5\xcam\xdb\xb6}\xf6\xd9\xb9\xb6\x7fuu5\x11\xadY\xb3\x86\x88\xfc~\xff\xa8Q\xa3\xa6M\x9bv\xf3\xcd\xf6j\x7f\x04\x008\x98uJ\xaeiZ \x10X\xb2d\xc9\xca\x95/\xef\xde\xbd\xab\xf5\xab\xde\xe4T\x7fF\x8f\xf4\xd4\xee\xd9\x99\x17\xa4x3\x840\x89\xdas\xbcI\xc6\x98i\x1a\'+\x0f\x84\xc2\xc1\x9a\xfa\x13\x8dM\r\r\r\xf5\xc5\xc5\xc5\xc5\xc5\xc5\xf3~\xfa\xd3{f\xdc\xf3\xc0\x03\x0f\x0c\x192\x84\x88\x84\x10\xe72\x95sz\xfdNwZ\xfb\xbf\xfc\xf2\xcb\xbbv\xfd\xb3\xfd\xd3\xd2\xd2.\xb8\xe0\x82\x1e=z\x0c\x1e&lt;\xb8[\xb7n\x86a\xb4s\xbcf\x8c\xc5b\xb1]\xbbv\xd5\xd7\xd7\x1f:t\xa8\xae\xae\xae\xbe\xbe~\xdd\xbau\xeb\xd6\xad\x9b7o\xde\xddw\xdfm\x9f\xf6G\x00\x80SY\x137"Z\xbe|\xf9\x82\x05\xcf\xee\xdb\xb7\xd7z=\xd3\xdfsp\xff\xd1\x17\x0f*\xe8\xddcpFZ\xf7$\xb7\x97s\x8dsNg\xb3\x95C\x924M\xc30\xa2\xc1\xe6\xda\x8a\xaa#{\x0fo\xd9{h\xf3\xc9\x8a\x83\xa7*N-Z\xb4h\xe9\xd2e\x8f&lt;\xf2\xf0\xa3\x8f&gt;\x9a\x91\x91a\x18\x86\xaew\xe48rz\xfdN\xd7\xb6\xfd\x9f}\xf6\xd9\xbd{?o\xff\x0b.\xb8\xe0\xaa\xab\xae\x9a2e\xca\x88\x11#z\xf4\xe8\x91\x96\x96\xa6\xebz\x07\xa6\xea\xb1X,\x12\x89TVV\x96\x95\x95\xbd\xff\xfe\xfb\xeb\xd6\xad\xfb\xf4\xd3O\xcb\xcb\xcb\x17-Z\xb4l\xd9\xb2\x87\x1f\xb6E\xfb\xab\xf8\x8b\x87\x04`\x1d\xbd\xe5\xe5\xe5\xb3f\xcd***\xb2^\xec\x9d\x93{\xe5\xe5\xd3\xf3\x86^\x9d\x96\xdaMJ2\x8c\x88a\xc6\xc2\x91&amp;\xea\xd06&gt;b\x8c3\x96\x9e\x92\x999\xb8\xe7%\x17M\x0c\xb74\x1d&lt;\xfa\xf1\xdf&gt;zu\xef\xa1\xcd\xf5\xf5u\xf3\xe7\xcf_\xbdz\xf5\xd2\xa5K\x0b\n\n\xac+\x84g5F8\xbd~\xa7\xfb\xca\xf6\xbf\xf8\xe2\x8b\xe7\xce\x9d{\xeb\xad\xb7fggK)[ZZ\xa2\xd1h \x10\xa0\x0e\xed\x04\xb5v\xfedgg\xf7\xeb\xd7\xef\xc6\x1bo\x0c\x06\x83\x9b6m\xfa\xf5\xaf\x7f]\\\\\\Wg\x97\xf6G\x00\x80\xf3X\x93\xa6\xa2\xa2\xa2Y\xb3f\x95\x97\x97\x13QN\xf7~\xd7\x15\xdc;\xf2\x92\xeb\x93=i-\x91\xe6\xe6P\x80&gt;\x1f\x00\x19g\xbc]\x0b\'_\xf7\xb3\xccX\xcc\x8c\x92\x94\x9ck\xc3\x06\x8f\x1f\x9a{y\xd9\xc1\xcd\xc5\x1f\xae\xdcwx\xeb\xbe}\xfb\xae\xb9\xe6\x9a\x05\x0b\x16\x14\x16\x16Z\xbbG\xday\x0c;\xbd~\xa7km\xff\xfb\xef\xbf\xff\xe4\xc9\x93D4h\xd0\xa0\xc7\x1e{\xec\x8e;\xee\xf0\xfb\xfd\xc1`\xb0\xb6\xb6\xd6\x1a\xbe\x19cmw\xf2t\x80u\x1e \xa5\xd4u}\xca\x94)\x93&amp;MZ\xb7n\xdds\xcf=\xb7~\xfd\xfa}\xfb\xf6]{\xed\xb5\xbf\xf8\xc5/\xe2\xd8\xfe\xea.\xff\x81CYG\xef\x92%K\xa6L\x99R^^N\x8c&amp;\x8e\xb9\xe3\xb1\xd9\xcb\xaf\x183\x95\x88\x9aC\rR\x9a\x9ck\x9c\x9f\x9f+l\xd6\x10\xcc\xb9FD\xe1pS$\x1a\xbaxp\xc1\xc3\xdf\xfd\x9f\xa97&lt;\x96\xecI\x89F\xa3\x8f&gt;\xfa\xe8\x9c9s8\xe7\xd6&gt;\xbf\x84\xaf\xdf\xe9\xda\xb6\xbf5\xfa\x7f\xef{\xdf\xdb\xb4i\xd3\x83\x0f&gt;\xc8\x18\xab\xa9\xa9i\xdd\x0et\xbe\xda\xdf\xba\xc2LD\r\r\rMMMS\xa6Ly\xef\xbd\xf7\x16-Z\x94\x96\x96\x16\x89D\xe2\xdb\xfe\x08\x00p\x12\xeb\xe0\\\xb2d\xc9\x9c9s\x88(\xc5\x9b~\xdf\xed?\xbf\xe7\x96\xff\xeb\xd2\x93\x1a\x9b\xeb\x88\x88s\xad}WJ;\x82s\xce\x18\x0f\x85\x83\x91h\xe8\xfa+\xee{\xe4\xbe\xdf\xf5\xee1\x88\x88\xacz4M\x93R\x9e\xf9\x18vz\xfdNwZ\xfb\xfb\xfd\xfe\x95+W\xbe\xf0\xc2\x0b\x1e\x8f\xc7\xda\xb4\xd3\xb1\xe5\xfev\xd24\x8ds\xde\xd0\xd0\xd0\xdc\xdc\xfc\xd8c\x8f\xad]\xbb\xf6\xd2K/\xa5\xb8\xb6?\x02\x00\x1c\xc3Z\xb7\xb5\x8e\x16\xc6(=5\xf3{w\xffr\xfc\xc8[\x82M\xb5B\x98\x1a\xef\xa2\xf5L\xce5\xc6x\xa0\xb1\xa6_\xef\xa1\x8f|\xf7\x7f.\xec3\x9c\xb1\xcf\x8fak\x1e\x97\xa8\xf5;]\xdb\xf6\'\xa2\x9c\x9c\x9c\xb7\xdezk\xe6\xcc\x99UUUV0tM\x19V\x0cTUU\x8d\x1c9\xf2\xbd\xf7\xde\x1b3f\x0cQ\xdc\xda\x1f\x01\x00\xce`\x1d\xbd\xc5\xc5\xc5\x9f\xcf\x9d\x93}\xff\xf1\xc0\xd2\x01\x17\xe4\x05\x82\xd5\x9a\xd6\x89\xb3\xb6\xaf\xa3iz(\xdc\x98\x94\x94\xf2\x1f\x0f,\xcd\xed7\x92\x88\x96,Y2\x7f\xfe|M\xd3\x0c\xe3+n\xdarz\xfdNwZ\xfbw\xef\xde}\xfd\xfa\xf5\xe3\xc7\x8f\xaf\xaa\xaar\xb9\\]\xdf\xfe.\x97\xab\xa1\xa1!--\xed\xef\x7f\xff\xfb\xc4\x89\x13)N\xed\x8f\x00\x00\x07\x10Bh\x9aVYY9c\xc6\x0c\xc6\x9879\xfd\xc1\xbb\xff+\xab[\xdfPKP\xd3\xe2\xb6\x91\x81s\xcd0bR\x8a\xfb\xef\xfcE\xdf\x9eC\x88\xd1\xfc\xf9\xf3\xd7\xad[\xa7\xeb\xfai7\x8e:\xbd~\xa7km\xff\x993g2\xc6\xfc~\xff\x1bo\xbc1p\xe0\xc0\xfa\xfaz\x97\xcb\x15\xaf\xaat]\x8fD"B\x88U\xabV\xe5\xe5\xe5\x11\xc5\xa1\xfd\x11\x00\xe0\x0c\xa6i\xce\x9c9\xb3\xb2\xb2\x92\x88\xa6\xdd\xf8\xc3!\x03\xc7\x84\xc2\xc1.[6\xf9:\x9c\xf3X,\x92\x96\xd2\xed\xdf\xeex\xda\xebI\x97R\xce\x9c9\xb3\xa2\xa2\x821\xd6\xf6\\\xdez\xd2\x80\xb3\xea\x8foa\xe7\x9d\xd5\xfe\x15\x15\x15D\xf4\xab_\xfd\xea\xca+\xaf\x8c\xef\xe8o\xd14-\x1c\x0egee\xbd\xfc\xf2\xcb~\xbf\x9f\x88\xee\xbd\xf7\xde/\xf7\x9f\xce\x83\x00\x00\x07p\xb9\\\xabV\xadZ\xb7n\x1d\x11\x8d\xcf\xbfu\\\xfe-\x81\xc6\xea8\xce\x9d\xdb\xe2\\\x0b\x85\x83\xbdrr\xa7\xde\xf0\x18\x11UVV\xfe\xe4\'?\xe1\x9c\xb7^\xcd\xb3\x16\x1f\x9cU\xff9\xee}\xb4\x9b\xb6\xfdg\xd6\xacY\xf7\xde{\xaf\xb5\xf2\x13\xef\xba\x88\x88t]ohh\x18&gt;|\xf8s\xcf=\'\xa5\xac\xa8\xa88\xad\xfft*\x04\x00\xd8\x9au\x18\xd4\xd6\xd6&gt;\xf5\xd4S\x9c\xf3\xacn}n\xbd\xfe\xe1P8\xc8\x99\x8dF(M\xd3\x9b\x9a\xeb\xc7\xe5\xdf\x9c7\xec\x1a"z\xed\xb5\xd7\xb6n\xdd\xda\xba\xb1\x8f1VWW\xe7\xac\xfaKJJZ\x1f\x8d\xe9h\xa7\xf5\x9f\x01\x03\x06\xfc\xfc\xe7?\x0f\x04\x02\xb6\xba\xf9\xd9\xe5r\xd5\xd4\xd4|\xf7\xbb\xdf\xbd\xf5\xd6[\xe9_\xfbOg\xffh\x04\x00\xd8\x9auAl\xe9\xd2\xa5\x07\x0f\x1e\x14B\\7\xe1\xde\xf4\xd4\xee\x86\x19\xb3\xdd\x1a\x05c\x86\x19\xfb\xd6U\xb3]\xae\xa4H$2o\xde&lt;\xeb\xe9\xc1\xa6ir\xce\x97/_\xee\xd0\xfa\xe3]\xd6\xb9:\xad\xff&lt;\xf6\xd8c999\xd1h\xd4n\xed\xcf\x18\x8bF\xa3O&lt;\xf1DRR\x97\xb6?\x02\x00l\xcd\xe5r\t!\x96/_\xce\x18\xcb\xc9\xbap\xf4\xa574\x87\x03\x1a\xb7\xd1\xf4\xd9\xc2\x19\x8fDB\x17\xf4\x1az\xd9\xb0k\x88h\xc3\x86\x8deee\xd6\x86\xbfp8\xbcl\x99\xc3\xea\xdf\xb8q\xe3\x81\x03\x07RSS\x9d~\x12\xd0\xb6\xff\x0c\x1e&lt;\xf8\xae\xbb\xee\xaa\xaf\xaf\xb7\xd5\xf4\xdf\xc29oll\xcc\xcf\xcf\xbf\xed\xb6\xdb\x88h\xe3\xc6\xcf\xfbOg\xb7?\x02\x00l-==}\xd3\xa6M{\xf7\xee\x95R^;\xee\x1e\xaf\']\x08\x9bnPa\x8c\xc5\x8c\xe8\xb5\xe3g$\xb9\x93C\xa1\xe6\x97^z\x89\x888\xe7\xc5\xc5\xc5\xa5\xa5\x9f:\xad\xfe\xd0K/-\xf5x&lt;\xc2\xe1\xdb\x81\xda\xf6\x9f\xc2\xc2B\x9f\xcfg\xdbM\xae\x9c\xf3\x96\x96\x96G\x1f}\xd4\xeb\xf567\x7f\xde\x7f\x10\x00\xa04\xc6\x985}\xf3ed\x8f\x18vu8\xd2\xc4\x98M;-c&lt;\x12\r\xf5\xed=lP\xff\x91\x8c\xb1\xd7_\x7f\xa3\xa9\xa9\x89\x88\xac\xe9\xbf\x03\xeb\x7f\xbd\xb2\xb2\xd2\x9d\x94\x14\xef\xba\xceIk\xff\xe9\xd9\xb3\xe7w\xbe\xf3\x9d`0h\xdb\xeb\xdb\x9c\xf3\xe6\xe6\xe6\xfc\xfc\xfc\x89\x13\'2\xc6\xdex\xe3\x8dP(\xa4\xebz\xa7.\x04\xd9\xb4/\x02XN\x9e&lt;Y\xb2e\xab\x94r\xc8\x801\xe9\xa9\xddM\x1b\xae\x9e\xb7\xc5\x88\x13\xbbd\xc8\x95R\xca\xf2\xf2\x93\xa5\xa5\xa5\x86al\xd9\xb2\xc5\x89\xf5\x1f?~l\xfb\xf6\xed^\xaf7\xde5\x9d\x93\x93\'On\xdd\xbaUJy\xed\xb5\xd7fgg\xc7b\xb6n\x7fk\xcb\xc0M7\xdd$\xa5,//\xdf\xb9s\'u\xf2I\x00\x02\x00\xecK\xd7\xb5\x8f&gt;\xfa\xe8\xc0\x81\xfdDtqn\x01\x91$\x1b\x1f\xbdD\xc4\x88Gb-C\xfa\x8f\xf2zRM\xd3\xdc\xb8q\xe3\xee\xdd\xbbO\x9d*\'\xa7\xd5\xef\xf1\xa4\x18\x86\xb1f\xcd\x1a\xb7\xdb\x1d\xef\xa2:\xee\x8b\xfes\x80\x88\xa6L\x99b\xffk\xda\xd6m\x01W_}uzz\xba\xd5\xfe\xd4\xa1\'Q\xb7\x1f\x02\x00\xec\xcb\xe5vo\xdb\xb6\xcd0\r\x97\xcb\xd3\xa7\xe7\xe0X,\xc2:\xedAi\xe7\x05c\xcc4\xa3~_\x8f\xee\x99}\x89h\xc7\x8e\x9d\x1f~\xf8!\x11y\x92\xbc\xce\xaa?\xab[_"\xda\xbauk,\x16#"yV\x1fFc\x1bV\xff\x89\xc5b\xc9\xc9\xc9#F\x8chii\xb1\xf9\xc7\x9f1\xc6"\x91H\xdf\xbe}\x07\x0e\x1cHD[\xb7n%\xa2N\xad\xd9\xd6\xcd\x01\x8a\x8bF\xa3\xdb\xb6m#\xa2L_O_z\x96a\xc6l&gt;\x80\x12\x91\x10\xc2\xedJ\xee\x9d\x93KD;w\xee\xfc\xeb_\xffJD\xdd\x9cW\xff "*\xfd\xb4\xb4\xaa\xb2\x92\x88\x9c9\xfe\xff\xb3\xff\xf4\xeb\xd7\xafw\xef\xde6_\xff\xb1\x08!\xbc^\xef%\x97\\BDeeeMMM\x9dzS\x18\x02\x00\xecK\x08Q__OD\xa9)\xfe\xa4\xa4\x14)\x85\xed\xc7O""\xce\xb8/-\x9b\x88jkk\x8f}v\x8c\x9cX\x7fz6\x11\x05\x1b\x1b[ZZ\xe2]N\xc7\xb5\xf6\x9f\xec\xec\xec\xd4\xd4TG&lt;\xe0HJ\xc99\xef\xdd\xbb7\x11\x05\x02\x81p8\xdc\xa9?\x0e\x01\x00\xb6f\xed\xd9\xe8\x95=\x903\xcd\xfek\xb8DD\x8c\ta\xf6\xc8\xeaOD\xd5\xd5\xd5\x07\x0e\x1e$\xa2\x1e\xdd\xfb;\xb1~\xeb#\xb1\xe2]\xd09\xb1\xb6\xfc\x0f\x1d:\xd4z\xda~\xbc\xcb\xf9f\x8c1\xd34/\xba\xe8""\n\x04\x02eee\xd4\x99\xd7\x81mwC\x04@[\xd61\x9b\xe2\xf5q\xbb\xee\x9e\xfc2I2\xc5\xeb#"\xc30\xac\x01\xd4q\xf5\xa7z}\xf4\xf9\xa6\x94xWs&gt;dffv\xd9\xd3u\xce\x9d\x94233\x93\x88\x84\x10\x9d}\xd7\x82c:%\xa8L\x08\x9b\xde\xbc\xf3u\xac\x82[?\xe9\xdb\xa1\xf5\'\x0c\xdb\xde\xfc\xf5uZ\x0b\xee\xec30\x04\x008\x82\xe3&amp;\xa2\xec\x8c\x7f\xb5?\xc7\x15|&amp;\x8e[\xc8\xea\xb2\x82\x11\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J\x8fw\x01\xed"\xa5\xec\xc0\xff\xc5\x18;\xef\x95t\x8c\xd3\xeb\x07\x80\x84d\xd3\x00\x90R\n!\xa4\x94\x8c1\xc6\x18\xe7\x1d9S9/o\xd21N\xaf\x1f\x00T`\xaf\x00\xb0\x86&lt;"\xd24M\xd3\xb4\xd6\xd7\x03\x81\x80\x10\x821\xd6\xce\xa9\xb45w\xf6\xf9|m\xdf\xc4\x1aL9\xe7\x9d7\xb3vz\xfd\x00\xa0\x14\xbb\x04\x80\x94\xd24M]\xd7\xad!\xaf\xb1\xb1\xb1\xa4\xa4d\xcb\xe6\xcd\x1f\x7f\xfcq]]]Yi\xa9a\x18\x8c\xa8\x9d+)\xd6P\x9b\x9b\x9b\xeb\xf3\xfbG\x8d\x1e\x9d\x9f\x9f?f\xcc\x98\xde\xbd{[_5\x0c\x83s~~\'\xd4N\xaf\x1f\x00\x14d\x8b\x000MS\xd34]\xd7\xa3\xd1\xe8\x9a5kV\xaeX\xb1m\xeb\xd6\xcf\x8e\x1f?\xc7\xb7\xad))!\xa25EED\xe4\xcf\xc8\x185z\xf4\xb4i\xd3n\xbe\xe5\x96\xec\xecl"2\x0cC\xd3\xb4\xf32\x9bvz\xfd\x00\xa0\xa68\x07\x80\xb5$\xa2iZ \x10X\xb2d\xc9\xcb+W\xee\xda\xbd\xbb\xf5\xabi\x1eO\x9f\xb4\xb4\xec\xe4\xe4\\\x9f\xcf\xef\xf1\x18B\xb4s\xb4c\x8c\xc5L\xf3\xd3\xba\xba\x86H\xe4H P\x1f\n\xd5\x07\x02\xeb\x8a\x8b\xd7\x15\x17\xff\xf4\xa7?\xbdg\xc6\x8c\x07\x1ex`\xc8\x90!D$\x848\x97\xa9\xb4\xd3\xeb\x07\x00\x95\xc53\x00\xac\x893\x11-_\xbe\xfc\xd9\x05\x0b\xf6\xee\xdbg\xbd\xde\'#\xe3\x8a^\xbd\xae\xeb\xd7oxffvJJ\xaa\xcb\xa5s\xce\xcfr\xaa+\xa54\x84h1\xcd\xeaPh_}\xfd\xc6\x13\'\xfe~\xfcxYm\xed\xa9\x8a\x8aE\x8b\x16-[\xba\xf4\xe1G\x1ey\xf4\xd1G322\x0c\xc3\xd0\xf5\x8e\xb4\x83\xd3\xeb\x07\x00\xc5\xc5m\xe0\xb0F\xcf\xf2\xf2\xf2Y\xb3f\x15\x15\x15Y/\x0e\xed\xde}\xf6%\x97\xdc8`@\x96\xd7+\xa5\x8c\x98f\xd44\x1b\xa3Q\xd9\xa1\x9d\x94\x8c1\xceX\x96\xd7\xdb7-m\xca\x85\x17\x06\xa3\xd1\x7f\x94\x97\xbf\xb8s\xe7\xfa\xe3\xc7\xeb\xea\xeb\xe7\xcf\x9f\xbfz\xf5\xea\xa5K\x97\x16\x14\x14XWh\xcfj9\xc5\xe9\xf5\x03\x00\xc4\'\x00\xacIkQQ\xd1\xacY\xb3\xca\xcb\xcb\x89(\xd7\xef\xffA^\xde\xad\x83\x06\xf9\x92\x92\x1a\xa3\xd1\xfap\x98\x18\xe3_\x0c\x82DD\x1d\x1d\xddbBDLSJ\xa9s~\xdd\x05\x17\\\xdd\xb7\xef\xfa\xe3\xc7\xff\xfb\x93O&gt;8qb\xdf\xbe}\xd7^s\xcd/\x16,(,,\xb4v\xef\xb4s\x0cuz\xfd\x00\x00\x14\x97;\x81\xad\xd1s\xc9\x92%S\xa6L)//\'\xc6\xfem\xf8\xf0\xbf\xde~\xfb\xbf\r\x1f\xce\x88j\xc3aSJ\x8ds\xed&lt;Mi\x19\x91\xc6\x98\xce9\x11\x05\xa2\xd1\xe6X\xec\xda~\xfd\xde\xbc\xf9\xe6\xff7aBZRR$\x1a}\xf4\xd1G\xe7\xcc\x99\xc39\xb7\xf6Y&amp;|\xfd\x00\x00\x96\xae\x0e\x00k\xaf\xe4\x92%K\xe6\xcc\x99CD&gt;\x8f\xe7\xc5\xeb\xae\xfb\xd55\xd7x4\xad&amp;\x1c&amp;"\x9d\xf3\xce\x9b\xc4j\x8cq\xc6\x02\x91Hs,\xf6H~\xfe[\xb7\xdcrq\xf7\xee\xc4\x98U\x8f\xa6iR\xca3\x8f\xa1N\xaf\x1f\x00\xa0U\x97\x06\x80\xb5n\xfe\xf9\xe8\xc9X\xb6\xd7\xfb\xea\xb7\xbeu\xcf\xb0aU\xa1\x90)\xa5\xdeU\xbbY\xaca\xb42\x14\xca\xcb\xce~\xe3\xe6\x9bGfg\x13\xe7VU\xd6&lt;:Q\xeb\x07\x00h\xab\xeb\x02\xc0\x1a=\x8b\x8b\x8b\xad\xb9s\xa6\xc7\xf3\xeem\xb7\x8d\xed\xd9\xb3\xa2\xb9\xd9\xd5\x99\xb3\xe6\xaf\xe3\xe2\xbc\xa1\xa5%\xcd\xed~\xe7\xb6\xdb\nz\xf6$\xa2%K\x96\xcc\x9f?_\xd34\xc30\xbe\xfc\xfdN\xaf\x1f\x00\xe04]\x14\x00B\x08M\xd3*++g\xcc\x98\xc1\x18\xf3y&lt;+o\xb8a@FFC$\xe2\x8a\xdf6v\x9ds\xeb\xfa\xeaK\x93\'_\x92\x95E\x8c\xcd\x9f?\x7f\xdd\xbau\xba\xae\x9b\xa6\x99H\xf5\x03\x00|Y\x17\r^\xd6\x93\x12f\xce\x9cYYYID\xcf\\q\xc5\xc4\xbe}\xeb#\x91.[6\xf9:\x1aca\xd3\xec\x9e\x9c\xfc\xbbI\x93|IIR\xca\x993gVTT0\xc6\xda\xae\xa58\xb1\xfe\xf8\x16\x06\x00\xf6\xd7\x15\xe3\x97\xb5x\xb2j\xd5\xaau\xeb\xd6\x11\xd1\x8c\xa1C\xef\x196\xccZ9\xe9\x82\x9f\xfe\x8dt\xc6\x1a"\x91a\xdd\xbb\xff\xbf\x82\x02"\xaa\xac\xac\xfc\xc9O~\xc29o\xbd\x9a\xea\xc4\xfa\xdb&gt;E\x0e\x00\xe0+u\xfa\x10f=\xcd\xb8\xae\xae\xee\xa9\xa7\x9e\xe2\x8c\xf5\xcf\xc8\xf8\xe9\xf8\xf1\r--q\x9f;\xb7\xe5\xe2\xbc6\x14\xba{\xe8\xd0\x1b\x07\x0e$\xc6^{\xed\xb5\xad[\xb7\xb6n\xactb\xfd%%%\xad\x8f&amp;\x05\x00\xf8J\x9d&gt;\x8a\x99\xa6\xc99_\xbe|\xf9\xc1\x83\x07\x85\x94s/\xbb,\xdb\xeb\x8d\x9a\xa6\xddV(\x18cQ!\x1e\x1f5\xca\xa3i\x91Hd\xde\xbcy\xd6#9\x9d^\x7f\xbc\xeb\x02\x00\xfb\xea\xdc\x00\x90Rj\x9a\x16\x0e\x87\x97/[\xc6\x18\xcb\xf5\xfbo\x1f&lt;\xb8\xdef\xd3g\x0bg\xac)\x1a\x1d\x91\x9d\xfd\xed\x81\x03\x89h\xe3\x86\reee\x9a\xa6q\xce\x1dY\xff\xc6\x8d\x07\x0e\x1cHMM\xc5I\x00\x00|\x9d\xce\x1d\xc8\xacg\xd4\x14\x17\x17\x7fZZ*\xa5\xfc\xfe\x88\x11\x19II\x86]\x87$\xceX\xc44\x1f\x1a1\xc2\xebv7\x87B/\xbd\xf4\x12\x11q\xce\x9dX\x7f(\x14Z\xfa\xd2K\x1e\x8fG`;\x10\x00|\x8d\xae\x98\xc9\xfe~\xf9r\xc6X\x8f\xb4\xb4\x1b\x07\x0el\x8cF5\xfbM\x9f-\x9c\xb1\xe6htDv\xf6\xf8^\xbd\x18co\xfc\xef\xff655\x11\x915\xfdw^\xfd\xaf\xbf^YY\xe9NJ\x8aw]\x00`S\x9d8\x96Y\xeb?\x81@\xc0\xba 9\xb1w\xefl\xaf7f\xbf\xd5\xf3\xb6$\x11g\xec\x86\x0b/\x94R\x9e&lt;u\xaa\xb4\xb4\xd40\x8c-\x9b7;\xb1\xfec\xc7\x8fo\xdf\xbe\xdd\xeb\xf5\xc6\xbb(\x00\xb0\xa9N|\x1a\xa8u\xf3\xd4\xb6m\xdbN\x9c&lt;ID\x93\xfa\xf5#\xea\xf8C1\xbb\x86\xc6y\xd80&amp;\xf4\xee\x9d\xe6\xf14\xb6\xb4l\xdc\xb8\xd1\xe5r\x95WT\x90\xd3\xeaOMJj\x8aD\xd6\xbc\xf7\x9e\xdb\xed\x8ewQ\x00`S\x9d\x18\x00\xd6\x16\x94\x92\x92\x12"JIJ\xba83\xb3\xc50\xce\xf6sQ\xba\x18#\x8a\x98f\xef\xb4\xb4\xfe\x19\x19\xbbZZv\xee\xd8\xe1\xf1x\xc8\x99\xf5\xef\xae\xaa\xda\xb6uk,\x16#"\xd9\xdeO#\x06\x00\x85tb\x00X7\xa3n\xdf\xb6\x8d\x88.HO\xef\x99\x9aj\xf3\xf5\x13\x8b\x10\xc2\x9b\x94tq\xb7n\xbb*+w\xed\xdcYW[KD}\xd3\xd2\x1cW\xff\xee\xaa\xaa\xd2\xd2\xd2\x98i\x10\xb5\xfb\xd3\xe8\x01@%\x9d\x1b\x00R\xca\xea\xeaj"\xca\xf4xR\xdd\xee\xc6H\xc4\xe63h"\x92D\x1ac=SR\x88\xa8\xae\xb6\xd6\xdaF\xe9\xd0\xfa\x1b\x1b\x1b)\x0e\xcf\xa9\x03\x00g\xe8\xac\x00\x90Rr\xce\x1b\x1a\x1a\xf6\xef\xdbGDC|&gt;\xdd\xba/\xc9\xf6\x03(c\xcc\x10b\xb0\xdfOD\x95\xd5\xd55\xb5\xb5D4\xd8i\xf5\x0f\xe9\xd6\x8d\x88\x18\xe7\xc4\x08\xf3\x7f\x00\xf8J\x9d\xfb\x91\x90RJk\r\xda\xef\xf1p\xc6\x9c2\x0eI\xa2n\x1e\x0f\x11\x19\x86!\x18#\xa2n\xce\xac\xdfz\x8eE\xbc\xcb\x01\x00\x9b\xea\xf4-\xed\xd6\x00d8\xed\x99\x04V\xc1\xad\x9f\xb4\xee\xd0\xfa\x01\x00\xce\xa0\x8b\xeeir\xdc,\x94\x9d\xf1\xaf\xf6\xe7\xb8\x82\x01\xa0\xeb\xd9\xf4\xa6V\x00\x00\xe8l\x08\x00\x00\x00E!\x00\x00\x00\x14\x85\x00\x00\x00P\x14\x02\x00\x00@Q\x08\x00\x00\x00E!\x00\x00\x00\x14\x85\x00\x00\x00P\x14\x02\x00\x00@Q\x08\x00\x00\x00E!\x00\x00\x00\x14\x85\x00\x00\x00P\x14\x02\x00\x00@Q\x9d\xfby\x00\x00\x00\tC\xb6\xd1\xfa"k#\x8e\xb5u\x0c\x02\x00\x00\xe0L\x84\x10B\x08M\xd3\xdcn\xb7\xdb\xed\xd64\x8dsn}\xe4\xad\xf5\xd5h4\x1a\x89D\x0c\xc3`\x8cq\xee\xa4e\x15\x04\x00\x00\xc0W\x90R\x9a\xa6\xa9\xebzZZ\x9a\xdb\xednjj*//?v\xecXEEEMMMKK\x0b\x11\xa5\xa4\xa4\xe4\xe4\xe4\\x\xe1\x85\xfd\xfb\xf7\xcf\xcc\xcc\x8c\xc5b\x8d\x8d\x8dV&lt;\xc4\xbb\xfcvA\x00\x00\x00\x9cNJ\x99\x94\x94\xe4\xf5z\x03\x81\xc0\xc6\x8d\x1b\x8b\x8a\x8a6l\xd8p\xe0\xc0\x81\x86\x86\x86/\x7f\xb3\xcb\xe5\xea\xd7\xaf\xdf\xd5W_}\xf7\xddw\x17\x14\x14D"\x91\x96\x96\x16M\xd3\xba\xbc\xea\xb3\x86\x00\x00\x00\xf8\x17RJM\xd3\x8e\x1f?\xfe\xc7?\xfe\xf1\x0f\x7f\xf8\xc3\xae]\xbb\xce\xfc\xfd\xb1X\xec\xe0\xc1\x83\x07\x0f\x1e\\\xb2d\xc9\xf4\xe9\xd3\x7f\xfe\xf3\x9f\xf7\xe9\xd3\'\x18\x0c\xda?\x03\x10\x00\x00\x00\xff\xc24M\xbf\xdf\xff\xcc3\xcf,X\xb0\xa0\xf5E\xc6\xd8\x80\x01\x03\x86\x0c\x192p\xe0\xc0\xac\xac\xac\xe4\xe4d)eCC\xc3\x91#Gv\xec\xd8QVVFD\x9a\xa6\xad^\xbd\xfa\x1f\xff\xf8\xc7\xea\xd5\xabG\x8e\x1ci\xff\x0c@\x00\x00\x00\xfc\x0b\xcey8\x1c\x9e&gt;}\xfa\xc2\x85\x0b\x85\x10\xc3\x86\r\xbb\xf5\xd6[\'O\x9e&lt;t\xe8P\x9f\xcf\xe7r\xb9\x88\xc8\xba\x02\xcc\x183M3\x18\x0cn\xdb\xb6\xed\xf9\xe7\x9f\x7f\xf7\xddw].\xd7\xb1c\xc7n\xb9\xe5\x96\xf5\xeb\xd7_x\xe1\x85\xe1p\xd8\xce\x97\x85\x11\x00\x00\x00\xff\x82s\xde\xd2\xd22x\xf0\xe0\x1f\xff\xf8\xc7\x83\x06\r\xfa\xcew\xbe\x93\x91\x91\x11\x89D\xc2\xe1p \x10h\xbb\x07\x94\x88\x18c\x9a\xa6]y\xe5\x95\xd7^{\xed\x8b/\xbe\xf8\xef\xff\xfe\xefn\xb7\xbb\xba\xba\xfa\x07?\xf8\xc1{\xef\xbd\x17\xaf\x7fB;!\x00\x00\x00N\xc7\x18kiiy\xf2\xc9\'\x19cMMM\xd5\xd5\xd5\xd6\xde\x9e\xaf[\xd2\t\x06\x83R\xca\x87\x1ezHJ9w\xee\\]\xd7\xd7\xaf_\xff\x97\xbf\xfc\xe5\x96[nihh\xb0\xedB\x90}\xcfM\x00\x00\xe2\x881\x16\x08\x04\x1a\x1a\x1a\x84\x10\xba\xae\x9fys\xa7\xa6i\x9a\xa6UWW\x7f\xff\xfb\xdf\xbf\xf6\xdak\xad{\x02V\xadZe\xf3\xfd\xa0\x08\x00\x00\x80\xaff\r\xeb\xed\x1c\xc4\xado\x93R\xde\x7f\xff\xfd\xd6\x1fJJJ\xaa\xab\xab].\xd7i\xabF\xf6\x81\x00\x00\x008?4M\x0b\x87\xc3\xf9\xf9\xf9)))DTQQq\xe2\xc4\t\xb7\xdb\x8d\x00\x00\x00H|\x86a\xf8\xfd\xfe\x9c\x9c\x1c\xeb\xcf\xb5\xb5\xb5\x9a\xa6!\x00\x00\x00\x12\x9c\xf5\x80 \x97\xcb\xe5\xf5z\xadW"\x91\x88\x9d\xb7\x81\xda\xb72\x00\x00g\x91R2\xc6\x84\x10\xb1X\xcczE\xd7u\xdbN\xff\t\x01\x00\x00p\x1eq\xceC\xa1P}}\xbd\xf5g\x9f\xcfg\x9a\xa6m\xf7\x02!\x00\x00\x00\xce\x0f)\xa5\xdb\xed&gt;v\xecXmm-\x11\xf9\xfd\xfe^\xbdz\xc5b1\x04\x00\x00@\x82\x13Bx&lt;\x9e\xbf\xfd\xedo\xd6\xac\x7f\xf8\xf0\xe1={\xf6\x8cF\xa3\x08\x00\x00\x80Df]\xfe\xad\xa9\xa9Y\xbe|\xb9\xf5\xd7\xef|\xe7;n\xb7[\x08\x11\xef\xd2\xbe\x16\x1e\x05\x01\x00p\x1e\x18\x86\x91\x9d\x9d\xfd\xd8c\x8f\x1d9r\x841\xd6\xb7o\xdf;\xef\xbc\xd3\xe6\x0f\x04\xc5\x19\x00\x00\xc0\xb9\x8a\xc5b\xd9\xd9\xd9+V\xac\xf8\xe5/\x7fi\xdd\xfa\xfb\xd4SOeee\xd9y\xfd\x87\x10\x00\x00\x00\xe7BJi\xcd\xfd_y\xe5\x95\xd9\xb3g\xbb\\\xaeX,v\xdf}\xf7\xcd\x981\xa3\xbe\xbe^\xd7m\xbd\xca\x82\x00\x00\x00\xe8 !\x04c,++\xeb\xbf\xfe\xeb\xbf\xee\xbd\xf7^"\x8aF\xa3\xdf\xfe\xf6\xb7\xff\xfb\xbf\xff\xdb\xfap\xe0x\x17\xf8\rl\x9dN\x00\x00\xb6e\x18FJJ\x8a\x10\xe2\xfb\xdf\xff\xfe\x8b/\xbeh\xcd\xfd\xef\xb8\xe3\x8ee\xcb\x96\x99\xa6i\x9a\xa6\xfd\x03\xc0\xee\xf5\x01\x00\xd8\x90\xf5\xcc\x9f\xe3\xc7\x8f\xdfp\xc3\r/\xbe\xf8\xa2\xa6i\xb1X\xac\xb0\xb0\xf0\xe5\x97_6\x0c\xc30\x0c\xfb\x8f\xfe\x843\x00\x00\x80\xb3e\x18F\xb7n\xdd6m\xdat\xcf=\xf7\x94\x97\x97\x13\x91\xcb\xe5\xfa\xcdo~\xf3\xe0\x83\x0f\xd6\xd7\xd7K)\x1d1\xfa\x13\x02\x00\x00\xe0\xacX\x1f\x19\xff\xfe\xfb\xef\xdf~\xfb\xedMMMD\x94\x9b\x9b\xfb\xfb\xdf\xff\xbe\xa0\xa0\xa0\xba\xbaZ\xd34\xa7\x8c\xfe\x84\x00\x00\x00h?!DJJ\xca\x9e={\xee\xbc\xf3\xce\xe6\xe6f"*((X\xbdzuvvvUU\x95\xf5y\xf1\x0e\x82\x00\x00\x00h/\xce\xb9i\x9a\x0f&gt;\xf8`CC\x03\x11]~\xf9\xe5\x7f\xfe\xf3\x9f\x93\x92\x92\x02\x81\x80\xe3F\x7f\xc2E`\x00\x80v2M3==\xfd\xcd7\xdf,))\xe1\x9c\xf7\xe8\xd1\xe3\x95W^INN\x0e\x85B6\xdf\xef\xffu\x10\x00\x00\x00\xedb=\xeb\xdf\xfa\xa8w!\xc4\x7f\xfe\xe7\x7f\x0e\x1c8\xb0\xb1\xb1\xd1\xa1\xa3?!\x00\x00\x00\xda\xc3z\xd6\xdb\xa9S\xa7v\xec\xd8!\xa5\xec\xd1\xa3\xc7m\xb7\xdd\x16\x08\x04\x9c;\xfa\x13\x02\x00\x00\xa0=N{\xd6\xff\xe5\x97_\x9e\x93\x93c\xe7g\xfd\xb7\x07\x02\x00\x00\xe0\x9bI)u]\xaf\xaa\xaa2M\x93\x88\x86\x0e\x1dj\xf3\x8f{l\x0f\x04\x00\x00@\xbbp\xce\xad\xcd?D\xd4\xb3gO\xeb\x13\x80\xe3Z\xd1\xb9r\xf0\xea\x15\x00@\x17\x8bD"\xd6}^\xe9\xe9\xe9v\xfe\xa4\x97vB\x00\x00\x00\xb4\x0bc,\x1a\x8dZ\xe3~\x02L\xff\t\x01\x00\x00\xd0\x1e\x9c\xf3\xa6\xa6\xa6\xc9\x93\'\xbf\xfd\xf6\xdbD4t\xe8\xd0\xe6\xe6f\x07=\xf5\xe1+!\x00\x00\x00\xbe\x19c,\x16\x8b\xf5\xe9\xd3\'77\x97\x88\xc2\xe1\xb0\xd3\xb7\x00\x11\x02\x00\x00\xa0\x9d\xac%\xa0\x96\x96\x16"\xe2\x9c;}\xf4\'\x04\x00\x00@\xfb1\xc6\xec\xfc!\xefg\xcb\xd9\x0bX\x00\x00]LJ\x99\x00\xfb\x7f,\x08\x00\x00\x80\xf6\x12B\xb8\xddn\x8f\xc7#\xa5t\xfa]`\x84\x00\x00\x00h\'\xc6Xjjjyy\xf9\xe1\xc3\x87].\x97\xdb\xedvz\x06 \x00\x00\x00\xbe\x99\xf5,\xa0\x1f\xfd\xe8G\xa3G\x8f\x1e;v\xecM7\xddT]]\xedr\xb9\x1c\x9d\x01\x08\x00\x00\x80o \x84HMM\xfd\xe8\xa3\x8f~\xfd\xeb_\x07\x83\xc1H$\xb2a\xc3\x86\x17^x!55\xd5z4\x90Ca\x17\x10\x00\xc07\xb0\x9e\x04\xb7w\xef^M\xd3\xac\xdd\x9f\x8c\xb1\xb2\xb22\xd34\x1d\xbd\x19\x14g\x00\x00\x00\xedb\xcd\xf79\xe7\x9a\xa6\t!\xbc^\xaf\xd3\xef\x04vv\xf5\x00\x00]\x80s\xde\xdc\xdc&lt;q\xe2\xc4\x9c\x9c\x9ch4\x1a\x89D\xa4\x94\xb7\xdf~\xbb\xa3\xd7\x7f\x08K@\x00\x00\xdf\xc8\xba\x07\xb8G\x8f\x1e\x7f\xfe\xf3\x9fW\xacX\x11\n\x85\xae\xbf\xfe\xfa\x9bn\xba\xa9\xb1\xb1\xd1\xd1\xf7\x85!\x00\x00\x00\xbe\x19\xe7&lt;\x14\n\r\x1f&gt;\xfc7\xbf\xf9\x8du/X0\x18t\xf4\x05\x00B\x00\x00\x00\xb4\x13\xe7&lt;\x1c\x0e777[\xe3\xbe\xa3\xe7\xfe\x16\x04\x00\x00@{q\xce\x9d~\xe1\xb7\xad\xc4\xf9\x97\x00\x00\xc0YA\x00\x00\x00(\n\x01\x00\x00\xa0(\x04\x00\x00\x80\xa2\x10\x00\x00\x00\x8aB\x00\x00\x00(\n\x01\x00\x00\xa0(\x04\x00\x00\x80\xa2\x10\x00\x00\x00\x8aB\x00\x00\x00(\xaa\x8b\x02\xc0q\x0fLbg\xfc\xab\xfd9\xae`\x00\xe8z\x9d\xfb, \xeb\x99yD\x14\x13\xc2Y\x9f\x9b\x19\x13\x82\xac\xfa\xa5$\xc7\xd6\x0f\x00p\x06\x9du\x06\xc0\x18\x93R\xa6\xa7\xa7\x0f\x1a4\x88\x88\xf6\xd4\xd6\x1aBp\'&lt;:UJ\xe9\xe2|Om-\x11\xe5dg\xe7\xe6\xe6\x92\x03\xeb\xdf]SC8\x0f\x00\x803\xea\xc4% \xebS4\xbbge\x11QC$\xd2b\x18Nyv\xb6\x94\xb2&amp;\x1c&amp;\xa2\xb4\xf4\xf4\x9c\x9c\x1crl\xfd.\x97+\x91\x9e\\\x08\x00\xe7W\'\x8e\x0e\xd6\xe2\xcf\xa5#F\x10\xd1\x91@\xa0\xb2\xb9\xd9\xcd\xb9\xfd\x17R8c-\xa6i\x9d\x01\x0c\x1f&gt;\xfc\xfa\xc9\x93\x89\xe8h0\xe8\xc4\xfa\x87\x0c\x19\x92\xd3\xa3\x07\x11\xce\x05\x00\xe0+tb\x00X\xf3\xe5Q\xa3F\x11Q\xb0\xa5\xe5`CC\x92\xae[K\xea\xb6%\x89\xdc\x9aV\xd5\xdc|8\x10 \xa2K.\xb9d\xc2\x15W\x90c\xeb\x1f\x91\x97\x97\x9c\x9cLD\x0c\t\x00\x00_\xd2\x89\x01`-&gt;\x8c\x1b7\xae\x9b\xdf/\xa4\\\x7f\xfc\xb8\xce\xb9\xb4\xf7\x00*\xa4L\xd6\xf5\xed\x95\x955MM\x9c\xb1\tW\\1f\xcc\x18_z\xba\xe3\xea\xafmn\xe6\x9cO\xba\xfez\xd34\xe2]\x14\x00\xd8T\xe7\x9e\x01\x08!z\xf6\xec9b\xc4\x08\xc6X\xf1\xf1\xe3\x81HD\xb7\xf7\x92\xb4\x94R\xe3\xfc\xbd\xa3G%\x91\xcf\xe7\x1b9r\xa4\xd7\xeb\xcd\xbb\xec2\'\xd6\x9f\x95\x999a\xc2\x84\xe6\xe6P\xbc\x8b\x02\x00\x9b\xea\xdc\xe1\xcc\xba\x0cp\xe7\xf4\xe9R\xcaC\xf5\xf5\x1f\x9e8\x91\xeav\x9bv\x9dDK"\x8f\xae\x7f\x16\x08\xfc\xfd\xf8q"\x9a&lt;e\x8a\xdf\xef\'\xa2\xe9w\xdd\xe5\xd0\xfa\xfb\xf4\xe9\x13ii\x89w]\x00`S\x9d\x1b\x00\xd6\x87&amp;O\x9d:5\'\'GJ\xf9\xdb\x1d;\x84\x94\xb6]\x8d6\x85Hs\xbb\x97\xef\xd9S\xdd\xdc\xaci\xda\x9c9s\xac\xcd\xac\x0e\xad\x7f\xf6\x9c9DD\x0e\xd9\xb9\x04\x00]\xafs\x03\x801f\x18Fff\xe6\x8c\x193\xa4\x94\xff(/\x7f\xff\xb3\xcf\xd2\x93\x92l8\x89\xfe|\xfa\x1c\x0c\xbe\\V\xc6\x18\xbb,/\xef\xaa\xab\xae\x12B\x98\xa6\xe9\xc4\xfaG\x8c\x181a\xc2\x84`0he0\x00\xc0\x97u\xfa\x8a6\xe7\\J9g\xce\x1c\x9f\xcfGD\xbf\xfe\xf8c{N\xa2\r!\xd2\xdd\xee\xc5;w\xd6\x86BD\xf4\xf8\x0f\x7fHDRJ\xa7\xd6\xff\xf8\xe3\xad\xb7a\x03\x00|\xa5\xae\x08\x00!\xc4\xe0\xc1\x83\x0b\x0b\x0b\xa5\x94\x9b\xcb\xcb_\xdc\xb1\xa3\xbb\xd7k\xabg\x15\x18B\xf8\x92\x92&gt;8yr\xc9\xee\xddD4q\xe2\xc4i\xd3\xa6\t!4Msh\xfd\xd3\xa7Og\x8ca\xfa\x0f\x00g\xd0\x15{Z8\xe7\xa6i\x16\x16\x16\x0e\x180\x80\x11=\xbbu\xeb\x96\xf2r\xbf\xc7c\xd8c\x0c\x15R&amp;\xe9zS4\xfa\xd8\xfa\xf5Q\xd3\xd44\xed\xb9\xe7\x9ek\xbb\xdd\xd3\xe9\xf5\x03\x00|\xa5\xae\x08\x00\xc6\x18c,##c\xd5\xaaU\x9a\xae7\xc5b\x0f\xbf\xff~M8\xec\xd1\xf5\xb8/\xa6Kk\xf5\\\xd3\xfe\xcf\x86\re\xb5\xb5R\xcaE\x8b\x16\x8d\x1c9R\x08\xd1\xfa\x10\x05\'\xd6o\x9af|\x0b\x03\x00\xfb\xeb\xa2]\xed\x9cs\xc30\xc6\x8e\x1d\xbbp\xe1B\x92ro]\xdd\xf4w\xde\xe1\x8cy4\xcd\x88\xdf\x18*\xa4\x94R\xf6LI\xf9\xd1\x86\ro\xee\xdfODS\xa7N-,,4\x0c\xe3\xb4\xc5\x13\xa7\xd7\x0f\x00\xf0e]w[\x93\xae\xeb\x86a\x14\x16\x16\xce\x9e=\x9b\x88vTW\xdf\xf9\xce;\x81h4\xc3\xed\x8e\xcbz\xba!\x84K\xd3\xd2\xdc\xee\x87\xdf\x7f\xff\xf7eeD4z\xf4\xe8\xc5\x8b\x17[K\xff_\xfe~\xa7\xd7\x0f\x00p\x9a.\xbd\xafU\xd34!\xc4\xe2\xc5\x8bg\xcf\x9eMRn:qb\xfa;\xef\x1c\xa8\xaf\xcfJN6\xbfx\xf2~\x17\x90R\xc6\x84\xc8HJ\x8a\x99\xe6C\xc5\xc5Kw\xef\x16\xa69z\xf4\xe8\xa2\xa2"\xeb\xce\xaf\xaf{\xea\xa7\xd3\xeb\x07\x00h\xabK\x03\xc0ZL7M\xf3\xf31\x94hWu\xf5\x8do\xbd\xb5j\xef^_R\x92\xd7\xe52\x84\xe8\xd4aT~1q\xce\xf6z\xb7UT\xdc\xfc\xd6[\xaf\xef\xdbGDc\xbe\x18=\xdb.\xfd\'^\xfd\x00\x00mu\xf5`\xc1\x18\xb36V.^\xbc\xf8\xc9\'\x9f$\xa2\xfap\xf8\xa1\xe2\xe2\xfb\x8b\x8a\xf6\xd6\xd5uKN\xf6\xba\\\xa6\x94\xa6\x94\xe7q\x1f\x8b$2\xa54\x84pq\xde\xdd\xeb\xadki\x99\xf7\xe1\x87\xb7\xbc\xfd\xf6\x9e\x9a\x1a"\x9a6m\xda\x9av\x8f\x9eN\xaf\x1f\x00\xa0U\xe7~$\xe4W\xb2\x16(\x84\x10\xf3\xe6\xcd\xbb\xfc\xf2\xcbg\xcd\x9aU^^\xfe\xa7\x03\x07\xd6\x1c=zkn\xee\x9cK/\x1d\x91\x95\xc5\x18\x0b\xc7bQ!\xac\xeb\x9c\x1d[\xd3\x90R2"\xc6\x98[\xd3&lt;\xba\xae3\xf6Yc\xe3\xaf\xb6o_YVV\xd5\xd4DDn\x97k\xc1\xb3\xcf\x16\x16\x16Z\xf5\xb4s\xf4tz\xfd\x00\x00\x968\x04\x00}\xb1\x96b\x18\xc6\xe4\xc9\x93\xb7n\xdd\xfa\xc4\x13O\xacz\xf5\xd5\x96htuY\xd9\xdb\x87\x0e]\xd9\xa7\xcf\xe4~\xfd\nz\xf7\xee\x9d\x9a\x9a\xecri\x8c\x19BH)\xcf\xe2\xb16R\x12c.\xce\x85\x94\x11\xd3\xac\n\x85\xb6WV\xae=z\xf4\xef\'NT46Z\xdf2i\xd2\xa4\x9f\xfd\xecgc\xc7\x8e\x15BX\xf3zu\xea\x07\x00\xa0x\x05\xc0\xe7?[\xd7M\xd3\xec\xd5\xab\xd7\xb2e\xcb\x1e|\xf0\xc1g\x9e~z\xdd\xda\xb5\xa1\x96\x965\x87\x0f\xaf9|8=9y\x90\xcf7\xd8\xe7\xeb\x93\x9660#\xa3\x9b\xc7c\xb4\xef\x19\x0c\x92\x88\x13E\x85\xf8\xb4\xb6\xb66\x1c.\xad\xab;\xd0\xd0P\xdd\xd4\xd4\xfa\r\x05\xe3\xc7\xff`\xee\xdc\xbb\xee\xba\x8b\x88L\xd3\xec\xf0\x9e\x19\xa7\xd7\x0f\x00\x8a\x8bg\x00\x10\x91\xa6i\xd6#k\xc6\x8e\x1d\xfb\xa7\xb7\xdf\xde\xb3g\xcf\x8a\x15+\xde|\xfd\xf5#\x9f}\x16\x0c\x87\xb7\x87\xc3\xdbO\x9d:_?+;+\xeb\x86\x1bn\xb8g\xc6\x8cI\x93&amp;\xd1\x17\x8f\xaa&gt;\xc7\xd1\xd3\xe9\xf5\x03\x80\xca\xe2\x1c\x00Dd=\xb2\xc6Z-\x1f&gt;|\xf8\xc2\x85\x0b\xe7\xcf\x9f\xbfs\xe7\xce\xb5k\xd7n\xfe\xe8\xa3}{\xf7\x06\x83\xc1\xda\xfa\xfa\x0e\xbcsZJJJJ\xca\xd0a\xc3\xf2\xf2\xf2\xae\xba\xfa\xea\x82\x82\x82\xcc\xccL"\xb2\x86\xec\xf35t:\xbd~\x00PV\xfc\x03\xc0b-a\x0b!\x84\x10^\xafw\xdc\xb8q\xe3\xc6\x8d#\xa2p8\xdc\xdc\xdc\\ZZ\xda\x81g\x1b\xe4\xe6\xe6\xa6\xa7\xa7gdd\xb4\xbeb\xbd\x89\xa6i\xe7}\xf4tz\xfd\x00\xa0 \xbb\x04\x80\x85sn=~\xd9\x9aPs\xce\x93\x93\x93\x93\x93\x93\'N\x9c\xd8\xe1\xf7\xb4\x06e\xeb2ig\x8f\x9bN\xaf\x1f\x00\x94b\xaf\x00\xb0\xb4}\x8e\xb1\xb5\x9b\xbec\xcf\xb5\xb7\xf6\xeaX\x83\xf2\xf9\xac\xaf\x1d?\xd7\xd1\xf5\x03\x80"\xec\x18\x00mY;\xe8\x9d;\xf3uz\xfd\x00\x90\xc00\xb5\x04\x00P\x14\x02\x00\x00@Q\x08\x00\x00\x00E!\x00\x00\x00\x14\x85\x00\x00\x00P\x14\x02\x00\x00@Q\x08\x00\x00\x00E!\x00</t>
        </is>
      </c>
    </row>
    <row r="167">
      <c r="A167" s="1" t="n">
        <v>165</v>
      </c>
      <c r="B167" t="inlineStr">
        <is>
          <t>shape_size_grid</t>
        </is>
      </c>
      <c r="C167" t="inlineStr">
        <is>
          <t>What is the size of the missing part denoted by a question mark?</t>
        </is>
      </c>
      <c r="D167" t="inlineStr">
        <is>
          <t>['large', 'small', 'medium']</t>
        </is>
      </c>
      <c r="E167" t="inlineStr">
        <is>
          <t>medium</t>
        </is>
      </c>
      <c r="F167" t="inlineStr">
        <is>
          <t>There are 9 shapes arranged in a grid with different sizes in the image, of which there is 1 missing shape. The first row is ['large square', '?', 'small square'], the second row is ['large triangle', 'medium triangle', 'small triangle'], and the third row is ['large pentagon', 'medium pentagon', 'small pentagon'].</t>
        </is>
      </c>
      <c r="G167" t="inlineStr">
        <is>
          <t>We observe that the columns contain large shapes, medium shapes, and small shapes respectively. On the other hand, the rows contain squares, triangles, and pentagons respectively. Hence, the pattern is that the shapes within each row are the same, while each column progresses the size of the shapes.</t>
        </is>
      </c>
      <c r="H167" t="inlineStr">
        <is>
          <t>Based on the pattern that the shapes within each row are the same, while each column progresses the size of the shapes, the size of the missing square should be medium.</t>
        </is>
      </c>
      <c r="I167" t="inlineStr">
        <is>
          <t>b'\x89PNG\r\n\x1a\n\x00\x00\x00\rIHDR\x00\x00\x02\x00\x00\x00\x02\x00\x08\x02\x00\x00\x00{\x1aC\xad\x00\x00QIIDATx\x9c\xed\xddyxTE\xd6?\xf0\xbaKw\xc8\x9e\x08$\xe0\xc6\xae\x02\x81\x81De \x08\t/\x90("\x82$\xe8\x8c\x80:\x03(H@E\tB^@\x16\x17\x10\xe36\xea\x0c\xef\xa88"\x06\x14\x15Q\x82c\x90%"*\x19~\x08( \xb8\xcc\x8c\x84\x90\xbd\x13\x02\xe9{o\xfd\xfe8\xe4\xdaf#\x90^o}?\xcf&lt;\xf3\x98\x88\xf4\xed\xdb\xb7\xebT\x9d:U%q\xce\x19\x00\x00\x88G\xf6\xf5\x05\x00\x00\x80o \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94\xea\xeb\x0b\xf06\xce\xb9a\x18\xbe\xbe\n?%\xcb\xb2$I\xbe\xbe\n\x00\xf0\x12\x89s\xee\xebk\x00\x00\x00\x1f\x10h\x04\xc09\x97$\xa9\xac\xacl\xdf\xbe}\xbe\xbe\x16?\xd5\xaf_\xbf\xe8\xe8h\xbaQ\xbe\xbe\x16\x00\xf08\x81\x02\x80a\x18\x8a\xa2\xec\xdd\xbbw\xc4\x88\x11\xbe\xbe\x16?\xf5\xc9\'\x9f\x0c\x1f&gt;\x9cn\x94\xaf\xaf\x05\x00&lt;N\xa0\x00@TU\x95eY\x96e\xcc\x04\xb8\xa2\x1b\xa2\xaa\xc2=\x0f\x00"\x13\xee\x0boN\x02\xd3\xffK\x92$\xcb\xe2\x96B\x19\x86aN\x02\xb9\xfe3\x00\x88@\xb8\x00P\x0f\xe7\\\xd7u__\x05\x00\x80\x0f\x88\x1b\x00$I\xe2\x9cGDF\xc4\xf5\xeb\xa5k\x86h\xb3\x9e\x9c3E\x95\x0f\xec;TYQ\x89)_\x001\x89\x1b\x00dY\xd6u\xbdO\xbf^\x1f|\xf6n\x95\xa3JV\xc4J\x04\x19\xba\x11\x16\x1evK\xd2\xb8\xfc\xed_\xc8\xb2\x8c\xe4\x0f\x80\x80\xc4\r\x00D\xd3\xf4\xaa\xaa\xaa\xaa\xaaj\xd1f\x02\x0c\xc3`\x12\xd34\xa4\xbf\x00\xc4%z\x00\xa0I`\xe2\xebk\xf16\xac\xfb\x05\x10\x9cp\xad\x1e\x00\x00\x10\x04\x00\x00\x00A!\x00\x00\x00\x08\n\x01\x00\x00@P\x08\x00\x00\x00\x82B\x00\x00\x00\x10\x14\x02\x00\x00\x80\xa0\x10\x00\x00\x00\x04\x85\x00\x00\x00 (\x04\x00\x00\x00A!\x00\x00\x00\x08\n\x01\x00\x00@P\x08\x00\x00\x00\x82B\x00\x00\x00\x10\x14\x02\x00\x00\x80\xa0D?\x0f\x00\x84\xc297\x0c\x83\xfe\xc1\xf5\xf7t,\x04NG\x00\xd1 \x00\x80\xc5Q\xa3\xcf9W\x14E\x92$EQ\x9a\xf9\x93\xba\xae\x8by:\x10\x88\t\x01\x00,\xcbl\xf7\xcdF\xff\xd4\xa9S?\xfd\xf4Saa\xe1\xa9S\xa7\xaa\xab\xabu]\xb7\xd9lm\xdb\xb6\xbd\xec\xb2\xcb\xbau\xeb\xd6\xb1cGUU\x19c\x14\x060 \x00\xcbC\x00\x00\x0b\xe2\x9cs\xce\xa9#\x7f\xfa\xf4\xe9]\xbbv}\xfc\xf1\xc7\xf9\xf9\xf9G\x8f\x1e-//o\xf4?\t\x0f\x0f\x8f\x8b\x8b\x1b3f\xcc\x1f\xfe\xf0\x87+\xae\xb8\x821f\x18\x06\x86\x02-d\xe6\xd6\xbc\x03\xe1\xd9]\x10\x00\xc0\x82$I\x92$i\xff\xfe\xfdk\xd6\xac\xd9\xb8q\xe3\xf1\xe3\xc7]\xff\x155\xebf\x0bB\xd1\xc2\xe1p\xec\xde\xbd{\xf7\xee\xddO&lt;\xf1DFF\xc6\xfc\xf9\xf3\xedv;b@\x0b5\x9f[\x03\xbf\x85\x00\x00\x96b\x18\x86$I\x87\x0f\x1f\xce\xca\xcaz\xef\xbd\xf74Mc\x8cQZ\x9f2B\xf4gX]\x00\xa0\xdfp\xce\xcdy\xe0\xf2\xf2\xf2\xc7\x1e{,///\'\'\xa7c\xc7\x8e\xf4\xaf|\xfa\x9e\xfc\x1a\xdd\x9f\xb2\xb2\xb2}\xfb\xf6y\xedE\xfb\xf5\xeb\x17\x1d\x1d\x8d\x8f\xa6\xf5\x10\x00\xc0R(\xf3SQQ\xb1a\xc3\x06\xc6\x98\xaa\xaa\x86aP\xd3Oa@\xd7u\xb3\xd17\xff+EQh\x06\x981&amp;I\x92\xaa\xaa\xbbv\xedJMM\xdd\xbe}{DD\x04s\x19.@=\x86a(\x8a\xb2w\xef\xde\x11#Fx\xedE?\xf9\xe4\x93\xe1\xc3\x87\xd3K{\xedE-\t\xc3[\xb0\x14EQ\x0c\xc3\x180`\xc0\xd8\xb1c\xcdV\xdbl\xdf5M\xe3\x9c\x87\x84\x84\xc4\xc6\xc6v\xe9\xd2\xa5K\x97.\xed\xda\xb5c\x8c\xe9\xban\xb6&amp;\x9cs\xa7\xd3i\xb3\xd9\xf6\xef\xdf\x7f\xef\xbd\xf7\xd2\xd0\xc1\x97o)\x10\xa8\xaa*\xcb2\xfd\xbfG\x99/\xe4\xebwl\x11\xb8\x8f`5\xd4\xb5\x9f={\xf6{\xef\xbd\'I\x125\xdf\xa1\xa1\xa1C\x87\x0eMIIIHH\xe8\xd4\xa9Sdd\xa4\xddng\x8c\xd5\xd4\xd4\xfc\xfc\xf3\xcf;w\xee|\xf5\xd5W\xf7\xee\xddk6\xf7N\xa7SU\xd5\xb7\xdf~{\xea\xd4\xa9\xc3\x86\r\xd3u\x1d\x9d\xcdf\x98\x93\xc0fz\xcd\xbds\'f\xfa\xae\xde?C+!\x00\x80\xd5\xd0 `\xc8\x90!\xd7]w\xdd\x97_~\x19\x1f\x1f\x7f\xe7\x9dw\x8e\x1d;\xb6s\xe7\xce\r\xffpPPPTTT\xdf\xbe}\xef\xbd\xf7\xde\xa5K\x97.Z\xb4HQ\x14\xca\x051\xc6$Iz\xee\xb9\xe7\x86\r\x1b\x86\x14\xd0\x051\xf3i\xe0\xe7\x10\x00\xc0\x82\xa8\x87\xf8\xe4\x93O\x9e8q\xe2\xf6\xdbo\xa7\xe6\x9b&amp;\x03\xa4:\xae\x7f\x98\xaa}\x16.\\X^^\x9e\x9d\x9dM1\x80f\x0b\xb6o\xdf^RR\xd2\xb6m[L9\xb6\x84$I\x9c\xf3\x88\xc8\x88\xb8~\xbdt\xcdh\xfd\r\xe3\x9c)\xaa|`\xdf\xa1\xca\x8aJ\xdc\x7f\xb7C\x00\x00\x0b\xa2tMRR\x12\xfd\xa8i\x9a\x99Dn\xf8\x87)_A\xe1a\xe1\xc2\x85o\xbc\xf1FII\t5dT\x14t\xe8\xd0\xa1\x1bn\xb8\x01S\x8e-A\xd3\xec}\xfa\xf5\xfa\xe0\xb3w\xab\x1cU\xb2\xd2\xdaD\x90\xa1\x1ba\xe1a\xb7$\x8d\xcb\xdf\xfe\x85,\xcbH\xfe\xb8\x17\x02\x00X\x96Y\xfc\xd3\x929Cj\xb9\xa2\xa2\xa2\x12\x13\x13?\xf8\xe0\x03\xfa\x91\xfe\xff\xdf\xff\xfe7k\xb0}\x104C\xd3\xf4\xaa\xaa\xaa\xaa\xaa\xea\xd6\xcf\x04\x18\x86\xc1$\xa6iH(y\x04\x02\x00X\xd6\x85\xb6&gt;\xb4"\xacS\xa7N\xac\xae\xee\x93\xfe\xdf\xe1px\xe2\xf2,\x8c\x06UM\r\xb9.\x94\x8cu\xbf\x1e\x832P\x80_Q\xe6\xa7\xde/\x91\xf9\x01\xabB\x00\x008\x87\xba\x99\xbf\xfc\xf2\x0bsY!\xcc\x18\xa3\xb5\x02\xe8\x84\x82\xf5 \x00\x000V\xb7\x84\xf8\xec\xd9\xb3_\x7f\xfd5\xabk\xfau]\x97$\xa9[\xb7n\x0c\x01\x00\xac\x08\x01\x00\x80\xb1\xba\xb6~\xc3\x86\r?\xff\xfc3\xad$\xa0\xd4s\xe7\xce\x9d\xaf\xba\xea*\x86\x00\x00V\x84\x00\x00\xc0t]WU\xb5\xa8\xa8(33\xd3\x9c\x06\xa0\xa2\xc3\xb4\xb4\xb4\xa0\xa0 M\xd3\x10\x00\xc0z\x10\x00@t\xb4\xcdCuu\xf5m\xb7\xdd\xf6\x9f\xff\xfc\x87v\x8f\xa0\x95\x01\x11\x11\x11\x19\x19\x19\xe6\xd1\x02\x00\x16\x83\xc7\x1a\x84\xa6i\x9a\xa2(%%%7\xddt\xd3\xae]\xbb(\xf9\xc3\xea\xf6\x93x\xea\xa9\xa7.\xbb\xec2\x9c\n\x00V\x85\xc7\x1a\xc4\xa5i\x9a\xaa\xaa\xdf\x7f\xff}rr\xf2\x8e\x1d;TU\xa5\x1dll6\x9b\xd3\xe9\x9c2e\xca\xb4i\xd3\xb0\r\x1cX\x18\x02\x00\x08\x8a\xf2\xfeyyy7\xdcp\xc37\xdf|\xa3(\n%\xfaUUu:\x9d\x13\'N|\xe5\x95Wh1\xb0\xaf\xaf\x14\xc0S\xf0p\x83\x88\xa8_\xff\xf2\xcb/\xa7\xa4\xa4\x14\x16\x16\xd2\xeeoT\xf6\xa3i\xda\xcc\x993\xd7\xacYC\xa9\x7f\xcc\xfd\x82\x85!\x00\x80p\xa8\xf5_\xb4h\xd1}\xf7\xddgn\xf8CI\x7f\xca\xfb?\xf7\xdcs\xe6\xbe\xa1\xbe\xbeX\x00\x0f\xc2^@ \x16j\xeb\x97.]\xbax\xf1bJ\xfa\xd36\x9f\xba\xae\xb7m\xdb\xf6\xd5W_\x1d=z4\xcd\x0c\xa3\xf5\x07\xcbC\x00\x00\x81P\xeb\xbfq\xe3\xc6\xac\xac,j\xfd9\xe7\xaa\xaaj\x9av\xf5\xd5Wo\xdc\xb8\xb1g\xcf\x9e43\xec\xeb+\x05\xf0\x06&lt;\xe8 \n\xca\xe9\x97\x95\x95M\x9f&gt;\x9d\x8a\xfd9\xe74\xf7\x9b\x90\x90\xb0y\xf3\xe6\xd8\xd8X\xb4\xfe \x14\xcc\x01\x80(h\xb3\x87\xd5\xabW\xd3\xac/U\xf7\xeb\xba\xde\xbbw\xef-[\xb6\xc4\xc6\xc6R]\x90\xaf/\x13\xc0{\x10\x00@\x14\x8a\xa2p\xce\xd7\xad[g\x9e\xf6\xc59\x0f\x0b\x0b{\xe7\x9dw\xda\xb5kGy\x7f__#\x80W!\x00\x80\x10\xa8\xaa\xe7\xbf\xff\xfd\xef\xb7\xdf~K\x87\x00S&lt;\x989s\xe6\xd5W_\xedt:\xd1\xf7\x07\x01!\x00\x80\x10h\x7f\xb7\x1f\x7f\xfc\xb1\xa6\xa6\x86\xca{\xa8\x00\xf4\x8e;\xee\xc0N\x0f ,&lt;\xf7 \x90\xe2\xe2bVw\xc4 \xe7&lt;&amp;&amp;\xa6K\x97.\xee:\xb9\x10 \xe0`\xd8\x0bB\xa0\x11\xc0\xd9\xb3gUU\xa5\xe4\x8fa\x18\xb1\xb1\xb1!!!\xbe\xbe4\x00\x9fA\x00\x00\x81\xd4\xd4\xd4h\x9a\xa6i\x1a\xfdXQQA}\x7f\xac\xf9\x021!\x00\x80\x10\xa8\xa1\xbf\xf6\xdak\x17-ZD\xcd=\xe7&lt;66\xd6\xd7\xd7eM4\xc0\xa2\x8d\xb5[\x89\xfe\x1e\x1a\xc0\x81\xdb!\x00\x80\x10(\x00\xc4\xc5\xc5\xc5\xc5\xc5\xf9\xfaZ\xacOU\x95\xb0\xb00\xc6\x99\xac\xb4vr\xc5\xd0\x8d\xb0\xb00UE\x85\xaeG \x00\x80@\x1avKQ\xfd\xe9^t{\xbf\xd9wht\xd28]3Z\x9fZ\xe3\x9c)\xaa|`\xdf!VW\xcb\xdb\xfa\x8b\x04\x13\x9e~\x10\x08\x15\xfc\x981\x00\xc5?nG\xb9\x9a\xca\x8a\xca\xcf\xb7\x7f\xe1\x89\xbf\x1c\x01\xc0\xbd\x10\x00@ \xd4\x854\xdb}\xce9\xce\xfb\xf5\x04\xd7\x9b\xec\x16\x98\x06\xf0\x10\x04\x00\x10\x85\xd9\xd6\xff\xfb\xdf\xff.--\xbd\xe4\x92K\xae\xb8\xe2\ns[\x08__]`\xa3\x16\xdf\xb5\xd1wo{m\x9e\xcd\x80\xaa-\xf7B\xdf\x07\x84@\xad\xfc\xfe\xfd\xfbG\x8e\x1c\xd9\xb3g\xcf\xfe\xfd\xfb\xf7\xec\xd9\xf3\xc6\x1bo&lt;p\xe0\x00\xc5\x00__``\xd34\xcd0\x0c\xfa\x7f\x8f2_\xc8\xd7\xef\xd8"0\x02\x00\xeb\xa3\xf6\xfd\xc4\x89\x13#F\x8c(**\xa2_VWWo\xd9\xb2\xa5\xa0\xa0\xe0_\xff\xfaW\xc7\x8e\x1d\xb1!\xc4\xc5\xa1\x9b\x96\x90\x90\x90\x97\x97\xe7\xb5\x17\xed\xd7\xaf\x1f\xc3\x14\x8e; \x00\x80\xf5\xd1&gt;\xcf999EEEAAA\xb5\xb5\xb5\xf4{\xbb\xdd^TT\xb4v\xed\xda9s\xe6\xe0\xfc\xf7\x8bC\xd9\x98\xe8\xe8\xe8\xe4\xe4d\x9f\xbc4\xb4\x06\x02\x00\x88\xe2\xdbo\xbf\x95$\x89N\x01\xa3\xdf\xd0\t\x01\x07\x0e\x1c`hMZ\x87V~y\xed\xe5h7\'\xaf\xbd\x9c\x85!\x00\x80\xf5Qc\xe1t:\x1b\xe6\xfa9\xe7N\xa7\xd3\x17\x17e)\x92$\xe14\x85@\x841/X\x1f\xb5\xfb\x1d;v4\x8bI\x08\xfdx\xd9e\x971wW\xad\x00\x04\x04\x04\x00\xb0&gt;J\xee\xdfr\xcb-\x9csM\xd3l6\x9b\xa2(t\x16&lt;\xe7|\xec\xd8\xb1\x0c3\x8a $&lt;\xf4`}\xb4\xfa\xf7\xfa\xeb\xaf_\xb2d\t\xe5|t]\xa7R\xc2\xe5\xcb\x97\x0f\x1c8\x10%@ &amp;\xcc\x01\x80\x10(\x06,X\xb0`\xc4\x88\x11\x9b6m:q\xe2D\xc7\x8e\x1d\xc7\x8c\x19s\xddu\xd7\xa1\xf5\x07a!\x00\x80((\x06\x0c\x180`\xc0\x80\x01\xe6/\xd1\xfa\x83\xc8\x10\x00@ \x14\x03hG \xda\x19\x02\xad?\x88\x0c\x01\x00\xc4\x82F\x1f\xc0\x84o\x02\x00\x80\xa0\x10\x00\x00\x00\x04\x85\x00\x00\x00 (\x04\x00\x00\x00A!\x00\x00\x00\x08\n\x01\x00\x00@P\x08\x00\x00\x00\x82B\x00\x00\x00\x10\x14\x02\x00\x00\x80\xa0\x10\x00\x00\x00\x04\x85\x00\x00\x00 (\xd1\xf7\x02\xa2\xb3L\xbdy\x9c\xa9\x9f\xa0w\x8dc\xb0\x00D&amp;z\x00PU%,,\x8cq&amp;+b\r\x86\x0c\xdd\x08\x0b\x0bSU\x9c\xe3\n .q\x03\x00\xf5\xfa\xbf\xd9wht\xd28]3\\N\x8a\x15\x02\xe7LQ\xe5\x03\xfb\x0e1\xc6h{d__\x11\x00x\x9b\xb8\x01\x80\xb2\x1f\x95\x15\x95\x9fo\xff\xc2\xd7\xd7\xe2c\x9cs\x04\x00\x00\x01\x89\x1b\x00\x88$I"\xef\x0e\x8fi\x00\x00\x91\t\x17\x00\xa8\xc5wm\xf4En\x01%I\xa2\xbe?\xdd\x10\x8c\x03\x00\x84"\\\x00\xd04M\xcc\xb2\x9f\xe6\xd1\r\xd14\xcd\xd7\x17\x02\x00\xde#\x89\xd3\xff\xa5LwYY\xd9\xbe}\xfb|}-~\xaa_\xbf~\xd1\xd1\xd1\x98\x12\x00\x10\x84@\x01\x00\x00\x00\\\t\x97\x02\xa2\x95_\xbe\xbe\n?%\xcb2\xfa\xfe\x00\xe2\xc0\x08\x00\x00@P\xe2V@\x02\x00\x08\x0e\x01\x00\x00@P\x08\x00\x00\x00\x82B\x00\x00\x00\x10\x14\x02\x00\x00\x80\xa0\x10\x00\x00\x00\x04\x85\x00\x00\x00 (\x04\x00\x00\x00A!\x00\xf8\x12\x96%\x03\x80\x0fa%0\x00\x80\xa00\x02\xf0\r:\x89e\xdf\xbe}\xef\xbc\xf3\x0ecL\xd7u__\x11\x00\x08\x07#\x00\xdf\xd04MU\xd5\xf1\xe3\xc7\x7f\xf6\xd9g\x85\x85\x85\xb4\x0b\x1b6b\x03\x00o\xc2\x08\xc0\x07t]WUu\xe7\xce\x9d\xef\xbf\xff~II\xc9SO=%\xcb2&amp;\x03\x00\xc0\xcb0\x02\xf06\xce9\xe7\xdc\xe9t\x0e\x1a4\xa8\xa0\xa0@\x96\xe5\xa8\xa8\xa8\x83\x07\x0f\xc6\xc4\xc4\xb0\xba\xa3\x19\x01\x00\xbc\x00\xcd\x8d\xb7\x19\x86!\xcb\xf2\xbau\xeb\n\n\n\x14E\x91e\xb9\xb4\xb4t\xde\xbcy\xb2,#\x18\x03\x807a\x04\xe0U\xd4\xfd///\xef\xdd\xbbwQQ\x11\xab;\xa8RU\xd5\xdd\xbbw\xc7\xc7\xc7Sx\xf0\xf5e\x02\x80\x10\xd0\xd6x\x15\xb5\xef\xabV\xad*,,\x94$\x89j\x81$I\xaa\xad\xad\x9d={\xb6\xae\xeb\x88\xc7\x00\xe05\x18\x01x\x8fa\x18\x92$}\xff\xfd\xf7qqq\x9a\xa6\xd1h\x80\xfe\x95\xaa\xaa\x9a\xa6\xadY\xb3f\xe2\xc4\x89\xba\xae+\x8a\xe2\xdbK\x05\x00\x11`\x04\xe0=\xd4\xd9\x9f?\x7f~mm\xad$I\xf4#\x95~RlX\xbcxqEE\x05\xfd+__,\x00X\x1f\x02\x80\x97P\xbf~\xeb\xd6\xad\xeb\xd7\xafW\x14\x85V~\xd1 \x80rA\x8a\xa2\x1c;v,;;[\x96e\xac\x0b\x03\x00/@g\xd3\x1b\xa8\xa17\x0c#..\xee\xc8\x91#\xd4\xeb\xe7\x9c\xf7\xe9\x1f\x97\x984\xf0\xa5U\x7fU\x14\x85\x06\x01\xe1\xe1\xe1{\xf7\xee\xed\xda\xb5+\xe7\x1c\xb3\xc1\x00\xe0Qhb\xbc\x81\xe6~_y\xe5\x95\xc3\x87\x0f\xd3\x9a/\xca\xf3\xcc\x9e7s\xe1\xe3\xf3\xaf\xe8t\xb9a\xe8\x94\x0e\xaa\xa8\xa8x\xec\xb1\xc7\x90\x05\x02\x00/@\x00\xf08\xea\xcb\x97\x95\x95eee\x99\xd9\x1e]\xd7So\x199\xfc\xc6a\x9a\xa6=\xb4`6\xe7L\x92$J\x13\xbd\xf9\xe6\x9b;v\xec0\xd3D\x00\x00\x1e\x82\x00\xe0q\xd4\xdf\xcf\xca\xca*++\xa3\xd5^\x9cs\x9b\xdd\xf6\xe0\xfcY\x9c\xf3\xf2\xf2\x8a\xb4\x89\xb7]?\xf0Z\xb3\xf8G\xd7\xf5\xac\xac,\xb4\xfe\x00\xe0i\x08\x00\x9eE\xc9\x9f\xc3\x87\x0f\xbf\xf2\xca+4\xbbK\xe9\xfe?M\xbf\xabo|\x9f*G\x95\xa2(\xba\xa6g.y\xd8n\xb7s\xce\xe9\x0f\xec\xd8\xb1c\xed\xda\xb5\x8a\xa2h\x9a\xe6\xebw\x00\x00\x96\x85\x00\xe0YT\xe4\x93\x91\x91\xa1i\x1ae\xf99\xe7\xedc\xdaM\x99yO\xb5\xa3\x9a\xb6\x82pT:\x06\'\x0f\x1a5\xf6F\xca\x0e\xd1\x7f\xb2x\xf1\xe2\xca\xcaJ\xec\x0f\x01\x00\x9e\x83\x00\xe0A\xd4\x9d_\xbf~\xfd\xd6\xad[)\xa7O3\xc0\x0f\xce\x9fu\xf9\x95\x97\x9d9s\x86\xca\x81\x14EqTV\xcd]\xf4PdT\x84\xc1\r\x9a38v\xec\xd8\x93O&gt;\x89]B\x01\xc0sPm\xe2)\x94\xeb\xd74-..\xee\xfb\xef\xbf7\x17|\xf5\xee\xdb\xeb\xbd\xbc\xf5\xf5\x9auM\xd3\xda\xb5o\xfb\xc2\x8a\x97\x96&lt;\xfa8\xe5\x88dYV\x14\xe5\xc0\x81\x03=z\xf4\xc0\x06A\x00\xe0\thV&lt;\x85Z\xed\x95+W\x1e=z\xd4,\xf3\x97\x15\xf9\xd1\xa5sC\xc2B\xea\xcd\xf1\xaa\xaaZ^V1i\xda\x9d]\xbaw\xa6\x92P\xc6Xmm\xed\xfc\xf9\xf3\x19c\x08\xd2\x1e\xe2\xba\x1b\x07\x80\x80\x10\x00&lt;\x82Z\xff\xc2\xc2\xc2\xa7\x9f~\xda\x9c\xfb\xd5u}\xf4\xb8Q\xc3oL./-o\xb8\xdb\x8f\xae\xeb!!\xc1\x0b\x96\xcds-\t]\xbf~\xfd\xf6\xed\xdbQ\x12\xea!8\x85\r\x04\x87\x00\xe0\x114\x91\x9b\x99\x99YZZj\xae\xfb\r\x8f\x08\xcf\x98;\xa3\xe6tM\xa3\xf9\x1cEQ*+\x1c)\xa3\x87\'&amp;\r\xa2\xd6\x9f\xfe\x92\x87\x1ez\xe8\xec\xd9\xb3X\x1a\xe6v\x9c\xf3\xb3g\xcfVUUa\x1c\x00\xc2B\x00p?\xb3\x94\xf3\x8d7\xde\xa0\xce;\xa5\x80&amp;O\xbd\xb3o|\x9f\xaa\xaa\xeaf\x12\xfa\xband=&gt;OUU\xda:B\x96\xe5\xbd{\xf7\xae[\xb7\x0e\xb3\xc1\xeeEEY\xaf\xbc\xf2\xca\xe4\xc9\x93iu\x9e\xaf\xaf\x08\xc0\x07\xd0\xaft?J\xd7\x0c\x1b6\x8c\x16\xf4R\x07\xf3\xf2+/\xdb\xbc\xeb\xbd\xe0\xe0`]\xd7\x9bI;h\x9a~I\xbb\xa89\xf7f\xbe\xf9\xf7u\xe6\xccALL\xcc\xc1\x83\x07\xa3\xa2\xa2\x90\xb2p\x0b\xfaD\xaa\xaa\xaa\xfa\xf7\xef\x7f\xfc\xf8\xf1\x82\x82\x82~\xfd\xfaa\xf3%\x10\x10\x9ex7\xa3\xfe\xfe\xda\xb5k\xcd\xed\x1c({3\'\xeb\x81\x98\xd8\xf6\xb4\x11t3\xff\xb9\xa2\xc8\xa7\xabj\x1e\\0+2*\x82\xba\xa5\x92$\x15\x16\x16\xaeZ\xb5\n\x83\x00w\xa1\xa1\xd5SO=u\xfc\xf8q\xc6\xd8\x03\x0f&lt;\x80\x0c\x1b\x88\t\xcf\xbd;Q\xd7\xd2\xe1p$$$\x1c?~\x9c:\xec\xba\xae_?\xf0\xda\x8dy9\x15\xe5\x95-9\xe9E\xd3\xb4K\xdaE\xffe\xe5+fI(\x9d\x19y\xe0\xc0\x81\xee\xdd\xbb\xa3\xa3\xdaJ\xd4\xfa\x1f=z\x94\x8e\xe5\xa1\x0f(\'\'\'--\rG\xf1\x80h\xd0\x94\xb8\x13-\xf5\xca\xce\xce&gt;v\xec\x18\xb5\xdd\x9cs\xbb\xdd\x9e\xb9\xe4a]7Z\x98\xbdQT\xc5Q\xe1\xa8+\t5(\x8aPI(:\xaa\xadG7\xd0\xf5X\x9e\x86?\x02\x08\x02\x01\xc0mh#\x87\xe3\xc7\x8f?\xf3\xcc3\x94\xfcQU\xd50\x8cQco\x1c\x9c&lt;\xc8Q\xe9ha\xcf]b\x92\xa6QIh&amp;\x15\x025\\Q\xec\xe9\xf7bUt\'\xb7o\xdfn\x1e\xcbC\x9f\xda\xd1\xa3GW\xae\\\x89$\x1b\x88\x06]\x1e\xb7\xa1\xc6%--m\xc3\x86\r\xd4\xfdg\x12\x8b\x8c\x8c\xf8\xf8\xf3M1\x1d\xda;k\x9d\x174\x7f\xab\xebzdt\xe4\x9f\xd2\xa7m\xf9`\xab9\x93|\xd5UW\x1d8p@\x96e\xcc\x06_\x04\xba\x87N\xa7311\xb1\xa0\xa0\xc0,\xfe\xa1\x9b\x19\x15\x15u\xf0\xe0\xc1\xd8\xd8X$\xd9@\x1cx\xd0\xdd\xc3\xecZR\xebO\xb9 n\xf0\xbb\xee\x9d\xd4\xadG\x9735g.\xb4\xbd\x96$Isj\x0f\xce\x9fe\xb3\xdb\xa8\xe5r\xddU\x14\x1d\xd5\x8b@\xd9\xffu\xeb\xd6\xed\xdd\xbb\xd7&lt;\x96G\x92\xcf\x1d\xce\\ZZ\x9a\x99\x99\x89,\x10\x08\x05\x8f\xbb\x1b4\xecZ\xd2/;w\xeb\x94\xbb{\x13\xe7\xe7\xd6\x85]\xe8_\xabiZ\xdb\xf6m\x17=\xbc\xe4\xe5\xec\xbf\x9d\x1bR0\x16\x15\x15u\xec\xd8\xb1\xa8\xa8(\xc6\x18\x06\x01-G\x9fQEEE\xaf^\xbd\x8a\x8a\x8a\x1a.\xfe\xa2a\xd6\xb6m\xdb\x86\x0c\x19\x82\xd9`\x10\x04F\x00n\xd0h\xd7\x92s\xbe`\xd9\xbc\xd0\xb0\xb0\xe6\x0b\xff\x9b\xa1(J\xb5\xa3z\xca\xcc{\xda\xc7\xb4\xa3\xd6\xaa\xde\xc9b\xee~\x1fVF\x9fQVVVaa!}:\x92$\x85\x86\x85^\xd9\xf9\nV\x17J\r\xc3\xc0Q&lt; \x14\x04\x80\xd6rM P\xebO)\xa0\xc4\xa4A)\xa3\x87WV\xb4\xa8\xf4\xb3Q\x92$\x9d9s\xe6\xf2+/{p\xfe,j\xbf(\xb3\xe4z\xb6\xb0{\xdf\x8bU5z,\x0f\xe7\xfc\x8e\xbb\xd2W\xbf\xfd\xb2\xaa\xaa\xe6L\xbby\x14\x0f\xc2\x00\x88\x00\x01\xa0\xb5\xa8qY\xb5j\x95\xd9\xb5\xe4\x9c\xab\xaa\x9a\xf5\xf8&lt;]om\x03M\xbb\x84\x8e\xff\xe3\xd8\xde\xbf\xebE/$I\x92\xa6i\x19\x19\x19\xc8V\xb7\\\xa3\xc7\xf2\xb4\x8bi75\xe3\xcf\xd7^\x9f\xd0\xf0(\x9e\x8a\x8a\n\xdc^\x10\x01\x02@\xab\x98]\xcb\x15+V\xb8\x9e\xf88a\xd2\xf8\xdf%\xf4\xa9r4\xb7\xedO\x0b\xe9\xba\x1e\x1a\x16\x96\xb9h\x8ekI\xe8\xd6\xad[Q\x12\xdaB\r\xef\x18\r\x9e\x1e\x9a?\xeb\x8a\xce\x97\x9f:uj\xdec\x0fGEG\xd2Q&lt;\x8a\xa2\x1c;v,;;\x9b&gt;M__;\x80g\xa1\x9b\xd3*\xd4\xb8\xa4\xa4\xa4P\xe3B\xd9\xff\xf0\x88\xb0\xbc\x82\xdc\xa8\xa8(\xa7\xf3\xc2J?\x9by\x95\x88\xc8\xf0?\xdf~\x1fJB/\x94y,O\xdf\xbe}\x8f\x1c9b\xce\xcf\xf7\xea\xdb\xf3\xbdOs\x0c\x83;\x9d\xce\x98\xd8\xf6\xcb\x17&lt;\x95\xfd\xc4\xf3\xbf~\x82\xe1\xe1{\xf7\xee\xed\xda\xb5+JB\xc1\xda\xf0p_\xbc\xa6\xba\x96\x19\x8f\xcc\xb8\xf4\xf2\x8e\xe6\x89\x8f\xad\'I\x92\xa1\x1b(\t\xbd\x08\xe6\xb1&lt;\x87\x0f\x1f6\xdbw\xcey\xe6\xa294?o\xb3\xd9\xcaJ\xcb\xa7?4\xads\xd7N4]/IREE\xc5c\x8f=\x86,\x10X\x1e\x1e\xf1\x8bD\r\xb1a\x18qqq\xf5\xba\x96\x1fl\xdb\xa0i:g\\bn\xeb\x98SI\xe8\xc29\x8f\xbd\xf2\xecj\xb3!\x8b\x8c\x8c&lt;t\xe8PLL\x0cc\x0c\x1d\xd5\x86(4\x16\x15\x15\xf5\xee\xdd\xbb\xbc\xbc\x9c\x02\xa7\xae\xeb)\xa3G\xfc\xdf\xdb/WV8h~^\xd3\xb4\xe8\xb6\xd19k6\xcc\x9e2\xc7\xdc\xbe\x9b1\x96\x97\x97\x87\x92P\xb06\xb4\x1a\x17\x89\xba\x96\xae\x059f\xd728$X\xd7u7\xb6\xfe\xec\xdc\xc1\xf1\x8e\xfb\x1f\xbe\xafS\x97+\xcd\r\x82\xca\xca\xca\xe6\xcd\x9b\'\xcb2\xa2x\xa3\xa8\xc5\x9f7o^ii)\x05H:\x96\'s\xf1\x1cM\xfb\xb56WU\xd5\x8a\xd2\x8a\xb4\x89\xe3\xae\x1fx\xad\xd9\xdc\xeb\xba\x8e\x92P\xb0&lt;\x04\x80\x8bAMpaaaVV\x96k\xe9g\xea-#\x93S\x86\x96\x97U\xb8\xbd\xcf(IR\xed\xd9\xda\x98\x0e1\xd3\x1f\x9cf\xce\x06\xcb\xb2\xfc\xd6[o\x99\x8b\x0f\xdc\xfb\x8a\x81\xce&lt;N\xe7\xad\xb7\xde\x92eY\xd34\xf3X\x9e\xb8~\xbd\xab\x1cU\xbf\x193IL\xd7\x8c\xcc%\x0f\xdb\xedv\xce9JBA\x10\x08\x00\x17\xc3\xecZ\x96\x95\x95Q\x07\x9csn\xb3\xdb\x1e\x9c?\xcbh\xf1\xae\x9f\x17JU\xd5\xd2\xe2\xd2\t\x93\xd3\xae\x1b\x98@-\x94$Ig\xcf\x9e}\xe8\xa1\x87\x90\xadn\xa8\xde\x81\x9a\x94\xfc\xe9\xd4\xe5\xca\xa9\x19\x7f*/\xadPU\xd5\xf5\x0f\xcb\xb2\xec\xa8t\x0cN\x1e\x84\x92Po\xa2$\xaa\xaf\xafBh\x08\x00\x17\xac\xa9\xae\xe5=\xf7M\xee\x1b\xdf\xc7Q\xafk\xe9V\x9cs\x9bM\x9d\x959SVd\xd6\xd8\xde\x96\x1ez\xdd\x80Cwf\xc3\x86\r\xdb\xb7ow=\x96g\xfa\x83\xd3b/\x8dm\xf4X\x1eEQ\x1c\x95U\x8f,z\x08%\xa1^C\x81\xd9\xd7W!4\xdc\xfd\x0b\xd6\xb0ki\x18F\xa7.W\xde\xff\xf0}\x8eJ\x87G\'\x0c\x15E)/\xab\x18q\xd3\xb0\xd1\xe3F\x99\xcbY\x19\xb6\xb3\xff-\xba\t\x15\x15\x15s\xe7\xce\xa5{B1\xe0\xba\x81\t\x13&amp;\xa7\x95\x16\x97\xd6\xeb\xfe\x13I\x92\xce\xd4\x9c\xe9\xd6\xa3\xcb]\xd3&amp;q\x83\x9b\xab:\x9ey\xe6\x99\xe3\xc7\x8f\x9b{1\x81[\xd0Q\x19\xfb\xf6\xed{\xe7\x9dwX\xdd)\xaa\xe0}\x08\x00\x17\xc6\xdc\x9a\xbfa\xd72\xa6CL\xed\xd9\xf3\x9c\xf8\xd8z\xb2,\xd7\x9c\xae\xc9\x98;#&lt;"\xdc\\u\x8c\xed\xec]\xd1g\x94\x9d\x9d\xed\xdap\xcb\xb2&lt;+s\xa6\xcd\xa66\x13#\x15E1KBi\x9a\x87\xfd6\x90x\xef=X\x1d\xdd\xde\xa5K\x97N\x9b6\x8d\x96g\xe3\xf6\xfa\x04\x02\xc0\x05\xa0g\x94\x0e\xe7\xa2\x1f[\xd2\xb5t/Y\x96\xab\xaa\xaa\xfb\xc6\xf7\x99&lt;\xf5Ns\xf2Y\x96\xe5\xa7\x9f~\x9a\xf6\xa2\x10&lt;\x06\xd0=9v\xec\xd83\xcf&lt;c\xf6\xe2u]\x1f\x93v\xf3\x88\x9b\x865??O\xdbl\x84E\x84\xcd\x9e7\xd3u\xdd\xb5k*\xc9\x9b\xef\xc5\xaa\xe8\xac\xa4\x9d;w\xbe\xff\xfe\xfb%%%O=\xf5\x14\xfa.\xbe\x82\x00p\x01\xa8qY\xb9r\xe5\xd1\xa3G\xe9\xb4/\xc6\x98\xac\x9c\xbfk\xe9^\xaa\xaa\x96\x97\x96O\xcd\xf8S\xa7.W\x9ak\x97JKKQ\x12\xca\xea\x12t\x8f=\xf6\x18M\xde2\xc6\x0cnDEG\xce]4\xa7\xba\xea\xf4y\x13t\xaa\xaaV\x94U\xa4\xdd9.1i\x90\x99ds\xcd\xf8\t~{[\x8f\xee\xe7\xd9\xb3gg\xcf\x9e\xadi\x1a\xfa.\xbe\x85\x00\xd0R4\xf7{\xec\xd8\xb1\'\x9f|\x92\xba\x96\xaa\xaa\xea\xba&gt;z\xdc\xa8\xf3v-\xdd\x8b\x8e\x08\x8e\xbd4\xb6^I\xe8\xda\xb5k\x0b\n\nD\xceV\x9b\xe5\x9bo\xbe\xf9\xe6o\x8e\xe5\x996\xa9k\x8f.555-L\xd0i\x9a\x9e\xf5\xf8&lt;UU\xa9L\x85\xe6\xfc\xd7\xad[\x87\x8ej\xeb\x99{\xa7\xd3\xb3*\xcb2\xfa.&gt;\x84\x1eMKQ\xe32y\xf2\xe45k\xd6P\xd3/IRHh\xc8\xfb\xdb6t\xeb\xd1\xa5\xa6\xe6\x8c\x97\xeb\x19\x0c\xc3\x08\x0e\t\x1e?\xf2\x8e\xaf\xbf\xd8k\xae]\xba\xe1\x86\x1b\xb6m\xdb\xc6\x18\x13s\xf1*}(\xc9\xc9\xc9;v\xec\xa0\xce\xbba\x18\x9d\xbbv\xda\xbag3\xcd\x97\xb4&lt;\x00\\\xd2.j\xce\xbd\x99o\xfe}\x9d\xb9\xee:&amp;&amp;\xe6\xe0\xc1\x83QQQ\xd8|\xe9\xa2\xd1\xa7P^^\xde\xbbw\xef\xa2\xa2"V7 \xb0\xd9l\xf9\xf9\xf9\xf1\xf1\xf1\xd8|\xc9\xcbp\xaf[\xa4^\xd7R\xd34Y\x91\r\xc3\xf8\xf3\xfdw\xf7\xe9\x1fW]}\xda\xfbO-\xcd@\xcc_:\xd7n\xb7\xd1\xda%\xca\xab\n\xbbv\x89&gt;\xa37\xdex\x83Z\x7f\xf3\x1c\x9e\xd9\xf3f\x86E\x84\xd1Lc\x0b\xff*E\x91OW\xd5&lt;\xb8`VdT\x84ynpaa\xe1\xaaU\xab0\x08h\x8dz{\xa7S-\x10\x96\xb3\xf8\x10\xeex\x8bP{:l\xd8\xb0F\xbb\x96\xbe\xba*M\xd3\xda\xc7\xb6\x9b\xf6\x87\xfb7\xbe\xfd\xbe\xb9Kh\xd7\xae]\xf7\xee\xdd\x1b\x1e\x1e.TG\xd5\xb5ky\xf2\xe4I\xc6\x18\xa5\xe9\xae\x1fx\xed\xc6m\xeb+\xcb*i\xe5D\xcbi\x9avI\xbb\xe8\xbf\xac|e\xc9\xa3\x8f\x9b\x83\x00UU\x0f\x1c8\xd0\xa3G\x0fj\xc8&lt;\xf3V,\x8b\xee\xe1\xf7\xdf\x7f\x1f\x17\x17\xa7i\x9a\xeb\xa9\x9c\x14\xb0srr\xd2\xd2\xd2\xb0\xf9\x927\xe1!&gt;?Z\xea\xb5v\xed\xda\xa6\xba\x96\xbe\xba0\xac]2\xb9v-\xcd\xb5\xd9\xaa\xaaf.yX\xd7\xf4\x8b\xd8\x96IQ\x15G\x85c\xd2\xb4;\xbbt\xefl\x18\xe7f\xda]\x0b\xc0\xdc\xff\x1e\xac\x8e:\xfb\xaekV\xcc&gt;\n\x96\xb3\xf8\n\x02\xc0yPR\xb2\xb2\xb2r\xf1\xe2\xc5\xae\xab\x8a\xae\x1fxm\xda\xc4\xdb*\x1al*\xe0M\x8d\xae]\x92e\xf9\x99g\x9e9v\xec\x988\xb3\xc1\xd4\xfa\x1f=z\xb4\xe1\xb1&lt;\x89I\x03\x1d\x95\x8e\x8b\xe8\xadKL\xd24=$$x\xc1\xb2y\x9c3\xb3$\xd4u\t\x88\'\xde\x8bU\x99{\xa7\xbb\xaeZ7\'f\x0c\xc3\xc0r\x16\x9f@\x008\x0fj\\\x9e|\xf2\xc9c\xc7\x8e\xd1\xa3\xd9\xca\xae\xa5{\xb9\xae]\x12v;\xfbz]KjP"\xa3"\x1e\\0\xab\xaa\xb2\xfa\xa2\xf3\t\x8a\xa2TV8RF\x0fGIh+\xd1}s=\xca\x94\x0e2\xfa]B\x9f)3\xef1;U(\t\xf5&gt;\x04\x80\xe6P\xe1?uL\xcc\x9d\xe2[\xd9\xb5t/\xd7\xb5K\xf4#]\xe4\x9bo\xbei&amp;\xac|{\x85\x9e\xd6\xb0kI) w\x1d\xcb\xa3\xeb\x06JB[\xa9\xa9\xbd\xd3\x1f\x98\x97\xf1\xe8\xd2\xb9Wt\xba\xdc\xdc\xe1\x1c%\xa1^\x86^Ls\xa8qIOO\xa7\xc6\x85\xbe\xf0\x11\x91\xe1\xee=\xf1\xb1\xf5\x0c\xdd\x88\x88\x0e\x1f\x9b\x9c\xfe\xe5\xee\xaf\xcd\x92\xd0!C\x86\xe4\xe5\xe51K\x97\x846u,O\xe7n\x9d\xb6\xee\xd9\xcc\r\xc3\xe0\xad=\x96\x07%\xa1\xadD\x9fQEEE\xb7n\xdd\xca\xcb\xcbY\xdd\xfc|\xea-#_y\xf3E\xbb\xdd\xf6\xfa_\xff\x919s\x81\x19\xbcQ\x12\xeaM\xb8\xbfMj\xb8\xd7\xa6{\xbb\x96\xee\xd4\xecv\xf6&gt;\x9c\xa6\xf6\xb4\xa6\xba\x96\x0b\x96e\x86\x84\x04k\x9a\x1b\x8e\xe5AIh+\xd1g\x94\x95\x95\xd5p\xeft\xc6XiI\xd9\xed\x93\xd3\xb1\xc3\xb9\xaf \x004\xce\xccZ\x9a\xcf\xa2,\xcb\x86\xa1w\xe9\xdey\xd2\xb4;\x1d\x15\x0eE\xf5\xa3nu3\xdb\xd9WVVZu@M\x1fJYYYVV\x16e\x8d\xcdcyR\xc7\xa4T\x94W\xbae\xe8#I\xd2\x993g.\xbd\xbcc\xc6#3\xea\x1e\x03C\x96\xe5\x15+V\x98Q\xa7\xf5\xafbUf\xd2\x8c\xce\xaf6\x93\xa8\x7f\x9a~W\xdf\xf8&gt;U\x8e*I\x92\xb0\xc3\xb9\x0f!\x004\xce\xecZ\x9a\xe7mI\x92\xc49[\xb0l\x9e\xbb\xba\x96\xeeE%\xa1s\x17=\x14\x19\x15A%\xa1\xae\x1bWX\xb2\x91\xa2\x0f\xa5\xd1\xae\xa5\xe6\xbc\x80e_\xe7\xf5\xdb\x92P\xc3,\t5\xa74\xdd\xf5B\xd6cN\x9b\xd3B&lt;\x8a\xd3\xedb\xdaM\x99yO\xb5\xa3ZQ\x14\xecp\xee[\x08\x00\x8dp\xedZ\xba\x9e\xf8\x98\x984(e\xf4p\xf30q\xbfB%\xa1]\xbaw\xcexd\x06\x95\x84\xban]g\xbd\x92P\x8a\xd0\x87\x0f\x1fn\xaak\xe9\xc6\xf4\xb1KIh\xa6\xeb.\xa1[\xb7n\xdd\xbau+:\xaaMiX8Kq\xfa\xa1\x05\xb3/\xbf\xf223\x89\x8a\x1d\xce}\x08\x01\xa0\x11\xae]K\xea\x83P\xd72\xeb\xf1y\xba\xee\xbf\x8f\xa3\xaa\xaa\xe5e\x15\xaek\x97\xd8o7\xaf\xf6\xf5\x05\xba\x135\xc4\x19\x19\x19f\xd7\x92s\xde\xde\xa5k\xe9\xde\x97S\x14\xa5\xa2\xbc2uLJ\xea-#]KB\xcd\x0b\xb0\xd8\xedm=\xba?\x8d\xee\x9d\xfe\x87\xbb\xd3KK\xca\xcc\x054\xd8\xe1\xdc\x87\x10\x00\xeak\xa6k\xd9\xff\xda\xdf\xb9\xb7k\xe9v\xba.\xc4\xda%\xf3}\x99\x1dp\xea*&gt;8\x7f\x96k\xd7\xd2\xbd$I\xd2\x9c\xda\x83\xf3g\xd9\xec6\xea\x13\xb8&gt;\'h\xa4\xea\xa1\xefQ\xa3{\xa7SM\xad\xeb\x1f\xc6\x0e\xe7\xbe\x82\x9eK}\xd4\xb8\xa4\xa4\xa4P\xe3B\xa3\x81\xb6\xed.\xd9\xb2{ST\xb4\x1f\x95~6\xc50\x8c\xf0\x88\xb0\t7M\xcc\xff\xecss\x83\xa0\xf8\xf8\xf8\xfc\xfc|\x9b\xcdf\x81\xb2EzG\x9a\xa6\xc5\xc5\xc5}\xff\xfd\xf7\xf4v\x0c\xc3\xe8\xdd\xb7\xd7{y\xeb=\xda\x10k\x9a\xd6\xb6}\xdbE\x0f/y9\xfbofV-**\xea\xd8\xb1cQQQ\x8c\xb1@\xbf\xb7\xeeB\xdf\x9a\x93\'O\xf6\xee\xdd\xbb\xbc\xbc\x9c\xba\xff\x9a\xa6\x8dI\x1b\xfd\xd7\xb5/\x16\x9f*i\xb8~^\xd3\xb4v1\xed^{i\xcd\xdc\x99\xf3Q\x12\xea5\xb8\xa7\xbf\xd10\xb7\xeb\x85\xae\xa5\xdbY{\xed\x92k\xd7\xd2\x8c\xd0\xb2"?\xbatnHX\x88GG9\x8a\xa2T;\xaa\xa7\xcc\xbc\xa7}L;\xea9\xd5+C\xf2\xdcK\x07\x16\xca\xffdff\x96\x96\x96\x9a\x11:,&lt;,c\xee\x8c\x9a\xd35\x8d6\xe5\xaa\xaa\x96\x16\x97N\x98\x9c\x86\x92PoB\x00\xf8\x95\x99\xb5t]\xb0n\x18F\xef\xdf\xf5\x1a\xff\xc7\xb1\xe5e\xbe\xdc\xf6\xa7\xe5dY\xaerT\xff.\xa1\xcf\x84I\xe3)\xa3J-\xa6\xf9m\x0c\xe8\xef\x12\xbd\x97\xc2\xc2\xc2\xa7\x9f~\xda\xf5\xc4\xc7\xd1\xe3F\r\xbf1\xb9\xbc\xb4\xdc\xa3\xf3\xf3T\x12z\xf9\x95\x97=8\x7f\x16]\tu\x11\\\x17"x\xee\xd5\x03\x85\xb9\x0c\xe5\x8d7\xde8\xd7\x8bj\xd9\xde\xe9\x9cs\x94\x84z\x19\x02\xc0\xaf\xcc\xae\xe5\xe1\xc3\x87\xcd\xae%\xe7&lt;s\xd1\x9c\xd0\xb0\xb0\x00z\xfe,\xbcv\xa9a\xd7\x92s\x1e\x1e\x11\xdeL\xd7\xd2\xbdh\xa6}\xfc\x1f\xc7\xf6\xfe]/z`\xea\xedr\xe3\xe9\x0b\x08\x08\xba\xaegee\x9d\xcb\xfb\xcb\xb2\xae\xe9\x9d\xbbv\x9a\xfe\xe0\xb42\x97\xb9\xdf\x86P\x12\xea}\x08\x00\xe7Ps\xdf\xb0k\x992zDr\xca\xd0\xf22\xcfv-\xdd\xab\x99\xb5KG\x8f\x1e\r\xdc\x18\xd0\xb0kIqz\xf2\xd4;\xfb\xc6\xf7\xa9\xaa\xaa\xf6N\x9aX\xd7\xf5\xd0\xb0\xb0\xccEsP\x12\xdaP+\xf7NGI\xa8\x97!\xa8\x9eC_\xe3\xbb\xef\xbe\xfb\xb5\xd7^3O|\x0c\r\x0b\xfd\xe0\xb3\r]\xbaw\xf1N\xef\xd2\x8d8\xe3\xb2$I\xb2&lt;r\xc0\xa8\x1f\x8f\xfdDs\xbf\xba\xae\xa7\xa5\xa5\xe5\xe4\xe4\x04\xe8\x99\x1b\r\x8f\xe5\xe1\x9c_~\xe5e\x9bw\xbd\x17\x1c\x1cl\xb65\xde\xb9\x92\x88\xc8\xf0?\xdf~\xdf\x96\x0f\xb6\x9aWr\xd5UW\x1d8p\x80\xc6\x04\x011W\xe4vt\x1f\xaa\xaa\xaa\xe2\xe3\xe3\x8f\x1f?n&gt;u\xd7\x0f\xbcv\xe3\xb6\x9c\xca2GK\x8e\xe5q:\x9d\xb1\x1dc\x17?\xb2\xf4\x85\x95/\x99\xdf\xc4\xa8\xa8\xa8\x83\x07\x0f\xc6\xc4\xc40\xc6\x02\xeb\x9b\xe8\xe7p+\x19\xab\xdb\xf5\xb3\xa0\xa0`\xed\xda\xb5\xb2,S/\x86\xba\x96q\xfdz\xfby\xe9g\xa3\x9aZ\xbb\xe4Z:\xe9\xebk\xbc0t\xfd\xf5\xba\x96\x9c\xf39Y\x0f\xc4\xc4\xb6\xa7\x14\x81\xd7.F\x92$C7P\x12ZO\xa3{\xa7\xdb\xed\xf6\xcc%\x0f\xeb\x9a\xd1\xc2\xb5\xf3(\t\xf5&amp;\x8c\x00\x18\xab\xebZ&amp;\'\'\xef\xdc\xb9\xd3\xec\xd0]\xd9\xf9\x8aM\xdb\xdf\r\x0e\xf1j\xd7\xd2\xbdt]\x8f\x8c\x8e\xfcS\xfa\xb4@\xef\xa8\xd2\x95;\x1c\x8e\x84\x84\x84\xfa]\xcb\xbc\x1cwm\xfbsA\x9a)\t\x8d\x8c\x8c\x0c\xa0{\xeb.\xe6\xb1&lt;qqq\xba\xae\xd3!\xd5\x9a\xa6\x8d\x9d0\xe6\x95\xb5/\x9c:Y\xdc\xf2\x1a\n\x94\x84z\r\xee\xe3\xaf]\xcb\x9d;w\x9aCN\xce\xf9\xf4\x07\xa7\xc5^\x1a\xeb\xe5\xae\xa5{Yf\xed\x125\x01\xd9\xd9\xd9\xe6Ig\xbfv-u\xc3\'\x1fP3%\xa1\x81uo\xdd\xc5u\xc2\x96\xd1\xd1\x14\x86\x1e\x19\x151w\xd1C\x8e\xca\xaa\x0b\x8a\xd0(\t\xf5\x1a\xd1\x03\x00\xa5G***\xe8\xc4Gs%\xfa\xb5\xbfO\x9809\xad\xb4\xb84 J?\x9b"\xcbr\x95\xa3\xaao|\x9f?M\xbf\x8b:h\r7P\xf3\xf55\x9e\x1f}(\xc7\x8f\x1f\x7f\xe6\x99g\xe8\xd3\xa1\x95\xa5\xa3\xc6\xde88y\x90\xaf\x8e\xe5i\xa6$\xd4\xdc@\xd0\xfbW\xe5+\x8d\xef\x9dn\xf0\x8cGft\xe9\xde\xf9L\xcd\x05/\xa0AI\xa8w\x88\x1e\x00\x9a\xe8Z\xda\xe6/\x9dkV\xa1\x054\x0b\xac]\xa2 =w\xee\xdc\x8a\x8a\n\xfa\x8dn\xe8Q\xd1\x91\x8f\\x\xd7\xd2\xbd\xeaJB\xc7\xf5\xee\xdb\x8b\x1e\xa4z[\x88\xfb\xea\xc2\xbc\xac\xf9\xbd\xd3/n\x01\rJB\xbdC\xe8\x00@]\xcbc\xc7\x8e=\xf3\xcc3\xd4\x83\xab\xebZ\xde\x94\x98&lt;\xb0\xb2\xc2\x07\x99e\xb7\x0b\xf4\xb5Kf\xd7o\xc3\x86\r\xae]\xcb\xbb\xee\x9d\xd4\xadG\x97\x8b\xe8Z\xba\xfd\xf2B\xc2B\x1e]:WVds\xa6]\xb4\x8ej\xf3{\xa7_\xf4M@I\xa8\x17\x08\x1dH5MSUu\xf2\xe4\xc9k\xd6\xac1\xe7\xf1"\xa3"&gt;\xfe|SL\x87\xf6\xceZ\x7f\xdf\xf6\xe7\x82\xc8\xb2t\xeb\xff\xa4\x1f\xda\xff\xad9\x83:r\xe4\xc8\xdc\xdc\\\x7f.\t\xa5\xaf\xbd\xd3\xe9LLL,((\x90\\N|\xcc\xdd\xbd\x89\xf3s}O\xdf^\xa4\xa6i\xed\xda\xb7\x9d\xfa\x87\x19\xef\xaf\xdfD\x1dU\xc30z\xf4\xe8q\xe0\xc0\x01UU-?\x1bL\rHyyy\xb7n\xdd***\xa8\xfb\xaf\xeb\xfa\xa0\xa1\x03\xdf\xfe\xe8\rGe\xab*\xe8\x9cN-\xb6c\xcc\xe2G\x96\xbe\xf8\xf4\xcb(\t\xf5\x04qo\x1f\xf5\xf7w\xee\xdc\xf9\xe6\x9bo\xbanV~\xd74\xbf\xe8Z\xbaW\x80\xae]\xa2\xae\xe5\xbau\xeb~\xdb\xb5\xe4\x0b\x96\xcd\xa3\xb5\xd9\xfe\xf0\x19\t\xdeQ\xad\xb7w:\xfd&amp;\xa8M\xd0\x92\x95\xff+\xcb\xb2jSm\xad\x10\x1c\xdc\xa6\xcaQ5\xfd\xa1i]\xbbw1\xf7\xfdFI\xa8\x1b\t:\x020\xbb\x96\x83\x06\r*((\xa0~\x04\xe7\xbcS\x97+\xb7\xee\xd9L\xff\xd6\x1f\x1a\x177\n\xb8\xb5Kt\x85\xe5\xe5\xe5\xbd{\xf7.**2\xbb\x96\x89I\x83Z\xdf\xb5t/a\xd7.Q\xeb\x7f\xe4\xc8\x91\xb8\xb88\x9a?\xa3\xcf\xe8\xee{\'e.y\xb8\xb4\x986~hM\x0b#i\x9a\xb3]\xfb\xb6k\xfe\xb6v\xc9\xbc\xe5\xe6\x06-(\tu\x17A\x03\x00u\x81_\x7f\xfd\xf5\xbb\xee\xba\xcb\xdcT@\xd7\xf5\xec\xbf\xadL\x9f4\xbe\xf9\x1dK\x02\x94a\x18\xa1\xa1!\xdf\x1d:2\xea\x86[uM7\xbf\xab/\xbc\xf0\xc2\x8c\x193\xfc0\x11D\x97\xb4`\xc1\x82e\xcb\x96\x99C4Y\x96?\xdc\xb9\xb1g\xdc5\xa7\x9b\xdeS\xcc\xfbh\xbb\xe3\x9a\xd35\xa3\x87\x8e\xfb\xf9\xc7\x7f\x9bI\xb6\xbb\xee\xba\xeb\xd5W_\xf5\xc3{\xeb.\xf5\xf6N7\x87\x92Q\xd1Q\x067\x18\xe7\xcc=\'\xa7r&amp;I\x95\xe5\x95\xf4\x03\xbd\xd0\xd0\xa1C?\xfb\xec3\x0b\xdf[\xef\x101\x004\xd3\xb5\xcc\xf9\xf8\x1f\x95\x15\xbe)+\xf4\x02Z\xbb\xb4p\xcec\xaf&lt;\xbb\xda\xecLEFF\x1e:t\xc8\xdf:\xaaf\xd7\xb2o\xdf\xbe\x9a\xa6\x99\xe5\xb9\x7f\xbc\xe7\xf6\x95/?QZ\\\xae\xaa\xfe\xf5\xb5\x17p\xed\x92\x99HLII\xf1r"\x91^.\'\'\'--\r1\xa05D\x0c\x00\x01\xd4\xb5t/\xce\xb9\xa2*gj\xce\xdc|\xc3X?\xef\xa86z,OxDX^AnT\x94\x9f\x1e\xcbc\x18FpHpZ\xca\x1d_\xed\xdeKw\xd2\xc2\x1dU\xeaE\xe9\xba\xde\xb7o\xdf#G\x8e\xd4+)\xf6\xc4\xa7\xe3\xdaR\xd1\xe4\n\xcd\xb4\xd321?|\x1e\x02\x825[\xbaf\x98\x0b\xd6W\xacX\xe1z\xe2\xe3\x84I\xe3\x7f\x97\xd0\xa7\xca\xe1\xa5\x1d%}B\x92\xa4\xda\xb3\xb51\x1db\xa6?8\xcd\x9c\r\x96e\xf9\xad\xb7\xde\xf2\xab\xb5KM\x1d\xcb\x93\xf1\xc8\x8cK/\xef\xe8\xb7\xc7\xf2\x08\xb5v\x89\xbeG\xcb\x97/\xff\xee\xbb\xef\x0c\xc3\xd0u\x9d\xbb0&lt;\xc0\xf5\xef\xa7\x97;r\xe4\xc8\xf2\xe5\xcb\xfd\xe7\xb9\rD\xc2\x8d\x00\xe8k\x99\x9e\x9eN_Kzt""\xc3\xfd\xb9k\xe9^~\xdeQ5[\x90\xb8\xb88\xeaZ\xd2/{\xf5\xed\xf9\xc1\xb6\r\x9a\xa6s\xc6%\xf7d\x96\xddO\x90\x92P\xea=\x9c:uj\xe0\xc0\x81eee\xec\xb7\xdds\xef\xa0;\x19\x1d\x1d\xbd{\xf7\xee\xf6\xed\xdb[\xafj\xc3;\xc4\n\x00\r\xb3\x96\xf4\xffY\xcb\xe7M\x9f3\xad\xaeh\xc1\xe2t]\x8f\x8c\x8a\xd8\xb6u\xc7\xa4q\xf7HL2o\x82\x9fdT\xe9\x02^|\xf1\xc5\xfb\xef\xbf\xdf\xf53zc\xe3\xdf\xff\xe7\xc6\xe4\xf2\xb2\n\x9f\x87\xa8f\x18\x86\x11\x1c\xdc\xe6\xd8\xd1\x1fn\x1d\x96V]U\xcd\xeb\xce\xc2]\xb6l\xd9\xa3\x8f&gt;\xea\xf3{\xeb^g\xcf\x9e\xad\xae\xae\xf6a9&amp;\xe5\x9dBCC\x83\x82\x82|r\x01\x16 P\x00h\xaak\xd9\xb9[\xa7\xad{6s\xc30\xb8\xffv-\xdd\xcbo;\xaa4 +**\xea\xd5\xab\x97\xeb\xaa\xa2\xd4[F\xae^\xf7Re\x85\xc3\xff\x1b\xd0fJBccc-9\x1b\x0c\x81K\xa0g\xd1\\\xb0nn\x81P\xb7\xaa(3$$X\xd3tAZ\x7f\xe6\xc7k\x97\xa8}\x9c7o\x9e\xb9W\x1d\xe7\xdcf\xb7=8\x7f\x96\xe1\xa3]?/\x94\xaa\xaa\xe5\xa5eS2\xfete\x97+\\\xb7\xb3\xcf\xcc\xcc\xb4\xde\x0e6\xdc\x0f\xf8\xfa\x1e\x046\xab=\x91M\xa1g\xa5\xa2\xa2\xa2[\xb7n\xe5\xe5\xe5\x8c\x8e*\xd5\xf5\xd4[F\xfe_\xce+\x15\xfe\x9dX\xf0\x04?\\\xbbD!\xb9\xa0\xa0 11\xd1\xe9t\x9a\xa5\x9fSf\xde\xb3x\xe5\xff\x96\x9c*\t\x94\x04\x9dY\x12:oV\x96\x99\xc5\xe2\x9co\xdb\xb6m\xc8\x90!\x16K\x04A@\x13%\x00\xd0\xb7\xee\xfe\xfb\xef\x7f\xf1\xc5\x17\xcd\xc2\x12EU6\xef|\xef\xea^WY\xb8\xf4\xb3)\xdc\xff\xd6.\xd1\x8b&amp;%%m\xdf\xbe\xddLL]\xd3\xfb\xea\xcd;7\xb6\t\x0e\xd6u- F\x00\xb4\xee\xd5\xe0&lt;8\xa4M\xda\xc8?l\xfft\xa79\xd3&gt;d\xc8\x90\xbc\xbc&lt;\xc6\x18\x02\x00\xf8\t!\x02\x80\xd9\xb5\xfc\xfd\xef\x7fO%e\x14\x03\xee\x9d=e\xd1\x8a\xac\x00\xeaZ\xbaW\xa3k\x97TU\xdd\xbd{w||&lt;e\xcc\xbcv1\xe6\x89\x95\xe9\xe9\xe9\xae\'&gt;^~\xe5\xe5]{t&gt;Ss&amp;\xb0"\xb4a\xf0\xa06\xf6\xff\xfc\xf4\xdf\x1f\x8e\xfdHo\x84\xde\xd4\x9a5k&amp;N\x9c\x88A\x00\xf8\t!\x02@\xbd\xae%\xe5\xb8\xdb\xb6o\x9b\xbb{ST\xb4\x10\xa5\x9fM\xa1\x92\xd0\xf1#\xef\xf8\xfa\x8b_KBo\xb8\xe1\x86m\xdb\xb61/vT\xa9\xb3\xaf\xebz\\\\\xdc\xd1\xa3G-Y\xd9MS\x1a]\xbbv\xdd\xbbwoxx\xb8eJB!\xa0\x05R\xaf\xea\xe2\x98]Kj\xfd\xcd]?\x1fZ0\xfb\xf2+/\xf3\xdbUE\xdeA=\xd3\xf9K\xe7\xda\xed6\xce\xb9\xb9C\xea\xda\xb5k\xbd\xb9v\x89\xc6d+W\xae&lt;z\xf4(\x1d\xc9`\xfe+I\x92\x94\x80\xe5\xfah\x19u\x87Odgg\xd3\xfc\x93w\xee-@3,&gt;\x02\xa0\xb9_M\xd3\xcc\xae%e\xba\xaf\x1b\x98\xb0a\xeb[\xa7\xabk\x02+\xb1\xe0\t\x9a\xa6\xb5\x8fm7\xed\x0f\xf7o|\xfb}\xa5n\x97PovT)\xd7\xf4\xc3\x0f?$$$8\x1c\x0eVW\x0cj=\x92$\xc9\xb2\x1c\x1e\x1e\xfe\xf5\xd7_w\xe9\xd2\xc5\xcbI6\x80\x86,\xfe\xfc\xd1w\xac^\xd7RV\xe4Y\x993UU\xb5v\xf0k!EQ\x1c\x95U\x8f,z(*:\xd2\xe0\x06\x8d\t\xbc\xd9Q\xa5\xfc\xcf\x9c9s\xca\xca\xca4M\xa3\xad\xdf,I\xd7u\xa7\xd3YZZ:g\xce\x1c\xc30\xf0\xf8\x81\xcfYy\x04`\x18\x86$I\'O\x9e\xec\xdd\xbbwyy9\xaf[U4&amp;m\xf4_\xd7\xbeX,\xea\xdcoC\x9a\xa6\xb5\x8fi\xb7|\xc1S\xd9O&lt;\xaf\x98;\xaf\x85\x87\xef\xdd\xbb\xb7k\xd7\xae\xdc\xf3k\x97t]\xdf\xb5k\x97 e\xdd4\xa8\x1a&lt;x\xb0\x82y`\xf05+\x07\x00\xca\xfe\xdfu\xd7]\xaf\xbf\xfe\xba\xd9\xae\x85\x86\x85\xbe\x97\xb7\xbe[\x8f.5\x81VX\xe29\x9csj\x95F\x0e\x18\xf5\xe3\xf1\x9f\xccD\xd9\xa4I\x93^\x7f\xfdu\x94\xac\x00X\x95e\x03\x005[;v\xecHNN\xa6\xe6LUUM\xd3\xee\x9fs\xdf\xc2\xa7\x16\x9c&lt;q\xd2f\xb3\xf9\xfa\x1a\xfd\x88\xa6i\xd1m\xa3s\xd6l\x98=e\x8eR\xb7v\x891\x96\x97\x97\xe7\x9d\xb5K\xa2M\x8a"\xa6\x82?\xb0r\x00`\x8c\r\x1b6l\xc7\x8e\x1dJ\xdd\xaa\xa2\x8e\x97u\xd8\xbc\xeb\xbd\xe0\xe0`]7\x04\xae\xfdi\x9c\xa1\x1b\x91\xd1\x11\xb7&amp;\xa7\x15|\xb5O\xc1\xda%\x00\x01X3\x00P\x8f\xf5\x8d7\xde\x984i\x92\xd9\x9fU\x14e\xf5\xdb/\xa7\xdfz[\xc9\xd9R\x9b\xaaZ\xf0m\xb7\x8e\xa1\xeb\xa1\xf6\xd0\x82}\xff\xba%i|\x95\xa3\xca\x9c2\xa1\xb5K\x9a\xa6a\xca\x04\xc0b,\x18\x00h.\xd1\xe1p$$$\x1c?~\x9c\xd6ar\xce/i\x1b=y\xdaDg\xadS\x92$\x7f\xdeS\xde\'\xe8\x86\x18\x86\x11\x12\x1a\xfc\xe6\xdf\xd7\xfd\xf2\x9f\x134+@%\xa1\x05\x05\x05aaaX\xbb\x04`1\x16\x0c\x00\xd4W]\xbcx\xf1\xa2E\x8b(\xef\xef\xeb+\n`4~z\xf4\xd1G\x97-[\x86\xd9`\x00\x8b\xb1Z\x00\xa0R\x9f\x1f~\xf8!&gt;&gt;\xbe\xaa\xaa\xaa^\xb5\xb5\xaa*\x0c\x1d\xff\xf3\xa1\xf3\xf6\xe8\x9fi\xed\x92\xa2(\x07\x0e\x1c\xe8\xd1\xa3\x87\x81\xb5K\x00\x16b\xb5/3U4.X\xb0\xc0\xe1p\xa8\xaa\xaa(\x8a\xea\x02\xad\x7fK\xb8\xde4\xfag]\xd7\x17.\</t>
        </is>
      </c>
    </row>
    <row r="168">
      <c r="A168" s="1" t="n">
        <v>166</v>
      </c>
      <c r="B168" t="inlineStr">
        <is>
          <t>color_number_hexagon</t>
        </is>
      </c>
      <c r="C168" t="inlineStr">
        <is>
          <t>What is the missing number of the part denoted with a question mark?</t>
        </is>
      </c>
      <c r="D168" t="inlineStr">
        <is>
          <t>['5', '2', '7', '4']</t>
        </is>
      </c>
      <c r="E168" t="inlineStr">
        <is>
          <t>2</t>
        </is>
      </c>
      <c r="F168" t="inlineStr">
        <is>
          <t>There is a hexagon split into six parts with the colors ['green', 'green', 'yellow', 'yellow', 'purple', 'purple'] in an anti-clockwise order. The parts are denoted with the numbers [1, 9, '?', 8, 1, 9] respectively.</t>
        </is>
      </c>
      <c r="G168" t="inlineStr">
        <is>
          <t>We observe that the numbers in the green parts add up to 10. Similarly, the numbers in the purple parts also add up to 10. Thus, the pattern is that the numbers in the parts of the same color add up to 10.</t>
        </is>
      </c>
      <c r="H168" t="inlineStr">
        <is>
          <t>Based on the pattern that the numbers in the parts of the same color add up to 10, the missing number of the yellow part should be 2.</t>
        </is>
      </c>
      <c r="I168" t="inlineStr">
        <is>
          <t>b'\x89PNG\r\n\x1a\n\x00\x00\x00\rIHDR\x00\x00\x02\x00\x00\x00\x02\x00\x08\x02\x00\x00\x00{\x1aC\xad\x00\x00\x9d\xcaIDATx\x9c\xec\x9dy\x9c\xcd\xd5\xff\xc7\xcfv\xef\xdc}\xee\x8c1\xa6\x89\x84A"\xbf\x10*B\x88H\x962\xf6\xad"-_5\xc8\x9a!Ke\xa7|\xbf_)\x95\xddd\x88\xfaZ2%YKE\x85R\xc6P\x91\x06c\xee\x9d\xbb\xcf\xbdg\xf9\xfdqfn\x12\x12\xe6.s\xcf\xf3\xe1\x8f\xdfo\xbe\xe4\xe3.\xe7}\xce\xfb\xfd:\xaf\x17\x14B\x00\x85B\xa1P\xc4\x1e(\xdc\x0f\xa0P(\x14\x8a\xf0\xa0\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xa2\n\x80B\xa1P\xc4(\xaa\x00(\x14\nE\x8cB\xc2\xfd\x00\x8ap"\x84\x10B\x84\xfb)\x14a\x03B\x08!\x0c\xf7S(\xc2\x06T\xdf\xff\x98\x85RJ\x88\xda\x01\xc4:\x94R\x8c\xb1*\x03\xb1\x89*\x001\n\xe7\x1c!\xf4\xe3\x8f?&gt;\xf3\xcc3\x08!\xcey\xb8\x9fH\x11R\x08!\x94\xd2\xc1\x83\x07\xf7\xe9\xd3\'\xdc\xcf\xa2\x08\x1bj\x03\x18s\xc8\x92\xef\xf5z\xe7\xcc\x99c\xb5Z\xb7o\xdf\x1e\xee\'R\x84\x8d\xdbo\xbf\xfd\xb7\xdf~{\xf0\xc1\x07\xeb\xd5\xab\'\x84@H\r\x05c\x0bu\x02\x889\x18c\x18\xe3\xa5K\x97\x0e\x1a4\x08B\x881\x0e~\x06\xd4\xf7?\x16\x10\x82\x07\xbf\xf4\x18c\xbf\xdf\xdf\xbf\x7f\xffe\xcb\x96\xa9\x96`\x0c\xa2\n@l!\xa7\xbeEEE\xb7\xdf~{AA\x01\xe7\\5\x7fb\x1c\xadV\xcb\x18\xdb\xbe}\xfb}\xf7\xdd\'7\x07\xe1~"E\xe8P\x05?\xb6\xe0\x9cc\x8c333\xf3\xf3\xf3\xe5\xde_\xea@8\xe7\x0f&lt;\xd2\xaaS\xefv.\x87\x1bau\x0e(\x9f\x08\xceu\x06\xdd\x91os\xdf\x99\xb5\x92\x0b.8@\x08RJ9\xe7\x19\x19\x19{\xf7\xee\xd5h4\xf2#\x11\xee\'U\x84\x08u\x02\x88!8\xe7\x10\xc2\xa3G\x8f\xd6\xabW\x8fs\x1e\xd4\x80B\x04\x05\x17I\x95\x12\x97\xedXh\x8e7R?\x85H-\x01\xe5\x10\xce\xb8)\xde\xf4\xafnc\xbe\xfc\xec\x00\xc2\x883\x0e\x00\x80\x00"\x8c\x18cK\x96,\x198p\xa0:\x04\xc4\x14\xaa\x00\xc4\x10\xf2\xbb\xdd\xbe}\xfb\x9c\x9c\x1c\xa2!4@k\xddQ\xc3V`?\xf7\xfbyL0\xa3\xacc\xcf\xb6\xa3g\x0f+*t`\x82\x81\xfa\\\x94\' `\x94Y\x12,[\xd6|2\xf3\x85\x05\x08#\xce\x04!\xe4\x8e:\x8d\xbf9\xb4W\xce~\x92\x93\x93\xbf\xff\xfe{\xab\xd5\xaa.\x07\xc4\x0e\xaa\x00\xc4\nr\xf5\xcf\xc9\xc9i\xdf\xbe\xbd\xdc\xe2\t\xc1\xff\xbd~\xc6w\xfb\xbe_\xf4\xcaRL\xb0\xe0\x02"\xb8\xf0\x7f\xb3k\xdcV\xd5\xeb\xf1\xa9\x81p\xb9B\x00\x00\x01\x84pp\xfb\xe7\x7f\xfb%_j@\x1b7h\xf1\xe2\x88\x05\x03\x9f\xbd\xdf\xe1\xb4\x11B\x02\x81\xc0\x8b/\xbe8m\xda4u\x08\x88\x1d\xd4\x97&lt;&amp;\x90\x8d]J\xe9s\xcf=\x07 \x90G\xfeV\x0f5\xab\xdf\xb4\xee\xc3}\x1f\xbc\xb9j\n\xa3\x0ca\xc4({c\xda\xbbj\x06P\xfe`\x8cY\x12\xcc\xab\x17\xae\xfb\xed\x97|L0\xe7\x1cc\xf2X\x9f\x17R*\xdd2\xb0W\x86\x10\x82s\x81\x10\x9e5kVnn\xae\xba\x17\x12;\xa8\xafzL \xaf}-Z\xb4\xe8\xa7\x9f~"\x980\xca\x8cfC\xbf\xe7{\xba\x1d\x1e\x93\xc50 \xa3\'\x00@p\x8e0:\xb0\xe7\xe0\xee\x9c}&amp;\x8b\x891\xb5\x04\x94\x13\x84\x10qz\xed\xc9\xe3\xa7\xd7/\xdd\x0c!\x04\x00r\xce\x1fl\xd3\xa3N\xad\x86g\xce\x9ej\xdf\xbaGZ\xf5\xba\x9c3)\t}\xf1\xc5\x17!T\x8d\x81XA\x15\x80\xf2\x8f\x9c\xfd\xe6\xe7\xe7gffB\x08\x01\x04\x9c\xf3.\x03:\xdcvG\x8db\x9f\xdf\xe5p\xb7\xef\xde\xe6\x8e\xc6u\x18\xe3\xb2\xed\xb3\xe8\xe5\xa5^\xb7\x17c\xa4\xc6\x00\xe5\x03\xce\xb8\xde\xa0_&lt;s\xb9\xd3\xee\xc2\x18s\xc6MF\xcb\xc0^\x19\xbeb\x8f\x10\xc2\xa07&gt;\xd1w\x94\x10B\xd6\x80\xec\xec\xec\x9c\x9c\x1c\x8c1c,\xdc\x0f\xae(sT\x01(\xff\xc8\x1b\x9e\xe3\xc6\x8d\xb3\xd9lDC\x18e)U\x92{\x0c\xe9Zdwb\x82\x80\x00\x8c\xb1!c\x07`\x829\xe3\x98\xe0S\'N\xaf^\xb8\xce\x92`VK@9\x803n\xb6\x9a&gt;\xdf\xf6\xd5\xf6\x0fw#\x8c\x84\x10B\xf0\xbe\xe9\xc3\x92\x93R\xfd~\x1f!\xc4\xe9\xb27it\x7f\xb3\xa6\xed\x18c\x08!\x08\xe1s\xcf=G)U\xe7\x80X@\x15\x80r\x8el\xfe\xec\xdf\xbf\x7f\xf5\xea\xd5\x18c\xa9\xfe|lD\x9f\n\xc9\t\xd4O!\x84\x08#\x8f\xd3\xd3\xe0\xde\xfa\x1dz\xb4\x91\x9d_\x08\xe1\xfa\xa5\x9bO\x1e\xffM\xab\xd3\xaa% \xea\x81\x80\x06\xd8\xb2\xd7\xd6p\xce\x11D\x9c\xf3\xb4\xeau\xbbv\x1c\xe8r;J\'\xbd\x901\xf6D\xbf\xd1F\x83Y\x8e\x7f\x7f\xfa\xe9\xa7E\x8b\x16\xa9I@,\xa0\n@9G\x8e\x7fG\x8e\x1cY\\\\,\xc7\xbcw4\xae\xd3\xbe{\xeb\x12\xad\'\x00\x00\x00\x84\x91\xc7\xe5\x194\xbc\xb7\xc9b\x94\x87\x00\xa7\xdd\xf5\xf6\xcc\x15F\xb3\x81\xabI@4\xc3(\xb3&amp;\xc6o~\xef\x93\xc3_\x1f\t\x96\xff\'\xfa\x8e\xd2\xc5\xe9\x19c\x00@\x00\x00B\xc8\xe3q\xd6\xac^\xafs\x87\xfe\x9csi\x11\x9d\x99\x99i\xb3\xd9\x10Bj\x07P\xbeQ\x05\xa0&lt;#7t\xd9\xd9\xd9;v\xec \x840\xca4Z2d\xec\x00\xc6\x18\xb8@\xe7\r!\xf4\xfb\xfc\xc9\xa9I\xfd\x9eK\x17B\x08.\x10B;6\xef=\xb0\xe7\xa0\xc1lP\xdb\xc0(E\x08A\xb4\xa4\xe0La\xd6\xc2u\xc1\xfb\xde\xcd\xefn\xdf\xa4\xd1\xfdN\x97\xfdB\xa1\'\xc6\xc4\xe1\xb4\xa7w\x1erS\xca-\x8cQB\x88\xcdf\x93\x13#\xf5\xee\x97oT\x01(\xb7\xc8\xbd\x9b\xd4u\x00\x00 \x82\x9c\xf3\x96\x1d\xefm\xd8\xac\xbe\xc7\xe9\xb9H\xe6\x8f1v9\xdd]\xfbw\xac\\-\x951\x860\n\xf8\xe9[\xd3\x97a\xacn\x84E+\x8c2\x8b\xd5\xbc\xe6\xad\r\xa7\x7f=\x830\xe2\x9c\x13\xa2\x19\xd03Cn\xf3/\xfc\x9d\x10BJ\xfdI\x15*\xf5\xea\xf6t\xa9$\xb4D3\xa6\x1aA\xe5\x1bU\x00\xca-\xd2\xf6g\xf6\xec\xd9\xb9\xb9\xb9\x1a\x8d\x86\x06\xa8\xd9jzbt?\xb7\xd3s\t\xa5?\x04\x9cr\x9d!n\xe8\x8b\x03\x83\x7f\xf6\xd0WG\xb6\xae\xfd4&gt;\xd1\xc2\xa8\x9a\x06G\x19\x9cs\x83\xd9\x90{\xf8\xf8\x07\xcb\xb6 \x84\xa4\xf4\xf3\x91N\x8f\xd5N\xab\xef\xf18\xffz\xcb\x0fcb/*\xec\xd0\xb6G\xbd:w1F1&amp;\xf2\xd6\x88\x1a\x05\x97oT\x01(\x9f\xc8\xd9o^^\xde\x8c\x193\x10B\x02\x08!D\xb7\x81\x1d\xabT\xbf\xd9\xef\xf3_\xf2\xa2?\xc2\xc8\xe5p7o\xd7\xb4a\xb3\xfa\x9cq\x88 \x84\xf0\xdd\xb9\xab\xce\x9f\xb5\x11-Q\xab@\x94!\x00\xc6x\xf1\xcc\xe5n\xa7\x07!\xc4\x19K\xb0&amp;u\xef&lt;\xd8\xe3u#t\xb9[\xbe\x82`M\xbf\x1e\xcf\xc9\xdf\x8f1\xc9\xc9\xc9\xc9\xce\xceV\x92\xd0r\x8c*\x00\xe5\x139\xfb\x9d2e\x8a\xc3\xe1\xc0\x04\xd3\x00\xad\\-\xb5\xf7\xd3\x8f:l\xce+\xdf\xf2\xe7\x8c?=\xe11\x8d\x86p\xc6\x11F\xf9\'\xcf\xaeykC\xbc\xd5\xac\x0e\x01Q\x04c\xccl5\xed\xdb\xbe\x7f\xf7\xd6}\xa5\xd2O1\xb0\xd7\xf0J\x15+\xfb\xfd\xbe\xcb\xf9\xfc \x84\x9d.\xfb=w\xb5\xb9\xbf\xf9\xc3\x8c\x97HB_|\xf1E\xbf\xdf\xaf\xce\x01\xe5\x15U\x00\xca!r\xf6\xbbs\xe7\xce\x95+WbR\xb2}\x1b\xfa\xe2@\xbdQ\xcf\x18\x07\x97\xb7\xf9B\x08y\\\xde\xdb\xee\xac\xf9\xc8\xe3\x9dd\xe7\x17!\xf4\xc1\xb2-?\x1e\xca\xd3\x9b\xf4\x82\xab% :\xc0\x18{\xdc\xbe\xc53\x97C\x08\x11D\x8c\xb1zu\xee\xea\xf8@o\x87\xb3\x10\xe3+9\xc0#\x84\xbd^\xcf\xe3\xfdF\x9bMVJ\x03\x84\x90\xdc\xdc\xdc\xd9\xb3g\xabI@yE\x15\x80\xf2\tc,33S^\xed\xe1\x8c7lV\xbfy\xbb\xa6.\x87\x0b\xff\x9d\xcf\x0f\xc2\xc8\xe3\xf2\xa6\x0f\xee\x92\x90d\x95\x87\x00\xb7\xd3\xb3\xe2\xf55:\xbdN-\x01Q\x01\xa3\xccl5\xe5\xac\xfb\xf4\xd8\xf7\'\x10Br\xa2\xdb/\xfd9\x82\xff\xbe\x8f\x07!,\xf6{\xab\xa4V\xef\xdaq\x804\x0b\x87\x10\xcd\x993\'??_)\x82\xca%\xaa\x00\x947(\xa5\x18\xe3U\xabV\xed\xdc\xb9S\xde\xfb\xc5\x04?5\xe1\xb1\xabT\xf4KIh\xa5\xca\x15\x07\x8d\xe8U"\t\xc5\xe8\xb3\x8d{\xf6~\xf2\xa5\xd9jR\xd7\x02"\x1c!\x84V\xa7=s\xea\xdc\x92\xb9Yr\x8a\xc39k\xd5\xac\xd3=M\xda:]\xf6\xcbw\xff\xff\x00c\xecp\xdaz=\xf2tjJUy\x08(,,\x1c7n\x9c\xba\x13P.Q\x05\xa0\\!]\x1f\x1c\x0e\xc7\xe4\xc9\x93e\xa8\x0b\xe7\xbcC\x8f6\xb7\xd5O\xf3\xb8\xbcW\xe9\xf0,/\x82\xb5{\xb4uZ\xddjr\x98\xcc9_\xfe\xda\x1aJ\x99\xb2\x89\x8fp8\xe3\x06\x93&gt;{\xf1\x07\xb6\x02;B\x98sn4\x98\xfb\xa6\x0f\xf3\xf9\xae\xf6\xdd\x07\x002F\r\x06S\xff\x9e\xcf\x83R=\xd8\xaaU\xab\x0e\x1c8 \xaf\x92\x95\xe9\xf3+B\x8c*\x00\xe5\n\xb9^\xcf\x981#//\x0fc\xcc(3Y\x8c\x83\x86\xf7\xf6z|\xff\xc8\xe4\x991f0\xea\x06\x8f\xee/\x84\x90K\xc0\xe1\xaf\x8flZ\xfd\xb1%AM\x83#\x17\xce\xb9\xc1\xa4\xff\xf1\xdb\xdc\xf7\xdf\xd9\x88\x10\x02\x02p\xce;w\xe8_\xab\xc6\x1d^\xaf\x0b\xc2\xab\xfd\x00`L\x9c\xce\xa2\xf6\xad\xbb\xd7\xab\xd3\x981\x8a\x10\xf6\xfb\xfd\x19\x19\x19\x8c1u\x08(g\xa8\x02P~\x90+u\xc9\xd4\xaeT\xfb\xd1oXzrj\xd2\xe5\xa4\x9f\x97\x03c\xec\xb4\xbb\x9a\xde\xdf\xa8y\xfb\xa6AI\xe8\x92\xb9\xab\xcf\xfcvN\x19\x04E2\x08\xa3\x85\xd3\xde\r\x04(B\x88s\x96\x92\\9\xbd\xcb\x10\x87\xd3~\xe5\xd9\xef%a\x8c\r\xee?\x06c"\xef\x06\xef\xda\xb5k\xd5\xaaUJ\x12Z\xceP\x05\xa0\xfc \xd7e\xa9\xdb\x93\xae\xbfiu\xabu\x1b\xf4\x90\xcb\xe1\xbe\x96\x80\'\x08\x18c\x83G\xf7\x97\x8e@\x08#[\x81={\xf1\x07\x06\xa3^M\x02"\x10\xce\xb8\xc9b\xdc\x9d\xb3\xef\xc0\x9e\x83\xb2_/\x84\x18\xd4{D\x85\x84dJ\xffY\xf9\x07\xa5\x06A\r\xea\xdf\xfb`\x9b\x1e\xa5\x06Ah\xf2\xe4\xc9EEEJ\x12Z\x9eP\x05\xa0\x9c \xa5\x9f;v\xec\x08\xde\xdc\x11B\x0c\x1e\xdd_\xa7\x8f\xbb\xc8\xf9\xe7*A\x08y\x9c\x9e\x9a\xf5\xaaw\x19\xd0!(\t}\xff\x9d\x8d?\x1d:\xa6\x0c\x82"\x0e\x01\x10A&gt;O\xf1\xa2\x97\x97\x02\x00\x10\x92\xd2\xcf\xc6\xedZw/r\xfc\x8d\xf4\xf3r \x84=\x1e\xd7\xc0^\x19&amp;\xa3\x851J\x08\xce\xcb\xcb\x9b?\x7f\xbe\xfc\x8f\xdf\xe8\x7f\x80"&lt;\xa8\x02P\x1e\x90\xd7\xbe\x8a\x8b\x8bG\x8e\x1c\t!\x94\xd2\xcf\xe6\x0f\xde\xdd\xf4\xfeF2\x03\xe4\xda\xfe\xb3\x98`\x87\xdd\xd9cH\xd7\xd4[*\xc9C@ @\x97\xcc\xcb\x92\xfdeE\xe4\xc0\x183\x99\x8d\x1b\x96o&gt;u\xe2\xb4\x1c\xd5j\x88vp\xff1A\xcb\xcfk\x00B\xe8\xf7\xfb\x92\x93R\xfb\xa6\x0f\x0bfF\xce\x9b7O\x8e\x97\xd4\x0e\xa0|\xa0\n@y@\xce~\xb3\xb2\xb2\xf6\xef\xdf/\xb7\xff\x1a\r\x194\xbc\x17\xe7W\xba\xf6\xf5\xb7@\x08\xa9\x9f&amp;UJ\xec\xf5\xf4\xa3AI\xe8\xee\x8f\xbe\xd8\xb7}\xbf\xd9jR\xdb\xc0\x08AJ?\xcf\x9e.X\xf1zv\xd0\xf5\xb3\xc5\xbd\x1d\x1b\xd6ovI\xdb\x9f\xab\x07c\xecr;\xbbt\xe8_9\xb5\x1ac\x14c\\TT4e\xca\x14u\'\xa0\xdc\xa0\n@\xd4#\xb7\xff6\x9bm\xec\xd8\xb1\x08!\x99\xf8\xf8\xc8\xe3\x9dj\xdf\x91\xf6W\xd7\xcf\x7f\n&amp;\xd8^X\xd4\xb1g\xdbzw\xd5\t&amp;F-\x9e\xb9\xdc\xe7-VF\xa1\x11\x02g\xdc`2,\x99\xb7\xda\xe5p#\x8c\x19cf\x93\xf5\xf1~\xa3\xdc\x1e\xe7\xd5\x08\xff\xaf\x08\xe4\x9c\xea\xe2\x0cO\x0e\x1c\x0fJ\xda\x8cd\xe5\xca\x95\xbbv\xed"\x84\xa8\x1d@9@\x15\x80\xa8Gn\xff333\xf3\xf3\xf3e\xe4KB\x925}p\x17\x8f\xdb\xfb\x8f\xa4\x9f\x97E\x00\xa2\xc1\x03\x9e\xef!/\x04 \x84\x8e}\x7fb\xfd\x92M&amp;\x8bQ-\x01aG\xba~~\xb3\xf7\xe0\x965\xdbdkN\x08\xd1\xb5\xe3\x80*\xa9\xd5\xaf`\xfbs\xf5 \x84]nG\xb3&amp;\xed\x1a\xd4\xbf\x97s\x86\x10d\x8cedd\x14\x17\x17\xabip9@\x15\x80\xe8F\xae\xc8%\x19~\xa5\xd2\xcfA#zW\xba\xb9\xe2?\x95~^\x0e\x84\x91\xd3\xee\xba\xa7M\xe3\xfb;7\x0fJBW,\xc8&gt;{\xba@IB#\x01\x8c\xf1[\xd3\x971\xca\xe4x\xb6rj\xb5^\x8f&lt;\xedp\xda\xaey\xf6\xf3W8gO\r\x9a@\x88\x861F\x089p\xe0@VV\x962\x08*\x07\xa8\x02\x10\xdd\xc8\xfe\x8fL\xf1\x967\xbf\xea\xddU\xe7\xa1\xde\x0f8l\xce`\xe2\xe3\xf5\x830\xf2z\xbc\x83G\xf77[M\x8c2i\x1c\xbdd\xdej\xbdA\x17\xed\x92Pq\x01\xe1~\x96\x7f\x0c\xa3\xcc\x1co\xde\xbav\xdb\xa1\xaf\x8e\x94\x0ef\xc5\x93\x03\xc7\xeb\xf5F\xc6\xaf}\xfc{\x11\x08!\x8f\xd7u[\xcd;\x1f\xe9\xf4\x98\x94\x84"\x84\xc6\x8e\x1d[XX\xa8\x0e\x01\xd1\x8e*\x00Q\x8c\x94~\xe6\xe4\xe4\xe4\xe4\xe4H\xe1?B\xa8\xff\xf3=\x08\xc17\xf6k\t!,\xf6\xfa\xabTO\xed6\xb0\xa3\xfc/#\x84\xb6\xac\xd9\xf6\xe3\xc1c\x06\x93&gt;J\xb7\x81\xd2\xdc\x94hH\xc9/r-Z\xc9p"\x00&amp;\xd8\xe3\xf2,\x9b\xff\x1e\x00@\x0ef\x1b\xd4\xbf\xb7Y\x93v.\x97\x03_o\xf7\xffO \x84=^W\xf7\xce\x83\x13\xacIr\x1a\x9c\x9f\x9f?w\xee\\u\x08\x88vT\x01\x88V\xe4\xde_\xc66\x01\x08\x10F\x8c\xb1V\x9d\x9a\xdd\xdb\xb6\x89\xd3\xee\xba1\xdd\xff\x0b\xc0\x18;l\xce\xdeO?zs\xd5\x14y\x08`\x94\xbd1\xed\xdd\x1b\xfe\x17\x85\x06\xc6X\x9c^\x8b0**t8l\x8e\xa2B\x87\xa3\xc8\x19]{Y\xc6\x98%\xc1\xbcz\xe1\xba\xdf~\xc9\xc7\x04s\xce1&amp;O\r\x9a\xc0\xf9\x8d\x1f\xccHIh\xa5\x8a\x95\x07\xf6\x1a\x1e\x94\x84\xce\x9a5+77W\xd5\x80\xa8&amp;*\xbf\xbd\nP\xda\xfd\x97\xc1\xad\x04\x13F\x99\xd1l\xe8\xf7\\\x0f\x9f\xd7w\x9d\xca\x9fK\x03\x01\xa3\xcc`2\x0c\xc8\xe8\t\x00\x10\x9c#\x8c\x0e\xec9\xb8;g\x9f\xc9bbQ\xd5\x08\x92a\xb9gO\x17\x8c\x7fl\xda\xe3\xed\x9e\x7f\xa2]\xc6\xe3\x0f&lt;7\xa2g\xa6\xdfW,\xe7(\xe1~\xc0\xbfG\x08\x11\xa7\xd7\x9e&lt;~z\xfd\xd2\xcd\x10B\x99\xf8\xf8`\x9b\x1e\xb5\xd3\xea{\xbc\xae\xb2\xf8\x00`L\x9c.\xfb\x03\xad\x1eM\xab^\x97s\x861\x96q\xd3\xaa\x0b\x14\xd5\xa8\x02\x10\x95p\xce!\x84\xf9\xf9\xf9\x99\x99\x99\x10B)\xfd\xec2\xa0\xc3mw\xd4\xf0\xba\xbc\xd2\x07\xf4\x86\x83\tv\x169\xdbwosG\xe3:\x8cq\xb9\xca,zy\xa9\xd7\xed\xc58:\xae\x86\t.\x04\x17\xd6\xa4\xf8\xbd\x9f|5\xec\xd1q\x07\xf6\x1ct\x15\xb9\x1cv\xa7\xcb\xe1\x8e\xae\x13\x00g\\o\xd0/\x9e\xb9\\^\xf4\xe3\x8c\x9b\x8c\x96\x81\xbd2\xbc&gt;\xcfuK?/\x0bc\xcc\xa07&gt;\xd1w\x94\x10B\xd6\x80\xec\xecl\xd9~Tz\xb0(E\x15\x80\xa8D\xda&gt;\x8f\x1b7\xcef\xb3I\xd3\xff\x94*\xc9=\x86t-\xb2\xdf\xc8\xd9\xef%a\x8c\r\x19;\x00\x13\xcc\x19\xc7\x04\x9f:qz\xf5\xc2u\x96\x04s\xe4/\x01\x8c1\xa2!z\x93\xee\xdd9\xab\xc6=6\xed\xfc\x99B\x84\x91\xbc8\r!\x8c\xa2\x19\x00g\xdcl5}\xbe\xed\xab\xed\x1f\xee.\x95~\xf1\xbe\xe9\xc3\x92\x93Ro\x88\xf4\xf3r`\x8c\x9d.{\x93F\xf77k\xda.x)D\n\x10\xd49 JQ\x05 \xfa\x90\xcd\x9f\xfd\xfb\xf7\xaf^\xbdZj?\x84\x10\x8f\x8d\xe8S!9\x81\xfai\x99Z\xf6K\x83\xa0\x06\xf7\xd6\xef\xd0\xa3\x8d\xec\xfcB\x08\xd7/\xdd|\xf2\xf8o\x11.\t\xa5\x94\x99,F\x8f\xcb3\xf1\xc9\xe9\xef\xcc^\x05\x01\xc0\x18\xc9\x97.\xfaT@\x10\xd0\x00[\xf6\xda\x1a\xce9\x82\x88s\x9eV\xbdn\xd7\x8e\x03]n\xc7\r\x94~^\xee\xeff\x8c=\xd1o\xb4\xd1`\x96\x1a\x84\x12\t\xb2\x9a\x04D\'\xaa\x00D\x1fr\xfc;r\xe4\xc8\xe2\xe2b9\x8c\xbd\xa3q\x9d\xf6\xdd[\x17\x15:\xcaz\xfb\x0fJ2#=\x83\x86\xf76Y\x8c\xf2\x10\xe0\xb4\xbb\xde\x9e\xb9B\x9a\x86\x96\xf5\xdf~\r\x08!8\xe3\tI\xf1\x87\xbf\xfeq\xd8\xa3\xe3vo\xdd\x871\x82\x102\xc6\xa3\xa2mu\x11\x8c2kb\xfc\xe6\xf7&gt;9\xfc\xf5\x91`\xf9\x7f\xa2\xef(]\x9c\xfez\x9c\x7f\xae\x12\xe9\x12Z\xb3z\xbd\xce\x1d\xfa\x97\xba\x84\xc2\xcc\xccL\x9b\xcd\xa6"\xc3\xa2\x11U\x00\xa2\x0c\xb9\xed\xca\xce\xce\xde\xb1c\x07!\x84Q\xa6\xd1\x92!c\x07\\\x9b\xe5\xe75 3#\x93S\x93\xfa=\x97^b\x10\x84\xd0\x8e\xcd{\x0f\xec9\x18\x81.\xa1\x9cs\x84\x91\xd9jZ\xf7\xf6\xffF\xf4\xca&lt;u\xe24\xc6%n\x19U\xd3*\xa7TN\x06\x00DQ\xcc\x99\x10\x82hI\xc1\x99\xc2\xac\x85\xeb\x82\xb6?\xcd\xefn\xdf\xa4\xd1\xfdN\x97\xbd\xec\xb7\xff\x00\x00\x801q8\xed\xe9\x9d\x87\xdc\x94r\x8b\x8c\n\xb0\xd9lr\x16\x15i\xef\xbe\xe2oQ\x05 \x9a\x90;,\xa9\xbe\x00\x00@\x049\xe7-;\xde\xdb\xb0Y\xfd\xeb\xb7\xfd\xb9z0\xc6.\xa7\xbbk\xff\x8e\x95\xab\xa52\xc6\x10F\x01?}k\xfa\xb2Hs\x07\xe2\\\xe8\x8dz\xc1\xc5\xf4\x11\xaf\xcd\x9f\xb0(\xe0\x0f\xc8\x97\x88Q^\xef\xae:\xd3\x97M\xd4\x19t\x00\x94\xf5\xa6\xf9F"\xf5Kk\xde\xdap\xfa\xd73\x08#\xce9!\x9a\x01=3\xe4f&lt;4\xcf\x00!\xa4\xd4\x9fT\xa1R\xafnO\x97JBK\xd4h\xaa\x11\x14u\xa8\x02\x10M\xc8\xcc\xaf\xd9\xb3g\xe7\xe6\xe6j4\x1a\x1a\xa0f\xab\xe9\x89\xd1\xfd\xdcNOH\xf5\xf8\x10p\xcau\x86\xb8\xa1/\x0e\x0c&gt;\xd5\xa1\xaf\x8el]\xfbi|\xa2%B2#\x85\x10\xda8\xcd\xf1#??\xdf}\xfc\x965\xdb\x10F\xb2G\xc1\x18o\xdd\xf9\xbe\xd9\xab&amp;\x9b-&amp;\x87\xcd\x11\xee\xc7\xfc\x07H\xdb\x9f\xdc\xc3\xc7?X\xb6\x05!$\xa5\x9f\x8ftz\xacvZ\xfd\xebt\xfd\xfc\xa7`L\xecE\x85\x1d\xda\xf6\xa8W\xe7.\xc6(\xc6D\xdeGQ\xa3\xe0\xa8C\x15\x80\xa8A\xce~\xf3\xf2\xf2f\xcc\x98\x81\x10\x12@\x08!\xba\r\xecX\xa5\xfa\xcd7\xca\xf6\xe7\xea\x91n\x10\xcd\xdb5m\xd8\xac~\xd0 \xe8\xdd\xb9\xab\xce\x9f\xb5\x11-\x89\x84U@\x08\x811\xf2\xb8&lt;\xc7~8A\x08\x86\x00\xcav\xf9\xe3/\xf4\x99\xb0`$B\xc8\xe3\xf6\x96\\_\x08\xff\xc3^\x1d\x02`\x8c\x17\xcf\\\xeevz\x10B\x9c\xb1\x04kR\xf7\xce\x83=^w\xd9I?\xaf\xf04\x04k\xfa\xf5xN&gt;\t\xc6$\'\'\'\x18F\x14\xf2\x87Q\\#\xaa\x00D\rr\xf6;e\xca\x14\x87\xc3\x81\t\xa6\x01Z\xb9Zj\xef\xa7\x1fu\xd8\x9c\xa1i\xfe\xfe\x15\xce\xf8\xd3\x13\x1e\xd3h\x88\x8c\x8b\xc9?yv\xcd[\x1b\xe2\xad\x11\x11\x1c/\x97\xf8F\xf7\xdd9z\xd60J\x19c\xccl5Mys\xec\xe3#\xfbx\x9c\x1e\xce8\x840\x12\x9e\xf3*\x91\xcf\xbfo\xfb\xfe\xdd[\xf7\x05]\xff\x06\xf6\x1a^\xa9b\xe52\x95~^\x0e\x84\xb0\xd3e\xbf\xe7\xae6\xf77\x7f\x98\xf1\x12I\xa8\x8c#U\xe7\x80(B\x15\x80\xe8@\xce~w\xee\xdc\xb9r\xe5JLJ6YC_\x1c\xa87\xea\x19\xbb\xae\xd4\x97k\x06!\xe4qyo\xbb\xb3\xe6#\x8fw\nfF~\xb0l\xcb\x8f\x87\xf2\xf4&amp;\xbdt\xda\t/\x18c[\x81\xfd\xe1\xbe\xed\x1f\xee\xd3\xbejZ\xe5\x05k_m\xf5P3[A\x11D\x10\xa2([\xa40\xc6\x1e\xb7o\xf1\xcc\xe5\x10B\x04e\xe2\xe3]\x1d\x1f\xe8\xedp^c\xe2\xe3\xf5\x83\x10\xf6z=\x8f\xf7\x1bm6Y)\r\x10Brssg\xcf\x9e\xad&amp;\x01Q\x84*\x00Q\x03c,33S^\xc0\xe1\x8c7lV\xbfy\xbb\xa6.\x87\x0b\x87\xcf\x8d\x07a\xe4qy\xd3\x07wIH\xb2\xcaC\x80\xdb\xe9Y\xf1\xfa\x1a\x9d^\x17!K\x00F\xd8\xe5p\r\x197`\xde\x9a\x97oI\xab|\x91R6Z*\x00\xa3\xccl5\xe5\xac\xfb\xf4\xd8\xf7\'\x10Br\xee\xda/\xfd9\x82\xc3\xd9m\x83\x10\x16\xfb\xbdUR\xabw\xed8@\xde\xa3\x80\x10\xcd\x993\'??_)\x82\xa2\x05U\x00\xa2\x00i\xf5\xbcj\xd5\xaa\x9d;w\xca{\xbf\x98\xe0\xa7&amp;&lt;\x16v\xdd\xbd\x94\x84V\xaa\\q\xd0\x88^\xc1\xcc\xc8\xcf6\xee\xd9\xfb\xc9\x97f\xab)\xec\x8f\x07\x00\x00\x100\xc65\x1ab0\xea=no\x08\xeeI\xdcpd\xe2\xe3\x99S\xe7\x96\xcc\xcd\x92\xb3\x16\xceY\xabf\x9d\xeei\xd2\xd6\xe9\xb2\x87\xa3\xfb\xff\x07\x18c\x87\xd3\xd6\xeb\x91\xa7SS\xaa\xcaC@aa\xe1\xb8q\xe3\xd4\x9d\x80hA\x15\x80HG\xba&gt;8\x1c\x8e\xc9\x93\'K\x93\x1f\xcey\x87\x1emn\xab\x9f\xe6qyC\xa9\xfd\xb8$\xf2"X\xbbG[\xa7\xd5\xad&amp;\xc7\xd4\x9c\xf3\xe5\xaf\xad\xa1\x94E\x88\xbe\x1eB(\xb8\x90\'\xa7p?\xcb\xb5\xc0\x197\x98\xf4\xd9\x8b?\xb0\x15\xd8\x11\xc2\x9cs\xa3\xc1\xdc7}\x98\xcf\x17\xfew\x1f\x00\xc8\x185\x18L\xfd{&gt;\x0fJ\xf5`\xabV\xad:p\xe0\x80\n\x8e\x8f\n\xc2\xfe\x01R\xfc\rrU\x9d1cF^^\x9e\x8c|1Y\x8c\x83\x86\xf7\xf6z|\x11b\xc5\xcc\x183\x18u\x83G\xf7\x17B\xc8%\xe0\xf0\xd7G6\xad\xfe\xd8\x92\x10\x11\xd3`\x00\x00\x80\xd1t\xdb\xebB8\xe7\x06\x93\xfe\xc7os\xdf\x7fg\xa3L|\xe4\x9cw\xee\xd0\xbfV\x8d;\xbc^\x17\x84\xe1\xff\x00`L\x9c\xce\xa2\xf6\xad\xbb\xd7\xab\xd3\x981\x8a\x10\xf6\xfb\xfd\x19\x19\x19\x8c1u\x08\x88|\xc2\xff\x01R\\\x01\xb9\x9e\x96\xcc\xd6J\xb5\x1f\xfd\x86\xa5\'\xa7&amp;\x85^\xfay90\xc6N\xbb\xab\xe9\xfd\x8d\x9a\xb7o\x1a\x94\x84.\x99\xbb\xfa\xcco\xe7"\xdc (*@\x18-\x9c\xf6n @\x11B\x9c\xb3\x94\xe4\xca\xe9]\x868\x9c\xf6p\xcd~/\tclp\xff1\x18\x13y7x\xd7\xae]\xabV\xadR\x92\xd0\xc8G\x15\x80\x88F\xae\x9eR]\']\x7f\xd3\xeaV\xeb6\xe8!\x97\xc3\x1d.\xe9\xe7\xa5\x81\x8016xt\x7f\xe9\x08\x840\xb2\x15\xd8\xb3\x17\x7f`0\xea#b\x12\x10\x9dp\xc6M\x16\xe3\xee\x9c}\x07\xf6\x1c\x94]u!\xc4\xa0\xde#*$$S\x1a)\xe5\x1f\x94\x1a\x045\xa8\x7f\xef\x83mz\x94\x1a\x04\xa1\xc9\x93\'\x17\x15\x15)Ih\x84\xa3\n@\xe4"\xa5\x9f;v\xec\x08\xde\xaf\x11B\x0c\x1e\xdd_\xa7\x8f\x0b\x99\xf3\xcfU"]Bk\xd6\xab\xdee@\x87\xa0$\xf4\xfdw6\xfet\xe8X\x04\x1a\x04E\x07\x02 \x82|\x9e\xe2E//\x05\x00\xc8\xc0\xf7zu\x1a\xb7k\xdd\xbd\xc8\x116\xe9\xe7\xe5@\x08{&lt;\xae\x81\xbd2LF\x0bc\x94\x10\x9c\x97\x977\x7f\xfe|\xf9\xd8\xe1~:\xc5eQ\x05 B\x91\xd7\xbe\x8a\x8b\x8bG\x8e\x1c)=\xeb9\xe3\xcd\x1f\xbc\xbb\xe9\xfd\x8dd\x06H\xb8\x1f\xf0b0\xc1\x0e\xbb\xb3\xc7\x90\xae\xa9\xb7T\x92\x87\x80@\x80.\x99\x97%;\xd7\x8a\x7f\nc\xccd6nX\xbe\xf9\xd4\x89\xd3r\xa0\xaa!\xda\xc1\xfd\xc7\x84\xc0\xf2\xf3\x1a\x90\x99\x91\xc9I\xa9}\xd3\x87\x053#\xe7\xcd\x9b\'\x07Wj\x07\x10\xb1\xa8\x02\x10\xa1\xc8\xd9oVV\xd6\xfe\xfd\xfb\xe5\xf6_\xa3!\x83\x86\xf7\xe2&lt;&lt;\xd7\xbe\xfe\x16\x08!\xf5\xd3\xa4J\x89\xbd\x9e~4(\t\xdd\xfd\xd1\x17\xfb\xb6\xef7[Mj\x1b\xf8\x8f\x90\xd2\xcf\xb3\xa7\x0bV\xbc\x9e\x1dt\xfdlqo\xc7\x86\xf5\x9b\x85\xd8\xf6\xe7\xea\xc1\x18\xbb\xdc\xce.\x1d\xfaWN\xad&amp;\x83\xe3\x8b\x8a\x8a\xa6L\x99\xa2\xee\x04D2\x91\xf8IR\xc8\xed\xbf\xcdf\x1b;v,B%\xf6\xc5\x8f&lt;\xde\xa9\xf6\x1di\xa1t\xfd\xfc\xa7`\x82\xed\x85E\x1d{\xb6\xadwW\x9d`b\xd4\xe2\x99\xcb}\xde\xe2H3\n\x8dp8\xe3\x06\x93a\xc9\xbc\xd5.\x87\x1ba\xcc\x183\x9b\xac\x8f\xf7\x1b\xe5\xf68\xc3+\xfc\xbf"\x90s\xaa\x8b3&lt;9p&lt;(i`\x92\x95+W\xee\xda\xb5\x8b\x10\xa2v\x00\x91I\x84.%1\x8e\xdc\xfegff\xe6\xe7\xe7\xcb\xc8\x97\x84$k\xfa\xe0.\x1e\xb77B\xa4\x9f\x97E\x00\xa2\xc1\x03\x9e\xef!/\x04 \x84\x8e}\x7fb\xfd\x92M&amp;\x8bQ-\x01W\x89t\xfd\xfcf\xef\xc1-k\xb6\xc9\x06\x9a\x10\xa2k\xc7\x01UR\xab\x87\xc5\xf6\xe7\xeaA\x08\xbb\xdc\x8efM\xda5\xa8\x7f/\xe7\x0c!\xc8\x18\xcb\xc8\xc8(..V\xd3\xe0\xc8$\xb2W\x93\x98D\xae\x9b%I{\xa5\xd2\xcfA#zW\xba\xb9b\xe4H?/\x07\xc2\xc8iw\xdd\xd3\xa6\xf1\xfd\x9d\x9b\x07%\xa1+\x16d\x9f=]\xa0$\xa1W\x0f\xc6\xf8\xad\xe9\xcb\x18er\x88Z9\xb5Z\xafG\x9ev8m\x118\xfb\xf9+\x9c\xb3\xa7\x06M D\xc3\x18#\x84\x1c8p ++K\x19\x04E&amp;\xaa\x00D\x1c\xb2\xff#\xb3\xb6\xe5\xcd\xafzw\xd5y\xa8\xf7\x03\x0e[\x99\x07\xbe\xdf\x10\x10F^\x8fw\xf0\xe8\xfef\xab\x89Q&amp;\x8d\xa3\x97\xcc[\xad7\xe8\x94$\xf4oa\x94\x99\xe3\xcd[\xd7n;\xf4\xd5\x91\xd2\xf1\xa9xr\xe0x\xbd\xde\xc8x$\x8e\x7f/\x02!\xe4\xf1\xban\xaby\xe7#\x9d\x1e\x93\x92P\x84\xd0\xd8\xb1c\x0b\x0b\x0b\xd5! \x02Q\x05 \xb2\x90\xd2\xcf\x9c\x9c\x9c\x9c\x9c\x1c)\xfcG\x08\xf5\x7f\xbe\x07!8Z\xbe&lt;\x10\xc2b\xaf\xbfJ\xf5\xd4n\x03;\xcagF\x08mY\xb3\xed\xc7\x83\xc7\x0c&amp;\xbd\xda\x06^\t\x010\xc1\x1e\x97g\xd9\xfc\xf7\x00\x00r|\xda\xa0\xfe\xbd\xcd\x9a\xb4s\xb9\x1c8r\xbb\xff\x7f\x02!\xec\xf1\xba\xbaw\x1e\x9c`M\x92\xd3\xe0\xfc\xfc\xfc\xb9s\xe7\xaaC@\x04\xa2\n@\x04!\xf7\xfe2\\\t@\x800b\x8c\xb5\xea\xd4\xec\xde\xb6M\x9cvW\xa4w\xff/\x00c\xec\xb09{?\xfd\xe8\xcdUS\xe4!\x80Q\xf6\xc6\xb4w\xa3\xe8\x9f\x10\x16\x18c\x96\x04\xf3\xea\x85\xeb~\xfb%\x1f\x13\xcc9\xc7\x98&lt;5h\x02\xe7\xd14&gt;\x91\x92\xd0J\x15+\x0f\xec5&lt;(\t\x9d5kVnn\xae\xaa\x01\x91\x86\xfaBF\x10\xb2\xfb/\xe3U\t&amp;\x8c2\xa3\xd9\xd0\xef\xb9\x1e&gt;\xaf/b\x95?\x97\x06\x02F\x99\xc1d\x18\x90\xd1\x13\x00 8G\x18\x1d\xd8spw\xce&gt;\x93\xc5\xc4T#\xe8R\x08!\xe2\xf4\xda\x93\xc7O\xaf_\xba\x19B(\x13\x1f\x1fl\xd3\xa3vZ}\x8f\xd7\x15]\x1f\x00\x8c\x89\xd3e\x7f\xa0\xd5\xa3i\xd5\xebr\xce0\xc62\xc8Zu\x81"\x8dh\xfaT\x95o8\xe7\x10\xc2\xfc\xfc\xfc\xcc\xccL\x08\xa1\x94~v\x19\xd0\xe1\xb6;jx]^\xe9\x03\x1aE`\x82\x9dE\xce\xf6\xdd\xdb\xdc\xd1\xb8\x0ec\\\xae_\x8b^^\xeau{1VW\xc3.\x01g\\o\xd0/\x9e\xb9\\^\xf4\xe3\x8c\x9b\x8c\x96\x81\xbd2\xbc&gt;O\x04K?/\x0bc\xcc\xa07&gt;\xd1w\x94\x10B\xd6\x80\xec\xecl\xd9\xd8Tz\xb0\xc8A\x15\x80HA\xda&gt;\x8f\x1b7\xcef\xb3I\xd3\xff\x94*\xc9=\x86t-\xb2G\xc7\xec\xf7\x920\xc6\x86\x8c\x1d\x80\t\xe6\x8cc\x82O\x9d8\xbdz\xe1:K\x82Y-\x01\x17\xc1\x197[M\x9fo\xfbj\xfb\x87\xbbK\xa5_\xbco\xfa\xb0\xe4\xa4\xd4\x08\x97~^\x0e\x8c\xb1\xd3eo\xd2\xe8\xfefM\xdb\x05/\x85Hi\x83:\x07D\x0e\xaa\x00D\x04\xb2\xf9\xb3\x7f\xff\xfe\xd5\xabWK\xed\x87\x10\xe2\xb1\x11}*$\'P?\x8d\xc6\xef?(5\x08jpo\xfd\x0e=\xda\xc8\xce/\x84p\xfd\xd2\xcd\'\x8f\xff\xa6$\xa1\x17\x03\x01\r\xb0e\xaf\xad\xe1\x9c#\x888\xe7i\xd5\xebv\xed8\xd0\xe5vD\x85\xf4\xf32@\xc6\xd8\x13\xfdF\x1b\rf\xa9n(\x117\xabI@\xc4\xa0\n@D \xc7\xbf#G\x8e,..\x96#\xd3;\x1a\xd7i\xdf\xbd\xf5E\x11\x86Q\x07\xc2\xc8\xe3\xf2\x0c\x1a\xde\xdbd1\xcaC\x80\xd3\xeez{\xe6\ni\x1a\x1a\xee\xa7\x8b\x14\x18e\xd6\xc4\xf8\xcd\xef}r\xf8\xeb#\xc1\xf2\xffD\xdfQ\xba8}d:\xff\\%\xd2%\xb4f\xf5z\x9d;\xf4/u\t\x85\x99\x99\x996\x9bME\x86E\x08\xaa\x00\x84\x1f\xb99\xca\xce\xce\xde\xb1c\x07!\x84Q\xa6\xd1\x92!c\x07D\x9a\xe5\xe75 3#\x93S\x93\xfa=\x97^b\x10\x84\xd0\x8e\xcd{\x0f\xec9\xa8\\B%B\x08\xa2%\x05g\n\xb3\x16\xae\x0b\xda\xfe4\xbf\xbb}\x93F\xf7;]\xf6h\xde\xfe\x03\x00\x00\xc6\xc4\xe1\xb4\xa7w\x1erS\xca-2*\xc0f\xb3\xc9)\x97z\xf7#\x01U\x00\xc2\x8c\xdc\x07I\x8d\x04\x00\x00"\xc89o\xd9\xf1\xde\x86\xcd\xeaG\xb2\xed\xcf\xd5\x831v9\xdd]\xfbw\xac\\-\x951\x860\n\xf8\xe9[\xd3\x97)w \t\xa3\xccb5\xafyk\xc3\xe9_\xcf \x8c8\xe7\x84h\x06\xf4\xcc\x90[\xe6p?\xdd\xf5\x02!\xa4\xd4\x9fT\xa1R\xafnO\x97JBKtn\xaa\x11\x14\tD\xfd\xfa\x12\xed\xc8\xcc\xaf\xd9\xb3g\xe7\xe6\xe6j4\x1a\x1a\xa0f\xab\xe9\x89\xd1\xfd\xdcNO9Q\xcdC\xc0)\xd7\x19\xe2\x86\xbe8\x10\x94\xfe{\x0f}ud\xeb\xdaO\xe3\x13-\x91\x92\x19\x19&amp;\xa4\xedO\xee\xe1\xe3\x1f,\xdb\x82\x10\x92\xd2\xcfG:=V;\xad~\xc4\xba~\xfeS0&amp;\xf6\xa2\xc2\x0em{\xd4\xabs\x17c\x14c"o\xba\xa8Qp$P\x1e&gt;a\xd1\x8b\x9c\xfd\xe6\xe5\xe5\xcd\x981\x03!$\x80\x10Bt\x1b\xd8\xb1J\xf5\x9b#\xdf\xf6\xe7\xea\x91n\x10\xcd\xdb5m\xd8\xac~\xd0 \xe8\xdd\xb9\xab\xce\x9f\xb5\x11-\t\xe3*\x801\xc6\xa4\xf4WX\x9a-\x02`\x8c\x17\xcf\\\xeevz\x10B\x9c\xb1\x04kR\xf7\xce\x83=^w4J?/\x8f X\xd3\xaf\xc7s\xf2\xdf\x881\xc9\xc9\xc9\t\xc6\x1c\x85\xfb\xd9b\x1aU\x00\xc2\x89\x9c\xfdN\x992\xc5\xe1p`\x82i\x80V\xae\x96\xda\xfb\xe9G\x1d6g\xb47\x7f\xff\ng\xfc\xe9\t\x8fi4D\xc6\xc5\xe4\x9f&lt;\xbb\xe6\xad\r\xf1\xd6\xb0\x05\xc7\x0b!\x1c6\x07\xa3,\xe0\x0f0\xca\x8a\n\x1d!.E\x8c1\xb3\xd5\xb4o\xfb\xfe\xdd[\xf7\x05]\xff\x06\xf6\x1a^\xa9b\xe5(\x95~^\x0e\x84\xb0\xd3e\xbf\xe7\xae6\xf77\x7f\x98\xf1\x12I\xa8\x0c:U\xe7\x80\xf0\x12Y\xc1r1\x85\x9c\xfd\xee\xdc\xb9s\xe5\xca\x95\x98\x94l\x85\x86\xbe8Po\xd4;\x8b\\\xb8|\xf4\x7fJA\x08y\\\xde\xdb\xee\xac\xf9\xc8\xe3\x9d\xde[\xb4\x01#\x8c\x10\xfa`\xd9\x96\xb6\xddZU\xa9\x9e\xea\xf7\xfaCy\xd3\rB(\xb8\x88\xd3\xc5=6\xb2\x8f\xbf\xb8d\r\xd2\x1b\xf5\x1a\xadF\x96\xe4\xd0&lt;\x06\xc6\xd8\xe3\xf6-\x9e\xb9\x1cB\x88 \xa2\x94\xd6\xabsW\xc7\x07z;\x9c\x11\x97\xf8x\xfd \x84\xbd^\xcf\xe3\xfdF\x7fy`\x87\xcb]D\x08\xc9\xcd\xcd\x9d={\xf6\xf8\xf1\xe3\xe5\x17!\xdc\x0f\x18\xa3\xa8\xf2\x1b6\xe4\x8a\xdf\xbau\xeb\x9d;wj\xb4\x9a\x80?\xd0\xb0Y\xfd9\xab\xa7\xb8\xcb\xc5\xec\xf7\xaf\x08!\x88\x868\xed\xae!\x1d\x86\xdb\xcf\x17\xc9\x13O\xeb\xce\xf7M^4\xd6^`\x0f\xbd\xda\x15Bh\xb2\x18!\x84\x00\x08\x00 \x17\xdc\xed\xf0\x84\xec\xeb\xc0(\xb3&amp;\xc5\xbf\xff\xee\xc6y\xe3\xdf\xc0\x18\x0b\x01\x00\x10\xafLX\xd2\xa4a+\x97\xbb\xa8|\xf5\x7fJ`\x8c&amp;X+\xbe\xb5\xec\xd5\xe5k^\x97f\xd1\t\t\xd6\xef\xbf\xff&gt;99\x19\x00P.?\xf3\x91\x8fz\xd1\xc3\x83\xb4z^\xb5j\xd5\xce\x9d;\xe5\xbd_L\xf0S\x13\x1e+\xc7\xeax)\t\xadT\xb9\xe2\xa0\x11\xbd\x82\x99\x91\x9fm\xdc\xb3\xf7\x93/\xcdVS\xe8\xff\xe1B\x08{a\x91\xad\xc0n+(\xb2\x15\xd8C\xd9\x02\x92\x89\x8fgN\x9d[27KND8g\xad\x9au\xba\xa7I[\xa7\xcb^.W\x7f -\x02\x9d\xb6^\x8f&lt;\x9d\x9aR\x95\xd2\x00!\xa4\xb0\xb0p\xdc\xb8q\xeaN@\x18Q\x05 \x0cH\xd7\x07\x87\xc31y\xf2d\xd9\xfa\xe0\x9cw\xe8\xd1\xe6\xb6\xfai\x1e\x97\xb7\x1co\x85\xe4E\xb0v\x8f\xb6N\xab[M\x0e\xc09\xe7\xcb_[C)\x0bK\xcb;\\C`\xce\xb8\xc1\xa4\xcf^\xfc\x81\xad\xc0\x8e\x10\xe6\x9c\x1b\r\xe6\xbe\xe9\xc3|\xbe\xf2\xfc\xee\x03\x00\x19\xa3\x06\x83\xa9\x7f\xcf\xe7A\xa9\x1el\xd5\xaaU\x07\x0e\x1cP\xc1\xf1\xe1\xa2\x1c\x7f\xda"\x17\xb9\xf6\xcd\x981#//OF\xbe\x98,\xc6A\xc3{{=\xber"\xfd\xbc&lt;\x8c1\x83Q7xt\x7f!\x84\\\x02\x0e\x7f}d\xd3\xea\x8f-\ta\x9b\x06\x87\x18\xce\xb9\xc1\xa4\xff\xf1\xdb\xdc\xf7\xdf\xd9(\x13\x1f9\xe7\x9d;\xf4\xafU\xe3\x0e\xaf\xd7\x05ay\xfe\x00`L\x9c\xce\xa2\xf6\xad\xbb\xd7\xab\xd3\x981\x8a\x10\xf6\xfb\xfd\x19\x19\x19\x8c1u\x08\x08\x0b\xe5\xf9\xd3\x16\x99\xc8UON\xc0\x82\xda\x8f~\xc3\xd2\x93S\x93\xca\x93\xf4\xf3r`\x8c\x9dvW\xd3\xfb\x1b5o\xdf4(\t]2w\xf5\x99\xdf\xce\xc5\x8eA\x10\xc2h\xe1\xb4w\x03\x01\x8a\x10\xe2\x9c\xa5$WN\xef2\xc4\xe1\xb4\x97\xbf\xd9\xef%a\x8c\r\xee?\x06c"\xef\x06\xef\xda\xb5k\xd5\xaaUJ\x12\x1a\x16T\x01\x085r\x8d\x93\x1a8\xe9\xfa\x9bV\xb7Z\xb7A\x0f\xb9\x1c\xeeX\xd1B@\xc0\x18\x1b&lt;\xba\xbft\x04B\x18\xd9\n\xec\xd9\x8b?0\x18\xf5\xe5x\x04"\xe1\x8c\x9b,\xc6\xdd9\xfb\x0e\xec9({\xdfB\x88A\xbdGTHH\xa6\xb4\xfc\x97\x7fPj\x10\xd4\xa0\xfe\xbd\x0f\xb6\xe9Qj\x10\x84&amp;O\x9e\\TT\xa4$\xa1\xa1G\x15\x80\x90"\x15o;v\xec\x08\xde\x82\x11B\x0c\x1e\xdd_\xa7\x8f+\x07\xce?W\x89t\t\xadY\xafz\x97\x01\x1dd\xe7\x17!\xf4\xfe;\x1b\x7f:t\xac\x9c\x1b\x04\t\x80\x08\xf2y\x8a\x17\xbd\xbc\x14\x00 \x03\xdf\xeb\xd5i\xdc\xaeu\xf7"G9\x94~^\x0e\x84\xb0\xc7\xe3\x1a\xd8+\xc3d\xb40F\t\xc1yyy\xf3\xe7\xcf\x97/H\xb8\x9f.\xb6P\x05 tH\x8dyqq\xf1\xc8\x91#!\x84\x08!\xcex\xf3\x07\xefnz\x7f#\x99\x01\x12\xee\x07\x0c\x1d\x98`\x87\xdd\xd9cH\xd7\xd4[*\xc9C@ @\x97\xcc\xcb\x92=\xf1\xf2\nc\xccd6nX\xbe\xf9\xd4\x89\xd3r\xec\xa9!\xda\xc1\xfd\xc7D\xb5\xe5\xe75 3#\x93\x93R\xfb\xa6\x0f\x0bfF\xce\x9b7O\x8e\xc4\xca\xf3\x0e \xf2P\x05 t\xc8\xd9oVV\xd6\xfe\xfd\xfb\xe5\xf6_\xa3!\x83\x86\xf7\xe2\x9c\xc7\xd2\xd7\x1f\x00\xe9\x11\xe6\xa7I\x95\x12{=\xfdhP\x12\xba\xfb\xa3/\xf6m\xdfo\xb6\x9a\xca\xe56PJ?\xcf\x9e.X\xf1zv\xd0\xf5\xb3\xc5\xbd\x1d\x1b\xd6oVnl\x7f\xae\x1e\x8c\xb1\xcb\xed\xec\xd2\xa1\x7f\xe5\xd4j28\xbe\xa8\xa8h\xca\x94)\xca%4\xc4\xc4\xd6\xc7.\x8c\xc8\xed\xbf\xcdf\x1b;v,BH&amp;&gt;&gt;\xf2x\xa7\xdaw\xa4\x85\xde\xf5Sp\xc19\xe7\xac\xe4\x97\xe0a\xd8uc\x82\xed\x85E\x1d{\xb6\xadwW\x9d`b\xd4\xe2\x99\xcb}\xde\xe2ri\x14\xca\x197\x98\x0cK\xe6\xadv9\xdc\x08c\xc6\x98\xd9d}\xbc\xdf(\xb7\xc7\x19b\xe1\xbf\xd4_\xfd\xf1\xf6s\x1e\x8e\xce;\xe4\x9c\xea\xe2\x0cO\x0e\x1c\x0fJZ\xa3d\xe5\xca\x95\xbbv\xed"\x84\x94\xcb\x1d@d\xa2\n@\x88\x90\xdb\xff\xcc\xcc\xcc\xfc\xfc|\x19\xf9\x92\x90dM\x1f\xdc\xc5\xe3\xf6\x86L\xfa\xc9\xb9`\x8cA\x08\xb4:\xad\xd1l4[Mf\xab\xc9d1\xc6\xe9\xb4\x00\x00\xc6X\xa8+\x81\x00D\x83\x07&lt;\xdfC^\x08@\x08\x1d\xfb\xfe\xc4\xfa%\x9bL\x16c9[\x02\xa4\xeb\xe77{\x0fnY\xb3M\xb6\xb9\x84\x10];\x0e\xa8\x92Z=d\xb6?\x02\x08\xc6\x19\x17\x9c\x10\x8dAo4\x19\xe3\xcd&amp;\xab\xc9\x18o\xd0\x1b\t!\xb2$\x84\xe01\x82 \x84]nG\xb3&amp;\xed\x1a\xd4\xbf\x97s\x86\x10d\x8cedd\x14\x17\x17\xabip\xc8P/t(\x90\x81\xefG\x8f\x1e\xadW\xaf\x1e\x17\x1cB\xc8(\x1b\xfe\xca\xd3\x8f\x0czH\x9a"\x94\xf5\x03\xc86\x8b\xde\xa8\xd3h5\xce"\xd7\x99\xdf\xce\x9d\xfb\xfd\xbc\xc7\xe9\x11@\x18L\x86\xe4\xd4\xa4\x94\xca\xc9\xa6x\xa3\xdf\xe7\xf7z\x8a\x11\x82!\x93\xa30\xca\xac\x15\xe2_zf\xe6\xb6\r%7\xa2\x8df\xc3\x92m\xff6[M4\x10\xadY\x98\x7f\x85sn\xb2\x98\x86=2\xe6\xd0WG\x08!\x94\xb2\xca\xa9\xb7.\x9a\xbbY\x08!\x8d(\xca\xfe\x01\x18\xc6\xc4`03\x1a((&lt;s\xe6\xdcoEE\xe7\x8b\xfd&gt;\xad6\xcej\xa9P)\xb9rR\x85\x14\x8c\xb0\xdb\xe3\xe4\x9c\x85\xecD\xc29\xd7\xeb\x0c\xc7\x7f\xf9\xf1\xd9\xd1]8g\x08!J\xe9\x92%K\x06\x0e\x1c\xa8\x0c\x82B\x83*\x00\xa1@~\x9a\xdb\xb7o\x9f\x93\x93#m\x7f\xea\xddUg~\xf6\xcb\xc5\x9e\xe2\x10\x98\xa0q\xce\t!z\xa3\xee\x87o\x8e~\xfc\xfeg\xfbw}{\xfa\xd73\x01\x7f \xf8\x1b4Zrs\xd5\x9b\x9a\xdc\xdf\xa8\xdd#\xadj\xddQ\xc3\xed\xf4\xc8\x9eLY?\x18\x00@\x08\xa1\xd1\x92\xf3g\xedOv\x1c\xee*r\xcb\xb3Q\xa7&gt;\xedF\xcf\x1a\x16\xedq\x98A\x18e\x96\x04\xcbG\xd9\x9f\xbc:\xfc5\x8c\xb1\xec\xc0L\x19\xf7V\xf3\xbb\xdb;]E\xb8\xecW[\xc6\x99\xd9hq\xb9\x1d;\xf6n\xde\xb9w\xf3\xd1\xbcCE\x8e\xc2\x0b\x7f\x835&gt;\xb1v\xda\x9d\xf77\x7f\xb8\xf9\xdd\xed\xf5:\x83\xcb\x1d:3Z\xc6\xa85&gt;\xe9?o\xbf\xb4f\xc3\x9b\x84h8g\xc9\xc9\xc9\xdf\x7f\xff\xbd\xd5j\x95\x93\x92\xd0&lt;F\xcc\xa2\n@\x99#W\xff\x9c\x9c\x9c\xf6\xed\xdb\xcb\xef\x95\x10\xe2\xd5\xa5\x99M[5\x94K^\x99\xfe\xed\x9cq\x9d!\xce\xe3\xf2.\x9e\xb9bS\xd6\xc7\xc1\xdb\xb6\x08!Y{\x84\x10A\xf5\xbdV\xa7\xed\xda\xbf\xc3\xc0\x11\xbd5\x1a\xe2\xf7\xf9C\xd3\x9bb\x94%T\xb4\xbe\xf9\xea\xd2e\xaf\xad\xc1\x04\x0b. \x82\x0b\xff7\xbb\xc6mU\xbd\x1e_\xd4OG\x05\x00\x10@\x08\x07\xb7\x7f\xfe\xb7_\xf2\t!\x94\xd2\x06\xf5\xef\x9d=y\xb5;$\xb3_\xce\xb9\xd9l\xdd\xb3o\xeb\xe2e3~&gt;yT\xfe\x10\x02\x880\x82\x00\n\x008\xff\xe3\x16n\xcd\xea\xf5\x9e\x1c8\xbeq\x83\x16\x0e\xa7-4\xe7\x00!\x04!\x1a\xa7\xcb&gt;tDG{\xd1yBH \x10x\xf1\xc5\x17\xa7M\x9b\xa6\x0e\x01! \xca\xbf]\x11\x8f\x9c\xfd\xca\x08$\x00\x01\xc2\x881\xd6\xaaS\xb3{\xdb6q\xda]e\xbe\xfas\xae3\xc4\x9d=]0\xbcg\xe6\x87+&gt;b\x94\x97\xb8\xdf`\xcc9g\x941\xca8\xe3\x08!B0\xc6\xd8\xef\xf3\xafy\xeb\x83\xd1}\'\x15\x15:\xe2\xf4q\xa1\xd1c`\x8c\x1d6g\xef\xa7\x1f\xbd\xb9j\n\xa3L\x1e\x02\xde\x98\xf6n\xf9p\xc5`\x8cY\x12\xcc\xab\x17\xae\xfb\xed\x97|L0\xe7\x1cc\xf2\xd4\xa0\t\xa1i\xb8s\xce\xcd\xa6\xf8\x95\xd9\x0b&amp;\xbc\xfc\xc4\xcf\'\x8fb\x841\xc2\x18\x13\x01\x04c\x8c2\xca\x18\x15BH;$\x84p\xee\xf1\xc3c^\xea\xb7\xee\x7fo\x9b\xcdV\x16\x92\'\x94\x92\xd0J\x15+\x0f\xec5&lt;(\t\x9d5kVnn\xae\xca\x8c\x0c\x01\xe5\xe1;\x16\xc9\xc8\xd9\xa6\x0cA%\xb8\xa4\xc7\xdd\xef\xb9\x1e&gt;o\x99\xefm\x85\x10\x1a\rq\x15\xb9\xc7\r\x9a\x9aw\xe4\x04!D\xce\x02\x18e\x8c1\xbdA\x97Z5\xa5J\xf5TK\x82\x99sN)\x13\x82C\x08\t!\xdf\x1f\xf8i\xec\xc0)\x1e\xb7\x87hB\x12\xd7\x05\x01\xa3\xcc`2\x0c\xc8\xe8\t\x00\x10\x9c#\x8c\x0e\xec9\xb8;g\x9f\xc9bb\xd1|7X\x08\x11\xa7\xd7\x9e&lt;~z\xfd\xd2\xcd\x10B\x99\xf8\xf8`\x9b\x1e\xb5\xd3\xea{\xbc\xae\xb2\xfe\x000\xc6,\xe6\xf8\xb5\x1f.^\xbc|\x06B\x08!\xc4\x05g\x9c1F\x01\x00\x15\x12\x92\xab\xdc\\\xa3R\xc5\x9b\xa5%\x83\xac\x04\x08!\x01\xc0\x82\xb7&amp;m\xd8\xb44\xde\x9c\x10\x9aQ&lt;\xc6\xc4\xe9\xb2?\xd0\xea\xd1\xb4\xeau9g\x18c\x19\x91\xadF\xc1!@\xbd\xc4e\x88\xdc\xbf\x9c={\xf6\xf6\xdbo\xb7\xdb\xed\xd2\x01\xbf\xcf\xb3\x8f\xfek\xe2\x13\x05g\n\x89\xa6lo~r\xceM\x16\xe3\xe4gfm\xff\xdfnB0\xa5Ln\xa9j\xddQ\xa3\xfb\x13\x0f\xd7mT\xc7b5\x01\x08\xbdno\xde\x0f\'\xd6\xbe\xfd\xbf\xfd\xbb\xbf\x93_9\xf9\x9b[&lt;x\xcf\xe47\xc7\x84,\x9c\xe0OcR\r\x91\xe1hom\x99\'\x84\x08\xc9\x94\xb4L\xf8\xd3\x88\x9b\x10\xc6\xb8\xd1`zg\xc1\'f\x93\x95\xd2@\x996\xb8\xe5|\xf5h\xde\xa1\xe7\xc7?\x1a\x14z\xca~K\xe7\x0e\xfd[7\xef\x9cR\xa9\x8aV\x13\xc7\x18=o;\xb3g_\xce\x9a\ro\xba=N\x08\x11\x00\x02B\x08!\x9a;\xf5\xbd\xba\xb75\xf4x\xdd!\xf8\x000\xc6,f\xeb\x17_o\x1b7u\x90l\xfb0\xc6\xb6n\xdd\xda\xae];\xd5\x08*S\xd4\t\xa0\x0c\x91[\xaaq\xe3\xc6\xd9l6)qI\xa9\x92\xdccH\xd7"\xbb\xb3\xac\xc7\x9b\x9cs\xa3\xd9\xf0\xd5\x8eo\xb6\xffo7\xc6(\xb8\xfa?\xd4\xfb\x81\x7f\xaf\x9f\xf1`z\x9b\x8a)\x89DC\x08\xc1\x96\x04\xf3=m\x1b\xcfY5\xe5\xb1\x11}\x84\x10\x08#\xc68&amp;x\xe7G\x9f\x7f\xfa\xe1.\xb3%tN\xfd\x8c\xb1!c\x07`\x829\xe3\x98\xe0S\'N\xaf^\xb8\xce\x92`\x8eRI(g\xdcl5}\xbe\xed\xab\xed\x1f\xee.u\xfd\xe3}\xd3\x87%\'\xa5\x86F\xfa\t!|{\xc5LJ\xa9\xac</t>
        </is>
      </c>
    </row>
    <row r="169">
      <c r="A169" s="1" t="n">
        <v>167</v>
      </c>
      <c r="B169" t="inlineStr">
        <is>
          <t>polygon_sides_color</t>
        </is>
      </c>
      <c r="C169" t="inlineStr">
        <is>
          <t>What is the missing color of the part denoted with a question mark?</t>
        </is>
      </c>
      <c r="D169" t="inlineStr">
        <is>
          <t>['orange', 'blue', 'red', 'green']</t>
        </is>
      </c>
      <c r="E169" t="inlineStr">
        <is>
          <t>green</t>
        </is>
      </c>
      <c r="F169" t="inlineStr">
        <is>
          <t>There are 6 colored polygons arranged in a triangle with color ['red'] in the top row, ['purple', 'green'] in the middle row, and ['red', '?', 'purple'] in the bottom row.</t>
        </is>
      </c>
      <c r="G169" t="inlineStr">
        <is>
          <t>We observe that the polygon with 3 sides is purple in color and the polygon with 5 sides is red in color. Thus, the pattern is that the polygons with the same number of sides have the same color.</t>
        </is>
      </c>
      <c r="H169" t="inlineStr">
        <is>
          <t>Based on the pattern that the polygons with the same number of sides have the same color, the missing color of the part with 7 sides should be green.</t>
        </is>
      </c>
      <c r="I169" t="inlineStr">
        <is>
          <t>b'\x89PNG\r\n\x1a\n\x00\x00\x00\rIHDR\x00\x00\x02\x00\x00\x00\x02\x00\x08\x02\x00\x00\x00{\x1aC\xad\x00\x00e\x92IDATx\x9c\xed\xddg@\x14G\x1b\x07\xf0\xd9rw\xdc\xc1\xdd\x01\xd2T,(\xf6\x06\x82\x82b\x8b\xbd\x8b\x1a\x13[\xac\xb1F\xa3\xb1\xc5n,QS4\xf1\x8d1F\x83]\x93XP\xc4\n\x1a+"\x8a\xa2\x18\x8d\x064\x1a\x0bJ=\x0e\x0e\xae\xec\xce\xbc\x1fV/D\x8d\x15\xb8\xbd\xdb\xe7\xf7\xf1}\x95\xac\xc7\xde\xfcg\x9e\xd9}\x86"\x84 \x00\x00\x00\xd2C\xdb\xfa\x02\x00\x00\x00\xd8\x06\x04\x00\x00\x00H\x14\x04\x00\x00\x00H\x14\x04\x00\x00\x00H\x14\x04\x00\x00\x00H\x14\x04\x00\x00\x00H\x14\x04\x00\x00\x00H\x14\x04\x00\x00\x00H\x14\x04\x00\x00\x00H\x14\x04\x00\x00\x00H\x14\x04\x00\x00\x00H\x14\x04\x00\x00\x00H\x14\x04\x00\x00\x00H\x14\x04\x00\x00\x00H\x14\x04\x00\x00\x00H\x14\x04\x00\x00\x00H\x14\x04\x00\x00\x00H\x14\x04\x00\x00\x00H\x14\x04\x00\x00\x00H\x14\x04\x00\x00\x00H\x14\x04\x00\x00\xaf\rcl\xebK\x00\xa0\x18@\x00\x00\xf0\xaa0\xc6\x1c\xc7!\x84h\x9a&amp;\x84\xd8\xfar\x00x[\x10\x00\x00\xbc\x08!\x84\xe7y\xeb\xb8\xcf\xb2,B\xe8\xde\xfd\xfb\x14EA\x06\x00{\x07\x01\x00\xc0sX\xc7}\x8a\xa2\x18\x86\x11\xc6\xfd\xc4\xe4\xe49\x8b\x17\xb7l\xd6\xacN\xadZ\xf1g\xcfR\x14\x05\xb5 `\xd7`\x16\x03\xc0?\x08!\x18cB\x880\xe2#\x84\xcc\x16\xcb\xb1\xb8\xb8\xc8\xc8\xc8\xeb\x89\x89\xc6;w\x1a\xa9\xd5\xbd\xeb\xd4\xb9\x97\x977\xfd\xfa\xf5\xcbIIn\xae\xae4MS\x14e\xdb\xcb\x06\xe0\xcd@\x00\x00\xf0x\xdcG\x081\x0c#\xfc/\x8f\xc7\xfd\xdd\xbb\x93N\x9cp\xc9\xccl\xe6\xe9\xd9\xda\xcf\xaf\xba\xb7\xb7V\xa9\xcc3\x99\\U\xaa)\xd1\xd1\xa95k\x1e\xda\xb3\x87\xe38kZ\x00`_ \x00\x80t=;\xee\xeb\xf2\xf2\x12.\\\x10\xc6}uff\x98\xa7g{\x7f\xffZ&gt;&gt;\n\x99\xcc`6\x1b-\x16\x0ec\x9a\xa2\x10B\xaeJe\x8bu\xebF.[6~\xe4H\x9e\xe7\xad?\x01\x00;\x02\x01\x00$G(\xf2\xa0"\xe3~\x96Nw 6v\xdf\xde\xbd\xb7\x13\x13\xb5\x06C\x88\xbb{\x87j\xd5\x84q?\xdfd*\xb4X\x08!4EYK=\x98\x10\'\x99,M\xafo\xb7gO\\RRM\x7f\x7f\x8c1M\xc3\x8e\x1a\xb03\x10\x00@*\x84}]\x9a\xa6\xad#\xb5u\xdc\xbfu\xfe\xbc\x8f\xc1\xd0\xa6B\x85w\xaaT\xa9\xe8\xee\xce\xb2\xac\xe1y\xe3~Q\x1c\xc6^j\xf5\x9a\xb3g\xd7\x1b\x8d\x97\xcf\x9fG\x08\xc1f\x00\xb0;\x10\x00\xc0\xc1=;\xee\xa7\xde\xbe}2&gt;\xfe\xf0\x81\x03\xb7\xce\x9d\xf3)(hS\xa1B\xeb\xaaU+\x97)C(*\xdfd2\tO|"\xf4\xd2\xd1\x9c\xc3\xb8\xacV\xdbo\xdb6\x8f\x9e=#\xbe\xff\x1e6\x03\x80\xdd\x81\x00\x00\x8e\tc,\x94e\xfe\x19\xf7\xef\xdc\xd9w\xf0`\xec\xfe\xfd\x0f\x93\x93\xab3L#o\xef\xb6\xfe\xfeO\x8f\xfb\xaf3\x87\'\x08Q\x08)X\xb6\xf1\xbau\xdfEF\xf6\xe8\xd4\t6\x03\x80}\x81\x00\x00\x0eE\x18\xf7Y\x86AOF\xf2\xa2\xe3~M\x86\xe9\xe8\xe7\x17\xe6\xe7\xe7\xa5V\xf3\x84\xe4\x9b\xcdo0\xee\x17\xc5\x13\xa2Q(\xce\xdd\xbd;$.\xeeRrrY\x1f\x1fB\x08l\x06\x00{\x01\x01\x00\xec\x1e!Dx\x9e\xa7\xe8\xb8\x9f\x98\x9c\xbc\xff\xe0\xc1\xf3\xa7O\xa7\x15\x1d\xf75\x1a3\xcf\xe7\x9bL\x16\x9e\xa7(\xaaXj\xf6\x16\x8c\xcbi4\x8b\x7f\xfb\xed\x88V{\xf6\xf8q(\x04\x01;\x02\x01\x00\xec\xd5\xb3/m!\x84\x12\x93\x93\xa3\xa2\xa3\x8f\x1f8`\xb9s\'X\xad\x0e\xf3\xf5m\\\xb1\xa2\x8fVkz2\xee\xd3\x14E\x17\xf7V-\x87\xb1\x8fF\xd3n\xfd\xfa\x8e\xd3\xa7\xcf\x9d6\r2\x00\xd8\x0b\x08\x00`g\x9e\xfb\xb2\xee\xa5k\xd7\xa2\xf7\xed\x13\xc6\xfdFju\x87\xaaU\x83*T\xd0(\x95%:\xee\x17\xbd$\x19\xc3\xe8M\xa6\x96\xdb\xb6\xed8z\xb4eX\x18&lt;\x15\n\xec\x02\x04\x00\xb0\x0f/h\xd2\x90t\xf2\xa42\'\xa7\xaeR\xd9\xb9Z\xb5\x86\xbe\xbej\xa5\xb2\xd0b1\x98\xcd&lt;\xc6%:\xee\x17\xc5a\\\xc6\xd9\xf9\xf0\x8d\x1b\x93\xaf]\xfb\xe3\xeaUg\x95\x8a\xfa\x8f\xe7G\x01\x10\x0f\x08\x00 j/n\xd2`}Y\xb7\xba\x97\x97J\xa1(\xfdq\xbf(\x0b\xcf\xfb\xba\xba\x8e\xd9\xb3G\x1f\x1a\xbak\xcb\x16(\x04\x01\xf1\x83\x00\x00b\xf4\xec\xb8\x9f\xa5\xd3\x9d8s\xe6\xf0\xe1\xc3\xcf6i\xc87\x99\n9\x8e`L\xd9b\xdc/\n\x13\xa2Q*\xc3\xd6\xac\x99\x16\x111\xac\x7f\x7f\xc8\x00 r\x10\x00@D\x84\x878\x85\x0e\xcc\xc2\xff\xf2\xcf\xcb\xba\xe7\xce\x955\x1a\x03\xdd\xdd\xdb\xfa\xfb\xd7\xfe\xef&amp;\r\xb6\xc5\x13\xe2"\x97\xdf\xc8\xcc\xecy\xf8\xf0\x99\xf3\xe7\xabC\x8b\x08 n\x10\x00\xc0\xf6^\xa5I\x83\xf0\xb2.E\xd3/m\xd2`[\x16\x8c}\xd4\xea\x1f\xe2\xe37\x99\xcdI\t\t\x14EA\x8b\x08 Z\x10\x00\xc0f\x9e\xdb\xa4a\xdf\xa1C\tqq\xa9\xff\xd5\xa4A\xac\xe3~Q\x16\x8c}\xb5\xda\x9e\x9b7W\x1f6l\xc5\x92%P\x08\x02\xa2\x05\x01\x00J\x9bP\xe7ah\x9az^\x93\x86\x9a\x0c\xd3\xa2|\xf9\x90J\x95\xaaxx\xbcq\x93\x06\xdb"\x081\x14\xc5\x11\xd2l\xd3\xa6\x1f"#\xbbC\x8b\x08 V\x10\x00\xa0\xf4\xf0&lt;\xcf\xd0\xf4K\x9a4h4\x1c\xc6\x86\xb7n\xd2`[&lt;!\xaeNNg\xff\xfe{h\\\\\xf2\xd5\xab^\x9e\x9e\xd0"\x02\x88\x10\x04\x00(m\xc2\xcb\xba\t\xc7\x8ee\xa7\xa4\xd4(\xc9&amp;\r\xb6%\x14\x82f\x1d:t\xc9\xcf\xefht4\x14\x82\x80\x08A\x00\x80\xd2 \xdcf\x11\x11\x11\x9b6l\xb0\xdc\xb9\x13\xec\xe2\xd2\xaeJ\x95\xbae\xcb\x16\x1d\xf7m\xf2\xf0~\x89\xe2\tqwvn\xb7n]\xb7\xd9\xb3\xe7N\x9d\n\x19\x00\xc4\x06\x02\x00\x94\x06\xe1i\xc8\xda\x01\x01\xe1f\xf3\xcc\x0e\x1d0Bf\x8e+\xb0X\x1cr\xdc\xb7\xc2\x84(XVo2\xb5\xd8\xb2%:..$8\x186\x03\x80\xa8@Q\x12\x94\x1e77\xb7\x1a\xe5\xcaq\x84&lt;\xcc\xcb\xcb3\x99\x08!,M;\xea\xe8\x8f\x10\xa2)\xaa\xd0b)\xa7\xd1,i\xd6\xac\xff\x07\x1f\xe4\xe5\xe5\xa1\'\x8b!\x00\xc4\x00\x02\x00\x94\x1e\x9e\xe7\x8d\x16\x0bB\xc8\xb1\xc7\xfd\xa2X\x9aN\xcf\xcf\xef\x1f\x18\x18ZP0z\xd2$\x86ax\x9e\xb7\xf5E\x01\xf0\x18\x04\x00(U\x92\x18\xf5\xff\x8d\xa5\xe9\xf4\xbc\xbc\xaf\xbbv=\xbbm\xdb\xa6_~aY\x162\x00\x88\x04\x04\x00\x00%\x8bB\x88\'\x84\xa5\xe9\xf5]\xbbN\x1a3\xe6\xcf\x94\x14\x9a\xa6\x85NG\x00\xd8\x16\x04\x00\x00%\x8e\xa1\xa8\\\xa31\xd8\xd7w\x92\xbf\x7f\xffa\xc3(\x8a\xc2\xb0\x13\x00D\x00\x02\x00\x80\xd2 \xa3\xe94\xbd~|\xf3\xe6\xda\xeb\xd7?\x999\x93e\x18\x8e\xe3l}Q@\xea \x00\x00(%\x0cM\xe7\x16\x16F\xf4\xee\xbd}\xf9\xf2\xfd\x87\x0f\xc3f\x00\xb09\x08\x00\x00J\t\x85\x90\x89\xe3\xb4\n\xc5\xca\xb6mG\x8e\x18\x91\x95\x9dM\xd14&lt;\x15\nl\x08\x02\x00\x80\xd2\xc3\xd2tVAA\xfb\x1a5z9;\xbf7x0MQ\x1c,\x02\x80\xed@\x00\x00P\xaad4\x9d\x9e\x97\xf7y\xc7\x8e\xfa\x93\'\xbf\xf8\xf6[\x19\xcb\xc2f\x00\xb0\x15\x08\x00\x00l\xc0`6\xff\xd4\xa3\xc7\xd7s\xe6\\\xb8t\x89eYx*\x14\xd8\x04\x04\x00\x00\xa5\x8d\xa6\xa8\x02\xb3\xd9\xafL\x99E\r\x1b\xf6\x1b8\x90\xe7yB\x08l\x06\x80\xd2\x07\x01\x00\x80\r\xb04\x9d\x91\x9f?08\xb8\x8eN\xf7\xe1\xc7\x1fC\x8b\x08`\x13\x10\x00\x00\xd8\x06C\xd3Y\x06\xc3\xaa\x1e=N\xac_\x0f-"\x80M@\x00\x00`\x1b\x14B\x1c\xc6,M\xaf\xeb\xd2e\xf2\xb8q\x0f\x1e&gt;\x84\x16\x11\xa0\x94A\x00\x00`3\x0cE\xe9\x8d\xc6\xe0\n\x15FW\xa8\x10\xfe\xfe\xfb\x14EA\x00\x80\xd2\x04\x01\x00\x80-\t\xfd\xa2\xa7\xb7n\xedr\xed\xda\x94\xd9\xb3Yx*\x14\x94"\x08\x00\x00l\x8c\xa6\xa8\x9c\x82\x82\xb5\xe1\xe1\x9b\x97-;y\xe6\x0c&lt;\x15\nJ\r\x04\x00\x006F!d\xe6y7\x95\xea\x7f-[\xf6\xed\xdb73+\x0b\x9e\n\x05\xa5\x03\x02\x00\x00\xdbc(*\xbb\xa0\xa0{\xdd\xba\xbd\x9d\x9d\x07\x0e\x1f\x0eO\x85\x82\xd2\x01\x01\x00\x80(\xc8h\xfa\xa1^\xbf\xa0}\xfb\xfbG\x8f~\xb7f\r&lt;\x15\nJ\x01\x04\x00\x00"b\xe4\xb8\x8d\xe1\xe1\x9fM\x9e|=5\x95a\x18\xd8\x0c\x00%\n\x02\x00\x00\xb1\x10ZDT\xf3\xf4\x9cY\xaf\xde\xbb\xef\xbd\x07-"@I\x83\x00\x00@D\x84\x13\xe4\xc74mZ\xf5\xe1\xc3\x91\xd0"\x02\x940\x08\x00\x00\xc4\x85\xa1\xe9\x8c\xbc\xbc\x1f{\xf6\x8c]\xb7.\xea\xe0A\xd8\x0c\x00%\x07\x02\x00\x00q\xa1\x10\xe2\taizu\x87\x0e#\x06\rz\x90\x96\x06-"@\t\x81\x00\x00@t\x18\x8a\xd2\x19\x8d\xad\xaaV\x1d\xe9\xeb\xdb\xab_?h\x11\x01J\x08\x04\x00\x00b$\xa3\xe94\xbd~F\xeb\xd6tr\xf2\x82/\xbf\x84\x16\x11\xa0$@\x00\x00 R\x0cE\xe9\n\n"\xc2\xc3W\xce\x9d{".\x0eZD\x80b\x07\x01\x00\x80HQ\x14e\xe4\xb8\xb2\x1a\xcdw\xef\xbc3\xa0\x7f\xff\xbc\xfc|\x84\x10&lt;\x15\n\x8a\x11\x04\x00\x00\xe2\xc5\xd2tf~~\x8f:u\xda\xc9dCF\x8f\xa6i\x1a\x9e\x08\x02\xc5\x08\x02\x00\x00Q\x931L\x9a^\xffu\x97.Ww\xedZ\xb7m\x1b\xcb\xb2\x1cd\x00(&amp;\x10\x00\x00\x88\x1dA\x88\xe7\xf9\xb5=zL\x19;\xf6zj*\x0b-"@1\x81\x00\x00@\xec\x18\x8a\xca3\x99\x1a\x94-;\xbf^\xbd\x81}\xfb\xears)\x8a\x82\xcd\x00\xf0\xf6 \x00\x00\xb0\x03\x14E\x999\xae\x96\xb7\xf7\xfd\xdb\xb7\x0b\n\x0bm}9\xc0A\xb0\xb6\xbe\x00\x00\xc0K\x10\x84d4\x9dg6\x0f\xda\xb7\xef\xc7={\xca\xf9\xf8\xf0&lt;\xcf0\x8c\xad\xaf\x0b\xd8=X\x01\x00 v\x1c\xc6\x9e..c\xf7\xec\xe9\xf3\xc9\'\xdd;v\xe48\x0eF\x7fP,`\x05\x00\x80\xa8Y0\xf6Q\xab\xbf\x8b\x8b\xbb\xe7\xeb\x1b\xbdp!\xcc\xfdA1\x82\x00\x00@\xbcxB4\nE\xd2\x83\x07_\\\xbf~\xe6\xfcy\xe1e`\x8a\xa2l}]\xc0A@\x00\x00 ^4B,\xc3\x8c\x88\x8a\xfa2"\xa2\xba\xbf?\xc7q,\x0b\xdfYPl`\x0f\x00\x00\x91\xb2`\xec\xad\xd1L\xdc\xbb\xb7N\xef\xde\xc3\xfa\xf7\x87\xd1\x1f\x14;\xb8\x9f\x00\x10#\x0ec/\x17\x97mII\xa7\x15\x8a+?\xfe\x08\xa5\x7fP\x12 \x00\x00\x10\x1dL\x88R&amp;{\xa0\xd7\xcf8}::.\xce\xd9\xd9\x99\xe7y(\xfd\x83b\x07% \x00D\x87 \xa4R(&gt;\xd8\xb9s\xdc\xa2E!\xc1\xc1\xf0\xdc\'(!\x10\x00\x00\x88\x8b\x05\xe3r\x1a\xcd\xc2\xd8XM\x8b\x16s\xa7N\x85\xd2?(9pc\x01 "&lt;!\xeeJ\xe5o\xa9\xa9[\x1e=J\xfe\xed7B\x08M\xc3,\r\x94\x14\x08\x00\x00\xc4Bh\xf9\x90k2\x8d8th\xed\xee\xdd\xde^^\xb0\xf7\x0bJ\x14L.\x00\x10\x0b\x0ec\x0f\x17\x97qQQ\xef~\xf2I\xf7N\x9d\xa0\xf4\x0fJ\x1a\x04\x00\x00\xa2`\xc1\xb8\xacF\xf3\xbf\x93\'\xb3k\xd4X\xb1x1\xc7\xf3P\xfa\x07%\r\xee0\x00l\x8f\'D\xeb\xe4t\xf1\xde\xbd\xaf\xfe\xfc3\xee\xfcy\x84\x10\r\x0f}\x82\x92\x07\x01\x00\x80\x8d\x11\x84\x18\x8a\xe20\x1e\xb2o\xdf\xf2\x88\x88\x1a\xd5\xaaA\xe9\x1f\x94\x0e(\x01\x01`c\x1c\xc6\xde\x1a\xcd\x94}\xfbB\xfb\xf7\x1f\xd4\xb7/\x94\xfeA\xa9\x81\x15\x00\x00\xb6$\xb4|\xd8\x94\x98\x18\xafT&amp;/_\x0es\x7fP\x9a \x00\x00\xb0\x19L\x88J.\xff+;{Vb\xe2\xa1S\xa7\\\xd4j\xe8\xf6\x0cJ\x13\x94\x80\x00\xb0%g\xb9\xfc\xc3={\xa6,\\\x18\x14\x10\xc0q\x1c\xbc\xf6\x05J\x13\xdcm\x00\xd8\x86\x05c/\xb5z\xd6\xa1C\x9a\x16-&gt;\x9d8\xd1\x02-\x1f@\xa9\x83\x1b\x0e\x00\x1b\xe00.\xa3R\xc5\xdc\xb8\x11i0$o\xdc\x88\ta\xa1\xf4\x0fJ\x1d\x04\x00\x00\xa5\x8d \xa4`\xd9\\\x93i\xdc\x91#k\xa2\xa2\xca\xb8\xbb\xf3&lt;OC\x00\x80R\x07% \x00J\x1b\x8f\xb1V\xa9\x1c\xbek\xd7{\x93&amp;u\xe9\xd0\x01\x9e\xfb\x04\xb6\x02\x01\x00@\xa9\x12Z&gt;|w\xeaTn\xcd\x9a\xdf@\xcb\x07`Sp\xe7\x01Pz\x84\x96\x0f\x89\xf7\xee-OM=s\xee\x1c!\x04Z&gt;\x00\x1b\x82\x00\x00\xa0\x94X[&gt;\x0c\xdd\xb7oyDDuh\xf9\x00l\rJ@\x00\x94\x12h\xf9\x00\xc4\x06V\x00\x00\x94\x06h\xf9\x00D\x08\x02\x00\x80\x12\x07-\x1f\x808A\t\x08\x80\xd2\x00-\x1f\x80\x08\xc1]\x08J\x15\xb1\xf5\x05\x94&gt;h\xf9\x00D\x0bnDPz\x18\x86qb\x18\x84\x10\x871E\xd3Rx\x02\x12Z&gt;\x001\x83\x15\x00(=9997\x1e&lt;`)\xcaG\xadV+\x14\x14Eq\x18c\xe2\xb0\xab\x82\x7f\xb5|X\xbb\xb6\x8c\xbb;\x81\xd2?\x10\x13\x8a8\xee\xd7\x0f\x88\x87p\x9bEDDl\xda\xb0\xc1r\xe7N\xb0\x8bK\xbb*U\xea\x96-\xeb\xa5\xd1\x98y&gt;\xdfd\xb2\xf0&lt;MQ\x0e\xb6&amp;\xe00\xf6R\xab\xc37o\xae?b\xc47\x8b\x17sP\xfc\x01"\x03\x01\x00J[brrTtt\xc2\xb1c\xd9))5\x18\xa6\xa3\x9f_\x98\x9f_\xd1$\xa0(\x8a\xb6\xffy\xb2\x05\xe3r\x1a\xcd\xb7\'OF:9%\x9e:\xc5\xf1&lt;\x14\x7f\x80\xd8@\x00\x80\xd2\xc3\xf3&lt;C\xd3\xe8\xc9\xd8\x9ez\xe7\xce\xbe\x83\x07c\xf7\xef\x7f\x98\x9c\\\xb3H\x12p\x18\x1b\xccf\x13\xc7!\x84\xec4\txB\xd4\n\xc5\x1f\xe9\xe9\xbdbb\xce\x9c;W\xcd\xdf\x9f\x10\x02O\xfe\x00\xb1\x81\x00\x00\xa5\rc\x8c1fh\x9az2 &gt;\x95\x04-\xca\x97\x0f\xa9T\xa9\x8a\x87\x07\xa1\xa8|\x93\xc9\xee\x92\x80 D!$g\xd9f\x1b6\xcc\x8b\x88\x18\xd4\xb7/\xbc\xf6\x05\xc4\t\x02\x00\xd8\x0c!\x84\xe7y\x9a\xa6\xadS\xe3\xd4\xdb\xb7\xf7\x1d:\x94\x10\x17\x97z\xee\x9cOAA\x9b\n\x15ZW\xadZ\xb9L\x99\x7f\x92\x80\x10\x9a\xa2D\x9e\x05\x16\x8c}]]\x87o\xdf\x8e\xda\xb7\xdf\xbav-\x94\xfe\x81hA\x00\x00\xdb{6\t\xb2t\xba\x03\xb1\xb1\xfb\xf6\xee\xbdu\xfe\xbc\x8f\xc1`M\x02\x8a\xa6\r&amp;S\xa1\xc5B\xc4\x9a\x04\x1c\xc6\x9e..\xbf^\xba\xb4$--\xf9\xfcy\xa5JE\xd3v\xb4z\x01\xd2\x02\x01\x00DD\xa8\x0eQ\x14e-\x98\xfc\x93\x04\xe7\xce\x955\x1a\x03\xdd\xdd\xdb\xfa\xfb\xd7\xf6\xf1Q\xc8d\xf9\xe2K\x02L\x88R&amp;{\x98\x97\xd7f\xd7\xae\x98\xb8\xb8\xa0\x80\x00\x8c1\x94\xfe\x81hA\x00\x001"\x84`\x8c\x11BE\x93\xe0\xc4\x993\x87\x0f\x1fN:qB\x9d\x99\x19\xe6\xe9\xd9\xde\xdf\xbf\x965\t8Nx\xc4\xde\xb6\x0f\x92bB\xdcU\xaaN\x9b7\xf7]\xb2\xe4\xe3\x91#\xa1\xf8\x03D\x0e\x02\x00\x88\xda\xb3I`\xb6X\x8e\xc5\xc5E\xee\xde]4\t\xaa{y\xa9\x14\x8aB\x8b\xc5`6\xf3\x18\xdb\xe4\x95\x02\x0b\xc6\xe5\xb5\xda\xa9\xfb\xf6\xfdY\xb3f\xcc\x9e=\x16\x8e\x93\xc1\xe8\x0f\xc4\r\x02\x00\xd8\x07!\t\x08!\xd69\xf5\xe3$\x88\x8cL:yR\x99\x93SW\xa9\xec\\\xadZC__\xb5RY\xfaI\xc0\x13\xe2\xaaT\xc6\xde\xb8\xf1\xc9\xb5kW.]r\xd5j\xa1\xf4\x0f\xc4\x0f\x02\x00\xd8\x99\xe7&amp;\xc1\xa5k\xd7\xa2\xf7\xed;~\xe0\x80\xe5\xce\x9dFju\x87\xaaU\x83*T\xd0(\x95\xa6Ry\xcd\x98 \xc4\xd2\xb4\x89\xe3\x9an\xd9\xb2\xe3\xe8\xd1\x16M\x9bB\xe9\x1f\xd8\x05\x08\x00`\xaf\x9eM\x02\xf4\xe45c!\t\x82\xd5\xea0_\xdf\xc6\x15+\xfah\xb5%\x9a\x04&lt;!\xdeju\xb7M\x9b\x1a\x8e\x1a\xf5\xf5\xa2EP\xfa\x07\xf6\x02\x02\x00\xd8=B\x88\x10\x06,\xc3X_3NLN\xde\x7f\xf0\xe0\xf9\xd3\xa7\xd3\xfe\xfd\x9aq\xb17\x9c\xe00\xf6V\xab\xbf8v\xec\xb0Fs\xee\xc4\t\x18\xfd\x81\x1d\x81\x00\x00\x0eEx\x90\xb4h\x12&lt;\xbf\xe1\x84Z\xcd\x13\x92\xff\xd6\r\'\x84\x96\x0fW\x1f&gt;\xecs\xec\xd8\xe5\xdf\x7f/\xeb\xed\r-\x1f\x80\x1d\x81\x00\x00\x8eIH\x82\x7f\xbdf\\$\t\xaa3L#o\xef\xb6\xfe\xfe\xffz\xcd\xf85\x93\x80 DS\x94\x8ca\xc2\xd6\xaf\xffl\xdd:h\xf9\x00\xec\x0e\x04\x00pp\xcfm8q2&gt;\xfe\xf0\x81\x03\xb7\xfe\xab\xe1\x04B4B/\xcd\x02\x0ec\x1f\x8df\xe0\xaf\xbf\xba\xf6\xe8\xb1\xfe\xfb\xef\xa1\xf8\x03\xec\x0e\x04\x00\x90\x8aWi8\xf1N\x95*\x15\xdd\xddY\x96}i\xc3\t\xa1\xe5\xc3\xcfII\xcb23\xff\xb8|\x19!\x04\xcf}\x02\xbb\x03\x01\x00$Gxv\x08\xfd\xfb5c!\tn\'&amp;j\r\x86\x10w\xf7\x0e\xd5\xaa\xd5\xfa\xef\x86\x13\x98\x10\'\x99,M\xafo\xb7{w\xcc\xe9\xd3\xd0\xf2\x01\xd8)\x08\x00 ]\xcf\xbef\xac\xcb\xcbK\xb8p\xe1\xa9\xd7\x8c\x85$0\x98\xcdF\x8b\x85\xc3Xx\x8a\xd4U\xa9l\xb1n\xdd\xc8e\xcb\xc6\x8f\x1c\t\xa5\x7f`\xa7 \x00\x00xI\xc3\t\x97\xcc\xccf\x9e\x9e\xad\xfd\xfc\xaa{{k\x95\xca&lt;\x93\xc9U\xa5\x9a\x12\x1d\x9dZ\xb3\xe6!h\xf9\x00\xec\x19\x04\x00\x00\xffxA\xc3\x89\xeb\x89\x89\xc6;w\x1a\xa9\xd5\xbd\xeb\xd4\xb9\x97\x977\xfd\xfa\xf5\xcbIIn\xae\xaeP\xfa\x07\xf6\x0b\x02\x00\x80\xe7\xf8\xcf\xd7\x8c\xf7\xed;y\xe0\xc0\xa5\xe4\xe4C11MBC\xa1\xf4\x0f\xec\x1a\x04\x00\x00/\xf2\xdc$\xb8w\xff\xbeo\xf9\xf2\x84\x10\x98\xfb\x03\xbb\x06\x01\x00\xc0\xabz\xfc\x9a1\xcb"\x84`\xf4\x07\x0e\x00\x02\x00\x80\xd7\x06\x95\x1f\xe0\x18 \x00\x00\x00@\xa2`\x16\x03\x00\x00\x12\x05\x01\x00\x00\x00\x12\x05\x01\x00\x00\x00\x12\x05\x01\x00\x00\x00\x12\x05\x01\x00\x00\x00\x12\x05\x01\x00\x00\x00\x12\x05\x01\x00\x00\x00\x12\x05\x01\x00\x00\x00\x12\x05\x01\x00\x00\x00\x12\x05\x01\x00\x80]\xb2\x9ek\x06\xc0\x1b\x83\x83,\x00\xb0?\xd6fD&lt;\xcf\x0bm\xe9\xe0X\x02\xf0\x06`\x05\x00\x80=\x11f\xfd4M\xdfJ\xfd\xcbd43\x0c\xc3\xb2,\xc30\x14Ea\x8c9\x8e\xe3y\x1e\x16\x07\xe0\x15A38\x00\xec\x86\xf5\xf0\xe1\xd1#\xc6\xfcv\xeep\x19\x8d\xa7\xb7{\xd9\xc6A!\r\x1b6\x0ch\x18\xe0S\xce\xfb\xa9?\x0c\x8b\x03\xf0b\x10\x00\x00\xd8\x07\x8e\xe3X\x96\xcd\xcc\xc8\n\xef\xde\xd3\xa0~4ba\xbf\xec\xf4\x9c\xbb)i\xb7\xae\xfc\x9dyWg\xd1\xa1re*6\xa8\x1b\x18\xd0\xa0A\xe3\x90\xc6\x95*W\x92+d\xd6\xbf+\x9cd@Q\x94\x90\x076\xfcW\x00Q\x81\x00\x00@\xec\x08!\x1c\xc7\xc9d\xb2\xb8Sg\x06\x0f\xfd\xa0N\xa7\n\xef\x8d\xef\x96\x93\xa1gYZ\xee$g\xe5,\xcf\xf3\xb9Y\xfa;7\xee\xdd\xbb\x99v\xe7\xf74s.\x91\xf1\xca\x1a~\xb5j\xd7\xac\x1d\xd6\xacY`P\x80F\xab.\xfa\x039\x8eC\x08\t+\x03X\x1cH\x19\x04\x00\x00\xa2f\x9d\xb9\xaf\\\xb1j\xc97\x0b\xdf\xfd\xb4m\xa3\xd6\x01Y\x0f\xb3\x85Z\x10!D\xf8\n3,\xa3P\xcaer\x19B\xa4\xc0P\x98~/\xf3\xf6\x8d{wo&lt;|t3\x9b1)|\xca\x94\x0f\xa8\x1b\xd8$\xb4I\x9dzu\xfc\xabW-\xfa\xf3y\xcc\x13\x0c\x95"\x89\x82\x00\xb0{&lt;\xcf\xc3W\xd7Q\tE\x7f\x9e\xe7G\r\x1f\x13sn\xef\xb8\xe5\x1fx\x96+\x93\x9b\x93\xc7\xb2\xcc\xb3\x7f\x98`b\xdd"\x96)X\xb9\x93\x9ca\x19\x8b\xc9\x92\xf9(\xfb\xe1\xdf\xe9)\x97\xeed\xde\xcd\xc9{htWz\xd5\xaf\x15P\xbbv\x9d&amp;MB\xfd\xabU\xd5\xb8j\xfe\xf9\t\x04\xf3\xfc\xe3\xbc\x81\xc5\x81\x14@\x008\x08\xeb\xf6 p\x18\x1c\xc7\xb3,s\xff\xde\xfd\xae\x9d\xbb;U\xb5\x0c\x9f\xfb&gt;g\xe1MF3\xc3\xbc\xbc\x88\xffxa@\x08EQ\xac\x8c\x95)X\xb9BF\x08\xc9\xd7\x1b\xee\xddL\xbb\x9b\xf2\xe0\xf6\xd5\x07\xb9i\x05\x8cY^\xb9\\\xd5\x90F\xa1\x81\x01\x81\x01A\x01&gt;ea\x1bYZ \x00\xec\x95\xf0\xcd\xcc\xca\xca\xda\xb0a\xc3\xb8q\xe3\x14\n\x05\xc6\x18!\x04[|\x0e\x80\x10\x821f\x18\xe6\xb7#\xc7\xfb\x7f\xd0\xf7\x9d\xa1\r\xbb\x0cn\x93\x93\xa1C\x04Q\xf4\xeb\x0f\xc4\xe4\x9fJ\x11\xcd\xd0r\'\xb9\\!\xa3i\xcah4\xe5\xa4\xebn_\xbfw\xef\xe6\xa3{\x7f&lt;\xe4r\xa9\xb2e|\xfd+Wo\xda$\xacN\x9d\xdau\xea\xd5\x81md\x87\x07\x01`\xaf\x84\x00\xc8\xc9\xc9\xf6\xf4\xf4\xae^\xbd\xda\xa7\xd3\xa7\x0c\x1e4\x0cAE\xc8\xfeY\xc7\xd9\xe5_}\xfb\xc5\xca\x85C\xe6\xf7\xac\x1bZ3\xebQ\xces\xcb&gt;o\xe0q\x18\x10D\xd1\x14\xcb\xb2\n\xa5\x9c\x911\x04\xe3\x9c\xcc\xdcG\xf72n&amp;\xdfI\xbb\x95\xa5\xbb\x97\xef\x84\xd45\xab\xd4\xae]\xb3vX\xb3\xb0\xdauk{zy\x14\xfd!\xb08p\x0c\x10\x00\xf6\xea\xc9\n 3\xa8ah\xbb\xd0\xb1\xc7\xcen\xabP\xd5e\xc1\x82\xf9\xcd\x9b\xb5D\x08q\x1c\'\xbc\x1cd\xeb\xcb\x04\xafG(\xfb\xf0&lt;\xffA\xbf\xc1\xe7o\x9d\x1c\xfb\xe5\x00\xad\x87F\x9f\x9d\xcf\xcaJ\xa6\xbeWdq\xc0\xc8\x18\xb9\\&amp;W\xc8(\x9a*,0\xa6\xfd\x9d~\xe7\xc6\xbd\xbb7\xd2\x1e\xdd\xca\xa1\x8c\xac\xb7\xb6|p`\xa3\x90\x90\xd0\xba\xcfn#C\x18\xd8-\x08\x00{e\r\x80zu\x03?\x1e\xb4\xde\xc3\xdd\xe7\xf8\x99\xdd\xc7\xcfml\xd1:\xe8\x8b/\xbe\xaa\xe0[\x11\xc1\xc6\x80\xbd\x11\x9e\xf4\xbf\xf1\xc7\x8d~\xfd\x06(\xabr\xc3\xe6\xbeg1YLF\xcb\xab\x14\xfd\x8b\x05!\x84`\x82\x10\xa2hZ.l#3\x8c\xc5b\xd1\xe7\xe4\xfd\x9d\xf2 \xe5\xf2\xed\xcc\xbfs\xf2\xd2\x8c\x9e\x9a\xb2\xbe\xde\x15CC\x9a\xd4\xabW/\xb0a\x83\xa2\xdb\xc8\xe8\xc9\x9dY:\x17\x0c\xde\x12\x04\x80\xbd\xb2\x06@\xfdz\rG\xbc\xf7\x9d\xbb\xd6S\xa1P\x15\x1a\x0b\xf6\x1f\x89\xb8\x99v\xba\xdf\x80\x9e\xf3\xe6.\x90\xcb\xe5\xb01`\x17\x84i8M\xd3{wG\x0f\x1f5\xb4\xeb\x84\xe6mz\x87\xe5d\xe6\xbea\xd1\xbf\xd8.\xe9\xf162\xcd\xd0\n\xa5\\\xae\x90\x11D\xf2t\x86\xf4\xfb\x99\xb7\xff\xb8{\xe7\x8f\xb4\xec{z\xda\xa8\xf0+W\xb5N\xadzM\x9a\x84\x066\x0c,_\xa1\x1c\x82\x0c\xb0\x1f\x10\x00\xf6\xaah\x00\x8c|\xff{w\xad\xa7\xc9ldY\x99\x8b\xb36\xed\xd1\x9d\xc8\x83\xdf\x99\xe9\xbb\x9f/^\x18\xde\xa3\x17\x82\x8d\x01q\xb3.\xd4\x16\xcd_\xbc|\xcd\xd2\xf1\xdf\x0e\xaaR\xbb\xa2.3\x97)\xa6\xa2\x7f\xb1\xf8\xe7\x19S\x86\x91\xc9Y\xb9\x93\x8ca\x19\x8b\xd9\x92\x99\x96\xf5\xd7\xf5{\xf7R\xd3\xee_O\xa7\x8c2\xd6\xa2\\\xbelyXX\x98\xb0\x89m\xeb\xab\x06/\x01\x01`\xaf\x9e\r\x00\x0bg\xa1(\nc^.sR\xa9\xd4\x17\x93\x8f\x1d&lt;\xf1S\x95\x9a\xae_}\xb5,0\xa0!\x82\x18\x10%\xa1\xec\x93\x9f\x9f7|\xf0\x88\xa4\xfbq\x13\x96\x0fS(\xe5\x06}\x81\xa8F\xff\xa7&lt;\xf5\x8c\xa9B)ge\x8c\x85\xe3)\nm\xfejW\xe1u\xf9\xd9sg\xac\xfdJ\x81\x98\xc1o\xc8\xd1\xd04c\xe1\xcc\xba\xdc\x8c\xba5\x9bL\x1b\xbd\xde\x8d\t\xe9\xd6\xa9\xcf\x88\x91\xc3\xd2\x1e&gt;\x10\xb6\x85y\x9e\xb7\xf55\x82\xc7\x84\xd1\xff\xfa\xb5\xeb\xa1\x8d\xc22\x9d\xff\x9a\xb9v\x1cES\x05y\x85b\x1e\xfd\x11B\x14E\xd14E34ES&lt;\xc7\x1b\xf4\x05\xbaL\xbdAg0\xe6\x19\xfb\x8e\xef\xf1\xfb\xcdK\xb1\x87ci\x9a\x86;M\xfc \x00\x1c\x10EQ4\xcd\x14\x18\xf3\x0b\n\xf5\xedZ\x0e\x98\xfc\xe1\xc6\x1bI\x85aMZ}\xf1\xe5\xe7B\xb5Ax\xa6\xdb\xd6\x97)i\x84\x10\x8cy\x96e7m\xd8\xf2N\xbb\x96!\x1f\xf8\x0f\x99\xf1n\x9e.\x9f\xe7x\xba\xb4\xb6|\x8b\x07\x85(\x9a\xa2\x19\x9afh\x0b\xc7;9+\xda\x0c\x08\x993{\x1eB\x08\xd6\x9a\xe2gW\xb7\x1ax\x1d4ES\x14\x9d\x97\x9fMQ\xd4\xe0&gt;s\x06u\xffr\xe3\x9a\xc3!\xa1\x8d\xf7\xed\xdfK\xd34M\xd3\x1c\xc7A\x01\xd0&amp;x\x9e\x17Bz\xca\'\xd3\xa6|6~\xdc\xea\xfe\xcd\xbb\x87d\xa7\xe7R\xb4}w_`\x18:?\'\xbfC\xbfVW\xff\x82E\x80}\x80\x00pp4\xcd\x10Brr\xd3\xcb\xb8\x97\x9d4\xe2\x87\x00\xbf\xbe\xe3F\xce\x0e\xef\xd9\xf5\xf2\xe5$\x96e)\x8a\x82\x18(e\xc2+\x1a999];u\xdbw\xee\xd7E;\'y\x94u\xcf\xcd\xd23\xac#|\x199\x1e;k\x95\xad\xfb\xc3"\xc0&gt;8\xc2=\x07^\x8a\xa1Y\x8b\xc5\xac\xd3g6\nh?u\xd4:\xac\xf7\xef\xd4\xbe\xd7\x94\xa9\x9f&lt;z\xf4P\x88\x01\x98\xa9\x95\x0e\xa1\xe8\x7f\xee\xec\xf9\xe6\xcdZp\xbeY\xb3"\xc6[\xcc\x9c\xa9\xd0,\xf2\xa2\xff\xab\xfbg\x11p\xebR\xcc!X\x04\x88\x1d\x04\x80TP\x14\xc5\xd0L\xbeAg2\x17\xf6\xe80r\xe2\xd0\xb5\xf1G\x1f\x84\x864\xfb~\xd5\nac\x80\xe38\xd8\x18(9\xd6\xa2\xff\xca\x15\xabz\xf6\xeb\xdejT\xbd\x01\x93{\xe5\xa4\xeb0\xc6\xb4\x8d\x9e\xf4/!\xc2"\xa0\xcd\x80\xd0\xcf\xe6}\x86`\x11 n\x10\x00\xd2B\xd3\x0cEQ9\xb9\xe9\n\x85jx\xbf\xf9};-\\\xb9lgHH\xa3\x03\x07\xf7\xb1,\x0b\x1b\x03%\xc4Z\xf4\x1f1t\xd4\x17\xab\x17L\xf8a`\xf0;\xf5\xb3\x1f\xe5\xd0\x8c\x03&gt;\x95K\xd3\x94!\xd7\xd0\xaag\x93\xe4\xebI\xbf_\xb9*\x1cVl\xeb\x8b\x02\xcf\x07\x01 E\x0c\xcdb\xccg\xeb\x1e\x96/\xeb?e\xe4\xea\x06~\xfdF\x0c\x99\xd4\xaf\x7f\x9f?\xae\xffa\xdd\x18\xb0\xf55:\x0e\xa1\xe8\x9f\x99\x91\xd5\xacI\x8b\xf3\xf7\x8f\xcf\xfby\xbc\xc6]\x9d\x9b\x93\xef0e\x9f\xa7P\x14e\xb1\xf0\xee\xde\xdaz\xad\xfd\x17|\xb6\x90\xa2\xe0e#\xf1\x82\x00\x90,\x8a\xa1Y\xb3\xb90G\x9f\x19\x12\xd8a\xda\xe8\x8d\xfa\x07\xde\xed\xdbt\x9e&gt;c\x8aN\xa7cYV\xe8Hl\xeb\x8b\xb4o\x84\x10\x9e\xe7Y\x96\x8d;u&amp;\xb4I\xe32\xc1\xf4\xd4\x95#\x0b\xf3M\x16S\xe9\xb5\xf7\xb1\t\x9a\xa6\n\xf2\n{\x8e\xea\xb0?v\xef\x1fW\xff\xa0i\x1a\xee%qr\xe4\xbb\x10\xbc\x14E\xd1\x0c\xcd\xe4\x19r0\xe6{u\x1e;\xba\xdf\xf7\xc7\x0f\xdc\n\t\t\xfda\xf5J\xa1\xb9\xa3\xd0\xe8\xd1\xd6\x97i\x97\x84!\x8fa\x98\xff}\xb3\xf2\xfdA\xbd\xbbLn\xdag\\\xb7\xcc\xb4l\x8a\xb2Y{\x9fRCQ\x94\xc9d)[\xd9\xab~\x1b\xffys&gt;\x83E\x80hA\x00\x00D\xd3\x0cB(\'7]\xed\xe2\xfea\xff\x85\xdd\x9a\xcf\\\xbedS\xabV-O\xc7\x9d\x14^\x1e\x86\x8d\x81\xd7%t\xdd\xc0\x18\xf7\x7fo\xe0w[\xbf\x9c\xb8fP\x83\xb0\xda\x99\x0f\xb3\x1d\xb5\xec\xf3,\x9a\xa6\xf2s\x0bz\x8e\xea\xb0\xffH4,\x02D\x0b\x02\x00&lt;\xc6\xd0,\xc7Yt\xfa\xcc*\x95\xebL\x1d\xf3S\x05\xd7\xb6}\xdf\x1d\xd6\x7f\xc0\xfbw\xef\xfd\r\x8f\x8a\xbe\x16\x8e\xe3\x19\x86\xb9\x7f\xef~p`\xe3;\xfc\xef3"F\xbbh\x9d\xf3t\x86\xe2:\xd1\xc5.P\x14e\x86E\x80\xe8A\x00\x80\x7f\x08\x8f\x8a\x1a\x8d\x86\xbc&lt;]\xb3\x90\xeeSFl\xca\xf8\xcb\xa5e\xf3v\xb3fO7\x9b\xcd\xd0C\xe2\xa5\x9e\x14\xfd\x99\xdf\x8e\x1c\x0fj\x14T\xb3\xab\xf7\x98\xc5\x03\ry\x85\x0e_\xf4\x7f\xae\xa2\x8b\x80\xab\xbf_\x83E\x80\x08I\xee\xa6\x04/EQ4M\xd3\xf9\xf9:\x84\xc8\xfb=&gt;\x19\xdas\xf9\x81]\x97\x1a6l\xb8q\xd3z\xa1\x87\x04l\x0c&lt;\x97p\x94#\xc30\xcb\xbf\xfc\xb6\xdf\xf0\xde\x83\x97t\xed&lt;\xa8u\xe6\xc3\x1c\x8a\xa2\x1c\xbe\xe8\xff\\O\x16\x01\xde\xf5ZW]\xbch1,\x02D\x08\x02\x00&lt;\x9f\xd0C"W\x9f\xe5\xaa\xf1\xf8h\xf0\xd7\xed\x1aO\x9a?kE\xeb\xd6\xadN\x9d&gt;i\xed*\n\xdfg+\x8e\xe3h\x9a\xce\xcb\xcb\xeb\xf7\xde\x80\xd5;\xbf\xf9t\xfd\xc8\x1a\r\xabf=,\xb6\x83|\xed\x14MS\x85\xf9\x85m\xdfkv(\xf6PfF&amp;M\xd3p\xcf\x88\n\x04\x00x\x11\xa1\xb9tn^V\xb5*\r\xa6\x8d\xdeP^\xd3\xf6\xfdw\x87@s\xe9\xa7X\x8frl\xd28,\xdd)uF\xc4\x18\xa5\xb3S\x9e\xcePR\x07\xf9\xda\x0f\x8a\xa2\x8c\x05\xa6\xea\x01~\xee\xfe\xca\xaf\xbeX\x06/\x85\x89\r\x04\x00x\t\xe1\x15V\xa3\xd1PP\xa8o\x1e\xd2}\xea\x88M\xd6\xe6\xd2\xb01 \xbc-\xc1\xb2\xec\xde\xdd\xd1\xcdZ\x865\xfe\xc0\x7f\xc8\x8cw\xf3s\r\x9c\x99\x93`\xd1\xff\xf9h\xcaTh~w\\\xe7\xb5\xeb~\x84E\x80\xd8\xc0=\n^\t\xf5\xb8\xb9t\x8e\xd0\\\xfa\x83n_n^\x1b\xdb\xb0a\xc3=Q\xbb$\xdb\\Z8\x94\x8d\xa6\xe9\xcf\xe7/\x1e2n\xc0\xd8\xef\xfb\xb6\xec\x11\x9a\x9d\xae\x93l\xd1\xff\xb9h\x8a*0\x18k\x05\xfb\x97\xa9\xe6\x0c\x8b\x00\xb1\x81\x00\x00\xaf\xc1\xda\\\xda\xa3L\xd9OF\xacj\x190f\xd2\xb8Em\xdb\xbd\x93t\xe9\xa2\xd4\x9aK\x0b\xc7\xb8gff~\xd0\x7f\xd0\x86\x03\xab\x16\xee\xf8\xa4\x82\x7fY\xb1\x1d\xe4+\x12\x14M\x99\nL\xb0\x08\x10!\x08\x00\xf0\xda\x1e7\x97~r\xea\xa4+\x13\xd2\xadS\x9f)S?y(\xa5\xe6\xd2\xc2\xab^\xcb\xbe\\~\xfc\xda\xc1\xcf6O\xb2\x8b\xa3\x1cm\x05\x16\x01\xa2\x05\x01\x00\xdeD\xd1S\'\xdb\xb7\x1a0\xf9\xc3\x8d\xf1G\x1f\x84\x86\x84Y\x9bKKdc\xc0b\xe1*\xd7\xf0\xc5\x18\x9bM\x16;;\xca\xb1t\x15]\x04&lt;z\xf4\x08\x16\x01"\x01\xb7,xs\x8fO\x9d\xcc\xcb\xa6(jx\xbf\xf9\xfd:-Z\xb9lg\xa8\x94N\x9d\xa4(\xcad\xb4 \x02]\xef_\x82\xa6\xa8Ba\x11P\xddy\xed\xea\x08\x89,\x13\xc5\x0f\x02\x00\xbc-ac\xa0Hs\xe9\xe7\x9c:i\xebk,A\x14\x85\x10\x0c\xfe\xaf\x82\xa2,&amp;K\x87\x01-6n\xda`6\x9ba\x11 \x06\x10\x00\xa0xX\x9bK\x17=ur\xea\xb4Orss\x85\xe6\xd20\xe3\x938\xa1Gt`\xf3::\x9c\xbe!b#t\x86\x10\x03\x08\x00Pl\x84\xe6\xd2\x8fO\x9dl?r\xe2\xb0\x9fN\x1d\xfe;$$Dh.\xcd0\x0c\xcf\xc3\xa9\x93\x92F\x10\xa2i*|L\xbb%K\x97\x9a\xcdfh\x0eas\x10\x00\xa0\x98=&gt;uR\x9f\xae\x90\xab&gt;\xec\xbf\xa0k\xb3\x19\xcb\x17oj\xd5\xaa\xc5\xc1C\xfb\x19\x06N\x9d\x944\xa1=\\\x93\x8eA\x06&amp;\x0b\x16\x01b\x00\x01\x00J\x04C\xb3&lt;\xe6t\xfa\xcc*\x95\xebN\x1d\xb3\xd6\xafL\x97\x11C&amp;\xf5-r\xea$T\x84\xa4\x89 \x84\x10\xe91\n\x16\x01\xa2\x00\x01\x00J\n\x85\x9e4\x97\xce\xcfm\x12\xdci\xea\xa8\ry\x0f\xbc\xdb\xb7\xe9\xfc\xe9\x8c):\x9dN:\x8f\x8a\x82\xa2h\x9a2\xe4\x164\xe9\x04\x8b\x00Q\x80\x00\x00%Kh.\x9d\x97\xff\xcf\xa9\x93\'\x0e\xdc\n\ti\xbcq\xd3:h.-ME\x17\x01F\xa3\x11\x1e\x07\xb2!\x08\x00P\x1a\x8a\x9e:9b\xc0\xa2\xae\xcdf\xcc\x9f\xf5\xbf\xd6\xad[\x9d:}\x02N\x9d\x94\x9a\xa2\x8b\x80\x9f\xb7\xfe\x02\xf5@\x1b\x82\x00\x00\xa5G8u2\'7\xa3\xaa_\xfdi\xa37\x94S\xb7\xe9\xd7g8\x9c:)A\x98\x10\x86\xa1\x9a\x87\x07\xff\xb8z\rB\x88\xa6a \xb2\r\xf8\xdcA\xa9\xb2\x9e:YP\xa8o\x1e\n\xa7NJ\x14\xc3\xd0\xf9:C\x9bw\x9b]\xfd\xebR\xec\xe1X\xa1\x12h\xeb\x8b\x92"\x08\x00`\x03Bs\xe9\xa7N\x9d\x0c\x0c\x0c\xdc\x13\x15\t\x1b\x03\x12\xc1\xf1\xd8\xd9U\xd5\xba\x7f\xc8\x9c\xd9\xf3\x10\x82^\x1a\xb6\x01\x01\x00l\xa6\xe8\xa9\x93\xe3\x86.o\x158v\xd2\xb8\x85Bsi8u\xd2\xe11\x0c\x9d\x9f\x93\xdf\xa1_+X\x04\xd8\x10\x04\x00\xb01\xe1\xd4Iksi7&amp;\xa4[\xa7&gt;p\xea\xa4\x14p&lt;v\xd6*a\x11`C\x10\x00\xc0\xf6\x8a6\x97n\xd7r\xc0\xe4\x0f7\xc2\xa9\x93R\xf0\xcf"\xe0\xd6\xa5\x18X\x04\xd8\x02\x04\x00\x10\x8b\xc7\xcd\xa5\xf3\xb3\x9f9u2R"\xcd\xa5%\xe8\xf1"`@\xe8\xbc9\xf30\xc6\xb0\x08(e\x10\x00@\\\x9e&gt;u2p\xec\xc4\x8f&gt;{\xaa\xb94\xc4\x80\xc3\x10\x16\x01\xed\xfb\xb6\xb8\x92\x9a\x94\x10\x7f\x0e*~\xa5\x0c\x02\x00\x88\x91p\xeadNnF\xbd\x9aM\xa6\x8e|\xdc\\z\xca\xd4O\x1eI\xe9\xd4I\x89\xe0x\xacvsn\xf0N\xf5o\xbfY\x01+\x80R\x06\x01\x00DJxc\xc0P\x98g2\x17\xf6\xe80r\xe2\xd0\xb5\xf1G\x1f\x84\x864\xb3\x9e:\xc9q\xd0\\\xda\x11\xd04e\xd0\x17\xf4\xf8\xb0\xfd\xbe\x98\xa8?\xae\xfe\x01\xdd\x81J\x13\x04\x00\x105\x9a\xa2)\x8a\xca\xc9MW(T\xc3\xfb\xcd\xef\xdbi\xe1\xcae;CB\x1a\x1d8\xb8\x8fe\xa1\xb9\xb4#\xa0(\xcal\xb2\x94\xf5\xf3\xae\xdf\xc6\x7f\xde\x9c\xcf\xa0?hi\x82\x00\x00v\x80\xa1Y\x8c\xf9"\xa7N\xf6\x1b1dR\xbf"\xcd\xa5\x1d\xfb\xd4I\x87G\xd3T~\xae\xa1\xe7\xa8\x0e\xfb\x8fD\xc3"\xa04A\x00\x00{AYO\x9d\x0c\t\xec0m\xf4F\xfd\x03\xef\xf6m:O\x9f1E\xa7\xd3\xc1\xa9\x93v\xed\xf1"\xa0\xb2\x17,\x02J\x19\x04\x00\xb0\'\xc2\xa9\x93y\x86\x7f\x9aK\x1f?p+44t\xd5\x0f\xdf\t\xa7N\xda\xfa\x02\xc1\x1b\x12\x0e\x0b\xeb9\xaa\xe3\xbe\x98\xbd\x7f\\\xbb.\xbc\xfca\xeb\x8br|\x10\x00\xf6\x8d\x10B0\x91Z3\xc5\xa2\xcd\xa5?\xec\xbf\xb0s\xd3i+\xbe\xd8\xd6\xbd[\xf8\xa1C\x87\xccf3L\x1e\xed\x91\xb0\x08\xf0\xa9\xe4\x19\xd4\xb9\xd6\x9cYs1\xc6\xf0{,\x05\xd2\x1a8\x1c\x89\xb0L\xd6j]\xcb\xf9z\xdd\xbd\x9f"\x93)\x08\x92\xd6\x17\x86\xa1Y\xb3\xc5\xa8\xcb\xcd\x08j\xd0z\xdc\xd0o\x8f\x1f\xb9\xf0\xc1\xa0\x81w\xee\xdcA\x08\xc1\xd8a\x8f(\x8a2\x1b\xcd\x8d\xdb58~\xf2\xb7\xc2\xc2B\x86a\xe0\xf7X\xd2 \x00\xec\x18!D&amp;\x93\xa9\x9c\x95\x06C.M\xb3\xb6\xbe\x9cRE\x08\xe61\xafvvS*]~\x89Z\xfe\xf9\xf7\xefM\x9c:\xe4\xda\xd5\xeb\xd5\xaaUC\xd0U\xc6N\x11"W\xc8\xf7\xad;:|\xe8\x87\xce\xce\xce&lt;\xcf\xc3\xef\xb1\xa4Ik\xd4pH\x18c\x9af\x91\x84\xa6\xff\x84\xc7\xbc\x93\xc2Y\xa9P\xc5_8p$ns@\xe3\x8a\x87c\xf74h\x10\x88\x10"\x84\xc0\xa8a\x8f0!Jg\xa7?.\xa4\xa6_\xcf\x9f\xbaw\n!\x92+l\xda\x04\x04\x80c\x90\xca\xe8\x8f1\xcf\xb22\xad\xc63\xe5V\xd2\x9e\x98U.\xee\x05+\xd7,\xea\xda\xa5;B\x88\xe38\xa1{\xa8\xad\xaf\x11\xbc\t\x82\x89B\xa5\xd8\xb9\xf2\xc0\xc8\xe1\xa3&lt;&lt;=\x84w\xfdl}Q\x8e\x0f\x02\x00\xd8\x07L0\x85\x90V]&amp;[\xf7h{\xf4\xbc\x07\xd9\x17\xa6L\x1b?z\xd48\xeb\xe3",\x0b7\xb3\xbd\xc2\x84\xa8\x9c\x9d\xfeHL\xcdJ1L\xdd7\x19\xa6\xff\xa5\x06\xbe3@\xec\x08!\x84`\x95RMQ\xf4\xe1\xe3[O_\xdc6`p\xaf\xa9SVx{\xfb \x84`\xaa\xe8\x00\xac\xd3\xff\x11\xc3`\xfa_\xaa \x00\x80\xa8\xf1\x98S\xc8\x95*\xa5\xfab\xf2\xb1\x83\'~\xaaR\xc3\xf5`\xec\xee\x80\x06\r\xd1\x93\x9a\x0f\x8c\x14\xf6\x0e\xa6\xff6\x04\x01\x00D\nc\x9eaX7\xad\xd7\xdf\xf7\xfe\xdcu\xf0S\xa4\xc8\\\xber~x\x8f\xde\xe8\xc9\xd0\x0f5\x1f\x07\x81\x89\x13L\xffm\x04\xbeB@t\x84r\xbf\xda\xc5\xddP\x90\xbbq\xc7\xc2{\x99\x17F\x8d\x19\xfc\xc9\xc4\xa9r\xb9\x1c\xca\xfd\x0e\x86\x10\xe2\xe4\xac\xb8z.Ew\xd3\x08\xd3\xff\xd2\x07_$ "E\xcb\xfd\xb1\'\xb6\xc6_\xde\xd1\xa9[\xcb_\x17\x1c/\xebS\x0eA\xb9\xdf\x11a\x9e\xa8\\T\x87\xb6\x1e\x7f\xb7\xd7{\x1e\x9e\x1e\x1c\xc7A\xba\x97&amp;\xf8\xac\x81X`\xcc\xcbeN*\xd5\x93r\x7fM\xd7\xe8\x83;\x02\x03\x1a"\x84x\x9e\xa7i\x1aF\x7f\x07C\x08\x91;\xc9\x1e\xdczx\xf3\xdc\x83-\xcb\xc6\xc2\xf4\xbf\xf4A\x00\x00\xdb\x13\xca\xfdZM\x99\xb4Gw\xd6\xfd:\xcfL\xdf]\xberax\x8f^\x08\x86~\x87\x861q\xd1\xaa6-\xdd\xd5\xb1u\x97\xba\xf5\xea\xc0\n\xaf\xf4A\x00\x00["\x04#\x84\\\\\\\x0b\x0b\r\xbfF}s3\xedt\xbf\x01=\xe7\xcd\xddk-\xf7\xc3\x88\xe0\xa8\x08!r\x85,\xedvz\xf2\xd1\xd4u\xf1\xbf\xc2+\xdc6\x01\x01\x00lC(\xf7+\x95.4\xc5\x9c:\xbb\xf7\xf8\xb9\x8d-Z\x07\xad\xdb\x1e[\xc1\xb7"\x82r\xbf\x04X\xa7\xff]\xdav\xabU\xa7\x16\xfc\xc6m\x02\x02\x00\xd8\x80P\xeeW:9_\xfd\xf3\\T\xec\xff*Ws\xfdyGD\xf3f-\x11&lt;\xdd/\r0\xfd\x17\t\x08\x00P\xaa0\xe6i\x86\xb1\x96\xfb-\xcc\xbdy\x9fO\x1e&lt;h(zR\xee\x87\x87@\xa4\x00\xa6\xff"\x01_6PJ\x08\xc1\x84 \xb5\x8b\x9b\xc9T\xf0K\xd47\xb7\xa0\xdc/U\x84\x10\x05L\xff\xc5\x01\x02\x00\x948B\x08&amp;X\xa5ta\x196&gt;\xf1`\xcc\xe9\x88\x16m\x1al\xd8~\xc4\xd7\xb7\x02\x82r\xbf\xf4`LTj\xe5\xc6\xa5\xbb\xba\xb4\xeb\x0e\xd3\x7f\xdb\x82\x00\x00%\x8b\xc7\x9c\\\xe6\xa4R\xaa\xaf\xa7\\\x88\x8aYY\xbe\x8a\xd3O\x1b\xbf\xe9\xd4\xb1\x0b\x82r\xbf$\x11Bd2&amp;\xfbQ\xee\x95\xdfR\xd7\x9e\xfe\x19\xa6\xff\xb6\x05\x01\x00J\n\xc6&lt;M3nZ\xaf\x87\xe9\xb7\xb7\xed\xfe2\xc7xm\xd2\xccqcF\x8fC\x08\xf1&lt;G\xd3\xd0\xccG\x8a0&amp;\x1aw\xe7\x98\x9f\x0f\xd5\xaf\x19X\xb7^\x1d\x8c1\xbc\xfceC\xf0\r\x04\xc5\xcfZ\xee/4\x1a"\x0f\xacJN\xd9?`P\xef\xe9\x9f\xaesuu%\x84`\x8c\x19\x06n&lt;\x89b\x19\xda\x90[xt\xeb\xd9][\xa3\x10\x9c\xdelk\xf0=\x04\xc5\x8b\xf0\x98W:\xb9\xc8XY|\xe2\xc1\xd8\xb8u\xcdZ\xd7\x8fY}\xa0V\xcdZ\x08!\xa1\xd3\x0b\xd4|$\x8b\xe7\xb1\xab\x87&amp;r\xf5\xc1:U\x02\xdawl\x871\x86\x9b\xc1\xb6 \x00@\xb1\xe11\'c\xe5Z\x8dG\xca\xad\xcb;\xf6/\xf7\xad\xe2\xb4v\xc3\xf2\xa2\xe5~\xa8\xf9H\x9c0\xfd\xffm[B$L\xff\xc5\x01\xbe\x90\xa0\x18`\xccS\x14\xed\xa6\xf5\xca\xca~\xb0#z\xc5\xfd\xec\xc4\xa93&amp;\x8c\x1d\xf31B\x88\xe79\x8a\x82\xa7\xfbA\x91\xe9\xbf_@\xbb\x0e0\xfd\x17\x05\xf8Z\x82\xb7B\x08\xc6\x84\xa8\x9d]9\xce\x12uxM\xe2\xefQ\xfd\x07\x85O\x9d\x12\xe7\xed\xed#\x85r?M\xd3\x08Q\x18\xc3L\xf6\xe5`\xfa/B\x8e\xfc\xe5\x04%\x8c\xf0\x98wR8+\x15\xaa\xf8\x0b\x07\x8e\xc4m\x0eh\\\xf1`Ld\x83\x06\x81H2\xe5~\x83\xc1\x80(\xacrQf=\xcca\x18x\x9a\xe5?\xc1\xf4_\x9c \x00\xc0\x9b\xc0\x98gY\x99V\xe3\x99r+iO\xcc*\x17\xf7\x82\x95k\x16u\xed\xd2\x1dI\xa6\xdcOQ\x14!\xe4\x9d6\xadvM\xfe\xf5\xf4\xfe\x84F\xad\x03\xb2\x1ef3,\x0cj\xcfg}\xf8g\xf7\xb6\xbd\x08\xa6\xff\xa2\xe1\xe0\xdfRP\xec\x84\xf3\x1a\xb5\xea2\xd9\xbaG\xdb\xa3\xe7=\xc8\xbe0e\xda\xf8\xd1\xa3\xc61\x0c#\xa9\xf3\x1a\x85\x7fo\xefw{\x95\xf5);h\xc8\xc0\xbf\xae\xdd}\x7f|\xb7\xec\xf4\\D\x08E\xc3\x9bM\xff\x82y\xac)\xa3\xde\xbd\xfaP}\xff \x98\xfe\x8b\n,Z\xc1\xab"\x84`\xcc\xab\x9c\\TJ\xcd\xe1\xe3[\xbfY7\xacI\x9brg\x13N\x7f4v\x02\xc30B+7I\xbd\xd4C\xd34\xcf\xf3M\x9b59\x1b\x7f.;\x11\x7f5n\x8d\xd2E!S\xc8x\x1e\xdb\xfa\xd2\xc4\x85\xa2(\xde\xc2\x9f\x8c&lt;?u\xda\x14\x04\xd3\x7f1\x91\xd0\xd7\x15\xbc\r\x1es2\x99\xdcU\xeb\xf9\xfb\xf5\xf8/W\x0f\xcd\xe1\xce\x1e\x8c\xdd\xfd\xf5W\xdfx{\xfbp\x1cG\x08\x91\xe6\x9cNH&gt;\x0f\xcf2\xa7\xe3O6*\xdfj~\xbf\xef\xf4\xd9yZ7\x17\x9e\xe3m}ib\x811q\xd6\xaa\xce\xc6$\xb9\xcb}:v\xee\x00\xe7&gt;\x8a\x8a$V\xeb\xe0m\x08\xe75\xbai\xbd\xfe\xbe\xf7\xe7\xae\x83\x9f"E\xe6\xf2\x95\xf3\xc3{\xf4F\x92)\xf7\xbf\x18\xc30\xc2\xe16k\xd7\xff\xb8rE\x83%c\x16\xf6\xfc\xe4\x9d\x90\xf6\rs\xd2u\x14MA\xa3\x1b\n!\x84\xa8\xa8\xd5\xb1\x0b\xa7}\xa5T*\xa1\xf5\x9b\xa8H\xfa\xab\x0b^L(\xf7\xab]\xdc\r\x05\xb9\x1bw,\xbc\x97ya\xd4\x98\xc1\x9fL\x9cjm\xe0,\xf1\xa1\xdf\x8a\xa2(\x8ab8\x8e\x1b7al\xe3\x90F\xc3\x86\x0fK\xbdr{\xc0\xe4^\xfa\xec&lt;\x9e\xc7\xb4\x84\xb7\x04\x84\xbe\xff\xf1\x07/8\xf3e\x86\x0e\x1f\x0c\x9d\x7f\xc4\x06~\x19\xe09\x8a\x96\xfbcOl]\xf6\xd3\xe0\x1a\x81\xca\xb8\xf8\xe3\x9fN\x9b%\x97\xcb%X\xee\x7f\x15,\xcbr\x1c\xd78\xb4\xd1\xa9\xd3\'\xd9{e&gt;\x1f\xfe\x9dL\xce*\x94r)o\t&lt;\x9e\xfe\xff\x18;c\xfat\xb9\\\x0e\xbd?\xc5\x06\xbe\xc3\xe0i\x18\xf32\xb6H\xb9\x9fO\x88&gt;\xb8c\xed\x9aue}\xca\xf1&lt;/\xd9r\xff\xab`Y\x96\xe7y77\xb7}\x07\xa3\xbb6~\x7f\xf6\xbb\xcb\xb3\xd2\xb25R\xdd\x12\x10\xaa\xff\xc2\xf4\x7f\x08L\xffE\t\x96\xf0\xe0\x1fB\xb9\xdfz^\xa3\x99\xbe\xbb|\xe5\xc2\xf0\x1e\xbd\xd0\x93\xf3\x1aa\xe8\x7f)\xeb\x96\xc0\xd7\xdf|Y\xbfA\xfd\xa9#?\xe95\xadMX\xe7\xe0\xec\xf4\\\x8aB\x92\x9a\xffZ\xa7\xff\x8b\xa6\x7fe]8\xda\xfa\xa2\xc0\xbf@\x00\x00\x84\x10"\x04#\x84\\\\\\\x0b\x0b\r\xbfF}s\x13\xcek|\x0b\xc2\x96\x80\xc5b\x194d`\xad\xda5\x87\x0f\x1fv3\xf9N\xffI=\n\x0cF\xce\xcc\xd1\xd2xa\x18c\xa2\xd6\xaa\xce\xc0\xf4_\xdc\xe0W"uB\xb9\xdf\xc9\xc9Y\xa5\xd4\x9c:\xbb\xf7\xeb\xb5\x83&lt;\xfd\xf2O\x9c\x8a\xfd|\xd1R(\xf7\xbf\r\x99L\xc6q\\\xa3\xc6\xc1qg\xe2\\s+-\x1e\xf1=\xc1D\xa5VJ\xa4\x1cD!\x841\xd9\xbb\xe6\x08T\xff\xc5\x0c\xbe\xd8\x92&amp;\x94\xfb\xb5\xea2)\xb7.\x7f\xb9z\xc8\x83\xbc\xa3?\xef\x88\xd8\xb6\xf5\xd7\n\xbe\x15\xa5\xfct\x7fq\x11\xb6\x04\xd4j\xf5\xf6\xc8_\x06u\x1a3\xa7\xcf7wS\xd3\\=\xb4\x0e\x9f\x01\xc2\xa9\xbf\x97N_S\x984C\x86\x0f\x86g\xffE\x0bJ@\x12\x851O3\x8c\xb5\xdcoa\xee\xcd\xfb|\xf2\xe0AC\xd1\x93r?&lt;\xe2Y,\x9el\t\x90\xd9\xf3f\xd6\xaf_o\xf8\xa8\xa1\xdd&amp;\xb6x\xa7g\x13]\x96\x1e\x11\xe4\xb0M#\x08\x91)d\x87\xb7\x9e\xec\xdfo\xa0\\.\x17:\x03\xda\xfa\x9a\xc0s\xc0oEr\xac\xe75\x9aL\x05\xbfD}s\x0b\xca\xfd%\x8c\xa2(\x8a\xa28\x8e\xeb\xde\xb3\xdb\xe9\x9aq\xbd{\xf5\xb9s\xfd\xfe\xc0\xa9=\x8d\x05&amp;\xb3\xc9\xe2x=D1!Jg\xa7?\x12S3\xaf\xe7O\xd9;\t\xd6\x91b\xe6h7\x1fx\x01B\x08\x8fy\'\'g\xb5\x8b6&gt;\xf1\xe0\xd2\x1f\x06yV\xd6\x9f&lt;u\x04\xca\xfd\xa5@xK\xa0F\xad\x1a\xf1\xe7\xe2\xbc\x8c\xfeK\x86\xffPh0\xaa]\x9d9\x8b\xa3\x95\x83\x08&amp;\n\x95b\xe7\xca\x03#\x86\x8f\xf2\xf0\xf4\xc0\x18C\xf5_\xb4\xe0\xdb.\x15&lt;\xe6XV\xe6\xaa\xf1\xb8u\xfb\xeaW?\x8c\xf8+k\xffO\x1b\xbf\xf9y\xdb\x0e_\xdf\nP\xee/\x1d,\xcbb\x8c\xd5j\xf5\xcf\xdb\xb7\x8e~\xf7\x93/\x86\xae\xb9q\xf1f\x19\x1f7\xce\x81\xb6\x040!*g\xa7?\x12S\xb3R\x0cS?\x9d\x0c\xd5\x7f\x91\x83\x12\x90\xe3\xc3\x98\xa7i\xc6M\xeb\xf50\xfd\xf6\xb6\xdd_\xe6\x18\xafM\x9a9n\xcc\xe8q\x08!\x9e\xe7hZ\xea\xcd|J\x13M\xd3\xc2Ai\x93\xa6M\x0ch\x18\xd0\xff\x83\xbe\xef\x0c}\xd0ep\x9b\x9c\x0c\x9dcl\t\xfc3\xfd\x1f6\xca\xc3\xd3\x03:\xff\x88\x1c\x84\xb3##\x04c\x8c\xd5.n4\xcdD\x1eX\xb5\xfa\xe7\x8fZu\xae\x92\x90pv\xcc\xe8q\x84\x10\x9e\xe7\x19\x86\x85\xe5y)\xa3(\x8aa\x</t>
        </is>
      </c>
    </row>
    <row r="170">
      <c r="A170" s="1" t="n">
        <v>168</v>
      </c>
      <c r="B170" t="inlineStr">
        <is>
          <t>polygon_sides_color</t>
        </is>
      </c>
      <c r="C170" t="inlineStr">
        <is>
          <t>What is the missing color of the part denoted with a question mark?</t>
        </is>
      </c>
      <c r="D170" t="inlineStr">
        <is>
          <t>['blue', 'purple', 'green', 'red']</t>
        </is>
      </c>
      <c r="E170" t="inlineStr">
        <is>
          <t>purple</t>
        </is>
      </c>
      <c r="F170" t="inlineStr">
        <is>
          <t>There are 6 colored polygons arranged in a triangle with color ['yellow'] in the top row, ['red', 'purple'] in the middle row, and ['?', 'yellow', 'red'] in the bottom row.</t>
        </is>
      </c>
      <c r="G170" t="inlineStr">
        <is>
          <t>We observe that the polygon with 8 sides is yellow in color and the polygon with 3 sides is red in color. Thus, the pattern is that the polygons with the same number of sides have the same color.</t>
        </is>
      </c>
      <c r="H170" t="inlineStr">
        <is>
          <t>Based on the pattern that the polygons with the same number of sides have the same color, the missing color of the part with 6 sides should be purple.</t>
        </is>
      </c>
      <c r="I170" t="inlineStr">
        <is>
          <t>b'\x89PNG\r\n\x1a\n\x00\x00\x00\rIHDR\x00\x00\x02\x00\x00\x00\x02\x00\x08\x02\x00\x00\x00{\x1aC\xad\x00\x00j\xdaIDATx\x9c\xed\xddg\\\x14W\xd7\x00\xf0{gf+,E\x05\x89\x1256l\x11[Pc\x89&amp;Q\x11\x91(X1\xf6\xde{\x8f=\xaf&amp;\xc6\x12\x15c\x81(6P\xec%v\xa3\xb1\x83\xbdwco\x14)\x0b\xec\xb23\xf7\xbe\x1f\xae\x10\x1f\xa3\xc6\x02\xbb\xb3;\xe7\xff{?\xbcy\x1e\x9e8.\xb3s\xee=\xf7\xcc9\x98R\x8a\x00\x00\x00(\x0fg\xeb\x0b\x00\x00\x00`\x1b\x10\x00\x00\x00@\xa1 \x00\x00\x00\x80BA\x00\x00\x00\x00\x85\x82\x00\x00\x00\x00\n\x05\x01\x00\x00\x00\x14\n\x02\x00\x00\x00(\x14\x04\x00\x00\x00P(\x08\x00\x00\x00\xa0P\x10\x00\x00\x00@\xa1 \x00\x00\x00\x80BA\x00\x00\x00\x00\x85\x82\x00\x00\x00\x00\n\x05\x01\x00\x00\x00\x14\n\x02\x00\x00\x00(\x14\x04\x00\x00\x00P(\x08\x00\x00\x00\xa0P\x10\x00\x00\x00@\xa1 \x00\x00%\xa2\x94J\x92D\x08\xa1\x94\x8a\xa2\x08\x83Q\x812a\xb8\xf5\x81\xa2\xb0G\xbf \x08\xaf\xfc\xe7\x92$a\x8c9\x0e\x96D@A\xe0v\x07JA\x08aOyA\x10,\x16q\xfd\x86?\xbek\xd6\xf2\xab\xaf\xbe\x9e7?"1)\x99\xe7y\x8e\xe3\xd8\xcf\xc0\xaa\x08(\x04\xec\x00\x80\x83\xa3\x94\x12Bx\x9eC\x08#\x84\x1e&lt;x\xbc(|\xe9\xce\xedk=\x9c\xe2\xdb\x07\x15\xcb\x9fO\xb7d\xfd\xb5\x9b\xf7\xb5u\xbei\xd1\xb1C\xbbJ\xbe\xe5\xd9\xffJ\x14E\x9e\xe71\xc66\xbdv\x00\xf2\x16\x04\x00\xe0\xb0\x08!\x84\x90\x9cl\xcf\xee\xbd\x7fE.\x8d\xbc~\xe9`\x9dJ|\xc7\x96\xe5+U\xf9\x14q\x1c"\x04\xa9\xf8\x07W\x9f.Z}n\xd7\xe1\xe4\x02\x85\xab\xb4m\xdb\xa1U\xcb \x8dF\x83^\xe4\x85\x10\xc7\xf16\xfd{\x00\x90W \x00\x00G\xc3\x96\xfc\x1c\xc7\xb1\xf5{\xd2\xf3\x94\xe5\xcb\xa37\xac[\xa1\x92\xfen\xd6\xb0p\xbb\xa6\xe5\xf2\x15\xcd\x872-$=\x8bR\x841\xa2\x94\xf2Z\x15r\xd1Z\x12\xd3\xb7\xec\xbd\x16\xbd\xe5\xd6\x9d\xf8\xfc\x01\x81\xad:t\x08-Y\xa2\x18\xfb7J/\xfd\x0b\x01p\x18\x10\x00\x80\xe3`U=&lt;\xffb\xc1~,\xf6td\xe4\xb2S\xc7w\x96\xfe\xd4\xd4\xbf\xc3\xe75\xab\x17C:\x15J1IY"\xc6\x98\xe3\xfey\x9aS\x8a$\x89\x08*\x1e\x194\x88\xc3gN\xdc]\xbe\xee\xd2\xd1\xb3\xe6b&gt;u\xbbu\xeb\xde\xe0\xdb\xba\xec\xc7DQ\xe48\x0e\x0e\x8a\x81\xc3\x80\x00\x00\xec\x1e[\xf2#\x84\xd8\xa3?#\xd3\xb4n\xfd\xd6\xa5K\x16\x89\xc6\xabA\xf5\xf2\xb7mV\xc1\xbb\xb4\'2\x894\xddL\x08\xe58\xeeM\xebx\x8a\x10\x91(B\x88wV#\xbd:\xe3I\xca\x92\xb5\xe77\xee~h\xe1\x8b7\xfd\xaeMh\xdb\x16\x85\x0b{\xa1\x7f\xed0\x00\xb0_\x10\x00\x80\x1d{\xa5\xa6\xf3\xcc\xd9\x8b\xcb\x97G\x1d=\xf4\xc7\xa7\xf9\x12\xdb5/\xdd\xbcq\x19\xe4\xa4Aif\xc9$b\x8c^^\xf2\xbf\x1d!\x94R\xca\xabx\xe4\xaaC&amp;\xcb\xb1\xe3\x7fG\xae\xbfz\xfc"\xa9Q;\xa8S\xe7\x8e5\xabWa?&amp;I\x12\x84\x01`\xd7 \x00\x00\xbb\xf4r\xb6\xc7b\x11\xb7l\xdb\x15\x1d\xb5\xea\xce\xb5\x03\x01u\xf3uh^\xb6\xe4\xe7\x85\x11\xa1(\xc5\x94\x9d\xbb\xff\x90?\x82"D$\xc2q\x18;i\x90^\xf5\xf0\xda\xb3\xa8\x8d\x17\xb6\x1cH\x14\x9c\xcbt\xee\xd2\xb3EHS\xbdN\x8b\x10\x92$\t!\x04\x91\x00\xd8#\x08\x00\xc0\x9e\xbc\xb6\xa6s\xd7\xf6\xb5\x05\x9c\xe2\xdb6)\xd2*\xb0\xbc\xa6\xa0\x01\xa5\x99\xa5\x0c\x0bB\x88\xe7s\xe7\x89L\x08%\x84\n:\x152hP\xbay\xe3\x8e\xab\xab6^\xbf\x97\x98\xafV\xdd\xc0&gt;}{\x94b\x07\xc5\xb0!\x00v\x08\x02\x00\xb0\x0f\xff]\xd3\xc9s(\xc5$Z$\x9e\xc7y\xf1\x14\xa6\x14\x11Bx\x8eC\xaeZ\xc4\xe1\x9b\x17\x1e.\xdfxe_\xac\xf1\x93b_\xb6\rm\x17\xd4\xb4\x91J\x10\x10\xbcQ\x0c\xec\n\x04\x00 k\xefU\xd3i\x9d\xf5\xb7\xc4\x0e\x8a\xf5*d\xd0d&gt;NY\xb7\xfd\xca\xea\xed\xf7\x9f\xa5\x15h\xd5\xb6[\xdb\xd6\xc1\xde\xde\x9f\xfc\xfb\xb2\x01\x90\'\x08\x00@\xa6&gt;\xb8\xa6\xd3:(\xa5\x92D\x055\x8f\\\xb4\x88\xd0\x93\xc7\xfe\x0e_s\xe9\xd4UT\xba|\xdd\xfe\x03\xfa\xbf|P\x0c\x1b\x02 [\x10\x00\x80\xbc\xe4VM\xa7\xb5\xae\x16\x11B1B\x9cA\x83\xb4B\xd2\xfd\xe7\xcb\xd7\x9d\xdf\xb0\xe7\x99\xcaP\xb6Yp\xebvm[\xe4\xcb\xe7\x86\xb2\x83\x19l\x08\x80\xdc@\x00\x00r\x91G5\x9d\xd6A\x08%\x94\nj\x01\xb9h\x91\xd1\xb4\xfb\xe0\xad\xc8\xf5\xd7\xae\xdf\xd7\xd6\xf9:\x04Z\x0c\x01\xd9\x82\x00\x00l\xcf\n5\x9d\xd6\xc16\x04&lt;\x87\x91A\x83\xd4/\xb7\x18\xaa\xda\xb5[\xcf\xef\x9a\xfa\x0b\x02\x8f\xa0\xc5\x10\x90\r\x08\x00\xc0\x96\x08!\x1c\xc6\x08[\xaf\xa6\xd3:^\xbcJ\xa6U!\x17\xad\x98\x94\xbey\xf7\xd5\xdf\xd7\xdeJH\xf7h\x14\xd0\xb2c\x87v%K\x14E\x08QJY^\xc8\xd6\x17\x0b\x94\x0b\x02\x00\xb0\x19J)K\x86\xec\xde\xf3Wd\xa4Uk:\xad\xe3\x7fZ\x0cQz\xe6\xd4\xfd\xe5\xeb_m1\x94\xf3!\x00`}\x10\x00\x80m\x10B0\xc6{\xf6\xee\x9d2i\x82\x9a\xdem\xd6\xa0\x90Mj:\xad\x80\xa2\xec\x83b\xa7\x7fZ\x0cm\xda\xf3\xc8\x8c\x8b\x8e\x9f0\xa9A\x83\x06\xac`\xd4\xd6\x97\t\x94\x08\x02\x00\xb0\rV\xed\xf3Y\x89\xd2\x13\xbb\xb8u\xe9\xfb\x15\x92(J\xb3YM\xa7u\xfc\xd3b\xc8E\x87x\xbct\xc1\xc1\xf1\x8b\x13\xaf_\xbf\xac\xd5h\x11B\x0e\x12\xee\x80]\x81u\x07\xb0\x01I\x92\x10\xc2;v\xee\x13\xc4\xc7]:\xd7"\x89\xe9b\x82\x91\x8a\x84\xe79G}\xfa#\x848\x0e\xf3&lt;G\t\x15\x13\x8cR\xbc\xb1s\x8f\xbaN\xfc\x93\xcd[v"\x84X\xe5+\x00V\x06\x01\x00\xd8\x06\xc6h\xeaO\xbf\xf4i[\n\xe9\x04"\x12A\x90uyO.\xc2\x08\t\x02G\t\xa5\x1c\xed\xd6\xa2t\xd8\xfc\x85\x18\xdb\xf19\x07\xb0k\x10\x00\x80\xb5\xb1\x94\xf7\xb5\xeb7n^9\xde\xb1e%\x9aj\xe2y\xc5\xdd\x87&lt;\xcf\xa14s\xc7V\x95n\\:z\xfe\xc2%6\x8f\xde\xd6\x17\x05\x14Gq_&lt;`s\xec\xf8w\xc1\xc2\xa5u+\xeb=J\x14 &amp;\x8b\x02\x97\xbf\x18#)\xd3\xe2Q\xca#\xa0\x96\xeb\xac_\x17 \xc8\x02\x01[\x80C``U\xec~\xcb\xca2\x7fV\xa2\xec\xeaie\xea|S\x8a\xa4\x98\xec\xab\xc6?\xb7\x10B\xb1\xb3\xfa\xec\x89\x07\xfe\xbdco\xdf\xba\xa9\xd7\xeb\x11\x1c\x05\x03\xeb\x82\x1d\x00\xb0*\xd6\x1c-r\xf9\x9a\x82\xce\xf1u\xbe.ES\x15\xfa\xf4G\x08q\x1c\xa6\xc6\xac\xca\xd5\x8b\x16\xc9\x9f\xbe$2\nc\x0c\x9b\x00`e\x10\x00\x80U\xb1\x82\xf7\xc5\x8b#z\xb7)\x875&lt;!\x8a\xde\x80R\x8a\x90\xc0\r\xebZ1l\xfeo\x94\x12X\xfe\x03+\x83\x00\x00\xac\x87e\xff\xcf\x9c\xbd\xf0\xf0\xefSm\x83?\xa7)J&lt;\xfe}\x19\xc7c\x9a\x92\x19\x14P&gt;=\xf1\xea\xe1\xa3q\x1c\xc7\xb1\x01\x93\x00X\x87\xa2\xbf~\xc0\xcaX\x00\x98\x1b\xb6\xd8\xbfV&gt;\x83\xb7\x9bd\x16\x15\xbe\xe4\xc5\x08\x11\x8b\xa4\xf3pj\xd5\xa8\xf0\xcc\x99sm}9@q\xe0\x10\x18X\t\xbb\xd3\x12\x12\x12+T(\xb7\'\xa2v\xc5J\x85Hz\x96\x03\xbf\xf6\xf5\x8e(EX\xc3?z\x90R\xa1\xe9\x96\xf3\x17\xaf\x15.T\x08!\xe8\x0e\x04\xac\x04v\x00\xc0J\xd8\xf1\xef\xb2\x15kJ}b\xaaX\xb3\x181\x9a\xe1\xe9\x8f\xb2\xebA\x0b\x95)\xe8WN\xbdh\xf12\x8c\x11d\x81\x80\xd5@\x00\x00V\xc2q\x1c\xa5\xe4\xf7%\xbf\xf7k_\x91J\x84"x\xfa\xe7\xc0H\x94\x06v\xac\xbcredff&amp;\xcf\xf3\xb0/\x07\xd6\x01\x01\x00X\x83$I\x1c\xc7\x1d&gt;\x1a\x97\x16\x7f\xf9\xbb\xc0\xf2(\xd5\x04\xcb\xff\x1c&lt;\x8fIrf\xe3&amp;\xe54\xd2\xdd\xcd[\xa15\x10\xb0\x1e\x08\x00\xc0zf\xce\x9c\xdb\xaa\x91\xb7\xae\x80\x13\xb1H\x90\xe5~\x19!\x14i\xf8n-}\xa05\x10\xb0&amp;8\x04\x06y\x8e\xcd&lt;y\xf0\xf0Q\xc5\n&gt;\x17\xb7\x06\x15\xf2v\xa5f\x08\x00\xff\x83R\x84\xd4|BBz\x85\xc6\x1b\xf6\xec?^\xf1\xf3\xf20$\x00X\x01\xdca \xcf\xb1S\xcd\x85\x8b\x97\xf9\x95S\x17\xf2)(e*\xb1\xf9\xcf\xdbAk `\x13\x10\x00@\x9e\xe3y^\x92\xa4\xa8U\xcb\x07\xb4\xaf\x84$\t\xc1\xf1\xef\xebp\x1c\xa6F\xd3\x80N\xd5v\xfc\xb1&gt;==\x1d\x8e\x82\x81\x15@\x00\x00y+g\xf6\x0b\xcd\xbc\xd3\xb0\xa1\x8f\x92\x9b\xff\xbc\x1d\xb4\x06\x02\xd6\x07\x01\x00\xe496\xfb\xa5ohi\xc1U+\x89\xf0P{\xa3\x17\xad\x81\xbaT\x9c\x176\x1fZ\x03\x01+\x80\x00\x00\xf2\xd0\xab\xb3_\x14\xdf\xfc\xe7\xed8\x1e\xd3\x94\x8c\xa0\xc0\n\x92\xf1\xc6\xe1#\xd0\x1a\x08\xe49\xf86\x82&lt;\x04\xb3_\xde\x0bFH\xb2\x10\x9d\xa7Sh\x93"3fAk \x90\xe7\xa0\x0c\x14\xe4\x15\x98\xfd\xf2\x01(EH\xc3?\xbc\x97\\!h\xeb\xe5+7&gt;\xf1\xf2\x82\xd6@ \xef\xc0\x0e\x00\xe4\x15\x98\xfd\xf2\x010F$\xd3\xe2]\xb6`\xbd*\xfa\x193\xc30\x86zP\x90\x87 \x00\x80\xbc\x02\xb3_&gt;\x14F\xa24\xb4K\x95\x985\xab2339\x8e\x83m:\xc8#\x10\x00@\x9e\x80\xd9/\x1f\x8c\xe71I5\xd5\xfe\xaa\xa4\x13\xffd\xcb\xb6\xddP\x0f\n\xf2\x0e|\'A\x9e\x80\xd9/\x1f\x83J\x08k\x85~\xed\xca\xcd\x989\x0b\xc1\xa4x\x90g\xe0\x10\x18\xe4&gt;\x98\xfd\xf2\x91\xd8\x0b\x01\x19\x99\x96\xe2\xf5V\xed\xdc\x1bW\xc9\xb7\x02\xa5\x14Z\x03\x81\\\x07\xb7\x14\xc8}0\xfb\xe5#a\x8c$\xb3\xe8T\xc8\xb5q\xad\xfcs\xc3\x16C\x16\x08\xe4\x11\x08\x00 \xf7\xc1\xec\x97\x8f\xc7q\x18\xa5\x9b\x87t\xf3\xdb\xbeuM||\x02\xb4\x06\x02y\x01\x02\x00\xc8e0\xfb%Wp\x1c&amp;Fs\xc5\x9a\xc5J}bZ\xb6b\r\xc6\x18\xde\n\x06\xb9\x0e\x02\x00\xc8\x130\xfb\xe5\xe3Q\x84\xa9D\xfa\xb5\xaf\x18\x11\xf1;\xca.\xab\x05 \x17\xc1-\x05r\x13\xa5\x94\xe7\xf9\x07\x0f\x1f\x1d\xdc\xbfuX\x8f\xea(\xcd\xc4A\xf5\xe7\x87\xe28\x8cRM\xdf5\xad`N\xb9\xbac\xe7^h\r\x04r\x1d|9An\x82\xd9/\xb9\x08c$Y$\x9d\x87\xd3\xf7\x81E\xe6\xcc[`\xeb\xcb\x01\x0e\x08\x02\x00\xc8M0\xfb%w\xf1&lt;GS2{~_5\xee\xe8\x9eG\x8f\x9f\xc0Q0\xc8]\x10\x00@\xae\x81\xd9/\xb9\xeeEk\xa02\x9eu+\xe9f\xcc\x0cC0*\x12\xe4*\x08\x00 7\xc1\xec\x97&lt;\x80\x91(\r\xed\n\xad\x81@\xee\x83\x00\x00r\x07\xcc~\xc9#\xd0\x1a\x08\xe4\x1d\xf8\x8a\x82\xdc\x01\xb3_\xf2\x0e\xb4\x06\x02y\x04\x02\x00\xc8\x05\xac\xfa\xd3d6\xc5\xc4D\x0f\xe8P\x85\x9a-\x08\x1eR\xb9\x87\xe31M5ui[\xf9\xde\xcd\xb83g/\xc0&amp;\x00\xe4\x16\x08\x00 \x17\xb0\xe6?\xcbW\xc4x\xea\x9f\xd5\xf9\xa64\x1c\xff\xe6\xae\x9c\xd6@\xfe_\xe6\x9b3\x0fZ\x03\x81\\\x03\x01\x00\xe4\x02\x8e\xe3,\x96\xac\xdf~\xfbmP\xe7\x8aX\x85\xe1\x902\xd7q\x1c\xa6F\xf3\x88^5\xf7\xec\x88\xb9s\xf7\x9e \x08p\x14\x0c&gt;\x1e\x04\x00\xf0\xb1(\xa5\x18cQ\x94\x9e?O\xf8\xc4\xc3@\xa1\xf8\'\x0f`\x8c\x91(yy:[\xcci\xc9\xc9)(\xbb\xe76\x00\x1f\x03\x02\x00\xf8X\xacO\x99N\xa7k\xdf\xa1\xeb\xcc\xdfO`\xb5\x80\xe0\xd9\x94\xdb$\x89`7\xfd\xccE\xc7*W\x0f\xa8\xe4\xfb9\xeb\xb8g\xeb\x8b\x02v\x0f\xee!\x90\x0b\xd8\x1b\xaa\xfd\xfbt=}\x83\xbfv\xe2&gt;\xef\xac\x81\x1cu\xee\xe2\x05NJ\xc9\\\xb3\xe3\xde\xc0\xfe=!\xba\x82\xdc\x02\x01\x00\xe4\x02v,Y\xb0\xa0g\xbdo\x9a,Xy\x1a9k\xe0\x942\x17I\x12E\x06\xed\x8e\x9dW\x89\xa6h\xc3\x06\xf5\x11\xa5&lt;\xcf\xdb\xfa\xa2\x80#\x80\x00\x00r\r\xa5t@\xff^1\xbb\x1e\x98\x13\xd2y\x15\x0f\x0b\xd5\xdcC\xb1\x8a\x9f\xba\xe0D\xdf\xbe\x03\x04A\x80\x9e\xa0 \xb7@\x00\x00\xb9\x83e\x81\xea\xd4\xaa^\xb0\xe8\x17\x91Q\xa7\xb0\xbb\x0eZA\xe4\nB(\xef\xac9\x7f\xec\xce\xad\xa7\xfa\x8e\xed[RX\xfe\x83\xdc\x03\x01\x00\xe4\x1aB\x08\xc6\\\xef^=\x16\xaf\xb9\x82,\x04\x06\x81\xe5\nB(r\xd2\xcc\x8a\x88\x0bh\xda\xca\xc3\xc3\x83\xbdra\xeb\x8b\x02\x0e\x02\x02\x00\xc85l\x13\xd0\xb6M\xf0\xc3\xe7.g\x8e\xdf\xc5\xcejB \x0f\xf4Q(E\xbcFH\x7f\x94\xb2\xe3H\xe2\x80~=(\xa5P\xfc\x03r\x11\xdcL \xd7\xb0zP\x83\xb3\xb3\x7f\x93\xe0\xb9\x91\'\xb1\xb3\x16\x02\xc0G"\x12\xc5.\xda%\xd1g\x8a\x94\xf4\xab\\\xe9s\x08\x00 w\xc1\xcd\x04r\x13{&lt;\r\x19\xd4{\xfb\x91\x94\xf8\x1b\xf1\xbcN\x05\xaf\x04|\x0c\xcc#j\x12\xc3V]\x1e6t\x08\x82\x97\xbf@n\x83\x00\x00r\x13\xc7q\x84\x90\x8a\x9f\x97/U\xfe\xcbe1g\xb1A#Ip\x14\xfc\x81$\x89r.\xda\xc3\x7f\xddL\x97\xbc\x82\x02\x1b\xc2\xf2\x1f\xe4:\xb8\x9f@.\xa3\x94RJ\xfb\xf5\xed\x15\xb1\xf6\x1a2Kp\x14\xfc\x11(\x12\xf8\x99KN\xb7j\xddN\xa7\xd3\xb1\x86\xdb\xb6\xbe$\xe0P \x00\x80\\\xc6V\xa9\xdf5\xf57\xf3Ew\xfcq\x99s\xd3I\x12$.\xde\x1b\xa5\x88\xd3\xa9\x1e]{v\xe0T\xc6\xb0\xa1\xfd(E\xb0\xfc\x07\xb9\x0en)\x90\xcbrZ\x03}\xff}\xa79\xcb\xce \x81G\x08\x02\xc0{#\x12\xc1\x06\xed\x8c\xc5\xb1\xf5\xbemZ\xe8\x13/B\xa0\xfa\x13\xe4&gt;\x08\x00 \xf7\xf1&lt;O)\xea\xd9\xa3c\xdc\xe5\xacGW\x9f\xc2Q\xf0\xfb\xa2\x08q*&gt;3&gt;=f\xd7\xc3\xa1C\x06\xd8\xfar\x80\xc3\x82\x00\x00r\x1f\xc6\x98\x10\xc9\xbbp\xa1\xba\xf5\x9b\xceX\x1c\x8b\x0cZ\x02G\xc1\xef\x83H\x14\xbb\xea\xb6l\xbf\xe4\x94\xbfL\xed/\xfd\x08!\xf0\xf6/\xc8\x0b\x10\x00@\x1e\x1a:t@\xcc\xae\x07\x99\t\xe9\x9c\x8a\x87M\xc0\xbb\xc3\x18!\x91\xcc\\r\xbe_\xdf&gt;\x18sP\xfd\t\xf2\x08\x04\x00\x90\'x\x9e\'\x84\xd4\xfe\xd2\xcf\xe0Qn\xf3\xb6K\xc8\x05^\n{W\x84P\xec\xac9\x1bw\xf7\xef\xa7\xba.\x9dB\xa1\xfa\x13\xe4\x1d\xb8\xb1@^a\xad\x81\xbav\xe9\x1a\xb6\xe2&lt;\xe69\x0cG\xc1\xef\x86\x12\x8a\xf5\xea)a\xc7\xda\xb6\xeb\xec\xe4\xe4\x04\xd5\x9f \xef@\x00\x00y\x85\xb5\x06\xea\xd8\xbe\xf5\x8d\xc7\xda\xf3\xc7\xeep\xce\x1a\xd8\x04\xfc\'V\xfd\x19\x7f3\xe1\xd0\xd9\x8c\xbe}\xba!6\x0c\x12\x80\xbc\x01\x01\x00\xe4\x15V\x0f\xea\xe1Q \xa0i\xebY\x11q\xc8\t\x02\xc0\x7f\x93$\x82]\xb4\xcb\xd6\x9e-Y\xb6\x86O\xe9\x920\xfa\x11\xe4)\xb8\xb7@\x1e\xe28\x8eR:\xa0_\x8f\x1dG\x12\xd3\x1f\xa5\xf0\x1a\x01\x8e3\xdf\x8e\x1781\xc54?\xea\xfa\x98Q\xc3\xe1\xb3\x02y\r\x02\x00\xc8C,\x00T\xae\xf4y\x91\x92~K\xa2\xcf`\x17-\x81\xb7\x82\xdfL\x92(r\xd1\xee\xdes\x8d\xd3\x15k\xec\xff\rB0\xfb\x05\xe4-\x08\x00 o\xb1\x12\xc6aC\x87\x84\xad\xbaL\xcd"\x86\x07\xda[P\x8aU\xfc\x9ceg\xda\x86\xb6\xe7y\x1eF?\x82\xbc\x06\x01\x00\xe4-\xb6\t\x08\nl\x98N\xbc\x0e\x1d\xb8\x89\rZh\r\xf4Z\x84 \xde\xa0\xb9v\xf2\xfe\xe9\x1b\\\xff\xbe\xdd`\xf4#\xb0\x02\x08\x00 o\xe5\xb4\x06\ni\xd1v\xee\xb2\xd3X\xabB\x90\xdb~\x1dJ\x08\xd2\xab\xc3\x96\x9f\xaa[?\xa0`AO\xa8\xfe\x04V\x80\xe1%C\x90\xd7\x08!\x1c\xc7]\xbb~\xa3v\x8d\xca\x17w\x84xz:\xa1,\t\x1en/\xa3\x14!\x01\x1b\xd3\xc5\xe2\xf5V\xed\xd9\x7f\xc2\xb7byx\xff\x0bX\x01\xdca \xcfq\x1c\'I\x92O\xe9RUj4\x9a\xf7{,v\xd5\xc1\x94\x98WH\x12\xc1\xae\xba\xe8\r\xe7\x8b\x94\xacV\xc9\xb7\x02&lt;\xfd\x81u\xc0M\x06\xac\x84R4\xb0\x7f\xaf\xe8\xed\xf7\xa4\x94L^\x80\x1b\xef\x7fp\x1c\xa6fi\xc1\xea\xcb=\xbawC\x08\x11\x02\x01\x12X\x03|\x0f\x815\xf0&lt;\x8f\x10m\xd8\xa0&gt;\xd1\x14\xd9\xb1\xf3*r\x81\xa3\xe0\x7fH\x12\xe5\\\xb5\x87\xf7\xdfx\x9aV\xa0S\x87\xd6p\xfc\x0b\xac\x06\x02\x00\xb0\x12I\x92\x04A\xe8\xdbw\xc0\xd4\x85\'1\xc7\xc1\x94\x98\x97P$\xf03\x7f?\xdd\xa6\xed\xf7\x1a\x8d\x16\x8e\x7f\x81\xd5\xc0!0\xb0\x12v\xa7%$$\x94/_\xee\xd0\x8az&gt;\xe5\n\x92t\x0b$\xba)EH\xc3?\xbc\x9fR1h\xeb\xc5\xcb\xd7\x0b}\xe2E)\x85\x00\x00\xacC\xf1\xdf?`-\x18cB\x88\x87\x87G\x9dz\x8d\xc3\x96\x9fBz5\x85Lw\xf6\xf1\xef\xa2\x95\xa7\xfc\xbelP\xe8\x13/I\x82\xd1\x8f\xc0z \x00\x00\xeb\xc1\x18SJ\xc7\x8d\x1d\xb1z\xc7\xe3\xb4\x87\xa9\x9cF\xe9Sb(E\xbc\x8a\xcf\x8cO_\xb9\xed\xde\xc0\xfe\xbdm}9@q \x00\x00\xebao\x05W\xf2\xadP\xa4d\xb5\xa8\r\xe7\xa0\x1e\x94\x10\x8a\\\xb4\x9b\xb7^\xd4\xb8\x96i\xec\xff-\x8c~\x04V\x06\x01\x00X\x15+p\xec\xd1\xbd\xdb\xe2\x98\xab(\x8bp\x9c\xa2\xd3\x1d\x18Q\xccsa+\xcew\xeb\xd6\x15A\xf5\'\xb0:\x08\x00\xc0\xaa\xd8\x94\x98\xd0\xb6!\xf7\x12\xf4g\xe3\xeeb\x05O\x89a\xa3\x1f\xcf\x1f\xbbs\xe3\xb1\xaec{\xa8\xfe\x046\x00\x01\x00X\x15;\n68;\xb7\t\xed&lt;%\xec\x18\xd6\xab\xa9\x92\x03\x80A;+"\xb6q`K\x0f\x8f\x02p\xfc\x0b\xac\x0f\x02\x00\xb06\xf6\x98\xeb\xd7\xa7\xdb\xa1\xb3\x19\xf17\x138\x9dJ\x81G\xc1\x94"^\xa7\x8a\xbf\x11\xbf\xe3H\xea\x90A\xbd\xa1\xf7\x03\xb0\t\xb8\xe7\x80\xb5e\xb7\x06*Y\xb2l\x8dek\xcfb\x83V\x81G\xc1\x92D\x90A\xb3,\xe6l\xa9\xf2_V\xfc\x1cZ\xbf\x01\xdb\x80{\x0e\xd8\x06\xa5h\xcc\xa8\xe1\xbfE\xdf@\x99"\'p\xa2\xa8\x94L\x10EH\x14\t\xe60&amp;8b\xdd\xf5~}{QJ\xe1}L`\x13\x10\x00\x80\r\xb0\xd6@\x8d\xfd\xbf\x11\x85O\x96,=\xc2\xe5w\x12\n8c\x0eK\x12q\xe03aJ\xa9$\x11\xcca\xa1\x803\xef\xe1\xbct\xf1\xc1t\xc9\xeb\xbb \x7f\x84\x10,\xff\x81M\xc0m\x07l\x83%="\xc2\x17.\xdd\xad\xf9&amp;hM\xd8o\x873\xcc\x16\xde\xd3\xc09\xa9%\x89J\x92C-\x89\xd9\xdf\x08kU\xbc\x87!\xc3l\t\xfb\xed\xf0\xb7Ak\x96\xecT/\xf9}\xb1N\xab\x83\xde\x0f\xc0V\xa0\x17\x10\xb0\x99\x9c\x07\xdf\x9e\xbd\x07#"\xc2\xef\\;\xf8e%M\x87\x16\xe5+\x7fQ\x14\x11\x8a\xd2\xcc\x92(q\x1cg\xbf\xcfFJ\x11!\x94\xe70r\xd5"\x8co^~\xf4\xdb\x8as\x87\xcfd~\xe6\xf3U\xb7n\xdd\x1b|[\x17\xbd\xf4!\x00`}\x10\x00\x80-\xb1\xce\x97\xec\tx\xf3\xd6\x9d\xe5\xcb\xa3\xb6o\x8b)\xe6\x91\xd86\xa8DP\x03\x1f\x95\xbb\x13J3\x89\x99\x16\x8e\xc3\xf6\xf5\xca\x18!\x94P*\xa8\x05\xe4\xa2E\x19\xe6\x8d;\xae\xae\xdax\xfd^b\xbe\xda_\x05\xf6\xe9\xd3\xa3d\x89b\x08!\x96\xfa\x87\xe4\x0f\xb0!\x08\x00\xc0\xf6\x08\x91(e\x07\x03\xc8l6\xc7\xac\xdd\xb2:z\xc5\xb3\x87\'[5\xf2\x0cmV\xa1\xb0\x8f\'\xca\xb0\xd0t3!\x88\xe3e\xbdZfK~\x8c\x10g\xd0 \xad\x90t\xff\xf9\xf2u\xe7\xd7\xefy\xa6r.\xd3\xa9K\xcf\x16!M\xf5:-BH\x92$\x8c\x11\xc7\xc1k_\xc0\xc6 \x00\x00\xb9\xa0\x94\xb2\x99\x01\xec\x1fO\x9e:\x17\x1e\xbe\xe4\xf8\xe1-5*p\x9dB\xca\xd4\xacY\x1c\xa9\x05\x94\x9a)Y$\x8e\xc3rK\x9bP\x8a$\x89\x08*\x1e\xb9j\x11\xa1\'\x8f\xfd\x1d\xbe\xe6\xd2\xa9\xab\xa8t\xf9:\xfd\x07\x0c\xa8Y\xbd\n\xfb1IbI-y]&lt;P,\x08\x00@^(\xa5,/\xc4r#\x0f\x1f&gt;\x89Z\xbd~\xcb\xa6(A\xbc\xdd9\xa4x\x0b\xff2\xfaO\\\x91\xd1,eX\x10B&lt;o\xfb\')!\x94R\xcakU\xc8Uk~\x9a\x16\xb3\xed\xd2\xea\xed\xf7\x9f\xa5\x15h\xd5\xb6[\xdb\xd6\xc1\xde\xde\x9f\xa0\xec\xbf\x14&lt;\xfa\x81\xdc@\x00\x002E\x08!\x84\xe4l\x086n\xda\xbej\xd5\xca{7\x0f\xd7\xae\xac\xeb\xd3\xde\xb7d\xb9B\x88R\x94b\x92^&lt;X\xad}y\x14!"\x11\x8e\xe3\xb0A\x83\xd4\xfc\x83\xabO\x17\xaf&gt;\xbf\xfd`R1\x9fzmC\xdb\x055m\xa4\x12\x04\xf4"\xdb\x83!\xd1\x0f\xe4\t\x02\x00\x905\xb6v\xe69\x0ee\x1f\x14\xff\xf6\xdb\xe2\xc3\x7fm+\x92?\xa9]\xf3\xd2\xcd\x1b\x97AN\x1a\x94f\xb6\xe6A\xf1\x8b%\xbf\x8aGn:\x94\x91\xb5{\xff\x8d\xc8\xf5\xd7\xae\xdf\xd7\xd6\xf9:\xa4c\x87v\x95|\xcb\xb3\x1f\x83l\x0f\x90?\x08\x00\xc0&gt;H\x92\x84^\xbcA\x8622M\xeb\xd6o]\xbad\x91h\xbc\x1aT/\x7fh\xf3\xcf\xadsP\xcc\x06\xd9\xf3\xcej\xa4Wg&lt;IY\xb2\xee\xc2\xc6]\x0f\x90\xae|\xf3\xe0\xd6\xa1m[\xe4\xcb\xe7\x96s\x9d\xf0\xe8\x07v\x01\x02\x00\xb0\'/6\x04\xd9m\x93\x8f\xc5\x9e\x8e\\\xba,\xaf\x0f\x8a)E/v!\xaeZ\xc4\xe13\'\xee._w\xe9\xe8Ys1\x9f\xba9\xe5\xfc\x08\xb2=\xc0\x0eA\x00\x00\xf6\xe7\x953\xd5\xbc;(&amp;\x84\x12B\x05\x9d\n\x194(\xdd\xbcq\xc7\xd5U\x9bn\xdc\x89\xcf\x1f\x10\xd8\xaaC\x87\xd0\x9cr~8\xe0\x05v\n\x02\x00\xb0c\xef|PL\xdf\xeb\xf9L\x11"\x12\xe58\x84\x9d4H\xafzx\xedY\xd4\xc6\x0b[\x0e$\n\xcee:w\xe9\xd9\xbae\x90F\xa3AP\xce\x0f\xec\x1f\x04\x00`\xf7\xfe\xfb\xa0X\xafA\xa9&amp;1K\xe4\xf0\x7f\x1c\x14SJ%\x89\n*\x1e\xb9\xeaP\x96x\xec\xd8\xed\xc8\xf5W\x8f_$5j\x07u\xea\xdc1\xa7\x9c_\x14E\x9e\xe7a\xc9\x0f\xec\x1d\x04\x00\xe08\xfe}P\x1c\xb9d\x91\xc5x5\xa4\x81g\x87\x16\x15\xf3}\xea\x8eL"I3S\x84\xfe\xbd! \x84R\x8ax\xbd\n\x194\xe6\'ik\xb6_^\xba\xfe\xb6(\x14\x0fj\x16\x1a\xda&amp;\xa4pa/\x04\xd9\x1e\xe0p \x00\x00G\xf3\xef\x83\xe2ys\xe7^\xbft\xa8j\x19\xd4\xbdu\xf9j5?C\x1cF)&amp;\xd1"\xf1&lt;F\x08\xbfx\xa6\xbbh\x11\x8fo^x\xb8|\xe3\x15V\xce\xdf\xae\xdd\xf7\xcd\x9b\x05\xb0\x7f\x89(\x8a\x1c\xc7\xc1\x01/p0\x10\x00\x80cze\xb5\xfe\xe0\xc1\xe3\xe85\x1bb\xa2#&lt;\r\tm\x02&gt;m\x15X^S\xd0\x80R\xcdH"\xc8U\x8b2,{\x0e\xdc\x88\x88\xbet\'!\xff\x97u\x9bth\x1fZ\xb9R\x05\xf6o\x91`\xc9\x0f\x1c\x17\x04\x00\xe0\xe0\x08!\x94R\xb6!\xb0\x88\xe2\x96\xad\xbb\xa2\xa3V\xdd\xb9v \xa0n\xbe\xce!\xe5]]\xb5\xab\xb6\\\xde\xb4\xfb!\xd2\x95o\x1e\xd2\xa6K\xe7v9\xfd\xdaPv6\t\x00G\x05\x01\x00(\xc2+y\xa13g/.[\x1eu\xe4\xc0\x96\xac,c\xd9\x8a\xf5\xbat\xee\xdc\xb0\xc1W\xec\xbf\x82r~\xa0\x1c\x10\x00\x80\x82\xb00\x80\xb2\x97\xf6ii\xe9\xa9i\xc6\xc2\x85\n"8\xe0\x05\x8a\x04\x01\x00(\x11!\x84\x12\xc2g\xf7kC\x90\xed\x01\x8a\x04\x01\x00(\x17\xbb\xf9a\xc9\x0f\x14\x0b\x02\x00\x00\x00(\x14\x9ct\x01\x00\x80BA\x00\x00\x00\x00\x85\x82\x00\x00\x00\x00\n\x05\x01\x00\x00\x00\x14\n\x02\x00\x00\x00(\x14\x04\x00\x00\x00P(\x08\x00\x00\x00\xa0P\x10\x00\x00\x00@\xa1 \x00\x00\x00\x80BA\x00\x00\x00\x00\x85\x82\x00\x00\x00\x00\n\x05\x01\x00\x00\x00\x14\n\x02\x00\x00\x00(\x94`\xeb\x0b\x00\x1fK\x92$\x18cb\xef\xd8\x98\x1a\xfbB)\xe28\x0c7\x9e]\x83v\xd0\x0eB\x92$\x18ib\xa7(\xa5\xf0\x18\x056\x01;\x00{\xc5\x9e\x1aI\x89\x89K##\xfb\xf5\xeb\xa7\xd1h\xd8*\x12\x86\xd9\xda\x17\x16\xb97o\xde\xfc\xcb\x8c\x9f9\x8e\xb3\x97\xad\x00\xc6H\xa5\xd2D,\xfe\xfd\xb3\xe2\x9fQJ\xe1\xae\xb3S\xb0\x03\xb0W/\x02\xc0\xf3\xe7\x05\x0b\x14(\xe5\xe33t\xf4\xe8\xae\xed\xdb#\xc8\x08\xd9\x15J)\xa5D\x92H\xa9\xd2%\x8a\x17\xfc\xb6x\x91\xf2&amp;s\x06Fr\xff\xdd\x11J\x0c\xce\xee{\xfe\x8a\xaaV\xa7\xd0\x9a\xd5\xeba\xf7i\xbf`\x07`\xdf$J?+Th\xac\xb7\xf7\xc2\xe1\xc3\x97GFN\x9a&lt;\xb9^\xadZ\x08!Q\x14y\x9e\x870 s\x84\x10\x9e\xe7\'L\xfc\x81\x98\xdc;\xb6\x1am2\xa5#d\x07YuJ\xa9\xc0\x0beJV\x1e3=p\xdf\x9f{\xbe\xf9\xba\x01\xc4\x00;\x05;\x00{\xc5v\x00\tIIU\xcb\x96\xdd\xd5\xa4IaW\xd7U\xa7O\xcf\xb9|\xf9s\x7f\xff\x19\xd3\xa6\x15\xf1\xf6Fp0 o,\xdb\xf3\xf4\xe9\x93\xcf+T\xea\xdez\xae\xb7W\x89LS:\xb6\x93\\\n\x91Dw7\xcf\xed\xfb\x96?J\xdb\x7f\xf4H,\xa5\x14\xee4{d\x1fw\x1bx\x0b\x8c\xb1\xd1lN1\x99ZW\xaa\xb4;$\xa4\xc8\xb9s\x8dj\xd5\x1a1n\\VV\x16\xcf\xf3\x84\x10{I++\rK\x9d\x0f\x18\xd4\xb7x\xa1/K\x17\xaf\x9ciJ\xe7y\x81\xc3\x9c]\xfc\x9f \xa8SR\x13\x1b\x7f\xdd\xfe\xc6\xe5\xf8\xf0\x88\x85&lt;\xcfK\x92d\xebO\x14\xbc7\x08\x00\x8e\x80\xc3\x98\xc38)3\x93"4\xe1\x9bo\xa2\xeb\xd6\xbd\xbd|y\xa5\xca\x95\xd7m\xd9\xc2q\x1c\xc7q\x92$\xc1VOV\xd8\xe6\xec\xcf?\xf7n\xdfr\xa0U\xd3\x81\xa9\xa9\x89\x9c\xdd\xad\xa01\x16-Y\xa1\xcdF\xfd0v|bb"\xc6\x90N\xb0?\x10\x00\x1c\x07\x8f1\xa5\xf4\x99\xd1\xe8i0,\x0b\t\x99\\\xac\xd8\xcc\xee\xdd\xeb5hp\xf2\xdc9v\x1e\x00a@V\x08!#G\r\xff\xbaF{w\xb7\x82\x16\xc9"\xff\xb3\xdfWp\x98\xcb0\xa5U\xa9P\xcfE[b\xea\xb4\xc9vT\xc2\x04r@\x00p4\x02\xc7e\x89\xe2\x93\xb4\xb4z\xc5\x8b\xff\xd1\xbau`z\xfa\xf7\r\x1at\xea\xd5\xeb\xd1\x93\'9a\xc0\xd6\xd7\xa8tl\xf9\xbfdi\xf8\xcd+\x89M\x1atNIM\xe09{[\xfe#\x84\x10\xc2\x987\xa6\'wj9\xee\xb7\xb0\x88\xab\xd7\xae@\x0c\xb0;\x10\x00\x1c\x10\xc6X\xe0\xb84\xb39\xc5d\xea\xee\xe7\xb7\xb3ys\xed\xc1\x83\xdfT\xaf&gt;e\xc6\x0cI\x14\xe1`\xc0\xb6\xd8&amp;,9%y\xd2\xa4\xc9-\x02\x06b\xc4\xd9\xef\xa6\x0ccl\xb6\x98\n{\x95\xa8R.p\xf8\xf0!\x90\x05\xb2;\x10\x00\x1c\x16;\x18HLO\xe70\x9e\xe9\xef\xbf\xbcv\xed#\xb3g\x7f\xf1\xe5\x97\x9b\xb6og\x07\x03\xa2(\xc2\xd7\xd5\xfa\xd8\xf2\xff\xa7\x9f~\x14\xc4OjV\x0b0\xa6?\xe7\xb0\x1d\x7f\ryNHMKl\x1d4h\xef\xcec{\xf7\xed\x86\xd3`\xfbb\xc7w\x1ex\x17&lt;\xc7QJ\x9f\xa4\xa5y\xbb\xba\xaek\xd5j\xa0\x9b\xdb\xd4N\x9d\x02\x82\x83\xcf\x9c?/\x08\x02\xc6\x18\xc2\x805\xb1\xc2\xff\x1b7\xaf/^\x18\xd9\xa9\xf5\xf8\xf4\xf4T\x8c\xed2\xf9\xf32\x89HZ\x8dS\x8b&amp;\xc3\x06\x0f\x1e$\x8a"\xc2\x08\xee({\x01\x01@\x11\x04\x8e3\x8b\xe2S\xa3\xf1\xbb\xb2e\xb7\xb5jU\xe3\xfe\xfdV_\x7f=p\xe4\xc8\'O\x9f\xb20\x00\xab6\xeb`oo\x0c\x192\xd0\xa7h\xfdO\x0b\x952[2\xe5\xff\xda\xd7\x7f\xe28\xde\x98\x9e\\\xc7/\xe8\xe9\xfd\xac\xb9\xf3f\xf3\x1c\x0f\tF{\x01\x01@)\xd8\xc1@RffzV\xd6\xd0:u\xb6~\xf7]\xe6\xa6Mu\xfc\xfcf/X@$\x89\xe7yQ\x14\xe1{\x9b\xa7X\xf2g\xef\xbe\xdd{v\x1c\rm&gt;455\x91\xe7\x1c\xe4U|\x8a\x90(Z:\xb6\x1c?q\xc2\xe4\xa4\xa4$\x8e\x83\xc3\x00\xfb\x00\x01@Yx\x8c9\x8c\x9f\xa4\xa59\xa9Ts\x02\x03\xc3\xabW\xdf5eJ\xb5\x1a5\xb6\xee\xdc)\x08\x02\x1c\x0c\xe4\x1dJ)\xc2(++k\xf0\xe0AM\xbf\xed\xadU;I\xc4qv]\x1c\xe62M\xc62%\xaa\x16-\xe87b\xd4P\x8c\xa1\x1c\xc8&gt;@\x00P"\x81\xe3$J\x1f\xa5\xa6\x96\xf5\xf0X\xd7\xa6\xcd@7\xb7\xd1\xed\xda\x85\xb4kw\xf9\xea\xd5\x9c\x83\x01[_\xa3\xa3!\x84\xf0\x1c\xbf42\xe2\xc1\xdf\xc6\x86_\xb5K3&gt;\xe7\xec\xb3\xf4\xf3M0\xe622\xd3B\x9b\x8fX\x11\xb9\xfa\xca\x95\xcbP\x12j\x17 \x00(\x14FH\xe0\xb8\x0c\x8b\xe5iZ\xdaw\xe5\xca\xedl\xd5\xaa\xfc\x95+A\xf5\xeb\x0f\x193&amp;99Y\x10\x04\n\xa5\xa2\xb9\x87\xa5\xfe\x13\x13\x13\xc6\x8e\x19\xd7&gt;d\xach\xc9\xa2v\x9f\xf9\x7f\x15\xc68\xcbb\xf6\xc8_\xb8\xee\x17\xedz\xf4\xea\n%\xa1v\x01\x02\x80\xa2q\xd9\x07\x03\x12!#\xeb\xd5\xdb\xd0\xb0\xe1\xf3\x98\x98\x1a\xd5\xab\xcf]\xb4\x08C\x0f\x89\xdcC\x08\xe18n\xdaO?z\xba~^\xa9|\xdd\x0c\x93\xd1\xaeK?\xdf\x84\xe3x\xa31\xf9\xbbF=.\x9e\xb9\xf7\xc7\xf6\xadP\x12*\x7f\x0ex\x17\x82\xf7\xc5c\x8c\x10z\x92\x96V\xc0\xc9i^P\xd0\xdc\xf2\xe57\x8c\x1f_\xb7~\xfd\xbf\x8e\x1ca/\x0f\xc3\xc1\xc0\xc7`O\xff\xcbW.\x85\xcd\x0bo\x1f2\xda\x98\x9e\x82\x1d\xf1\xe9\xcfHDR\xab\xb4\xcd\x1b\x0e\xec\xd3\xb7wVV\x16\xec\x03d\xceaoD\xf0\xbe\x04\x8e\xcb\x92\xa4\xa7ii\x95\x0b\x17\xde\xdc\xb6m;J{5k\xd6\xaa}\xfb{\x0f\x1e@\xa9\xe8\xc7`\xf9\x9f\xde\xbd{\xd4\xa9\xd2\xc6#\x7fa\x8b\xc5\xec\x00\xa5\x9fo\xc2q|\x9a\xf1y\xcdj\xfe\xc8T\xe0\xc7\xff\x9b\x04\'\x012\x07\x01\x00\xfc\x83\x1d\x0c\x18\xcd\xe6\xc4\x8c\x8c\xd6\xbe\xbe\xd0\\\xfa\xe3\xb1\xd2\xcf?\xb6o=y\xfcJP\xa3\x1eFc\xb2\x83\x9d\xfd\xbe\x06\xc6\x16\x8b\xa5u\xd0\xb09s\xc2\x1e?y\x8c1\x86{F\xb6 \x00\x80Wq\x18\xf3\xffj.]\xa5J\x95\xdfW\xac\x80\xe6\xd2\xef\x85\xad\xfdEQ\xec\xd7\xafoH\xe3\xa1j\x95\xd6\x91J?\xdf\x84\xc3\\\xa6)\xadL\x89*%\x0b\xd7\x1d4\xb8\x1f\xc7qp\xb7\xc8\x16\x04\x00\xf0z/7\x97^\x1a\x1c&lt;\xbdD\x89\x88a\xc3\xbe\xfa\xe6\x9b\x9c\x83\x01\x08\x03\xff\x89e\xff\xe7\xce\x9b\x9d\x99\xa2\xab\xed\xd74=#\xc5\xf1\x97\xff\x08!\xd6%4#\xb5E\x93~\xdb6\xef\x8d;\x11\x0b\x89 \xd9\x82\x00\x00\xde\x865\x97\x8e7\x1a\xbf(R\xe4\x8f\xd6\xadC%\xa9\xfbw\xdfAs\xe9w\xc1\x96\xffIII\x93&amp;Ni\x1f2V\x14-\xca\x89\x96\xac$\xd4\xb3\xc0\xa7\xf5\xfc\xda\xf7\xef\xdf\x07\x8e\x82e\x0b\x02\x00\xf8\x0f\x18c\x9e\xe3r\xa6N\xee\t\t\xc9i.\r\x07\x03o\xc1\x96\xff\xc3G\x0c.\xfdi\xbd\xb2%\xabe:h\xe9\xe7\x9b\xf0\x1c\x9f\x92\x9a\x10\xd8\xa0\xcb\x9d\xeb\xc9\xab\xa2\x96CI\xa8&lt;)\xe8\x8e\x04\x1f\xe3\xc5\xd4\xc9\x8c\x0c\x8c\xf1L\x7f\xffe\xb5j\x1d\xff\xf5\xd7\xaaU\xaa\xe4L\x9d\x84R\xd1\x97\xb1\xa7\x7f\xdc\x89\xd8\xa8\x95\x1b\x82\x03\xfa\x1a3R\x1d\xb8\xf4\xf3M(B\x1c\xe6\x9b~\xdb{\xe4\x88Q\xc9)\xc9\x08A\x97P\xd9Q\xdcM\t&gt;\x06;\x18x\x92\x96\xe6\xed\xe6\x16\xd3\xaa\xd5\x84\xa2Es\xa6NBs\xe9\x97\xb1\xfcO\xbf\xfe\xbd\xbf\xae\xd1\xd1\xb3\xc0\xa7Y\x0e]\xfa\xf9&amp;\x1c\xe6\x8c\xe9\xcfk}\x11(\x90B\xd3\xa6M\x81M\x80\x0cA\x00\x00\xef\xed\x95\xa9\x93M\x8c\xc6\xef\x1b4\x188r\xe4ch.\x8d\x10\xca.\xfd\x8c\x8a^y\xe3\xf2S\xff\xfa\xedS\xd3\x92\xect\xe2\xe3\xc7\xc3\x98O\xcfLk\xd7|\xf8\xc2\x05Kn\xdc\xb8\x0e\xa7\xc1r\x03\x01\x00|\x88\x97\xa7N\xf6\xa8^}W\xf3\xe6/\x9aK/\\\xa8\xf0\xa9\x93l\xedo\xb1XF\x8d\x1a\xd9\xac\xe1\x00\x8dZG\x14P\xfa\xf9&amp;\x18c\x939\xbd\xd4g\x95J\x7fZw\xf4\xd8\x11P\x12*7\x10\x00\xc0\x87\xcb\x99:\x891\x9e\x13\x18\x18Q\xbd\xfa\xce\xc9\x93\xfd\x94=u\x92e\xff\'O\x19\x8f\xb3&lt;\xbe\xac\x16\xe0x]?\xdf\x17\xc7\xf1)\xa9\x89\xad\xbf\x1b\xbc}\xcb\x81}\x7f\xee\x81D\x90\xac@\x00\x00\x1f\x8bM\x9dd\xcd\xa5\xd7\xb7i3\xe0uS\'m}\x8dVB\x08\xc1\x18?~\xfch\xc1\xfc\xdfC\x9b\x8dRf\xea\xff\x15\x18aQ\xb2\xb8\xb9x\xf8\xd7\xed&gt;v\xec\x18e\xee\x0be\x0b\x02\x00\xc8\x1d\xff4\x97.[v[\xabV5\xb3\xa7N\xa6\xa4\xa4\xb0\xe6\xd2JX\xf7QJ9\x8e\x1b0\xa8o\xf1B_\x96.Q93\xd3\xa8\xc0\xe2\x9f\x7f\xe38&gt;%5\xa1\xf1\xd7\x1dn\\\x8e\x0f\x8fX\x08\x9b\x00\xf9\x80\xbb\x13\xe4\x1a\xee\xa5\xa9\x93C\xea\xd4\xd9\xd6\xacY\xea\x86\r\xd5\xfd\xfcXsi\x9e\xe7EIr\xe0\x05 ;\xfb\xfd\xf3\xcf\xbd\xdb\xb7\x1ch\xd5t`jj"\xc7+:\xf9\xf3?0\x16-Y\xa1\xcdF\xfd0v|bb"\xbc\x1a&amp;\x13\x10\x00@.{y\xea\xe4\xbc\xa6MYs\xe9:\xf5\xebo\xdb\xb5K\xe0y\xc7&gt;\x18 \x84\x8c\x1c5\xfc\xeb\x1a\xed\xdd\xdd\nZ$\x0bFJ\xcf\xff\xe4\xe00\x97aJ\xabR\xa1\x9e\x8b\xb6\xc4\xd4i\x93\xa1\x1cH&amp; \x00\x80&lt;!p\x9cH\x08k.\xbd\xb1m\xdb.\x18\x8f\x0e\r}y\xea\xa4\x83%\x01\xd8\xf2\x7f\xc9\xd2\xf0\x9bW\x12\x9b4\xe8\x9c\x92\x9a\xa0\xd8\xd2\xcf7\xc1\x987\xa6\'wj9\xee\xb7\xb0\x88\xab\xd7\xae@\x0c\x90\x03\x08\x00 \xaf\xe44\x97~\x9e\x91\x11\\\xb1\xe2\x8e\xff\x9d:\xe9H\xa5\xa2lC\x93\x9c\x92&lt;i\xd2\xe4\x16\x01\x031\xe2\x1cs\x83\xf3q0\xc6f\x8b\xa9\xb0W\x89*\xe5\x02\x87\x0f\x1f\x02Y 9\x80\x00\x00\xf2\x16k.\x9d\x98\x91\xf1\xf2\xd4I\xbf\xea\xd5\x1d\xa9\xb94[\xfe\xff\xf4\xd3\x8f\x82\xf8I\xcdj\x01\xc6\xf4\xe7\x8aj\xfb\xf3\xeexNHMKl\x1d4h\xef\xcec{\xf7\xed\x86\xd3`\x9b\x83\xdb\x14X\xc3\xcbS\'\xc3\x82\x82\xe6\x96+\x171lX\xbdo\xbe9`\xffS\'\t!&lt;\xcf\xdf\xb8y}\xf1\xc2\xc8N\xad\xc7\xa7\xa7\xa7b\x0c\xc9\x9f7\x92\x88\xa4\xd58\xb5h2l\xf0\xe0A\xa2("\x0c\r\x82l\t\x02\x00\xb0\x1e6u\xf2IZZUo\xef?Z\xb7n#\x8a\xbd\xed\x7f\xea${\xf5w\xc8\x90\x81&gt;E\xeb\x7fZ\xa8\x94\xd9\x92\t\xb5\xffo\xc1q\xbc1=\xb9\x8e_\xd0\xd3\xfbYs\xe7\xcd\xe69\xde1\xd2\x80v\n\x02\x00\xb0\xaa\x9c\x83\x81\x14\x93\xa9M\xa5J\xf6&gt;u\x92%\x7f\xf6\xee\xdb\xbdg\xc7\xd1\xd0\xe6CSS\x13yN\xb0\xf5E\xc9\x1dEH\x14-\x1d[\x8e\x9f8arRR\x12\xc7\xc1a\x80\xcd@\x00\x006\xf0\xa2\xb9\xf4\xffN\x9d\xacT\xb9rNsi\xbb8\x18\xa0\x94"\x8c\xb2\xb2\xb2\x06\x0f\x1e\xd4\xf4\xdb\xdeZ\xb5\x93\x12&amp;&gt;~&lt;\x0es\x99&amp;c\x99\x12U\x8b\x16\xf4\x1b1j(\xc6P\x0ed3\x10\x00\x80\xcd\xbc&lt;urYH\xc8\xe4b\xc5r\x9aK\xdb\xc5\xd4IB\x08\xcf\xf1K##\x1e\xfcml\xf8U;h\xfb\xf3\xee0\xe622\xd3B\x9b\x8fX\x11\xb9\xfa\xca\x95\xcbP\x12j+\x10\x00\x80\x8d\xbd\xd2\\:0=\xfd\xfb\x06\r\xe4?u\x92\xa5\xfe\x13\x13\x13\xc6\x8e\x19\xd7&gt;d\xach\xc9\xa2\x90\xf9\x7fglf\xa4G\xfe\xc2u\xbfh\xd7\xa3WW(\t\xb5\x15\x08\x00\xc0\xf6^n.\xdd\xdd\xcfog\xf3\xe6\xf2\x9f:\xc9\xba~N\xfb\xe9GO\xd7\xcf+\x95\xaf\x9b\xa1\xb0\x89\x8f\x1f\x8f\xe3x\xa31\xf9\xbbF=.\x9e\xb9\xf7\xc7\xf6\xadP\x12j\x13p\xcb\x02\xb9\xc8i.\xcd\xbd4u\xb2\x8a,\xa7N\xb2\xa7\xff\xe5+\x97\xc2\xe6\x85\xb7\x0f\x19mLO\x81\xa6o\x1f@"\x92Z\xa5m\xdep`\x9f\xbe\xbd\xb3\xb2\xb2`\x1f`}p\xd7\x02ya\xcd\xa5s\xa6NN*Ztz\xb7n\xaf4\x97\xb6\xf9c\x82\xe5\x7fz\xf7\xeeQ\xa7J\x1b\x8f\xfc\x85-\xd0\xf6\xf9\x83p\x1c\x9ff|^\xb3\x9a?2\x15\xf8\xf1\xff&amp;\xc1I\x80\xf5A\x00\x00r\xf4\xcf\xc1@\x89\x12\xdbZ\xb5\xaa\x91\xdd\\\xfa\x89\x0c\xa6N\xb2\xd2\xcf?\xb6o=y\xfcJP\xa3\x1eFc2\x9c\xfd~8\x8c-\x16K\xeb\xa0as\xe6\x84=~\xf2\x18c\x0c1\xc0\x9a \x00\x00\x99b\x07\x03)&amp;SzV\xd6\xd0:u\xb6~\xf7\xdd\x8b\xa9\x93\x0b\x16\x10I\xe2y^\x14E\xeb?,\xd8\xda_\x14\xc5~\xfd\xfa\x864\x1e\xaaVi\xa1\xf4\xf3cp\x98\xcb4\xa5\x95)Q\xa5d\xe1\xba\x83\x06\xf7\x83\x99\x91V\x06\x01\x00\xc8\xda\xcb\xcd\xa5\xe7\x04\x06\x86W\xaf\xbek\xca\x94j5jl\xdd\xb9S\x10\x04\xeb\x1f\x0c\xb0\xec\xff\xdcy\xb33St\xb5\xfd\x9a\xa6g\xa4\xc0\xf2\xff#a\xcc\x1b3R[4\xe9\xb7m\xf3\xde\xb8\x13\xb1\x90\x08\xb2&amp;\x08\x00\xc0\x0e\x08\x1c\'eO\x9d\\\xd7\xa6\xcd@7\xb7\xd1\xed\xda\xbd\xdc\\\xda:S\'\xd9\xf2?))i\xd2\xc4)\xedC\xc6\x8a\xa2\x05\x16\xab\x1f\x8f\x95\x84z\x16\xf8\xb4\x9e_\xfb\xfe\xfd\xfb\xc0Q\xb05A\x00\x00\xf6\x01\xbf&lt;u\xb2\\\xb9\x9d\xff\xdb\\\xda:S\'\xd9\xf2\x7f\xf8\x88\xc1\xa5?\xadW\xb6d\xb5L(\xfd\xcc%&lt;\xc7\xa7\xa4&amp;\x046\xe8r\xe7z\xf2\xaa\xa8\xe5P\x12j5p\xfb\x02{\x923u\xf2\xe5\xe6\xd25\xaaW\xcf\x99:\x99w\x7f4\xeb\xfa\x19w\xe2\xf8\xaa\x15\xeb\x82\x03\xfa\x1a3R\xa1\xf43\x17Q\x848\xcc7\xfd\xb6\xf7\xf0\xe1\xc3SRS\xe00\xc0:\xe0\x0e\xb6o\x94RJ\x08\xa7\xb0\x1a\xc4\x97\x9bK\xcf\x0b\n\x9aU\xb6\xec\xe6\x89\x13\x9b\x07\x06\xee\xd8\xb1#+++\xef\x1e\x1cYYY\x03\x07\x0chT\xbb\x07\x94~\xe6:\x0es\xc6\xf4\xe4\x9a\xd5\x1a\xbb\xa8JO\x992\x11\xca\x81\xac\x03\x02\x80\xbdb\xa9R7\x17\x97\xfcE\x8a\\y\xfaT#\x08J[1\t\x1c\x97i\xb1&lt;NK\x0b(SfEp\xf0\xa5\xed\xdb\xbf\xef\xd8\xf1\xde\xdd\xbb\x08\xe5~\x8byJ)\xc7q\xcf\x9e==y\xeaL9\x9f\xeaf\xb3\t\xc1\xd3?\xb7Q\x84\x10\xc5&gt;%\xabm\xd9\xb2E\x14E\x88\xafV\x00\x01\xc0\x8eQJU*\x95\xc6\xd9993S\xe0\x945\x86\x90P*\x12\x92_\xafw\xd5h&amp;\xee\xdd[g\xf5\xeaV\xe3\xc6]\xbbt\xa9d\xa9R\x08\xa1\\\x7fv\xb07\x0f\xbc\xbd?\r\ti\xb6z\xf3t\xb5Z\x83\x14\xf5q\xe7=\x8a\xa8\x8aW\xa5\x1a\x13v\x1c\x88\x181b\xa4\xa0\xbc\x05\x8dM@\xefr\xbbG\tQ\xd4\xd3\x9f"$\x11\xe2\xacV;i4\xeb/^\x9c\x7f\xf6l\x81\xda\xb5\xd7.YR\xa5bE\x94]\xa8\x93\x17\x7f.\xdbr\xcd\xf95\xach\xb1\xc2\xc7O\xef\xf8\xc2\xb7azF*\xc7\xc1\x12*w\x10B\\]\xf2\x87G\x8d\xadX\xa5D\xd7.\xdd\xd9\x89\x8b\xad/\xca\xf1A\x00p\x04\xcay\xfa\x8b\x84\xa8y\xbe\xa0\x8bK\xec\xfd\xfb\xd3\x0e\x1fN\xf0\xf6\x1e\x17\x19\xd9, \x00!$\x8a"\xeb\x1e\x9aG\x7f4\x9bRP\xb0`\xc1\x9f~\x9a&gt;r\xd8\xc4\xca\x15\xea\xf1\x1cG\x10\x82&lt;\xc5\xc7#\x94\xe84N\xb7\xee\x9d\x8f=\xbf\xe9\xe4\xc9\x93P\tj5\xb0~\x01\xf6\x81PJ(\xf5tvN\xb7X\x06n\xdb\xd6=6\xd6\x7f\xfc\xf8\xb8\xa3G\x9b\x05\x04\xb0^\xa1\xec\x85\x80&lt;\xbd\x06\xf6\x8eR\xff~\x03\xbd\n\x1b\xfe\xd8\xb7\xc4I\xefJ\xe15\xe0\\A\xa9Z\xad\x8e\xda4\xbdM\xdb\x96U\xabV\x95$\t\xb6V\xd6\x01\x9f2\x90;J\xa9H\x88A\xa3q\xd5j\x17\xc5\xc66\xd9\xbcY\xd7\xac\xd9\xa1\xb8\xb8\xc1\xbdz\xf1\x82\xc0\x1e\x16\xd6y^\xb0\x95)\xcf\xf3\x8b\x16E\xec&lt;\xb8()\xe5\xa9JP\xc3Z\xf5#\x11"9\xeb\xddN\x9e\xdb\xf7\xf4\xf9\x85_g\xcf#\x84\xc0\xf1\xaf\xd5@\x00\x00\xb2&amp;\x12\xa2\x16\x04/\x83\xe1\xc0\xed\xdbM\xd6\xac\xd9\xe6\xe4\xb4v\xdf\xbe9?\xff\xecU\xb0 k\x02a\xe5L1{G\xc9\xbfQ\xe3\xba_}\x19\xb5i\xba\x93\x93+\xa5P\xad\xf8\xe1(B\x1c\xc7K\xc4\x12\xb5\xe5\xa7Q#\xc7\x14,X\x90\x15\\\xd9\xfa\xba\x94\x02\xce\x00\x80LI\x84\x08&lt;\xefe0\\z\xf2\xa4\xfb\xc1\x83\xf7\xdc\xdc&amp;\x84\x87\xb7\x08\nB\xd9\xe9~A\xb0\xcd\xdd\xcb\xf6\x01\x8b\x17-)S\xa6\xcc\xa5\xeb\xc7J\x16\xf1\xcd\xcc\xca\x80W\x82?\x0c%\x92\xc1\x90o\xc3\x8e\xf9n\x05\xb81c~`\xefZ\xdb\xfa\xa2\x14\x04&gt;k ;,\xdd\x9f\xdf\xc9\x89P:t\xe7\xce\x8eG\x8e\xd4\x184\xe8\xd4\xe9\xd3-\x82\x82\xac\x96\xee\x7f\x0bv\x12\xe0\xe3\xe33l\xf8\xe0\xc8\x98Ij\xb5\x16A\x16\xe8\x83PJU\x82:)\xf9\xe9\xce\x83\x8b\xc2\x17/Q\xa9TyW\xc4\x05^\x0b\x02\x00\x90\x91\x97\xd3\xfd\xe1qq\xfe\x1b7\x9a\xea\xd6\xdd\x17\x1b;n\xd80\xb5Zm\xcdt\xff\xdb\xb1\x180f\xf48\x89K\xfa\xf3\xe8\x1a\x17\xe7|\x04N\x83\xdf\x1f\xa5\xc4\xc9\xc95j\xd3\xf4\xba_}\xe9\xdf\xa81\x1b\xb4`\xeb\x8bR\x16H\x01\x01\xb9\x10\t\xd1\xa9T\xaeZ\xed\x8ek\xd7f\x9e&lt;\xa9\xa9Xq\xe5\x9e=\xd5|}\x11B\xec\xd1/\x9f\xa7\x03kT\xe0\xee\xee&gt;k\xd6\xec\x9e\xdd\x06~\xe1\xdb\x80\xe7\x05B\t\x86\xa2\xd0w\xc6J?/]?v\xfe\xda\x9e\xab\x9b\xaf\xc2\xda\xdf&amp;l\xbf\x98\x02@\xa2\x14c\xec\xe9\xec\xfc,-\xad\xe3\xfa\xf5\xe3\xef\xdc\x19\x1a\x1e~`\xcf\x9ej\xbe\xbe\x92$\xb1\x93^\xb9=\x1d\xd8ip\x97\xce\xdd*\x7f\xe1\xb3v\xdb\\WC~\xd8\x04\xbc\x17\x8c\x90Z\xad\x8d\x8c\x994l\xf8`\x1f\x1f\x1f\xc8\xfe\xdb\x04|\xe2\xc0\x96X\xba?\x9fN\x87\x11\x9a\xb4o_\xdb\x83\x07\x8bw\xe8p\xf6\xcc\x99\x9ct\xbf\x0c\x1f\xfd/\xc3\x18\xff2}\xf6\xf1s\x9b\xee&lt;\xb8\xa4U\xeb\xa1$\xf4\x1d\x11"9\xe9]\xff&lt;\x1a#qIcF\x8f\x83\xa7\xbf\xad\xc0\x87\x0el\x83R*\x11\xe2\xac\xd1\xb8j\xb5\xab\xcf\x9em\xb8~\xfd=_\xdf]G\x8eL\x9f2EV\xe9\xfe\xb7`\x9b\x80z_\xd5k\xd12h\xe5\x86\xe9z\xbd\x81R\xd8\x04\xbc\x13\x8e\xe3-\xa2i\xf5\xd6_f\xce\x9c\xe5\xee\xee\x0e\xf9\x1f[\x91\xf5\x17\x0c8*V\xdd\xef\xe1\xec|\xe2\xde\xbd&amp;k\xd6D\x0b\xc2\x82M\x9bbV\xac(\xe2\xedm\x93\xea\xfe\x0f\xc6\x0e\x03\xa6M\xfd\xe5a\xc2\xd9\x93\xe7\xf6:\xe9\xdd\xa0\x89\xf1\x7f\x92\x88\xe8j\xc8\xbfv\xdb\\\x9fr\xde\x1d;t&amp;\x04\xde\xfb\xb5\x19\xf8\xdc\x81UI\x94"\x84X\xba\xbf\xf3\x86\r#n\xdd\xea6c\xc6_\xfb\xf6\xd5\xabU\x8b\xa5\xfbm[\xe2\xf9\xbe\xd8\xdc\x92\x12%J\x8c\x1a5r\xc5\xc6\x1f%)\x0b\x9eeoG)\xd5\xaa\xf5w\x1f^&gt;xb\xf5\xc2\x05\x11*\x95\x8a\xd2\xdc\xef\xde\n\xde\x11\xdc\xac\xc0J\x08\xa5\x12\xa5\xf9\xf4z\x15\xcfO\xccN\xf7\x9f&gt;}\xbak\xfb\xf6v\x91\xee\x7f\x13\xd6$n\xec\x98q.\xeeh\xf7\xa1h\x83\x93\xbb\x04\xa7\xc1oF)\xd1\xeb\r+\xd7\xff\xdc\xb2\xd5w_\xd5\xfd\nJ?m\x0b\xca@A\x9ec\r\x9c]\xb4Z\x81\xe77^\xb80\xf3\xec\xd92\x8d\x1b\xef\xfa\xe9\xa7"\xde\xde\x08!{\x7f\x04\xb0\xa0\xa5R\xa9f\xcd\x9c\x13\xda\xb6C\xadjM\xb4j\'Q\x82y&amp;\xafA(q\xd2\xbb\x9e&lt;\xb7\xe7q\xd2\xf9iS\xa3\xa1\xed\x8f\xcd\xc1\x0e\x00\xe4\xad\x17\r\x9c\r\x863\x0f\x1f6\x8f\x8e^B\xc8OQQ\xebV\xae\xb4\xbbt\xff[\xb0\xd3\xe0\xd6\xad\xdbT\xfd\xa2\xc2\x86\xed\xf3\xa1A\xd0\x9b`\x840FQ\x9b\x7f\x194x`\x89\x12%\xa0\xf8\xc7\xe6\xe0\xd3\x07y\x85\xa5\xfb\xbd\x0c\x86\x84\xf4\xf4\xfe[\xb6\x0c\xb8t)x\xf2\xe4C\xfb\xf7\x076j$\xdaa\xba\xff\xedX\x83\xa0\x05\xbf-\x8e=\xbf\xe9\xe6\x9dsZ\x8d\x13\x81\x18\xf0\xbf$"\xb98\xe7\xdby`\x85\xde\xc5&lt;j\xe4X{\xdf\xf99\x06\x08\x00 \xf7\xb1t\x7f~\xbd\x9e\xe7\xb8\x9f\x0f\x1c\x08\xde\xbd\xdb\xbdU\xab\xe3\xb1\xb1\x03z\xf6\xa4\x84H\x92$\xd8g\xba\xff-Xs\x88\xaaU\xabu\xef\xd1</t>
        </is>
      </c>
    </row>
    <row r="171">
      <c r="A171" s="1" t="n">
        <v>169</v>
      </c>
      <c r="B171" t="inlineStr">
        <is>
          <t>shape_size_hexagon</t>
        </is>
      </c>
      <c r="C171" t="inlineStr">
        <is>
          <t>What is the size of the missing shape denoted with a question mark if it is a triangle?</t>
        </is>
      </c>
      <c r="D171" t="inlineStr">
        <is>
          <t>['large', 'small', 'medium']</t>
        </is>
      </c>
      <c r="E171" t="inlineStr">
        <is>
          <t>medium</t>
        </is>
      </c>
      <c r="F171" t="inlineStr">
        <is>
          <t>There are 7 shapes with different sizes in the image, of which there is a missing triangle in the center. The other shapes are arranged around the center, which are ['triangle', 'square', 'hexagon', 'triangle', 'square', 'hexagon'] in anti-clockwise order. Their corresponding sizes are ['medium', 'large', 'small', 'medium', 'large', 'small'].</t>
        </is>
      </c>
      <c r="G171" t="inlineStr">
        <is>
          <t>We observe that the triangles are medium size, the squares are large size, and the hexagons are small size. Hence, the pattern is that each shape appears with a distinct size.</t>
        </is>
      </c>
      <c r="H171" t="inlineStr">
        <is>
          <t>Based on the pattern that each shape appears with a distinct size, the size of the missing triangle should be medium.</t>
        </is>
      </c>
      <c r="I171" t="inlineStr">
        <is>
          <t>b'\x89PNG\r\n\x1a\n\x00\x00\x00\rIHDR\x00\x00\x02\x00\x00\x00\x02\x00\x08\x02\x00\x00\x00{\x1aC\xad\x00\x006\x05IDATx\x9c\xed\xdd}|U\xc5\xbd\xef\xf153ko $$\x01D\xac\x8f5\x02\xadZN\x81\xdb\x96V\t\xf8\x04\x96\xb6\xda^\xb5\x05\xd4\x03^\xad\xd8j#OQP\x83\x97\x80\x8a\xf2L\xb5\xe7\xd0\xd3sm\x0f\xe5\xe1\x88\xb6rk\xbdJ\x8b\xf2 \xad\xd7\nj\x0b\xb6\x88QO[\xaf)\xb5$!!@\xf6\x9a\x99\xfb\xc7\xc0n\x04\xb5B\xb2\xb3\xb3\xd6|\xde/_}U\x82\xc9\xca\xde{\xd6w\x1e~kFXk\x03\x00\x80\x7fd\xbe/\x00\x00\x90\x1f\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cc\xf7\x05$\x99\xb56\xdf\x97\x90\x04B\x88|_\x02\x90L\x82\x9b\x14\x00\xf8\x89\x11@\x0e555e2\x19!H\xd9\xe3\xe4^\xba\xa2\xa2\xa20\xe4\x83\n\xb4?\xeeM9a\x8c\x91R^v\xd9e\xcf=\xf7\x9c\x94\xd2\x18\x93\xef+\x8a%\x17\x00k\xd7\xae\x1d6l\x98\xd6Z)\x95\xef+\x02\x12\x85\x8eU\x0e544\xd4\xd5\xd5\xe5\xfb*b/\x93\xc9\xe4\xfb\x12\x80d"\x00r(\x0cC!\x84RJk\x1d\xb0\x98\xf9\x91eG\xa5n\xf0\xc4\xeb\x06\xe4\x08\x01\x90C\xb6\x95\x80\xa2\xa0c\x97}\xe9\x00\xe4\x02\x01\xd0q\n\xbb\x17\xa4R!w\xb4\x0f\'\x02\xd1\xb8o_\x14\xe9|_\x08\x90|\x04@GpS\x19\xcb\x1f\x9c3\xfc\xc2\xf33{\x9b\x94\xe2\xf9\xbb\xf7g\x8c\t\x0b\x0b.\xff\xc6\xb77\xff\xdfmJ)\xc2\x12\xc8)\x02\xa0\xe3\x14\xf7(*\xed\xdd\xd3\xa4BI\x00|\x00k\x8c(,L\xa5\xf8X\x02\x1d\x81\x96\xd6q\xa2(\xb2\x99L&amp;\x13)C\x00\xbc?cL*\x93\xa1\xe3\x0ft\x0c\x02\xa0\xe3\x88V\xf2}-\x9d\x14/\x0e\xd0\x91\xe8\x8a\x02\x80\xa7\x08\x00\x00\xf0\x14\x01\x00\x00\x9e"\x00\x00\xc0S\x04\x00\x00x\x8a\x00\x00\x00O\x11\x00\x00\xe0)\x02\x00\x00&lt;E\x00\x00\x80\xa7\x08\x00\x00\xf0\x14\x01\x00\x00\x9e"\x00\x00\xc0S\x04\x00\x00x\x8a\x00\x00\x00O\x11\x00\x00\xe0)\x02\x00\x00&lt;E\x00\x00\x80\xa7\x08\x00\x00\xf0\x14\x01\x00\x00\x9e"\x00\x00\xc0S\x1c\n\x0f$\x90\xb5\xb6\x1d\xbf\x9b\x10\xa2\x1d\xbf\x1b:\x0f\x02\x00H\x1ak-\xb7l|\x14\x04\x00\x904B\x88\xfd\xfb\xf7\x1f8p@\x08\xd1\xc6\xa1\x80\x0b\x92\x92\x92\x12B%\x91\x08\x00 9\xdc\xed\xbe\xae\xaen\xe8\xd0\xa1\xef\xbe\xfbn\xdb\x03@)\x15E\xd1\xed\xb7\xdf&gt;}\xfat\xad\xb5R\xaa\x9d\xae\x14\x9d\x02\x01\x00$\x871F)\xb5p\xe1\xc2]\xbbv\xb5\xe3\xb7\x9d7o\xde\x84\t\x13\xfa\xf4\xe9c\x8c\x91\x92\xca\x91\xe4\xe0\xbd\x04\x12\xc2\xdd\xfdw\xed\xda5o\xde&lt;\xa5\x94\x94R\x08!\xdbF\x08\x91J\xa5\xf6\xec\xd93c\xc6\x0c)e\xfb\xae-#\xef\x08\x00 !\xdc\xdd\xf9\xce;\xeflii\t\x82\xc0\x18\xe3\xfe\xb7-\xac\xb5\x99LFJ\xb9j\xd5\xaa\xad[\xb7J)\xdd\xb7E20\x05\x04$\x81\x9b\xa0\xdf\xb8q\xe3\x9a5k\x94RZk\x11\x04\xd6\xda\x1e\x85\xdd\x95R68\xc6\x9e\xbb\r\x84\x92\r\r\x8d\xeev/\x848x\xf0\xe0\xd4\xa9S7l\xd8@\x00$\t\x01\x00\xc4\x9e+\xd1q\xf7h\xb7\xf0\xab\x94\xd4\xda\\4\xecs\xab\x7f\xb8\xc8\x1e8 \x84&lt;\xa6\n\x1emL\xaa\xb0\xfb\xe6\x8d\xbf\xfe\xef\xffcJ\xf0\xdet\xb9\xea\xaa\xabX\rN\x0c\x02\x00\x88=7\xfb\xbfz\xf5\xea\xad[\xb7\xba\xee\xbf\x942\x0c\xd5w\xef\x9d\xde\xfb\x84^v_\xb3\x9028\xb6A\x80\xb0:\xba\xec\x1b\x97\x8d\xfd\xd9/~\xfc\xe8\xcf\x95R\xd9\xf9\xa5\xcb/\xbf&lt;\x0cC\xaaB\x93\x815\x00 \xde\xdc\xbdx\xcf\x9e=\xd3\xa7Ows\xf4J)c\xcc\x8d\xd7\\\xf1\xc9O\x9fs\xb0\xae^k\x1de2Q&amp;:\x96\x7f2\x99\xc8\xe8\xc6\xa6\x99So*\xeeQd\xad\xb5\xd6\x86a\xb8k\xd7\xae\xf9\xf3\xe7\xb3\x12\x90\x18\x04\x00\x10o\xae4s\xe1\xc2\x85\xb5\xb5\xb5\xaeWn\x8c)-\xe9Q=\xfd\x16\xd3\xdc\xac\x94\x12\xc7E)\x19\xed\xdb\xdfo\xd09\xb7\xde0\xd6\x18\xa3\x94t\x03\x8b\x05\x0b\x16\xb8\x1fD\x06$\x00\x01\x00\xc4\x98\xbb\xfb\xbb\xd2O\xd71w\xc5\x9a\xb3\xa6\xdd\xd4\xeb\x94\xbe\xd1\x81\x96\xb6L\xd4\xa8PEu\xf5\x93n\x9ePv\xc6\xa9Z\x1b!\x027\xd4\xa0$41\x08\x00 \xc6\xdc\xfc\x8f+\xfdt=wcL\xff\xb2\xd3\'^?6jh\x94m[\xaa\x15B\xe8\x96L\xe9I}\xee\x9at\x83\xb5V\x88C\x83\x80\x95+Wn\xdb\xb6\xcdM4\xb5\xd7/\x82\xbc \x00\x80\xb8r\xd58\xeb\xd6\xad\xfb{\xe9\xa7\x08\xac\xb5KfW\xa6\x0b\xba\x19\xad\xdb\xbeL\x1b\x86a\xe6ou\xd7^s\xc5\xb0\xa1\x83\xb5\xd6JI!DKK\xcb\xa4I\x93\xb4\xd6\x0c\x02\xe2\x8e\x00\x00b\xc9\xf5\xfd\xa3(\xaa\xa8\xa8h]\xfay\xc9\xf0\xa1\x97\x8e\xbe(\xb3\xb7\xb1\xbd*5\xad\xb5*\x15VW~KJ\x19\x04Bk\x1d\x86\xe1\xe6\xcd\x9bW\xae\\\xe9R\xa7]~\n\xf2\x82\x00\x00b\xc9M\xf7/[\xb6l\xe7\xce\x9dRJk\x8d\xb5A:\x9dZ2\xe76\xdb\xae7e\xa5TK}\xc3\x88KG\\s\xc5h7\xe60\xc6\x08!f\xcd\x9a\xd5\xd0\xd0\xd0\xf6\xfd\xe6\x90G\x04\x00\x10?\xd6Z)e]]]UU\x95\x9b\xf7\x97R\x19c\xa6N\xbc\xf6\x93\x83\x07f\x9a\xf6\xb5\xef\x96mB)\xb3\xafyn\xd5\xe4\x9e\xa5\xc5\xd6\x18k\xadR\xaa\xa6\xa6f\xf1\xe2\xc5RJ\x06\x01\xf1E\x00\x00\xf1\xe3\xfa\xe0UUUuuu\xee^o\xad=\xb1O\xaf)7\x8f7MMm\\\xfb=\x9a\x14"\xb3\xff\xc0Ig\x9d&gt;\xf9\x9bW\x1bk\x95&lt;\xb4\x1a\xbch\xd1\xa2\x9a\x9a\x1aV\x83\xe3\x8b\x00\x00b\xc6M\xfe\xec\xdc\xb9s\xd9\xb2e\xf2\xf0\xbd\xd8\x18s\xef\xf4[z\x9fzr\xe6\xc0\xc1\\&lt;\xa3\xabT\x18\xd55TN\xba\xe1\xac\x8f\x9f\x16i\xed*\x8e\x1a\x1a\x1a\xaa\xab\xab\x99\x05\x8a/\x02\x00\x88\x19\xb7\xfc[QQ\x11E\x91\xdb\xf0\xd9\x183x\xe0\'\xc7\x8d\xbd&lt;\xaa\xafWaN\xf6w\x11"0\x91\xeeR\xd4}\xce\xed\xdf\x0e\\\x85\xa8\xd6J\xa9\x15+Vl\xda\xb4\x89\xd5\xe0\x98"\x00\x808\xc9\x96~\xae[\xb7\xeep\xe9\xa7\xb0\xd6\xce\x9f9\xb9k\xf7\xeeF\x9b\xdcm\xd0\xa3B\x95\xa9o\xf8\xc6\xb8\xaf\x96\x7f~\x88+\tu\xd7SUU\xc5\xdd?\xa6\x08\x00 6\xde\xaf\xf4Si\xad\xaf\xfc\xf2\xc5#.\x1e\x96\xa9o\xc8\xf5&amp;\x9d6\x106\xd2\xf3\xef\x9e\x92N\xa7\xac=\x94F\x9b6m\xa2$4\xa6\x08\x00 6\x8e.\xfd4\xc6\xa4\xc2p\xce\x8c[\x02c\x82\xdco\xcf\xa9\xa4\xcc46}\xa6|\xe8\x98\xcbG\xb9]\xe7\\&amp;\xcd\x9a5k\xef\xde\xbd\xec\x0f\x11;\x04\x00\x10\x0f\xae\xf4\xf3\xed\xb7\xdf\x9e9sf\xb6\xf4\xd3Z;\xbd\xe2\x7f\x0c\x18xv\xa6\xb1\xa9cN\xeb\x15J\xe9\xc6\xa6{\xef\x9at\xf2I}\xdc\x91aR\xca\x9a\x9a\x9a\x07\x1ex\x80\x1d\xe2b\x87\x00\x00\xe2\xc1\x95~\xbe\xf0\xc2\x0b{\xf6\xecq}mkm\x18\xaa+\xbf|\xb1\xd5:\x10\x1d\xd4\x96\xa5\x10\xfa\xc0\x81\x93\x07\x9c\xf9\xd9A\xe7\xba\xbb\x7f\x10\x04R\xca\'\x9ex\xc2-Jw\xcce\xa0]\x10\x00@&lt;\xb8\x9b\xfe\xa8Q\xa3&gt;\xf1\x89O\xb8\xb9 !D\x14\xe99\x8b\xff-\xb0V\x1c\xeb\xa1\x8f\xc7Kk\x93**|\xe1\xd9_=\xf5\xec\xaf\xb2O\x81\x19c&amp;O\x9e\xec\x0e\x8a\xe9\x98\xcb@\xbb \x00\x80xp\x13,\x05\x05\x05K\x96,q3\xef\xee\t\x805\xff\xfb\x17\x1b\xd6?\x97*)\xee\x985X!\xac\x08Ue\xf5\xa2\xfd\xfb\x0f\x08\x11\xb8\xb5\xdf\xf2\xf2\xf2k\xaf\xbd\xd6\xad\nt\xc05\xa0\xbd\x10\x00@l\xb8\xbb\xed\xc8\x91#G\x8e\x1c\x99=\x98W\x081\xadz\xd1\x81}\xfb\xa4\x92\xb9\xee~\xebH\xa7J\x8a\xffs\xe5\xe3\x9b~\xed\xce\x9e4\xee\xaaf\xcf\x9e\xcd\np\x1c\x11\x00@\x9c\xb8\xea\xcf\xa5K\x97\xba\xf9\x167\x17\xb4\xed\xb7\xbf_\xb9jmXR\xa2\xa3(w?\xda\xda@\x86\xea`\xe3\xbe\xbb\xee\xff^\xe0v\tUJk}\xf5\xd5W\x97\x97\x97sR|\x1c\x11\x00@\x9c\xb8\xe7~\x07\x0c\x180q\xe2\xc4\xec\xf1\xbfR\xca;\xe6&gt;\xf8\xee\x9f\xdeNu\xed\x92\xbbn\xb8\xd1QXZ&lt;o\xf1\x0f^\x7f\xf3\x8f\xa1Rn\x15\xba\xb8\xb8x\xe6\xcc\x99\x9c\x11\x1fS\x04\x00\x103n\xb2e\xf6\xec\xd9\xa5\xa5\xa5\xae\xecR\x08\xf1\x97\xdd\x7f[\xf8\xd0\x8fdaw\x93\x9b\x95\x00c\xad\xea\xda\xf5\xff\xbd\xfe\xd6\xa2\x7f[!\x85\xd0\x87\xb3g\xf2\xe4\xc9eeen5"\x17?\x179\xc5{\x06\xc4\x8c[\r.--\x9d={\xb6+\xc44FK)\x17,[\xbe\xf3\xa5\x1d\xa9\xa2\xee\xb9(\xc6\xb7Z\xab\xa2\xc2\x19\xb3\x97\xec\xa9k\x10R\xba%\xe8\xb2\xb2\xb2I\x93&amp;\xb1\xf6\x1b_\x04\x00\x10?n"h\xe2\xc4\x89\x03\x06\x0c0\xc6\x08\xe1Nj\xcc\xdc5\xf7A\x11\x86A{\xcf\x02im\xd2=\x8a^\xdc\xf4\xfc\xea\xb5O\xb9\xd2O\xb7\x14q\xf7\xddw\x17\x17\x173\xff\x13_\x04\x00\x10?\xee\xfe\x1b\x86\xe1\xd2\xa5K\xb3%\xa1J\xc9G\x9f\xf8\xe5S?\xfbe\xaa\xb8G\xfb\x96\x84\n\x11hc&amp;\xdf=\xbf\xa5%\xd3\xba\xf4s\xdc\xb8q\xac\xfd\xc6\x1a\x01\x00\xc4\xd2\xd1%\xa1\xd6\x06B\x88[g\xceki\xde/\x95j\xafa@\x14E\xa9^\xa5\xcb\x97?\xf6\xdc\xff})&lt;\\\xfa)\xa5\x9c={6\xb7\xfe\xb8#\x00\x80\xb8\xca\x96\x84\xa6\xd3iW\x93#\xa5|\xad\xe6\xbf\x96\xfd\xfb\xaa\xb0\xb8\xa8]V\x83\xad\xb5*\x9d\xaa{g\xf7\x9c\xc5?\x10B\x18k\\\xf0\\{\xed\xb5\x94~&amp;\x00\x01\x00\xc4U\xb6$\xb4\xb2\xb2\xd2\x15\x83\xba\xfd\x82\xee\x9e\xff\xaf\x7f\xfbsm\xd85\xdd\xf6\x92P\x1d\xe9\xb0\xb4d\xf1C?\xacy\xebOJIk\x03km\xcf\x9e=\xe7\xce\x9d\xcb\xd4\x7f\x02\x10\x00@\x8c\xb9\x9b\xfe\x94)S\xfa\xf6\xed\xebn\xf7R\xca\xba\xfa\xbd3\xe7&gt;(\x0b\n\x8cnS9\x9016UX\xb0\xeb\xa5\x1dK~\xb0JJ\xa9\xf5\xa1\xd2\xcf\xa9S\xa7\xf6\xed\xdb\xd7EN;\xfd\x1e\xc8\x0f\xde? \xc6\xdc,\x90\xeb\x92\xbb;\xb2+\xc9\xff\xfe\x8f\x1f\xfb\xfdK\xdbS\x85\x05m)\t\xb5F\xcbn\xdd\xaa\x17\xfck\xc3\xdeFw\x08p\x14E\xfd\xfa\xf5\x9b6m\x1aw\xffd\xe0-\x04\xe2\xcd\r\x02\xc6\x8c\x193d\xc8\x90\xc3\xbb\x84\x06Q\xa4o\xadz@(e\xb4\xd1Zkm\x8e\xf5\x9f\x96\x96L\xaa\xb8\xc7\x86\xa7\x9e]\xf5\xd3\xff\x93={2\x08\x82{\xee\xb9\xc7-90\xff\x93\x0099?\x1a@\x87q\xcf\x85u\xe9\xd2e\xc1\x82\x05#F\x8cp\x83\x00\xa5\xe4/6&gt;\xff\xf4\x93\xcf\x8c\x1asYP\xdf\x18\xa8\xe3\xea\xeaI1s\xde\xbfhm\x94\x92.\x03\x86\x0f\x1f~\xd5UW\xb1\xf6\x9b\x18\x04\x00\x10{\xad\xef\xcek\xd6\xacQJYk\x84\x08n\xbec\xee\xf7\xba\xa4\xe5\xb1\x97\x03\x19cR\x85\xdd7&lt;\xb3e\xf3\xf3\xdb\xdc\xec\xbf\x94\xd2e\x0c}\xff$!\x00\x80$\xc8\xce\xcf\xac]\xbb6\x8a"cl\x10\x045o\xfdi\xd4\x15\xdfl\xe3\xb7u;=h\xad\xc7\x8e\x1d;d\xc8\x10\xba\xffI\xc2\x1a\x00\x90\x04n\xe6\xa7_\xbf~\xae$4{T\x80\x92m\xe2\xfa\xfbn\x9d\xf9\xbe\xfb\xeese\xa6\xf9\xfe]\xd1n\x08\x00 !Z\x97\x84\x06A\x90J\xa5\xa4\x94\x81h\x13\xa5T*\x95\xca\x96~f\x0f\x01F2\xf0^\x02\t\xd1\xba$Tk\x9d\xc9dt{hii9\xeb\xac\xb3(\xfdL$\xd6\x00\x80\xe4p\x936c\xc6\x8cy\xfa\xe9\xa7kkk\xdd\x98\xa0-\xdf\xd0\xcd\xfeWTT\xa4\xd3i6\xfdO\x1e\x02\x00H\x0e7A\xdf\xa5K\x97\x95+W\xb6\xefwv\x07@\xb6\xef\xf7D\xde\x11\x00@\xd2\xb8\xb3\x82\xdbw\xb5\x96\xbe\x7f"\x11\x00@\xd2\xb8\xc5\xdb|_\x05b\x80T\x07\x00O\x11\x00\x00\xe0)\x02\x00\x00&lt;E\x00\x00\x80\xa7\x08\x00\x00\xf0\x14\x01\x00\x00\x9e"\x00\x00\xc0S\x04\x00\x00x\x8a\x00\x00\x00O\x11\x00\x00\xe0)\x02\x00\x00&lt;E\x00\x00\x80\xa7\x08\x00\x00\xf0\x14\x01\x00\x00\x9e"\x00\x00\xc0S\x04\x00\x00x\x8a\x00\x00\x00O\x11\x00\x00\xe0)\x02\x00\x00&lt;E\x00\x00\x80\xa7\x08\x00\x00\xf0T\x98\xef\x0b\xf0\x881Fk\xad\xb5\xc9\xf7\x85t^\xc6\x18\xa9\xb5\xb56\xdf\x17\x02x\x81\x00\xe88\x85\xdd\x0bTIq\xb7@\x04\x8a\x81\xd7\x070&amp;(*L\x85|,\x81\x8e@K\xeb\x08\xaeK\xfb\xab\xdf\xbcr0\x10\x99}\xcdR\x8a|_Q\'e\xad\r\xbbu\xfd\xeb\x9e\xba\xe0\xf0\x8b\x06 w\x08\x80\x8e\xe0\xeee\x95\xd5\x8b\xf2}!qb\x8c\x91\x92\xa1\x12\x90C\x04@\xc7\x91R\x04\x01}\xff\x7f\xccZC\xef\x1f\xe8\x00\x04@\x0eI)\x95RJ\xa9|_H\xcc\x08q\xe8\x15\x93R\n!\x84 5\x81\x9c \x00r\xa8\xa9\xa9Ik\xad\xb5\xce\xf7\x85\xc4\x95{\xe92\x99L\xbe/\x04H&amp;\x02 \'\\\xa7\xf5\xbc\xf3\xce+((PJ\x91\x01\xc7GJi\x8c9\xe1\x84\x13\x82\xc3/)\x80v$\xa8\xb5\x00\x00?1\x02\xc8!cx\xe6\xab\x1d\xb0\x0c\x00\xe4\x08#\x00\x00\xf0\x14u\xd6\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94\xef\x01`\xad\xcd\xf7%\x00\xc8\x0f\x9a\xbf\xe0%\x00\x00?\xf9&gt;\x02\xa8\xab\xab#\x02\x01?\xd1\xfc=\r\x00k\xad1\xc6\x18s\xe1\x85\x17n\xdf\xbe=\x08\x02cL\xbe/\n@G\xa0\xf9gy\x1a\x00\xc6\x18)\xe5\xf7\xbf\xff\xfd\x97_~\xf9\xde{\xef\r\x98\r\x04\xbcA\xf3\xcf\xf2q\r\xc0\xa5\xfd\xee\xdd\xbb\xcf&gt;\xfb\xec\xc6\xc6\xc6(\x8a6l\xd80|\xf8p\xad\xb5R*\xdfW\x07 \x87h\xfe\xad\xf98\x02\xb0\xd6J)g\xcc\x98QWW\'\xa5\x14BL\x9d:5\x8a"!|\x8cC\xc0+4\xff\xd6\xbc\x0b\x007\xfa\xdb\xbau\xeb\xaaU\xab\xa4\x94---\xee_\x97-[&amp;\xa5\xf4v*\x10\xf0\x01\xcd\xff\x08\xde\x85\x9e\x1b\xe8\x8d\x181b\xe3\xc6\x8dJ)\xad\xb5\x10B\x08Q\\\\\\SSSRR\x12\x04\x81\x10"\xdf\x97\t\xa0\xfd\xd1\xfc\x8f\xe0\xd7\x08\xc0\xbd\xfd\x8f&gt;\xfah\xf6\xed\x0f\x82\xc0Z+\x84\xa8\xab\xab\xab\xaa\xaa\x12Bx\xd8\x0b\x00|@\xf3?\x9aG#\x00W\xfb\xd5\xd4\xd44x\xf0\xe07\xdf|\xd3\xbd\xd9n\xdc\xe7z\x01R\xca\xed\xdb\xb7\xf7\xef\xdf\xdf\xcd\x12\xe6\xfbz\x01\xb4\x1b\x9a\xff\xfb\xf2\xe5\xf7\x0c\x0e\xe7\xff\xe2\xc5\x8b\xdfx\xe3\r\xa5\x94{\xe3]\xe0\xbb^@\x14E\x15\x15\x15~\xae\x05\x01\xc9F\xf3\x7f_\xbe\xfc\xb6\xee\xfd~\xf3\xcd7\x07\x0f\x1e\xdc\xd4\xd4\x94}\xe3\xcf\xe9\x7f\xe6\xce7\xfe\xa8udm\xe0F\x85O?\xfd\xf4\xc8\x91#\xfd\xac\t\x03\x12\x89\xe6\xffA|\x19\x01\xb8\x90\xbf\xfd\xf6\xdb\x1b\x1a\x1a\xb2\x7fX\xdc\xa3\xf0\xd9\x9f/\xff\xfae\x97\xb8\xb7\xdf\xfd\x9d\x8a\x8a\x8a\x96\x96\x16\xdf:\x02@\x82\xd1\xfc?\x88\x17\x01\xe0\xf2|\xe3\xc6\x8d\x8f&gt;\xfa\xa8\xcby%\xa5\xb5v\xf2\x8d\xd7\x9cp\xd6\x193*\xaeO\xa7S\x81\xb5\xd6\x1a\xa5\xd4\xce\x9d;\xe7\xcf\x9f\xefgM\x18\x90&lt;4\xff\x0f\x91\xfc\xa0\xb3\xd6Zk3\x99\xccy\xe7\x9d\xb7m\xdb6W\xe3e\xad\xedw\xe6i\xbf\xdd\xfc\xd3 \x13u\xe9U:c\xc6\xbds\xbf\xfbpvf\xb0\xa4\xa4d\xc7\x8e\x1d}\xfa\xf4\t\x82\xc0\x9f\xe5  yh\xfe\x1f.\xe1\xbf^p\xf8\xd1\x8f\xd5\xabWo\xdd\xba\xf5\xf0\xa2\x7f`\xad]2\xbb\xb2KaA\x10X\xdd\xd4t\xfb\xe4\x1b\xcb\xce8\xd5}I\x08\xb1g\xcf\x9e\x193fH)\x13\x9f\x8e@\xb2\xd1\xfc?\\\xc2\x03 [\xe4;}\xfat\xf7\xf6+%\xb56\x97\x0c\x1fz\xe9\xe8\x8b2\r\x8da\x18F\x07[J\xfa\x9ep\xd7\xa4\x1b\xac\xb5BH\xad\xb5\x94r\xd5\xaaU\xd9OL\xbe\x7f\t\x00\xc7\x83\xe6\xff\x0f%&lt;\x00\\\xfeWUU\xd5\xd6\xd6\xba\x85\x1dk\x830TKf\xdff\xb5v\x7f\'\x0c\xc3\xcc\xdf\xea\xae\xbd\xe6\x8aaC\x07k\xad\x95\x92B\x88\x83\x07\x0fN\x9d:\xd5\x9f\xb5  yh\xfe\xffP\x92\x03\xc0\xbd\xfd;w\xeet\x1b}\xb8\xb5 c\xcc\x8d\xd7\\\xf1\xc9\xc1\xe7f\x9a\x9a\xb3\x13|\xd6Z\x95\n\xab+\xbf\xa5\x94\x0c\x02q\xf4\xaaQ~\x7f\x11\x00\xc7\x8a\xe6\xffQ$9\xe2\xdc\x1b9j\xd4\xa8u\xeb\xd6eWxN\xe8]\xbac\xf3\xe3\xa5%E&amp;\x13\xb5\xde\xf4CGQ\xbaw\xafk\xc7\xdf\xfa\xe3G\x7f\xeej\xc2\xac\xb5\x1f\xff\xf8\xc7\xb7m\xdbVXX\xe8v\r\xcc\xe3\xef\x02\xe0\x98\xd0\xfc?\x8a\xc4\x8e\x00\xdc\xdb\xbfn\xdd:\xf7\xf6\xbb\xa9=c\xcc\xbd\xd3o\xe9uJ\xdf\xcc\x81\x83G\xbc\xa3B*\xb3\x7f\xff\xcci7\xf5(*to\xbfR\xea\x8d7\xdeX\xbcxq\xe2{\x01@\xc2\xd0\xfc?\xa2d\x8e\x00\xdc[\x18E\xd1\xc0\x81\x03_{\xed\xb5l\xed\xd7\xa0O}b\xcb\xd3+Bc\x82\xe0}\x02=\x8a\xa2.}z\xcf\xf9\x9f\x0b\xaa\xee\xff^\x18*\xad\x8d\x10\xa2\xa8\xa8h\xeb\xd6\xadg\x9ey\xa6W;\x84\x00\xf1E\xf3\xff\xe8\x12\xf8+\x05\x87\xa7\xff\xe6\xcf\x9f\xbfs\xe7\xce\xec\xe8\xcfZ;\xbfjr\xd7\xee\xdd\x8d6\xef;\x9cSa\x18\xed\xa9\xaf\xbc\xf5\x86\xb3\xce&lt;-\x8a\x0e\xed\x13\xdb\xd0\xd0P]]\xed\xc3rP\xb2\xb9\x9b\x821Fk\x1d\x1dEkm\x8c\xe1-N\x06\x9a\xffG\x97\xc0\x00po\x7fmm\xed\x82\x05\x0b\xb2\x8b?Z\xeb+\xbet\xd1\x88K\x86e\xea\x1b&gt;h\x97\x0f\x11\x04&amp;\xd2]\x8a\xba\xcf\xb9\xed\xdbA\x10\x08qh9h\xc5\x8a\x15\x9b6mJ\xf6H0\xa9\x8c1\xee\xfe\x9e\xdd\xf1Q)\x15\x1eE)\xe5\xe6y\xdd\xdfO|\xf1_\x82\xd1\xfc\x8fI\x02\x93\xcd\xbdm\x13&amp;L\xf8\xd1\x8f~\xe4\xf2_\nQX\xd8\xfd\xc5_\xac*;\xeb\x8c\xa8y\xff\x87\x0f\xe5\x8c\xd1\xa9\xe2\x1e\xc3G]\xbd\xe9\xd7[\xb3U\x01\xe5\xe5\xe5\xcf&gt;\xfb\xac\x9b\x19\xec\xb0_\x04\xc7\xcd\x18c\x8c\t\xc3\xb0\xf5\x1f\xee\xde\xbd\xfb\xed\xb7\xdf\xfe\xeb_\xff\xfa\xee\xbb\xef\xee\xdd\xbb\xb7\xa5\xa5\xc5Z\x9bN\xa7\x8b\x8b\x8b\xfb\xf4\xe9s\xca)\xa7\x9cv\xdai\x05\x05\x05\xd9\xef\x10x\xf0 h\xf2\xd0\xfc\x8fI\xd2\x02\xc0\xbd\xfd\x9b6m\xba\xe0\x82\x0b\\\x86\x87\xa1\x8a"=s\xca\x8d\xb3\xee\x9d~\xb0\xf6\xafa*\xfc\x07\xdf\xc1\x98T\xf7\x82\x17_x\xf9\xfc\xcb&amp;D\x916\xc6\xb8\xf0\xff\xe1\x0f\x7f8~\xfcx\x7f\xb6\t\x8c#7\xc9\xe3z\xfa\xeeO^}\xf5\xd5\xcd\x9b7?\xf7\xdcs\xbf\xfb\xdd\xef\xdez\xeb\xad\xd6{\x81\x1d!\x0c\xc3\x93N:\xe9\xd3\x9f\xfe\xf4%\x97\\2z\xf4\xe8\xb2\xb2\xb2 \x08\xdc\xe2aR+@\x92\x87\xe6\x7f\xac\x12\x18\x00A\x10\\x\xe1\x85n\xd4\xe6f~\xcf8\xedc[\x9fYST\xd05\xd0\xe6\xa34f\x1dE\xe9\x13z\x8f\x1f?\xe9?\xd6\xfc\xccu"\x82 8\xf1\xc4\x13w\xec\xd8QRR\xe2&amp;\x13r\xfe\x9b\xe0\x18\xb5n\x9c\xbf\xff\xfd\xef\x1f{\xec\xb1\xb5k\xd7\xbe\xf4\xd2KG\x8c\xdc\xdd\xdfi\xfd\x0ef\x97\x07\xb2\x7fRPPp\xd9e\x97M\x9b6m\xc8\x90!\xc1\xe1Y\x85\x8e\xf8\x1d\xd064\xffc\x95\xa8\x8fu\x14EJ\xa9\x95+Wf\xe7\xec\xdc\xea\xcd\xdc;*JO&lt;\xc1\xb4d&gt;\xe2;\'\x94\xd2\x8d\x8d\xf7UM*-\xe9\xe1\x02\xd2\xcd*.\\\xb8\xd0\x87\xa7\xc3\xe3\xc8\r\xcf\x8d1\x8f?\xfe\xf8\xe8\xd1\xa3\x07\x0e\x1cXUU\xf5\xe2\x8b/j\xad\xdd,\x7f\xb6#\xaf\xb5&gt;b\x1d\xd8\xad\x00\xb7^!hnn^\xbdz\xf5\xd0\xa1C+++\x0f\x1e&lt;\xc8\x9b\x1e\x0b4\xff\xe3\x90\x9c\x11\x80K{w\xe4\xdb\x1bo\xbc\xe1\x82Zk]\xfe\xf9!\x1b\x9fZ\x91i\xd8+\x8fe\xec\xa6#\x9d\xee]\xfa\xddE\xffVq\xd7\x03\xd9B\x820\x0c\xb7o\xdf\xde\xaf_?\xba\x84\x9d\x8a\xfb\x0c\xafZ\xb5j\xc1\x82\x05\xdb\xb6ms\x7f\x18\x86\xa1+\xec9\x8eO\xb8\x0b\x03\xf7\x9f\x0f\x1b6\xec\x91G\x1e\xe9\xdb\xb7/ozgF\xf3?&gt;\t\xf95\x82\xc3\xe3\xf4\xfb\xef\xbf\xbf\xa6\xa6&amp;\xdbz\xd3\xe9\xd4\xfc\xbb\xa7X\xad\xed1\x8e\xdad\xa8\xa2\xfa\xbd\x13\xaf\x1f\xdb\xbf\xec\xf4\xec\xa9\xa1---w\xdeygp\xf8\x8e\x83N\xc2\xed\xf9\xf5\xf0\xc3\x0fo\xdb\xb6-\x9dN+\xa5\xdc\t\x7fGWvf\xbb\xf9\xad\x1d=\xcbo\xadu\x93\t\xa9Tj\xf3\xe6\xcd#G\x8e|\xf7\xddw\x13\\\x0b\x98\x004\xff\xe3\x93\x90\x00pk5\xbbv\xed\x9a?\x7f\xbeRJk\x13\x86\xca\x183\xe6\xf2K?S&gt;4\xd3\xd8\xa4\x8e1\xb1E\x10\x18\xad\xd3\x05\xdd\x96\xcc\xae\xb4\xd6\nqh\x8ay\xcd\x9a5\x1b7nLjMXL\xb9\x069{\xf6l\xa5\x94\x9b\xd2i\xddD\x85\x10nb\xc7\xdd\xc1\xdd\xa3\x00\xad\xb9\x9b\x85K\x82#\xbem&amp;\x93I\xa5R\xbf\xfb\xdd\xef\xc6\x8e\x1d\xeb\xfe\xdb$5\xfe\xc4\xa0\xf9\x1f\xb7\x84tj\xdc\xdb\xf3\xf5\xaf\x7f}\xcd\x9a5\x87\x87lAq\x8f\xa2\xed\x9b~z\xe2\x89\xbdL&amp;\x92\xc7\xb5nc\x8cI\x15\x15\x8e\xbc\xfc\xba_l|^)im`\xad\x1d&lt;x\xf0\x96-[R\xa9T\xc2\x96\x83b\xcdu\x00\xcb\xcb\xcb7o\xde\x9cm\x9fn\xbd\xb7u[\xed\xd9\xb3\xe7\xc7&gt;\xf6\xb1^\xbdz\x15\x15\x15\xa5\xd3\xe9L&amp;\xd3\xd0\xd0\xf0\xe7?\xff\xf9\x8f\x7f\xfcc\x14E\xee?9\xfa.\x9fJ\xa52\x99\xcc\x82\x05\x0b\xa6L\x99\x92\xbc:\x90\x04\xa0\xf9\x1f\xb7$\x04@v\xf7\xbe\x11#F\x1c:\xf2M)\xad\xf5\xd29\xb7}g\xf27[\xde\xadS\xe1q\xb6XcLX\xd0\xed\x0f;^\x1bx\xe1U\xc6\xd8\xc4\xd7\x84\xc5W\x14Ea\x18\xae]\xbb\xf6\xab_\xfdjv\n\xc8}\xa9\xb8\xb8x\xf8\xf0\xe1\xa3F\x8d\xfa\xecg?{\xe6\x99g\x96\x96\x96\x1e\xd1n\x0f\x1e&lt;\xf8\xe6\x9bo\xae_\xbf\xfe\xe1\x87\x1f\xde\xbauk\x10\x04G\xcc\xf6\xb8\x91Aqq\xf1\x1f\xfe\xf0\x87\x13N8!xo\x11\x11\xf2\x8b\xe6\xdf\x16\xb1\x0f\x80l\r\xdf\xd0\xa1C\x8f8\xf2\xedw\xcf=.\x8d\t\x82\xa0-\x8dUG:\xdd\xb3\xe4\xe6\xef\xdc\xf5\xbd\x1f&gt;\x92]\x0e\xea\xd3\xa7\xcf\xab\xaf\xbeZ\\\\\x9c\x8c^@2\xb8\x89\xfbA\x83\x06m\xdf\xbe\xdd\xfd\xc9\xb0a\xc3\xae\xbe\xfa\xea/}\xe9K\xa7\x9crJ\xeb\xbf\xd9\xba\x8f\xdf\xfa\xa1\x01\xad\xf5C\x0f=TYY\x99\xc9d\x82\xf7N\xf5\x86a\x18E\xd1\x03\x0f&lt;PYY\xe9\xc2\xa6#~%\xfc#4\xff6\x8a\xfd\x1a\x80\x1b\xfb/[\xb6\xec\xe8#\xdf\xd2\x05\xdd\x8c\xd6m|\x7f\xa4\x92\xa6\xb9\xb9z\xfa-\xd9\x9a0!DmmmUUU\xf2j\xc2b\xcdU|VTTt\xed\xda\xf5\xba\xeb\xae\xdb\xb2e\xcb\xa6M\x9b&amp;N\x9cx\xca)\xa7d7xp\xf7\x8b\xd6\xeb\xc0\xee\xe4?\xf7\x17\xa4\x94\x15\x15\x15\x8f=\xf6\x98[08\xe2Y\x01!\xc4#\x8f&lt;\x92\xc8\xc7A\xe3\x8b\xe6\xdfF\xf1\x1e\x01\xb8\x8b\xaf\xaf\xaf/++khh\xb0\xd6J)\xdc\x91o\xeb\xd6&gt;\x9cilj\x97j-\x1d\xe9t\xaf\x92\xef.\xfaAE\xd5\x03\xd9\xade\xa5\x94\xdb\xb7o\xef\xdf\xbf\x7fR\xb7\t\x8c\xa9}\xfb\xf6\xbd\xfd\xf6\xdb\xfd\xfb\xf7\x0f\x0e\x8f\t\xdc\x8c\xd0G\xf9o\xdd\xaao:\x9d\x9e9s\xa6[R\xce\xae\x1f\xb8I\xa1.]\xba\xec\xdc\xb9\xf3\xf4\xd3OOR!`|\xd1\xfc\xdb.\xc6\x97\x1e\x04\x81\x1b\x91UUU\xd5\xd5\xd5e\x8f|K\xa7SK\xe6\xfc\xfd\xc8\xb7\xb6\x93JE\r\x8d\x13o\x1c7x\xe0\']\xcbwS\xcc\x15\x15\x15\x94\x06v6\xdd\xbbw\xef\xdf\xbf\x7f\xf6\xd9.\xd7\x97\xff\x88\xff\xad\xfb\xfb\xc6\x98)S\xa6\xf4\xea\xd5\xcb=I\xe4\xbe\xe4\xda\xf9\xc1\x83\x07w\xec\xd8\x11$\xab\x100\xbeh\xfem\x17\xe3\x00\xf8\xa0#\xdf\xa6N\xbc\xf6\x93\x83\x07f\x9a\xf6\xb5W2\x0b\x11\x18\xad\xd3\xdd\xba\xce\x9f9\xd9M\x05\x1c}\xdcD\xbb\xfc \xb4\x9d\x9b\xcf9\xba\xa6\xf3#r3B%%%\xe5\xe5\xe5\xc1\xe1:\xa2\xec\x97\x82 x\xeb\xad\xb7\x02\x02\xa0\x13\xa0\xf9\xb7\x8b\x18\x07\x80{3***\xa2(r3\xb6\xd6\xda\x13\xfb\xf4\x9ar\xf3x\xd3\xd4tL\x0f\xfe\xfdCJ\xa9L\xfd\xde\x11\x17\x0f\xbb\xf2\xcb\x17\xbb\xb7\xff\x88\x9f\xce\x1d\xa1\x93h\xbd\xa8{|\xdc:\xc1\xb9\xe7\x9e\xfb\xbe_\xdd\xb3gO[\xbe9\xda\x0b\xcd\xbf]\xc45\x00\xb2\xcfe\x1c}\xe4[\xefSO&gt;\xfa\xc8\xb7v \x840f\xce\xf4[\xd2\xe9\x94+=h\xdd\x01I\xc0r\x10\xb2\x84\x10\xc5\xc5\xc5\xef\xfb%W \x84\xfc\xa2\xf9\xb7\x97X\x06\x80\xcb[\xf7d\xb6\x8b_7\x06\x1c\xf4\xa9O\x8c\x1b\xfb\xd5\xa8\xbe^\xe5\xa0JOJ\xd9\xd2\xd84`\xd09S\'^k\x8c\x91R\xb9AhUUUmm\xad;K\xa4\xdd\x7f(\xf2\xe5\x83n\xf4\xe9t\xba\x83\xaf\x04G\xa0\xf9\xb7\xa3X\x06\x80\x9b\xe4\x9d?\x7f\xfe\xae]\xbb\xb2\xc5\xb9J\xc9E\xb3\xa6u\xed\xde\xed\x83\x8e|k;\xa9\x94i\xda7\xe5\xe6\t\'\xf6\xe9\xe5\xdeo!D]]\xdd\x8c\x193\xdc\xdcqn~,:\x9a\xb5\xf6\x9dw\xdey\xdf/\xf5\xea\xd5\xab\x83/\x06G\xa0\xf9\xb7\xa3\xf8\x05\x80\x0b\xde\x9a\x9a\x9a\xfb\xef\xbf\xdf%\x7f\x18*\xad\xf5\xd8\xaf}q\xf8\xa8\xe1-u\x1fx\xe4[\xdb\t!2\x07\x0e\xf6&gt;\xf5\xa4\xfbf|\'\xdb\xef\x90R\xaeZ\xb5*[\x86\x9c\xa3\x1f\x8d\x0e\xe3\xca&lt;^y\xe5\x95\xe0\xbd\x8b\xbd\xee\xcd=\xe3\x8c3\x02\x9e\x04\xce\x1f\x9a\x7f\xfb\x8a_\x00\xb8\xe5\x97\xea\xea\xea\xbd{\xf7\xba\xe5&gt;cl\x8f\xa2\xc2\x99\xd3n2\xfb\x0f\x08\x99\xdb\x87t\xc20\xcc\xec\xa9\xff\xe7\x7f\xber\xd8\xd0\xc1Zk\xa5\xa4\x10\xe2\xe0\xc1\x83S\xa7N\x8d\xf5Z\x10\x1c\xd7\x9d\xfc\xd3\x9f\xfe\xf4\x9b\xdf\xfc\xa6\xf5\xb8\xde\xfd\xff\xae]\xbb\x9e}\xf6\xd9\x01\x01\x90?4\xff\xf6\x15\xb3\x00\xc8\x1e\xf9\xb6b\xc5\n\xb7\xf5\xa3R\xd2\x18S\xf9\xed\x7f\xee\xf7Ogg\xf65K\x99\xf3\x96i\xadUaX]\xf9\xad\xec\x91\xa1n+\x12\xb7\x11U\xack\xc2\xe0\x02`\xf1\xe2\xc5\xcd\xcd\xcd\xae\xd8\xc3\xfd\xb9\x1b\x16\x0c\x1c8\xf0\xd4SO\x8d\xfb\xb3?\xf1E\xf3ow1K-\xf7l\xce\x05\x17\\\x90=\xf2\xcd\x18s\xd6\x99\xa7m\x7f\xeeq\xe5\x1e\xd4\xee\x98\xcb\x88\xa2t\xef^\xd7\x8e\xbf\xf5\xc7\x8f\xfe&lt;{\x19\xfd\xfa\xf5\xdb\xbe}\xfb\xfb\xee/\x8fXp\x9b\xfc\xbc\xf8\xe2\x8b\xe7\x9f\x7f~&amp;\x93i}\x98\x8ck\xdb\x8b\x16-\x9a4i\x12{\x01\xe5\x0b\xcd\xbf\xdd\xc5\xa9#\xe3\xc2v\xf9\xf2\xe5\xad\x8f|\x0b\x82`\xcem\xdf\xeeR\xd4\xddDm\xdd\xf7\xe3\xa3\x13R\x99\xfd\xfbgN\xbd\xa9\xb8G\x91\xbbM\x84a\x98\xdd\x8e&lt;\x8eS\x81p[\t\xfd\xe5/\x7f\x193f\xcc\xc1\x83\x07\x83V\x0b\x00n\x89\xafO\x9f&gt;\xe3\xc7\x8fg/\xa0|\xa1\xf9\xe7Bl\x02\xc0\xcd\xfd\xed\xd9\xb3g\xfa\xf4\xe9nB\xd6}\x08\xca??\xe4\x1b\xe3\xbe\x9a\xa9o8\xeeM_\x8f\x83\x94"\xd3\xd4\xdco\xd09\xb7\xde0\xd6\x18\xa3\xd4\xa1\xe5\xa0\xd6\x07\x12u\xd8\xc5\xa0\xed\xdc\xcde\xf7\xee\xdd\xa3G\x8f\xae\xa9\xa99\xa2\x19\xbb7\xb4\xba\xba\xba\xb4\xb4\xd4\xcd\x11\xe5\xf1R\xfdD\xf3\xcf\x91\xd8\x04\x80[\xfd_\xb8pamm\xad\xeb\x91Yk\xc3P\xcd\xbf{\x8a\x8d\xb4\xed\xa0\xc1\xdf\xdf\xa9PEu\xf5\x93n\x9e\xf0\xf1\xd3O\xd6\xda\x08\x11\x08!\xf6\xee\xdd[]]\x1d\xd3\xe5 o\xb9\xc3\xc4\xdfz\xeb\xad\x8b.\xbah\xdb\xb6mG\xcc\xe4\xba\x8d\xa0G\x8d\x1au\xe3\x8d7&amp;c\x0b\xf88\xa2\xf9\xe7H&lt;\x02\xc0\xbd\xfd\xbbv\xed\x9a7o\x9e\x94Rk\xe3\xfah7^s\xc5g\xca?\x97i\xdcw\xacG\xbe\xb5\x9d\x10\xc2\xb4dJO&lt;a\xee\x1d\x15\xd6Z!\x0e\xedF\xb2b\xc5\x8a\xec\x10\xb5\x83/\t\xc7\xc1M\xe8\xff\xe67\xbf\x19&gt;|\xf8\xf6\xed\xdb\xc30&lt;\xfa\xee_VV\xb6|\xf9\xf2\x80\xe2\x9f&lt;\xa1\xf9\xe7N&lt;\xc2\xea\xe8#\xdf\x82 ().\xda\xf5\xfc\x13%\xa5=l&amp;\xcaW\xcb4Z\xa7\x8a{\x0c\xbf\xf4\xeaM\xbf\xde\x9a\xad\n(//\x7f\xe6\x99g\x82\xf7n%\x86\xce&amp;\xbbm\xdcc\x8f=6a\xc2\x84\xa6\xa6\xa6\xf7\xed\xfb\x9f|\xf2\xc9\xeb\xd7\xaf\x1f0`\x00[@\xe7\x0b\xcd?wb\xf0\x81\xce\xee\xbd\x97-\xb4rc\xc0Y\xd3n\xeauJ_}\xa0%\x8f\xfd2+\x84\xd5z\xfe\xddS\xd2\xe9\x94\xb5\x7f/S[\xb9re\x8cz\x01\x1e:\xfc\xf8\xa8\xba\xe7\x9e{\xae\xbc\xf2\xca\xa6\xa6&amp;\xf7\\O\xf6/d\xfb\xfe\xcf&lt;\xf3\xcc\x80\x01\x03\xdc\xa7.\x8f\x17\xec-\x9a\x7fNu\xf6\x11@\xf6\xc8\xb7s\xcf=\xf7\xb5\xd7^{\x9f#\xdfl\x90\xdfq\xb9\x8e\xa2\xf4\t\xbd\xc7\x8f\x9f\xf4\x1fk~\xe6j\xc2\xac\xb5g\x9ey\xe6\xd6\xad[\x8b\x8a\x8a\x12ph\\\xf2\xb8\xbe\xfc\x81\x03\x07\xae\xbf\xfe\xfa\x95+Wf\xe7\x94\xb3\x7f\xc1\xdd\xfd?\xf3\x99\xcf\xfc\xe4\'?9\xe5\x94S\x98\xfa\xcf\x17\x9a\x7f\xaeu\xf6NM\xf6\xc8\xb7\x9d;w\xbe\xe7\xc8\xb7\xea\xc3G\xbe\xe5\xfb\xe5\x15J\xe9\xc6\xa6\xfb\xaan\xedYZl\x8dqe\x82555\x8b\x17/&gt;\xa2S\x89\xce\xc0}\xa2\xea\xea\xea\xbe\xf8\xc5/\xae\\\xb92\x0c\xc3\xd6w\x7f7,\x88\xa2\xe8k_\xfb\xda\xfa\xf5\xeb\xb9\xfb\xe7\x17\xcd?\xd7:u\x00\xb8\xda\xaf\xba\xba\xba\xaa\xaa\xaaV\xb5_\xe6\xca/_|\xe9W.\xce4\xec\xed\x0c-S\n\xa1\x0f\x1c\xf8\xd8YgL\xfe\xe6\xd5\xc6Zu\xf8l\x8aE\x8b\x16\xbd\xf1\xc6\x1b\xb1\xab\x0bN6\xf7\x89\xaa\xaf\xaf\xbf\xf4\xd2K7l\xd8\x90J\xa5\xa2(:\xa2\xde_k=c\xc6\x8c\x9f\xfc\xe4\'EEE\xee#\x97\xdfk\xf6\x16\xcd\xbf\x03t\xea\x00\xc8n\xb8ZWW\x97\x1d\xa7\xa7\xd3\xa99\xd3o\xb1Q\x94\xe7\xb1_+R\x85Q]C\xe5\xa4\x1b\xce\xfa\xf8i\xfap\x9dxCC\xc3\xed\xb7\xdf\x1e\xaf\x9a\xb0ds\x93\tZ\xeb+\xaf\xbc\xf2\x85\x17^H\xa5R\xad\xf7|vm\xb5\xa0\xa0`\xd5\xaaU\xf7\xde{\xaf;A\x9ey\xff&lt;\xa2\xf9w\x80\xce\xfb\xf9vo\xff\xd6\xad[\x8f&gt;\xf2m\xc0\xa0s2\x8d\xedv\xe4[\xdb\t\x11\x98Hw)\xea&gt;\xe7\xf6o\xb7&gt;4\xee\xd1G\x1f\xdd\xb8qc\\\x96\x83\x12\xcfu!o\xbb\xed\xb6\xf5\xeb\xd7\x1f}\xf7\xd7Z\x9f|\xf2\xc9\xcf&lt;\xf3\xcc\x981c\xa2(\x8a\xd7\x03\xfd\xc9C\xf3\xef\x18\x9d7\xa0\xdc\x8b8b\xc4\x08\xf7"\xba\x91T\x9f\x13zn\xdf\xf4\xd3\x9e\xa5=L\xfej\xbf&gt;\x881&amp;\xd5\xa3h\xe4e\x13~\xb1\xf1y\xa5\xa4\xb5\x81\xb5v\xf0\xe0\xc1[\xb6lI\xa5R\x9d\x7f9(\xd9\xdc\xc7i\xcb\x96-\xe7\x9f\x7f\xbe+\xf6?b\x9f\x9f\xfe\xfd\xfb?\xf9\xe4\x93eee\x99L&amp;\x95J\xe5\xf7jA\xf3\xef\x18\x9d%E\x8fpt\x84\xba1\xe0}3\xbe\xd3\xfb\xd4\x93rr\xe4[{\xb0Q\xb4d\xf6ma\xa8\xac\xfd{\x17f\xf5\xea\xd5\xf1z:&lt;\x91\xdc\x07\xa6\xaa\xaa*8\\[\xe2\xfe\xdc\xf5.\xfb\xf7\xef\xbf~\xfd\xfa\xb2\xb2\xb2(\x8a\xb8\xfb\xe7\x1d\xcd\xbf\xc3t\xc6\x11\x80\x9b\xabmjj\x1a&lt;x\xf0\x9bo\xbe\xe9\xb2Sk3l\xe8\xe0g\x7f\xfe\x1f\xa6y\x7f\xe7\x19\xfd\x1dAG:\xdd\xb3\xe4\xe6\xef\xdc\xf5\xbd\x1f&gt;\x92=\xab\xa8O\x9f&gt;;v\xec())\xe9\xb4\xbd\x80\xc4s\xad\xf1\xa5\x97^\x1a2dH\xeb]\xfe\xddm\xa5W\xaf^\xbf\xfa\xd5\xaf\xfa\xf5\xeb\xc76\x9f\x9d\x01\xcd\xbf#u\xc6\x97\xd2\xe5\xff\xe2\xc5\x8b[-\xa3\x0b)eu\xe5\xb7T\x18v\xc2\xc4\xca\x92J\x9a\xe6\xe6\xea\xe9\xb7\x94\x96\xf4\xc8\x1e\x1aW[[\xbbp\xe1\xc2\xce\xdc\x0bH&lt;\xf7\xca\xaf]\xbb\xf6\xe8u]k\xed\xf7\xbf\xff\xfd~\xfd\xfae2\x19\xee\xfe\x9d\x01\xcd\xbf#u\xba\x00p+u555\x8b\x16-\xca.\xfeh\xad\xaf\xb9b\xf4\x88KG\xb4\xd4\xe7\xf0\xc8\xb7\xb6\x13BD\x07Zz\x9d\xd2w\xd6\xb4\x9b\xdc\xbd\xc6\xf5=\xe7\xcd\x9b\x97-d\xce\xf75\xfa\xc8\xdd\xf4\xb7l\xd9\x12\xb4\xda\xe4\xd9\xdd\\F\x8e\x1c\xf9\xb5\xaf}\x8d\x99\x9fN\x82\xe6\xdf\xc1:c\x00\xb8#\xdf\x1a\x1a\x1a\x0e=\xf8gL\xcf\xd2\xe2\xb9U\x93\xcd\xbef\xd1\x89\xdf~G*\x1554N\xbc~l\xff\xb2\xd3\xdd\xef"\x84hii\xa9\xa8\xa8\xe8\xfc5a\x89\xe4\x9abKKKMMM\xf0\xdec~\x83 \x988q"oJ\xe7A\xf3\xef`\x9d+\x00\xdc\xa1\x1c\x9b7ovG\xbei\xad\x95\x94\xc6\xda\xc9\xdf\xbc\xfa\xa4\xb3N\xcf\xec? ;\xdf$\xda\x11\x84\x08\x8c\xd6\xe9\x82nK\xaa+\xad\xb5B\xfc}3\x93u\xeb\xd6u\xf2\x9a\xb0\x04\xab\xaf\xaf\x7f\xf7\xddw\x83\xc3\x01\xe0j\xf5\xbau\xeb\xf6\xb9\xcf}\xce=\xfd\x9b\xef\x0b\x04\xcd?\x0f:Q(\xb9\xda\x8cL&amp;\xf3\x85/|a\xdb\xb6mn\xd8n\xad-;\xe3\xd4\xed[\x1eW\xd6\xe6}\xdf\x8f\x8f\xceh\x9d*\xe9q\xd5\xb8[\x1e}\xe2\x97\xd9\x1dB\xfa\xf7\xef\xbf}\xfbvW`\xde\t\x97\x83\x92\xca\r\xc3_\x7f\xfd\xf5\xb3\xcf&gt;;\x93\xc9\xb8\x8e\x98\x1b\x8f\xf7\xeb\xd7\xef\xd5W_u\xbbA\xf0\x8e\xe4\x17\xcd?/:\xd1\x08\xc05\xd4\xd5\xabW\xbbC9\xdc\x00\xcaZ;\xe7\xf6\xc3G\xbeu\x96\x17\xed#\x10\xc2F\xd1\x9c\xe9\xb7\xa4\xd3)\xb7\x9f\x95\x94r\xe7\xce\x9d\xee\xa9\x96N8\x15\x98x---\xad;_\xae\x05\xf6\xec\xd9\x93\xbb\x7f\'A\xf3\xcf\x8b\xce\x12\x00\xad\x8f|s\xaf\x91;h\xed\x92\xe1C\xbf1\xf6\xab\x99\xfa\xbd\x1dy\xe4[\xdbI)3\x8d\xfb\x06\x0c:g\xea\xc4k\x8d1R\x1e\xfa@\xbb\xe7\xda;\xe7l`\xb2\xb9\x0f\x98|\xaf.]\xba\x04G\xad\n\xa0\xe3\xd1\xfc\xf3\xa5\xb3\x04@\xeb#\xdf\xdc\x0bdm\x10\x86j\xc9\xec\xdbl\x14\xe5\xfb\xea\x8e\x87T\xca4\xed\x9br\xf3\xf8\x13\xfb\xf4r\xef\xb7\xdb\x84\xb2\xaa\xaa\xaa\xb3\xf5\x02|\xe0v\x01\xca\xfeo&amp;\x931\xc6477\xe7\xfb\xba\x10\x044\xff\xfc\xe9\x14Y\xe4\xe2\xf1\xb5\xd7^\x1b8p`\x14E\xc6X\x97\xff\xdf\x9e\xf0\xf5\x87\xbe;\xa7eO}\xbc\xf2?+\x8a\xa2.\xbd{\xfd\xafe\xcb\xaf\x9f2+\xfb@\xa3\x94\xf2\xf9\xe7\x9f\x1f&lt;x0{\x8du\x0c\xd7\xbb\xdc\xb7o\xdf\x0b/\xbcp\xc4\x97\x8a\x8b\x8b\xdd\x1b\xc1\x14P\x1e\xd1\xfc\xf3\xa8S\x04\x80[(\x1f5j\x94[(w\x1f\x88\xe2\x1e\x85\xbb\x9e\x7f\xa2\xb4S\xee\xfb\xf1\x11\xd9 \x08\x02\x1bI\xf5\x85\x91c_\xfa\xdd\x1f\xdc\xfa\x8f\xd6z\xf8\xf0\xe1\x1b6l`\xa3y \xa0\xf9\xe7U\xfe#\xe8\xe82)7D\x9a5\xf5\xa6^\xa7\xf4\x8d\xf2z\xe4[\x1b\x89 0\xdat\xed\xdem\xd1\xaciJ\xc9\xec6\x81\x1b7n\xcc\x9eo\x97\xefk\xf4\x85\xdb\xe8\xff\x08\x9dg$\xee-\x9a\x7f\x9e/2\xbf#\x00W \x15E\xd1\xc0\x81\x03\xb3G\xbe\x19c\xfe\xe9\x9c\xfe\xcf\xffb\xb5\x88\xa2 \x08D\x10\xd7O\x80\xa3\xa3\xa8[\xef\x9e\xe3\xc6\xdf\xba\xea\xa7O\xb9\x9a0W\x80\xb8}\xfb\xf60\x0c;UM\x18\xd0\x91h\xfeyo\xfey\x0e\x00\x17\x89\xf7\xde{\xef\x9dw\xde\xd9j\x9aL&lt;\xff\xf3\xe5C.\x19\x16\xd4\xef\r:\xc1(\xa9\xad\x8c\r\xbau\xa9\xadyk\xf0\x85_\xaf\xdd\xfd\xb7\xe0\xf0\x0e\x94\xf7\xdcs\xcf\x1dw\xdc\xd1IF\x82@\xc7\xa3\xf9\xe7\xbd\xf9\xe73\x00\xdc\x00|\xf7\xee\xdd\xe7\x9csN}}\xbd[\x8b3\xc6\x0c\xf9\xa7\xb3\x1f\xa8\x9e\xa6;\xeb\xa6\xaf\xc7J\x08\xa1\xa3\xa8[\xcf\xd2EK\xfe\xfd\xa7O\xae\xcf\xcer\x96\x94\x94\xec\xd8\xb1\xe3\xc4\x13O\xec$\xcbA\x89\xe7:_\xeec\xe6&gt;\xf6J\xa9d|\xc6\xe2\x88\xe6\xdf)\x9a\xbf\xcd\x1fw\x1c\xeb\x84\t\x13\x82 h\x1d\x83\xc9x\xe3?\x9c\xfb}\xc7\x8f\x1f\x9f}\x1d\x90S\xee\x04\x98\xa3\xf1\xe2\xe7\x0b\xcd\xbf34\xff\xbc\x8d\x00\\\xe5\xef\xb6m\xdb&gt;\xff\xf9\xcfg_\x82\xecW\x13\xd9#&gt;b\xc9\xd1M\x08&gt;\xfb\xec\xb3\xe5\xe5\xe5y\x1f\t&amp;\x9b\xfb\xb0e2\x99\'\x9f|r\xcb\x96-\xbbw\xef.**\xfa\xf4\xa7?\xfd\x95\xaf|\xa5O\x9f&gt;\xee\xab\xf9\xbeF\xbf\xd0\xfc;I\xf3\xcfs\x00\\p\xc1\x05\x9b6mrG\xf4\xe5\xe52\xf2\xc8Mz\x96\x97\x97?\xf3\xcc3\xdc\x83r\xc7\xbd\xb6\xaf\xbc\xf2\xcau\xd7]\xf7\xd2K/\xb5\xfeR\x9f&gt;}\x1ex\xe0\x81\xf1\xe3\xc7\xf3\xfaw0\x9a\x7fgi\xfey\x19w\xb8\xcc\x7f\xf0\xc1\x07\xf3\xf3;w2\x0f&gt;\xf8\xa0\xcd\xf7H0\xa9\x8c1\xc6\x98\xbf\xfc\xe5/\'\x9dtR\x10\x04\xe1{\xb9\xd7\xffg?\xfb\x99\xe5\xf5\xef@4\xff\xd6\xf2\xdb\xfc\xf3s\x04\x92\x942\x8a\xa2W^y\xe5\xc2\x0b/l}D\x9fo\xdc\x91\x84\xaf\xbc\xf2J\x14EL\x01\xe5\x82\xdba\xf8\xe1\x87\x1f~\xe7\x9dw\xd2\xe9tKKK\xeb\xaf\xba\xbe\xe7\x9c9s\xbe\xf4\xa5/\xf90\xf5\xdcI\xd0\xfc\x9d\xce\xd0\xfc\xf36\x05dy\xfe\xbe\x15^\x8d\x1cq\xb3\xab\xa3G\x8f~\xea\xa9\xa7\\\xf9]\xeb\xaf\xbar\xa0\x82\x82\x82]\xbbv}\xecc\x1f\xe3]\xe80\xbc\xd4\xad\xe5\xf1\xd5\xc8\xdb!\xa8\x87\xb7|\xca\xffF\x14y\x97\xf7\x87A\x12\xccu\xacv\xef\xde\xfd\xbe\x1f6\xf7\'\xcd\xcd\xcd\xb5\xb5\xb5\x04@G\xa2\xf9g\xe5\xb7\xf9\xe7\xf3\x14ln|\xe8\x18\x1f2\xc9\xe0\xeeD\xee/p?\xeaH4\xff\xce\x80\xca\x07$\x99\xbb\xb3\x17\x17\x17\xbf\xef\xed\xc6\xdd\xfdS\xa9Tiii\xe0G\x05:\xd0\x1a\x01\x80$s\x01\xf0A\xbb\xef\xba#bN?\xfd\xf4\xd3N;\xed}\xff\x02\x90l|\xe2\x91d\xee\x9e&gt;a\xc2\x04!D\x14E\xd9\xed\xb7\xdcA\xf0a\x18\x1ac&amp;N\x9c\x98J\xa5&lt;,E\x07\x08\x00$\x99\xdb[\xf8S\x9f\xfa\xd4\xd2\xa5K\xed{\xab\xad\xb5\xd6---c\xc7\x8e\x9d4i\x921\x862\\x\xa8S\x1c\x08\x03\xe4\x94{\xd2r\xc3\x86\rK\x96,y\xe1\x85\x17\x1a\x1a\x1a\xd2\xe9\xf4\xd9g\x9f}\xfd\xf5\xd7_w\xddu\x01U\x89\xf0\x15\x01\x00/d\x9f\xb6oll\xdc\xbbwo\x97.]z\xf7\xee\x1dp\xeb\x87\xdf\x08\x00\xf8Bk\xedV}\xdd\xbf\xba\xeaOf~\xe03\x02\x00~q\x0b\x00\x14\xa1\x03\x01\x01\x00\x00\xde\xa2\n\x08\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a\xbe/\x00H&amp;k\xad\xb56\xdfW\x91\x04R\xd2O\xcd\x15\xc1g\x14\x00\xfc\xc4\x08\x00hg\xc6\x18)\xe5\xcb/\xbf&lt;e\xca\x14)\xa51&amp;\xdfW\x14KJ)\xad\xf5\xa0A\x83\x16,X`\xad\x15B\xe4\xfb\x8a\x12\x88\x00\x00\xda\x99\x1bU\xff\xf5\xaf\x7f}\xf6\xd9g\xf3}-\xb1\xd7\xdc\xdc\x1c\x04\x01\x01\x90#\x04\x00\x90\x13\xa9TJ)\xc5\x08\xe0\xb8\xb9\x11@aaa\xbe/$\xc9\x08\x00 \'\xac\xb5Zkk\xad\x0b\x00!\x02!X\xcc\xfc(\xac1\x87\x16&amp;\xb5\xd6\xc4gN\x11\x00@G\xb06\xb0\x96{\x19:\x17\x02\x00\xc8-7\x0b\xf4\xe9s\x07,\xbcwz\xb4\xff\x00s\xd9\x1f\xc4\x18\x9b\xea^\xb0\xf57/WV/\xe2U\xea\x18\x04\x00\x90[\xee^vB\xcf\xd2\x0bF_\x1446\x05T\xb5\x7f\x10m\x82\x92\x1e]\x02\x1b\x1c~\xd1\x90k\x04\x00\xd0\x112Q\xa4\xeb\x1b2M\xcd&lt;\xd6\xf4A\xb46\xe9\xc06\xedk\xce\xf7\x85x\x84\x00\x00:\x82\x10B)e\x94$\x00&gt;\x84\xab\x9b\xca\xf7Ux\x84\xd7\x1a\x00&lt;E\x00\x00\x80\xa7\x08\x00\x00\xf0\x14\x01\x00\x00\x9e"\x00\x00\xc0S\x04\x00\x00x\x8a\x00\x00\x00O\x11\x00\x00\xe0)\x02\x00\x00&lt;E\x00\x00\x80\xa7\x08\x00\x00\xf0\x14\x01\x00\x00\x9e"\x00\x00\xc0S\x04\x00\x00x\x8a\x00\x00\x00O\x11\x00\x00\xe0)\x02\x00\x00&lt;E\x00\x00\x80\xa7\x08\x00\x00\xf0\x14\x01\x00\x00\x9e"\x00\x00\xc0Sa\xbe/\x009a\x8ci\xc7\xeff\xad\x95R\n!\xda\xf1{\x02\xc8;\x02 \x81\xdc\xfd:\xdfW\x01\xa0\xb3#\x00\x92Fk\xad\x94z\xfc\xf1\xc7\x97.]\xaa\x94\xd2Z\xb7\xe5\xbbI)\x8d1}\xfb\xf6}\xf8\xe1\x87\xd3\xe9t\x10\x04\x8c\x03\x80\xc4 \x00\x12\xc5Z+\x84hii\xa9\xac\xac|\xfd\xf5\xd7\xdb\xf1;\x8f\x1a5j\xfc\xf8\xf1.]\xda\xf1\xdb\x02\xc8#&amp;\n\x12\xc5\x18#\xa5\x9c?\x7f\xfe\xeb\xaf\xbf\x9eN\xa7U{H\xa5RJ\xa9\xe9\xd3\xa7\xef\xd9\xb3G\x08a\xad\xcd\xf7o\t\xa0}\x10\x00\xc9a\x8c\x11B\xd4\xd6\xd6.X\xb</t>
        </is>
      </c>
    </row>
    <row r="172">
      <c r="A172" s="1" t="n">
        <v>170</v>
      </c>
      <c r="B172" t="inlineStr">
        <is>
          <t>shape_size_hexagon</t>
        </is>
      </c>
      <c r="C172" t="inlineStr">
        <is>
          <t>What is the size of the missing shape denoted with a question mark if it is a square?</t>
        </is>
      </c>
      <c r="D172" t="inlineStr">
        <is>
          <t>['medium', 'large', 'small']</t>
        </is>
      </c>
      <c r="E172" t="inlineStr">
        <is>
          <t>medium</t>
        </is>
      </c>
      <c r="F172" t="inlineStr">
        <is>
          <t>There are 7 shapes with different sizes in the image, of which there is a missing square in the center. The other shapes are arranged around the center, which are ['triangle', 'square', 'pentagon', 'triangle', 'square', 'pentagon'] in anti-clockwise order. Their corresponding sizes are ['small', 'medium', 'large', 'small', 'medium', 'large'].</t>
        </is>
      </c>
      <c r="G172" t="inlineStr">
        <is>
          <t>We observe that the triangles are small size, the squares are medium size, and the pentagons are large size. Hence, the pattern is that each shape appears with a distinct size.</t>
        </is>
      </c>
      <c r="H172" t="inlineStr">
        <is>
          <t>Based on the pattern that each shape appears with a distinct size, the size of the missing square should be medium.</t>
        </is>
      </c>
      <c r="I172" t="inlineStr">
        <is>
          <t>b'\x89PNG\r\n\x1a\n\x00\x00\x00\rIHDR\x00\x00\x02\x00\x00\x00\x02\x00\x08\x02\x00\x00\x00{\x1aC\xad\x00\x00KjIDATx\x9c\xed\xddy|T\xd5\xdd?\xf0\xb3\xdc;Y0\x0b\x8b\x18h\xb5\xb5\x86\xa5\n\xd5$"\x02)\xc4\x052j\x05\x91\xcdT\x9f\xa7\x82D\xfd\xf1\x00\x02\x82\xcb\x83[\x14\xec\x83 \x06\xa1&lt;\xadR\xc1\xd6*F\xd1VD\x1cd\t\xd0\x04P\x08U\\J\xb0\xe8\x83\xd5` \xcb$!a2\xf7\x9c\xf3\xfb\xe3\x901$\x04\xb2\xcc\x92\x99\xfby\xbf\xfa\xea\xab$\x81\xde\xcc\xcc=\xdf{&gt;g\xa3J)\x02\x00\x00\xf6\xc3B}\x01\x00\x00\x10\x1a(\x00\x00\x006\x85\x02\x00\x00`S(\x00\x00\x006\x85\x02\x00\x00`S(\x00\x00\x006\x85\x02\x00\x00`S(\x00\x00\x006\x85\x02\x00\x00`S(\x00\x00\x006\x85\x02\x00\x00`S(\x00\x00\x006\x85\x02\x00\x00`S(\x00\x00\x006\x85\x02\x00\x00`S(\x00\x00\x006\x85\x02\x00\x00`S(\x00\x00\x006\x85\x02\x00\x00`S(\x00\x00\x006\x85\x02\x00\x00`S(\x00\x00\x006\x85\x02\x00\x00`S(\x00\x00\x006\x85\x02\x00\x00`S(\x00\x00\x006\x85\x02\x00\x00`S(\x00\x00\x006\x85\x02\x00`SRJ)e\xa8\xaf\x02B\t\x05\x00\xc0\x8e\x84\x10\x8c1\xc6\x98\x10"\xd4\xd7\x02!\x83\x02\x00`/J)\xcb\xb28\xe7_\x7f\xfd\xf5\x9e={8\xe7\xe8\n\xd8\x16\n\x00\x80\x8d\xe8\x86\xde0\x8c\xbc\xbc\xbc\xab\xaf\xbez\xc8\x90!999\xba+`YV\xa8\xaf\x0e\x82\x8d*\xa5B}\r\x00\x10\x0cB\x08\xce\xb9eY\xf3\xe6\xcd\xcb\xcd\xcd%\x84PJ\x95R\x99\x99\x99\xabW\xaf\xee\xd5\xab\x97\xee\x19PJC}\xa5\x10$\xe8\x01\x00D&gt;\xa5\x94n\xfd\x8b\x8a\x8a\xd2\xd3\xd3sss\x19c\xba\xf57\x0c\xc3\xe5r\xa5\xa5\xa5\xe5\xe5\xe5\x19\x86A\x1az\t`\x07(\x00\x00\x11N\x08A)\xe5\x9c\xafZ\xb5*##c\xcf\x9e=\x86aH))\xa5\x9c3\xfd\xd4_RR2i\xd2\xa4\xd9\xb3g\xeb\xc1a\xc4A6\x81\x08\x08 \x92Y\x96e\x18FYY\xd9\xf4\xe9\xd3\xd7\xae]K\x08\xe1\x9c\x0b!8gBHB\x08gLH\xc9\x18#\x84H)\x07\x0f\x1e\xbcr\xe5\xca\xd4\xd4T]\t\x10\x07E6\xf4\x00\x00"\x93\x9e\xdbc\x18FAA\xc1\xd0\xa1C\xd7\xae]\xab\xf3})\xa5n\xfd/\xebw\xc9u\xc3\x07\x8b\x86\xc0G\xff\xf0\x9e={222\x96/_\xae\x7f\x18\x93D#\x1b\n\x00@\x04\xb2,K\xcf\xed\xc9\xc9\xc9\xc9\xc8\xc8(..6\x0cC\x08\xc1(UJ\t!\xef\xba\xfd\xd6]\x9b^\xdb\xbc\xfe\xe5g\x9f\x9ckp.\xa5\xd4\xe3\xc3\x9c\xf3\xea\xea\xea\x993gN\x9a4\xa9\xac\xacL\x7f\x119A\xa4B\x04\x04\x10Q\xf4x\xafa\x18%%%\x93\'Ov\xb9\\\x84\x10\xc6\x98\x94\xd2\xe0\xdc\x12"\xfe\xbc.K\x9e\x9a\x97=\xf5\xd7\xb2\xe6\x84\xe5\xf5:zt\xfb\xfb\xb6\xc2)3\x1e9t\xf8\x88^\x13@\x08\xd1\xed~\xdf\xbe}\x9f\x7f\xfe\xf9\xcc\xccLB\x88l\x88\x89 \x92\xe0\x1d\x05\x88\x1c\x8d\xa7\xf9\xa7\xa5\xa5\xb9\\.\xc30\xf4s\x1ec\xcc\x12b\xe8\xa0\xcb?\xdc\xf2zv\xf6\xaf\xeb+*\xa5\x10\x9cs\xcf\xb1\xb2\xf4a\x83&gt;\xdc\xf6\xc6]\xb7\xdf*\x84PJ1J\xf5\xc8Aqq\xb1\xd3\xe9\xcc\xc9\xc9\xd1\xfd\t\x8c\x0cG\x1e\xf4\x00\x00"D\xf3i\xfe\r\xe3\xbd\\G\xf9\xf7\xdd}\xc7\xe2\'\xe7\x9a\xa6\xe1\xa99\xa1g|\xfa\xfe\xa2\xe90iL\xcck\xaf\xbf3\xfd\x81\x05\xe5\x95U\x86a\xe8F\x9f\x10"\xa5\x1c6l\xd8\xea\xd5\xab\xfb\xf4\xe9\x83\x91\xe1\x08\x83\x02\x00\x10\xf6\x94R:\xc4/**\x9a6m\xda\x9e={|m\xb7\x8e}z\xf5\xec\xf1\xd2\xf2\xa7\x9c7]/\xdcURH\xc6\x9bv\xfd\xf5\xbf\xe0\xe8\xde\xb5\xf8\xb3\xe2\xc9\xff\xf5\xdf\x85\x1f}\xfc\xc3\xbf`\x18\x96eu\xef\xde}\xc5\x8a\x15\xb7\xddv\x1bi\xa84\xc1\xff5\xc1\xef\x10\x01\x01\x84\xb7\x96\xa6\xf9\xeb\xefZB\x8c\xca\x18\xb2w\xcb\xeb\xce\x1b\xaf\xf5\x94U(\xa5\x9a\xb7\xfe\x84\x10\xfd/x\x8e\x97\xf7\xbd\xe4\'\xf9\xef\xacyl\xee\xbd\xa7&amp;\x115\x8c\x0c\x97\x95\x95eeeeggWWW\xeb~Fp\x7fK\x08\x08\xf4\x00\x00\xc2X\xcb\xd3\xfc\xb9\x10\xc2\xe0|\xd1\xe3s\xe6\xcc\x98L\xbc\x96\xa7\xee\xa4a\x9c\xfb\xb1]\xf7\x0fx\xd7\x84\xf7\xdf\xdd&lt;\xe3\xc1\x85_~\xf5\x8d\x9e&gt;D\x08\xd1[\x87\xa6\xa6\xa6\xae\\\xb9r\xf0\xe0\xc1\xba\xc6`d8\xac\xa1\x00\x00\x84%_\xfb\xebr\xb9f\xce\x9cY\\\\\xec\x9b\xc3\xc3\x18\x15B\xf6\xf9\xd9E/-_\x90~\xcdPoY\x05iKK\xad\xe7\x11Eu\xebz\xfch\xe9\xb4\xfb\x9f|\xe3\x9dM\xa4a\x1e\xd1\xa9\xbab\x18\x8b\x17/\x9e5k\x16A\x1c\x14\xe6P\x00\x00\xc2\x8f~\xf0\'\x84\xe4\xe4\xe4&lt;\xf1\xc4\x13\x84\x10\x9d\xd4\xebe\xbd\x84\x90\xbbn\xbfu\xc9\xd3\x0f&amp;&amp;\xc4{\xdcU\x8d\xc7{\xdb\xf4\x7f\x11\x15\x1dM\x1c\xe6\xf3\xbf\xff\xf3#\x0b\x96U\x9f\xa85\x0cnYBW\x02B\x08\xb6\x90\x8b\x00(\x00\x00\xe1\xc47\xcd\xff\xd0\xa1C3f\xccp\xb9\\\x8dFk\xb9e\xfd0\xcd_\xd5\x9c\xf0z\xbd\x1dy&lt;WRI\xa5\x1c\xe7w\xdb\xb7\xbb({\xe6\xa3\xfb\x0f\xfc\x93s&amp;\xa5\xd2[\xc8Y\x96\xd5\xabW\xaf\xd5\xabWc\xa1@\xf8B\x01\x00\x08\x1b\xbeF6//o\xda\xb4ieee\xa7\xe6kRJ(\x95R\x0e\x1dt\xc5K+\x16\xf4\xbb\xaco}y\xa5\xbf\xe6kZ^+*1\xae\xaa\xb2z\xfe\x82\xdc\x15\xab^#\xcdf\x97\xce\x9a5k\xf1\xe2\xc5z\xa8\x00qPxA\x01\x00\x08\x0f:\xf6\xa9\xae\xae\x9e?\x7f\xfe\xf2\xe5\xcbICC\xac\'z\x12B\x1e\x9b{\xef#\xf7\xdfc:\xcc&amp;\xd3\xfc;N\x08a\x9a\x06M\x88\x7f\xfd/o\xcf\x9e\xbf\xa8\xa4\xf4\xb8/\x0e"\xd8B.\x9c\xa1\x00\x00tv\x8d\xa7\xf9ggg\x17\x15\x15\xe9\xf1^\xa5\xd4i\xd3\xfco\x1e)*\xdcg\x9c\xe6\xef\x97k\x10BDu\xef\xfa\xddW\xdfL\x9e\xf1\xc8\xa6\xfc]\xc4\xb7\xc3\x84aX\x96\x15\x17\x17\xb7t\xe9\xd2\xa9S\xa7\x12\x8c\x0c\x87\x0fdv\x00\x9d\x9ao\x9a\xff\xf2\xe5\xcb322\x8a\x8a\x8at\xd8B)\xa5\x94ZBL\xb8y\xe4\xdemo8o\xb8\xd6s\xac\xac\xa5i\xfe\x1dG)5\x0c\xc3SV\xd1;\xe9|\xd7\xba\x17\x1f\x9bwo\xf3-\xe4\xb2\xb3\xb3\xb3\xb2\xb2|[\xc8\x05\xe22\xc0\xbf\xd0\x03\x00\xe8\xbc|\xd3\xfc\xa7M\x9b\x96\x97\x97G\x9aL\xc7\xe4l\xd1\xe3\xf7\xcf\x999\x85\xd4{[9\xcd\xbf\xe3\xa4\x94\x84P\xb3G\xd7\xbfo-h\xd8B\x8eI\xa9H\xc3B\x81\xbe}\xfb\xbe\xf4\xd2K\xc3\x86\r\xc3B\x81\xce\x0f\xef\r@g\xe4\xdb\xcd\xdf\xe5r\r\x1d:T\x9f\xd7\xa8\x0fq\xd4\xad\x7f\xca\x80\xfe;\xdf\xff\xcb\x9c9w{\xabk\xbc\x1eOpZ\x7fB\x08c\x8c1\xea)=\xdeh\x0b9\xa9\xb7\x90\xd3\xd3\x93\x8a\x8b\x8b322p\xd6|X@\x0f\x00\xa0\xd3i\xcd4\xff\xa5\xbf}(&gt;&gt;\xae\xdd\xd3\xfc;N\x08a\x9a&amp;=\xaf\xcb\x8b\xab^\x9d\xfb\xe8\xe2\xaa\x9a\x13z@\xa2\xf1B\x81\xe5\xcb\x97\xf7\xe9\xd3\x07\x0b\x05:-\x14\x00\x80N\xe4\xac\xd3\xfc\r\xcb\xb2\xba%\xc6\xafx\xe6\x91\xacI\xa3U]\x9d\xb7\xbeC\xd3\xfc\xfdr\xb5RJG\xb7\xc4\x83\x9f\x15O\x99&gt;_o!\xa7\x94R\x8a\x18\x06\xd7[\xc8\xad\\\xb9r\xe2\xc4\x89\x04\x0b\x05:%\xbc\x1f\x00\x9d\x85\x1e\xda\xd5\xbb\xf9\x0f\x192D\xef\xe6/\xa5$z7\x7f\xcb\x1a:\xe8\xf2]\x9b^\xcb\xba}l\xbd\xbbJX\xa1\x9fisj\x0b\xb9\xb2\x8a~\xc9?\xcd_\xff\xf2}w\xdf\xd107\x89\xf9\xb6\x90\x9b4i\xd2\xcc\x993\xab\xab\xab\x11\x07uB\xe8\x01\x00t\n!\x9c\xe6\xdfq\xa7\xb6\x90K\x88\x7f\x7f\xc3\xe6)3\x1e-)=\xae/\x9bR\xea\xdbB\xee\xc5\x17_\xc4B\x81\xce\x06\x05\x00 \xc4|\xb3e\xf6\xec\xd93m\xda\xb4\x90L\xf3\xef8}\xd4pT\xd7\x84\xef\xbe\xf9n\xd6CO\xbf\xb1\xfe\x03=Q\xb5\xf1B\x81\x85\x0b\x17\xce\x981\x83`\xa1@\xa7\x81\x02\x00\x10J\xbe\xa6077w\xde\xbcy\xba\x1f\xa0O\xe3RJ)\xa5&amp;\xdc&lt;2\xf7\x7f\xfe\xbb\xf7\x85\xbd=\x15\x95\x9d\x7f(\xd5\xb2DTL4q\x98K\x9f\x7f\xe9\xc1\x9cg-!\x9bl!7q\xe2\xc4\xe7\x9e{\xaew\xef\xde\x18\x19\xee\x0cP\x00\x00B\xa3\xf1\xe9\xed\xb3f\xcd\xca\xcb\xcbk\xf4\xc8\xcc-+4\xd3\xfc;N7\xf4f\xd7\xc4\xdd\xbb\xf6N\x9b\x93\xe3\xdbB\x8e4\x9c5\x8f-\xe4:\x0f\x14\x00\x80\x10\xf05|.\x97k\xf2\xe4\xc9%%%\xfa\xc1\x9fR\xaaw\xf3O\x19\xd8\x7f\xe5\xd2\xc7\xaf\x1er\xa5\xb7\xa2\x92\x84\xe1r*\xcb\xb2\xa2\x12\xe3\xab*\xaa\x9al!\xa7\x7fMB\xc8\xe3\x8f?\xfe\xc8#\x8f`\x0b\xb9\xd0B\x01\x00\x086_\xce\xb3`\xc1\x82\x9c\x9c\x1c\xe2\x9b\xe6\xdf\xb0\xbf\xe6\xf4\xa9Y\x0b\x1f\x99\x15\xdf5\xdeS\x19\xb2i\xfe\x1d\xf7\xc3\x16r\xaf\xbe=m\xeeSg&lt;k\xfe\xa5\x97^\xea\xdb\xb7/F\x86C\x05\x05\x00 x|\xdb\xba\x1d:th\xf2\xe4\xc9\x05\x05\x05\xcd\xa7\xf9\xaf\\\xf2\xe8\xa4_\x8fU\xee*\xaf\xd7\n\xf7G\xe3S[\xc8\xf5\xe8V\xfc\xe9\xc1\x19\x0f.\xdc\x94\xbf\xab\xc9\xef\x9b\x90\x90\xb0d\xc9\x12l!\x17*(\x00\x00A\xe2k\xe0\xd6\xae];}\xfa\xf4\x1fv\xf3oh\x13Ge\x0cY\xbeh~\xdf\x01\xfd&lt;\xc7\xcb#i\x80\xd4\xb2\xac\xa8\xf3\xba\x10B\x1e\xff\xed\x8a\'\x97\xfc\x9e\x10\xa2g7\xf9z&lt;S\xa7N]\xb2dIBB\x82o\t4\x04\x07\n\x00@0\xf8\xa6\xf9\xcf\x993g\xd5\xaaU\xe4L\xd3\xfcs\x1e\x9eN\x08\xe9\x84\xd3\xfc;NJI)5\xba%\xbe\xff\xee\xe6\x99\x0f.&lt;\xf4\xd57\xd8B\xae3@\x01\x00\x08\xac\x96\xa6\xf9\x93\x86Y1\xc9\x17_\xb8|\xd1|\xe7\xaf\xae\xb7\xca+\x95R\x11\xdc\xf6Y\x96\x15\xd5\xad\xeb\xf1\x92\xd2\xe9\x0f,x\xfd\xaf\xef\x13B8gB\x9c\xe1\xacyt\x05\x82\x03\x05\x00 \x80\x9aO\xf3\xd7\x8d\x9do^\xfc\x84\xd1\xa3V&gt;\xfbX\x8f\xa4\x9e\x9e\xf2\n;4y\xc2\x12f\x94\x83\x9e\x17\xfb\xe2\xaa\xd7\xee\x9f\xbf\x08g\xcd\x87\x16\n\x00@@\x9cs\x9a\x7f\\\x97\xd8\x05\x8f\xdc7\xf3\xde\xff \xf5^\xcf\xc9\x93vh\xfd\xb5S[\xc8\xf5\xe8\xb6oO\xd1\xb49O~\xb8\xffS\xce\x98T\xa7\x9d5\x9f\x9b\x9b;q\xe2D\xbd\x14.\x82\xbbD!\x87\x02\xd0\xe9D\xf0;b\x9f\xa7\xb9\xd6L\xf3\x7f\xf1\xf9\xa7\xd2\xaeN\xad?V\xce(\xa5\xcc.\xaf\x8c\x8feYQq\xe7y\xbd\xdey\x8f-Y\xf6\x87WH\xcbg\xcd#\x0e\n\x1c\x14\x00\x00?\xd3\xad\xd8\xb9\xa7\xf9\'\xc6y*\xab\r\xd3\xbeM\x9b\x10\x92s\xc6\xbb&amp;\xfcp\xd6|\xc3\x89\x02\x04g\xcd\x07\x05\n@\xa7s\xf2\xe4\xc9\xba\xba:}\xf6S\xa8\xaf\xc5?\xf4\xef\xc2\x18\x8b\x8f\x8f\x8f\xec{\xd87\xcd\xbf\xb8\xb8x\xca\x94)\x11?\xcd\xbf\xe3Nm!\xd7=\xf1,g\xcdc\x0b\xb9\xc0\x89\x9cV&amp;\x02\xe8\xae\xee\xa2E\x8b\x16-Z\xe4{Z\x8c\x18\t\t\t\xfb\xf7\xefOLLTJEd\x19\xf05O\xabV\xad\x9a;w\xae\xdb\xed\xb6\xc94\xff\x8e\xb3,+*&amp;\x86\x98\xc6\xd2\xe5\xab\x1f\xccY\xea["\xe0\xbb\x0b&amp;N\x9c\xb8r\xe5\xca\xee\xdd\xbb#\x0e\xf2/\xbc\x94\x9dNmmmEEE\xa8\xaf\xc2\xff,\xcb\x8a\xe0\xa7\r\xdd0\xb9\xdd\xee\xb9s\xe7\xfa\xa6\xf9[\x96u\x86i\xfe\xc7\xcb\xd1\x845a\x18\x86\xd7\xe3!\x1e\xcf\x9c\xb9\xf7\\\x956\xb0\xe1\xacy\xaeW\x0fp\xce\xf3\xf2\xf2\xfe\xf1\x8f\x7f&lt;\xff\xfc\xf3\x99\x99\x99X(\xe0Gx\x11;\x1d\xfdlh\x9a\xa6\x9e4\xc2\xc2\x99\xefW\xd0\xbfQ\xa8_\xda\x80\xf0\x9d\xde^PPp\xd5UW\xadZ\xb5J\xbf\x83RJ\xce\x99%D\x9f\x8b/\xdc\x98\xf7\xfb\x9c\'\xe7Zu\'\xbd\xb5uh\xfd\xcfH\x7f`&lt;\xc7\xca\x1a\x9d5/\xf4Y\xf3\xba\xb8\x16\x17\x17;\x9dN\x9c5\xef_(\x00\x9d\x8e:\x9d\x0cgM~\x97P\xbf\xb4\xfe\xa7\x07\'\x19c\xb9\xb9\xb9\x19\x19\x19\xc5\xc5\xc5\r\xd3\xfc\xa9N\xb7\'\xdd\xe2,t\xbd\xe6\xbc\xe1Z\xcf\xb12]\x0bC}\xc9\x9d\x9aa\x18\xf5U\xd5\tQ\x8eU+\x9f~\xf5\x85g\xba%\xc6\x8b\x86\xc1\x00\xfd:?\xf1\xc4\x13N\xa7\xf3\xd0\xa1Cz\x1b\xd1\x88\xfcP\x05\x13\x1eF:\xbb\xe8\xa8\xa8\x98\x98\xa8\xb0\xfb\xa0SB\xa4RU\xd5\'\xc2\xee\xca[\xa9\xf14\xff\xc9\x93\'\xbb\\.\xd2\xb0\xab\x81o\x9a\xff\xb3\x0b\x1f\xcc\x9e\x9a\xa5jj\xeb\xcb+\xf1\xe0\xdfJ\x9csa\t\xe9\xae\xca\xba}l\xda\x15\x97M\xfe\xaf\xff\xd6g\xcd\x13\xa5\xa4R\x86a\xb8\\\xae!C\x86\xacX\xb1\xe2\xb6\xdbn#\x18\x19\xee\x18|(;/\xfd\xe033;\xeb\xa1\xff\x9eY\x1fV\xc1\xb1R\x8a\x9bFE\xb9;u\xd4m\xee\xaa\x9aH\x9a\xd1\xa4I)\x19c\xba1j&lt;\xcd_)\xc5\x19\xb3,qU\xca\x80\x95K\x1fK\x1b\x9cZ\x7f\xbc\x9c1\xc6\xc3\xe4,\x97N\xe2\xd4Y\xf3\xc7\xcb\xfb^\xf2\x93\xfcw\xd6,x\xf6\x0f?l!\xd7p\xd6|VV\xd6\x96-[\x96.]\x1a\x17\x17\x87\x91\xe1v\xc3\xab\xd6\xd9\xc5\xc6\xc4t\xed\xd1M(\xc9\xc3\xe8#\xae\x141M\x16\xa1+\xbf|\xd3\xfc\xe7\xcd\x9b\x97\x9b\x9bK\x1a\xc6{u\xf8#\x94\xba\xef\x9e;\x16?9\xd74M\xcf\xb124L\xedf\x18\x86\xf7D\x1d\xe3,\xe7\xc9\xb9C\x06]~\xea\xacy\x83\x0b!u\x98\xb6j\xd5\xaa\xa2\xa2\xa2\x95+W\x0e\x1e&lt;Xbd\xb8]\xf0\xe9\xec\xec\x84\x90\xca\xeb\xf5z\xad0z\x86VJ\x19\x84x\xbd\x916L\xd7\xd24\x7f_\xec\xd3\xabg\x8f\xe7\x16&gt;8\xe9\xf6\xb1\xa2\xc2]\xef\xf1\xa2\xf5\xef \xc6\x99R\xcas\xac\xccy\xc3\xb5{\xb7\xf5\x9f\xf5\xf0o\xdfxg\x13i\x88\xda8\xe7EEE\xe9\xe9\xe9\xbe-\xe4\x10\x07\xb5\x15\nfgG)\xa1a+\xd4/\x9e?\t!(\xa5\x9c\xf3U\xabV]u\xd5U\x05\x05\x05\x86a\xe8\x07OB\x88e\x89Q\x19C\xf6ny}R\xd6\x18\xcf\xb1r\xa5\x14\xe7\xb8\xb9\xfc\x80Rj\x18\x86\xa7\xc2\xdd\xbbg\xf7\xbc\x97s\x97\xfd\xf6\xe1\xb8.\xb1RJ\xc38\xb5\xa7\x9eeY\xb3g\xcfv:\x9d%%%\xba+\x16ayc@\xe13\npn:\xe1q\xbb\xdd\xd9\xd9\xd9\xd9\xd9\xd9n\xb7\xfb\xd44\x7f\x83K)\r\xce\x1f\x9bw\xafk\xdd\x8b\xbd\x93\xce\xf7\x94U\x18\x06\x16y\xf9\x99ap\xefIO}\xf5\x89\x99\xb3\xa6n{\xf7\xe5\x94\x81\xfd-Kp\xcet[\xaf\x07c\xd2\xd2\xd2\\.\x97a\x18\x94R_a\x86\xb3C\x01\x008\x07y\x96i\xfe\x96\xe8s\xf1\x85\xdb\xdeY\x9d\xf3\xe4&lt;o\xedI\xefI\x0fb\x9f\x00a\x8cq\xce&lt;\xdf\x1fOK\xb9,\x7f\xfd\xcb\xd3\xa7f\t!\x95R\xbe\x01\x98\x92\x92\x12\xa7\xd39{\xf6l=g\x145\xa05P\x00\x00Z\xe4\xdb\x8e\xf8\xec\xd3\xfc\xd3\xd3\xaf\xf2|\x7f\x9c1L\xf3\x0f8\xc34\xea\xabj\xe2\xa2\xcc\xe5\xcf?\xb5\xf6\xc5\xc5\xbdz\xf6\xd0\x030\xcd\x17d0\xc6\x90\x05\x9d\x13&gt;\xaf\x00gS__\x7f\xf3\xcd7\xfb\x9e+\x85\x10\x84\x12!d\\\x97\xd8\x17rs\xd6\xbe\xf2|\xf7\xf8\xf3\xea\xddUv\xde\xd43\xc88\xe7BH\xcf\xb1\xb2IYc\xf6ny}T\xc6\x10\xcb\x12\xe4\xf4%\xd9\x83\x06\rZ\xbf~=!$\xc26\xd4\xf2;\x14\x00\x80\x16)\xa5L\xd3\xac\xae\xae\xe6\x9c\xeb!_\xc6\xa8\xc1\xf9\xe0\xd4\x81\xdb\xd6\xaf\xc9\xbe\xfb\xf6\xfa\xf2JaaS\xcf`;52\\V\xd1;\xe9|\xd7\xbaU\x8f\xdd\x7fO\xdcy\xb1z\xdcE\xaf\t\xa8\xaa\xaa\xea\xd2\xa5\x0bFb\xce\t\x05\x00\xa0Ez\xc1\xd7\xd4\xa9S\xf5\xae\x03\x94R)\xd5\x05\xe7w\xdf\xb2\xee\xc5\xb4\xb4\x81\x9e\xd22l\xea\x19B\x86axOz&lt;\'N\xe4,y\xec\xd19w\xeb\xf1\x00=/\xa8\x7f\xff\xfe#F\x8c\xd0_\t\xf5evj(\x00\x00-\xd2\xcd\xc7\xf5\xd7_\x1f\x17\x17\xa7\xc3\x04\xc6\xd8\xd1\xd2\xb2O&gt;;(-\xc10\xd13\xd4\x18c\x94\x10Y\xe9.\xf8\xf0\x1f\xbe\xaf\x10Bn\xbe\xf9\xe6\xc8\xdbP=\x10\xf0\t\x06h\x91\x9e\xed\x93\x94\x944|\xf8p\xd2\xb0c\xa5\x10\xe2\xcdw7\xb3\xe8(\xcc3\t9\xa5\x94#:\xfa\xbb\xaf\x8el\xd9\xb9\x874\x0c\x03PJ\xc7\x8d\x1bG"t!\xba\x7f\xa1\x00\x00\x9c\x8dn\xe5\'L\x98\xa0\xff\xa8\x94$\x84\xe4\x17\xee\x95\xb5u\x88\x17BNJIb\xa2?\xdc\xffY\xcd\x89:\xdf\xf4\xdc~\xfd\xfa\xa5\xa4\xa4 \xffi\r\x14\x00\x80\xb3\xd1\x8d\xc8\xc8\x91#ccc\x85\x10R*J\xe9g\xff\xfc\xf2\xe0\x17_\x1a1\xd1Rb\xa2a\xa8Q\xb2~\xd3vB\x08\xa5\xa7\xf2\x1f\xa7\xd3\xe9p8\x90\xff\xb4\x06\n\x00\xc0\xd9\xe8\x87\xca\x0b.\xb8`\xe0\xc0\x81\xe4\xd4r$\xee\xa9\xf7\xae\xff`;\x89\x8e\x96\x12\xadL\xc8(\xa5L\x87\xe9.)}\x7f[\x01!D\x08\xa9\xbbk\xd7]w\x1dA\xfe\xd3:(\x00\x00\xe7\xa07\x80\x1b?~&lt;9u\xc0\xbd$\x84\xbc\xb5a\xab\xac\xab\xc3\x86?!$\xa5\xa4\xb1\xb1;\n\xf7\x1e--c\x8c\xeb\xaf$%%\x8d\x181\x82`g\xd0\xd6\xc1k\x04p\x0e\xba)\x19=z\xb4\x0e\x16t\nTt\xe0\x8b\x83\x9f\x17\x1b11H\x81B\x89\xd1u\x1b\xb6\x10B\x18;\x15\xd69\x9dN=e\x0b=\x80\xd6@\x01\x008\x07\xbd\xb1Lrrrjj\xaa\xde\x19\x82s\xee\xf5Z\xeb?\xd8\x81\x14(T|\xf9\x8f+\xbf\x904\xca\x7f|\xc3\xf5\xd0\x1a(\x00\x00\xe7\xa6W\x84\xf9&amp;\x17"\x05\n\xb9\x96\xf2\x9f\xf4\xf4t\x82\xfc\xa7\xd5\xf02\x01\x9c\x1bR\xa0\xce\xe8L\xf9O||&lt;\xf2\x9f\xd6C\x01\x0087\xa4@\x9d\n\xf2\x1f\x7fA\x01\x00h\x15\xa4@\x9d\x07\xf2\x1f\x7f\xc1+\x05\xd0*-\xa7@\x87\x90\x02\x85\x00c\xc8\x7f:\x0e\x05\x00\xa0U\xce\x94\x021\xaf\xd7\xfa\x9b+\x9f`_\xa0 \xd2\xf9O\xc5\xb7G\x91\xfft\x1c\n\x00@k5K\x81\x14!\xc4\xb5\xad\x90\xd4{\x19\xc3Sg\x90H\xa9hLL\xd1\xc7\x9f\x1d--\xd3\xdd2)e\xaf^\xbd\x90\xff\xb4\x03^,\x80\xd6\xf2m5\xecK\x81\x08!\xfb?\xfd\xe7\xb7\xff\xf7o3\xca\x81\x03\x08\x83C)I\x0c\xee\xda\xbe\x9b\x10\xc2\x18\xd5\xf9\xcf\xa8Q\xa3\x90\xff\xb4\x03\n\x00@k\xe9cf/\xbe\xf8\xe2\x8b/\xbeX\x9f\x0f\xc39wW\xd5\xb8\xb6\x15\x92\xd8X!\x90\x02\x05\x83i\x1a\x9e\x8a\xaa\xbfm\xdcF\x08\x91R\xea\xba{\xed\xb5\xd7\x12BP\x83\xdb\n\x05\x00\xa0\r\x84\x10\x0e\x87c\xf4\xe8\xd1\xa4Q\xda\xb0n\xc3\x16"\x04B\xa0 \x10B\xb2\xd8\xd8}E\x9f\x1c\xfa\xea\x08cL)"\x84\x88\x8b\x8b\x1b9r$i\xd8\xba\x15Z\x0f\x05\x00\xa0\rt\xc20n\xdc8=&amp;\xac\x87\x1fw\xee\xde\xf7\xed\xe1#ft\x14\x9e@\x03M)IL\xf3\xed\x8d\xdb\xf48\xbc\xae\xc1\xc3\x87\x0f\xef\xd5\xab\x97&gt;\n&amp;\xd4\x17\x18fP\x00\x00\xda\x80s\xae\x94JIIINN\xd6-\x0e\xe7\xbc\xba\xa6\xd6\x95\x8f\x14(\x18L\xd3\xf0T\xb8\xdf\xd9\xb4\x9d\x10\xe2[\x7f\xa7\xe7\xff`"V;\xa0\x00\x00\xb4\x8dN\x81\xc6\x8c\x19C\x90\x02\x05\xd7\x0f\xf9\xcf\xe1\xd3\xf2\x9f\xcc\xccL\x82\xfc\xa7]P\x00\x00\xda\x06)P\xa8\xb4\x94\xff$%%!\xffi\x1f\x14\x00\x80\xb6A\n\x14*\xc8\x7f\xfc\x0e\x05\x00\xa0\xcd\x90\x02\x05\x1f\xf2\x9f@@\x01\x00h\xb3\x96R\xa0\xef\x0e\x1f1\xa3\xa3\x91\x02\x05\x82R\x928\x90\xff\xf8\x19\n\x00@\x9b\xb5\x94\x02m\xdcV@b\xa3\x91\x02\x05\x82i\x1a\'\xcb*\x91\xff\xf8\x17\n\x00@{\x9c1\x05Z\xbfi\x07\x91\n\x0f\xa3~\'\xa5d11\x9f\x1c\xf8\xe2\xd0\xe1#\x94R\xe4?\xfe\x82\x02\x00\xd0\x1e\xbe\x14\x88s.\xa5\xd4\xc7\x03|\xb8\xffS\xf7\xf7\xc7L\x87\x89\x14\xc8\xbf\xa4\x94\xc4an\xdf\xbdO)\xc59\xd7\x15w\xc4\x88\x11\xc8\x7f:\x08\x05\x00\xa0=t\x1b4p\xe0\xc0\x0b.\xb8@J\xa9\x14a\x8c\x97|\x7flG\xe1^\x1a\x1b\x8bP\xc2\xbf8g\xb2\xee\xe4\xbaw\xb7\x10B\x94:\xd5\xe2_\x7f\xfd\xf5\x04\xf9O\xc7\xa0\x00\x00\xb4\x07\xa5T\x08\x11\x1b\x1b\xeb\xdb\x85F\xe7@\xeb6l!\x98\t\xe4WR*#&amp;\xe6\xe0\xe7\xc5E\x07\xbe\xa0\x94J\xa9t\xfe\xa6\xf3\x1f\xec\xff\xdc\x11x\xed\x00:d\xe2\xc4\x89\x84\x10)\xa5\x1e\xfbu\xe5\x17\xbaKJ\x91\x02\xf9\x91\x94\x82DG\xaf\xff`\x87\xd7k\xe9\xfcG)\x95\x9a\x9a\xda\xaf_?}BC\xa8/0\x8c\xe1\xb5\x03h\'\xdd\xf4\xa4\xa7\xa7\xeb$\x9a\x10\xc2\x18?ZZ\x86\x14\xc8\xbf8g\xb2\xae\xee\xad\r[I\xa3\xfcg\xdc\xb8q\x94R\xbc\xc8\x1d\x84\x02\x00\xd0N:\x05\x8a\x8f\x8fw:\x9d\x04)P`\xb4\x94\xff4\xd9\x91\x1b\xda\x07/\x1f@G\xf9f\xa3#\x05\xf2\xbb\x96\xf2\x1f\xbd\x02\x03\x05\xa0\x83\xf0\xf2\x01\xb4\x1fR\xa0@k)\xff\xd1k\xb0C}ua\x0f\x05\x00\xa0\xfd\x90\x02\x05\x14\xf2\x9f@\xc3+\x08\xe0\x07H\x81\x02\x01\xf9O\xa0\xe1\x15\x04\xe8\x90\x96R\xa0\xedH\x81:\x8cs\x8e\xfc\'\xa0P\x00\x00:\xc4\x97\x02\xf9\xf6\xa5\xd1\x0f\xa6o\xbf\xb7\x15)PGH\xa9\x8c\x98\xe8\x83\x9f\x1fB\xfe\x138x\x11\x01\xfcc\xe2\xc4\x89zf\xba\x94\x8a\x10R\xf0\xd1?&lt;\x95\xd5\x86\x81}\xca\xdaIJI\xa2\xa2\n\xf7}\xec\xf5Zz\xffg\xa5\xd4\x95W^\x89\xfc\xc7\x8f\xf0"\x02t\x94n\x8c\x86\x0c\x19\x92\x98\x98(\xa5\xd4\x1b\xd6\x7f\xf9\xf57\xfb\x8a\x0e\xb0\xd8\x18\xec\x0e\xdd&gt;\x8c\x12"\xc4\xdb\x1b\xb6\xea?\xea\xfcg\xd4\xa8Q\xc8\x7f\xfc\x08\x05\x00\xa0\xa3\xf4\x83\x7fbb\xe2\x90!C\x08!\xa7\x1eW\xa5z{\xe3Vb:\xf4F\xa1\xd0&amp;J)3:\xea\xdb\xc3Gv\xec\xdeG\x08\xd1\xa7\xee0\xc6F\x8d\x1aE\x1a\x8a\x01t\x1c\n\x00\x80\x1f\xe8M\x89\xf5\xbe@\xa4\xe1\xc4\x92w6m\xf7T\xb8M\xd3\x08\xe9\xa5\x85%!$\x89\x8du\xe5\x17V\xd7\xd4r\xceu\x89MNNNKK\xd3;B\x87\xfa\x02#\x04\n\x00\x80\x1f\xe8&amp;)333..N\x08\xa1\x14a\x8c\x1d:|d_\xd1\'\x0c\'\xc5\xb7\x9d\xce\x7f\xd6m\xd8r\xea\x8f\x8c\x11B\xc6\x8c\x19\xe3p8\x84\x10!\xbd\xb4\x88\x82\x02\x00\xe0\x07\xfa\x115))i\xf8\xf0\xe1\xc4\x97\x02)\xf5\xf6\xc6m\xc44\x91\x02\xb5\x89/\xff\xd9yz\xfe3n\xdc8\x82\xfc\xc7\xafP\x00\x00\xfcC\x8fL\xea\x15a\x04)P\x07\xb4\x94\xff\xa4\xa4\xa4 \xff\xf1/\x14\x00\x00\xff@\n\xe4/\xc8\x7f\x82\x06\x05\x00\xc0?\x90\x02\xf9\x05\xf2\x9f`B\x01\x00\xf0\x1b\xa4@\x1d\x87\xfc\'\x98P\x00\x00\xfc\xa6\xe5\x14\xe8\x00R\xa0VB\xfe\x13Lx*\xe9\xec\xa4RB\x08!$\xa5a\xd3|(\xa5(\x936l\xef\x1a\xa7@\x1b6l`\x8cQJ,K\xae{o\xeb\xd0\xeb\x86)%\xf1\xc8uvJ)3:\xfa\xdf\xff\xfa?_\xfeC)\xa5\x94"\xff\t\x10\x14\x80\xce.&amp;*\x8a\x9f\x97\x10[\xef%F\xf8\xbcYJ\x11\x87\x91hY6\xbccu`=a\xc2\x84\r\x1b6\x10B\xf4v\xd0\xf9\x85\x1f\xc9\xda:\xc4\x17\xe7$\xa5$1\xd1\x1f\xee\xffT\xe7?J))e\xff\xfe\xfd\x91\xff\x04H\xf8\xb4)\xf6\xa3\xdb\x8e\x83\xff\xfaz\xdb\xfb\x9b\xeb+\xdd\xe1\xf5\xe9\xe7\x9cWU\xd5x\xbdV\xa8/$\xd8\xf4\xdb4r\xe4\xc8\xd8\xd8\xd8\xda\xdaZ\xfd\x00\xfb\xd9?\xbf&lt;\xf8\xc5\x97?\xbf\xac\xaf\xb7\xf6$\xc3\x16\xa1gG\xc9\xfaM\xdb\t!\x94\x12J\x99\x94\xd2\xe9t:\x1c\x0e\xcb\xb2\x8c0z\x06\n\x13xA;/\x9dx\xfe)o\xfd\x9f\xf2\xd6\x87\xfaZ:\xc4V\x87\xa2\xe8\x14\xe8\x82\x0b.\x188p\xe0\x9e={\x18c\x94RO\xbdw\xfd\x07\xdb\x7f\x9e\xf6\x0bYs\x821\xdctg\xa6\x942\x1d\xa6\xbb\xa4\xf4\xfdm\x05\x84\x10!N\x1d\x00p\xddu\xd7\x11\xe4?\x81\x81D\xb2\xb3\xa3\x94\xb2\xb0\x15\xea\x17/4\xa4\x94\x9c\xf3\xf1\xe3\xc7\x13B(\xa5z\x02\xe8[\x1b\xb6\xca\xba:\xcem\xfa\x9a\xb4\x86\x94\x92\xc6\xc6\xee(\xdc{\xb4\xb4\x8c1\xae\xbf\x92\x94\x944b\xc4\x08\x82\x03\x00\x02\x03\xafi\xa7\xc3\x18\xe3\x8d0\xc6h\xd8\xe2\xa7\x0b\xf5K\x1b$\xba\xa9\x1a=z\xb4\x9e\xb8"\xa5\xa2\x94\x16\x1d\xf8\xe2\xe0\xe7\xc5FL\x8c&gt;-\x00\xce\x8cQ=\xff\x87\xb1Sa\x9a\xd3\xe9\xd4S\xaa(z\x00\x01\x80\xdeh\xa7SWW\'\x84\x88\xbc\x19o\x95\x95\x956\xc9\x82\x18cz\xeazjj\xea\xee\xdd\xbb\xf5dv\xaf\xd7Z\xff\xc1\x8e\x9f\xa7]\x8e\x14\xe8\x8c|\xf9\x8f+\xbf\x904\xca\x7f|\x8b* \x10\xf0A\xecD\xf4\'\xbe\x7f\xff\xfe\xd7\\s\r\xe7&lt;bj\x00\xa5T)\x15\x17\x17g\x9af\xa8\xaf%H\xa4\x94\x86a\x8c\x1b7n\xf7\xee\xdd\xb4Q\n4\xf7\xbe\xa9H\x81\xceHJi\xc4\xc6\xedpm\xd7\xf9\x8fRR\xe7?\xe9\xe9\xe9\x04\xf9O\xc0P\x9b&lt;\x94\x01\x04\x93\x9e\x0cZ\\\\&lt;p\xe0@\xaf\xd7\xab\xbfh\x18\xfc\xe3-\xaf\xff\xfc\xb2~\x98\x0b\xd4\x9c\x10\xc2\xd1-\xf1\xce)\xf7\xbf\x9c\xb7\xde08!\xd4\xb2\xac;\xef\xbcs\xf5\xea\xd5B\x08\xfb\xe4\x87A\x86\x1e@\xa7\xa3\x94\x8a\xd4\xaal\x9f\xe78\xa4@m\x82\xfc\'T\xecrC\x86\x11\x1a\xce\xd3~\xce.\xd4/mP5\xd9\xc2\x0cs\x81\xce\xa2\xa5\xf9?\xc8\x7f\x02\r\xaf,@@\xb0\x16\xe7\x02\x1d\xc2\\\xa03`\xac\xf9\xfc\x9f\xf8\xf8x\xcc\xff\t(\x14\x00\x80\x80`\x8dR \xa5\x14c\x8cs\xe6\xf5Z\x7fs\xe5\x93\xe8(\xbdo(\x90\x86\xfc\xa7\xe2\xdb\xa3\xbe\xfc\xa7\xc9\xa6\xaa\x108(\x00\x00\x81\xd2,\x05R\x84\x10\xd7\xb6BR\xef\xc5 \xb0\x8f\x94\x8a\xc6\xc4\x14}\xfc\xd9\xd1\xd22\xddm\x92R\xf6\xea\xd5\x0b\xf9O\x10\xe0\xc5\x05\x08\x14\xddx\xdd|\xf3\xcd\xbe\x14\x88\x10\xb2\xff\xd3\x7f~\xfb\x7f\xff6\xa3\x1c\x91:\xd4\xdfVJIbp\xd7\xf6\xdd\x84\x10\xc6\xa8\xce\x7fF\x8d\x1a\x85\xfc\'\x08P\x00\x00\x02\x851\xa6\x94\xba\xf8\xe2\x8b/\xbe\xf8b\xa5\x94^\x1a\xed\xae\xaaqm+$8\x1e\xa0\x81i\x1a\x9e\x8a\xaa\xbfm\xdcF\x08\x91R\xea\xbax\xed\xb5\xd7\x12\x9b\xed"\x15\x12(\x00\x00\x01$\x84p8\x1c\xa3G\x8f&amp;\x8d\xd2\x8cu\x1b\xb6\x10!\x10\x02\x11B\x84\x90,6v_\xd1\'\x87\xbe:\xc2\x18S\x8a\x08!\xe2\xe2\xe2F\x8e\x1cI\x1a\xb6V\x85\xc0A\x01\x00\x08 \x9d`\x8c\x1b7N\x8f\t\xeb\xe1\xcd\x9d\xbb\xf7}{\xf8\x88\x19\x1d\x85\'\\\xa5$1\xcd\xb77n\xd3\xe3\xe4\xbaF\x0e\x1f&gt;\xbcW\xaf^\xfa4\x98P_`\x84C\x01\x00\x08 }\xaaIJJJrr\xb2n\xd18\xe7\xd55\xb5\xae|\xa4@\x84\x9c\xca\x7f\xdc\xefl\xdaN\x1a\x8eP&amp;\r\xf3\x7f0Q*\x08P\x00\x00\x02K\xa7@c\xc6\x8c!H\x81N\xf7C\xfes\xf8\xb4\xfc\'33\x93 \xff\t\n\x14\x00\x80\xc0B\n\xd4\x92\x96\xf2\x9f\xa4\xa4$\xe4?\xc1\x81\x02\x00\x10XH\x81Z\x82\xfc\'\xe4P\x00\x00\x02\x0e)Ps\xc8\x7f:\x03\x14\x00\x80\x80k)\x05\xfa\xee\xf0\x113:\xda\x9e)\x90R\x928\x90\xff\x84\x18\n\x00@\xc0\xb5\x94\x02m\xdcV@b\xa3\xed\x99\x02\x99\xa6q\xb2\xac\x12\xf9Oh\xa1\x00\x00\x04\xc3\x19S\xa0\xf5\x9bv\x10\xa9l\xf8\xb0+\xa5d11\x9f\x1c\xf8\xe2\xd0\xe1#\x94R\xe4?\xa1\x82S)\x00\x82\xc1\x97\x02-]\xbaTJI\x88"\x84|\xb8\xff\xd3\xca\xa3\xc7bc\xa3\xbc^\xcbNe\x80Z\x96\xc58\xdf\xbe{\x9fR\xca0\x0c\xa5\x94\x10b\xc4\x88\x11:\xff\xc1\x06pA\x83\x02\x00\x10\x0c\xbaQ\x1b8p\xe0\x05\x17\\\xf0\xddw\xdf\xe9\x14\xa8\xe4\xfbc\xbb\xf7~\xec\xcc\x1aOj\xdc\xc4N\xa7\xc4D\x11B8_\xf7\xee\x16B\x88R\x92RF\x08\xb9\xfe\xfa\xebI\xc3\x16\xaa\xa1\xbd&lt;\xfb@\x01\x00\x08\x06J\xa9\x10"66v\xe4\xc8\x91/\xbf\xfc2\xe7\\\'\xdd\x0b\x97\xad\xda\xfd\xd9Aq\xa2\x96\xd9&amp;\xf7PJq\xceN\x9c\xa8+:\xf0\x05!DJE\x88p8\x1c:\xffA\xeb\x1fL8\x14\x1e H\xf4\xe1\xe6\xef\xbd\xf7\xdeM7\xdd\xa4\xa7\x03\x85\xfa\x8a:\x05\xce\xb9\x10\xe2\xea\xab\xaf.,,\xd43\x82B}E6\x82\x1e\x00@\x90\xe8\xa6-===))\xe9\xe8\xd1\xa3\xfa\x88\x98\x86\x19\x90\x8a\x10\xfb\x0c\x02\xe8_VY\x96 \x8dFGt\'\t\x05 \x98\xf0Z\x03\x04\x89n\xe0\xe2\xe3\xe3\x9dN\xa7a\x18QQQ\x86a4\xb4w\xf6i\xfdI\xc3/K\r\xc30M\x93R\x1a\x15\x15\xd5d\xc7l\x08\x0eD@\x00\xc1\xa3S\xa0\r\x1b6\xfc\xeaW\xbf\n\xf5\xb5t"W\\q\xc5\xbe}\xfb\x08\n@\xd0\xa1\x00\x00\x04\x8f&gt;\x17\xac\xae\xaen\xd9\xb2e\x1e\x8f\'\xd4\x97\x13zz,d\xf8\xf0\xe1\xd7\\s\r\xe6\xff\x04\x1f\n\x00\x00\x80Ma\x10\x18 \xd8\xf4\xba\xa7P_E\'\xe2\xdb\x0b\x08\x82\x0c=\x00\x00\x00\x9bB\xd5\x05\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14\x00\x00\x00\x9bB\x01\x00\x00\xb0)#\xd4\x17\x00\x10\x0cJ)\xfd\xdfZ\x93\xef\xd2FBqu\x00\xa1A\x9b\xdf\x0c\x00\x11CJ)\xa5\xa4\x94r\xce[\xff\xf3\x8c1\xc6\xd09\x86\xc8\x87\x02\x00\x11H\xb7\xe3\x86qZ\x07\xb7\xb4\xb4\xf4\xdbo\xbf=v\xec\xd8\xf1\xe3\xc7\xab\xaa\xaa\xea\xeb\xeb\x95R\x0e\x87#!!\xa1g\xcf\x9e?\xfe\xf1\x8f/\xba\xe8\xa2\xd8\xd8X\xdf\xbf@\x08A\x19\x80\xc8f\xf7\x02 \x84`\x8c\xa1\xe3\x1f\x19\x94R\xfay\xdf\xd7p\x7f\xfe\xf9\xe7;w\xee\xfc\xfb\xdf\xff~\xe0\xc0\x81\xaf\xbf\xfe\xda\xedv\xb7\xf4w\r\xc3\xe8\xd5\xab\xd7\x15W\\1r\xe4\xc8\x1bo\xbc\xf1\x92K.!\xf8xD:\xbc\xbf\xb6.\x00J);\xbf\xf7\x11F\x08\xe1\xcby\xbe\xf8\xe2\x8bu\xeb\xd6\xfd\xedo\x7f\xdb\xbf\x7f\xbf\x10\xa2\xf1\x8f\xe9\x9fi\xfc\xbe\xebQ\x01\xfd\xc8\xaf\xc5\xc6\xc6\x8e\x1e=z\xee\xdc\xb9iii\x84\x10\x1d\n\x05\xe3w\x80 \xc2\xedO\xec\\\x00\xf4\xdb\xbfr\xe5\xca\xdbo\xbf=&gt;&gt;\x9e\x9c\xde(@x\xd1\xef\xa6\x94\xf2\x9dw\xdey\xe1\x85\x17&gt;\xf8\xe0\x03\xcb\xb2\xf4\xb7t\x10$\xa5&lt;\xe3\xf0\xafO\xe3q`\xfdw\r\xc3\x985k\xd6\x82\x05\x0b\xa2\xa2\xa2P\x03"\x0cn\x7f\xcd\xa6\x05@\x07\x05\x87\x0f\x1fNNN\xfe\xe3\x1f\xff8e\xca\x94\xc6\xcf\x8f\x10^\xf4g\xf8\xb5\xd7^{\xf6\xd9g\x8b\x8a\x8a\xf4\x17\r\xc38g\xa3\xdf\x12\x1d"\xe9\xbf\xfe\xcb_\xfe2///))\t5 b\xe0\xf6\xf7\xb1i\x01\xd0\xef\xb7\xd3\xe9\xdc\xb4iS\xef\xde\xbd?\xf9\xe4\x93\xc4\xc4D\xcc\x02\x0cS\xbai\x1e9r\xe4\xe6\xcd\x9b\x1d\x0e\x87\x10B\xb7\xdd\xcd\x7f\xf2\x8cs=\xcf27\xd40\x0c\xaf\xd7;p\xe0\xc0\xad[\xb7v\xef\xde\x9d\xd8\xf591\xc2\xe0\xf6\xf7\xb1\xe3\x13\x8d~\xfb\xdfx\xe3\r\x97\xcbe\x9a\xe6\xb7\xdf~\xbbt\xe9R\xfd\xc4\x17\xeaK\x83\xf6\xd0m\xf7SO=\xc59\xb7,K\x08\xd1\xb85\xd7s@\r\xc3\xa0\x94\xea\xac_\x9cNW\x0b\xcey\x93\x07|\xa5\x94\xd7\xeb5M\xf3\xc0\x81\x03YYY\xfa\xef\xda\xf3\x81)\x92\xe0\xf6o\xccv=\x00\xfd\xacgY\xd6\x80\x01\x03\xbe\xfc\xf2K\xc6\x98R\xca0\x8cO?\xfd\xb4O\x9f&gt;\xe8\xe6\x87)\xfd\xc6\r\x1f&gt;|\xe7\xce\x9d\x9cs=\xf0\xab;\xf5\x8d\x07\x81\xbbu\xeb\xd6\xbbw\xef\xee\xdd\xbb\xc7\xc5\xc59\x1c\x0e\xaf\xd7\xebv\xbb\xff\xfd\xef\x7f\x1f9rD\xe7\xfe\x9c\xf3\xe6\xad\xbci\x9a^\xaf\xf7\xd9g\x9f\x9d3g\x8em\xb3\x82\xc8\x80\xdb\xbf)e3\x96e)\xa5\x16.\\H\x1a\x1a\x08\xfd\xdf\x13&amp;L\xf0}\x17\xc2\x8e\xd7\xebUJ\xfd\xf5\xaf\x7f\xd5oh\xe3\x15\x00\t\t\t\xa3G\x8f\xfe\xdd\xef~\xf7\xd1G\x1f\x95\x95\x95\xf9\x06\x06|N\x9e&lt;\xf9\xc5\x17_\xacX\xb1B\xcf\xf9!\xcdr\x1e\xbd.\xack\xd7\xae\xdf\x7f\xff\xbd^a\x10\x8a_\x11\xfc\x00\xb7\x7f\x13\xf6*\x00\xba\xcb_RR\xd2\xad[\xb7\xc6\xf3\x7f\xf5\x87 ??_\xd9\xf2C\x10\x19\xa4\x94^\xafw\xc0\x80\x01\xbe\x86\xfb\x97\xbf\xfc\xe5\xef\x7f\xff\xfbo\xbe\xf9\xa6\xc9O\n!\xac\x06:/\xd2,\xcbZ\xb6l\x99\xc3\xe1h\x1e\x07\xeb\x8a\xf2\xcc3\xcf\xa8\x86b\x03a\x07\xb7\x7fs\xf6*\x00\xfa\xdd\xbd\xf3\xce;}\xef\xba\xef\x11\x8fR\x9a\x96\x96v\xf2\xe4I_(\x0c\xe1E\xb7\xcb/\xbc\xf0Btt\xf4\xe4\xc9\x93\x0b\n\n|\xdf\x12Bx\xbd^\xfd\xce6\x7fs\xf5\xa8\x80\xd7\xeb\xd5\xdfZ\xbf~\xbdi\x9aM\xd6\x07q\xce)\xa5W^y%z\x00\xe1\x0b\xb7\x7fs6*\x00\xfaYo\xdf\xbe}\x0e\x87\xc3w{\xfb\x9e\xf5\xf4\x07b\xcd\x9a5\xca~O\x01\x91\xa4\xa6\xa6\xe6\xe0\xc1\x83\xfa\x7f\xeb&gt;A\xeb\xefg)\xa5\xc7\xe3QJ=\xfa\xe8\xa3M\xda\x08\xfd!\x89\x8a\x8a\xfa\xfa\xeb\xafU\xc3g\t\xc2\x08n\xff3\xb2\xd1 \xb0\x1e\x0c\xbc\xe6\x9ak|\xe3\x84zZ\x88\xfe\xae\xfe(\xf4\xec\xd9\xf3\xb3\xcf&gt;\xb3\xed\x9c\xb0\x88\xa1\xdf\xdcv\x0c\xe8\xe9\xa9 UUU\xc9\xc9\xc9eee\x8d?!z\xa2\xc8\x86\r\x1bn\xbc\xf1F\x0c\x05\x87\x1d\xdc\xfegd\x97!o}\xc7\xbe\xfa\xea\xab;w\xee4\x0cC\xef\x01\xa2\x94z\xfa\xa1\xe9\x17\xfe(\xc9\xf78p\xf4\xe8Q;\xcf\t\x8b\x00J))e\xf39\x9d\xad\xa4?\x15\x89\x89\x89\xc3\x87\x0f\'\xcd\x82\x02B\xc8\xd7_\x7fM\x1a&amp;\x9eB\xb8\xc0\xed\xdf\x12[\x14\x00\xa5\x14\xa5\xd4\xedv\xe7\xe4\xe4\xe8\r\x038gR\xca!W\xfe\xe2\xe1\x85\x0f\xcd\xbd\xf7?\x95R\xfa]g\x8c-^\xbc\xf8\xd0\xa1Cz:`\xa8/\x1c\xda\xac}\x0f\xfe\x8d\xe9\xaeq\xe3\xc1\xe4\xc6\xca\xcb\xcb;\xf2\x8fC\xf0\xe1\xf6?\x0b[\x14\x00]\xf0sss\xff\xf5\xaf\x7f5L\xf4&amp;\x0e\x87\xb9\xec\xa9\x07eU\xf5\xdd\x93\'\xf5\xbd\xe4\'zu8\xa5\xb4\xbe\xbe~\xfe\xfc\xf9\x04Oy6F)MHH8\xe3\xb7\xbc^o\x90/\x06:\x08\xb7\xffYD~\x01\xd0\x81\xc0\xe1\xc3\x87\x9f{\xee9\x9d\xfd\x19\x06\x97R\xde6\xc69(\xe3jOEet\\\x97eO\xcdSJQ\xfa\xc3*\xc1\xed\xdb\xb7\xfb\xd6\x13\x81\r\xb5\xd4\xd0;\x1c\x8e _\tt\x04n\xff\xb3\x8b\xfc\x02\xa0;\x80\x0f&gt;\xf8\xa0o/x)e\xb7\xae\t\xbf}\xf4&gt;QUc8LoU\xb5\xf3\xc6\xebF\x8e\xb8Z\x08\xc99\xd3?\x7f\xff\xfd\xf7{&lt;\x9e\xc6\xc3D`\x1fJ\xa9\x92\x92\x923~K\xef\x08\x04\xe1\x02\xb7\xff\xd9Ex\x01\xd0%}\xfb\xf6\xedo\xbe\xf9\xa6.\xe9\x9c1)\xd5\xec\xec\xdb{\'\xffT\x9c&lt;\xc9(%\x84(!\x96=\xf5\x80ap\xa5Nm*\xb0o\xdf\xbe\xb5k\xd7\xdaj8\x084=G\xf0\xe3\x8f?&amp;\xa7\xe7\x00\xfa\x93\xf0\xd3\x9f\xfe\x94`K\xb80\x81\xdb\xff\x9c"\xb9\xc4\xe9\xd1&lt;\xaf\xd7;l\xd8\xb0\xa2\xa2"}\xd3*\xa5\xfa\xfc\xec\xa2Ov\xbe\xcd\x95"\x8a\xe8\x1bYX\xc2\xd1-\xf1\xbff&lt;\xb2rM\x9eN\t\xed9\'\x0c\xf4[\xff\xef\x7f\xff\xbb\x7f\xff\xfeuuu\xa4\xa1\x06\xe8\x87\xc1\xe8\xe8\xe8\x83\x07\x0f^t\xd1Ev\xdc4&amp;\xdc\xe0\xf6o\x8dH\xfe\x10\xeb\xbbt\xed\xda\xb5\xfb\xf6\xed\xd3\xc5\x9cR\xa2\x94Z\xf6\xd4\xbc\xa8\xf3b\xa5\x10\xbe\xb7\x95q&amp;kk\x9f|hz\xd7\xc4x]\xf3\xed9\'\x0c\xf4\xcd\x9f\x9b\x9b[[[\xcb9o\xbc\x08\x80R\xfa\x8b_\xfc\xe2\xc2\x0b/\xd4\x93FB{\x9dpN\xb8\xfd[#b?\xc7:\xcb+//\x7f\xe8\xa1\x87\xf4\xbb\xc89\x13B\x8e\x1cq\xb5\xf3\xc6\xeb\xbc\xee\xea&amp;\xeb&lt;\xad\x93\xf5\xdd\x7f\x9c\x943\xf7^;\xcf\t\xb39\xcb\xb2\x0c\xc3\xd8\xbbw\xef\xef~\xf7;\xc6X\x931@\xa5TVV\x16\xa5\xd4\x0ec\x83\xe1\x0e\xb7\x7f+El\x01\xd0o\xe1\xd2\xa5K\x8f\x1e=\xaa\xfb\xefJ\x11\xc3\xe0\xcb\x9ez@\x9d\xe9\x06f\x9c[\xee\xea{\xee\xca\xb2\xf3\x9c0;\x13B\x18\x86\xf1\xfd\xf7\xdf\xdfv\xdbm\x1e\x8f\x874z\xd3\xf5\xa2\xa1\x9e={\xfe\xe67\xbfQJa\rp\xe7\x87\xdb\xbf\x95"\xb3\x00\xe8\xb7\xff\xe0\xc1\x83\x8b\x17/\xd6\x8fr\xba\x8c\xdf}\xc7\xb8\x9f\xa7\x0e\xf0\xd6\xd46\xef\xc2SJ\xa4\x10\x8e\xd8\x18;\xcf\t\xb3-\xfd^\x97\x96\x96\xdex\xe3\x8d\xbe\xd9\xe2\xbe\xef\xeaG\xc2\'\x9f|\xb2k\xd7\xae\xbau\x08\xe1\xa5\xc29\xe1\xf6o\xbd\xc8\x1c\x04\xd6o^ff\xe6\xa6M\x9b|\xa3:\xe7\xf7\xe8\xfa\xd9\xce\xbfvM\x8c\x93^\xab\xa5{XJi\xc6\x9d7j\xcc\xe4\x0f\xb6\xef\xe6\x9c\xe9\xcd\xf2RSS\x0b\n\nL\xd3\x8c\xec\xe1 \xdb\xd2\xc9\xcf\xd7_\x7f}\xf3\xcd7\x7f\xfa\xe9\xa7M\xeev\xc30,\xcb\xca\xcc\xcc\xdc\xb8q\xa3\x9eT\x1e\xc2K\x85\xd6\xc0\xed\xdfz\x11\xd8\x03\xd0o\xff\xa6M\x9b\xf4\xdb\xaf\xd7\x01J)\x9f~hz\xf7\x1f\'yOz\xce\xfe.\xdayN\x98\r\xe9\xd6\xff\xa3\x8f&gt;\x1a1b\xc4\xa7\x9f~\xaa7\x8a\xf1}W\xb7\xfe\x97\\r\xc9\x9f\xff\xfcg\x82\xd9\x9f\xe1\x00\xb7\x7f\x9bDZ\x0f@\xcf\xfd\x92R\x0e\x180\xa0\xb8\xb8\xd87\xf7+e`\xff\x02\xd7_\x0c)\t9\xc7Ml\xe79a\xb6\xe2\xdb6n\xdd\xbauw\xdeygMM\xcd\x19\x9f\xfd\x7f\xf4\xa3\x1fm\xd9\xb2\xa5_\xbf~\x98\xfa\xd9\xf9\xe1\xf6o\xabH\xfb@\xeb\xbb\xf4\x0f\x7f\xf8\xc3\xc1\x83\x07\x1b\xe6~Q\xa5\xd4\x92\xc7fGw\xe9"\x85&lt;\xe7\xbbg\xe79a\xf6\xa1?\x18\x9c\xf3\x85\x0b\x17\x8e\x1f?\xbe\xa6\xa6\xa6\xc9\xb4\x1f\xdf\xb3\xff\xd6\xad[\xfb\xf5\xeb\xa7\x1f$Cx\xc1\xd0\x1a\xb8\xfd\xdb*\xa2z\x00\xfa\xed)--\xbd\xf4\xd2K\xddn\xb7\x9e\xd1%\x84\x18\xff\xab\xeb\xf3^YnUU\xb3\xd6\x05\xb8\xc2\x12\x8e\xee\x89\xcbsW\xcd|\xe4\x19\xdfS\x80\xadO\x8e\x8e,\xfa\x1d&lt;y\xf2\xe4]w\xdd\xf5\xea\xab\xaf\xeaI&gt;\x8do\x04\xdd\xfa\x0f\x1a4\xe8\xad\xb7\xde\xfa\xf1\x8f\x7f\x8c\xdd\xff\xc3\x02n\xffv\x88\x9c\xdf\x84\x10\xa2\xdf\xf2\x87\x1f~\xb8\xa2\xa2B\xdf\xd5D)\x87\xc3\\\xf0\xd0t*\xe5\xb9:\x7f?\xb0\xed\x9c0;\xd07pEE\xc5\r7\xdc\xf0\xea\xab\xaf\x1a\x86\xd1\xb8\xf5\xd7\xdd\x02\xcb\xb2\xc6\x8e\x1d\xbbe\xcb\x16\xb4\xfea\x04\xb7\x7f;DN\x01\xf0\x8d\xd8\xbc\xf6\xdak\x8c1\xcb\xb28\xe7B\xca9\xf7\xdc\xd1/\xe5\xb2\xfa\xea\x9a\xd6\xd7m\xdb\xce\t\x8bxz}Pee\xa5\xd3\xe9\xcc\xcf\xcf7MS\x9f\xff\xa7\xbf\xab[\r!\xc4\xc3\x0f?\xfc\xd6[o\xc5\xc5\xc5a\xdaO\xb8\xc0\xed\xdf&gt;\x91\x13\x01\xe97)##C\xbfIJI\xa5\xc8\xcf~\xf2\xe3\xbd[\xf3\xce\x8b\x89&amp;B\xb4u\xf4\xc6\x86s\xc2"\x9b\x1e\x1eTJ9\x9d\xce-[\xb6\x98\xa6\xd9x\xcfg}c\xc7\xc6\xc6\xfe\xf1\x8f\x7f\xbc\xed\xb6\xdb|\x8f~!\xbc`h=\xdc\xfe\xed\x13!=\x00\xfd\xf6\xbf\xf9\xe6\x9b\xbe\x12M)SJ=2kjb\xd2\xf9\xa2\xbe\xbe}\xef\x96\xdd\xe6\x84E6\xfd8\xff\xc0\x03\x0f\xb4\xd4\xfa\xff\xe8G?\xda\xbau\xebm\xb7\xddfY\x96\xef\xdcp\xe8\xfcp\xfb\xb7[$\xf4\x00\xf4\x93]MMMjj\xeaW_}\xa5k\xb3\x10\xf2\x97W\xa7n{\xf7O\xb2\xae\xae\xdd\x836v\x9b\x13\x16\xc1t\x1bQPP\x90\x9e\x9e\xae\'\xfb\xfb&gt;\xf9\xba\xc9\xe8\xdb\xb7\xef{\xef\xbdw\xc9%\x97x\xbd^\xd34C{\xb5\xd0z\xb8\xfd;"\x12z\x00\xfa\xde\xce\xcd\xcd=|\xf8p\xc3"~J)\xcd\x99{/3\xf4\tp\xedD\x18\x15\'js\x1e\xfc\xaf\xc4\xf88;\xcc\t\x8b`\xfa^}\xf4\xd1GI\xc3lq\xfdu=Q\xa4o\xdf\xbe[\xb6l\xb9\xe4\x92K,\xcbB\xeb\x1f^p\xfbwD\xd8\xf7\x00tY&gt;|\xf8pZZZuu\xb5j\x98\xfb5%\xeb\x96?\xaeyN\x1e/g\x86AH\xbb\x7fG*-\x8buK\xfc\xdfe\x7f\x9c\xf6\xd0\xd3\x9c3)U\x04\xcf\t\x8bT\xfam\xda\xbf\x7f\x7fZZ\x1a\xa5\xd4w\xeb\xeaQ\xdf\xee\xdd\xbb\x17\x16\x16\xf6\xe9\xd3G\xaf\n\x0e\xed\xa5B\x9b\xe0\xf6\xef\xa0\xb0/\x00\xba\xfe\xff\xe67\xbf\xf9\xd3\x9f\xfe\xe4\xdb\xc3\xab{\xb7\xc4\xed\x7f}))\xe9|Q_\xcfh\x87\xde!E\x14\xa5T\x102\xf4\x86\xff\xf8\xd7\xd7\xdf0F)eB\x88\t\x13&amp;\xe4\xe5\xe5a\x8e`X\xd0-\xfb\x13O&lt;\x91\x93\x93\xa3\xe7\xf8\xeb\xaf\xeb\xe7\xb8\xb7\xdezk\xec\xd8\xb1H~\xc2\x11n\xff\x0e\n\xef\x02\xa0\xdf\x80\x1d;v\\{\xed\xb5\xfa\x8f\xfa\xebQQ\x8e\xb8\xf3\xbaX^/\xa5\xd4\x0f\xbf\x9e"\x94\xb1\xba\xba\x93\'=\x1e\xfd\x05\x9d\x1a\xe7\xe7\xe7\x8f\x181"\x02&gt;\x04\x11O?\xa9\x8d\x1c9r\xf3\xe6\xcd\xbei|\xfa\x7f\x8c\x1a5\xca\xe5r\xe1\xd9?\x1c\xe1\xf6\xef\xb8\xb0/\x00\x94\xd2k\xae\xb9f\xc7\x8e\x1d\xc1\x9c\x9f\xab\xa3\x83\xc8\x9b\x13\x16\x91\x94Rz!O\xff\xfe\xfd\xbf\xfa\xea+_z\xab?0\xeb\xd6\xad\x1b;v\xac&gt;\x0c \xd4W\nm\x83\xdb\xbf\xe3\xc28\xc0\xd2\xb5\xf7\x95W^\xd9\xb1c\x87a\x18\xbe\x89\xdb\x1a\xf3\xb7\xc6\xff\xb8R\x8as\xbeo\xdf\xbe\xd7_\x7f=b\x86\x83"[ee\xe5\xf1\xe3\xc7I\xa33~\x85\x10111\x83\x07\x0f\xd6\xab\x7fC}\x81\xd06\xb8\xfd\xfd"\\{\x00\xfa\xb2\x8f\x1d;v\xe9\xa5\x97\x96\x95\x95\x85\xea2\xbaw\xef\xfe\xf9\xe7\x9f\x9f\x7f\xfe\xf9\x04{\x05wV:\xff\xf9\xf2\xcb//\xbd\xf4R\xaf\x8e\x05\x1a\x8e\xfd\xeb\xd3\xa7\xcf\xe7\x9f\x7f\xaew\x83\xc0\xdb\x17Fp\xfb\xfbK\xb8v{\xf5\xa2\x9e5k\xd6\xd4\xd7\xd7\xf7\xe8\xd1\xc3\xb2Z&lt;\xe4!@\x94R\x86ax&lt;\x9e5k\xd6&lt;\xf0\xc0\x03\xe1\x1e\x05F\xbc\xfa\xfa\xfa\xc6\x11\x81\xfe\xb4t\xeb\xd6\r\xad\x7f8\xc2\xed\xef/\xe1\xda\x03\xd0\xca\xcb\xcb9\xe7\xfaW</t>
        </is>
      </c>
    </row>
    <row r="173">
      <c r="A173" s="1" t="n">
        <v>171</v>
      </c>
      <c r="B173" t="inlineStr">
        <is>
          <t>shape_size_hexagon</t>
        </is>
      </c>
      <c r="C173" t="inlineStr">
        <is>
          <t>What is the size of the missing shape denoted with a question mark if it is a hexagon?</t>
        </is>
      </c>
      <c r="D173" t="inlineStr">
        <is>
          <t>['large', 'medium', 'small']</t>
        </is>
      </c>
      <c r="E173" t="inlineStr">
        <is>
          <t>small</t>
        </is>
      </c>
      <c r="F173" t="inlineStr">
        <is>
          <t>There are 7 shapes with different sizes in the image, of which there is a missing hexagon in the center. The other shapes are arranged around the center, which are ['triangle', 'square', 'hexagon', 'triangle', 'square', 'hexagon'] in anti-clockwise order. Their corresponding sizes are ['medium', 'large', 'small', 'medium', 'large', 'small'].</t>
        </is>
      </c>
      <c r="G173" t="inlineStr">
        <is>
          <t>We observe that the triangles are medium size, the squares are large size, and the hexagons are small size. Hence, the pattern is that each shape appears with a distinct size.</t>
        </is>
      </c>
      <c r="H173" t="inlineStr">
        <is>
          <t>Based on the pattern that each shape appears with a distinct size, the size of the missing hexagon should be small.</t>
        </is>
      </c>
      <c r="I173" t="inlineStr">
        <is>
          <t>b'\x89PNG\r\n\x1a\n\x00\x00\x00\rIHDR\x00\x00\x02\x00\x00\x00\x02\x00\x08\x02\x00\x00\x00{\x1aC\xad\x00\x006\x05IDATx\x9c\xed\xdd}|U\xc5\xbd\xef\xf153ko $$\x01D\xac\x8f5\x02\xadZN\x81\xdb\x96V\t\xf8\x04\x96\xb6\xda^\xb5\x05\xd4\x03^\xad\xd8j#OQP\x83\x97\x80\x8a\xf2L\xb5\xe7\xd0\xd3sm\x0f\xe5\xe1\x88\xb6rk\xbdJ\x8b\xf2 \xad\xd7\nj\x0b\xb6\x88QO[\xaf)\xb5$!!@\xf6\x9a\x99\xfb\xc7\xc0n\x04\xb5B\xb2\xb3\xb3\xd6|\xde/_}U\x82\xc9\xca\xde{\xd6w\x1e~kFXk\x03\x00\x80\x7fd\xbe/\x00\x00\x90\x1f\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cc\xf7\x05$\x99\xb56\xdf\x97\x90\x04B\x88|_\x02\x90L\x82\x9b\x14\x00\xf8\x89\x11@\x0e555e2\x19!H\xd9\xe3\xe4^\xba\xa2\xa2\xa20\xe4\x83\n\xb4?\xeeM9a\x8c\x91R^v\xd9e\xcf=\xf7\x9c\x94\xd2\x18\x93\xef+\x8a%\x17\x00k\xd7\xae\x1d6l\x98\xd6Z)\x95\xef+\x02\x12\x85\x8eU\x0e544\xd4\xd5\xd5\xe5\xfb*b/\x93\xc9\xe4\xfb\x12\x80d"\x00r(\x0cC!\x84RJk\x1d\xb0\x98\xf9\x91eG\xa5n\xf0\xc4\xeb\x06\xe4\x08\x01\x90C\xb6\x95\x80\xa2\xa0c\x97}\xe9\x00\xe4\x02\x01\xd0q\n\xbb\x17\xa4R!w\xb4\x0f\'\x02\xd1\xb8o_\x14\xe9|_\x08\x90|\x04@GpS\x19\xcb\x1f\x9c3\xfc\xc2\xf33{\x9b\x94\xe2\xf9\xbb\xf7g\x8c\t\x0b\x0b.\xff\xc6\xb77\xff\xdfmJ)\xc2\x12\xc8)\x02\xa0\xe3\x14\xf7(*\xed\xdd\xd3\xa4BI\x00|\x00k\x8c(,L\xa5\xf8X\x02\x1d\x81\x96\xd6q\xa2(\xb2\x99L&amp;\x13)C\x00\xbc?cL*\x93\xa1\xe3\x0ft\x0c\x02\xa0\xe3\x88V\xf2}-\x9d\x14/\x0e\xd0\x91\xe8\x8a\x02\x80\xa7\x08\x00\x00\xf0\x14\x01\x00\x00\x9e"\x00\x00\xc0S\x04\x00\x00x\x8a\x00\x00\x00O\x11\x00\x00\xe0)\x02\x00\x00&lt;E\x00\x00\x80\xa7\x08\x00\x00\xf0\x14\x01\x00\x00\x9e"\x00\x00\xc0S\x04\x00\x00x\x8a\x00\x00\x00O\x11\x00\x00\xe0)\x02\x00\x00&lt;E\x00\x00\x80\xa7\x08\x00\x00\xf0\x14\x01\x00\x00\x9e"\x00\x00\xc0S\x1c\n\x0f$\x90\xb5\xb6\x1d\xbf\x9b\x10\xa2\x1d\xbf\x1b:\x0f\x02\x00H\x1ak-\xb7l|\x14\x04\x00\x904B\x88\xfd\xfb\xf7\x1f8p@\x08\xd1\xc6\xa1\x80\x0b\x92\x92\x92\x12B%\x91\x08\x00 9\xdc\xed\xbe\xae\xaen\xe8\xd0\xa1\xef\xbe\xfbn\xdb\x03@)\x15E\xd1\xed\xb7\xdf&gt;}\xfat\xad\xb5R\xaa\x9d\xae\x14\x9d\x02\x01\x00$\x871F)\xb5p\xe1\xc2]\xbbv\xb5\xe3\xb7\x9d7o\xde\x84\t\x13\xfa\xf4\xe9c\x8c\x91\x92\xca\x91\xe4\xe0\xbd\x04\x12\xc2\xdd\xfdw\xed\xda5o\xde&lt;\xa5\x94\x94R\x08!\xdbF\x08\x91J\xa5\xf6\xec\xd93c\xc6\x0c)e\xfb\xae-#\xef\x08\x00 !\xdc\xdd\xf9\xce;\xeflii\t\x82\xc0\x18\xe3\xfe\xb7-\xac\xb5\x99LFJ\xb9j\xd5\xaa\xad[\xb7J)\xdd\xb7E20\x05\x04$\x81\x9b\xa0\xdf\xb8q\xe3\x9a5k\x94RZk\x11\x04\xd6\xda\x1e\x85\xdd\x95R68\xc6\x9e\xbb\r\x84\x92\r\r\x8d\xeev/\x848x\xf0\xe0\xd4\xa9S7l\xd8@\x00$\t\x01\x00\xc4\x9e+\xd1q\xf7h\xb7\xf0\xab\x94\xd4\xda\\4\xecs\xab\x7f\xb8\xc8\x1e8 \x84&lt;\xa6\n\x1emL\xaa\xb0\xfb\xe6\x8d\xbf\xfe\xef\xffcJ\xf0\xdet\xb9\xea\xaa\xabX\rN\x0c\x02\x00\x88=7\xfb\xbfz\xf5\xea\xad[\xb7\xba\xee\xbf\x942\x0c\xd5w\xef\x9d\xde\xfb\x84^v_\xb3\x9028\xb6A\x80\xb0:\xba\xec\x1b\x97\x8d\xfd\xd9/~\xfc\xe8\xcf\x95R\xd9\xf9\xa5\xcb/\xbf&lt;\x0cC\xaaB\x93\x815\x00 \xde\xdc\xbdx\xcf\x9e=\xd3\xa7Ows\xf4J)c\xcc\x8d\xd7\\\xf1\xc9O\x9fs\xb0\xae^k\x1de2Q&amp;:\x96\x7f2\x99\xc8\xe8\xc6\xa6\x99So*\xeeQd\xad\xb5\xd6\x86a\xb8k\xd7\xae\xf9\xf3\xe7\xb3\x12\x90\x18\x04\x00\x10o\xae4s\xe1\xc2\x85\xb5\xb5\xb5\xaeWn\x8c)-\xe9Q=\xfd\x16\xd3\xdc\xac\x94\x12\xc7E)\x19\xed\xdb\xdfo\xd09\xb7\xde0\xd6\x18\xa3\x94t\x03\x8b\x05\x0b\x16\xb8\x1fD\x06$\x00\x01\x00\xc4\x98\xbb\xfb\xbb\xd2O\xd71w\xc5\x9a\xb3\xa6\xdd\xd4\xeb\x94\xbe\xd1\x81\x96\xb6L\xd4\xa8PEu\xf5\x93n\x9ePv\xc6\xa9Z\x1b!\x027\xd4\xa0$41\x08\x00 \xc6\xdc\xfc\x8f+\xfdt=wcL\xff\xb2\xd3\'^?6jh\x94m[\xaa\x15B\xe8\x96L\xe9I}\xee\x9at\x83\xb5V\x88C\x83\x80\x95+Wn\xdb\xb6\xcdM4\xb5\xd7/\x82\xbc \x00\x80\xb8r\xd58\xeb\xd6\xad\xfb{\xe9\xa7\x08\xac\xb5KfW\xa6\x0b\xba\x19\xad\xdb\xbeL\x1b\x86a\xe6ou\xd7^s\xc5\xb0\xa1\x83\xb5\xd6JI!DKK\xcb\xa4I\x93\xb4\xd6\x0c\x02\xe2\x8e\x00\x00b\xc9\xf5\xfd\xa3(\xaa\xa8\xa8h]\xfay\xc9\xf0\xa1\x97\x8e\xbe(\xb3\xb7\xb1\xbd*5\xad\xb5*\x15VW~KJ\x19\x04Bk\x1d\x86\xe1\xe6\xcd\x9bW\xae\\\xe9R\xa7]~\n\xf2\x82\x00\x00b\xc9M\xf7/[\xb6l\xe7\xce\x9dRJk\x8d\xb5A:\x9dZ2\xe76\xdb\xae7e\xa5TK}\xc3\x88KG\\s\xc5h7\xe60\xc6\x08!f\xcd\x9a\xd5\xd0\xd0\xd0\xf6\xfd\xe6\x90G\x04\x00\x10?\xd6Z)e]]]UU\x95\x9b\xf7\x97R\x19c\xa6N\xbc\xf6\x93\x83\x07f\x9a\xf6\xb5\xef\x96mB)\xb3\xafyn\xd5\xe4\x9e\xa5\xc5\xd6\x18k\xadR\xaa\xa6\xa6f\xf1\xe2\xc5RJ\x06\x01\xf1E\x00\x00\xf1\xe3\xfa\xe0UUUuuu\xee^o\xad=\xb1O\xaf)7\x8f7MMm\\\xfb=\x9a\x14"\xb3\xff\xc0Ig\x9d&gt;\xf9\x9bW\x1bk\x95&lt;\xb4\x1a\xbch\xd1\xa2\x9a\x9a\x1aV\x83\xe3\x8b\x00\x00b\xc6M\xfe\xec\xdc\xb9s\xd9\xb2e\xf2\xf0\xbd\xd8\x18s\xef\xf4[z\x9fzr\xe6\xc0\xc1\\&lt;\xa3\xabT\x18\xd55TN\xba\xe1\xac\x8f\x9f\x16i\xed*\x8e\x1a\x1a\x1a\xaa\xab\xab\x99\x05\x8a/\x02\x00\x88\x19\xb7\xfc[QQ\x11E\x91\xdb\xf0\xd9\x183x\xe0\'\xc7\x8d\xbd&lt;\xaa\xafWaN\xf6w\x11"0\x91\xeeR\xd4}\xce\xed\xdf\x0e\\\x85\xa8\xd6J\xa9\x15+Vl\xda\xb4\x89\xd5\xe0\x98"\x00\x808\xc9\x96~\xae[\xb7\xeep\xe9\xa7\xb0\xd6\xce\x9f9\xb9k\xf7\xeeF\x9b\xdcm\xd0\xa3B\x95\xa9o\xf8\xc6\xb8\xaf\x96\x7f~\x88+\tu\xd7SUU\xc5\xdd?\xa6\x08\x00 6\xde\xaf\xf4Si\xad\xaf\xfc\xf2\xc5#.\x1e\x96\xa9o\xc8\xf5&amp;\x9d6\x106\xd2\xf3\xef\x9e\x92N\xa7\xac=\x94F\x9b6m\xa2$4\xa6\x08\x00 6\x8e.\xfd4\xc6\xa4\xc2p\xce\x8c[\x02c\x82\xdco\xcf\xa9\xa4\xcc46}\xa6|\xe8\x98\xcbG\xb9]\xe7\\&amp;\xcd\x9a5k\xef\xde\xbd\xec\x0f\x11;\x04\x00\x10\x0f\xae\xf4\xf3\xed\xb7\xdf\x9e9sf\xb6\xf4\xd3Z;\xbd\xe2\x7f\x0c\x18xv\xa6\xb1\xa9cN\xeb\x15J\xe9\xc6\xa6{\xef\x9at\xf2I}\xdc\x91aR\xca\x9a\x9a\x9a\x07\x1ex\x80\x1d\xe2b\x87\x00\x00\xe2\xc1\x95~\xbe\xf0\xc2\x0b{\xf6\xecq}mkm\x18\xaa+\xbf|\xb1\xd5:\x10\x1d\xd4\x96\xa5\x10\xfa\xc0\x81\x93\x07\x9c\xf9\xd9A\xe7\xba\xbb\x7f\x10\x04R\xca\'\x9ex\xc2-Jw\xcce\xa0]\x10\x00@&lt;\xb8\x9b\xfe\xa8Q\xa3&gt;\xf1\x89O\xb8\xb9 !D\x14\xe99\x8b\xff-\xb0V\x1c\xeb\xa1\x8f\xc7Kk\x93**|\xe1\xd9_=\xf5\xec\xaf\xb2O\x81\x19c&amp;O\x9e\xec\x0e\x8a\xe9\x98\xcb@\xbb \x00\x80xp\x13,\x05\x05\x05K\x96,q3\xef\xee\t\x805\xff\xfb\x17\x1b\xd6?\x97*)\xee\x985X!\xac\x08Ue\xf5\xa2\xfd\xfb\x0f\x08\x11\xb8\xb5\xdf\xf2\xf2\xf2k\xaf\xbd\xd6\xad\nt\xc05\xa0\xbd\x10\x00@l\xb8\xbb\xed\xc8\x91#G\x8e\x1c\x99=\x98W\x081\xadz\xd1\x81}\xfb\xa4\x92\xb9\xee~\xebH\xa7J\x8a\xffs\xe5\xe3\x9b~\xed\xce\x9e4\xee\xaaf\xcf\x9e\xcd\np\x1c\x11\x00@\x9c\xb8\xea\xcf\xa5K\x97\xba\xf9\x167\x17\xb4\xed\xb7\xbf_\xb9jmXR\xa2\xa3(w?\xda\xda@\x86\xea`\xe3\xbe\xbb\xee\xff^\xe0v\tUJk}\xf5\xd5W\x97\x97\x97sR|\x1c\x11\x00@\x9c\xb8\xe7~\x07\x0c\x180q\xe2\xc4\xec\xf1\xbfR\xca;\xe6&gt;\xf8\xee\x9f\xdeNu\xed\x92\xbbn\xb8\xd1QXZ&lt;o\xf1\x0f^\x7f\xf3\x8f\xa1Rn\x15\xba\xb8\xb8x\xe6\xcc\x99\x9c\x11\x1fS\x04\x00\x103n\xb2e\xf6\xec\xd9\xa5\xa5\xa5\xae\xecR\x08\xf1\x97\xdd\x7f[\xf8\xd0\x8fdaw\x93\x9b\x95\x00c\xad\xea\xda\xf5\xff\xbd\xfe\xd6\xa2\x7f[!\x85\xd0\x87\xb3g\xf2\xe4\xc9eeen5"\x17?\x179\xc5{\x06\xc4\x8c[\r.--\x9d={\xb6+\xc44FK)\x17,[\xbe\xf3\xa5\x1d\xa9\xa2\xee\xb9(\xc6\xb7Z\xab\xa2\xc2\x19\xb3\x97\xec\xa9k\x10R\xba%\xe8\xb2\xb2\xb2I\x93&amp;\xb1\xf6\x1b_\x04\x00\x10?n"h\xe2\xc4\x89\x03\x06\x0c0\xc6\x08\xe1Nj\xcc\xdc5\xf7A\x11\x86A{\xcf\x02im\xd2=\x8a^\xdc\xf4\xfc\xea\xb5O\xb9\xd2O\xb7\x14q\xf7\xddw\x17\x17\x173\xff\x13_\x04\x00\x10?\xee\xfe\x1b\x86\xe1\xd2\xa5K\xb3%\xa1J\xc9G\x9f\xf8\xe5S?\xfbe\xaa\xb8G\xfb\x96\x84\n\x11hc&amp;\xdf=\xbf\xa5%\xd3\xba\xf4s\xdc\xb8q\xac\xfd\xc6\x1a\x01\x00\xc4\xd2\xd1%\xa1\xd6\x06B\x88[g\xceki\xde/\x95j\xafa@\x14E\xa9^\xa5\xcb\x97?\xf6\xdc\xff})&lt;\\\xfa)\xa5\x9c={6\xb7\xfe\xb8#\x00\x80\xb8\xca\x96\x84\xa6\xd3iW\x93#\xa5|\xad\xe6\xbf\x96\xfd\xfb\xaa\xb0\xb8\xa8]V\x83\xad\xb5*\x9d\xaa{g\xf7\x9c\xc5?\x10B\x18k\\\xf0\\{\xed\xb5\x94~&amp;\x00\x01\x00\xc4U\xb6$\xb4\xb2\xb2\xd2\x15\x83\xba\xfd\x82\xee\x9e\xff\xaf\x7f\xfbsm\xd85\xdd\xf6\x92P\x1d\xe9\xb0\xb4d\xf1C?\xacy\xebOJIk\x03km\xcf\x9e=\xe7\xce\x9d\xcb\xd4\x7f\x02\x10\x00@\x8c\xb9\x9b\xfe\x94)S\xfa\xf6\xed\xebn\xf7R\xca\xba\xfa\xbd3\xe7&gt;(\x0b\n\x8cnS9\x9016UX\xb0\xeb\xa5\x1dK~\xb0JJ\xa9\xf5\xa1\xd2\xcf\xa9S\xa7\xf6\xed\xdb\xd7EN;\xfd\x1e\xc8\x0f\xde? \xc6\xdc,\x90\xeb\x92\xbb;\xb2+\xc9\xff\xfe\x8f\x1f\xfb\xfdK\xdbS\x85\x05m)\t\xb5F\xcbn\xdd\xaa\x17\xfck\xc3\xdeFw\x08p\x14E\xfd\xfa\xf5\x9b6m\x1aw\xffd\xe0-\x04\xe2\xcd\r\x02\xc6\x8c\x193d\xc8\x90\xc3\xbb\x84\x06Q\xa4o\xadz@(e\xb4\xd1Zkm\x8e\xf5\x9f\x96\x96L\xaa\xb8\xc7\x86\xa7\x9e]\xf5\xd3\xff\x93={2\x08\x82{\xee\xb9\xc7-90\xff\x93\x0099?\x1a@\x87q\xcf\x85u\xe9\xd2e\xc1\x82\x05#F\x8cp\x83\x00\xa5\xe4/6&gt;\xff\xf4\x93\xcf\x8c\x1asYP\xdf\x18\xa8\xe3\xea\xeaI1s\xde\xbfhm\x94\x92.\x03\x86\x0f\x1f~\xd5UW\xb1\xf6\x9b\x18\x04\x00\x10{\xad\xef\xcek\xd6\xacQJYk\x84\x08n\xbec\xee\xf7\xba\xa4\xe5\xb1\x97\x03\x19cR\x85\xdd7&lt;\xb3e\xf3\xf3\xdb\xdc\xec\xbf\x94\xd2e\x0c}\xff$!\x00\x80$\xc8\xce\xcf\xac]\xbb6\x8a"cl\x10\x045o\xfdi\xd4\x15\xdfl\xe3\xb7u;=h\xad\xc7\x8e\x1d;d\xc8\x10\xba\xffI\xc2\x1a\x00\x90\x04n\xe6\xa7_\xbf~\xae$4{T\x80\x92m\xe2\xfa\xfbn\x9d\xf9\xbe\xfb\xeese\xa6\xf9\xfe]\xd1n\x08\x00 !Z\x97\x84\x06A\x90J\xa5\xa4\x94\x81h\x13\xa5T*\x95\xca\x96~f\x0f\x01F2\xf0^\x02\t\xd1\xba$Tk\x9d\xc9dt{hii9\xeb\xac\xb3(\xfdL$\xd6\x00\x80\xe4p\x936c\xc6\x8cy\xfa\xe9\xa7kkk\xdd\x98\xa0-\xdf\xd0\xcd\xfeWTT\xa4\xd3i6\xfdO\x1e\x02\x00H\x0e7A\xdf\xa5K\x97\x95+W\xb6\xefwv\x07@\xb6\xef\xf7D\xde\x11\x00@\xd2\xb8\xb3\x82\xdbw\xb5\x96\xbe\x7f"\x11\x00@\xd2\xb8\xc5\xdb|_\x05b\x80T\x07\x00O\x11\x00\x00\xe0)\x02\x00\x00&lt;E\x00\x00\x80\xa7\x08\x00\x00\xf0\x14\x01\x00\x00\x9e"\x00\x00\xc0S\x04\x00\x00x\x8a\x00\x00\x00O\x11\x00\x00\xe0)\x02\x00\x00&lt;E\x00\x00\x80\xa7\x08\x00\x00\xf0\x14\x01\x00\x00\x9e"\x00\x00\xc0S\x04\x00\x00x\x8a\x00\x00\x00O\x11\x00\x00\xe0)\x02\x00\x00&lt;E\x00\x00\x80\xa7\x08\x00\x00\xf0T\x98\xef\x0b\xf0\x881Fk\xad\xb5\xc9\xf7\x85t^\xc6\x18\xa9\xb5\xb56\xdf\x17\x02x\x81\x00\xe88\x85\xdd\x0bTIq\xb7@\x04\x8a\x81\xd7\x070&amp;(*L\x85|,\x81\x8e@K\xeb\x08\xaeK\xfb\xab\xdf\xbcr0\x10\x99}\xcdR\x8a|_Q\'e\xad\r\xbbu\xfd\xeb\x9e\xba\xe0\xf0\x8b\x06 w\x08\x80\x8e\xe0\xeee\x95\xd5\x8b\xf2}!qb\x8c\x91\x92\xa1\x12\x90C\x04@\xc7\x91R\x04\x01}\xff\x7f\xccZC\xef\x1f\xe8\x00\x04@\x0eI)\x95RJ\xa9|_H\xcc\x08q\xe8\x15\x93R\n!\x84 5\x81\x9c \x00r\xa8\xa9\xa9Ik\xad\xb5\xce\xf7\x85\xc4\x95{\xe92\x99L\xbe/\x04H&amp;\x02 \'\\\xa7\xf5\xbc\xf3\xce+((PJ\x91\x01\xc7GJi\x8c9\xe1\x84\x13\x82\xc3/)\x80v$\xa8\xb5\x00\x00?1\x02\xc8!cx\xe6\xab\x1d\xb0\x0c\x00\xe4\x08#\x00\x00\xf0\x14u\xd6\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94\xef\x01`\xad\xcd\xf7%\x00\xc8\x0f\x9a\xbf\xe0%\x00\x00?\xf9&gt;\x02\xa8\xab\xab#\x02\x01?\xd1\xfc=\r\x00k\xad1\xc6\x18s\xe1\x85\x17n\xdf\xbe=\x08\x02cL\xbe/\n@G\xa0\xf9gy\x1a\x00\xc6\x18)\xe5\xf7\xbf\xff\xfd\x97_~\xf9\xde{\xef\r\x98\r\x04\xbcA\xf3\xcf\xf2q\r\xc0\xa5\xfd\xee\xdd\xbb\xcf&gt;\xfb\xec\xc6\xc6\xc6(\x8a6l\xd80|\xf8p\xad\xb5R*\xdfW\x07 \x87h\xfe\xad\xf98\x02\xb0\xd6J)g\xcc\x98QWW\'\xa5\x14BL\x9d:5\x8a"!|\x8cC\xc0+4\xff\xd6\xbc\x0b\x007\xfa\xdb\xbau\xeb\xaaU\xab\xa4\x94---\xee_\x97-[&amp;\xa5\xf4v*\x10\xf0\x01\xcd\xff\x08\xde\x85\x9e\x1b\xe8\x8d\x181b\xe3\xc6\x8dJ)\xad\xb5\x10B\x08Q\\\\\\SSSRR\x12\x04\x81\x10"\xdf\x97\t\xa0\xfd\xd1\xfc\x8f\xe0\xd7\x08\xc0\xbd\xfd\x8f&gt;\xfah\xf6\xed\x0f\x82\xc0Z+\x84\xa8\xab\xab\xab\xaa\xaa\x12Bx\xd8\x0b\x00|@\xf3?\x9aG#\x00W\xfb\xd5\xd4\xd44x\xf0\xe07\xdf|\xd3\xbd\xd9n\xdc\xe7z\x01R\xca\xed\xdb\xb7\xf7\xef\xdf\xdf\xcd\x12\xe6\xfbz\x01\xb4\x1b\x9a\xff\xfb\xf2\xe5\xf7\x0c\x0e\xe7\xff\xe2\xc5\x8b\xdfx\xe3\r\xa5\x94{\xe3]\xe0\xbb^@\x14E\x15\x15\x15~\xae\x05\x01\xc9F\xf3\x7f_\xbe\xfc\xb6\xee\xfd~\xf3\xcd7\x07\x0f\x1e\xdc\xd4\xd4\x94}\xe3\xcf\xe9\x7f\xe6\xce7\xfe\xa8udm\xe0F\x85O?\xfd\xf4\xc8\x91#\xfd\xac\t\x03\x12\x89\xe6\xffA|\x19\x01\xb8\x90\xbf\xfd\xf6\xdb\x1b\x1a\x1a\xb2\x7fX\xdc\xa3\xf0\xd9\x9f/\xff\xfae\x97\xb8\xb7\xdf\xfd\x9d\x8a\x8a\x8a\x96\x96\x16\xdf:\x02@\x82\xd1\xfc?\x88\x17\x01\xe0\xf2|\xe3\xc6\x8d\x8f&gt;\xfa\xa8\xcby%\xa5\xb5v\xf2\x8d\xd7\x9cp\xd6\x193*\xaeO\xa7S\x81\xb5\xd6\x1a\xa5\xd4\xce\x9d;\xe7\xcf\x9f\xefgM\x18\x90&lt;4\xff\x0f\x91\xfc\xa0\xb3\xd6Zk3\x99\xccy\xe7\x9d\xb7m\xdb6W\xe3e\xad\xedw\xe6i\xbf\xdd\xfc\xd3 \x13u\xe9U:c\xc6\xbds\xbf\xfbpvf\xb0\xa4\xa4d\xc7\x8e\x1d}\xfa\xf4\t\x82\xc0\x9f\xe5  yh\xfe\x1f.\xe1\xbf^p\xf8\xd1\x8f\xd5\xabWo\xdd\xba\xf5\xf0\xa2\x7f`\xad]2\xbb\xb2KaA\x10X\xdd\xd4t\xfb\xe4\x1b\xcb\xce8\xd5}I\x08\xb1g\xcf\x9e\x193fH)\x13\x9f\x8e@\xb2\xd1\xfc?\\\xc2\x03 [\xe4;}\xfat\xf7\xf6+%\xb56\x97\x0c\x1fz\xe9\xe8\x8b2\r\x8da\x18F\x07[J\xfa\x9ep\xd7\xa4\x1b\xac\xb5BH\xad\xb5\x94r\xd5\xaaU\xd9OL\xbe\x7f\t\x00\xc7\x83\xe6\xff\x0f%&lt;\x00\\\xfeWUU\xd5\xd6\xd6\xba\x85\x1dk\x830TKf\xdff\xb5v\x7f\'\x0c\xc3\xcc\xdf\xea\xae\xbd\xe6\x8aaC\x07k\xad\x95\x92B\x88\x83\x07\x0fN\x9d:\xd5\x9f\xb5  yh\xfe\xffP\x92\x03\xc0\xbd\xfd;w\xeet\x1b}\xb8\xb5 c\xcc\x8d\xd7\\\xf1\xc9\xc1\xe7f\x9a\x9a\xb3\x13|\xd6Z\x95\n\xab+\xbf\xa5\x94\x0c\x02q\xf4\xaaQ~\x7f\x11\x00\xc7\x8a\xe6\xffQ$9\xe2\xdc\x1b9j\xd4\xa8u\xeb\xd6eWxN\xe8]\xbac\xf3\xe3\xa5%E&amp;\x13\xb5\xde\xf4CGQ\xbaw\xafk\xc7\xdf\xfa\xe3G\x7f\xeej\xc2\xac\xb5\x1f\xff\xf8\xc7\xb7m\xdbVXX\xe8v\r\xcc\xe3\xef\x02\xe0\x98\xd0\xfc?\x8a\xc4\x8e\x00\xdc\xdb\xbfn\xdd:\xf7\xf6\xbb\xa9=c\xcc\xbd\xd3o\xe9uJ\xdf\xcc\x81\x83G\xbc\xa3B*\xb3\x7f\xff\xcci7\xf5(*to\xbfR\xea\x8d7\xdeX\xbcxq\xe2{\x01@\xc2\xd0\xfc?\xa2d\x8e\x00\xdc[\x18E\xd1\xc0\x81\x03_{\xed\xb5l\xed\xd7\xa0O}b\xcb\xd3+Bc\x82\xe0}\x02=\x8a\xa2.}z\xcf\xf9\x9f\x0b\xaa\xee\xff^\x18*\xad\x8d\x10\xa2\xa8\xa8h\xeb\xd6\xadg\x9ey\xa6W;\x84\x00\xf1E\xf3\xff\xe8\x12\xf8+\x05\x87\xa7\xff\xe6\xcf\x9f\xbfs\xe7\xce\xec\xe8\xcfZ;\xbfjr\xd7\xee\xdd\x8d6\xef;\x9cSa\x18\xed\xa9\xaf\xbc\xf5\x86\xb3\xce&lt;-\x8a\x0e\xed\x13\xdb\xd0\xd0P]]\xed\xc3rP\xb2\xb9\x9b\x821Fk\x1d\x1dEkm\x8c\xe1-N\x06\x9a\xffG\x97\xc0\x00po\x7fmm\xed\x82\x05\x0b\xb2\x8b?Z\xeb+\xbet\xd1\x88K\x86e\xea\x1b&gt;h\x97\x0f\x11\x04&amp;\xd2]\x8a\xba\xcf\xb9\xed\xdbA\x10\x08qh9h\xc5\x8a\x15\x9b6mJ\xf6H0\xa9\x8c1\xee\xfe\x9e\xdd\xf1Q)\x15\x1eE)\xe5\xe6y\xdd\xdfO|\xf1_\x82\xd1\xfc\x8fI\x02\x93\xcd\xbdm\x13&amp;L\xf8\xd1\x8f~\xe4\xf2_\nQX\xd8\xfd\xc5_\xac*;\xeb\x8c\xa8y\xff\x87\x0f\xe5\x8c\xd1\xa9\xe2\x1e\xc3G]\xbd\xe9\xd7[\xb3U\x01\xe5\xe5\xe5\xcf&gt;\xfb\xac\x9b\x19\xec\xb0_\x04\xc7\xcd\x18c\x8c\t\xc3\xb0\xf5\x1f\xee\xde\xbd\xfb\xed\xb7\xdf\xfe\xeb_\xff\xfa\xee\xbb\xef\xee\xdd\xbb\xb7\xa5\xa5\xc5Z\x9bN\xa7\x8b\x8b\x8b\xfb\xf4\xe9s\xca)\xa7\x9cv\xdai\x05\x05\x05\xd9\xef\x10x\xf0 h\xf2\xd0\xfc\x8fI\xd2\x02\xc0\xbd\xfd\x9b6m\xba\xe0\x82\x0b\\\x86\x87\xa1\x8a"=s\xca\x8d\xb3\xee\x9d~\xb0\xf6\xafa*\xfc\x07\xdf\xc1\x98T\xf7\x82\x17_x\xf9\xfc\xcb&amp;D\x916\xc6\xb8\xf0\xff\xe1\x0f\x7f8~\xfcx\x7f\xb6\t\x8c#7\xc9\xe3z\xfa\xeeO^}\xf5\xd5\xcd\x9b7?\xf7\xdcs\xbf\xfb\xdd\xef\xdez\xeb\xad\xd6{\x81\x1d!\x0c\xc3\x93N:\xe9\xd3\x9f\xfe\xf4%\x97\\2z\xf4\xe8\xb2\xb2\xb2 \x08\xdc\xe2aR+@\x92\x87\xe6\x7f\xac\x12\x18\x00A\x10\\x\xe1\x85n\xd4\xe6f~\xcf8\xedc[\x9fYST\xd05\xd0\xe6\xa34f\x1dE\xe9\x13z\x8f\x1f?\xe9?\xd6\xfc\xccu"\x82 8\xf1\xc4\x13w\xec\xd8QRR\xe2&amp;\x13r\xfe\x9b\xe0\x18\xb5n\x9c\xbf\xff\xfd\xef\x1f{\xec\xb1\xb5k\xd7\xbe\xf4\xd2KG\x8c\xdc\xdd\xdfi\xfd\x0ef\x97\x07\xb2\x7fRPPp\xd9e\x97M\x9b6m\xc8\x90!\xc1\xe1Y\x85\x8e\xf8\x1d\xd064\xffc\x95\xa8\x8fu\x14EJ\xa9\x95+Wf\xe7\xec\xdc\xea\xcd\xdc;*JO&lt;\xc1\xb4d&gt;\xe2;\'\x94\xd2\x8d\x8d\xf7UM*-\xe9\xe1\x02\xd2\xcd*.\\\xb8\xd0\x87\xa7\xc3\xe3\xc8\r\xcf\x8d1\x8f?\xfe\xf8\xe8\xd1\xa3\x07\x0e\x1cXUU\xf5\xe2\x8b/j\xad\xdd,\x7f\xb6#\xaf\xb5&gt;b\x1d\xd8\xad\x00\xb7^!hnn^\xbdz\xf5\xd0\xa1C+++\x0f\x1e&lt;\xc8\x9b\x1e\x0b4\xff\xe3\x90\x9c\x11\x80K{w\xe4\xdb\x1bo\xbc\xe1\x82Zk]\xfe\xf9!\x1b\x9fZ\x91i\xd8+\x8fe\xec\xa6#\x9d\xee]\xfa\xddE\xffVq\xd7\x03\xd9B\x820\x0c\xb7o\xdf\xde\xaf_?\xba\x84\x9d\x8a\xfb\x0c\xafZ\xb5j\xc1\x82\x05\xdb\xb6ms\x7f\x18\x86\xa1+\xec9\x8eO\xb8\x0b\x03\xf7\x9f\x0f\x1b6\xec\x91G\x1e\xe9\xdb\xb7/ozgF\xf3?&gt;\t\xf95\x82\xc3\xe3\xf4\xfb\xef\xbf\xbf\xa6\xa6&amp;\xdbz\xd3\xe9\xd4\xfc\xbb\xa7X\xad\xed1\x8e\xdad\xa8\xa2\xfa\xbd\x13\xaf\x1f\xdb\xbf\xec\xf4\xec\xa9\xa1---w\xdeygp\xf8\x8e\x83N\xc2\xed\xf9\xf5\xf0\xc3\x0fo\xdb\xb6-\x9dN+\xa5\xdc\t\x7fGWvf\xbb\xf9\xad\x1d=\xcbo\xadu\x93\t\xa9Tj\xf3\xe6\xcd#G\x8e|\xf7\xddw\x13\\\x0b\x98\x004\xff\xe3\x93\x90\x00pk5\xbbv\xed\x9a?\x7f\xbeRJk\x13\x86\xca\x183\xe6\xf2K?S&gt;4\xd3\xd8\xa4\x8e1\xb1E\x10\x18\xad\xd3\x05\xdd\x96\xcc\xae\xb4\xd6\nqh\x8ay\xcd\x9a5\x1b7nLjMXL\xb9\x069{\xf6l\xa5\x94\x9b\xd2i\xddD\x85\x10nb\xc7\xdd\xc1\xdd\xa3\x00\xad\xb9\x9b\x85K\x82#\xbem&amp;\x93I\xa5R\xbf\xfb\xdd\xef\xc6\x8e\x1d\xeb\xfe\xdb$5\xfe\xc4\xa0\xf9\x1f\xb7\x84tj\xdc\xdb\xf3\xf5\xaf\x7f}\xcd\x9a5\x87\x87lAq\x8f\xa2\xed\x9b~z\xe2\x89\xbdL&amp;\x92\xc7\xb5nc\x8cI\x15\x15\x8e\xbc\xfc\xba_l|^)im`\xad\x1d&lt;x\xf0\x96-[R\xa9T\xc2\x96\x83b\xcdu\x00\xcb\xcb\xcb7o\xde\x9cm\x9fn\xbd\xb7u[\xed\xd9\xb3\xe7\xc7&gt;\xf6\xb1^\xbdz\x15\x15\x15\xa5\xd3\xe9L&amp;\xd3\xd0\xd0\xf0\xe7?\xff\xf9\x8f\x7f\xfcc\x14E\xee?9\xfa.\x9fJ\xa52\x99\xcc\x82\x05\x0b\xa6L\x99\x92\xbc:\x90\x04\xa0\xf9\x1f\xb7$\x04@v\xf7\xbe\x11#F\x1c:\xf2M)\xad\xf5\xd29\xb7}g\xf27[\xde\xadS\xe1q\xb6XcLX\xd0\xed\x0f;^\x1bx\xe1U\xc6\xd8\xc4\xd7\x84\xc5W\x14Ea\x18\xae]\xbb\xf6\xab_\xfdjv\n\xc8}\xa9\xb8\xb8x\xf8\xf0\xe1\xa3F\x8d\xfa\xecg?{\xe6\x99g\x96\x96\x96\x1e\xd1n\x0f\x1e&lt;\xf8\xe6\x9bo\xae_\xbf\xfe\xe1\x87\x1f\xde\xbauk\x10\x04G\xcc\xf6\xb8\x91Aqq\xf1\x1f\xfe\xf0\x87\x13N8!xo\x11\x11\xf2\x8b\xe6\xdf\x16\xb1\x0f\x80l\r\xdf\xd0\xa1C\x8f8\xf2\xedw\xcf=.\x8d\t\x82\xa0-\x8dUG:\xdd\xb3\xe4\xe6\xef\xdc\xf5\xbd\x1f&gt;\x92]\x0e\xea\xd3\xa7\xcf\xab\xaf\xbeZ\\\\\x9c\x8c^@2\xb8\x89\xfbA\x83\x06m\xdf\xbe\xdd\xfd\xc9\xb0a\xc3\xae\xbe\xfa\xea/}\xe9K\xa7\x9crJ\xeb\xbf\xd9\xba\x8f\xdf\xfa\xa1\x01\xad\xf5C\x0f=TYY\x99\xc9d\x82\xf7N\xf5\x86a\x18E\xd1\x03\x0f&lt;PYY\xe9\xc2\xa6#~%\xfc#4\xff6\x8a\xfd\x1a\x80\x1b\xfb/[\xb6\xec\xe8#\xdf\xd2\x05\xdd\x8c\xd6m|\x7f\xa4\x92\xa6\xb9\xb9z\xfa-\xd9\x9a0!DmmmUUU\xf2j\xc2b\xcdU|VTTt\xed\xda\xf5\xba\xeb\xae\xdb\xb2e\xcb\xa6M\x9b&amp;N\x9cx\xca)\xa7d7xp\xf7\x8b\xd6\xeb\xc0\xee\xe4?\xf7\x17\xa4\x94\x15\x15\x15\x8f=\xf6\x98[08\xe2Y\x01!\xc4#\x8f&lt;\x92\xc8\xc7A\xe3\x8b\xe6\xdfF\xf1\x1e\x01\xb8\x8b\xaf\xaf\xaf/++khh\xb0\xd6J)\xdc\x91o\xeb\xd6&gt;\x9cilj\x97j-\x1d\xe9t\xaf\x92\xef.\xfaAE\xd5\x03\xd9\xade\xa5\x94\xdb\xb7o\xef\xdf\xbf\x7fR\xb7\t\x8c\xa9}\xfb\xf6\xbd\xfd\xf6\xdb\xfd\xfb\xf7\x0f\x0e\x8f\t\xdc\x8c\xd0G\xf9o\xdd\xaao:\x9d\x9e9s\xa6[R\xce\xae\x1f\xb8I\xa1.]\xba\xec\xdc\xb9\xf3\xf4\xd3OOR!`|\xd1\xfc\xdb.\xc6\x97\x1e\x04\x81\x1b\x91UUU\xd5\xd5\xd5e\x8f|K\xa7SK\xe6\xfc\xfd\xc8\xb7\xb6\x93JE\r\x8d\x13o\x1c7x\xe0\']\xcbwS\xcc\x15\x15\x15\x94\x06v6\xdd\xbbw\xef\xdf\xbf\x7f\xf6\xd9.\xd7\x97\xff\x88\xff\xad\xfb\xfb\xc6\x98)S\xa6\xf4\xea\xd5\xcb=I\xe4\xbe\xe4\xda\xf9\xc1\x83\x07w\xec\xd8\x11$\xab\x100\xbeh\xfem\x17\xe3\x00\xf8\xa0#\xdf\xa6N\xbc\xf6\x93\x83\x07f\x9a\xf6\xb5W2\x0b\x11\x18\xad\xd3\xdd\xba\xce\x9f9\xd9M\x05\x1c}\xdcD\xbb\xfc \xb4\x9d\x9b\xcf9\xba\xa6\xf3#r3B%%%\xe5\xe5\xe5\xc1\xe1:\xa2\xec\x97\x82 x\xeb\xad\xb7\x02\x02\xa0\x13\xa0\xf9\xb7\x8b\x18\x07\x80{3***\xa2(r3\xb6\xd6\xda\x13\xfb\xf4\x9ar\xf3x\xd3\xd4tL\x0f\xfe\xfdCJ\xa9L\xfd\xde\x11\x17\x0f\xbb\xf2\xcb\x17\xbb\xb7\xff\x88\x9f\xce\x1d\xa1\x93h\xbd\xa8{|\xdc:\xc1\xb9\xe7\x9e\xfb\xbe_\xdd\xb3gO[\xbe9\xda\x0b\xcd\xbf]\xc45\x00\xb2\xcfe\x1c}\xe4[\xefSO&gt;\xfa\xc8\xb7v \x840f\xce\xf4[\xd2\xe9\x94+=h\xdd\x01I\xc0r\x10\xb2\x84\x10\xc5\xc5\xc5\xef\xfb%W \x84\xfc\xa2\xf9\xb7\x97X\x06\x80\xcb[\xf7d\xb6\x8b_7\x06\x1c\xf4\xa9O\x8c\x1b\xfb\xd5\xa8\xbe^\xe5\xa0JOJ\xd9\xd2\xd84`\xd09S\'^k\x8c\x91R\xb9AhUUUmm\xad;K\xa4\xdd\x7f(\xf2\xe5\x83n\xf4\xe9t\xba\x83\xaf\x04G\xa0\xf9\xb7\xa3X\x06\x80\x9b\xe4\x9d?\x7f\xfe\xae]\xbb\xb2\xc5\xb9J\xc9E\xb3\xa6u\xed\xde\xed\x83\x8e|k;\xa9\x94i\xda7\xe5\xe6\t\'\xf6\xe9\xe5\xdeo!D]]\xdd\x8c\x193\xdc\xdcqn~,:\x9a\xb5\xf6\x9dw\xdey\xdf/\xf5\xea\xd5\xab\x83/\x06G\xa0\xf9\xb7\xa3\xf8\x05\x80\x0b\xde\x9a\x9a\x9a\xfb\xef\xbf\xdf%\x7f\x18*\xad\xf5\xd8\xaf}q\xf8\xa8\xe1-u\x1fx\xe4[\xdb\t!2\x07\x0e\xf6&gt;\xf5\xa4\xfbf|\'\xdb\xef\x90R\xaeZ\xb5*[\x86\x9c\xa3\x1f\x8d\x0e\xe3\xca&lt;^y\xe5\x95\xe0\xbd\x8b\xbd\xee\xcd=\xe3\x8c3\x02\x9e\x04\xce\x1f\x9a\x7f\xfb\x8a_\x00\xb8\xe5\x97\xea\xea\xea\xbd{\xf7\xba\xe5&gt;cl\x8f\xa2\xc2\x99\xd3n2\xfb\x0f\x08\x99\xdb\x87t\xc20\xcc\xec\xa9\xff\xe7\x7f\xber\xd8\xd0\xc1Zk\xa5\xa4\x10\xe2\xe0\xc1\x83S\xa7N\x8d\xf5Z\x10\x1c\xd7\x9d\xfc\xd3\x9f\xfe\xf4\x9b\xdf\xfc\xa6\xf5\xb8\xde\xfd\xff\xae]\xbb\x9e}\xf6\xd9\x01\x01\x90?4\xff\xf6\x15\xb3\x00\xc8\x1e\xf9\xb6b\xc5\n\xb7\xf5\xa3R\xd2\x18S\xf9\xed\x7f\xee\xf7Ogg\xf65K\x99\xf3\x96i\xadUaX]\xf9\xad\xec\x91\xa1n+\x12\xb7\x11U\xack\xc2\xe0\x02`\xf1\xe2\xc5\xcd\xcd\xcd\xae\xd8\xc3\xfd\xb9\x1b\x16\x0c\x1c8\xf0\xd4SO\x8d\xfb\xb3?\xf1E\xf3ow1K-\xf7l\xce\x05\x17\\\x90=\xf2\xcd\x18s\xd6\x99\xa7m\x7f\xeeq\xe5\x1e\xd4\xee\x98\xcb\x88\xa2t\xef^\xd7\x8e\xbf\xf5\xc7\x8f\xfe&lt;{\x19\xfd\xfa\xf5\xdb\xbe}\xfb\xfb\xee/\x8fXp\x9b\xfc\xbc\xf8\xe2\x8b\xe7\x9f\x7f~&amp;\x93i}\x98\x8ck\xdb\x8b\x16-\x9a4i\x12{\x01\xe5\x0b\xcd\xbf\xdd\xc5\xa9#\xe3\xc2v\xf9\xf2\xe5\xad\x8f|\x0b\x82`\xcem\xdf\xeeR\xd4\xddDm\xdd\xf7\xe3\xa3\x13R\x99\xfd\xfbgN\xbd\xa9\xb8G\x91\xbbM\x84a\x98\xdd\x8e&lt;\x8eS\x81p[\t\xfd\xe5/\x7f\x193f\xcc\xc1\x83\x07\x83V\x0b\x00n\x89\xafO\x9f&gt;\xe3\xc7\x8fg/\xa0|\xa1\xf9\xe7Bl\x02\xc0\xcd\xfd\xed\xd9\xb3g\xfa\xf4\xe9nB\xd6}\x08\xca??\xe4\x1b\xe3\xbe\x9a\xa9o8\xeeM_\x8f\x83\x94"\xd3\xd4\xdco\xd09\xb7\xde0\xd6\x18\xa3\xd4\xa1\xe5\xa0\xd6\x07\x12u\xd8\xc5\xa0\xed\xdc\xcde\xf7\xee\xdd\xa3G\x8f\xae\xa9\xa99\xa2\x19\xbb7\xb4\xba\xba\xba\xb4\xb4\xd4\xcd\x11\xe5\xf1R\xfdD\xf3\xcf\x91\xd8\x04\x80[\xfd_\xb8pamm\xad\xeb\x91Yk\xc3P\xcd\xbf{\x8a\x8d\xb4\xed\xa0\xc1\xdf\xdf\xa9PEu\xf5\x93n\x9e\xf0\xf1\xd3O\xd6\xda\x08\x11\x08!\xf6\xee\xdd[]]\x1d\xd3\xe5 o\xb9\xc3\xc4\xdfz\xeb\xad\x8b.\xbah\xdb\xb6mG\xcc\xe4\xba\x8d\xa0G\x8d\x1au\xe3\x8d7&amp;c\x0b\xf88\xa2\xf9\xe7H&lt;\x02\xc0\xbd\xfd\xbbv\xed\x9a7o\x9e\x94Rk\xe3\xfah7^s\xc5g\xca?\x97i\xdcw\xacG\xbe\xb5\x9d\x10\xc2\xb4dJO&lt;a\xee\x1d\x15\xd6Z!\x0e\xedF\xb2b\xc5\x8a\xec\x10\xb5\x83/\t\xc7\xc1M\xe8\xff\xe67\xbf\x19&gt;|\xf8\xf6\xed\xdb\xc30&lt;\xfa\xee_VV\xb6|\xf9\xf2\x80\xe2\x9f&lt;\xa1\xf9\xe7N&lt;\xc2\xea\xe8#\xdf\x82 ().\xda\xf5\xfc\x13%\xa5=l&amp;\xcaW\xcb4Z\xa7\x8a{\x0c\xbf\xf4\xeaM\xbf\xde\x9a\xad\n(//\x7f\xe6\x99g\x82\xf7n%\x86\xce&amp;\xbbm\xdcc\x8f=6a\xc2\x84\xa6\xa6\xa6\xf7\xed\xfb\x9f|\xf2\xc9\xeb\xd7\xaf\x1f0`\x00[@\xe7\x0b\xcd?wb\xf0\x81\xce\xee\xbd\x97-\xb4rc\xc0Y\xd3n\xeauJ_}\xa0%\x8f\xfd2+\x84\xd5z\xfe\xddS\xd2\xe9\x94\xb5\x7f/S[\xb9re\x8cz\x01\x1e:\xfc\xf8\xa8\xba\xe7\x9e{\xae\xbc\xf2\xca\xa6\xa6&amp;\xf7\\O\xf6/d\xfb\xfe\xcf&lt;\xf3\xcc\x80\x01\x03\xdc\xa7.\x8f\x17\xec-\x9a\x7fNu\xf6\x11@\xf6\xc8\xb7s\xcf=\xf7\xb5\xd7^{\x9f#\xdfl\x90\xdfq\xb9\x8e\xa2\xf4\t\xbd\xc7\x8f\x9f\xf4\x1fk~\xe6j\xc2\xac\xb5g\x9ey\xe6\xd6\xad[\x8b\x8a\x8a\x12ph\\\xf2\xb8\xbe\xfc\x81\x03\x07\xae\xbf\xfe\xfa\x95+Wf\xe7\x94\xb3\x7f\xc1\xdd\xfd?\xf3\x99\xcf\xfc\xe4\'?9\xe5\x94S\x98\xfa\xcf\x17\x9a\x7f\xaeu\xf6NM\xf6\xc8\xb7\x9d;w\xbe\xe7\xc8\xb7\xea\xc3G\xbe\xe5\xfb\xe5\x15J\xe9\xc6\xa6\xfb\xaan\xedYZl\x8dqe\x82555\x8b\x17/&gt;\xa2S\x89\xce\xc0}\xa2\xea\xea\xea\xbe\xf8\xc5/\xae\\\xb92\x0c\xc3\xd6w\x7f7,\x88\xa2\xe8k_\xfb\xda\xfa\xf5\xeb\xb9\xfb\xe7\x17\xcd?\xd7:u\x00\xb8\xda\xaf\xba\xba\xba\xaa\xaa\xaaV\xb5_\xe6\xca/_|\xe9W.\xce4\xec\xed\x0c-S\n\xa1\x0f\x1c\xf8\xd8YgL\xfe\xe6\xd5\xc6Zu\xf8l\x8aE\x8b\x16\xbd\xf1\xc6\x1b\xb1\xab\x0bN6\xf7\x89\xaa\xaf\xaf\xbf\xf4\xd2K7l\xd8\x90J\xa5\xa2(:\xa2\xde_k=c\xc6\x8c\x9f\xfc\xe4\'EEE\xee#\x97\xdfk\xf6\x16\xcd\xbf\x03t\xea\x00\xc8n\xb8ZWW\x97\x1d\xa7\xa7\xd3\xa99\xd3o\xb1Q\x94\xe7\xb1_+R\x85Q]C\xe5\xa4\x1b\xce\xfa\xf8i\xfap\x9dxCC\xc3\xed\xb7\xdf\x1e\xaf\x9a\xb0ds\x93\tZ\xeb+\xaf\xbc\xf2\x85\x17^H\xa5R\xad\xf7|vm\xb5\xa0\xa0`\xd5\xaaU\xf7\xde{\xaf;A\x9ey\xff&lt;\xa2\xf9w\x80\xce\xfb\xf9vo\xff\xd6\xad[\x8f&gt;\xf2m\xc0\xa0s2\x8d\xedv\xe4[\xdb\t\x11\x98Hw)\xea&gt;\xe7\xf6o\xb7&gt;4\xee\xd1G\x1f\xdd\xb8qc\\\x96\x83\x12\xcfu!o\xbb\xed\xb6\xf5\xeb\xd7\x1f}\xf7\xd7Z\x9f|\xf2\xc9\xcf&lt;\xf3\xcc\x981c\xa2(\x8a\xd7\x03\xfd\xc9C\xf3\xef\x18\x9d7\xa0\xdc\x8b8b\xc4\x08\xf7"\xba\x91T\x9f\x13zn\xdf\xf4\xd3\x9e\xa5=L\xfej\xbf&gt;\x881&amp;\xd5\xa3h\xe4e\x13~\xb1\xf1y\xa5\xa4\xb5\x81\xb5v\xf0\xe0\xc1[\xb6lI\xa5R\x9d\x7f9(\xd9\xdc\xc7i\xcb\x96-\xe7\x9f\x7f\xbe+\xf6?b\x9f\x9f\xfe\xfd\xfb?\xf9\xe4\x93eee\x99L&amp;\x95J\xe5\xf7jA\xf3\xef\x18\x9d%E\x8fpt\x84\xba1\xe0}3\xbe\xd3\xfb\xd4\x93rr\xe4[{\xb0Q\xb4d\xf6ma\xa8\xac\xfd{\x17f\xf5\xea\xd5\xf1z:&lt;\x91\xdc\x07\xa6\xaa\xaa*8\\[\xe2\xfe\xdc\xf5.\xfb\xf7\xef\xbf~\xfd\xfa\xb2\xb2\xb2(\x8a\xb8\xfb\xe7\x1d\xcd\xbf\xc3t\xc6\x11\x80\x9b\xabmjj\x1a&lt;x\xf0\x9bo\xbe\xe9\xb2Sk3l\xe8\xe0g\x7f\xfe\x1f\xa6y\x7f\xe7\x19\xfd\x1dAG:\xdd\xb3\xe4\xe6\xef\xdc\xf5\xbd\x1f&gt;\x92=\xab\xa8O\x9f&gt;;v\xec())\xe9\xb4\xbd\x80\xc4s\xad\xf1\xa5\x97^\x1a2dH\xeb]\xfe\xddm\xa5W\xaf^\xbf\xfa\xd5\xaf\xfa\xf5\xeb\xc76\x9f\x9d\x01\xcd\xbf#u\xc6\x97\xd2\xe5\xff\xe2\xc5\x8b[-\xa3\x0b)eu\xe5\xb7T\x18v\xc2\xc4\xca\x92J\x9a\xe6\xe6\xea\xe9\xb7\x94\x96\xf4\xc8\x1e\x1aW[[\xbbp\xe1\xc2\xce\xdc\x0bH&lt;\xf7\xca\xaf]\xbb\xf6\xe8u]k\xed\xf7\xbf\xff\xfd~\xfd\xfae2\x19\xee\xfe\x9d\x01\xcd\xbf#u\xba\x00p+u555\x8b\x16-\xca.\xfeh\xad\xaf\xb9b\xf4\x88KG\xb4\xd4\xe7\xf0\xc8\xb7\xb6\x13BD\x07Zz\x9d\xd2w\xd6\xb4\x9b\xdc\xbd\xc6\xf5=\xe7\xcd\x9b\x97-d\xce\xf75\xfa\xc8\xdd\xf4\xb7l\xd9\x12\xb4\xda\xe4\xd9\xdd\\F\x8e\x1c\xf9\xb5\xaf}\x8d\x99\x9fN\x82\xe6\xdf\xc1:c\x00\xb8#\xdf\x1a\x1a\x1a\x0e=\xf8gL\xcf\xd2\xe2\xb9U\x93\xcd\xbef\xd1\x89\xdf~G*\x1554N\xbc~l\xff\xb2\xd3\xdd\xef"\x84hii\xa9\xa8\xa8\xe8\xfc5a\x89\xe4\x9abKKKMMM\xf0\xdec~\x83 \x988q"oJ\xe7A\xf3\xef`\x9d+\x00\xdc\xa1\x1c\x9b7ovG\xbei\xad\x95\x94\xc6\xda\xc9\xdf\xbc\xfa\xa4\xb3N\xcf\xec? ;\xdf$\xda\x11\x84\x08\x8c\xd6\xe9\x82nK\xaa+\xad\xb5B\xfc}3\x93u\xeb\xd6u\xf2\x9a\xb0\x04\xab\xaf\xaf\x7f\xf7\xddw\x83\xc3\x01\xe0j\xf5\xbau\xeb\xf6\xb9\xcf}\xce=\xfd\x9b\xef\x0b\x04\xcd?\x0f:Q(\xb9\xda\x8cL&amp;\xf3\x85/|a\xdb\xb6mn\xd8n\xad-;\xe3\xd4\xed[\x1eW\xd6\xe6}\xdf\x8f\x8f\xceh\x9d*\xe9q\xd5\xb8[\x1e}\xe2\x97\xd9\x1dB\xfa\xf7\xef\xbf}\xfbvW`\xde\t\x97\x83\x92\xca\r\xc3_\x7f\xfd\xf5\xb3\xcf&gt;;\x93\xc9\xb8\x8e\x98\x1b\x8f\xf7\xeb\xd7\xef\xd5W_u\xbbA\xf0\x8e\xe4\x17\xcd?/:\xd1\x08\xc05\xd4\xd5\xabW\xbbC9\xdc\x00\xcaZ;\xe7\xf6\xc3G\xbeu\x96\x17\xed#\x10\xc2F\xd1\x9c\xe9\xb7\xa4\xd3)\xb7\x9f\x95\x94r\xe7\xce\x9d\xee\xa9\x96N8\x15\x98x---\xad;_\xae\x05\xf6\xec\xd9\x93\xbb\x7f\'A\xf3\xcf\x8b\xce\x12\x00\xad\x8f|s\xaf\x91;h\xed\x92\xe1C\xbf1\xf6\xab\x99\xfa\xbd\x1dy\xe4[\xdbI)3\x8d\xfb\x06\x0c:g\xea\xc4k\x8d1R\x1e\xfa@\xbb\xe7\xda;\xe7l`\xb2\xb9\x0f\x98|\xaf.]\xba\x04G\xad\n\xa0\xe3\xd1\xfc\xf3\xa5\xb3\x04@\xeb#\xdf\xdc\x0bdm\x10\x86j\xc9\xec\xdbl\x14\xe5\xfb\xea\x8e\x87T\xca4\xed\x9br\xf3\xf8\x13\xfb\xf4r\xef\xb7\xdb\x84\xb2\xaa\xaa\xaa\xb3\xf5\x02|\xe0v\x01\xca\xfeo&amp;\x931\xc6477\xe7\xfb\xba\x10\x044\xff\xfc\xe9\x14Y\xe4\xe2\xf1\xb5\xd7^\x1b8p`\x14E\xc6X\x97\xff\xdf\x9e\xf0\xf5\x87\xbe;\xa7eO}\xbc\xf2?+\x8a\xa2.\xbd{\xfd\xafe\xcb\xaf\x9f2+\xfb@\xa3\x94\xf2\xf9\xe7\x9f\x1f&lt;x0{\x8du\x0c\xd7\xbb\xdc\xb7o\xdf\x0b/\xbcp\xc4\x97\x8a\x8b\x8b\xdd\x1b\xc1\x14P\x1e\xd1\xfc\xf3\xa8S\x04\x80[(\x1f5j\x94[(w\x1f\x88\xe2\x1e\x85\xbb\x9e\x7f\xa2\xb4S\xee\xfb\xf1\x11\xd9 \x08\x02\x1bI\xf5\x85\x91c_\xfa\xdd\x1f\xdc\xfa\x8f\xd6z\xf8\xf0\xe1\x1b6l`\xa3y \xa0\xf9\xe7U\xfe#\xe8\xe82)7D\x9a5\xf5\xa6^\xa7\xf4\x8d\xf2z\xe4[\x1b\x89 0\xdat\xed\xdem\xd1\xaciJ\xc9\xec6\x81\x1b7n\xcc\x9eo\x97\xefk\xf4\x85\xdb\xe8\xff\x08\x9dg$\xee-\x9a\x7f\x9e/2\xbf#\x00W \x15E\xd1\xc0\x81\x03\xb3G\xbe\x19c\xfe\xe9\x9c\xfe\xcf\xffb\xb5\x88\xa2 \x08D\x10\xd7O\x80\xa3\xa3\xa8[\xef\x9e\xe3\xc6\xdf\xba\xea\xa7O\xb9\x9a0W\x80\xb8}\xfb\xf60\x0c;UM\x18\xd0\x91h\xfeyo\xfey\x0e\x00\x17\x89\xf7\xde{\xef\x9dw\xde\xd9j\x9aL&lt;\xff\xf3\xe5C.\x19\x16\xd4\xef\r:\xc1(\xa9\xad\x8c\r\xbau\xa9\xadyk\xf0\x85_\xaf\xdd\xfd\xb7\xe0\xf0\x0e\x94\xf7\xdcs\xcf\x1dw\xdc\xd1IF\x82@\xc7\xa3\xf9\xe7\xbd\xf9\xe73\x00\xdc\x00|\xf7\xee\xdd\xe7\x9csN}}\xbd[\x8b3\xc6\x0c\xf9\xa7\xb3\x1f\xa8\x9e\xa6;\xeb\xa6\xaf\xc7J\x08\xa1\xa3\xa8[\xcf\xd2EK\xfe\xfd\xa7O\xae\xcf\xcer\x96\x94\x94\xec\xd8\xb1\xe3\xc4\x13O\xec$\xcbA\x89\xe7:_\xeec\xe6&gt;\xf6J\xa9d|\xc6\xe2\x88\xe6\xdf)\x9a\xbf\xcd\x1fw\x1c\xeb\x84\t\x13\x82 h\x1d\x83\xc9x\xe3?\x9c\xfb}\xc7\x8f\x1f\x9f}\x1d\x90S\xee\x04\x98\xa3\xf1\xe2\xe7\x0b\xcd\xbf34\xff\xbc\x8d\x00\\\xe5\xef\xb6m\xdb&gt;\xff\xf9\xcfg_\x82\xecW\x13\xd9#&gt;b\xc9\xd1M\x08&gt;\xfb\xec\xb3\xe5\xe5\xe5y\x1f\t&amp;\x9b\xfb\xb0e2\x99\'\x9f|r\xcb\x96-\xbbw\xef.**\xfa\xf4\xa7?\xfd\x95\xaf|\xa5O\x9f&gt;\xee\xab\xf9\xbeF\xbf\xd0\xfc;I\xf3\xcfs\x00\\p\xc1\x05\x9b6mrG\xf4\xe5\xe52\xf2\xc8Mz\x96\x97\x97?\xf3\xcc3\xdc\x83r\xc7\xbd\xb6\xaf\xbc\xf2\xcau\xd7]\xf7\xd2K/\xb5\xfeR\x9f&gt;}\x1ex\xe0\x81\xf1\xe3\xc7\xf3\xfaw0\x9a\x7fgi\xfey\x19w\xb8\xcc\x7f\xf0\xc1\x07\xf3\xf3;w2\x0f&gt;\xf8\xa0\xcd\xf7H0\xa9\x8c1\xc6\x98\xbf\xfc\xe5/\'\x9dtR\x10\x04\xe1{\xb9\xd7\xffg?\xfb\x99\xe5\xf5\xef@4\xff\xd6\xf2\xdb\xfc\xf3s\x04\x92\x942\x8a\xa2W^y\xe5\xc2\x0b/l}D\x9fo\xdc\x91\x84\xaf\xbc\xf2J\x14EL\x01\xe5\x82\xdba\xf8\xe1\x87\x1f~\xe7\x9dw\xd2\xe9tKKK\xeb\xaf\xba\xbe\xe7\x9c9s\xbe\xf4\xa5/\xf90\xf5\xdcI\xd0\xfc\x9d\xce\xd0\xfc\xf36\x05dy\xfe\xbe\x15^\x8d\x1cq\xb3\xab\xa3G\x8f~\xea\xa9\xa7\\\xf9]\xeb\xaf\xbar\xa0\x82\x82\x82]\xbbv}\xecc\x1f\xe3]\xe80\xbc\xd4\xad\xe5\xf1\xd5\xc8\xdb!\xa8\x87\xb7|\xca\xffF\x14y\x97\xf7\x87A\x12\xccu\xacv\xef\xde\xfd\xbe\x1f6\xf7\'\xcd\xcd\xcd\xb5\xb5\xb5\x04@G\xa2\xf9g\xe5\xb7\xf9\xe7\xf3\x14ln|\xe8\x18\x1f2\xc9\xe0\xeeD\xee/p?\xeaH4\xff\xce\x80\xca\x07$\x99\xbb\xb3\x17\x17\x17\xbf\xef\xed\xc6\xdd\xfdS\xa9Tiii\xe0G\x05:\xd0\x1a\x01\x80$s\x01\xf0A\xbb\xef\xba#bN?\xfd\xf4\xd3N;\xed}\xff\x02\x90l|\xe2\x91d\xee\x9e&gt;a\xc2\x04!D\x14E\xd9\xed\xb7\xdcA\xf0a\x18\x1ac&amp;N\x9c\x98J\xa5&lt;,E\x07\x08\x00$\x99\xdb[\xf8S\x9f\xfa\xd4\xd2\xa5K\xed{\xab\xad\xb5\xd6---c\xc7\x8e\x9d4i\x921\x862\\x\xa8S\x1c\x08\x03\xe4\x94{\xd2r\xc3\x86\rK\x96,y\xe1\x85\x17\x1a\x1a\x1a\xd2\xe9\xf4\xd9g\x9f}\xfd\xf5\xd7_w\xddu\x01U\x89\xf0\x15\x01\x00/d\x9f\xb6oll\xdc\xbbwo\x97.]z\xf7\xee\x1dp\xeb\x87\xdf\x08\x00\xf8Bk\xedV}\xdd\xbf\xba\xeaOf~\xe03\x02\x00~q\x0b\x00\x14\xa1\x03\x01\x01\x00\x00\xde\xa2\n\x08\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x04\x00\x00x\x8a\x00\x00\x00O\x11\x00\x00\xe0)\x02\x00\x00&lt;E\x00\x00\x80\xa7\x08\x00\x00\xf0\x14\x01\x00\x00\x9e"\x00\x00\xc0Sa\xbe/\x00H&amp;k\xad\xb56\xdfW\x91\x04R\xd2O\xcd\x15\xc1g\x14\x00\xfc\xc4\x08\x00hg\xc6\x18)\xe5\xcb/\xbf&lt;e\xca\x14)\xa51&amp;\xdfW\x14KJ)\xad\xf5\xa0A\x83\x16,X`\xad\x15B\xe4\xfb\x8a\x12\x88\x00\x00\xda\x99\x1bU\xff\xf5\xaf\x7f}\xf6\xd9g\xf3}-\xb1\xd7\xdc\xdc\x1c\x04\x01\x01\x90#\x04\x00\x90\x13\xa9TJ)\xc5\x08\xe0\xb8\xb9\x11@aaa\xbe/$\xc9\x08\x00 \'\xac\xb5Zkk\xad\x0b\x00!\x02!X\xcc\xfc(\xac1\x87\x16&amp;\xb5\xd6\xc4gN\x11\x00@G\xb06\xb0\x96{\x19:\x17\x02\x00\xc8-7\x0b\xf4\xe9s\x07,\xbcwz\xb4\xff\x00s\xd9\x1f\xc4\x18\x9b\xea^\xb0\xf57/WV/\xe2U\xea\x18\x04\x00\x90[\xee^vB\xcf\xd2\x0bF_\x1446\x05T\xb5\x7f\x10m\x82\x92\x1e]\x02\x1b\x1c~\xd1\x90k\x04\x00\xd0\x112Q\xa4\xeb\x1b2M\xcd&lt;\xd6\xf4A\xb46\xe9\xc06\xedk\xce\xf7\x85x\x84\x00\x00:\x82\x10B)e\x94$\x00&gt;\x84\xab\x9b\xca\xf7Ux\x84\xd7\x1a\x00&lt;E\x00\x00\x80\xa7\x08\x00\x00\xf0\x14\x01\x00\x00\x9e"\x00\x00\xc0S\x04\x00\x00x\x8a\x00\x00\x00O\x11\x00\x00\xe0)\x02\x00\x00&lt;E\x00\x00\x80\xa7\x08\x00\x00\xf0\x14\x01\x00\x00\x9e"\x00\x00\xc0S\x04\x00\x00x\x8a\x00\x00\x00O\x11\x00\x00\xe0)\x02\x00\x00&lt;E\x00\x00\x80\xa7\x08\x00\x00\xf0\x14\x01\x00\x00\x9e"\x00\x00\xc0Sa\xbe/\x009a\x8ci\xc7\xeff\xad\x95R\n!\xda\xf1{\x02\xc8;\x02 \x81\xdc\xfd:\xdfW\x01\xa0\xb3#\x00\x92Fk\xad\x94z\xfc\xf1\xc7\x97.]\xaa\x94\xd2Z\xb7\xe5\xbbI)\x8d1}\xfb\xf6}\xf8\xe1\x87\xd3\xe9t\x10\x04\x8c\x03\x80\xc4 \x00\x12\xc5Z+\x84hii\xa9\xac\xac|\xfd\xf5\xd7\xdb\xf1;\x8f\x1a5j\xfc\xf8\xf1.]\xda\xf1\xdb\x02\xc8#&amp;\n\x12\xc5\x18#\xa5\x9c?\x7f\xfe\xeb\xaf\xbf\x9eN\xa7U{H\xa5RJ\xa9\xe9\xd3\xa7\xef\xd9\xb3G\x08a\xad\xcd\xf7o\t\xa0}\x10\x00\xc9a\x8c\x11B\xd4\xd6\xd6.X\xb</t>
        </is>
      </c>
    </row>
    <row r="174">
      <c r="A174" s="1" t="n">
        <v>172</v>
      </c>
      <c r="B174" t="inlineStr">
        <is>
          <t>color_grid</t>
        </is>
      </c>
      <c r="C174" t="inlineStr">
        <is>
          <t>What is the color of the missing part denoted with a question mark?</t>
        </is>
      </c>
      <c r="D174" t="inlineStr">
        <is>
          <t>['blue', 'green', 'red', 'orange']</t>
        </is>
      </c>
      <c r="E174" t="inlineStr">
        <is>
          <t>red</t>
        </is>
      </c>
      <c r="F174" t="inlineStr">
        <is>
          <t>There are circles with different colors arranged with a grid formation in the image. The colors in the first row are ['yellow', 'red', 'yellow'], the colors in the second row are ['?', 'blue', 'red'], and the colors in the third row are ['yellow', 'red', 'yellow'].</t>
        </is>
      </c>
      <c r="G174" t="inlineStr">
        <is>
          <t>We observe that the circles at the corners are yellow, while the circles directly adjacent to the center are red. Only the center circle is blue. Hence, the pattern is that the circles alternate in color depending on if they are at the corner or adjacent to the center.</t>
        </is>
      </c>
      <c r="H174" t="inlineStr">
        <is>
          <t>Based on the pattern that the circles alternate in color depending on if they are at the corner or adjacent to the center, the missing color of the part that is adjacent to the center should be red.</t>
        </is>
      </c>
      <c r="I174" t="inlineStr">
        <is>
          <t>b'\x89PNG\r\n\x1a\n\x00\x00\x00\rIHDR\x00\x00\x02\x00\x00\x00\x02\x00\x08\x02\x00\x00\x00{\x1aC\xad\x00\x00rTIDATx\x9c\xed\xddy|\x14U\xba?\xfe\xe7\x9c\xaa\xea-Kg_\x08\n\x04B\x80, &amp;0\x02\xe2\x02\xa2\xb8;\xb8\xe0(\x97\t\n\xf8U\xaf\x03^\xc7\x9f\xce83^\x1cG\xc1\x8d;\xe3\n\x8a\xce(\xca\xe0\x02\n\x0e\x04\x01QAD\x94%\x01\x12\x02!\x84%\x0bYHg\xe9\xa4\xbb\xab\xce\xf9\xfdq\xa0\x8d\t\x04\x90t\xd2\xa9\xf3\xbc\xff\xf057\xe9\x1b\xba\x9f\xfeT=\xa7N\x9d\xaa"\x9cs@\x08!$\x1f\xda\xddo\x00!\x84P\xf7\xc0\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xc2\x06\x80\x10B\x92R\xbb\xfb\r\xc8\x88s~\xca\x9f\x13B\xba\xf8\x9d\xc8\t\xeb\xdf\xbd\xb0\xfe\xc1\x03\x1b@`\xf1V\x00\x80R\xea\xffo{\x8c1\xff\x7fI+]\xf8~\xcd\x06\xeb\xdf\xbd\xb0\xfeA\x8e\x9c\xae\x1b\xa3_L\xc4\x9d1F\x08Q\x14\xa5\xfd\x0b\x18c.\x97\x8b\x90\x13\xc5\x17\xff\xc3f\xb3\xd9\xed\xf6S\xbeX\xfc)J)n\x0cg\x03\xeb\xdf\xbd\xb0\xfe=\x086\x80N#B\xcf9W\xd5\x9f\x8e\xab\x0c\xc3(++\xdb\xbf\x7f\x7f~^^uu\xf5\xd6\x1f\xb6\xea\xba^YQQQQ\xee\xdf\x00\x80\x10\xe0&lt;44t\xc0\x80\x14\x0e&lt;##3&amp;&amp;6++\xeb\x82\x0b.\xe8\xd3\xa7\x8f\xc3\xe1h\xfd\xd7\x00\x00\xb7\x84S\xea\xb8\xfeyyy\xd5\xd5\xd5?l\xdd\xaa\xebzEEEEyy\x9b\x1dPhhhJJ\n\xe7&lt;#33&amp;\x16\xeb\x7f\xce0\xff=\x116\x80N\xc097\x0c\xc3\x9f{\xc30\x8a\x8a\x8arss7n\xfc\xa6\xa8hoiii}}\xe3/\xf8\xb3V\x8b\xda\xabWRj\xea\xa0_]r\xc9\x84\t\x13\x86\x0e\x1d\xea\xdf\x18t]\xa7\x94\x9e\xeePZ6\xa7\xad\xff7\xdf\x14\xed\xdd[ZZZ\xdf\xf8K\xeaoQ\xd5\xa4\xa4\xa4\xd4AX\xff3\xc0\xfc\xf7\\\xd8\x00\xce\x8b\x18\x92\x88\xe3\\\xc30\xb6l\xd9\xb2|\xf9\xb2U\xabV\xed+*\xf2x}\xad_\x19\x16j\x0bqhC\x92\x9dT\xa1\xceP-sp\x147\xb8\x18\xc7p\x0eD\xa3\xa5\x87\xea\x0f\x955\x11\x85\xee?\xe8\xaao\xf4\xd6\x1cw\xb7\xf9\xb7\xfa\xf5\xebs\xc5\x15W\xdet\xd3\xcd\x97_~yxx8\x9c\x1cs\xc9&lt; :E\xfd\x97\x9d\xac\xbf\xefg\xf5\x0f\xb5\xd9B4\xad\xbf\xd3\xa9P\x1a\xaaiiQQ\xc6\xc9\xe4s\x00\x8d\xd2\xd2\xfa\xfa\xb2\xa6&amp;\x85\xd2\x12\x97\xab\xc1\xeb=\xeenW\xff&gt;}\xae\xb8\xf2\xca\x9bn\xc6\xfa\xff\x04\xf3\xdf\xd3a\x03\xf8\x85\x0c\xc3\xf0\'\xef\xc8\x91#K\x96,Y\xbc\xf8\xbd\x1d;v\xfe\xf4\nB\xfb\xf6\x0e\xbb8=f\xf8\x90\x98\xac\xb4\xe8\xc1\xfd#\xc3\xc3-\xce(;P\x02\x04\xc0\xa2@\xeb\xc2\x13\x00\x9d\x81\xc1\x80\x90\xe6\xda\x96&amp;\xb7o\xf7\x81\xba\xed\x85\xb5\xf9{k\xb6\xee\xac\xdaw\xb0\xbe\xa5\xc5\xeb\x7fm\x9f&gt;\x17\xdc~\xfb\x1dw\xdf=%33\xd3\xfffN9\xd9jb\xa7\xa8\xff{\xef\xed\xd8\xf9S\xfd\t\xa5\x17\x84\x85e\xc4\xc4\xa4\xc7\xc4\xa4GG\xa7DF\x86Y,\xd1v\xbbB\x08\x01\xd0\xda\x95Kg\xcc`\x8c\x10R\xdb\xd2\xd2\xe4\xf3\x15\xd7\xd5\x15\xd4\xd6\x16\xd4\xd4\xec\xa8\xaa*\xa9\xafo\xf1\xb6\xaa\xff\x05\x17\xdc~\xc7\x1dwO\xc1\xfac\xfe{&lt;l\x00\xe7LLt\x8a\xc0}\xfb\xed\xb7o\xbd\xf5\xd6\xb2O&gt;&gt;^\xe7\x12\xbf\x8dt\xda\xb32b\xae\x1e\xd3{\xec\xc8^i\xfd#\x1c\xd1vP)\xe8\x0c\xbc\x06\x18\x8c\xf9\x18\x00p\x00\xce\xda\x96\xdd\xbf\xde\x81\xaa\x14(\x01\xab\x02*\x05\x0eF\xbd\xa7\xa8\xd4\xb5e\xc7\xb1\x95\x1b\x0e\xff\x98Wu\xf0\xc8\x89\x7f\xc8bQ/\xbf\xfc\xca\xfb\xef\xbf\x7f\xe2\xc4\x89\x16\x8bE\x8c\x86d\xd8\x0c\xda\xd7\xff\x93\x8f?\xaes\x9d(K\x84\xdd\x9e\x19\x133\xb6w\xefKz\xf5\x1a\x10\x11\x11c\xb7\xab\x94\xfa\x18\xf3\x1a\x86\xc1\x98\x8f\x9d\xac\x7f\xbb\xd8\xfb\x97\x9b\xa8\x94RB\xac\x8a\xa2Q\xca\x01\\\x1e\xcfA\x97k\xdb\xb1c\xeb\x0f\x1f\xdeYUu\xf8\xe4?dQ\xd5\xcb\xaf\xc4\xfac\xfe{6l\x00\xe7\xa0\xf5\\\xe7\xbau\xeb\xe6\xcd\x9b\xbbf\xcd\x17\'\x7fI\xc7d%\xdctU\x9f\xc9\xd7\x0f\xe8}a8\xa8\x14|\x06x\x0c\xc3\xc78\xe7\x84\x10B\x81\x9c\xddBg\xceAl \x9cs\x02DQ\x08X\x15\xb0\xaa\xc0xCM\xf3\xf2/J&gt;\xc9=\xf8\xc5\xc6\xa3Mn\x8fx}fF\xfa\xac\xd9\x0f\xe7\xe4\xe4\xc0\xcf\xc7e\xe6\xd3\xb6\xfes\xe7\xae\xf9\xe2d\xfd)\x1d\x91\x90pu\x9f&gt;7\x0e\x18\xd0\'&lt;\\\xa3\xd4g\x18-\x86\xe1c\'\xeaO\xe1l\xd7\x99s8\xd1\x1f\x18\xe7\x84\x10\x85\x10\xab\xa2XU\x95s^\xd5\xdc\x9c[R\xb2\xea\xe0\xc1\xaf\x8f\x1eu{N\xd4?#=}\xf6\xc3R\xd6\x1f\xf3\xdf\xf3a\x038[b\xb6\x11\x00\x8a\x8a\x8a\xe6\xce\x9d\xfb\xce\xdb\x8b\xc4 \xc6n\xb3\xfc\xe6\xc6\xfe\xd3\xee\x184jx\x02\xd8Up\xfb\x98\xc7\x10\xfb\x0e\xda\x19\x8b\x98\xc5p\x89q \x00\x8aF!D\x03\x0e\x85\x055\xff^\xb9\x7f\xc1\x07\x05e\x95\'N\xaf\x8d\x1f?\xfe\xb1\xc7\x1e\x1b7n\x1c\x98\xf4\x88\xb8M\xfd\xdf^\xb4H\x04\xd7f\xb1\xdc\xd2\xbf\xff\x9d\x83\x06e%$8T\xb5\xc9\xe7\xf3\x18\xc6\x89\x9dN\'\xed\t\xd8\xc9\x8dD\xa34T\xd3\x18\xc0\x9e\x9a\x9a\xcf\xf6\xef\x7f\xb7\xa0\xa0\xb2Q\xd2\xfac\xfe\xcd\x01\x1b\xc0Y\xd1u]UU\xaf\xd7;o\xde\xbc\x97^|\xa1\xf6x\x1d\x00DE\xd8\xa7\xdd1h\xeaM)\xe9\x17\xc5\x83\xcex\x93\xd70\xb8\xa2\x04\xf0\xd2\x15\xce\x811N\x00\xa8C\x05\xbbVy\xb0\xee\xdd\xcf\xf6/ZRXP\\\x0b\x00\x84@N\xce\xb4\xa7\x9ez\xaaW\xaf^&amp;\x1b\n\xb5\xae\xff\x8b/\xbcp\xbc\xae\x0e\x00"\xec\xf6\xdf\x0c\x1a\xf4\xeb\x94\x94\x8b\xe3\xe3}\x8c5y\xbd\x06\xe7J /\x1d\x12\x87\x05\x00\xe0PU\x87\xa6\x1d\xa8\xab[\xbe\x7f\xff\xe2\xc2\xc2\xfd\xb5\xb5\x00@\x00r\xa6\x99\xbf\xfe\x98\x7f3\xc1\x06p\x06\xe2\xbaDJ\xe9\xa6M\x9b\xee\xbb\xef\xbe]\xbbv\x01\x80\xdd\xaa\xddyS\xffGg^\x94\x9a\x19\x07M^\xc3\xad\x13\x02\x94v]\xda\x18\xe3\x8cq\xd5\xaa\x82\xd3\xe2*k\x9a\xffv\xde\x1b\x8b\x0b\xca\xab\x1a\x01 !&gt;\xee\xa9\xbf&gt;}\xef\xbd\xf7\x82)\x86B\xa7\xac\xbfU\xd3n\xe9\xdf\xff\x81\x8b.\x1a\x16\x17\xd7\xe8\xf5\xbau\x9d\x00\xd0.\xdc\xda\x19\xe7\x8cs\xab\xaa:-\x96\xb2\xa6\xa6\x85yy\xef\x16\x14\x1ckl\x04\x80\xf8\xb8\xb8\xbf&gt;m\xf2\xfac\xfeM\x03\x1b@G\xfc\x01z\xf2\xc9\'\x9f}\xf6\x19\x8f\xc7\x0b\x00\xe3G\xf5\xfe\xeb\xefG\x8c\x1c\xd5\x1b\xdc&gt;\xdd\xed\xa3\x94te\xf4[\xe3\x1c\x0c\x83\xa9\x16\x05\x9c\xd6\xb2\xe2\xba?\xbd\xf8\xfd;\x1f\xedc\xdc\x00\x80\xc9\x93\'\xbf\xfc\xf2\xcb\xd1\xd1\xd1b\xec\xd6-o\xef\xfc\xfd\xac\xfe\xcf&lt;\xe3\xf1z\x01`L\xef\xde\x8f\x8f\x181\xa6w\xef&amp;\x9f\xaf\xc9\xe7S\x08\xe9\xca]\x7fk\x1c\xc0`\xcc\xa2(N\xab\xb5\xb8\xaen\xee\xf7\xdf/\xdd\xb7\x8f\x1b&amp;\xad?\xe6\xdf\x8c\xb0\x01\x9c\x96H\x7fyyyNNNnn.\x00D\x86\xdb\xfe\xf7\xe1\xac\xff\x9e\x96\t\x00F\x83\x97t_\xf4[;\xb1\x19\xd8T\x08\xb5\xe4\xae&gt;\xf0\xbb\'7\xee-\xa9\x03\x80\x81\x03\x07.Z\xb4h\xf4\xe8\xd1=t\x1c\xd4\xbe\xfe\xe16\xdb\xa3YY\xd333\x01\xa0\xc1\xeb\xa5\xdd\xb7\xeboM\xb4\x01\x9b\xaa\x86Z,\xff9p\xe0\x89\x8d\x1b\x0f\xd4\xd5\x81\x19\xeb\x8f\xf97\x1fl\x00\xa7&amp;\x06\x0e\x9b6m\xba\xfd\xf6\xdb\xcb\xca\xca\x00`\xcc\xc5\to=\x7f\xe5\xc0!1\xac\xb6\x198P\xa5\xfb\xa3\xdf\x1a\xe7\xdc0\xb8\x1aas\xd5\xb5&lt;2g\xd3\x9b\xff.\x04\xe0V\x8b\xf6\x7f\x7f\xff\xc7\xcc\x993{\xdc\x94h\xfb\xfag%$\xfc\xdf\x95W\xa6\xc5\xc4\xd467s\x00%\xc8&gt;\x0b\xe7\xdc\xe0&lt;\xd2f;\xde\xd2\xf2\xa7M\x9b&gt;(,\x04\xce\xad\x9a\xf6\x7f\xff0I\xfd1\xff\xa6\x84\r\xe0\x14D\xfa\x17.\\\xf8\xc0\x03\x0f\xf8|&gt;\x00:+\'\xed\xb9?\x8eV5\xaa7zU5x/@7t\xa6X\x14\x08\xb5\xbc\xf9\xcf\xfc\xdf?\xbd\xb9\xae\xc1\x03\x003g\xce|\xfd\xf5\xd7{\xd06\xd0\xb6\xfe\x94\xde\x9b\x96\xf6\x97\xd1\xa35J\x1b\xbd^5\x88o\x00\xa03fQ\x94P\x8beQ~\xfe\xffn\xde\xdc\xe01E\xfd1\xff\xe6\x85\r\xa0-\x7f\xfag\xcc\x98\x01\x00\xceP\xeb\x8b\x7f\x1e5-\'\x93\xd76s\xc6\x83\xe1\x98\xb7c\x9cs\xc6@\x89\xb1\x7f\xff\xed\xd1)\xbf[[T\xea\x02\x80\xe9\xd3\xa7/X\xb0\xa0Gl\x03m\xea\x1fj\xb5\xce\x195\xea\xde\xcc\xcc\xda\xe6f\xb1\xc8\xa7\xbb\xdf\xe0\x19p\xce\r\x808\xbb}\xe3\xd1\xa3\xf7\xaf]{\xd0\xd5\xb3\xeb\x8f\xf977l\x00?\xd3&amp;\xfd\xd1N\xdb\xaaw\xae\xcd\x1e\xdd[\xafr+J0L8\x9f-\xdd\xc7T\xa7\xb5\xb6\xa6y\xe2\x94\x15\xdf\xe7WA\x0f\xd9\x06\xda\xd4?\xc2f[|\xed\xb5\x97\xf6\xee}\xcc\xedV\x82\x7f\xdf\xd3\x8a\x8f\xb1\x08\xab\xb5\xba\xb9y\xf2\x8a\x15;\xabzj\xfd1\xff\xa6\x17\xbcGs]\xafM\xfaGd\xc4n\xfelRvV\xa2^\xe5V\xd5\x9e\x94~\x00P5j\xd4{\xa2\xc2\xadk\x97\xde&lt;mR*\x00\x88\xcf\xa5(\x8a\xb8\x94\xbf\xbb\xdf\xe0)\xb4\xa9\x7ffl\xec\x7f&amp;M\x1a\x91\x98X\xe9v\xab=j\xef\x0f\x00\x1a\xa5.\x8f\'\xdcj]v\xf3\xcd\xb7\xa5\xf6\xc8\xfac\xfee\x80G\x00\'\xb4O\xff\xea\xf7n\x8c\x8c\xb2\x19\xf5\x1e%\x88\'=;\xc6\x0cN-\x14\xec\xda\x8c\xd9k\x17.-\x84\x93\xe3 \xf1\x84\x8d\xa0\x1a\x07\xb5\xdf\xfb/\xbd\xf1\xc6(\x9b\xad\xde\xe3\t\xe6I\xff\x8e\x19\x9c[(uh\xda\x03k\xd7.)\xecI\xf5\xc7\xfcK\x02\x1b\x00\xc0\xc9\x15o\xfe\xf4g\xa7\xc7\xe6.\xbe12\xdcb\xb8}=7\xfd\x02c\x9cS\xa2\x84Zf\xccZ\xbb\xf0\xc3\x9f\xb6\x81\xa0Z\x1b\xd7\xa6\xfe\x19\xb1\xb1\x1f\xdex\xa3\xd3bi\xf2\xf9z\xee\xde_`\x9cSBB-\x96\x07\xd6\xae\xfdwa\xcf\xa8?\xe6_\x1e\xd8\x00N\xa4\x7f\xf3\xe6\xcdc\xc6\x8cf\x8cG9\xad?|vk\xbf\xe4\x88\x1e=\xf6i\x8d3\xce\x15J4:\xfa\xe6\x8f7\xef&lt;\x06\x00/\xbd\xf4\xd2\xacY\xb3\x82\xe4\x1a\x99\x9f\xea?z4\xe3\xdci\xb5\xae\xbe\xf5\xd6\xfe\x11\x11=z\xec\xdf\x1a\xe3\\\xa1T\xa3\xf4\xda\x8f?\xdeq,\x88\xeb\x8f\xf9\x97\x8f\xec\r@\x1c\x0c\x1e;vlhff\xe5\xb1c!\x0e\xed\xcb\xc57dg\'\x1a.\x93\xa4_`\x8c\x83\xa6\xd45\xf9\xae\xb8mY^\xd1q\x00\xbef\xcd\x9a\xab\xae\xba\xaa\xdb\xc7A\xfe\xfagff\x1e;v\xcc\xa1iKo\xb8adb\xa2\xcb,{\x7f\x81q\xae)J\x93\xcfw\xd3\xb2e{\x8f\x1f\x07\x1et\xf5\xc7\xfc\xcb\xc9&lt;\xdf\xf1/#nu2e\xca\x94\xcac\xc7\x00\xe0\x95?\x8f\xce\x1e\xdd[\xaf3U\xfa\x01\x80R\xc2=zT\xb4\xed\xbd\xf9\xe3\xa3\x9c\x16\x00\xf8\xaf)S*++)\xa5\xa2\x02\xdd\xc5_\xffc\xc7\x8e\x01\xc0S\xa3G\x8f\xed\xdd\xbb\xce\\{\x7f\x00\xa0\x84xt=\xc6f{e\xfc\xf8\x08\x8b\x05D\xe4\x82\xa9\xfe\x98\x7f9\x99\xeak&gt;W\xe2\x18p\xce\x9c9_|\xf1\x05\x00\xcc\xfa\xaf\xf4\xa9\xf7\x0e\xf5U\xb9U\xcd\x84eQT\xaa\xd7y2\xb2\x12\x16\xfcu,\x00TTVN\x992\xe5\xa7\x07sw\x876\xf5\xcfIO\x9f1th\xa5\xdb\xad\x99k\xef/\xa8\x94\x1e\xf7xF$$&lt;3v,\x00T\x06_\xfd1\xff\x12\x92\xf7\xf3\x8b\xfb\x9b\x7f\xf7\xddwc\xc7\x8e\xf5\xf9|\xbf\x1a\x1a\xb7\xf1\x93_s\x9d)\x1cL\xbc:@\xd7\x99\x1a\xeb\x98\xfd\xc8\xfa\xf9\xff\xda\x05\'\'C\xbb\xe5@\xb8M\xfd/\x8a\x8b[\xf1\xeb_\xeb\x8cq\x00\xf3\x96\x1f|\x8c\xc59\x1c\xb3\xd6\xaf\x7f{Wp\xd5\x1f\xf3\xdf\xddo\xad{H\xda\x00\xc4\x03\xe4\x0c\xc3\xc8\xc8H/*\xda\x17\x16j\xd9\xb1\xe2\xd6\xe4\xe4\x08\xd6\xe4\x0b\xb6\x9b\x9ct.\xce\x81\x11\x00\x8d\x8e\xb8\xfe\xa3m{jT\x85\xee\xda\xbd{\xe0\xc0\x81\x9cs\xda\x85\xe3\xee\x9f\xea\x9f\x9e^\xb4o_\xa8\xc5\x92{\xeb\xad\xfd#"\xc4\xdd=\xbb\xecmt=\xd1\xde4J\xaf\xfe\xe8\xa3]55\n\xa5\xbb\xbb\xb7\xfe\x98\xff\xee\xa8\x7f\xf0\x90\xf13\x03\x80x|\xe8\xf3\xcf?_T\xb4\x0f\x00\x9e}8;yH\x8c\xde\xe05w\xfa\x01\x80\x10\x00\x83+\x9a\xf2\xe6\xdf\xc6Z-\x8a\xc1\x8c\x87\x1ez\xa8\xeb\x0f\x84\x7f\xaa\xff\xbe}\x00\xf0hvvzLL\x83\xd7k\xee\xbd?\x00\x10\x00\x83sMQ\xe6\x8e\x1dkU\x14ftw\xfd1\xff\xddQ\xff\xe0!c\x03\x10\x07\xbf\xc5\xc5\xc5\xf3\xe6\xcd\x03\x80\xb1\xd9\x89\xf7O\x1ff\xd46\x9br\xea\xb3=E!z\xbd\xe7\xa2Q\x17&lt;2-\x83sX\xb3f\xcd\x87\x1f~\xa8(\x8aa\x18]\xf3\x06\xda\xd4\x7fdb\xe2}\xc3\x86\xd547\x9br\xea\xbf=\x85\x10\x97\xc7s\xe9\x05\x17\xdc\x9b\x91\xc1\xa1\xfb\xeb\x8f\xf9\xef\xe2\xfa\x07\x15)\xbe\xf26\xc4\x03c\xe7\xcc\x99\xe3r\xb9lV\xf5\xa5\xc7/\x01\x00"\xd3\x08@Q\xa8\xe1jy\xf4\x81\xe1)}#(%O&lt;\xf1\x84\xd7\xeb\xed\xb2q\xd0\xcf\xea\xaf\xaa\x7f\xba\xe4\x12\x10\x8fb\x97\x86Ji]K\xcbC\xc3\x87\xf7\x8b\x88\xa0\xa4[\xeb\x8f\xf9\xef\xf2\xfc\x07\x15\xe9\x1a\x808\xe1\xf3\xf5\xd7_/^\xbc\x18\x00\xee\x98\x98&lt;|Lo\xa3\xdec\xfa\x83\xdf\xd6\x08\x01\xee5\xc2\xe3B\x9e\xb8o\x18c\xbc\xa8\xa8\xe8\xf9\xe7\x9f\xef\x9a%qm\xea\x7f]r\xf2\xd8\xde\xbd\xeb=\x1e\xd3O\xfe\xb4F\x00\xbc\x86\x91\x10\x12\xf2\xe0\xb0a\x8cwg\xfd1\xff]\x9c\xff`#]\xd3\x13\xdf\xf1\xf8\xf1\xe3\xbe\xfcrCt\x84\xed\xbb\x8foIN\x8e\x80\x16\xbd\xa7\xddm\xec|q\x00\x0e\xe0#d\xec\xad\xcb\xb6\xe6WEEE\xed\xd9\xb3\'66\x16\x00\x02z\x8f\x94\x13\xf5\x1f7\xee\xcb\r\x1b"m\xb6\xcfn\xb9\xa5\x7fDD\x8b\xae\xf7\xb0\x9b\x8du\x12B\xc8M\xcb\x96\xed\xac\xea\xf2\xfac\xfe\xbb)\xff\xc1F\xae#\x00q3\xd8m\xdb\xb6m\xd8\xb0\x01\x00r&amp;\r\x1c04\x8e5\xf9dK?\x00\x10\x00\xae3k\xb8\xe5\x7f\x1f\x1c\xce9\xaf\xa9\xa9y\xef\xbd\xf7\x08!\x01\x9d\tmS\xff\xdb\x06\x0e\xbc(.\xae\xc9\xe7\x93s\xef\xaf3\x16n\xb1\xfcnx\xb7\xd5\x1f\xf3\xdf\xc5\xf9\x0fBr5\x00\xe1\xd5W_\xe1\x1clVu\xda\xa4T\xdeh\xf2uo\x1d\xa0*e.\xcf\xd8K/\x18\xd4?\x92\x10\xb2h\xd1[\xcd\xcd\xcd\x8a\xa2\x04\xfa\xa0\xf0\xd5W^\xe1\x00VU\xbd=5\xb5\xc1\xec\xeb&gt;;\xa0R\xea\xf2x\xc6^p\xc1\x80\xc8HB\xc8\xa2\xb7\xba\xaa\xfe\x98\x7f\x00\xe8\xbe\xfc\x07\x15\x89\x1a\x00\xe7\\&lt;\xe4\xfa\xa3\x0f?\x04\x80;\xaf\x1f0xx\x02s{%\x1c\xfe\x08b\x10\xe4\x88\xb4?&gt;}(\xe7|\xf7\xee=\xeb\xd6\xad#\x84\x04h&amp;\xd4_\xff\x0f?\xfc\x10\x00n\x1a0\xe0\xe2\x84\x04\xb7\xd7+\xe7\xf0_\xd0\x19\x8b\xb6\xdb\xff\xdf\xd0\xa1\x9c\xf3\xdd{\xba\xa8\xfe\x98\x7f\xa1\x8b\xf3\x1f\x9c$j\x00\xe2\xe0\xee\x83\x0f&gt;hhlR\x14z\xff\xe4\xc1\xdc\xc7L}\xd9\xe9\x99Q\x85\xf2\x06\xcf\xa4k\xfb\xf7N\x08#\x84,\\\xb0\x00\x026\x07\xea\xaf\x7fcS\x93B\xe9]\x83\x07\xeb\x8c\x99\xf9\xaa\xd3\xb3\xa0PZ\xef\xf1\\\xdf\xbf\x7fbX\x18!dA\x97\xd4\x1f\xf3\xef\xd7\x95\xf9\x0fN\x125\x00EQ\xbc^\xef?\xdfy\x9b\x102"3nxV\x02o\xf2*\xb2\x1e\xff\n\x84\x80\xe15B\xe2B\xee\xbc&gt;\x99s\xben\xdd\xba}\xfb\xf6\x05h9\x84\xa8\xff;o\xbfM\x08\x19\x16\x17\x97\x9d\x90\xd0(\xc1\x95_\x1d\x13\xcb\x81\xe2CBnH\xee\xa2\xfac\xfe[\xeb\xca\xfc\x07\'Y\x1a\x80a\x18\x84\x90\xed\xdb\xb6\xe7\xef\xda\xcd9\x9f4\xa1/uh\xcc\x90h\xb2\xeft\x08!\xe03&amp;]\xd5\x8fR\xda\xe4v/_\xbe\x1cN\xae\x15\xe9D\xa2\xfe\xdb\xb6o\xdf\xb5{7\xe7\xfc\x9a\xbe}\x1d\x9af\xc84\xd9z:\x84\x10\x9faL\xec\xd7\x8fR\xea\x0ep\xfd1\xff\xeduM\xfe\x83\x96,\r@\x9c\xd8\xf9\xe4\x93\x8f9\xe7Q\x11\xf6\xdf\xdc0\x00\x9a|\x8a"\xcb\xc7\xef\x80\xa2\x10\xd6\xe4\xcd\x1e\x918jx\x02!\xe4\xd3\xe5\xcb\xc4\x95\xa2\x9d\xfb\xaf\x9c\xa8\xff\xc7\x1fs\xce#\xec\xf6\x9b\x07\x0ch\xf2\xf9\x149.\xfd\xed\x98BH\xa3\xd7;21\xf1\xe2\x84\x04B\xc8\xf2e\x81\xac?\xe6\xbf\x9d\xae\xc9\x7f\xd0\x92\xe5s*\x8a\xe2\xf3zW~\xbe\x12\x00\x86\r\x8eN\xec\xebd\x1e]\xee\xe9\x87\x9f0\x83S\x876\xfe\x92D\xce\xf9\x8f\xdb\xb6\xed\xdf\xbf\xbf\xd3\x8f\x82\xc5\xfc\xc3\xe7+W\x02@Ztt_\xa7\xd3\xa3\xebX~\xc1\xe0&lt;D\xd3\xc6$&amp;r\xce\xb7\x05\xac\xfe\x98\xff\xd3\xe9\x82\xfc\x07-)\x1a\x80x\xecQ\xf1\x81\x03\x07\x8a\x8b\x01\xe0\x9aK\x93@\xa5\x8c\xe1\xf1\xef\t\x84\x10\xf0\x1a\x13F\xf7V\x15\xda\xd2\xe2\xd9\xb4i\x13t\xeaQ\xb0\xa8\xff\x81\x03\x07\x8a\x8b\x8b\x01\xe0\xb2\xa4$\x8dR\x86\xf3?\'\x11B&lt;\x861\xa6wo\x85\xd2\x16O\xa0\xea\x8f\xf9?\x9d@\xe7?\x98\xc9\xd2\x00\x00`\xf5\xaaU-\x1e\xaf\xaa\xd0q\xbfJ\x02\x1f\x93\xea\\\x7f\xc7(%\xd0\xa2\x0fM\x8bIJ\x08\x03\x80\x15\x9f}\x06\x9d\xba\x16B\xd4\x7f\xd5\xaaU\x1e\xafW\xa1tTR\x92\x97a\xfd\x7fB\ti\xd1\xf5\x8c\x98\x98\xc4\xb00\x00\xf8,0\xf5\xc7\xfc\x9fN\xa0\xf3\x1f\xcc\xa4h\x00\xe2\xbb\xdc\xb8i\x13\x00$\xc5\x87\xa5\x0e\x90\xf1\xda\xf7\x0e\x10\x02\x86\x8f9\xa2\xec\x17\xa7E\x01\xc0\xf6\xed\xdb\xdcnw\'^\x11#\xea/\x06V\taa\x03$\xbe\xf7\xc3)\x11\x00\x1fc\xd1v{zT\x14\x00l\xdf\x16\x90\xfac\xfeO\'\xd0\xf9\x0ffR4\x00J\xa9\xd7\xeb-,\xd8\x03\x00\xd9\x991!\xd1\x0e\xc3\xc7p\xff\xd3\x1a\xe7\x1c\x14z\xf9\x88D\x00\xa8\xac\xac&lt;|\xf80\x9c&lt;sx\xfeD\xfd\x0b\xf6\xec\x01\x80\xa111\xb1\x0e\x87\x8f1,\x7fk\x9cs\x85\xd2_%\x06\xb0\xfe\x98\xff\x0e\x044\xff\xc1\xcc\xfc\r@L\x80\x96\x97\x97\x1f:T\n\x00\x17\xa7E\x83Je\xf8j\xcf\t!\x04tv\xd1\x90\x18JIs\x8b\'//\x0f:i\x03\xf8\xa9\xfe\xa5\xa5\x00\x90\x11\x1d\xadR\xac\x7f[\x84\x10\x1fc\xe911\x94\x90\x16O`\xea\x8f\xf9?\xbd\xc0\xe5?\xc8\x99\xbf\x01\x88o\xb1\xa4\xa4\xa4\xa1\xd1\r\x00\xc3\x06E\x83\x81\x13\xa0mQJ\xc0\xab\xa7\xf6sF\x84\xd9\x01\xa0\xb0\xa0\x00:i\x03\xf0\xd7\xbf\xd1\xed\x06\x80!\xd1\xd1:\x9e\x00h\x87\x12\xe2\xd5\xf5~Ng\xb8\xdd\x0e\x00\x05\x01\xa8?\xe6\xbf\x03\x81\xcb\x7f\x90\x93\xa5\x01\xe4\xe7\xe5\x01\x803\xcc\x9660\x12&lt;\x06n\x00m\x10\x02\xdc\xcb"\xe3BR\xfa\x85\x03@\xfe\xae|\xe8\xa4\xf3`\xa2\xfebH\x15f\xb3\r\x8c\x8c\xf4\x18X\xff\xb6\x08\x80\x97\xb1\xf8\x90\x90~\xe1\xe1\x00\xb0+\xbf\x93\xeb\x8f\xf9\xefX\xe0\xf2\x1f\xe4\xcc\xdf\x00\x84\x8a\x8a\n\x00p\xd85g\xb8\x15\x0c.\xc17{\xce8\xe7\xaaU\x8d\x8e\xb0\x02@ee\xa5xnTg\xfd\xf1\x13\xf5\xd7\xb4p\xab\xd5\xe0\x1c\xcb\xdf\x1e\xe7\xdc\xa6\xaa\x91\xd6@\xd6\x1f\xf3\x7fz\x01\xcd\x7f\xd02\x7f\x03\x10\x17\xf5m\xdb\xbe\r\x00\x06\xf5w\x86F\xd9\x99\xcf\x90\xe0\x9b=g\x8cqP\xe9\xc5i1\x00P\xb4wo]]\x1d\xed\x8c\xc9zQ\xff\xed\xdb\xb6\x01@\x7f\xa73\xdan\xf7\x19\x06\x96\xbf=\xc6\xb9JizL\x0c\x00\xec\xed\xec\xfac\xfe\xcf(@\xf9\x0fr\xe6o\x00\x82\xf8"\x89\x98\xecC\xa7C@\x94\x871CQ\x94N\xfc\xc3\xfe\r\tW\x7fv\x80\x9c\xbc9\'3\x02R\x7f\xcc\xff\x19\x04,\xffA\xcb\xfc\r\x80\x10\xd2\xd2\xd2Rv\xf4(\x00D\x86[\x80H\xf5\xf8\xebs\xc4y\xa4\xd3\n\x00MM\xee\xa3G\x8fBg\x9c\x07\x13\xf5\x17\x7f\xcdi\xb1`\x03\xe8\x00\xe7\xdci\xb5\x02@\x93\xbb\x93\xeb\x8f\xf9?+\x01\xc8\x7f\x903y\x03\x10\x13yn\xb7\xfb\xc8\x91\xc3\x00p\xd1\xe0h\xd0(\xc7\x8b\xe0O\x85\x10\x02\x06\xbfhP4\x004\xb9\x9b\x8f\x1c9\x02\xe7\xbd\x01\xfcT\xff\xc3\x87\x01`Ht4\xde\x04\xe2t\x08!:\xe7i\xd1\xd1\x00\xe0n\xee\xec\xfac\xfe\xcf$\x10\xf9\x0f~&amp;o\x00\x02!D\xd34\x00\xd01\xfag\xe2/\x91\xa8X\xa7\xf0\xd7\x1fw\xfdg\xe4\xbfEv \xea\x8f\xf9?\xa3@\xe4?\x98I\xd1\x00\xa0\xd5\x1c(\xea\x98\xbfD\x9d;\xf61\xfdH\xaa\xb3\x04\xb4\xfe\x98\xff3\nP\xfd\x83\x96,\r\x00!\x84P\x1b\xb24\x00\xb1\xa4W\x8e\xa6~^\xfc%\xea\xdcE\xd0\'\xea\xdf\x89\x7f\xd1\xa4\xfc%\nH\xfd\xf1\x0b8\x93\x00\xe5?hI\xd1\x008\xe7\xba\xae\x03\x80E\x93\xe2\xf3\x9e\x0f\x7f\x89D\xc5:\x85\xbf\xfe\x1a.B&lt;\x13\x8d\x06\xb0\xfe\x98\xff3\nD\xfe\x83\x99\xf9\x03\xc19\xd74\xcd\xe9\x8c\x00\x80\xfd\x87\xea\xf1F(\x1d\xa1d\xff\xa1z\x00\xd04\xcd\xe9tBg\x8c\x83N\xd4?"\x02\x00J\xeb\xeb}x#\xa0\xd3\xa3\x84\x94\xd6\x07\xa6\xfe\x98\xff\xb3\x11\x80\xfc\x079\x937\x00B\x08\xe7&lt;,,l`j*\x00\x14\x1fn\x00\x1d\xaf\x83?5\xce9PR|\xb8\x1e\x00"#\xc2\x07\x0e\x1c\x08\xe7\xbd\x01\xf8\xeb\x9f\x9a\x9a\n\x00\x87\x1a\x1at\xbc\x0f\xc4ip\xce\x15B\x0e\xd6\xd7\x03@Dx\'\xd7\x1f\xf3\x7fF\x81\xc8\x7f\xf03y\x03\xf0\xf3z\xbd\x00`\xb3*\x80\x93\x10\x1d\xb2[\x15\x000\x0c\xc30\x8cN\xfc\xb3\xa2\xfeVE\xc1\x0b\xc1:fS\x02X\x7f\xcc\xff\x19\x05(\xffA\xcb\xfc\r@&lt;\x0fo\xe8\xd0\xa1\x00PTR\xdfX\xeb&amp;*\xc5\xb3a\xed\x89[\xa2o/\xac\x05\x80\x01))\xe1\xe1\xe1\x9dr?\xac\xd6\xf5/\xa9\xaf\xafq\xbbUJ\xb1\xfc\xed\x89G\x02\xec\xa9\xad\x05\x80\x94\xc0\xd4\x1f\xf3\xdf\x81\x00\xe5?\xc8\x99\xbf\x01\x08\x89\t\x89\x00PW\xefq7\xf9\x88b\xf2/\xf5\x97!\x14\x98\xce*\xab\x9b\x01 66NU\xd5N\\\n\x9d\x90\x98\x08\x00\xf5\x1eO\xa3\xcf\xa7\x98}\xa3\xfae(\x80\xceXus3\x00\xc4\xc6ur\xfd1\xffg\x14\xd0\xfc\x07-\xf37\x00\xd1\xc3323\x01\xc0\xd5\xd0Rt\xc0\x05\x16\x95\xe1%\x91?\xc79PUi\xa8q\x17\x976\x00@zZ:\x9c\x1c&lt;\x9e\'Q\xff\xcc\xccL\x00\xa8oi9\xe8rYT\x15/\tn\x83\x03\xa8\x8aR\xedv\x9764\x00@Zz\'\xd7\x1f\xf3\xdf\xb1\xc0\xe5?\xc8\xc9\xd2\x00\xfa\xf6\xedk\xb3Y\x19\xe3;\nk\xf0\x91x\xedq\xce\xc1\xaa\x1c8X_U\xeb\x06\x00q\xce\xb0S\xfcT\x7f\xab\x95q\xbe\xbb\xa6F\x93\xe0.\xbb\xe7\x8asnU\x94\xd2\xfa\xfa\x1a\xb7\x1b\x00R\x03Q\x7f\xcc\xff\xe9\x05.\xffAN\xa2\x06\xd0+1\x01\x00\xb6\x17\xd4\x00\xc7\x85\x10m\x89\x9b\xa1\xe7\x17\xd5\xfatC\xd3\xd4a\xc3\x86\xc1\xc9[\xc9\x9f\'\x7f\xfd\x13\x13\x12\x00`wM\r\xc7\x85@\xed0\xce5J\x0bkku\xc3\xd0\xd4\x80\xd4\x1f\xf3\xdf\x81\xc0\xe5?\xc8\x99\xff\x13\x12B\x18cv\xbb}`\xea`\x00\xf8nG\x95\xb7\xdeCU\xf3\x7f\xf0s"\xf6\x08\x1b\xb6\x96\x03@tTTrr2t\xd2\x1a8\x7f\xfdS\x07\x0f\x06\x80\xedUUu\x1e\x8f*\xc1\xa6uND\xa1\xbf+/\x07\x80\xa8\xc0\xd4\x1f\xf3\xdf\x81\xc0\xe5?\xc8I\x91\x031\x97\x97\x9d\x9d\r\x00\x07\x0e\xbb\x0e\x96\xd4\x11\xab*\xc1\xfc\xde9\xa0*\xf5\xd5{\xb6\xec\xac\x06\x80\xc1C\x86\x84\x85\x85\xb1\xce\xbbb\xabu\xfd\x0f\xb9\\%uuVU\xc5\xf2\xb7\xa6R\xea\xf2xvTW\x03\xc0\x90@\xd6\x1f\xf3\x7fJ\x01\xcd\x7f0\x93\xa2\x01\x88/r\xe2\xc4\x89\xaa\xaa\xb4x\xf4M\xdb*\xc1\xa2\xc8p\x86\xe7,1\x06\xc4\xaa\x16\x17\x1f?p\xd8\x05\x00\xd7N\xbc\x96R\xda\x89\xf5\xf9\xa9\xfe\x8a\xe2\xd1\xf5\x1f++\xad\n\xd6\xff\'\x0c\xc0\xaa\xaa\xfb\x8f\x1f?\xe4r\x01\xc0\xc4k\x03V\x7f\xcc\xff\xa9\x04:\xff\xc1L\x8a\x06 \xe6\xf2\x86\x0e\x1d\xda+1\x11\x00Vl8\x04\x12\xac\xf0={\x8c1nUs7\x1em\xf1\xe8\n\xa5W\x8e\x1b\x07\x9dz\xfc\xeb\xaf\x7fbb"\x00\xac;t\x88a\xfd[a\x8c\xd9T\xf5\xeb\xa3G=\xbaN)\x1d\x17\xb0\xfac\xfeO)\xd0\xf9\x0ffR4\x00B\x88a\x18\x0e\x87\xe3\xcaq\xe3\x01\xe0\x87\xfc\x9a\xc6*\xb7b\xc1\xcbaN\xa0\x84\x10\xc6\xbe\xfc\xbe\x9c\x10HM\x1d\x98\x96\x96\xc69\xef\xc4g\xa2\xfa\xeb?n\xfcx\x00\xc8\xab\xa9\xa9r\xbb-x9\xd8I\x84\x10\x83\xb1\xef\xca\xcb\t@\xea\xc0\x00\xd6\x1f\xf3\x7fJ\x81\xce\x7f0\x93\xa2\x01\xf8\xddv\xeb\xad\x00p\xb8\xbc\xfe\xd35%\x10b1p54\x00c@\x1d\xda\xbe]Uk7\x1d\xe5\x1c\xae\xbb\xfe\x06\xab\xd5\x1a\xa0\xeb\xe0o\xbd\xf5V\x00(\xab\xaf_]R\x12b\xb1\xe0\xd5\x00\x00\xc0\x00\x1c\x9a\x96_U\xb5\xf1\xe8Q\x0ep\xfd\r\x01\xac?\xe6\xbf\xbd\xae\xcc\x7f\x10\x92\xa5\x01\x88\xa3\xe0K\xc7\x8e\xed\x9d\xd4\x8b\x10X\xf2\x9f\x03\xc0\xb8,\x1f\xbeC\x8c1\xb0\xab\x9f\xae+mj\xf6*\x8a2i\xd2$\x08\xc0\xf1\xaf\xa8\xff\xd8\xb1c\x93z\xf5"\x00+\x0e\x1c\xc0\xa5\xe8\x02c\xcc\xa1\xaakJK\xdd\xde\x80\xd7\x1f\xf3\xdf^\xd7\xe4?h\xc9\x92\x01B\x88\xae\xebaaa\x93\'\xdf\xc99|\xb9\xa5\xfc@A5qhr\x9c\xe9\xe9\x88\xa2R\xbd\xde\xf3\xee\xa7\xfb\t!\xd9YY\xd9\xd9\xd9\x8c\xb1N?\xfe\xfd\xa9\xfew\xde\xc9\x016\x97\x97\xef\xae\xaevh\x9a\xf4\xe5?\xb1\xfeg\xd9\xfe\xfd\x84\x90\xac.\xa8?\xe6\xff\xe7\xba&amp;\xffAK\x96\x06\x00\'\x07A\xbf\xcd\xc9\xb1hj\x93\xdb\xfb\xaf\xe5\xfb\x88C\xe5ro\x01\x86\xc1I\xa8\xe5\x9bo\x8f\xe4\xef\xad\xe1\x9cO\xbb\xe7\x9e\xc0\xad\x7f\x10\xf5\xcf\xc9\xc9\xd1T\xd5\xed\xf5~\xb2o\x9fCU%Ykq:\x06\xe7a\x16\xcb\xc6#G\nkj8\xe7\xf7\x04\xbe\xfe\x98\xff\xd6\xba2\xff\xc1I\xae\x06\xc0\x18KKK\x1b{\xd9\xe5\x84\x90W?(8VRGm\xaa\xccS\x11\x84\x80\xe1c\x7f}}\x07\xe7&lt;!&gt;\xfe\x96[n\t\xdc\xe9/\x7f\xfd/\xbb\xfcrB\xc8\xbb\x05\x05\x07\xea\xeal\xaa*q\xf9\x81\x00x\x19{e\xc7\x0e\xcey|W\xd5\x1f\xf3\xef\xd7\x95\xf9\x0fN\x125\x00\x10w\xfc\x00\x98={6\xe7\xbc\xaa\xc6\xfd\xde\xb2"\x12n5t\x89\x1a~k\x86\xc1i\x98u\xe7\x8f\xe5_~W\x06\x00w\xdd}wLL\x8ca\x18\x81\x9b\x00m]\xff\x1a\xb7\xfb\xa3\xa2"\xa7\xd5\xaa\xcb4\xe0j\xcd\xe0&lt;\xccj\xfd\xa1\xbc\xfc\xdb\xb22\x00\xb8\xbbk\xeb\x8f\xf9\xef\xfa\xfc\x07!\xb9\x1a\x00\xa5\x94s~\xc5\x15W\x0c\x1a\x94J)Y\xb0\xb4\xd0U\xd6H\xad\x8a\xc4\x83 &gt;oQ\x1e\x00\xd8\xac\xd6{\xee\xb9\x87s\x1e\xd0\xfb\x9f\xfcT\xff\xd4TJ\xc8\x92\xc2\xc2\xa3\x8d\x8dVE\x91\xb8\xfc|A^\x1e\x00X\xbb\xb8\xfe\x98\xff\x13\xba4\xffAH\xaeO\xeb\xbf/\xca\xe3\x8f\xff\x811\xbe\xf7@\xdd\xfc\x85;\xa8\xd3f\x18\xd2\r\x82\x0c\x83+\x11\xd6\r\xebK\xff\xfdy1\xe7|\xf2\x9dw\x0e\x1e&lt;\x981\x16\xd0\r\xe0\xa7\xfa\xff\xe1\x0f\x8c\xf3\xe2\xba\xba\xd7v\xec\x88\xb0\xd9\x0c\xf9\x0e\x02\x0c\xce#\xac\xd6\xb5\xa5\xa5+\x8a\x8b9\xe7wvq\xfd1\xff\xdd\x91\xff D$\\\x8d\'\x16\xf9\x8e\x1b7\xee\xeb\xaf\xbf\x8a\x89t\xe4}&gt;)..\x04|L\xaa\x87\xe5\x19\x8c\x13\xbb6\xee\x8e\xe5_}_\x1e\x1d\x15\x95\xbfkW|||\xd7\x8c\x80~\xaa\xffW_E9\x1ck&amp;MJ\x08\t\xf12&amp;S\xf9\x81q\xee\xd0\xb4[\x96/\xff\xae\xbc&lt;**jW\xb7\xd4\x1f\xf3\xdf\x1d\xf9\x0f*r}Z?EQ\xe6\xcc\x99C\xa9RU\xeb~|\xde\x16\x1afa2\r\x82t\x9d)Q\xf6w?\xd8\xb3aK\x19\xe7|\xf6\xc3\x0f\'$$t\xe5\xf0\xe7D\xfd\x15\xa5\xc6\xed~f\xcb\x96P\x8bE\xaa\x83\x00\x1fc\xd1v\xfb{{\xf6l.+\xe3\x9c?\xdc]\xf5\xc7\xfcwS\xfe\x83\x87\x8cG\x00\x00`\x18\x86\xa2(99\xbf}\xe7\x9d\x7f*\n\xcd}k\xe2\xb8\t\xfd\x8c\xe3-\x8a\x04\xb7\xc9e\x8c\x83E\xa9\xaei\x1ev\xddG\x955\xcd\x03SRv\xe6\xe5\xa9\xaaJ\x08\xe9\xb2\xd3_\'\xea\xff\xdb\xdf\xbe\xf3\xcf\x7f*\x94\xfek\xe2\xc4k\xfa\xf5;\xde\xd2"\xc3m\xa2\x19\xe7\x16E\xa9nn\x9e\xf0\xd1G\xd5\xcd\xcd)))y\xddU\x7f\xcc\x7f7\xe5?x\x98\xff\xfb&gt;%1\x19\xfa\xcc3\xcfFD8\r\x83\xdf\xf7\xe7\x8dMu\x1e\xb0Hq6\x8cqNC\xb4\xff\xfe\xcb7\xe5UM\x8c\xb1\xff\xfb\xfb\xdf-\x16K\x17?\xff\xfaD\xfd\x9f}6\xc2\xe948\xff\xe3\xc6\x8du\x1e\x8fE\x8e\xb3\xc1\x8c\xf3PM\xfb\xe37\xdf\x1ckjb\x8c\xfd\xbd\x1b\xeb\x8f\xf9\xef\xa6\xfc\x07\x0fI\x1b\x80X\x0e\x91\x90\x90\xf0\xc2\x0b/\x02\xf0\xfd\x87\\\x0f=\xf1\xb5\x12f1\xfd\xd90\xdd\xc7\xd4\x18\xc7\xdb\x8b\xf2\x96\xae:\x00\x00\xd3rr&amp;L\x98 \xc6\x83]\xf96~\xaa\xff\x8b/\x02\xe7\x07]\xae\xc7\xbe\xfe:L\x82\x89 \x1fc\xb1\x0e\xc7\x82\xbc\xbc\xcf\x0f\x1c\x00\x80\x9cn\xaf?\xe6\xbf;\xea\x1f&lt;$\x9d\x02\x12t]WU\xf5\x8e;\xeeX\xbat)\x00,\xfa\xdbe9\xd3\x87\xe9\x95M\xaaf\xce\xbeh\xe8LqZ\xf3w\x1e\xbb\xe4\xb6\xe5\xeef_\xbf~\xc9yyyv\xbb\xbd\xbb\x0e~\xdb\xd4\x7f\xdee\x97\xdd7lXeS\x93f\xd2\x89 \x9d\xb1\x08\xabu\xfb\xb1c7-_\xee\xf6\xf9\x92\x93\x83\xab\xfe\x98\x7f\tI\xdd\x008\xe7\x8c1\x97\xcb\x95\x9d\x9d]RR\xe2\xb0\xab\x1b\xde\xbf1++\xc1py\xcc7\x19\xca\x18\x07Mq\xb9}\x97\xdf\xba,o\xdfqUQ6n\xdc8r\xe4\xc8n&lt;\xf7\xd5\xa6\xfevU\xfd\xf0\xc6\x1bG$$\xb8\xcc\xf8\xccH\xc6\xb9\xa6(n\x9f\xef\xa6e\xcb\n\x8f\x07c\xfd1\xff\x12\x92\xf7\x93\x03\x80\xe8\xfcQQQ\xef\xbf\xff&gt;!\xa4\xc9\xad\xdf\xf1\xe0\x9a\xe35\xcd\x8a]c\x86\xa9\xfa"\xe7\xc0\x00\xa8C\x9b\xf1\xc8\xfa\xbc\xa2Z\xe0\xfc\xb9\xe7\x9e\x1b9r\xa4\xae\xeb\xdd\x98\xfe6\xf5w\xeb\xfa}k\xd6T77\xdb5\xcd0\xd7\xb8D|\x98\x10M\xfb\xdd\xfa\xf5\x85\xb5AZ\x7f\xcc\xbf\x84\xa4\xfe\xf0\x00@)\xd5u}\xe4\xc8\x91\xaf\xbd\xf6\x1a\x00?p\xa4\xf1\xea\xbbV\xb8=:X(3\xd1\xdd\xd2\r\xc6\xd5H\xdb}\xb3\xd7~\xb4\xa6\x04\x00\xa6N\x9d:k\xd6,1\x03\xd0\xbdo\xecg\xf5\xe7\xfcpc\xe3\x1d+Vxt\xddB\xa9\x99\x9e\x16\xc08\x8f\xb4\xd9\x1eX\xbbvuI\x10\xd7\x1f\xf3/\x1f\xd9\x1b\x00\x00\xa8\xaa\xaa\xeb\xfa\x8c\x193f\xce\x9c\t\xc0\xb7\xee\xaaz\xe0\xf1\xaf\xa8C\xe3\x84pSl\x03&gt;\x9d\xa9\xb1\x8e7\xde\xd8\xfe\xc6\xbf\x0b\x00 ;;\xfb\xd5W_\r\x9e{\xde\xfe\xac\xfe\x9c\xe7UU\xfd\xfe\xab\xaf\x1c\x9aF\x081G\x0f\xd0\x19\x8bs8^\xdd\xbe\xfd\x83\x82\xa0\xaf?\xe6_2\xd8\x00\x00\x00\x14E\xd1u\xfd\xf5\xd7_\x9f&gt;}:\x00\xbc\xb3\xbch\xc6\xef\xd6*a\x16Pz\xf88\x88\x83ap-.d\xe1\x1b\xdb\xef\xfb\xcb&amp;\x00\xc8\xce\xce\xce\xcd\xcdu8\x1c\x10LO\xbdhS\xff\x8f\x8b\x8a\x1eX\xbb6\xccbQz\xf8q\x00\x0708\x8f\x0f\tye\xfb\xf6?n\xea1\xf5\xc7\xfc\xcbC\xea\x93\xc0\xad\x89\x13b\x8a\xa2\xcc\x981c\xe1\xc2\x85\x000\xfd\xf6A\xaf\xce\xbdB5\xb8\xe1\xd1{\xe291\xc68\x07\xa2DZ\xdfX\xb8\xe3\xbe?m\x04\xe0#Fd\xaf^\x9d\x1b\x19\x19\x19\x84\'\xbe\xda\xd7\x7f\xf2\xa0A/^q\x05\xe3\xbcE\xd7{\xe29a\xf1\xe0\xfb\x08\xab\xf5\xf5\x1d;\x1e\xdf\xb8\x118\x1f\x91\x9d\xbd:\xb7\xc7\xd4\x1f\xf3/\x03l\x00?i\xbf\r\x8c\x1e\x1e\xbf\xe2\xed\xeb"\xa3\xedz\x9d\xa7g\xad\x8d3t\xa6XU\xb0\xab\xf7=\xb2\xfe\x8d\x0f\xf6\x00@\xf0\xa7\xbf}\xfd/\x8e\x8f\x7f\xef\xba\xebb\xed\xf6\xe3\x1eO\xcfZ\x1b\xaa3fUU\x87\xaa&gt;\xb4~\xfd\xe2={\x00 \x98\xf7\xfe\x02\xe6_BX\x88\x9f\x10B(\xa5\x86a,X\xb0@\x1c\x0bo\xdavl\xdc\xe4O\xb7\xe7U\xa9q\x0e]\xef1\xb3\x11\xba\x8f)N\xeb\xf1&amp;\xef\x1d\xf7\xfe\xa7\x07\xa5\xbf}\xfd\x7f&lt;vl\xd2\xa7\x9f\xee\xa8\xaa\x8as8\xf4\x9e3\x19\xe1c\xcci\xb56y\xbd\xff\xf5\x9f\xff\xf4\x94\xbd?`\xfe\xa5\x84G\x00m\xb5\x1f\x07E;m\xaf&gt;}\xe9\xed\xb7\r\xe6u-\xcc\xe0\x8a\x12\xbcS\x87\x9cq\xc6\xb9\x12\xed\xd8\xfec\xc5\xbd\x8f\xac\xdf\xb6\xa7\x1a\x00F\x8c\x18\xb1z\xf5\xea\x9e\x92\xfe\xf6\xf5w\xdals/\xbdt\xf2\xe0\xc1u--\x06\xe7J\x10O\xdd2\xce9\xe7\xd1\x0e\xc7\x0f\x15\x15\xbf[\xbf~w\xb5\x19\xea\x8f\xf971,G[b\x1c\xc4\x18[\xb0`\xc1K/\xbd\x04\x005\xae\x96;\x1e\\;\xfb\xb1\r\x86J\x950K\xd0\x0e\x85t\x9d\x11\x8b\xa2D\xd9\xdf|;\xef\xca\xdb?\x15\xe9\x9f6m\xda\xda\xb5k{P\xfa\xdb\xd7\xdf\xd5\xd2r\xdf\xda\xb5\x8fl\xd8\xa0R\x1af\xb1\x04\xed\xa1\x80\xce\x98EQ\xa2\xec\xf67\xf3\xf2n\xf9\xf4S\xb1\xf77A\xfd1\xff&amp;\x86G\x00\xa7\xc69\x177\x07\xcf\xcd\xcd\xbdg\xda\xb4\xa3ee\x00\xf0\xaba\xf1\xf3\x9f\x1c3rT\x12\xb8&lt;\xba\xd7P\x83\xe6\xcc\x98apB\x80F\xd9\xcb\x0e\xba\xfe\xe7\xa9MKV\x16\x03p\xab\xd5\xf2\xec\xb3sg\xcd\x9a\x05\x00=.\xfd\xad\xeb?m\xda\xb4\xb2\xb22\x00\xb8(&gt;\xfe\xe91cF\'%\xb9&lt;\x1e\xafa\x04\xcf\x99a\x83s\x02\x10e\xb7\x1ft\xb9\xfe\xb2i\xd3\xa7\xc5\xc5\xc0\xb9\xd5byv\xae\x19\xea\x8f\xf971l\x00\x1d\x11\x97\x8a\x94\x97\x97\xe7\xe4\xe4\xe4\xe6\xe6\x02\x80\xcd\xa2\xfe~\xc6\xd0\xff\x991\xcc\x19\x1f\x02u-\x86\xc1\xa8\xd2\x9d\x0f\xd20\x0cN\x00\xa8\xd3\n&gt;\xe3\xed\xa5\x85\x7f~a\xeb\x91\xcaF\x00HM\x1d\xf8\xd6[\x8bF\x8f\x1e\xcd\x18\xeb\xb9\xb7:i_\x7f\x8b\xaa\xde?t\xe8\xff\x1b6,&gt;$\xa4\xae\xa5\xc5`L\xe9\xd6\r[\\\xb1\xec\xb4Z}\x86\xf1Aa\xe1\xbc\xad[+\x1a\x1b\x01 u\xe0\xc0\xb7\x16\x99\xb0\xfe\x98\x7f\x93\xc1\x06p\x06\xfe;\x05\xce\x9f?\xff\xf1\xc7\x1fki\xf1\x00\xc0\xe0\xfe\x91\xbf\xbfo\xd8\xdd7\xa5haV\xa8\xf7\x18\x06\xa3\x94ve\xc68\x00\x13\xa3\x9e0\x0bp\xf8b\xc3\xa1\xe7^\xdf\xfe\xc5\xa6#\xe2\xb7\xf7\xde{\xef\xf3\xcf?\xeft:Mp\xad\xe3\xcf\xea\xff\xd8c-\x1e\x0f\x00\x0c\x88\x8c|`\xd8\xb0_\xa7\xa4\x84Y\xad\xf5\x1e\x8f\xce\x98B\xbbz7$F\xfda\x16\x0b\x00\xac?t\xe8\xe5\xed\xdb\xbf9b\xf6\xfac\xfeM\x07\x1b\xc0\x99\xf9\x07\x11\xbbv\xedz\xf4\xd1GW\xadZ%~~\xc9E\t\x8f=0\xfc\xeaQI\xd6(\x1b4xu\xafA(\t\xf4x\x881\xce\x18WU\n\xa1\x16\xf0\x19\x9b\xb7U\xfe\xe3\xed\xfc\x0fV\xec\x17\xf7\x9b\xc9\xc8H\x9f;w\xde\xc4\x89\x13\xa1\xd5\xa6\xdb\xd3\x9d\xae\xfe\x17\'$&lt;4|\xf8\x98\xa4\xa4(\x9b\xad\xc1\xeb\xf5\x1a\x06%$\xd0\xfb!\xc69\xe3\\\xa54\xd4b\xf1\x19\xc6\x8f\x95\x95o\xe6\xe7/\xdf\xbf\x1f8\x07\x80\x8c\xf4\xf4\xb9\xf3d\xa9?\xe6\xdf\x04\xb0\x01\x9c-\x7f\x9e\x96,Y\xf2\xb7\xbf=\x9d\x9f\xbfK\xfc&lt;sP\xcc\xaci\x19\x93\xaeI\x0e\x8fs\x80\x8f\xf1&amp;\xafapB\t\xed\xbc\xe3N~ry\x03\x05B\x1d*\xd8T\xa3\xc1\xbb\xfe\xbb\xb2\x17\x16\xee\xcc\xfd\xfa\x08\x00\x03\x80\xc4\x84\xf8\xfb\x1fx\xf0\xd1G\x1f\xb5X,\xa6&lt;\xec\xfdY\xfd\x9f~:\x7f\xd7\x89\xfa\x0f\x8e\x89\x99\x9e\x91q]rr\x9c\xc3\xe1c\xac\xc9\xeb58\xa7\x9d\xfd\xf9\xc5~\x9f\x10\xe2PU\xbb\xaa\xd6{\xbd\xdf\x96\x95\xbd\xb6s\xe7WG\x8e\x00c\x00\x90\x10\x1f\xff\xc0\x83\xd2\xd4\x1f\xf3o\x16\xd8\x00\xce\x01c\x0c\x00(\xa5^\xafw\xde\xbcy\xaf\xbe\xf2ryE\xa5\xf8U\x9f\xa4\xf0\xdb\xafM\xbeyB\xdfQY\x89\xe0\xd0\xc0k@\x8bn\xf8\x18\x07N\x08\xa1\xe4\x9c\xaf;\xe7\\\xac)\x04\x02\xa0(\x04\xac\n\xd8T0x\xe1\xee\xea\x95\x1bJ\xdf\xff\xb4x\xfb\xee*1\xea\xb1\xdb\xadw\xdey\xd7\x9c9s\x92\x92\x92\xc0\xd4\x03\x9f6\xf5\x7f\xe5\xe5\x97+*O\xd4\xbfwx\xf8\r\xc9\xc9W\xf7\xed;"11D\xd3&lt;\x86\xd1\xa2\xeb&gt;\xc6\xb8h\x06\xe7~\xdd?\x17\'B\x01\x00@!\xc4\xa6(6U58\xcf\xaf\xae^_Z\xba\xac\xb88\xbf\xaaJ\x8c\xfa\xedV\xeb\x9dw\xc9X\x7f\xcc\xbf\t`\x038g\xfe\x84UVV\xbe\xfb\xee\xbb\xef\xbe\xfb\xaf\xbc\xbc\xfc\x93\xbf\xa4c\xb2\x13\xc6\x8fJ\x9a0*ihZ\x8c#\xd2\x06\n\x01\x9d\x81\xc7\xe0&gt;\xc69?\xb1\x82\x91\x00\x81\xb6\xdb\x03\x07\x10;\x141v\xa1\x1a\x05\x8b\x02\x9a\x02\x00F\xbd\xa7\xa8\xc4\xb5\xe6\xdb#_m)\xcf\xfd\xe6\xa8\xdb\xed\x11\xff/\xbd\x12\x13~s\xd7\xddS\xa7NMOO\x07\x00]\xd7\x15E1\xfd\xc0\xa7m\xfd\xff\xf5\xaf\xbc\xfc\x93\xf5\xa7tdB\xc2\x98\xa4\xa4\xd1II\xe911Q6\x9bJ\x88\x8f1\x8fa\xf8\x18\x13\x8b\xf4\xc5\x0bOY%\xee\xaf?\x80F\xa9EQ\xc4S*\xeb=\x9e\x03.\xd77G\x8e|W^\xfe\xd5\xd1\xa3n\xcf\x89\xfa\'&amp;$\xdcu\xb7\xf4\xf5\xc7\xfc\xf7d\xd8\x00~\t\xff\xc52\x00\xe0\xf5zW\xaf^\xfd\xf6\xdb\x8b\xd6\xac\xc9u\xbb[N\xbe\x84\xf6\xbb0|xZ\xf4\xa5Y\t\x17\r\x8e\x1e\x92\x1c\x11\x13\xeb\x00\xab\x02\x1a\x05 \xc09\xe8\x0cZ\'\x95sP(\x88\xf9S\x9d\x81\xce\xeaj\x9a\x8bJ]\xbb\xf7\x1f\xdf\xf8C\xc5\xd6\xbc\xea\xa2\x03u\x1e\x8f\xcf\xff\xf21cFO\x9d:\xf5\x86\x1bn\x8c\x8f\x8f\x07\x00\xc30(\xa5\xf2D\xff\x14\xf5_\xb4hMn\xae\xbb\xe5d\xfd)\xed\x13\x1e\x9e\x1e\x1d="!!-::9""\xde\xe1\xb0*\x8aJ)!\x84s\xae\xb3\xb6\xf5\xa7\x94\x8aK\xcc|\x8c\xe9\x8cU77\x97\xba\\E\xc7\x8f\x7f_Q\xb1\xb3\xba\xba\xb8\xae\xce\xe3kU\xff\xd1\xa3\xa7N\x9dz\xc3\x8dX\x7f\xcc\x7f\xcf\x86\r\xe0\x97\xe3\x9c\x1b\x86\xe1_fPXX\xb8r\xe5\xcaO?]\xbeu\xeb\xf7\xad\xc3\n\x00\xd1\x91\x8e\x94\xbe\xce\x08\xa75{H\xb4\xaaQg\xa8\x9698\x9a\x1b\\\x04\x96\x03\'\xaaRz\xa8\xbe\xb4\xac\x91\xa84\xbf\xb0\xa6\xe6\xb8\xa7\xb0\xc4U^\xd9$\xe67\xfd2\xd2\xd3\xae\xb9f\xe2\xcd\xb7\xdc2j\xd4(\xf1\x13\xf1D\x0b9\xd78\x9f\xba\xfe\xcb\x97o\xfd\xfe\xfb\xd6;k\x00\x88t8\xfa9\x9d\x11Vkzt\xb4Ji\xa8\xa6\xa5EG\x8be&lt;\xe2\xefh\x8aRZ_\x7f\xb4\xb1Q\xa1\xb4\xa0\xa6\xa6\xd6\xe39\xe0rU65\xc1\xcf\x9fQ\x9c\x9e\x96v\xcd\xc4\x89\xb7`\xfd\x01\x00\xf3o\n\xd8\x00\xce\x97\x18\r\x89\xeb\'\xc5O\n\n\n\xb6l\xd9\xb2r\xe5\x8am\xdb~,++k\xb31\x9c\xab\x84\x84\xb8\x8c\xf4\x8c\xab\xaf\x998v\xec\xd8\xe1\xc3\x87\x8ba\x97\xf8Gq\xd4\x03\x1d\xd4\x7f\xc5\x8am?\xfeXVV\xd6\xa6\x19\x9c\xab\x84\xb8\xb8\xf4\x8c\x8ck&amp;b\xfdO\r\xf3\xdf\xa3a\x03\xe84\x8c1q\\\xec\x0f\xa5\xdb\xed.---,,\xcc\xcf\xcf\xcb\xcf\xcf\xaf\xa9\xa9.((0t\xbd\xbe\xbe\xde\xe3\xd5\xdb\xff\x85\xd8\xd8h\xe0\xbc\xff\x80\x01\x91\x91QY\x17g%\xf7\xef\x9f\x96\x96\x96\x92\x92\x12\x11\x11\xe1\x7f\x8d\xae\xeb\x84\x10&lt;\xcd\xd5^G\xf5\xcf\xcb\xcb\xcf\xcf\xaf\xa9\xae.((\xd0u\xbd\xbe\xbe\xde\xab\x9f\xaa\xfe\xd1\xd1\x9c\xf3\x01\x03\x06DFEeea\xfd\xcf\r\xe6\xbf\'\xc2\x06\xd0\xf9\xc4\x96p\xca\x98\xba\\.\xc6XEEEEE\x059\xf9\xa8X!444%%\x85s\x1e\x19\x19y\xba?\x88C\x9e\xb3q\x96\xf5o\xf3+\xac\x7fg\xc1\xfc\xf7 \xd8\x00\x02\x88\xb7"\x16&amp;\x9f\xcdd\xa58\xbc\xf5\xafH\xc1\xd0\xffbX\xff\xee\x85\xf5\x0f~\xd8\x00\xba\x94\xa86o\xb5\x1e\xb15\xb1y`\xdc\x03\x07\xeb\xdf\xbd\xb0\xfe\xc1\x06\x1b\x00B\x08I\n\x97O!\x84\x90\xa4\xb0\x01 \x84\x90\xa4\xb0\x01 \x84\x90\xa4\xb0\x01 \x84\x90\xa4\xb0\x01 \x84\x90\xa4\xb0\x01 \x84\x90\xa4\xb0\x01 \x84\x90\xa4\xb0\x01 \x84\x90\xa4\xb0\x01 \x84\x90\xa4\xb0\x01 \x84\x90\xa4\xb0\x01 \x84\x90\xa4\xb0\x01 \x84\x90\xa4\xb0\x01 \x84\x90\xa4\xb0\x01 \x84\x90\xa4\xb0\x01 \x84\x90\xa4\xb0\x01 \x84\x90\xa4\xb0\x01 \x84\x90\xa4\xb0\x01 \x84\x90\xa4\xb0\x01 \x84\x90\xa4\xd4\xee~\x032:\xdds\x98\xf1q\xd8]\x03\xeb\xdf\xbd\xb0\xfe\xc1\x03\x1b@`\xf1V\x00\x80R\xea\xffo{\x8c1\xf</t>
        </is>
      </c>
    </row>
    <row r="175">
      <c r="A175" s="1" t="n">
        <v>173</v>
      </c>
      <c r="B175" t="inlineStr">
        <is>
          <t>circle_size_number</t>
        </is>
      </c>
      <c r="C175" t="inlineStr">
        <is>
          <t>What is the missing number of the part denoted with a question mark?</t>
        </is>
      </c>
      <c r="D175" t="inlineStr">
        <is>
          <t>[5, 1, 6, 2]</t>
        </is>
      </c>
      <c r="E175" t="inlineStr">
        <is>
          <t>6</t>
        </is>
      </c>
      <c r="F175" t="inlineStr">
        <is>
          <t>There are 6 numbered circles with varying sizes arranged in a ring with number [1, 4, 4, 6, '?', 1] in a clockwise order.</t>
        </is>
      </c>
      <c r="G175" t="inlineStr">
        <is>
          <t>We observe that the size of the circle is related to the number in the circle. The circle with the largest value 6 seems to be the biggest and the circle with the smallest value 1 seems to be the smallest. Thus, the pattern is that the larger the number the larger the circle.</t>
        </is>
      </c>
      <c r="H175" t="inlineStr">
        <is>
          <t>Based on the pattern that the larger the number the larger the circle, the missing number of the circle denoted with a question mark should be 6.</t>
        </is>
      </c>
      <c r="I175" t="inlineStr">
        <is>
          <t>b'\x89PNG\r\n\x1a\n\x00\x00\x00\rIHDR\x00\x00\x02\x00\x00\x00\x02\x00\x08\x02\x00\x00\x00{\x1aC\xad\x00\x00\x9c\x9aIDATx\x9c\xed\x9dgxS\xd7\xb2\xf7\xb7\xba\xe5"Kn`\xd3\xc1\xc6\x1dw\x9a\x8dCo\x06Lo\xa1C\x08\x9d\xd0\x02\x9cTHrB\r\x10zB\x08-\x80\xe9\xbdw\x0c\xb6\x017p\xa3\xf7\xe2&amp;\xc9\xb2\xba\xb6\xb6\xde\x0f\xf3\xa2\xc7\x97\x00\x07\xb0-\xed-\xcd\xef\xc3}r9\xb6\xbc\xb4\xcb\xfcg\xcd\xcc\x9aa\x99L&amp;\x02A\x10\x04\xb1?\xd8\xd6^\x00\x82 \x08b\x1d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ae\xb5\x17\x80\xd0\x05\x93\xc9\x04\xff\x17\xfe\xe3\xdf\xb0X,\x16\x8be\xfeo\xcb\xad\x0cA\x90\xea\x81\xf5\xae\xb7\x1d\xb1aL\x15 \x08\x82\xcdf\xb3\xd9\x1f\xb7\x17\xa4(\n~\x1d\x94\x80\xcdf\xa3$ \x08\xe3@\x01\xb0\x17\xcc&amp;\xfb]\xe6\xbe\xb8\xb8\x98\xc5b)\x14\x8a\x9c\x9c\x9c7\xfe\'\x16\x8bEQT\xfd\xfa\xf5k\xd5\xaaEQ\x94\xbb\xbb;\x87\xc3\xf9\xf7\'\x18\x8dF\xf8\xfc\x8a{\x05\x04Ah\x0b\n\x80-c2\x99\xc0\xees\xb9\xff\'\xd6\'\x93\xc9\x1e&gt;|\xf8\xe0\xc1\x83\xd4\xd4\xd4\x92\x92\x92\x82\x82\x02\xbd^/\x97\xcbM&amp;\x13I\x92\xee\xee\xee\\.\x97\xa2\xa8\x8aF\x9c\xcdf\x17\x15\x15\x81x8:::99\xd5\xaaU\xabv\xed\xda\xe1\xe1\xe1\r\x1b6\x0c\n\n\xf2\xf4\xf4\xac\xf8\'\x8cF#A\x10,\x16\xebc\xf7\x16\x08\x82X\x0c\x14\x00\x1b\x04\xec&gt;A\x10\x15\xfd\xf4{\xf7\xee%\'\'_\xb8p!77\xb7\xb0\xb0\xd0\xc5\xc5\xc5\xd5\xd5\xd5\xdf\xdf\xdf\xcb\xcb+&lt;&lt;\xdc\xc9\xc9)$$\xc4h4r\xb9\xdcZ\xb5jq8\x9c7\x1e\x0c\x16\x8b\xf5\xea\xd5+\x95J\xc5\xe3\xf1\x1e=zTXXx\xff\xfe\xfd\'O\x9e\xdc\xbbw\xaf\xa4\xa4D\xa1P\xb8\xb8\xb8\xf8\xfa\xfa\xc6\xc7\xc7\xc7\xc7\xc7\x87\x86\x86\xf2x&lt;\xf8E\x8a\xa2(\x8a\xfa\x84(\x13\x82 \xd5\r\n\x80M\x01A\x18\xb3\xbf\xafP(.\\\xb8p\xf0\xe0\xc1\x8c\x8c\x0c\x8dF\xe3\xe3\xe3\x13\x1c\x1c\x1c\x1d\x1d\x1d\x16\x16V\xb7n]\xb1X\x0cF\xd9d2\x19\x8dF\xadV\x0b\xbf\xa5\xd3\xe9\xde\xfa\xe1&lt;\x1e\x8f\xcdf\x9bL&amp;\x81@\xc0\xe3\xf1\xcc\xfb\x03\xa5R\xf9\xec\xd9\xb3\x9c\x9c\x9c\x8c\x8c\x8c\xbc\xbc\xbc\xfb\xf7\xef\xb3X,__\xdf\x1e=z\xb4i\xd3\xa6^\xbdz\xe6\xb5\x11\x98-@\x10:\x81\x02`\x0b\x80\xcbo\xb6\xadeeeG\x8e\x1c\xd9\xb7o\xdf\x8d\x1b7\\]]ccc;v\xec\xd8\xacY3ooo\x16\x8be2\x994\x1a\x8d^\xaf\'I\x12\xee&gt;\xeb5\xf0i\xef2\xd0\xe6G\xc5\x9c=\x86$0\x87\xc3\xe1\xf3\xf9\x0e\x0e\x0e\xb0\xe1\x90J\xa5999\'N\x9cHNN\xbew\xef^@@@\x8f\x1e=z\xf5\xeaeV\x02\x92$9\x1c\x0e\xca\x00\x82X\x1d\x14\x00f\x03\xa6\xdf\x1c\xea9w\xee\xdc\xce\x9d;O\x9e&lt;\xe9\xed\xed\xdd\xabW\xafV\xadZEFF:88\x90$\xa9V\xab\xf5z=\x98\xec*w\xc3\xcd\xc9\x06\x16\x8b\xc5\xe5r\x85B\xa1@ 0\x99L\xb9\xb9\xb9W\xae\\9x\xf0`VVV\xd3\xa6M\x07\x0c\x18\xd0\xa7O\x1f&gt;\x9fO\x10\x84\xd1h\xc4\x0c\x01\x82X\x17\x14\x00\xa6\x02q\x1b\x88\xf6h\xb5\xda\xbf\xfe\xfak\xc7\x8e\x1d\xcf\x9f?\xef\xda\xb5\xeb\x90!C"##\x05\x02\x81V\xabU\xab\xd5F\xa3\xd1\xc2\x959\x10\xf7g\xb1XB\xa1\xd0\xc9\xc9\x89 \x88\xfc\xfc\xfc\xbd{\xf7&amp;%%\x91$\xd9\xb7o\xdfq\xe3\xc6\xd5\xaaU\x8b@\x19@\x10\xab\x82\x02\xc0&lt;*z\xfd\xaf^\xbdZ\xb4h\xd1\x993g\xdc\xdc\xdc\x86\x0e\x1d\xda\xb3gOwww\x9dN\xa7T*\xe9\x90z5\xa7\xa3A\t\xb4Z\xed\xd9\xb3g7n\xdcx\xe7\xce\x9d\xa0\xa0\xa0\xb9s\xe7\x86\x87\x87\x13\x04a\x96(+.\x15A\xec\x10\x14\x00\x86a4\x1a\xc1\xf4\x17\x16\x16.Z\xb4h\xd7\xae]QQQ3f\xcch\xd5\xaa\x95\xc9d*++3\x18\x0cV\xb7\xfb\xff\x06\xf6+\x1c\x0eG$\x12q\xb9\xdc\xbbw\xef\xfe\xfe\xfb\xef\x07\x0e\x1ch\xd6\xac\xd9\xb7\xdf~\x0b2\x80\xb9\x01\x04\xb10(\x00\x8c\x01\\i6\x9bM\x92\xe4\xdc\xb9sw\xec\xd8\x11\x1d\x1d={\xf6\xec\x16-Z\xe8t\xba\xf2\xf2r\x82\t56\x10\x1d\x12\n\x85\xce\xce\xce\x0f\x1f&gt;\xfc\xed\xb7\xdf\xf6\xef\xdf\xdf\xbcy\xf3\xe5\xcb\x97\xd7\xae]\x9b\xa8\xa0p\x08\x82T7\xf4\xf2\x13\x91wA\x92$\xf8\xf5\x7f\xff\xfdwPP\xd0\xdd\xbbww\xef\xde}\xe0\xc0\x81\xc8\xc8\xc8\xe2\xe2b\xa5R\xc9\xe1p\x18\xe1&gt;\xb3\xd9l.\x97\xab\xd7\xeb\x8b\x8b\x8b===W\xae\\y\xf9\xf2e\x1f\x1f\x9f\xd6\xad[\xcf\x9a5\x0b6\x01\xe6\xf2$\x04A\xaa\x15\xdc\x01\xd0\x1d\x08\xe5\x13\x04\x91\x9f\x9f?z\xf4\xe8\xf2\xf2\xf2y\xf3\xe6\xf5\xee\xdd[\xa7\xd3)\x14\n\x1aF{&gt;\x1c\x88\x0b988\xb8\xb8\xb8ddd\xcc\x9e=\xfb\xf1\xe3\xc7\x8b\x17/NLL$p+\x80 \xd5\x0f\n\x00\xad!I\x12\xba2\xcc\x9e={\xef\xde\xbdC\x87\x0e\xfd\xfa\xeb\xaf\x85Baii)\xa3M\x7fE\xa0\xff\x84H$rpp\xd8\xbe}\xfb\xf7\xdf\x7f\x1f\x1e\x1e\xfe\xfb\xef\xbf\xfb\xf8\xf8`V\x00A\xaa\x15[\xb0 6\x89\xb9\xca\xb3\xa0\xa0 &lt;&lt;&lt;==\xfd\xe4\xc9\x93\xf3\xe6\xcd\xd3\xeb\xf5R\xa9\x94\xcb\xe5\xda\x86\xf5\'\x08\x82\xc5b\xf1x&lt;\x95JURR2p\xe0\xc0\x8c\x8c\x0c\x0f\x0f\x8f\xf0\xf0\xf0\x03\x07\x0ep\xb9\\\xe8Cg\xed5"\x88mb#F\xc4\xc6\x80\xeax\x0e\x87\xb3b\xc5\x8a\xd6\xad[\x8f\x1f?\xfe\xdc\xb9s&gt;&gt;&gt;\xc5\xc5\xc5\xc4\xff\xed\xf0c3\xb0\xd9l\x0e\x87#\x95J)\x8aZ\xb7n\xdd\xce\x9d;g\xcd\x9a5r\xe4Hh/J\x92\xa4\xb5\x17\x88 6\x08\x86\x80h\x07\x84}T*\xd5\xf0\xe1\xc3sssw\xec\xd8\x11\x1e\x1e^\\\\l31\x9f\xf7c\xeeHZVV6b\xc4\x88\x87\x0f\x1f\xee\xd9\xb3\xc7\xdf\xdf\x1f.\x8b\xb5W\x87 6\x85\xed\x1b\x14f\x01f\xee\xfa\xf5\xeb\xe1\xe1\xe1|&gt;?===00\xb0\xa8\xa8\xc8\x96b&gt;\xef\x07"B\x10\xe6:t\xe8\xd0\xd0\xa1C\xe3\xe2\xe26m\xda\x04\xb9\x10\xf4W\x10\xa4\n\xc1\x1d\x00\x8d\x00\xeb\xbf\x7f\xff\xfe\xb1c\xc7\xce\x9f?\x7f\xfc\xf8\xf12\x99\xccn\x8ba \x0b\xe2\xe9\xe9y\xe5\xca\x95\xcf?\xff|\xc4\x88\x11?\xfe\xf8\xa3\xf90\x84\xb5WG;*\x8ex{\xcfPO\xe2_\xbd\xff\x10{\x06\x05\x80\x16\x98\xbb;,[\xb6\xec\x97_~\xd9\xbd{w\x9b6m\xc0\xf1\xb7\xf3\x17\xd5`0\xb8\xbb\xbb\x17\x17\x17w\xe8\xd0!00p\xd7\xae]D\x85\xd2X{\xa6b\x03\xbeO\xeb\xa7\x04\xcd\xc3?\xf9\xd7\x11\x1b\x00\x05\xc0\xfa\x98\'5\x0e\x1b6\xec\xca\x95+\x97/_\xf6\xf2\xf2\x92J\xa5\xe6\x99*v\x0eI\x92\x0e\x0e\x0e\xce\xce\xce\x89\x89\x89O\x9f&gt;\xbdp\xe1\x82\xab\xab\xab}n\x8c\xccF\xff\xdf\t!\xa9T*\x93\xc9n\xdd\xba\xc5f\xb3\x1f&lt;x\xf0\xe0\xc1\x03\x18\xde`\xfeE77\xb7\xa8\xa8(\x8a\xa2\xea\xd6\xad[\xbbv\xed7&amp;\xb8\x11\x04A\x92dut\x8aE\xe8\x0c\n\x80\x951\xfb\xfe\xfd\xfa\xf5{\xf1\xe2\xc5\xbe}\xfbD"\x91R\xa9\xc4\x84gE\xe0\x12\xb9\xb8\xb8L\x980\xe1\xe2\xc5\x8b)))\x12\x89\xc4\xae4\x00ZhT|*\x8a\x8a\x8an\xdc\xb8\x91\x96\x96\x96\x93\x93\xf3\xfc\xf9\xf3\xe2\xe2b\x0e\x87#\x16\x8bI\x92\xf4\xf1\xf1\xa9S\xa7\x8e\xc1`\x00S\x0e3\x82\xe4r\xf9\x9d;w\xb8\\\xaeR\xa9\xd4\xe9tb\xb1\xd8\xdd\xdd=44466\x16\xe6z\x9a?\x19G\xf7\xd8\x0f(\x00\xd6\xc4l\xfd{\xf7\xee\xadV\xabO\x9c8Q^^\xae\xd3\xe9\xec\xc7\xae}8p\xad&lt;&lt;&lt;\xe6\xcd\x9b\xb7m\xdb\xb6k\xd7\xae\xd9\x83\x06\xbc1\xea\x87\xa2\xa8\xe4\xe4\xe4\x93\'O\x9e;w\xae\xb0\xb0\xd0\xc1\xc1!"""$$\xc4\xcf\xcf/88\xd8\xc5\xc5\xc5\xdb\xdb\xfb\xdf#\xa0\xcd@C\x91\xd2\xd2R\x85Bq\xfb\xf6\xed\x87\x0f\x1ffdddee\x95\x94\x94\xb8\xb9\xb9EFF&amp;&amp;&amp;\xb6n\xddZ$\x12\xc1\xcfc\x97V\x9b\x07\x05\xc0jT\xb4\xfe\x1a\x8d\xe6\xf8\xf1\xe32\x99\x0c\xa3\xdb\xef\x01*D\xbd\xbc\xbc\xe6\xcf\x9f\xbfu\xebV\xd0\x00[\xbdbo\x8c\xfaIKK\xfb\xf3\xcf?/^\xbc\xc8b\xb1bbbZ\xb7n\xdd\xbauk\x1f\x1f\x1f\x18\xb7@Q\x94F\xa31\x1a\x8d\x06\x83\x81\xa80\xb2\xed\r (\xc4\xe3\xf18\x1c\x8e\x83\x83\x03\xe8\x84^\xaf\x7f\xf9\xf2eFF\xc6\xa9S\xa7\xae\\\xb9RVV\x16\x19\x199l\xd8\xb0\xee\xdd\xbb\xc3\x0f\xe0\xcc\x06\x1b\x06\x05\xc0:\x98\x0f\xfa\xf6\xe9\xd3G\xadV\xa3\xf5\xffp\x0c\x06\x83mk@\xc5Q?\n\x85\xe2\xef\xbf\xff\xde\xb6m\x9bZ\xad\x8e\x8e\x8e\xee\xdb\xb7o\xabV\xad\xc4b\xb1\xc9dR\xa9Tz\xbd\x1e\xac3\xf1\xba2\xeaC\xbcus\xa5\x909\xf9\xc4\xe7\xf3\x85B!\x97\xcb\xd5j\xb5\x19\x19\x19\xfb\xf7\xef?w\xee\x9cN\xa7\xeb\xd0\xa1\xc3\xd4\xa9S\xeb\xd7\xafO\xa0\x0c\xd8((\x00\xd6\x01*&gt;\xfb\xf7\xef_RRr\xee\xdc9\xb4\xfe\x1f\x05h\xc0\xf7\xdf\x7f\xff\xcf?\xff\xe4\xe6\xe6\xf2\xf9|\xdb\xa8k\xac\xe8\xf5?\x7f\xfe|\xc9\x92%\x07\x0f\x1e\xac[\xb7\xee\x97_~\xd9\xa5K\x17\x88\xef+\x95J\x08\xeeWap\x06\x94\x00\xfe\xb4\x93\x93\x13\xcc\x92KMM]\xb5jUVVVxx\xf8\xdc\xb9s\xa3\xa2\xa2\x08\x0c\n\xd9\x1c(\x00V\xc0`0\xf0x\xbc\xa5K\x97._\xbe&lt;\'\'\x87\xc5b\xc1\x14\x17k\xaf\x8bI\x90$\xe9\xe9\xe9\xd9\xbd{w\x82 \x0e\x1f&gt;l0\x18\x98^2[q\xd4\xcf\xe2\xc5\x8bO\x9e&lt;\xe9\xef\xef?m\xda\xb4\xd8\xd8X\xa3\xd1X^^n\x99Q?\x90m\xe6p8\xce\xce\xce|&gt;\xff\xfe\xfd\xfb+V\xac8\x7f\xfe\xfc\x1b\x13\xdcl;\xf5b?\xa0\xd1\xb14$I\xf2x\xbc\xcd\x9b7/\\\xb8\xf0\xfa\xf5\xeb\xd0\x1c\x1f\xad\xff\xc7\xc2\xe1pJKK\x0f\x1f&gt;\xacR\xa9F\x8c\x18\xc1\xe3\xf1\xa0v\x85\x89\x98\xc7\xa5\x91$\xf9\xdf\xff\xfe722\xf2\xe5\xcb\x97\x07\x0e\x1c\xd8\xb3gOTTTII\x89L&amp;\x83\xd4\xae\x05\x9e\x13\x18\xd8\xc0b\xb1\xca\xcb\xcb\x8b\x8b\x8bk\xd4\xa8\xf1\xfb\xef\xbf_\xbat\xc9\xdf\xdf?!!a\xd4\xa8Q\x85\x85\x85\x1c\x0e\xc7&lt;\xec\x13a4hw,\nT\xf2\xa5\xa6\xa6N\x9f&gt;\xfd\xc0\x81\x03\x1e\x1e\x1ej\xb5\x1a\x9d\xa9O\x00\x9c}\x85B\xb1w\xef\xde\xcb\x97/\xff\xfe\xfb\xef\\.\x97\x89\x1a@Q\x144\xfe;t\xe8P``\xe0\xa5K\x97\xf6\xee\xdd\xfb\xcf?\xff\xd4\xacY\xb3\xb8\xb8X\xa5R\xc1\xa8\x1f\xcb/\xac\xe2\xe8\x1e\x16\x8b5\x7f\xfe\xfc+W\xae\x08\x85\xc2\xc8\xc8\xc8\x05\x0b\x16@\x0c\x8a\x89\x17\x1c\xa9\x08\x86\x80,\x07DZ\xcb\xca\xca\xfc\xfc\xfc~\xff\xfd\xf7\xc1\x83\x07\x17\x15\x15\xf1\xf9|\xbc\x05\x9f\x8c\xd1htrrz\xf9\xf2eHH\xc8\xa9S\xa7\xe2\xe2\xe2\x98\x15\x9d\x80TPyy\xf9\x94)S\xce\x9c9\xb3x\xf1\xe2\x01\x03\x06\xe8\xf5z\x85BA\xabA\x08\xb0G\x81A\x9e\xa9\xa9\xa9\x93&amp;M\xe2p8\x9b7o\x0e\x08\x08\xc0\xac\x00\xa3\xc1\x1d\x80\xe5\x80W\xa5O\x9f&gt;}\xfa\xf4\x01\xeb\xcf\xe3\xf1\xd0\xfaW\x06\x0e\x87S^^\xde\xb0a\xc3\x8d\x1b7\xf6\xea\xd5K&amp;\x93\xb1X\xcc\xf0i\xcc\xa5&gt;\x17.\\\x08\x0e\x0e\xd6\xeb\xf5\xe9\xe9\xe9\x03\x06\x0c(--\x85c\x80\xb42\xa9,\x16\xcb\xbc\x1b\x88\x8c\x8cLMM\xed\xda\xb5k\x9b6m~\xff\xfdw\x10*\xdc\n0\x14f\xbc-6\x00\xf8z?\xff\xfc\xf3\xce\x9d;\xb3\xb2\xb2\xca\xca\xca0\xee_U@Q\xd0\xd8\xb1c\xef\xdd\xbbw\xee\xdc9\xc8\xb1[{Q\xef\xc3\\\xf15\x7f\xfe\xfc\x95+W\xae\\\xb9r\xe0\xc0\x81\n\x85B\xa7\xd3\xd1\xff\x048\xd4\x83\xba\xbb\xbbgee\r\x1e&lt;8((h\xd3\xa6M\xce\xce\xce\xcc\xda{!\x00\n\x80%\x80\x17\xfe\xda\xb5k\xed\xda\xb5\xcb\xca\xca\xaaY\xb3\xa6V\xabE\x01\xa8B(\x8a\x12\x8b\xc5M\x9a4\x196l\xd8\xec\xd9\xb3\xe9&lt;&lt;\x00\x0ceYYY\xbf~\xfdJJJv\xef\xde\xdd\xa8Q#h\xe4@+\xaf\xff\xfd\x18\x0c\x06\xe8\xc84f\xcc\x98\x1b7nl\xdf\xbe=::\x9a\xce\x97\x1dy+h\x83\xaa\x1d\x08\xfd\x97\x97\x97\x0f\x1c8p\xfd\xfa\xf5\x8d\x1a5R\xab\xd5h\xfd\xab\x1c\xadV{\xe0\xc0\x81%K\x96\xdc\xb8q\x03\x86\x07X{Eo\x01\xac\xff\xcb\x97/\x9b6m*\x91Hn\xdc\xb8\x01\xc9^\xba\xc5|\xfe\'&lt;\x1e\x0f\xda\x96l\xdf\xbe\xfd\x8b/\xbe\xe8\xd4\xa9\xd3\x85\x0b\x17\xb8\\.\xcenc\x16h\x86\xaa\x1d\xa8\xaa\x9e0aBhh\xe8\xe0\xc1\x83\xe1m\xb7\xf6\xa2l\r6\x9b\xadV\xab\xfd\xfc\xfc\xbe\xfb\xee\xbb\x01\x03\x06@\xa3c\xba\xedna\xc6}ZZ\x9a\xaf\xaf\xef\x88\x11#\x92\x92\x92d2\x99V\xabe\xe8\xf3\x00\xc5\xa0EEE\xb3f\xcd\xda\xbd{w\xd7\xae]W\xacX\xc1\xe5r\xa1\x1d\x05\xc2\x080\x04T\xbd@\xf0\'%%\xa5w\xef\xde\xd9\xd9\xd9\x0e\x0e\x0e\xd0t\xd7\xda\xeb\xb2M\x8cF\xa3\x87\x87G|||\x97.]\xe6\xce\x9dK\xab\xa84\x84G\x92\x93\x93{\xf6\xec\xb9z\xf5\xea\x01\x03\x060.\xec\xf3.`fC^^^\xb7n\xdd\xa6L\x992c\xc6\x0c\xfa\xa7a\x10\x00\x05\xa0\x1a1\x1f\x96\x81#\x9d\x13\'ND\xf7\xbfZ\xa1(\xca\xd1\xd1\xf1\xf6\xed\xdb\xf1\xf1\xf1\xe9\xe9\xe9\xbe\xbe\xbe\xd0\xeb\xc6\xda\xeb\xfa\xff\x91\x9f\xe4\xe4\xe4\x1e=z$%%u\xe8\xd0\x01j\xc0\xac\xbd\xae*\x83$I\x89DR\\\\\xdc\xbcy\xf3\xc9\x93\'\xcf\x9c9\x13\xf3\x01\x8c\xc0\xfa\xef\x86\r\x03\xc1\x9f\xc5\x8b\x17C#\xfb\x92\x92\x12|%\xaa\x156\x9b]^^\x1e\x1e\x1e&gt;l\xd8\xb0\t\x13&amp;\xd0\xa4$\x14\xac\x7fjjjbb"X\xff\xc2\xc2B[\xb2\xfe\x04Ap\xb9\\\x99L&amp;\x16\x8bSSSW\xae\\\x89\xb1 \xa6@\x8b7\xc4&amp;\x81\x18\xb4\\.\xaf_\xbf\xfe\xc9\x93\'#""T*\x15\x1d\xbcQ{\x80\xc3\xe1\xf8\xf9\xf9m\xd9\xb2\xa5S\xa7N\xd6\r\x04A\x0c\xf0\xfe\xfd\xfb\xfe\xfe\xfe\x07\x0f\x1eLHH\xb01\xdf\xbf"$I\xba\xb8\xb8\xc8d2__\xdf\xb5k\xd7\x0e\x1b6\x0c\xf7\x014\x07\xedQu\x01o\xfe\xd4\xa9S\xfb\xf5\xeb\xd7\xa2E\x8b\xf2\xf2r\xb4\xfe\x96\xc1h4:;;/Y\xb2\xe4\xab\xaf\xbe\xd2\xeb\xf5V\xdc\x07\xc0\xdf\x95J\xa5]\xbbv\xfd\xe9\xa7\x9fl\xdb\xfa\x13\x04\x01\xa7\x9a===\x8f\x1c92}\xfa\xf4\x94\x94\x14\xda\x96c!\x00\xee\x00\xaa\x05h\xf0\x92\x97\x97\xd7\xa2E\x8b\x9b7ozxx\x80%\xb2\xf6\xba\xec\x05\x8a\xa2$\x12IHH\xc8\xc4\x89\x13\'N\x9ch\xadM\x00\xf8\xbf\x11\x11\x11QQQ\x1b6l\xb0m\xebo\x06\xce\xe5\xed\xdc\xb9s\xf8\xf0\xe1O\x9f&gt;\xf5\xf4\xf4\xa4I&amp;\x06\xf97(\x00\xd5\x02X\x9c\xc4\xc4\xc4\x9a5k\xae_\xbf\x1es\xbf\x16\xc6h4\x8a\xc5\xe2}\xfb\xf6\xcd\x981\xe3\xfe\xfd\xfbPeoa\x01\x06\xeb?m\xda\xb4\xd4\xd4\xd4+W\xaeH\xa5R\xfb\xe9\x99\x03\x1a0{\xf6\xec\xb3g\xcf\xde\xb8q\x03\x03A\xb4\x05\x05\xa0\xea\x81\xe0Onnn\\\\\\FF\x86\xa7\xa7\'\xba\xff\x96\x87\xa2(WW\xd7\x88\x88\x88q\xe3\xc6Y~\x13\x00\x7f\xee\xc8\x91#\xc3\x86\r\xcb\xcd\xcduvv\xb6\xb7\xa6\xdf\x14E\xb9\xb9\xb9\xc5\xc6\xc66k\xd6l\xd9\xb2e\xa8\x01\xf4\x04\x05\xa0\xea\x81\x97\xbfG\x8f\x1e\xde\xde\xde\xe8\xfe[\x0b\xa3\xd1(\x91H\xf6\xec\xd93s\xe6\xcc;w\xee888\x10\x1f61\xb1\xf2@\xd4\xbb\xb8\xb88  `\xfb\xf6\xed\x1d;v\x94J\xa5\xf6\xf6\x0cP\x14\xc5\xe7\xf3\x95JeHH\xc8\xd6\xad[\xbbv\xedJ\xabc\x19\x08`G.\x89e\x80p\xe7\xf3\xe7\xcf\xd3\xd3\xd3\xbf\xfe\xfak\xa5R\x89\x0f\xbdU\xe0p8r\xb9\xbcw\xef\xde\x1e\x1e\x1e\x87\x0f\x1ff\xb1X\x16\xcbF\xc230t\xe8\xd0\xfe\xfd\xfbw\xe9\xd2\xa5\xb4\xb4\xd4\xde\xac?A\x10l6[\xab\xd5z{{\xafY\xb3f\xe4\xc8\x91J\xa5\x92x\x9d\x15G\xe8\x03\n@\x15\x03\xe9\xdf%K\x96\xb4i\xd3\xa6Q\xa3F\x1a\x8d\x06\x83?\xd6\x02\xc6\xefL\x9c8q\xe9\xd2\xa5\x84\xa5\xdc\x7f\xf0s7o\xde\\PP\xf0\xdbo\xbf\xc9d2;\xb4\xfe\x00\x97\xcb-**\x1a0`@\xcb\x96-\xc7\x8d\x1b\xc7\xe1p\xb0"\x88n`\x08\xa8*\x81\x8b\xa9\xd5j\x83\x82\x826l\xd8\x10\x17\x17\xa7T*\xed*\xf2K7\xd8l\xb6^\xaf\x8f\x8a\x8a:x\xf0`DD\x84\xb9\x0fs5\x01\x87?\xa4R\xa9\xaf\xaf\xef\x9e={&gt;\xfb\xec\xb3\xb2\xb22{\xde\x02\x9aL&amp;\x0e\x87\xa3\xd7\xeb\x03\x02\x02v\xec\xd8\xd1\xb1cG\x0c\x04\xd1\n\xb4MU\t\xb4J\xdf\xbcy\xb3H$\x8a\x8f\x8fG\xebou\xf4z\xbd\xa7\xa7g\x97.]~\xfe\xf9g\xa2\xfaC\x10 0\xf3\xe6\xcdk\xd7\xae]\xfb\xf6\xed\xe5r\xb9\x9d\x1b;\x16\x8b\x05\xb7\xe0\xc7\x1f\x7f\x9c;w.\xee\x00\xe8\x06\x9a\xa7\xaa\x04\xcc\xfd\xf6\xed\xdb\x87\x0e\x1d\xca\xe3\xf1\xf0q\xb7:\x10\x89\x1e5jTZZZyy94\xb0\xac\xa6\xbfe\xae\xfe\xda\xb2e\xcbo\xbf\xfd\x06\x7f\xae\x9a\xfe\x16\x83\xe0r\xb9%%%\x93&amp;M\xd2j\xb5k\xd7\xae\xe5p88&gt;\x8c&gt;\xa0\x00T\x19\xf0\xfe\xe7\xe5\xe5\xdd\xbbwo\xd0\xa0A0\xd6\xd5\xda\x8b\xb2w\xd8l\xb6R\xa9\x8c\x89\x89\xa9]\xbb\xf6\xb6m\xdb\x08\x82\xa8&gt;\xebc2\x99X,\xd6\x7f\xfe\xf3\x9f!C\x86\xd4\xabWO\xab\xd5b\xfa\xc7\x8c\xd1h\x9c7o\xde\xa2E\x8bt:\x1dMz4!\x04\n@\x15\x02\xfe\xfe?\xff\xfc\x13\x19\x19Y\xabV-x\xd0\xad\xbd(\x84 \x08\x82\xc5b\xf5\xee\xdd{\xfb\xf6\xed\xc4\xeb]Z\x95\x03\xf2\x9f\x9d\x9d]PP\xf0\xd3O?a\xf0\xa7"\x1c\x0eG&amp;\x93\xf5\xed\xdb788\xf8\x8f?\xfe`\xb3\xd9\xb89\xa6\t(\x00U\x06&lt;\xd6\'O\x9e\x1c3f\x0c6\xfd\xa7\x0f\xb0\t\x18&lt;x\xf0\xcb\x97/\x9f&lt;y\xc2f\xb3\xab\xc3\xfd\x04\xf7\xff\xdbo\xbfMHHpss\xc3\xa3\x7fo\xc0b\xb1H\x92\x9c0a\xc2\x92%K`\x1e*n\x02\xe8\x00\n@\xd5\x00\x0e`NN\xce\x8b\x17/\x9a7o\x8eC\x1f\xe9\x03\x8b\xc5\xd2\xe9t\xb5j\xd5\xaaQ\xa3\xc6\xfe\xfd\xfb\x89j\x88\x02A\xdf\xef;w\xee\xa4\xa4\xa4L\x980A\xa9T\xdam\xe9\xe7\xbb\x801\xc8\x1d:tpuu\xdd\xbau+\x8b\xc5\xc2L\x00\x1d@#U5\xc0\x96v\xff\xfe\xfdM\x9a4\xa9Q\xa3\x06:\x80\xb4\x02\xdc\xf3\xae]\xbb\x1e&lt;x\x90\xa8\x86\x03\x01\xe0\xcc\xfe\xfe\xfb\xef\x9d:u\xf2\xf5\xf5\xc5\xc3\x1fo\x85\xa2(\x81@0e\xca\x94u\xeb\xd6a{8\x9a\x80\xf7\xa0j\x80\xa7\xf9\xdc\xb9s=z\xf4\xc0\x97\x9fnp8\x1c\x8dF\x93\x90\x90\xf0\xf0\xe1C\x99LV\xb5\xb5@`\xcb\xca\xca\xca\xf6\xed\xdb7n\xdc8\x88oT\xd5\x87\xdb\x12\\.W.\x97\xf7\xea\xd5\xab\xb8\xb8\xf8\xd2\xa5Kl6\x1b7\x01V\x07\x9f\xd4*\x00L@qq\xf1\xfd\xfb\xf7[\xb5j\xc5\xdc\xf8\x0f\xcc\xb04\x1a\x8d\xe4\xff\x85\xa2(FGlY,\x96F\xa3\xf1\xf7\xf7wttLNN&amp;^\xef\xd8\xaa\x048\xfb}\xf4\xe8\xd1\x06\r\x1a\xd0\xf0\xe8\x1f\x9cM\xb3\xf6*\xfe?0=\xb8o\xdf\xbe[\xb6l!\xb03\x04\r\xc0He\x15\x00!\xe0\xabW\xafz{{\x07\x06\x06\x96\x95\x95\xd1\xca\x04\xfcO\xcc\xb3\x8by&lt;\x9e\x83\x83\x03\x8f\xc7\x83\xf5C\xe4\xc4d2\x19\x0c\x06\x8dF\xa3\xd7\xeb\x99;\xc4\xdch4\n\x85\xc2\xb8\xb8\xb83g\xcet\xef\xde\xbd\nM\x0f\\\x90\xb5k\xd7&amp;$$\xd0\xad\xc0\xd1h4\xf2\xf9|\xe8\x83D\x87\xc2\x1b6\x9b\xad\xd3\xe9z\xf7\xee\xdd\xbf\x7f\x7f\x85B!\x12\x89\xe0\x19\xb3\xf6\xba\xec\x17\x14\x80*\x00\xde\xf9\xf3\xe7\xcfGDD\xc0\x08$f\t\x00\x9b\xcd\x16\x89Dl6\xbb\xb0\xb0033\xf3\xce\x9d;\xcf\x9e=+//\'I\xd2\xd1\xd1\xd1\xc7\xc7\'00\x10r\x1b\xe5\xe5\xe5 \x03\xd6^\xf2G\x03F\xb0U\xabVk\xd6\xac\xa9\xc2\x00\xb4\xb9\xf7\xdf\xed\xdb\xb7\xd7\xaf_\xafV\xabirq\xc0\xf1wuu-**2\x18\x0cB\xa1P \x10X]\x9c\xd8l\xb6J\xa5\x8a\x89\x89\x11\x89D\'N\x9c\xe8\xdf\xbf?8O\xd6]\x95=\x83\x02P\x05@M[JJ\xca\xf8\xf1\xe3\x99\xe5\xd1\x80\xfd2\x1a\x8d\x87\x0f\x1f\xde\xbf\x7f\x7frr\xf2\xc3\x87\x0f\xdf\xfa\x93\xbe\xbe\xbe\xfd\xfa\xf5\x9b8q\xa2\xa7\xa7\'\x13\xcf\xb8\xb1\xd9l\x8dF\x13\x1d\x1d\xfd\xfc\xf9\xf3\xa2\xa2\xa2\x1a5jT\xc9\x9d2\x1a\x8d\\.w\xff\xfe\xfd\r\x1a4\x08\x08\x08\x90J\xa5t\xb82\xe0\xf8;99\xadZ\xb5j\xd1\xa2E*\x95\xea\x97_~\x19?~&lt;\x1d\xfa\x92\x1a\x8dF\x81@\xd0\xa5K\x97\xed\xdb\xb7\xf7\xef\xdf\xdf\xba\x8bAP\x00*\x0b\xd8P\xb9\\\xfe\xec\xd9\xb3\xd0\xd0P\x06\x9d\xff\x84F]Z\xad\xb6g\xcf\x9e\xa9\xa9\xa9\xf0\x8f\\.\xb7a\xc3\x86\xb5k\xd7\x16\x8b\xc5l6[\xa1P&lt;z\xf4\xe8\xce\x9d;\xf7\xee\xdd\xfb\xf5\xd7_w\xef\xde\xfd\xd7_\x7f\xb5h\xd1\x82q=\xce\xa0)M\x9d:u\x04\x02Avvv\xc7\x8e\x1d\xab\xc4\xf7\x84{}\xfa\xf4\xe9\xee\xdd\xbb\xd3\xa4\xb6\xdd`0\x88\xc5b\x99L6a\xc2\x84\x7f\xfe\xf9\x07\xfe\x91&gt;\x85I\xd0\x9e\xafg\xcf\x9ec\xc7\x8e\xd5j\xb5\x02\x81\xc0\xda+\xb2kP\x00*\x0b8\x92yyy|&gt;\xbfa\xc3\x86:\x9d\x8e)\xf1\x1f\x16\x8b\x05I9OOO\x82 \xda\xb7o\xdf\xad[\xb7\xb8\xb8\xb8z\xf5\xea\xb9\xb8\xb8\x80q\xa4(J\xa1P\xe4\xe5\xe5\xfd\xf1\xc7\x1f\xdb\xb7o\xbfw\xef^\x8f\x1e=\xce\x9c9\x13\x1c\x1c\xcc\xb8\\\xb7\xd1htrrj\xd4\xa8QZZZ\xc7\x8e\x1d+o\xacAA\x95Jeff\xe6\xd7_\x7fm\xf5[\x0f\xb9z//\xaf\xcb\x97/\x8f\x1f?&gt;77\xd7\xd1\xd1\x91\xcf\xe7\xd3J\xad\xd9l\xb6Z\xad\x0e\x0b\x0b\xd3\xeb\xf57n\xdc\x88\x8b\x8bc\\\xc8\xd4\x96\xc0\xeb^Y\xc0\x8e\xe4\xe7\xe77h\xd0@,\x16\x93$i\xed\x15}\x04\xa0\x01?\xfc\xf0\xc3\x91#G\x8e\x1e=:e\xca\x94\xa0\xa0 .\x97\xabT*\xe5r\xb9\\.///\xe7r\xb9M\x9b6\xdd\xb6m\xdb\x9f\x7f\xfe)\x10\x08\xca\xca\xca&amp;O\x9e\xcc\xacH\x17\x00w*&lt;&lt;\xfc\xce\x9d;U\xf8\x81\x19\x19\x19"\x91(""B\xa5RY\xd1\x90A\xd8G,\x16/[\xb6\xacs\xe7\xce\xb9\xb9\xb9u\xeb\xd6\xdd\xbe}\xbbD"\xa1\xdb\xcd\x82=J\xd3\xa6MO\x9f&gt;MTiE\x16\xf2\xb1\xa0\x00T\x16\xb0\x027o\xdel\xd8\xb0!\xdd\x8a@\xfe\'\x10\x19\x0f\x08\x08\xe8\xd0\xa1CyyyII\x89Z\xad\x06\x8f\x8c\xc3\xe1p8\x1c\xe8o\xa1T*\x8b\x8a\x8aF\x8f\x1e=k\xd6,\x82 RSS\xcf\x9c9\xe3\xe2\xe2\xc2\xac:n\xb8;\xc1\xc1\xc1 \x00\x957\xd6`\xb9.\\\xb8P\xabV-\xa1PhECf0\x18\\]]\x95J\xe5\x90!C\xa6O\x9f\xaeV\xabccc\xcf\x9d;\x17\x17\x17\'\x93\xc9\x08Z\x16\\\x86\x86\x86BI.\xad\xc4\xc9\xde@\x01\xa8,\xf0\xf8\x16\x14\x144i\xd2\x84n\xae\xd6\x87\xc0b\xb1\xb4Z\xadB\xa1`\xb3\xd9\\.\x97\xcdf\xbf\xf1\x15X,\x16\x88\x81B\xa1\x18;vl\x8d\x1a5X,\xd6\xa9S\xa7x&lt;\x1e\r\xcd\xca{\x80o\x1a\x10\x10 \x97\xcb\xcb\xca\xca*\xaf\xd6p\xa1\xb2\xb2\xb2\xe2\xe3\xe3\xad\xa5\xfd\xf0\xc8yyy%\'\'\xb7m\xdb6))\x89 \x88\xf1\xe3\xc7\x1f9r\xa4N\x9d:%%%4\x8c\xae@\x1a &gt;&gt;\xfe\xe5\xcb\x97V\x8f\x9b\xd99x\xe9+\x0b\xd4\x17\x96\x96\x96z{{3\xcb \x9a\x01\x7f\xff\x7f\xfe\x8c^\xaf\xafQ\xa3FDD\x84\xc9d*((\xd0\xeb\xf5\xcczu\xa1\x1f\x99\x87\x87\x87^\xafW\xa9T\x95\x97j\xb8&amp;\xf7\xef\xdf\x8f\x88\x88 I\xd2\xf2W\x03\xac?I\x92\x8b\x16-JHH(((\x10\x8b\xc5\x7f\xfd\xf5\xd7\xea\xd5\xabM&amp;\x93F\xa3\xe1r\xb94|&amp;\xe1\\\x9e\x9f\x9f\x9f\xc1`x\xfc\xf8\xb1%\xc75#o\xc0\xa4\x17\x98\x86@\t\x90L&amp;\x93\xc9d\xc1\xc1\xc1\x1a\x8d\x86Y6\xf1c\xe1r\xb9&gt;&gt;&gt;\x04A\xc8\xe5r\xc6\xf5&lt;\x80\x84\x87\xb7\xb7\xb7X,\xce\xce\xce&amp;*\x17}\x06\xe3\xabP(\xca\xca\xca\xfc\xfc\xfc\xacR\xfde2\x99\x1c\x1c\x1c\x1e&gt;|8{\xf6l(r=s\xe6\xcc\xc8\x91#KJJ\xe8\\_\x0f\xa2\xe5\xe9\xe9\xe9\xe2\xe2r\xfb\xf6m\x82\x96\x11*;\x81I/0m\xd1\xeb\xf5\xf0*\xda\x83#\xc3,\xa3\xff\x06&amp;\x93\x89\xcb\xe5\xf2\xf9|\xb5Z]\xf9\x8f"\x08"//O$\x12\xd5\xacY\xd3`0X^\x00\xe0\\Udd\xe4\x82\x05\x0b\x06\x0f\x1e|\xfa\xf4\xe9\x90\x90\x90\x92\x92\x12.\x97K\xf3P$\x14P\xf9\xf9\xf9eff\x12(\x00\xd6\x83\xc1/3\x1d\x00\x8b\x9f\x99\x99)\x16\x8bk\xd7\xaem\x15+`I(\x8a\x92J\xa5\x04A\xb8\xb8\xb8\xf0\xf9|\xc6\t\x1e\xf8\xc5\xc1\xc1\xc1W\xaf^%*gw\xe0w\x0b\x0b\x0b\x85B\xa1\x93\x93\x93\xb5\xf2\xe1\x90\x9b\x998q\xe2_\x7f\xfd\xc5f\xb3\xa1j\xcb*+\xf9(`\xff\xe4\xe9\xe9\xf9\xe2\xc5\x0bk\xaf\xc5\xaeA\x01\xa8\x02 \xfe[\xad\xf3f\xe9\x00\x87\xc3)//\xcf\xcf\xcfg\xb1X\xbe\xbe\xbe\x02\x81\x80q\x02\x00p\xb9\xdc\xcaW\xeb\xc2\xbdNMM\r\x0e\x0e\xb6z\xf5\x17d5H\x92\xa4m\xd8\xe7\r\xe0\x8aEGG\xe7\xe4\xe4\x10\x0c\xdfV2\x1a\xbc\xeeU\x00\xb4\xcc\xb4m\xebO\x92\xa4\xb3\xb3sJJ\xca\xed\xdb\xb7M&amp;S\xeb\xd6\xad\xa1\x0b\xa6\xb5\xd7\xf5)\xc0\xfd\xaa\x92\x8f\x02\t\xb4\xfau`\xb1X\xff.\xdf\xa29\xb0ff\x9d\x9b\xb1=P\x00*\x05\x18\xfd\xabW\xaf\xfa\xfb\xfb\xdb\xf0\x0e\x00"\'$I\xfe\xf2\xcb/\x14E\xf9\xfb\xfbw\xee\xdc\xb9\xbc\xbc\x9c)\xfe\xa6\x19p&lt;\xa3\xa2\xa2 \xf4\\\x19\xc7\x13\xac\xad\\.www\xaf\xb2\xf5\xd9\r\x90\x07\x16\x8b\xc5z\xbd\xde\xe6\x03\xa7t\x06\x05\xa0\n\xd0\xeb\xf5\x12\x89\xc4\xeaq\x80j\x02&lt;}77\xb7\x193f@\xe8|\xde\xbcy\xae\xae\xae\xcc\xf5\xdd\xdc\xdc\xdc*\x1f\xb2\x07\x9b\x95\x9b\x9b\x1b\x19\x19\xc9\xc4\xf3\x1f\xd6\x05\xced\x04\x07\x07K\xa5R\x99Lf\xab\xef\x0e\xfda@\xbe\x88\xfe\x80;c\xedUT\x0b\xd0`\xc0\xc1\xc1a\xd2\xa4Ik\xd7\xae%\x08b\xfa\xf4\xe9}\xfb\xf6\x85\xb9Z\xd6^\xdd\'B\x92dU\xd9k\xd8\x18U\xc9G\xd9!F\xa3\x91\xc5b\xa1vZ\x11\x14\x80\xaa\xc1&amp;\x1fb\x92$E"QYY\xd9\xf0\xe1\xc3\x0f\x1c8@\x10\xc4\xa4I\x93\x16,X@\xab\xe6b\x9f@\x15\xde,\xf4\xfd+\x03^:\xab\x83! \xe4\xed\x90$\xe9\xe6\xe6\x96\x9d\x9d\xdd\xae];\xb0\xfe?\xfd\xf4\xd3\xf2\xe5\xcb\xcb\xcb\xcb\xad\xbd4\x04A\xaa\x06\xdc\x01 o\x81$Iww\xf7\x03\x07\x0e\x8c\x1a5\xaa\xac\xac\xcc\xd3\xd3s\xd5\xaaU\xfd\xfb\xf7/--\xc5=;\x82\xd8\x0c(\x00U\x80\x8d\xa5\xb0\x8cF\xa3D"9|\xf8\xf0\xc0\x81\x03\r\x06Cxx\xf8\xd6\xad[\x83\x82\x82\x8a\x8b\x8b\x19q\xc8\xe8\x7fR\x85q\x1b\x0c\x01U\x06\xbctV\xc7\x16\xdeg\xabc0\x18x&lt;\x9e\xb5WQ5P\x14\xe5\xe0\xe0\xf0\xe0\xc1\x83\xd1\xa3G\x1b\x0c\x86\x98\x98\x98\x83\x07\x0f\xba\xb9\xb9\x95\x94\x94\xd8\xccw\xe4\xf3\xf9U\x95\xb9\xe5\xf1x\x06\x83\xa1J&gt;\xca\xde\x80\xd6L\xb8\xa1\xb4.\x98\x03\xa8\x02\xbc\xbc\xbc\x1e?~\xcc\xdc\x83Q\x15\xa1(\xca\xc9\xc9i\xd9\xb2e\xd0\xdft\xdb\xb6m\x12\x89D\xa1P\xd8\x8c\xf5g\xb1X\xf7\xef\xdfwuu%*\xd7\n\x02\x8e\x80\x85\x87\x87\xa7\xa6\xa6\xda\xd8\x16\xd0\x02P\x14%\x14\n\xb3\xb2\xb2&lt;==\xdd\xdd\xddm\xe3\xdda"(\x00\x95\x02\x9e\xda\x98\x98\x98\xe7\xcf\x9fCM\x9b\xb5WT)L&amp;\x13\x9f\xcf\x7f\xf5\xea\xd5\xb1c\xc7\x08\x82\x98&lt;yr\xe3\xc6\x8d\x15\n\x85mD~\x88\xd7\x16\xff\xce\x9d;M\x9a4!\xaa\xa8\x07\x19\x9a\xfeO\x03T\x13M\xbfuA\x01\xa8\x02\xb4Z-\x9f\xcfgte$`2\x99\x04\x02\xc1\x83\x07\x0f\x9e&gt;}*\x10\x08\xbau\xeb\xa6R\xa9l\xc6\xfa\x9b\x11\n\x85:\x9d\xaeJ&gt;\xca\xd3\xd3\xb3\xac\xac\x0c\xad\xd8\xa7QZZ\xea\xe6\xe6f\xedU\xd85(\x00\x95\x02^{www\xe8\xc6\xc5\xf4\x9eV\xd0-\xf9\xd5\xabW&amp;\x93\xa9~\xfd\xfa\xde\xde\xde6\x16\xe0\x06\xafS&amp;\x93yyyU\xfe\xa3\x88\n\x13\x86Q\x00&gt;\nH\x9e\xdf\xbau\xabq\xe3\xc6\x04\x8e\x05\xb6\x1e\xcc6XV\x07^\xfb\xe0\xe0`\xb9\\^XX\xc8\xb8)\x89\xff\xc6\xdcR\xb8f\xcd\x9aNNN6\xe6\xdb\x82\x00\xdc\xb9s\'""\x82\xa8\x9c\xd5\x86\xdf\xadS\xa7\x8eV\xab\x95J\xa56\xb0\xff\xb3$p#^\xbe|\xd9\xb0aCk\xaf\xc5\xaeA\x01\xa8,\xe05\x0b\x85B\xb9\\n\x03\xfd\xe0X,Vyy9I\x92Z\xad\x96\x9e\x03\x05+\x03LP1\x1a\x8d"\x91\x88\xa8\n\x01h\xd4\xa8\x91V\xab}\xf5\xea\x95\rh\xbf%\x81i\x9a\x8f\x1f?\x0e\t\t!p\xffd=P\x00*\x0582b\xb1\xd8\xc5\xc5\xe5\xce\x9d;\x0e\x0e\x0e\x8c\xb6\x02l6[\xa3\xd1DDD\xcc\x9e={\xf4\xe8\xd1:\x9d\xce\x96\xdeL\x90\xea\xa2\xa2"\xb9\\^y\xbb\x03\x93l]\\\\\xdc\xdd\xdd\xf3\xf3\xf3\x85B!\xc61&gt;\x10\x93\xc9\xc4\xe3\xf1^\xbcx\xa1R\xa9\x82\x82\x82\x08\x9c\x07`=l-\xbfgy\xc0\xe2\xd7\xa9S\xe7\xd1\xa3G\x04\xc3kB\xa0GcDDD\\\\\x1cI\x92\n\x85\xc2\xc6\x04\x80\xcf\xe7?{\xf6\xcc\xc5\xc5E(\x14V\xfeNQ\x14\xc5\xe5r\x03\x02\x02\xae_\xbf\xde\xaf_?F\xdfzKb2\x99\x84Bann\xae\xb3\xb3s\x8d\x1a5\xf00\x9d\x15A\xe1\xad,\xf0\xda7n\xdc8??\xdf\xdak\xa9\x02X,\x96N\xa7+..\x96\xcb\xe56\xf6ZB\x8d\xd3\x9d;w\xdc\xdc\xdc\x9c\x9c\x9c\xaa\xca\xeeDGG\xa7\xa4\xa4\xa0\x15\xfbp@8/_\xbe\\\xbf~}.\x97\x8b;\'+\x82\x02PY\xe0\xb5\x8f\x88\x88\xb8s\xe7\x0eEQ\xb6\xb1\x99e\xdcx\xa9\x0f\xc1d2\x99L\xa6\xec\xec\xec\xc0\xc0@\xa2**O\xe0^\xb7n\xdd\xba\xb0\xb0P*\x95\xda^\xbdl5\x01\x81\xd3\x9b7o\xb6m\xdb\x96`\xf8\xa6\x99\xe9\xd8\x82\xb5\xb2.`(\x03\x02\x02^\xbe|\t\xddr\x18\xfd@\x83\'\xeb\xe2\xe2\xe2\xe8\xe8hc\xae\x19\xdc\xa9[\xb7n\x81\x00T\x1e6\x9bm2\x99\x02\x03\x03)\x8aJKKsvv\xb6\xb1+V\x1d@ \xae\xb0\xb0\xf0\xd6\xad[\xed\xda\xb5#0\x01`U\xf0\xd2W\x160+~~~\x04A\xdc\xbd{\x97\xd1y`H\x93\x9aL\xa6K\x97.\xe5\xe4\xe4\x08\x85Bk\xaf\xa8*\xe1r\xb9r\xb9\xfc\xf1\xe3\xc7M\x9b6%\xaa\xc8\xee\xc0\xc0\x9c\xb8\xb8\xb8\xd3\xa7Oc4\xe3C\xa0(\xca\xd1\xd11%%\xc5\xdd\xdd=((\xc8d2\xa1\x00X\x11\xbc\xf4\x95\x85\xc5b\x19\x8dFGGG??\xbf\xac\xac,\x81@\xc0\\\x01 \x08\x82\xc5b\x8d\x181\xa2C\x87\x0e\xb1\xb1\xb1\x9b6mrvv\xae\xfc\xf4D:@Q\x14\x1cr\xe6p8UXz\x08\x1f\xd2\xb9s\xe7\x13\'N\xe8t:&lt;\r\xf0?\x01\'c\xef\xde\xbd\xd1\xd1\xd1l6\xdb6\x9e.\xe6\x82\x02P\x05\x80\xc5o\xd5\xaaUrr2\xc1\xd8\x98&amp;\xf4\xe7\xca\xcf\xcf?|\xf80\x9b\xcd6\x18\x0c\x9b6m\xb2\x81\x06G\x80\xc9drppHIIi\xd8\xb0\xa1H$\xaa\xaa\xef\x05\xdek\xd7\xae]e2\xd9\x8d\x1b7\xe0\xe8\\\xe5?\xb6\n\xe1p8\x1c\x0e\x87&gt;7\x91\xc7\xe3\xc9\xe5\xf2\x8b\x17/\x0e\x1b6\x8c\xc0\x13\x00\xd6\x06\x05\xa0\n\x00+\xd0\xb6m\xdb\xbc\xbc&lt;\xb5Zm\x03n\xa0\xed\xbd\x96\x90\xdbHNN\x8e\x8d\x8d%\xaaN\xa4a\xff\'\x12\x89\xe2\xe2\xe2\xf6\xec\xd9#\x10\x08h%\x00&amp;\x93\xa9\xac\xac\xcch4\xea\xf5z:\xdcS\xa3\xd1\xe8\xec\xec|\xf1\xe2E\xa1P\xd8\xa2E\x0b\x93\xc9d\x03/\x0b\xa3A\x01\xa8\x02\xe0\xd5\x8a\x8c\x8c\x94\xcb\xe5\x99\x99\x994t\x03?\x048\x05\x16\x18\x18\xd8\xa5K\x17\xa3\xd1\xc8f\xb3\x87\x0e\x1d\xca\xf4\x9c\xb6\x19p&lt;\xd3\xd2\xd2\xda\xb7oOTC\xe2q\xe2\xc4\x89g\xce\x9c\xa1U\x14\x08\xd2\xad\x1d:th\xd5\xaaU\xdd\xbau\xa1\xf9\xbe\xd5\x97\xc4\xe5rw\xed\xda\xd5\xaf_?&gt;\x9f\x8f\xf1\x1f\xab\x83\x85kU\x00\xb8\x81\xce\xce\xce\x91\x91\x91\xe7\xcf\x9f\x8f\x8d\x8dU(\x14\xccMmm\xd9\xb2\xe5\xda\xb5k\xae\xae\xae\x11\x11\x11\xe5\xe5\xe5\xf4\xb1h\x9f\x0c\x1c\xd9MII\xe1\xf3\xf9\xd1\xd1\xd1U\x9bx\x84\xfe\x1f\xb1\xb1\xb1j\xb5\xfa\xc0\x81\x03}\xfa\xf4\x81\xa6 U\xf5\xf9\x9f\x06\x8b\xc5"IR$\x12\xed\xdb\xb7\x0f\xcevX\xfdV\xc2\xf9\xaf\x07\x0f\x1e\x9c&gt;}\xfa\xe2\xc5\x8b\x04\xd6\xff\xd0\x00\xbc\x01U\x03\xb8\xc9\x1d:t8t\xe8\x10I\x92\x0c}\xb2aH\x13\x97\xcb\xed\xd0\xa1CTT\x94V\xab\xb5\xf6\x8a\xaa\x06\x8a\xa2\xf8|\xfe\xbe}\xfb\x82\x82\x82\x1c\x1c\x1c\xaa|\x7f\x06\xb5@\xe3\xc7\x8f\xff\xe3\x8f?h\xb5g2\x99LJ\xa5\xb2\xbc\xbc\x9c\x0e\xee?8I[\xb7n\x8d\x8e\x8e\x0e\x0c\x0c\x84]\xa6u\x97\x84\xe0\r\xa8\x1a\xc0\xb7JLL|\xfe\xfc\xf9\xe3\xc7\x8f\x99[\x0b\x04-n\xca\xca\xcaT*\x95\xd5MFU\xc1f\xb3I\x92\xbct\xe9\xd2\x80\x01\x03\xaa\xe3\xf3a\x130|\xf8\xf0\xec\xec\xec\xe4\xe4d\x17\x17\x17\xfa\xc4\x00\xd9l6M\x8e\xf5\xf1x&lt;\xa9T\xfa\xc7\x1f\x7fL\x992\x85\xa1o\x87\xed\x81\x02P5\x80\xdd\xacS\xa7\x8e\xbf\xbf\xff\xd9\xb3g\x19\x9a\x06\x00X,\x16\x87\xc3\xb1\x19\xef\x0c"\x0f\xf9\xf9\xf9J\xa5\xb2S\xa7ND5D\x1e\xe0\xee{zz~\xfe\xf9\xe7k\xd6\xacqpp\xc0\xe8\xf6\x1b\x90$)\x16\x8b\xf7\xed\xdb\xe7\xed\xed\xdd\xb9sgL\xff\xd2\x04\x1by\xc9\xe9\x00X\xfc\x9e={n\xd8\xb0\x01\x1d\x1c\xfa\x00\xa746n\xdc\x18\x10\x10 \x91H\xaa\xa9\xb0\x15N\x05\xcf\x9d;7---??\x1fz\rU\xf9_a.\x1c\x0eG\xab\xd5\xaeY\xb3f\xde\xbcy\x04cK\xa5m\x0f\x14\x80*\x03&lt;\x9a\xfe\xfd\xfb\xbfz\xf5*//\xcf\xd1\xd1\x11\x9fr:\xc0\xe1p4\x1a\xcd\xe9\xd3\xa7\xc7\x8e\x1d[}\x7f\x056\x015k\xd6\xec\xde\xbd\xfb\xd4\xa9S\x9d\x9c\x9cp\x13`\x86$I77\xb7\xe5\xcb\x97\x9bL\xa6\x84\x84\x04\x8a\xa2\xd0\xfd\xa7\t(\x00U\x06\xd4\x02\xd5\xacY3&lt;&lt;\xfc\xaf\xbf\xferttD\x13`u\x8cF\xa3\x8b\x8b\xcb\x993g\xca\xcb\xcb\xbbt\xe9R\xad\x91\x076\x9bMQ\xd4\xb7\xdf~\x9b\x95\x95u\xf5\xeaUZe\x02\xac\x0b\x97\xcb-++[\xb5j\xd5\x82\x05\x0b\x08t\xff\xe9\x04\n@\x15c2\x99\xc6\x8d\x1bw\xf0\xe0A\x18\xach\xed\xe5\xd8;0{d\xc3\x86\r\xbd{\xf7\xae\xee^=\xd0\xe4\xd2\xc3\xc3\xe3\xfb\xef\xbf\x9f0a\x02\xa3\xbbBU!\x06\x83A"\x91\xfc\xe7?\xff\x89\x8a\x8a\xea\xd4\xa9\x93\xd1hD\xf7\x9f&gt;\xa0\x00T%P\r\xd2\xb5kWGG\xc7C\x87\x0eA\xcb\x01k/\xca~\x81\xf4\xef\xbd{\xf7\xae]\xbb6s\xe6L\xa2\xfa\x0b\xcf\xa1\xb9\xcd\xd8\xb1cU*\xd5\xca\x95+=&lt;&lt;H\x92\xac\xd6\xbfHs(\x8a\x12\x89D\x99\x99\x99[\xb7n]\xb4h\x91\x8d\x8d\x98\xb6\x01P\x00\xaa\x18p\xfa\xc6\x8c\x19\xb3e\xcb\x16\x1b\x18\x11\xcch\xa0\xf0|\xfb\xf6\xed\xcd\x9b7\xafU\xab\x96\x05\xfa\x1a\xb1X,\x16\x8b\xc5\xe7\xf3\xb7m\xdb\xf6\x9f\xff\xfc\xe7\xc1\x83\x078*\x92\xc7\xe3\r\x1d:\xf4\x9bo\xbe\xf1\xf7\xf7\xc7\xde\x9ft\x83\x85\x16\xaaj\x81\xeb\xa9R\xa9\xfc\xfc\xfc\xf6\xec\xd9\x13\x15\x15\xa5R\xa9\xf0\xa1\xb7\n`\xeeCCCw\xec\xd8\x11\x17\x17g\xb1\xe0\x03I\x92\\.w\xfa\xf4\xe9\xd7\xae]KNN\x86)\x11\x16\xf8\xbbt\xc3`0xyy}\xfb\xed\xb7\xc7\x8f\x1fOOO\x87\xcbb\xedE!\xff\x074LU\x0cT\x838;;\x0f\x180`\xfe\xfc\xf9\xd5q\xee\x14\xf9\x10\xa0\xf0|\xdd\xbau\x9e\x9e\x9e\xb1\xb1\xb1\x96\xac&lt;\xe1p8F\xa3q\xd1\xa2ER\xa9\xf4\xd7_\x7f\xf5\xf4\xf4\xa4\xc3A\\\x0b\x03\xd7?99y\xe5\xca\x95;v\xec@\xdf\x9f\x9e\xe0\x0e\xa0\xea\x81KZZZ\xda\xb8q\xe3\xa3G\x8fFDD\xe0&amp;\xc0\xf2@4&amp;00p\xe3\xc6\x8d\x9d;w\xb6p\xee\x11\x86\x83\xde\xbd{722\xf2\xc4\x89\x13\xcd\x9a5\x93\xc9d\xf6\xe3\xffR\x14\xc5\xe3\xf1\x8cFcPP\xd0\xa2E\x8b\x86\x0e\x1d\x8a\xb9_z\x82V\xa9\xea\x81M\x80\x87\x87\xc7\xf0\xe1\xc3\xe7\xcd\x9b\x87\x9b\x00\xcbcv\xffk\xd6\xac\xd9\xb9sg\xcb\x17\x9eC6\xd8\xcf\xcfo\xcd\x9a5}\xfa\xf4)--\xa5[\xa7\xe8j\xc5d2\x89D\xa2~\xfd\xfau\xee\xdcy\xe8\xd0\xa1$I\xa2\xf5\xa7\'\xb8\x03\xa8\x16\xe0\xaa\x96\x94\x94\xf8\xfa\xfa\x9e&lt;y2""B\xa9T\xe2&amp;\xc0\x92p\xb9\\__\xdf\xcd\x9b7[\xde\xfd7\x03Q\xef\x11#F\xe4\xe5\xe5]\xbbv\xad\xb4\xb4\x14\xf6%\x96_\x89%\x81\xd0\xff\xd7_\x7f\xbd\x7f\xff\xfe\xbbw\xefB\xd37\x9b\xff\xd6\x0c\x05MR\xb5`n\x0e3g\xce\x9c\xb9s\xe7\xf2x&lt;\x14Z\x8bA\x92\xa4D"Y\xb0`ADD\x84\x15\xad?A\x10\x1c\x0e\x87$\xc9M\x9b6y{{w\xef\xde\xdd\xdd\xdd\xdd\xe6\xcb\x82\xf5z\xbd\x97\x97\xd7\xe2\xc5\x8bw\xee\xdcy\xed\xda5\x08\x85\xa1\xf5\xa7-\xb8\x03\xa8.L\xaf\xa9[\xb7\xee\xc2\x85\x0b\x07\x0f\x1e,\x95Jq#\\\xdd\xc0\x14\x94\x97/_FDD\\\xbf~=  \xc0\xba\xe9Gx\x06t:]HH\xc8\xe7\x9f\x7f&gt;\x7f\xfe\xfc\xa2\xa2"\x1e\x8fg\xad\xf5T+\xe0\xfb\x9f:u\xaaW\xaf^W\xae\\\t\x0f\x0f\xc7\xd0?\xcd\xc1\x1d@u\x01\xe7B9\x1c\xce\xda\xb5kg\xcc\x98\xa1T*\xf1M\xb0\x00P\xfb?q\xe2\xc4\x11#F\x04\x06\x06\x82\x07j\xc5\xf5\x80\xf3+\x14\no\xdc\xb8\xb1c\xc7\x8e\xf9\xf3\xe7{yy\x19\x0c\x06\xdbs\xbc\xc0\xf7?}\xfa\xf4\xc0\x81\x03O\x9f&gt;\x8d\xd6\x9f\x11\xe0\x0e\xa0z\x81w\xa0S\xa7N\x8d\x1b7^\xb9r\xa5\r{\x7ft\x00\x9a\x8e\x1d:th\xc2\x84\t\xb7o\xdfvvv\xa6I\xcc\x1dtH&amp;\x935m\xdat\xc8\x90!?\xfc\xf0CII\x89-\xc5F\xc0\xf7?}\xfa\xf4\x80\x01\x03\x0e\x1d:\x14\x17\x17\x87U\xff\x8c\x00\x05\xa0z\x81\xb3\xef\xaf^\xbd\n\r\r=y\xf2dpp0n\x05\xaa\t\x18\xfb\xce\xe3\xf1BCC\x97/_\x9e\x98\x98H+\x0f\x14\x16#\x93\xc9Z\xb4h\xf1\xd9g\x9f\xad]\xbb\x16\x06u\xd1g\x85\x9f\x86\xc9d\x82\x9a\xb7u\xeb\xd6}\xf3\xcd7\x87\x0e\x1d\x8a\x8d\x8dE\xeb\xcf\x14P\x00\xaa\x1dx\xf3\x17,X\xb0e\xcb\x96\x9c\x9c\x1c\x99L\x86\xe5@\xd5\x018\xa1c\xc7\x8e}\xf8\xf0\xe1\xe9\xd3\xa7ih\x83\xe0I(++k\xd3\xa6M\xed\xda\xb5w\xef\xdeM\x92\xa4Z\xad\xa6\xdb:?\x1c\xa3\xd1\xc8\xe5r\xc5b\xf1/\xbf\xfc\xb2b\xc5\x8aC\x87\x0e5o\xde\x9c\x86W\x1ey\x17h\x89\xaa\x1d(\x05\x993gN\xadZ\xb5\xe6\xcc\x99\xe3\xee\xeen0\x18\xac\xbd([\x83$I\x0f\x0f\x8f#G\x8e\x1c?~|\xe7\xce\x9d\xf4\xec8\xcf\xe1p(\x8aruu\xcd\xc8\xc8\x10\x08\x04AAAEEEpN\x98\x89~\x98\xc1`pvvvppHLL\xdc\xb2e\xcb\xed\xdb\xb7\xd1\xfa3\x0e\x14\x00K\x00\xe3\xa2\xfe\xf9\xe7\x9f\xf5\xeb\xd7\x1f?~\xdc\xdd\xdd\xdd\xce\x9bDV-\x14E988\x14\x16\x16\x0e\x1b6l\xdd\xbau\xee\xee\xee\x10\x0e\xb2\xf6\xba\xde\x02\xcc\x0c\xa0(j\xf7\xee\xdd\xa3F\x8dj\xda\xb4iRR\x92\x97\x97\x17\x0c\x93\xb0\xf6\xea&gt;\x14\x8a\xa2H\x92\xf4\xf2\xf2*((\x88\x88\x88\x10\x08\x04\xe9\xe9\xe90m\r\xad?\xb3\xc0\x10\x90\x85\x80\xed\xff\x91#G\x86\r\x1b\x96\x9b\x9b\xeb\xec\xec\xac\xd7\xeb1\x16T%P\x14\xe5\xe6\xe6\x16\x1b\x1b\xdb\xacY\xb3e\xcb\x96\xd1\xdf\t\x85\xb89\x87\xc3\xb9p\xe1\xc2\x90!C\xbaw\xef\xbed\xc9\x12\x81@ \x95J\xb9\\.=\xa5\xcb\x8c\xc1`prrrrrZ\xbbv\xed\x0f?\xfc\xf0\xcd7\xdfL\x9d:\x95x\x9d\xe8\xb6\xf6\xea\x90\x8f\x03\x05\xc0r\x80a\x9a6mZZZ\xda\xd5\xabWKKK\xf1\x85\xa9&lt;\x10\xfa\x9f3g\xce\xe9\xd3\xa7\x99\xd5r\x12\x96*\x93\xc9\x06\x0f\x1e\xfc\xf4\xe9\xd3\x15+V\xb4k\xd7N\xa1P\xe8t:z~\x05\xe8\xa7\xed\xee\xee~\xff\xfe\xfd/\xbf\xfc\xb2\xa8\xa8h\xe3\xc6\x8d\xd1\xd1\xd1x\xd6\x97\xb9\xa0\x01\xb2\x1c\\.\x97$\xc9e\xcb\x96\xe9t\xba\x993gb2\xa0\xf2\x18\x0c\x06\x08\xfd\xafY\xb3\xe6\xe8\xd1\xa3\xccj9\xc9\xe5r\x8dF\xa3D"9~\xfc\xf8\x8c\x193\x86\x0c\x192n\xdc8\x95J\xe5\xe9\xe9I\x10\x04\xad"B\x14E\x19\x8dF777gg\xe7%K\x96\xc4\xc6\xc6\x86\x86\x86feeEGGC\x9f\x1f\xb4\xfe\x0c\x851o\x8bm\x00i\xc0S\xa7N%%%\xadY\xb3\x06\xce\x04Y{QL\x05\xaa\xfeo\xdd\xba5h\xd0\xa0\x13\'N\xd4\xacY\x93Y\x02@\xbc\x1e!g4\x1aG\x8e\x1c\x99\x91\x91QRR\xd2\xbau\xeb%K\x96\xb0\xd9lwww\x82 H\x92\xb4\xee\x1e\xddh4\xc2T/77\xb7}\xfb\xf6\xb5i\xd3f\xef\xde\xbd{\xf7\xee]\xb6l\x19\xe43\xe8\xb9YA&gt;\x10\x0c\x01Y\x1aH\x06dff\xb6k\xd7n\xcf\x9e=\xf1\xf1\xf1v\xd5(\xb8\xaa\xa0(\x8a\xcf\xe7\xabT\xaa\xe6\xcd\x9b\x7f\xfd\xf5\xd7\x13&amp;L`P\xf0\xe7\xdf\x98\x8f,\\\xbati\xf6\xec\xd9Z\xadv\xce\x9c9]\xbbvuqq\x81\xa0\x10\x9b\xcd\xb6\xa4\xb6\x81,q\xb9\\WWW\x92$\xd3\xd2\xd2\xfe\xfb\xdf\xff\xde\xbf\x7f\x7f\xce\x9c9\xa3F\x8d"^\xc7\xaf,\xb6\x1e\xa4\x9a@\x01\xb0\x02\xf0\xb</t>
        </is>
      </c>
    </row>
    <row r="176">
      <c r="A176" s="1" t="n">
        <v>174</v>
      </c>
      <c r="B176" t="inlineStr">
        <is>
          <t>size_cycle</t>
        </is>
      </c>
      <c r="C176" t="inlineStr">
        <is>
          <t>What is the size of the missing circle denoted with a question mark?</t>
        </is>
      </c>
      <c r="D176" t="inlineStr">
        <is>
          <t>['medium', 'large', 'small']</t>
        </is>
      </c>
      <c r="E176" t="inlineStr">
        <is>
          <t>medium</t>
        </is>
      </c>
      <c r="F176" t="inlineStr">
        <is>
          <t>There are circles arranged in a spiral with three arms. The first arm has circles of sizes ['small', 'medium', 'large'], the second arm has circles of sizes ['small', 'medium', 'large'], and the third arm has circles of sizes ['small', '?', 'large'].</t>
        </is>
      </c>
      <c r="G176" t="inlineStr">
        <is>
          <t>We observe that the circles in each arm progress in size from small to medium to large. Thus, the pattern is that the circles in each arm get bigger as they progress away from the center of the spiral.</t>
        </is>
      </c>
      <c r="H176" t="inlineStr">
        <is>
          <t>Based on the pattern that the circles in each arm get bigger as they progress away from the center of the spiral, the size of the missing part that is neither closest nor farthest from center should be medium.</t>
        </is>
      </c>
      <c r="I176" t="inlineStr">
        <is>
          <t>b'\x89PNG\r\n\x1a\n\x00\x00\x00\rIHDR\x00\x00\x02\x00\x00\x00\x02\x00\x08\x02\x00\x00\x00{\x1aC\xad\x00\x00\x96\xb6IDATx\x9c\xec\xddw|T\xc5\xf6\x00\xf03s\xef\xdd\xdd\xf4l\x02\xa1\x88tB/\x01\x02\xd2\xa4\x1bQDx*\xa2\x80\x14\t\xa0\x80\x82\x0f\xf5\xd9\x1e`WT\xf8\t*&amp;T\xb1\xd0\x14\x15\x0b\x10J\x10\xa9\x01B/!4\xa9\tI6\xc9\xa6\xec\xee\xbd3\xf3\xfbc`_\x04E e7\xd9\xf3\xfd\xbc\xcf\xfb\xe4\xc6\x90\xbd\xbb\xd9=g\xea\x19"\x84\x00\x84\x10B\xbe\x87z\xfa\x06\x10B\x08y\x06&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14&amp;\x00\x84\x10\xf2Q\x98\x00\x10B\xc8Ga\x02@\x08!\x1f\x85\t\x00!\x84|\x94\xea\xe9\x1b@\x08\xa1\xb2&amp;\x84\xb8\xfe\x9b\x84\x90\xb2\xbf\x13\xcf\xc2\x04\x80\x10\xaa\xc8\x84\x10\x9cs\xf9\x05!DFyJ\xffb\xf0C\x14\x01\x00\x84\x10Ji\xc5\xce\n\xe4/3!B\x08\x95_2\xe8\x0b!(\xa5\x7f\x19\xebsrr8\xe7\x84\x10w\xac\x17BX\xad\xd6\xdb\xf8U\xe5\x1a&amp;\x00\x84P\x05\xc19\xe7\x9c_\x13\xa9srrRRR\xce\x9e={\xe0\xc0\x813g\xce\x9c&gt;}\x9as~\xe8\xd0!\xc6\xd85\xff\xbcA\x83\x06\x01\x01\x01V\xab\xb5E\x8b\x165k\xd6\xacW\xaf^\xe3\xc6\x8d+W\xae\xec\xfe\x01!\x04c\xac"e\x02L\x00\x08\xa1\xf2M6\xd2\xe5\x88\x8d\xfcNff\xe6\x96-[6n\xdc\x98\x9c\x9c|\xe8\xd0\xa1\x8c\x8c\x8c\xdb\xfb\xcd\xa1\xa1\xa1\x91\x91\x91M\x9b6\xed\xd2\xa5K\xcf\x9e=k\xd6\xacY\xf4\x11+\xc0\x00\x11&amp;\x00\x84Py%\x9b\xe4\xaaze.\xf3\xdc\xb9s\xeb\xd6\xad[\xb9r\xe5\x96-[233K\xf6\xb1\xfc\xfd\xfd[\xb5j5`\xc0\x80\xfb\xee\xbb\xafI\x93&amp;\xf2\x9b\x86a\x94\xeb\x0e\x01&amp;\x00\x84P\xf9S4\xf4\xbb\\\xae\xd5\xabW\xcf\x9b7o\xe3\xc6\x8dv\xbb\xfd\xfa\x1fV\x14%,,\xa4qd\xadzu\xee\xacU\xbb\x860\xf4\x96\xcd#C\xc3B\x84\xc1\x08!\x02\x04!D\xd7\xd9\xce]\x07\x19@vV\xf6\xbe\xc3\'RO\x9c\xcd\xcc\xb0\x15\x14:\xae\xffm\xaa\xaa\xb6k\xd7n\xf8\xf0\xe1\xfd\xfa\xf5\xabR\xa5\n\x000\xc6\x8a\xf6?\xca\x11L\x00\x08\xa1\xf2D\x0e\xbf(\x8a\x02\x00iii\x8b\x17/^\xb4h\xd1\xc1\x83\x07\xaf\xfew\x02 \x00\xc0\xdf\xdf\xafi\x93z\x9d:\xb4\xea\xd2)\xaaQd\xed;\xaaF\x84T\n\x05\xcd\x04\xa0\x00\x08\x00&amp;\x7f\xec\xcfT\x00\x02\xc0A\x18\x05\x99\xd9\x99\x19\xb6\xa3)\xa7\xb7\xee\xd8\xff\xdb\x96={\x0f\xa4de\xe5\\y\x80\xabS\xc7U\xaaT\x19:t\xe8\xb0a\xc3\x9a5k\x06\x00rz\xa0|\r\na\x02@\x08\x95\x1b\x8c1w\xe8\xff\xec\xb3\xcf\xe6\xcc\x99\x93\x96\x96\x06\x00\x8a\xa2\xc8I\xdd\xe0\xa0\x80n]\xa3\x07\xf4\xeb\xd1\xa3k\xbb\x9a\xb5\xaa\x81\xd9\x0f\x80\x83\xae\x83np\xdd\x10\x82\x0b!\xae\xae\xf8\xbf&amp;R\xcbX(\x00\x08\xa5\x84\xaa*\xa8\n\x98M\x00*0g\xe6\xc5\x8c-\xdb\xf7}\xbfjC\xc2\xfa\xed\xe7\xce\xa7\x01\x00\xa5T\xae.5\x99LC\x86\x0c\x994i\x92L\x03\x86a\xb8\x87\xa4\xbc\x1f&amp;\x00\x84P9\xe0n\xf8\x1b\x86\xf1\xd9g\x9f\xbd\xf5\xd6[\xd7\x84\xfe\x8ew\xb5\x1c&gt;\xf4\xc1&gt;1\x9dk\xd4\xad\x01D\x01\xa7C8]\x8cqB\x80\\uK\x0f\'\xc4\x95\x9d\x01\x94\x12j\xd2\xc0\xcf\x0f\x80\xd8\xd3.o\xdc\xbck\xde\xa2\xef\xd7\xac\xdd\xe2t\xe9\x00\xa0(\x941n2\x99\xc6\x8c\x19\xf3\xea\xab\xafFDD\\\xfdW\xe5`D\x08\x13\x00B\xc8\xdb\xc9%7\x00\xb0~\xfd\xfaW^ye\xc7\x8e\x1dp5\xf4\x9b4u\xc8c}\x9f\x1c\xf1\xaf\x8e\x1dZ\x82\xd9\x02N\x07/tr!\xa8Bi\xc9\x8d\xc6\\\xd9M&amp;@1k\xe0\xef\x0fB\x1c=\x98\xb2t\xf9\xea\xcf&gt;_\x9a\x96\x9e\x05W\xd3@\xf5\xea\xd5\xdf|\xf3\xcd\x11#F@\x91\xce\x8a7\xc3\x04\x80\x10\xf2jrP%\'\'\xe7\xb5\xd7^\x9b5k\x16\x00h\x9a\xa6\xeb\xba\x0c\xfd\x93\x9e\x19\xda\xacM3\xe0\x86\xc8+\xe0\x8cS\xa5tG\xe1\xaf,9\x05\xa0\x01~\xa0\xf9\xa5\x9d=7\'~\xd9gs\x96\xa6]\xcer\xf7Ebbb&gt;\xfe\xf8\xe3\xc8\xc8H\xef\x9f\x15\xc0\x04\x80\x10\xf2R\xeea\x9f-[\xb6\x8c\x1c92%%E\x86~\x00\xe8\x13\xd3\xf9\xfdw&amp;5\x8bj\x06\xba\x8b\xe5\x17\x10 T)\xd3!\x17\xce9\xe7B\xb5\x98\xc1\xcf?\xed\xdc\x85\xb7\xde\x89\x9b\xf3\xf9R\x9d1\xb3\xd9\xect:CBB&gt;\xf8\xe0\x83Q\xa3F\x81ww\x050\x01 \x84\xbc\x91{\xd8g\xe6\xcc\x99\xcf?\xff\xbca\x18&amp;\x93\xc9\xe5rE\xd6\xaf9\xed\xbf\xe3\x07\r\xee\x0b\x9c1{\x01\xa1\x9e\\\x7fye5\xaa\xc5\x02~\xfe;~\xdf\xf9\xcak\x1f\xafO\xdcI(\x95\xb3\x07\xa3F\x8d\xfa\xe8\xa3\x8f\x82\x82\x82\xbc6\x07`\x02@\x08y\x1d\x191m6\xdb\xd8\xb1c\x97-[\xa6(\n\xe3\x1c\x84\x98\xf0\xd4coL\x9b\x10R9\x9cg\xe7\x00\xf9\xeb\x9aneO\x08\xc1\x19W\x82\x03\x81\x8bY\xb3\xbf|\xe5\xbf\x1f\xdb\xf3\n\xccf\x93\xd3\xe9j\xdd\xba\xf5\xdc\xb9s\xa3\xa2\xa2\xbcsu\x10&amp;\x00\x84\x90w\x91\xd1?++\xeb\xde{\xefMJJ\xb2X\xcc\x0e\x873\xdc\x1a\xfc\xe9\xac\xd7\x06\x0e\xee\x0f\xf9v\xe6\xd2\x15\xd5\xeb\x1a\xd4\x9cq @C\xc2\x92\x93\x92G\xc5\xbe\xbag\xdf19\x1cd\xb5Z\xd7\xacY\x13\x1d\x1d\xed\x859\xc0+\xf2\'B\x08I\x86a(\x8a\x92\x94\x94t\xd7]w%%%\xf9\xf9Y\x1c\x0eg\xa7\xf6-\xb6m\xfez\xe0\xe0\x07\r[\xa6`\xcc\x0b\xa3?\x00P\x85RJ\x8d\xac\x8c\xa8\xd6M\x127~1j\xf8\x00\xa7\xd3i2\x99l6[\xcf\x9e=\xe7\xcf\x9f\xaf\xaa\xaaa\x18\x9e\xbe\xcd?\xc1\x1e\x00B\xc8[\xc86rRRRLL\x8c\xcdf\x93\x83\xfe\xb1\xc3\x07|\xfa\xd9TU\xa1F^\xbe\xb7\xb5\xa0\xff\x12cL\xd14\x08\x08\xfc|\xd6\xa2\xb1\xcf\xbc%\xb7\x9d\t!\xe2\xe2\xe2bcc\xbd\xaa\x1f\x80=\x00\x84\x90W\x90\xb5}\xdc\xd1_\xd34\x97\xcb5\xe5\xe51q\xf1o\xa8\x8c\xb1\xfc\x02\xef\x89\x9b7\xa6(\x8a`\x8ceg\x8f\x990l\xe9\x97\xd3\xad\xc1\x81B\x80\xa6i\xa3G\x8f\x8e\x8f\x8f\xf7\xaa~@\xc5\xe9\x01\xb8\x9f\x88\xdc\x9f}\r\xf7&gt;@o^\x93\x8b\x90\xcf\x92\xe3\xfe\x07\x0e\x1c\xe8\xda\xb5\xab\x8c\xfe\xba\xae\xc7\xcdz5v\xfc\x93,\xe72\xbd\xc5}\xbc^\xc2\xd0\r5\xacr\xd2\x96\xed1\xf7\x8f\xb5\xe5\xd8M&amp;\xcd\xe5\xd2\x17.\\8l\xd80/\xe9\x07\x94\xe3\x04\xe0&gt;\xa9\x07\x00n\xbe"\xab\xfc\'\xee\xc3\xe1nu\x838B\xa8\xc4\xc9\x15\x9f6\x9b\xadk\xd7\xae\x07\x0e\x1c\x90#?q\xb3^\x8d\x1d?\\\xcf\xca\xd0T\xf5\xda\xb2=\xe5\x87\xee\xd2\xb5\xf0\xb0\xa4-\xbbb\xee\x1fk\xcb\xc9SU\xc5d2%&amp;&amp;FGG{\xc3\xda\xd0r\x96\x00\xdcA_Q\x94k\x027c,77\xf7\xef\xce\xfa\xa9_\xbf~``\xa0\xd9l\xf6\xf7\xf7\xbf\xe6?\xc9\x1f.\xa7\xd5\\\x11*\xef\xe4\x87\xda\xe1pt\xef\xde=))\xc9b6;\x9cN\x19\xfd\r[\x8674\x93\x8b\xc9\xd0\r5\xcc\x9a\xf4\xfb\xae\x98\x07\xc6\xda\xf3\n9\xe7!!!\x9b6mj\xde\xbc\xb9{\xaf\x83\xa7\x94\x8f\x04\xe0&gt;\xd6\xb9h\xc2\xcc\xc8\xc88t\xe8Prr\xf2\xe9\xd3\xa7\x0f\x1c8p\xf1\xe2\xc5K\x97.\t!\xb2\xb3\xb3\xaf\xff\r\xfe\xfe\xfef\xb39((\xa8~\xfd\xfa5k\xd6\xac_\xbf~ttt\xe3\xc6\x8d\xabW\xaf\xee\xfe\x9d\x7fy\x9e\x1cB\xa8T\xc9\xc1\x90\x91#G.X\xb0\xc0\xcf\xcfRX\xe8\x98\xf8\xf4c3&gt;yK\xb7\xa5k\xe5?\xfaK\xbaK\xd7\xc2#\xbe\xfd\xea\xdb\x87\x87\xbc 3\\\x8b\x16-\xb6n\xddj\xb1X&lt;[+\xc2\xdb\x13\x80\x0c\xca\xeeV\x80\xddn\xdf\xb9s\xe7\xea\xd5\xab7m\xda\x94\x92\x92\x92\x93\x93S\x9c_\x1e\x10\x10P\xb3f\xcd\xbb\xee\xba\xabo\xdf\xbe\xed\xda\xb5\xabQ\xa3\x86\xfc\xbe\xec\x13x\xbcw\x86P\x85\'\x87A\x16,X0r\xe4H\xb9\xde\x7f\xf8c\xf7/\xf8r\xba\x9e\x9b\xa7\x96d17\xcf3tC\r\x0b\xfb|\xe6\x82\xb1\x93\xde\x919`\xc4\x88\x11\xf3\xe7\xcf\xf7\xecd\x80\xf7&amp;\x80\xa2Q877711\xf1\xfb\xef\xbfOHH8w\xee\xdc\x8d\xff\xa1\xbf\x9f\xc5l1\x0b\xce\xaf\xbe{\x08\xe7&lt;\'7\xef\xc6\xff*88\xb8[\xb7n\xfd\xfb\xf7\xef\xdd\xbb\xb7\xcc\x04\x15\xe6\xd8O\x84\xbc\x93\xfc|\xed\xdf\xbf\xbfc\xc7\x8e\xba\xcb\xe5\xd2\xf5\xe6M\xeam\xdf\xb2\xc4bR\x89n\x10Z\xd1&gt;w\x06cjh\xd8\xc8!\xcf-\xf8j\x95\xcc\x01\xf3\xe7\xcf\x1f1b\x84\x07\'\x03\xbc1\x01\x14-\xa1w\xf0\xe0\xc1E\x8b\x16-Y\xb2\xc4\x1d\xf7\xdd\xc7\xf1\x00\x80\xbf\xbf\xa5V\xcd\xeaw\xdeY-\xbae\xc3\xfa\xf5j\xd6\xaa}\x870\x8c\x06\xf5j\x06\x86\x04\x02cW\x0e| \xc0\x0cv\xe8\xc8IN\xc0\x96\x95\xb3\xff\xf0\x89\x03\x87\x8e\x9f={\xe9x\xea\x1f\xd99\x7fqz\\pp\xf0\x83\x0f&gt;8t\xe8\xd0\xde\xbd{_\x7f?\x08\xa1\x12!\x1bX\x9c\xf3\xf6\xed\xdb\'\'\'k\x9af\xd2\x94m\x89\x8b\x9bG5a\xf6&lt;\xef\xdc\xeaUL\x82\x0b\xae*\x0e\x9du\xec\xf4\xd8\xfe\xc3\xa9\x9a\xa6\x99L\xa6}\xfb\xf6\xd5\xabW\xcfS\x93\x01\xde\x95\x00\xe4@\xbf|!\x12\x12\x12f\xcf\x9e\xbdf\xcd\x1a\xa7\xd3\tE\xce\xdfQ\x14\xa5uT\xe3Nw\xb5\xbc\xbbs\x9b6Q\x8d\xef\xa8ZY\t\n\x00\xa2\x02p\x00\x0e\x00\xe0t\x01\xe7WO\x86#\x00\x02\x08\x01\x8b\x19\x00\x00\x08\x80\x02\xc0\xc0\xe1\xc8H\xcb\xdc\x7f\xf0\xf8o[\xf6l\xde\xb67i\xf7!\xbb=_\xfe\x80;\xbft\xec\xd8\xf1\xc9\'\x9f\x1c2d\x88\xc9d\x02\xef.\xe9\x87P\xb9#?P\xd3\xa6M\x9b:u\xaa\xd9dr\xba\\\xf3?ym\xc4\xd3O\x18Y\x99\xaaVA\x86\xfe\xaf\xc7\x19\xa3\x81\x81\x07\x92\x0fu\xec1\xdc\xe9\xd4u]\xef\xd9\xb3\xe7\xda\xb5k\xe5\xc2\x96\xb2\xbf\x1f/J\x00\xee\xb1\xb0\x84\x84\x84\xe9\xd3\xa7\'$$\x00\x00\xa5\x84s\x01\x00\x8aB\xdbG\xb7\x18\xd0\xaf\xfb\xfd\xf7vi\xdc\xa4&gt;\x98-\x00\x1c\x9cN\xd0unp.\x04\xb8\xcfy\xfb\xab\x85\x9d\xf2\x97\xc8s~\xe4\x82\x1fb\xd2\xc0b\x06P\x81\xbb\xce\x9d&lt;\x97\xb0q\xfb\xf7?nL\xdc\x94\x94k\xcf\x87"\xc7\x0c5k\xd6\xec\xb9\xe7\x9e\x1b2d\x88\xa6ir\x93:v\x05\x10*&amp;\xce9!$%%\xa5y\xf3\xe6\x00\xa0\xeb\xfa\xc0\x01\xbd\x96~\xf7\xa9a\xb3\xa9\x15\xb1\xed_\x94\xdc\x1c\xf0\xe9\x87\x9f\x8f\x9b\xfc\xbe,\x18\'w\x06x\xa4\x89\xe9\x15\t\xc0\xdd\xfdIII\x992e\xca\x92%K\x00@\xd3T]7\x00\xa0\xc6\x1dU\x06\r\xbcw\xe8c\xf7\xb7h\xd9\x18Lf\xd0\x9d\xa2\xd0q\xe5\xa47J\xc9\xedn\xed\x12B\xc8-\x01\x94\x12j1\xcb\x8cr.\xf5\x8f%\xcb\xd7,\xfe\xe6\xa7\xfd\x07R\x8a\xdeC\xfb\xf6\xed\xdfz\xeb\xad\x9e={\x02v\x05\x10*6\xf9!\x8a\x89\x89Y\xbbv\xad\xaa*A\x81\xfeG\xf7~_)"\x1c\\:\xadpC\xff\xd738W\x03\x02\xee\xee:d\xf3\xd6dUU*U\xaa|\xf8\xf0\xe1\x90\x90\x90\xb2\xdf\x96\xe4\xf9\x04 \xdf\n\xba\xae\xbf\xf7\xde{\x1f|\xf0ANN\x8e\xfb\xcc\x87fM\xea=\xf7\xec\x13\x0f\xf5\xef\x1d\x1cQ\t\x0c\xa7(p0\xc6i)\x94\xff\xe6Bp\xc6)!\xd4b\x06\x8b?\xcb\xb7o\xf8-i\xfaG\x0b\x13\xd6m\x83\xab\xc7\x0f\x01\xc0\xc8\x91#\xdex\xe3\xcd\xea\xd5\xab\xcb\xf6\x0bv\x05\x10\xba\r\xf2#\xbf|\xf9\xf2\x81\x03\x07\x9a4\xcd\xa5\xeb\xb3\xa7??nr,\xb3\xd9*\xe4\xd0\xff\xf58\xe34\xd0\x7f\xcf\xf6\xbd\xed\xbb\x0f#\x84\xe8\xba1n\xdc\xb8\xd9\xb3g\x97}\xe3\xd2\x93\t\xc0}t\xf2\x8e\x1d;\x9e}\xf6\xd9\x1d;v\x10B\x00\x88\x10\xbcY\x93z\xcf=\xf3\xc4\xe0A\xf7\x9bB\x82!?\xcfp\xe9\xa5\x11\xf7\xff\xf2\x96\x18\xe3\xaa\xaa@P\x000\x96\xb0f\xcb\xf4\x8f\x16&amp;\xac\xff_\x1a\xa8^\xbd\xfa\x87\x1f~8h\xd0 \xc0\xae\x00B\xb7N~\xeau]o\xde\xbcyjj*\x00\xb4n\xd9p\xfb\xefK\x087(\x94\xdf\r\xbf\xb7\x8c\x19L\xb1\x86M\x18\xfd\xf2\xec\xf8\xe5r\xe8\xfb\xe0\xc1\x83\x91\x91\x91e|\x9a\xbc\xc7v&lt;1\xc6\xe4X\xfc\xcc\x993;w\xee\xbcc\xc7\x0e\x93\xc9$\x84\x08\x0e\xf2{c\xea\xf8\xdd\xdb\x97\x8e\x18\xf3\x98I\x01f\xb3\t\xc6TU)\x9b\x17\x85\x10\xa2\xaa\x8a\x00`\xd9\xb9&lt;\xaf\xa0w\x9f.k\xd7\xce\xfb\xe6\x8b\xf7#\xeb\xd7\xd2u]U\xd5\x0b\x17.&lt;\xf6\xd8c\xb1\xb1\xb1v\xbb]Q\x14\xef)\xea\x84P\xb9 \xc7{\x97.]z\xfc\xf8qUU\x84\x10\x1f\xbe=I\xf57\x83\xc1|\'\xfa\x03\x00U(/\xcc{}\xca\xf8J\xe1!B\x08\xc30\xdey\xe7\x9d\xa2K\x1c\xcb\x86gz\x00\xb2\xed\x9c\x99\x99\xf9\xf4\xd3O\xcb\xe3~d\x81\x87A\x8f\xdc;\xed\xbf\xe3"\x9b5\x06{63\x18U\x14\xcf\x8e\xb20\xc6\x08\x10\x1a\x1a\x92s9\xe3\x83\x8f\x16\xbd7}\x9e\xceX\xb98\xe8\x07!/$\xa3\x8d\xc3\xe1\x88\x8a\x8a:~&lt;\x85s\xd1\xadK\x9b\x8d\x1b\xbe`\xf9\xf9\x8a\xefm\xbf7\x0c\xa6Z\xc3\xa6\xbd4}\xea\xbbq\xaa\xaa(\x8a\x9a\x9c\x9c\xdc\xa8Q\xa3\xb2\xec\x04x\xe0Ew\x1f\xf8\xd0\xa1C\x87e\xcb\x96Y\xccf\xc6XXh\xd07_\xbc\xf7\xcd\xb2\x99\x91\rk\x19Y\x19B\x80\xa2z8\xfa\x03\x80\xa2(T\xa1\xcc\x96\x1d\xe2\xef\xf7\xc6;/l\xde\xb4\xb8u\xcb\x86N\xa7\xcbl6\xed\xd9\xb3\xa7k\xd7\xae\xf2\x90\x87\xebK\x0f!\x84\xae\'\'\xcf6n\xdcx\xec\xd81J\x15\x00\x98\xf2b,P\n\x9e_\x89\xe2\x01\x8aBEa\xde\xf8\xa7\x1f\xab\x14\x1e*\x048\x9d\xcey\xf3\xe6\x11B\xfe\xb2\x9eq))\xeb\x04 \xdb\xcb[\xb6l\x89\x89\x899~\xfc\xb8\xd9lr8\x9d\x9d\xeej\xb9m\xf3\xd7\x83\x86\x0e`\xd99\xbc\xc0\xa1j\xaa\xc7C\x7fQ\x8a\xaa\x08\xc6\x8c\xac\x8c\xf6\x1d[]=\xe8\xc7E)\xcd\xcb\xb3?\xf9\xe4\x93\x9f\x7f\xfe\xb9\\3\xea\xf1\xe9t\x84\xbc\x9c\\7\xf1\xd1G\x1f\x11B\x0c\xc3\xe8\xd6\xa5M\xb7\x98.\xdcnW\x14\x9fk\xfe\x03\x00!\x84;\\\xe1w\xd6\x18\x17\xfb\x88\xdcm\xbax\xf1\xe2\x8c\x8c\x0cEQ\xca,\x98\x94\xe9\xeb.\xa3\x7f|||\xb7n\xdd\xb2\xb3m\x9a\xa69\x9d\xae\x89\xe3\x07\'\xae[\xd8 \xb2\x96a\xcbR\x942\x1a\xeb\xbfU\x84\x10USY\xb6=\xc8\xa4\xc5/x7\xfe\xb3\xa9\x81\xfe\x16!\x88\xc9d\x1a;v\xec\xd8\xb1c\xdd\xa3X\x9e\xbeS\x84\xbc\x94\x1c\xfd?t\xe8\xd0\xa6M\x9bd&amp;\x18=\xfc_\xa0\xaaW\xf7\xe8\xf8"B\xa9\xd0\x0b\x9fx\xbc\xaf\x9f\x9f\x99\x10\x92\x9e\x9e\xber\xe5JBH\x99\r*\x94]\xb4uG\xff\xd1\xa3G\x0b\xc1\x01\x88\xae\xebq\xb3_\x9d1\xeb\r\x851\x9e_\xe8\xfd#\xe9\xb2+\xc0l\xd9\xa3\xc6\x0eY\xf7k|Xh\xa0\xcb\xe52\x9bM\x9f\x7f\xfe\xf9\xe8\xd1\xa3e\xde\xc6\x1c\x80\xd0_\x92#\x1b\x0b\x17.4\x0cC\x08Q\xadj\xa5\x07\xfav\x13\x05\xf9\xbe\xd9\xfc\x97(%"\xbf\xb0n\xb3\xc8\x9e]\xdb1\xc6\x00\xc8\xdc\xb9s\xcb\xb2,D\x19=L\xd1\xe8\xafi\x1ac&lt;48p\xf5\xaa\xcfb\xc7\r1l\x97\x01\x04-\'o\x02B\x88\xa2*FVFt\xc7\xa8\xed[\x97DG5v:]~\x16\x8b|j\x94R\x1c\x0bB\xe8/)\x8a\xe2r\xb9V\xadZ\x05\x00B\x88\xc1\x03\xfb\x04FTfN\xdd\xc7\xf7\xd3\x08 \x00d\xec\xc8\x7f\x01\x00\xa5d\xef\xde\xbd\xa9\xa9\xa9\xee\xca7\xa5\xad,\xc2\xae\x8c\xfe\xdf~\xfb\xed\xe8\xd1\xa3M&amp;M\xd7ukH\xd0\x9a\x9f\xe7\xc4\xf4\xedmde\xabj\xf9+\xae\xa0j*\xcb\xc9m\xd0\xb0\xf6\x9a_\xe7FG5.t8\xfc\xfc,\xf1\xf1\xf1\x93&amp;M\xc29aT6\x84\x10\x8c1\xe3:\xde\xd9\x04\x91\xcb\xbe\x93\x93\x93\x8f\x1f?N)\xa5\x84&lt;\xfc`\x0f\xe0F\xb9\xfb\xec\x978J\t\x14\x16\xdc}wt\xd5*\xe1B\x08\x97\xcb\xf5\xe3\x8f?\xc2\xdf\x1cm[\xf2\x8f^\xda\x0f \xab\xf9\'%%\xc5\xc6\xc6\xaa\xaaj\x18\xcc\x1a\x1a\xb4\xe6\xa79\xd1\x9d\xda\xeaY\x97\xcbo\xd5\'EUYN\x9e\xd5\x1at%\x07\x14:,f\xf3\xcc\x993\xbd\xed\xd0gT\xc1p\xce\r\xc3\x90\xcbi\x14EQ\xaf#\xcbUq\xce\xbd\xaa!"s\xd2\x8a\x15+8\xe7\x9c\x8b\xfa\xf5\xee\x8c\x8an.\n\n|y\xfcG"\x840\x97\x1eT\xa5rL\xaf\x0e\xeeWI\xce\t\x97\xc1\xa3\x97n\xfc\x95o\xd3\x93\'O\xc6\xc4\xc4\xd8l6UU-fm\xcd\xaa\xcf\xa2;\xb75\xb2l\x9a\xa6\x95\xea\xa3\x976EUxA\xa1\xcc\x01]{&lt;q\xe0\xf0\t\x93\xc94z\xf4\xe8\xb0\xb0\xb0\x87\x1ez\x08\xf7\t\xa3\x92\xe5&gt;\x0cU\x86\x86\xf4\xf4\xf4\xa3G\x8f\xa6\xa6\xa6\x9e?\x7f\xden\xb7\xeb\xba\xee\xe7\xe7\x17\x11\x11\xd1\xb0a\xc3V\xadZU\xabV\r\x8aT\xd9\xf28\xb9Jb\xe3\xc6\x8d\x00\x00 \x06\xf4\xedn\n\n\xf6\x85\xd2o7\x87\x80\x10\x03\xfb\xf7\xfe\xe2\xeb\x9f\x00\xc8\x81\x03\x07\xd2\xd2\xd2\xaaW\xaf.+W\x96\xea\x03\x97b\x02\x10W\r\x1e&lt;\xd8f\xb3\x99\xcdf\xa7\xd39w\xf6k\xd1\x9d\xef\xd2\xb3.\x97\xf7\xe8/QEa\xf9\x05\xd6\xca\xd6\xaf\x16\xbd\xd7\xed\x9e\x91\xb9\xb9\xf9\xaa\xa2\xc4\xc6\xc6FEE\xd5\xa9S\xc7{&gt;~\xa8\x02\x90\xef\xa53g\xce\xfc\xf0\xc3\x0f\xabV\xad\xda\xbd{\xb7\xcdf\xfb\xcb\x9f\x0c\r\r\xed\xd1\xa3\xc7\xb3\xcf&gt;{\xf7\xddw\x8b"\x85r=E~\x10\x8e\x1f?~\xf0\xe0AJ\xa9\x10\xfc\xde\xde\x1dA0\x1c\xff\x91(%\xe0(\xecpWKkh\xb0-\xdb^PP\xb0n\xdd\xba\'\x9ex\x821V\xdaKcJ1&lt;\xc9&amp;\xf0\xe4\xc9\x93\xb7o\xdfn1\x9b\x9dN\xe7\x8cw&amp;\r\x1b3D\xcf\xca\xa8\x18\xd1_RT\x95\xe5\xe46o\xdb\xfc\xe7\x15\x1f\x0b\x10\x94R\x9b\xcd6x\xf0`\xd9^\xf3\xc2\xd1XT\xee\xc87\xd2\x8e\x1d;\x9ex\xe2\x89\xe6\xcd\x9b?\xfb\xec\xb3\xeb\xd6\xad\xb3\xd9l\x94RM\xd3\xccEh\x9aF)\xcd\xce\xce\xfe\xee\xbb\xef\xbav\xed\xfa\xdcs\xcf\xb9\xdba\x1e\xbc\x7f9\x9c\xbdu\xebV\xa7\xd3)\x84\xb0\x86\x067o\xd6\x00\x1c\x0e_(\xfcy3\x08!\xdc\xa5\x87V\xad\xd4\xb2y\xa4\xfcKm\xd8\xb0\x01\xca$m\x97V\x02\x90\xb9k\xc5\x8a\x153g\xce\x94\x87\x9f=\xdc\xaf\xc7\xc4\x17F\xeb\xd9\x99Z\xb9\x1d\xf7\xff;\x8a\xaa\xeaY\xb6\xbbzt\xfe\xe0\xcd\x89.]\xb7\x98\xcd\xdb\xb7o\x9f&lt;y\xb2\xec\xf6z\xfa\xeeP\xb9\'\x87R\xdf\x7f\xff\xfd\xc5\x8b\x17\xe7\xe5\xe5\xa9\xaaj2\x994M\xe3\x9c\xeb\xba\xee,B\xd7uYbKQ\x14EQf\xcc\x981l\xd8\xb02[Rrc{\xf6\xec\x01\x00!DT\xcb\x86awDp\x97\xaf\xaf\xff)\x8asATS\xb7\xcem\xe4\xe5\xfe\xfd\xfb\r\xc3(\x83\xf1\x83Ry\x00\xd9\xe3KOO\x1f7n\x9cB\xa9K\xd7\xeb\xd6\xbe#.\xeeu\xeepx\xd7\x1e\xdf\x92\xa3i\xaa\x91\x935\xf1\x85\xd8\x87\xfb\xf5p8\x9df\xb3y\xe6\xcc\x99\xeb\xd7\xafw\x1f,\x83P1\xbd\xf8\xe2\x8b\xaa\xaa\xca\x83\x89\\.\x97\xacNX\xaf^\xbd\xbb\xef\xbe\xbbo\xdf\xbe}\xfb\xf6\xed\xd0\xa1Cxx8cL\x1e\xb5\xc8\x183\x99L_~\xf9\xe5\xacY\xb3&lt;\xfb&gt;\x94\x19(99Y^\xb6o\xdb\x9c(f_\xde\xffu=B\x08\x00\xbf+\xba9\x00\x10\x02\'O\x9e\xcc\xca\xca*\x83\xdap\xa5\x92\x00\xe4\xdc\xc5\x84\t\x13\xd2\xd3\xd3\xa9\xa2PJ\xbe\x9e\xff\xb65"\\8]\x15\xef\xa0g7\x05\x08w8\xe2\xe2^\xafW\xa7\x86\xae\xeb\x94\xd21c\xc6\xe4\xe6\xe6\x96}\x85?T\xc1\xc8\xaed\xbbv\xed\xbat\xe9\xe2r\xb9\x14E\xe9\xd9\xb3\xe7\x9c9s\x0e\x1e&lt;(7\xd6\xaeZ\xb5j\xd5\xaaU[\xb7n=r\xe4\xc8\xbcy\xf3\xdc\xf3\x87\xb2\x15\xf9\xfa\xeb\xaf\xdbl\xb6\xb2,0P\x94,mVPP\x90\x92\x92"\xbf\xd3\xbae#\x00\x9c\x00\xf8\x13B\x08\xb8\x9c\x8d#k\xfb\xfbY\x00\x88\xddn?q\xe2\x04\x94\xfeb\xd0\x92O\x00r\xe8\x7f\xed\xda\xb5\xcb\x96-\x93\xab\xfe_\x9d&lt;\xb2}\xf7\xce\x86-\xa7b\x9f\xf6@(\x11N\x97\xb5J\xe5\xcf?~\x05@\xa8\xaaz\xe2\xc4\x89\xf7\xde{\xcfK:\xe0\xa8\\\x93\xb1\xfb\xc5\x17_\x1c9r\xe4\xae]\xbb\xd6\xad[7f\xcc\x98\x86\r\x1b\x9a\xcdf\xd9\xd8\x97\xcb\xff+W\xae&lt;r\xe4\xc8\xdf~\xfb\xadz\xf5\xea\xf2\x1f\x12B222V\xaf^\r\x00\x1e\xe9\x04\xc8;\xff\xe3\x8f?dcH\xd3\xd4\xba\xb5\xef\x00\xce0\xfe\x17E\x08\x08\xdd\x08\x8f\x08\xaf\\)T\x08\xc19?z\xf4(\\}\xf5JO\t\'\x00\xd9\xeep\xb9\\\xcf&lt;\xf3\x0c\xa5\xd40\x8c\x86\rj\xbd\xfc\xcaS\xcc\xee\x13g\xfd(\xaab\xd8l=\xfb\xf6\x1a:\xe8&gt;\x97\xcb\xa5i\xda\x07\x1f|p\xec\xd81\x9c\x0c@\xc5$\x97\x14\xc7\xc4\xc4\xcc\x9b7\xafU\xabV\xb2\x82\xbc\\h\xe0\x1e\xf1\x97}M\xa7\xd3Y\xaf^\xbd)S\xa6\xc8\x0f\xa3\xf4\xfb\xef\xbf{\xea\xcee\x08\xbbt\xe9\x92\xc3\xe1\x10B\x04\xf8[\xea\xd4\xaa\x0eN\x17\xf6\x00\x8a"\x84\x08\x83\xf9\x87\x07\xd7\xa9}\x87\xfc\xce\xe9\xd3\xa7\xcb\xe0qK\xfalE\xce)\xa5E\xa2\x9e\xf8\xf8\xfd\xe7\xb5\x00?`\xbe\xd2\xe3\xa3\x8a\xc2\x0b\xf3\xdf}s\x9254\x88s.s\xa1\xa7o\nU\x10r\xf7\xaf\x9c\x13VU\x95Rz\xcd\xc7\x8a\x10"\'\x87{\xf6\xec\xa9i\x9al\xf2\x0b!\xfe\xf8\xe3\x0f\xf0\xd0bP\x99\x00\x0e\x1c8 /\x1b\xd4\xab\x19P)T\x18\xb8\x07\xf8ZB\x08\x00\xb5U\xf3Hyy\xf0\xe0A\xb8\xba\xf6\xb7\xf4\x94\xe4o\x97\x8d\x91\xcc\xcc\xcc\x0f?\xfcP\x1e\xf3\xfbH\xff^\xf7\xf4\xeb\xc9r\xec\xbe\xb3%\x8a\x12"\x1c\xce\xaauj\xbe\xf1\xcaX\xc6\x98\xa6\xa9k\xd7\xaeMLL\x94e\x82&lt;}w\xa8|\x93\xbb\x7fo\x1c\x14\xe4*\xa0\x90\x90\x10\x7f\x7f\x7f\xf77\x1d\x0eG\xe9\xdf\xdd\x8ddgg\xcb/\x82\x83\x024\x8bY\xe0\x0c\xf0u\x84\x00 4\xcc\x1a"/\xb3\xb2\xb2\xca\xe0AK2\x01\xc8\x86\xc9\xec\xd9\xb3\xe5\xfc\xb5\xd9\xa4\xbd5e\x9c`\x86\xafez\xaa*\xdc\x9e;\xe6\xa9\xc7\x1a6\xa8\xc5\x18\x07\x80i\xd3\xa6\x81\xa77\xe3 \x1f![\xdc\xf9\xf9\xf9E\x83~``\xa0\xa7\xeeG\xbe\xedsrr\xe4%\xa5\x14pM\xc4\xdfsG\x89\xfc\xfc\xfc2\xa8(Sb\t@6\xff322f\xcd\x9a\xa5(\xd40\x8cA\x0f\xdf\xd3\xa0U\x13\x9eW\xe0k\xbba\t\x800\x98\x1a\x10\xf0\xf2s#d)\xa4\xc4\xc4D\xec\x04\xa0\xb2!\'\x06\x0e\x1f&gt;\xect:e\xcf\x9b\x10R\xa7N\x1d(\xfd\x19\xc5\xbf$#\xda\xee\xdd\xbb\xe5e\xfb\xb6\xcd\x80\x9ap\r\xe8\xf5\x08!\x00F\xfb\xb6\xcd\xe4eJJJnn.\xa5\xb4T\xffj%\x16\x9ae\xb5\xbf\xef\xbf\xff&gt;33\x13\x80X,\xa6\x97&amp;\x8f\x14zE^\xf7y\x03TUx\x9e\xfd\xd1\xc7\xfb6\x8a\xac\xcd\x19\x07\x80\xb8\xb88O\xdf\x14\xf2\x15\x84\x90Y\xb3f\xc9\xafe&gt;\xe8\xde\xbd;x\xb4\x0f\xea.iP\xf1\xf6\x81\x96,\xf7\xebs\xfd\x04Oi(\xb1\x04\xa0(\x8aa\x183f\xcc\x90\xc7\xd9\xfc\xeb\x81\x1e\r\xa3\x9a\xfb`\xf3_"\x00\\g\xe6\xe0\xe0\xc9\x13\x86p\xc1\x15\x85\xae\\\xb9\xf2\xc4\x89\x13\xb8\x1c\x08\x95*\xb9;l\xf6\xec\xd9\xbf\xfe\xfa\xab\xfc\xe8\t!\xea\xd5\xab\xd7\xabW\xaf\xb2&lt;j\xfcz\xeef,\xee\x89\xb9\xb12~}J\xe6\r!\x9b\xff\xbf\xfd\xf6\xdb\x91#G\x08!\x04`\xd4\xb0\xfe\x82\x1b\xe0\xc3\xa3\xde\x8aBEa\xfe\x83\xfdz\xc8\x13\x9f\x1d\x0e\xc7\xe2\xc5\x8b\xa1\xac\xca|#_#\x17\x86j\x9a6\x7f\xfe\xfc\t\x13&amp;\xc8m_r\x00\xe1\xbd\xf7\xde\xf3\xf3\xf3\x93St\x9e\xbeM\xe4]J\xb2E\xb0h\xd1"!\x04\xe7\xa2I\xe3\xba]\xba\xb5\x83|\x9f.\xf6-O|\xaeT\xb3\xc6\x80\x07\xba\xcb\xcf\xdeW_}%\xb7qz\xfa\xd6PE#[\x15\xaa\xaa\xbe\xf7\xde{O&gt;\xf9\xa4\xdc{\xa8\xaa\xaa\xae\xeb\xcf&gt;\xfb\xacW\x15\'\xc7\x1e\xc0\x8d\x95\xbf\x1e\x80\xacQn\xb7\xdb\x13\x12\x12\x08!\x00b\xc4\xe0~j@\x103|~\xc2\x93\x10\xc1\xf4QO&lt;H)\x91\xe7"$\'\'\x97\xe5\x89\xcf\xc8\x17\xc8\xcd7\x86a\x8c\x193\xe6?\xff\xf9\x8f\x1c\xe7\xa1\x94\xea\xba&gt;f\xcc\x98\x993g\x96\xd9\xe9"7\xe0\x8ek\xde\x7f\xf4\xb7g\xb9_\x9f\xb2\xc9\x04%\xf0\xb6\x90\xad\x8f\xdf~\xfb\xed\xe2\xc5\x8b\x84\x10\x93I\xeb\xdb\xa7\x0b\xe8\x0e\x8f\xbf\xe7&lt;NQ(\x14\x16\xb6j\xd3\xb4~\xbd;9\x17\x9c\xf3o\xbf\xfd\x16\xb0\x11\x84J\x8e\x8c\xfe\x99\x99\x99\xf7\xde{o\\\\\\\xd1\xe3\xc0^y\xe5\x959s\xe6\xc8\x1f\xf0\xf8\xe0\x8f\xbb\x02|fV6\x08\xee\xe9\xdb\xf1Z$3+[~\xa5\xaajy\x9a\x04\x96\xa1\x8ds\x1e\xd5\xb2a\x83f\rx!\x16\xfb\x06\x00`:3\x05\x87&gt;x_W\x00\x01\x00?\xfe\xf8#\x8e\x02\xa1\x92"\x8b=\xd8l\xb6\x98\x98\x98\r\x1b6\xa8\xaa*\xb7\n\x9b\xcd\xe6\xf9\xf3\xe7\xbf\xf9\xe6\x9brr\xce\xe3\xa7\xc1\x00\xc0]w\xdd%/w\xef;\n\x1c\x0bA\xff\x05!\x04\x80\xb2g\xefQy\xd9\xb4i\xd3\x90\x90\x90\xd2\x9e\xb9)\x81\x04@)u:\x9d[\xb6l\x91\x97\x8f&lt;\xd8\x8b\x9a,r\xed#"\x84\x00w=\xd4\xaf\xa7B)!\xe4\xd4\xa9S\'O\x9e\x94m4O\xdf\x1a*\xf7dWr\xf0\xe0\xc1\xbbw\xef\x96\x15 8\xe7\xd5\xaaU[\xbf~\xfd\x88\x11#\x0c\xc3\x90\x1d\x02O\xdf&amp;@\x91^\xaf\xc5l\x02l\x00\xfd=??\xb3\xfc\xa2l&amp;\xed\x8b\x9b\x00\xe4]\x1e8p 55\x95R\xaaP\xda\xbdK[\xe0\xbao.\xff\xbf\x1e\xa5\x04\n\x1d\xcd[DV\xad\x1a.\x04\xb8\\.Y\x97\x11\x13\x00*&amp;9\xb2\xbfh\xd1\xa2_\x7f\xfdUUUY#\xa8V\xadZ\x89\x89\x89\x9d:u\x92\xebA=}\x8f\x00W7\x1f\xd4\xabWO^\x9e;\x9f\xee\xc8\xc9#&gt;\xbc&lt;\xe4\xef\x10\x02 X\xea\xc9s\xf2\xb2~\xfd\xfa\xe0\xfd\xd5@e \xdb\xb6m\x1b\xe7\x9csQ\xb5jx\xc3\xc6u\xa0\xd0A\xbd\xa3\xdd\xe1q\x84\x10\xa63\xffpkt\xeb\xa6r\x14h\xf3\xe6\xcd\x80e!P\xb1\xc9\x8d\xe53f\xccpO\xb6Y\xad\xd6_\x7f\xfd522R\xae\x07\xf5\xec\xed]\xa3n\xdd\xba\x00@\x08\x9c=\x7f)7\xc3FT\x15g\xc2\xaeA(\xe5\x86\xebh\xca)y)_1oO\x002\x90\xc9\xc3\xde\x00D\xfb\xb6\xcd\x03*\x851\xddWj\x7f\xde\x0c!\x04\x10\xa5\xfb\xddm\xe5\xe5\xa1C\x87\\.\x17\xce\x90\xa3\xe2\x90=\xef\xd4\xd4\xd4C\x87\x0e\xc9F\x18\xe7\xfc\xad\xb7\xdej\xdc\xb8\xb1\xf7\xb4\xfd%\x19\nj\xd5\xaa\xe5\xef\xef\x0f@\n\n\x9c\xa9\xa7\xce\x81\x19\xabA\xfc\x89\x10\x82\xaaJ~f\xce\x89SWz\x00\x8d\x1a5\x82\xd2o)\x167\x0c\xc9\xd5f\xfb\xf6\xed\x93\x97\xd1\xad\x9b\x00\xc1\xdc\xfe\'\x84\x10\x10F\x9bV\x8d\xe5b\x8c\xb3g\xcf\xca\xe5R8\n\x84n\x9b\xfc\x88\x1d;vL\x1e\xbem\x18FXX\xd8\xe3\x8f?.\x97\xff{\xfa\xee\xfeD\x86\xb0\xca\x95+\x87\x87\x87\xcb\xa3NRO\x9c\x05\xe2\x99\xe3\xc9\xbc\x96\x10\x00&amp;\xed\xc2\x85\xf4\xdc\xdc|Y\xeb\xfbj\x9f\xc9\x8b\x13\x80\\\x84\x90\x9f\x9f\xef&gt;\xbb\xa0e\xb3\x06x\xd8\xdb5(%\xe0t5\xa8{g\x80\xbf\x19@\x14\x14\x14\x9c:u\np1(*\x06\xf9\xe6\xc9\xcc\xccT\x14E\xd34EQ\x1a5j\x14\x12\x12\xe2\xf15?\xd7\x93m\x1d\x7f\x7f\xff\xa6M\x9b\xca\xef\xec\xde{\x04\xc0\xbbn\xd2\xe3\x84\x10\xa0\x9a\x0e\x1d9\xe9p\xba\x84\x10V\xabU\xce\x01x{\x02\x00\x80\x13\'N\xe4\xe5\xe5\x11B,fS\x9d\xdaw\x80\x81k\xbc\xfe\x84\x10"\x0c#\xb8\x92\xf5\x8e\xeaUd\xcc\xdf\xbf\x7f?`\x02@\xc5\x96\x97\x97\xc7\x18+,,dW\x0f\\\xf2\xcen\xa5\xbc\xab\xa8\xa8(y\xb9u\xc7&gt;\xe6,\xf4\xe52\x01\xd7\x13B\x00\x90\xcd[\x93\xe5e\xc3\x86\r\x03\x03\x03\xcb`!P\xb1z\x8b2\x84]\xbe|Y\xd7u\x00\x08\n\n\xb8\xe3\x8e*\xe0\xd21\xfe_C\x18\xdc\x12\x1aT\xa7V\xf5\xa3)\xa7\x01\xe0\xd2\xa5K\x9e\xbe#T\xbe\xc9\xb8P\xa7N\x9d\xee\xdd\xbb\x9bL&amp;\x97\xcb\xd5\xb6m[\xf0\xd6\xc5\x05\xf2\xae\xe4\x1dRJ\x8f\x1c;u\xf1\xd4\xf9\x1au\xef\x10\x0e&lt;\x18\xf2\nE\xa1\xccQ\xb0y\xdb\x95\x04\x10\x15\x15%ww\x97\xf6da\t$\x00w\xa5\xef\xc6\r\xeb\x04\x84\x87\xf2\xc2BJ0\xb7\xff\t\x17\x82\n\xa5M\xab\xc6\xbf&amp;l\x05\x80]\xbbvA\xe9\x1f\xf6\x86*0\xb9\x97\xb0o\xdf\xbe}\xfb\xf6-\xfa}\xef|S\xc9\xbb\xea\xd0\xa1CHH\x88\xdd\x9e\x9b_\xe0\xd8\xbd\xf7H\x8dFuy\x81SQ0\x01\x80\x10\x82\x98Mig.\x1c=vJf\xc4\x98\x98\x18(\x93t^\xa2o\x17\x02T\xa1\x80\x03\x1b\x7f\x89\x10\xf7\xd6h\x1c\xfcA%B\xee\xfb\x95\xbcs\xf0G\x92\xd3\x00\xd5\xaaU\x8b\x8a\x8a\x92\x8b\x7f~\xf89Q\x9e\x9c\xe4\xe9[\xf3\n\x8cq0[\x126\xee\xc8/p\x00\x88\xd0\xd0\xd0N\x9d:A\x99\xa4\xf3b=\x80LP\'N\x9c\x90\x97\xe1\xd6\x10\x00\x82\x7f\xd2\xbf!\xdc\xa7}\x9e?\x7f\xde\xe1p`\xe7\x17\x15\x93\\\x85\xa1(\x8a,\xfe\xec\xcd\r\x0b\x99\x9f\xfa\xf4\xe9\x03\x00\x84\x90_\x13\xb6\xe6\xa6\xa5+&amp;\xcd\x9b\xef\xb9\xccPB\x80\xb3\xe5+\xd7\x01\x80\x10W\xbaJ\xe5`\'\xb0\xbc\xbf\xe3\xc7\x8f\xcb\xcb\xd6-\x1b\x02\xd5\xf0\xb8\xe7\xeb\x11B\x00XT\xcb\x86\xf2\xf2\xdc\xb9s\x05\x05\x05\x84\x10|\xf7\xa3\xdb&amp;\xcb\xfdSJsrr\n\n\n\xbc\xa7\xea\xc3_\x92\x8d\xd9\xfe\xfd\xfb\x9bL&amp;B\xc8\xa5\xb4\xcc-\x9b\xf7\x80\xbf?\xee\x06\x10BP?S\xda\xe9s\xbfm\xdd#_\xa5\x81\x03\x07\x96\xd92\xf1\x12\xe8b\x98L&amp;\xf9\x85axo\'\xd4\x1b\xb8_\x1fM\xd3\xbc\xf9\xb3\x8a\xbc\x9fl\x1en\xdb\xb6\xadW\xaf^\r\x1a4h\xd8\xb0\xe1\x88\x11#\xd2\xd2\xd2\xbc\xb6\x1f \x8f(\xa8_\xbf~TT\x94\x0cm_-_\r\x02p\x14\x881\x0ef\xffU\xbf\xfcf\xb7\x17\x00\x88\xa0\xa0 9\x01P6%#K`\xcf\x88\xfb\r\x871\xed\xc6\xdc\xaf\x8fw~DQy!G~.^\xbc\xd8\xa7O\x9f\x9c\x9c\x1c\xf9\xcd\x85\x0b\x17\x9e={v\xed\xda\xb5\xe0\xadk\x81\xe4&amp;\xb5G\x1eyd\xc7\x8e\x1d\x94\xd2\x1f~N\xbcx\xe2t\xb5\x1aU\x85\xcb\xa7\x17\x8eS\x85r\xa7#n\xe1J\x00\xe0\x1c\xbav\xedZ\xb5jUY\xc4\xbb,\x1e\xbd\x0c\x1e\x03!T\x82\xe4\xaa\xff\x8d\x1b7\xe6\xe4\xe4\xc8\x11\x15J\xa9\xa2(\x1b7n&lt;}\xfa\xb4lk{\xfa\x1e\xff\x82l\xd2&gt;\xfe\xf8\xe3\x01\x01\x01\x00"/\xbf\xf0\x9b\xe5k\xc0\x12\xc0|\xb8r0c\x9c\x04\xfa\xef\xd9\xbeww\xf2\x11EQ\x00\xc4\x981c\xa0\x0c\xdb\x88%\x90\x00\xdc\xd9\x1b\x1b\xb67V\xa4\xab\xe4\xbb\xed\x1dTR233e\xac\x97\xf5\x15\x18cB\x88\xac\xac,O\xdf\xd7\xdf\x92g\xe1U\xabV\xed\x91G\x1e\xe1\\\x10B\xe6.\xfa\xde\x99\x9bC5\xc5\x87\x03\x87 T\xfd$~\xb9,\xe5\xdd\xb8q\xe3\x9e={\xca\xd9\x9d\xb2y\xf8\x12x\x18\xc30\xe4\x17&amp;/+@\xe8m\xdc\xaf\x8fa\x18\x98,Q1\xb9\x07\n\xdc=\x00EQ"""&lt;}_\xffl\xdc\xb8q\x00\xa0(\xca\x91c\xa7\x96~\xfd\x13\r\x0c\xe6&gt;y|,\xe7\x9c\x06\xf8\x1fK&gt;\xf8\xf5\xf2\xd5\xf20\x9fQ\xa3F\xf9\xf9\xf9\xb9\xf7u\x97\x81\x12(\x05\x11\x1e\x1e./\x8f\x9f&lt;\x0b\x02\x0b\x01\xfd\x1d\x9az\xf2\xac\xfc*$$D\xd3p\x01\x1c\xbaMr\xd1g\x8f\x1e=\xaaV\xad\xear\xb9\xdc=\x80\xbe}\xfb\xd6\xacY\xb3\xcc\x86\x8fo\x83\xa2(\x9c\xf3\xd6\xad[w\xeb\xd6Mns}\xfb\xa3\x05N{.\xf1\xc9N\x80\xe0\x82h\xe6w&gt;\x98\xefr\xe9B\xf0\xf0\xf0\xf0!C\x86\xc8#\xd6\xcb\xec\x1eJ \x01\xb4n\xddZ^\xa6\x9e&lt;\x0b\xc2\xc0\xf8\x7f=!D\xd1\x04\xd0\xb0a\xc3\xa0\xa0 9\x95\xe7\xd9\x1bC\xe5\x91\\@\x1c\x1e\x1e\xbez\xf5\xea\x98\x98\x98\xca\x95+\xdfy\xe7\x9dc\xc6\x8cY\xb0`\x81\xf7\xbf\xa9\xe4\xf8\xc6\x94)S\x00@Q\xe8\xb1\xe3g\x96|\xb9\xca\x07;\x01\x9cs\x1a\xe8\x7f,\xf9\xc0\x92\x15kUUe\x8cO\x980!""\xa2l\x96\xff\xbb\x95\xc0* \x97\xcb%\xbf\xb0XL\x80E \xfe\x9e\xc5r\xe5\xb07\xf7+\x86\xd0\xed\xa1\x94\n!Z\xb6l\xb9z\xf5\xea\x9c\x9c\x1cM\xd3\xfc\xfd\xfd=}S7Ev\x02\xbau\xeb\xd6\xb5k\xd7M\x9b6)\x8a\xf2\x9fi\xb3\xfb=\xd83\xc4\x1a$t\xc3\xcb\xb3W\t\x12\x00TU\x9f\x99\xfc\xbe\xd3\xa5+\x8ab\xb5Z\xc7\x8f\x1f_\x96\xa3\xffR\tl\x04k\xd5\xaa\x95\xbcLI\xfd\xa3 3\x87\xa8X\xe9\xfbZ\x84\x00\x00\xdbw0E^\xca\xb2\x88\xde\xb9T\x03\x95\x17r\xaf\x10\xe7&lt;$$\xc4\xdf\xdf_N\x02{\xfa\xa6n\xc1\x87\x1f~\xa8\xaa*\xa5\xe4RZ\xe6\x7f\xa7\xce\xa2~\x81\xbes\x9083\x98\x12\x12\xb2b\xf1\x0fk7\xec0\x994\xc6\xd8\x1bo\xbc\x11\x1e\x1e^\xc6\xcd\x7f(\x91I\xe0\xaaU\xab\xca\x99\xa8\x8c\x8c\xec\xcbi\x19DS\xcb\xd5\xfb\xb0,P\x85\xea\x85\x85\xee\xb3~\xaaU\xab\xe6\xd9\xfbA\x15\x83\xdc\t,7\x7fy\xf9N\xe0\xa2\xe4a\x96m\xda\xb4\x193f\x8c\xae\x1b\x9a\xa6\xceY\xf0]\xf2\x96\x9dJP\xa0/,\t\x15B\x80I\xb3g\xda^\x9c2KQ\xa8\xae\x1b\xad[\xb7\x1e3f\x8cG&amp;o\x8a\xf5x\xf2v\xeb\xd7\xaf/\x17\xf6\x16\x14:N\x9e&gt;\x0f&amp;S\xf9j\x89\x946!\x04Q\xd5\xbc\x8c\xecS\xa7\xcf\xcb\xef\xb4h\xd1\x02p1(*!^x\x08\xcc?\x92\x0bX\xdfx\xe3\x8d\x88\x88\x08\xce\x05c\xfc\xc9q\xaf3]\x07\x85V\xf8\xe8\xc1\x18S\x02\x82_\xfa\xcf\x07\'O\x9f\x97\x8b\x7ff\xce\x9c)\xbf(\xfb\xbfcq\x87\x80\x84\x10\xc1\xc1\xc1\xd5\xaaU\x93\x7f\xb5\xc3GO\x02\xe0\x10\xd0\x9f\x08!\xc0\xac\x9d&gt;s!\xbf\xc0A\x081\x99L\xb5k\xd7\x06L\x00^L\xb6\xa9\xd9\x9f\xc9\x15\xf7\x9e\xbe\xb5\nB\x86\x0e\xab\xd5:k\xd6,\xc6\x98I\xd3\x92\xf7\x1d\x9b\xfc\xefw\x95\xa0\x10\xc6*\xf2l03\x0c\xd5\x1a\xf6\xed\x97\xdf}2w\x85\xd9lr:]\xe3\xc6\x8d\xeb\xd2\xa5\x0bc\xac,\x17\xff\xb8\x15\xb7\xc7\xc19\xb7X,\xb2I\x0b\x00\xbb\xf6\x1e\x01\x10\x18\xd9\x8a\xe2\\\x005\xed?t\\\xd7\r!D\xd5\xaaU1\x01x!\xb9\x98\xd20\x0c\xb9\n\xdb]e\xd3M\x8es\xca\xc4`\x18\x06N\xe1\x14\x93\xa2(\x8c\xb1\x81\x03\x07\x0e\x1c8\xd0\xe9rY\xcc\xe6\x99\x9f-\xf9\xf6\xcb\x95\xaa5\xcc\xd0\rO\xdf]\xa9\xe0\x8c\xd3\x80\x80\x93\x87\x8f\xc7NxCU\x14]7\xea\xd6\xad\xfb\xce;\xefxp\xe5nqW\x01\xc96QTT\xd4\x8a\x15+\x00`\xeb\xf6}.\xbb]\xf3D*\xf3Z\x84\x00\x80H\xdc\xbcK^6j\xd4\xc8\xcf\xcf\xcf\x9b\x17k\xfb\x1a\x19\xd3UU\x95;\xaa\x00\x801f\xb7\xdbSSS\xedv\xbb\xfb\xc7\xaaV\xadZ\xadZ\xb5\xd0\xd0PwKM\xe6\x0c\x99\x18&lt;s\xeb\xe5\x9c\x1c\x08\xfa\xec\xb3\xcfv\xed\xdau\xfa\xf4iUUc\'\xbc\xd1\xbaM\xd3:\r\xeb\xf0\\;\xadXaD\x08A4\x15\x84x|\xd8\x0b\xb6l\xbbI\xd3\x04\xe7_\x7f\xfduPPP\xd9\xcf\xfd\xba\x157\x01\xc8\xfbn\xdf\xbe=\x00PJO\xffq\xe1\xf4\xf13\x91-"y\xbe\xc3}\xfe\x89\x8f\xa3\x8a\xe2\xb2\xdb\xb7\xed&lt; /\xe5k\x85\t\xc0\x1b\xc8\x08\xae(\x8a\xaa\xaa\x8c\xb1\x94\x94\x945k\xd6l\xde\xbc\xf9\xe8\xd1\xa3\x17/^\xb4\xd9lE\x7fXQ\x94\x90\x90\x90z\xf5\xea5k\xd6\xacK\x97.={\xf6\xacY\xb3\xa6L\x06\x8c1L\x03\xb7A\xf6\xa8\xc2\xc2\xc2\xbe\xfe\xfa\xebN\x9d:QJm\xd9\xf6\x81\x83\'\xaf\xfe%\xde\x1a\x1c\xc0u\xbd\xc2|F\x84\x00&amp;\x84j6\x8d~\xf2\x95\x1d\xbb\x0eY,\x16\x87\xc31c\xc6\x8c\xf6\xed\xdb\x1b\x86\xa1\xaa%\xb0\x1c\xff\xf6\x14\xb7$\xbd\x9c\xb8\xc8\xc9\xc9i\xd2\xa4\xc9\xc5\x8b\x17\x85\x10\x0b&gt;\x9b2|\xec`\xc3fS\xd5\n\x95\xc0o\x0f\xe7\x82\x06X\x8e\xedKi\xd1\xf1Q]g\x94\xd2\xcd\x9b7w\xe8\xd0\xc1SC~Hr\xb7\xfa\x01 --m\xf1\xe2\xc5\x8b\x17/&gt;|\xf8\xb0\xbb\xae\xc9?\n\x08\x08\xe8\xd8\xb1\xe3\xd0\xa1C\x07\x0e\x1ch6\x9bAN\xee\xe1\xdf\xf4\xd6\xc9\x088s\xe6\xccI\x93&amp;\xc9\xc8\xd8\xab[t\xc2\x86/X^&gt;\xe5\x82T\x88v\xa4\xae\x1bZX\x95i/\xbd=\xf5\xddx??Ka\xa1\xe3\xe1\x87\x1f^\xbe|\xb9g\xa3?\x14\x7f\x0e@\x16x\n\t\t\x89\x8e\x8e\x96\xb9d\xc5\xf7\xeb\x813\x8a\xad!\x00\x90\x8b\xfdU\xcb\xaa\xd5\xbf\xb9\\\x86\x10\xa2J\x95*-[\xb6\x04o=\xbb\xd5G\xc8\x1e\xb7\xaa\xaa\xe7\xcf\x9f\x1f=zt\xcb\x96-\x9f\x7f\xfe\xf9\xfd\xfb\xf7_\x13\xfd\x15\x85Z\xad!\xa1!A\xa1\xa1AVk\xf05\xbf$???!!\xe1\x89\'\x9eh\xd5\xaa\xd5\x1bo\xbc\xe1r\xb9\xe4\x16\'\x9c(\xbeU\xaa\xaa\x1a\x861q\xe2\xc4\xd8\xd8X\x87\xc3\xe1g\xb1\xacKL\x1a=\xe2%%0\x80SR\x01\x0e\x982\x0cC\x0b\xab\x14?{\xde\xd4w\xe3-fsa\xa1#:::..N\xf6&gt;={o%p(\x95Lb\x0b\x17.\x1c1b\x04\xa54 \xc0rl\xcf\xcajwV\x11N\x9f.\xf3-q!\xc0l\xee\xd4\xe5\xf1\xedI\x07\x01`\xd8\xb0a\x0b\x17.\xc4\xa6\xa2\x07\xc9\xb7\xab\xae\xeb\xef\xbd\xf7\xde\xacY\xb3\xd2\xd3\xd3\xe1\xeaX\x04\x00\xd4\xacY\xadG\xd7v\xadZ6j\xde\xa4n\xb5\xcaaU\xabW\x01f\x00\x00P\x9az\xe2\x0f[Vn\xd2\xfe\xa3;w\x1c\xf8}\xfb\xde\xac\xac\x1c\x00\xa0\x8a\xc2\x19\x03\x80f\xcd\x9a\xbd\xf2\xca+\x83\x06\r\x02\xec\n\xdc:\xf7X\xdc#\x8f&lt;\xb2b\xc5\n?\x8b\xa5\xd0\xe1\x88\x1d\xd6?n\xc1;,/\x9f\x94\xdf\xf1R!t\xc64k\xa5\xf8\xd9\x0bGOxS\xd34]\xd7\xeb\xd4\xa9\xb3{\xf7n\xab\xd5\xea\r\xe3\xc0%\x90\x00\xe4(\xd0\xa5K\x97\x1a6l\x98\x97g\xe7\\|\xf1\xf9\xb4\xa1\xa3\x1f\xc3Q \xce\x05\xf5\xb7\xa4\x1eJm\xda~\xa0a0\xce\xf9\xcf?\xff|\xdf}\xf7a\x80\xf0\x14\xf9\xca\x1f?~|\xc4\x88\x11[\xb6l\x01\x00B\xa8\x10&lt;8(\xa0\xff\x03\xdd\x87&lt;\xfe@\xc7\x0e-\x03\xc2B\x01(\x00\x03\xc3\x00\xdd\x00\x90\x8d\x18\x01f\x13P\n\xa0\x02we^\xb8\xfcK\xc2\x96\xc5_\xfd\xb4!q\x07c\\\xd5T\xb9pe\xd4\xa8Q\x1f}\xf4QPP\x10\xfe\x89o\x95\\U\x95\x93\x93\x13\x13\x13\x93\x94\x94T4\x07\x80\xc3\xc1\x9d\xaer7\',\xb8\xe0 \x94\x90J\xf1\xb3\xe7\xbb\xa3\xbf\xd5j]\xbbvm\xdb\xb6m\xbd\xe4\x1dR2\xc7\xd2\xcaTv\xff\xfd\xf7\xff\xf2\xcb/\x00\xd0\xa3k\xf4\xfa\x84\x05\xbc\xa0\xc0\xe3\xf9\xcd\xb3\x0c\x83\xa9\xd6\xb0i\xafL\x9f\xfav\x1c!$"""%%%88\xd8\xfb+vUH\xb2\xed\xbfl\xd9\xb2\xa7\x9ez*++\xcbb1;\x1c\xce\x90\xa0\x80I\x13\x87=9\xbc\x7f\x8d\xba5A\x08((`\xba!\x84\xdc]\xf5\xa7\xa5\xba\\\x08\x10 \x04\xa7\x94R\x93\x06~\xfe\xa0\xeb\x07\xf6\x1d\x9d9\xeb\xcb\xf9_|\x0f\x00f\x93\xc9\xe9r\xb5n\xddz\xee\xdc\xb9QQQ\x1e\x1f\xde-wd\x18\xb1\xd9lEs@L\xcf\xbb\xbe\xf9r\xba5"\xdc\xc8\xceU\xb5r\xf3z2\x83)f\x13\x98M\x93&amp;\xbe=s\xf6W&amp;\x93\xc9\xe5rY\xad\xd65k\xd6DGG{I\xf4\x87\x92:\x11Lf\xef\xc1\x83\x07\x03\x00\xa5\xf4\xb7-{\x0e\xed9D\xfc\xfd|y\xad\xb4\x00P4\xa5\xd0\x96\xb5\xf8\x9b\x9f\xe5\x08C\xbf~\xfd\x82\x83\x83\xcb\xb2\xd87r\x93\xe18&gt;&gt;\xfe\xd1G\x1f\xcd\xca\xcaR\x14\xc5\xe1p\xc6\xf4\xea\xb0s\xdb7S^\x7f\xaeF\xf5\x08\x96\x9d\xc3r\xec\x82\xc9EAr\xdd?%E(\x94*\nUU\x95R*t\x83\xd9\xb2EAA\xf3\x96\r\xe7-\x9a\xbez\xd5g\x91\xf5k:].\x93\xc9\xb4g\xcf\x9e\x9e={&amp;%%\xc9\xa1mO?\xef\xf2D\xae\nuG\xc9B\x87\xc3b\xb1\xacY\xbf=\xe6\xbe1\xc7\x8f\x9eR\xc3\xc2\xca\xcbA\x1a\x86n(\xc1\x81v\xa7\xfe\xe4\x88\x97\xae\x8f\xfe\x86axI\xf4\x87\x92J\x00\xb2@y\xbf~\xfd\xaaT\xa9"\x840\x0c\xb6\xe0\xabUD\xf3\xe3\xe5\x7f\x02\xe7\xb6q\x83\x93\xc0\xc0\x8d\xeb\xb7\x9d8u^\xf6\x84bcc=}S&gt;\xca\x1d\xfdG\x8f\x1e\xadi\x9a\xdc\x9b1\xe3\xbd\xc9\xab\x7f\x9d\x1b\x19Y\xc7\xc8\xca\x10.]n\xf6\xba\xc9\xdcL\x08QT\x85P\xca\x0b\n\r[VL\xdf\xee;\xb7/\x1b5|\x80\xcb\xe52\x99L\xee6\xac\\]Z\xda\xcf\xae")\x9a\x03\x06\x0e\x1c\xe8p8,\x16sR\xf2\xe1\x0e\x9d\x1f[\xf6\xd5\x0f\xaa5\x1c\x08\xf1\xe6\x97Tp\xc1\x18S\xc3\xc2\x93\xf7\x1c\xee\xd6m\xe8\xfc\xc5?\xfa\xf9Y\\.WTT\xd4\xfa\xf5\xebe\xf4\xf7\xaa~a\xc9$\x00Y\x98000p\xcc\x981\xb2\xa2\xe9\xe2%?g\x9e=\xabX|\xb7.\x10\xa1\x00\x06\xfbp\xf6W\x00D\xd6\xbfm\xd3\xa6\x8d7\xcc\xfb\xfb\x1a\xb9\xdcs\xee\xdc\xb92\xfa\xeb\xban\r\rLL\x98?\xf1\x851&lt;\xbf\x80\xe7\x17\xaa\x9az\xdb}2</t>
        </is>
      </c>
    </row>
    <row r="177">
      <c r="A177" s="1" t="n">
        <v>175</v>
      </c>
      <c r="B177" t="inlineStr">
        <is>
          <t>size_cycle</t>
        </is>
      </c>
      <c r="C177" t="inlineStr">
        <is>
          <t>What is the size of the missing circle denoted with a question mark?</t>
        </is>
      </c>
      <c r="D177" t="inlineStr">
        <is>
          <t>['medium', 'large', 'small']</t>
        </is>
      </c>
      <c r="E177" t="inlineStr">
        <is>
          <t>medium</t>
        </is>
      </c>
      <c r="F177" t="inlineStr">
        <is>
          <t>There are circles arranged in a spiral with three arms. The first arm has circles of sizes ['small', 'medium', 'large'], the second arm has circles of sizes ['small', 'medium', 'large'], and the third arm has circles of sizes ['small', '?', 'large'].</t>
        </is>
      </c>
      <c r="G177" t="inlineStr">
        <is>
          <t>We observe that the circles in each arm progress in size from small to medium to large. Thus, the pattern is that the circles in each arm get bigger as they progress away from the center of the spiral.</t>
        </is>
      </c>
      <c r="H177" t="inlineStr">
        <is>
          <t>Based on the pattern that the circles in each arm get bigger as they progress away from the center of the spiral, the size of the missing part that is neither closest nor farthest from center should be medium.</t>
        </is>
      </c>
      <c r="I177" t="inlineStr">
        <is>
          <t>b'\x89PNG\r\n\x1a\n\x00\x00\x00\rIHDR\x00\x00\x02\x00\x00\x00\x02\x00\x08\x02\x00\x00\x00{\x1aC\xad\x00\x00\x96SIDATx\x9c\xec\x9dyxTE\xd6\x87O\xd5]\xba;I\'\xe9$\x10\x96\x80,\t;\x81\x00a_\xc2\x12\x02\x0e\xa2|"\xa2\xc8\xb0H\x80Qp@A\x07Q\x81qW\x04\x14D ,"\xa2\x888\x82\xa0\x10\xc2\x8e\xac\x01\xc2\x1e\x96\xb0C\x80\x90\xa4\xb3\xa7\xbb\xef\xad\xaa\xef\x8f\x82\x9e\x0c\xa0\x12H\xd2\xddI\xbd\xcf&lt;N\xdf\xa6\x97\xca\xed{\xcf\xef\xd4\xa9S\xe7 \xc6\x18\x08\x04\xee\x01c\x8cR\xca\xafI\x84\x90$I\xc5z;\xa5\x94R\xca\xdf\x8b1F\x08\x95\xca(\x05\x82\xf2\x02\x12\x02 p9\x8c1B\xc8\xbd\x16\xbf\xb0\xb0\xb0\xa0\xa0\xe0\xc4\x89\x13\x94\xd2K\x97.]\xbe|\x19\xa1\xff\xb9b\xfd\xfc\xfc\xc2\xc3\xc3\x19caaa\xbe\xbe\xbe\xbe\xbe\xbeE\xdf\xce\xf5\x00c\x8c1.\xa3\xbfD \xf0(\x84\x00\x08\\\x06\xb7\xfbE\rtAA\xc1\xf1\xe3\xc7O\x9e&lt;y\xf8\xf0\xe1\xa3G\x8f\xa6\xa4\xa4dgg\xe7\xe4\xe4\xfc\xe5G\x99L&amp;oo\xefF\x8d\x1a\xd5\xa9S\xa7Y\xb3f\x11\x11\x11M\x9a4\t\x0c\x0c\xfc\xa3/\x12\x08\x04 \x04@\xe0\x12x\x9c\xc7\xe9\xef_\xbdz5!!a\xe7\xce\x9d\x9b7o\xbe|\xf9r\x89|E```\xc7\x8e\x1d\xa3\xa2\xa2z\xf6\xec\xd9\xa8Q\xa3\xa2\xdf+\xa2C\x02\x01G\x08\x80\xa0L\xe1\x9e8\xb7\xbf7o\xde\xfc\xed\xb7\xdf\xd6\xacY\xb3u\xebV\xa7\x9b\x7fW\x90\x07\x00\xfc\xfc|0\xc2&gt;\xde\xa6\xd0\xb0\xc7\x80\xd2\xdb\xcf2\x00Y\xba\x91\x9av\xfdf:\xc2\xd8\x9a\x99]\xf4-E?D\x96\xe5\xd6\xad[\xf7\xeb\xd7\xafO\x9f&gt;\r\x1a4\xb8w\x18\x02A\x85E\x08\x80\xa0\x8c\xe0Q~\x1e\x849z\xf4\xe8\x9c9s~\xf9\xe5\x97\x9b7o\xde\xf9w\x04p\xfbR\xacQ\xa3J\xc3\x06u"\x9b7\x0c\xadS\xa3N\xdd\x9a\x8d\xc2jJ\xb2dP\x15\xafJ\x01\xe0\xbc\\\x19\x00\xc64\'7;\'\x0f0N\xb9p\xf5\xca\xa5\xebG\x93\xcf\x1d=\x91r\xea\xd4\xf9\xb3)\x97t\x9d\xdc\xfe\xdc;b`0\x18bbb\xc6\x8c\x19\xd3\xad[7&gt;\xf9 \x84\x14w\x9dY (O\x08\x01\x10\x94:&lt;\xb7\x87\x9b\xda\x84\x84\x84O?\xfdt\xcb\x96-\x84\x10\x00\xc0\x18\xf3\xbc\x1d_\xb3wT\x97\xc8\xaeQ\x91\xed[\x877iX\xd7+\xd0\x1f\x90\x02@\x81\x11\xb0;\x801`\x8c:t(\xea\xb23\xc0\xb2\x04\x92\x04\xc0@UA\x92\x00$\x00Br\xf2N\xa7\\\xde\x7f\xf0\xf8\x8e]\x87\x126\xed\xb9z\xed\xb6\xc6`\x8c(e\x00\x10\x1e\x1e\xfe\xcf\x7f\xfe\xf3\x85\x17^PU\x951\xc6\x83Be~V\x04\x02\xd7#\x04@P\xba8\xbd\xec\xcd\x9b7\x7f\xfc\xf1\xc7\t\t\tP\xc4\xee\x1b\x0cJLt\xc7\xa7\xfaFEwm\x1bR\xb7&amp; \t\x88\x066;\xd5tz\'\x19\x14\xe3\xdbV\xff\xde\x88\rc\xc0\xe7\r\x941`\x8c1@\x08$Y\x02\x83\x01\x14\x15\x00rn\xde\xda\xba\xe3\xe0\x9a_\xb7\xfe\xb6~\xe7\xcd\xb4\x0c\x00\x90$\x89kO\x93&amp;M\xc6\x8f\x1f?|\xf8p\x10\x11!AEE\x08\x80\xa0\xb4\xe0&amp;\x1ec\x9c\x9a\x9a\xfa\xf6\xdbo/^\xbc\x18\x00\x14E\xd64\x1d\x00\x1a\xd4\xab=p@\xafg\x07\xf4j\xd0\xa4\x1e \x0cv\x1b-\xb4S\xc6\x10F\x18\xa1G\xb1\xc5|\xb6@)C\x00\x92A\x01/\x13\x80\x94v\xf9\xea\x9au\xdb\xbe\xfe\xf6\x97\xdd{\x0e\x17\x1dF\xf7\xee\xdd\xdf\x7f\xff\xfd6m\xda\x80\x88\x08\t*\x1eB\x00\x04\xa5\x82\xae\xeb\xb2,\x03\xc0\xec\xd9\xb3\xdf{\xef\xbd\xb4\xb44\xa7\xcdm\xd2\xa8\xee\xab\xaf\xfc\xfd\xf9\x81\x8f\x1b\xfc\xfc@\xb3\xd3\xfc\x02\xca\x00K\x18\x97\x82\x03\xce\xa3O\xc0@2\x1a\xc0d\x02\xdd\x91\x90\xb0\xfb\xd3\xcf\xbeN\xd8\xbc\x07\x00\x0c\x06\xd5nw(\x8a2z\xf4\xe8w\xdf}\xd7\xcf\xcf\xcf9l\x81\xa0" \x04@P\xc2\xf0\xa4{Y\x96\xcf\x9e=;v\xec\xd8\xf8\xf8x\x00\x90d\x99\xe8z\xfd\xd0\xc7\xdex\xfd\xc5A\x03z\xab~~\x90\x97K4\x1daT6\xf1w\xc6\x18%\x14c\x8c\xfc|\x80\x90\x84\x8d\xbb&gt;\xfed\xd1\xe6m\xfb\xe1NP\xa8^\xbdz_|\xf1ELL\x8cs\xe2R\x06\xa3\x12\x08\\\x8b\x10\x00AI\xc2\x18\xe3\xd1\x9b\x95+W\xbe\xf4\xd2K\x19\x19\x19\xdc\xcbV\x15\xf9\xf5\xd7\x86Mxu\xa8_\xa5\xca\x90\x9bMt\x82%\xc9%!\xf7\xdb\xc9H~f\xb0kK\x96\xfe\xfc\xd6\xd49\xa9\xd7o)\x8a\xa2i\x1a\x00L\x9d:u\xca\x94) \xc2A\x82\x8a\x81\x10\x00A\x89\xc1\x8d\xa6\xae\xeb\x13\'N\x9c5k\x16\xdcq\xfccz\xb4\xfb\xec\x93\x89\x8d#\x9a@A\x9enwH\xb2\xec\xf2\xc5\xd6\xdb\xab\xbe\xbe~i\xd7\xae\xbf\xf7\xfe\xbc\xd9_}\x0fw\x16\x06bbb\x96,YR\xb5jU\x11\x0e\x12\x94{\x84\x00\x08J\x06n\xfd\xadV\xeb\x13O&lt;\xb1k\xd7.UU\x1d\x0e\x87,\xe1O?xu\xdc\xab\xc3\x00\x98\x9e\x9b\'I\x92[e\xda\xe8\xba.\x1b\r`\xf2\x8e_\xbbiX\xec;\xd7o\xa6\x1b\x8d\x06\x9b\xcd^\xb5j\xd55k\xd6DFF\n\r\x10\x94o\x84\x00\x08J\x00n\xfd\xcf\x9e=;h\xd0\xa0\xc4\xc4DnF\xc3\xea\xd4X\xb2\xf0\xbd\x0e]\xdb\xd3\xec,`\x0cK\xee\x18Ug\x8c\x11Be\x8b\xdf\xf5\x8bW\x87\x8dx;~\xf3\x1e.]\x16\x8b\xe5\xfb\xef\xbf\x8f\x89\x89\x11\x1a (\xc7\xb8\xe3=)\xf0,t]\x97$)11\xb1m\xdb\xb6\x89\x89\x89\xaa\xaa\xdal\xf6\x01\xfdz\xec\xdd\xf5]\x87\xa8\xd6\xba5\x03c\xe4\x9e\xd6\x1f\x00\x10B\xb2,\x11kv\xd5\xaa\x956l\x88\x9b\xf2\xe6(\x87\xc3\x81\xb1\x94\x95e\xed\xd5\xabW\\\\\x9c,\xcb\xba\xae\xbbz\x98\x02A\xa9 f\x00\x82G\x82\xfb\xfe\x89\x89\x89111V\xab\x95\xbb\xcf\xa3^|z^\xdc\xfb`\xb3\x11\x9b]\x92=c)\x95R\xca\x00$\xbfJq_.~\xe9\x9f\xef\x13\xcadI\xd2t}\xc1\x82\x05\xb1\xb1\xb1bMXP.\x11\x02 xx\xee\xb2\xfe&lt;\x97f\xde\xe7\x93G\xbd\xf2w\x92\x9d\x83\xc0\xc3J,0\xc6tB\x14\x8be\xd7\xd6\xbdO\xf4\x1bc\xcd\xce\xe5\x7f\x11\xd7\x00\x11\x0b\x12\x94?\x84\x00\x08\x1e\x12\xdek\xe5\xd6\xad[\x8d\x1b7\xbeu\xebv&amp;\xe5\x82\xd9o\xc5\x8e\x19F\xb2\xd2%\x8c\xc1\x9d\xd6{\x1f\x1c]\xd3\xe5\x80\x80\xc4]\x891\x7f\x1bm\xcd\xce\xe5\xa9A\t\t\t=z\xf4\x10\x1a (gx\x92\x83&amp;p\x1fx\xbe\x7fFFF\x9f&gt;}n\xdd\xbae4\x18\xeeX\xff\xa1\x9a\xf5\x96$I\x1ej\xfd\x01@Vd=33\xb2C\xab\xf8u\xf3\x02,\xbe\x8c\x81,\xcb\x03\x07\x0eLLL\x94e\x99:\xebQ\x0b\x04\x9e\x8f\x98\x01\x08\x1e\x06\x1e\xfc\x89\x8e\x8e\xde\xb4i\x93\xd1`\xb0\xd9\xed3?|u\xdc\xbf\xc6j\x997\x15\xa5&lt;\xf8\xc8|\x1e\xb0w\xeb\xee\xf6\xdd\x86bI"\x84T\xae\\\xf9\xe8\xd1\xa3\x95+W\x16\xd5C\x05\xe5\x06q\x1d\x0b\x8a\rO\xfb\x996m\xda\xa6M\x9bLF\xa3\xcdn\x8f\x1d\xf2\xd4\xb8\x89#\xf4\xec[\xe5&amp;B\xc2\xe7\x01m\xbb\xb6\x9f?\xfb-B\x88\xc1`HKK\x1b&lt;x\xf0\xbd\xfdj\x04\x02\xcfE\\\xcd\x82\xe2\xc1}\xff\x84\x84\x84\x9e={\xf2\x9c\x9f\xe8\xa8\xd6\x1b\xb7,\xa5y\xf9\xe8N\x1d\x88r\x83\xa6\xeb\x8a%x\xda\xa4\x0f\xa6~\x14g4\x1am6\x1b\xaf\x15!\x16\x03\x04\xe5\x03!\x00\x82b\xc0#\xe0\xe9\xe9\xe9\xe1\xe1\xe1\xb7n\xdd\x02\x80JA\xfeG\xf6\xfdX\xb9J \xb3;\xca_`\x841 \x8c\xca\xde^=\xa3\x87\'l\xdb\xcf\x05o\xd3\xa6M\xdd\xbbw\x17\x89\xa1\x82r@y\xbbc\x05\xa5\n\x0f\x7f\x8f\x1d;\xf6\xe6\xcd\x9b\x8a"SF\x97\xc5\xbd\x17\\\xab:-\xb4\x97?\xeb\x0f\x00\x08\x01\x06`:Y\xb6\xe4\xc3\xe0\xca\x01\xba\xaec\x8cG\x8d\x1a\x95\x9b\x9b\x0b\x00\xc2y\x12x:\xe5\xf0\xa6\x15\x94\x12\xdc\xe7]\xb5j\xd5\xca\x95+\r\xaaj\xb7;\xa6\xbc\x11\x1b\xdd\xb7\xa7n\xcd\xf2\x94\xdd^\x0f\x01\xc6\x98\x16\xda\x82kU\xff6\xee]J\xa9,\xcb\xe7\xce\x9d\x9b4i\x92$I"#H\xe0\xe9\x88\x10\x90\xe0\x81\xe0\xbds\xf3\xf2\xf2""".]\xbaD)\x8dhV\x7f\xef\xef\xdfcJp\xb9\x0b\xfd\xdf\x8b\xae\x13\xd9\x120f\xe4\x9b_\xc6\xfd\xa8(\ncl\xdf\xbe}-Z\xb4\xe0\x9b!\\=:\x81\xe0!\x11\xd7\xae\xe0\x81\xe0\x96\xee\xe3\x8f?&gt;\x7f\xfe\xbc,I\x08\xa1Y\x1f\xbd\xa6x\x19A\'\xe5\xde\xfa\x03\x80$aZ\x98\xf7\xee\xd4\xb1U\x82\x03)\xa5\xba\xae\x8f\x1b7\x8e\x10"\xfc\'\x81G#\x04@\xf0\xd7p\xeb\x7f\xfa\xf4\xe9\xe9\xd3\xa7+\x8abw8\x06\x0f\xec\xdd)\xa6\x0b\xc9\xca)\xc7\xc1\x9f\xa2 \x84\x98\xcda\xa9V\xe5\xa3\xa9c\x08!\x06\x83\xbas\xe7\xce\xe5\xcb\x97;[\xcc\x0b\x04\x9e\x88\x08\x01\t\xfe\x1a\x1e\xfd\x1f:t\xe8\xd2\xa5K%I\xf2\xf7\xf79\x9e\xf8Sp\x95 \xa6i\xa5\xd1\xc8\xd7m!\x8c!\xa3\xb1[\xf7!;v%!\x84\xc2\xc2\xc2\x8e\x1c9\xa2(\nz\xb4.\xf6\x02\x81\xab\x103\x00\xc1_\xc0\xdd\xffS\xa7N\xadX\xb1B\x96%B\xc8\xd8\xd8g\xab\xd4\xaeEl\xb6\ne\xfd\x01\x00(\xc3\x8a&lt;u\xd2H\xc6\x98$\xe1\xd3\xa7O\xafX\xb1\x02c,V\x83\x05\x1e\x8a\x10\x00\xc1_\xc0\xcb\xfe|\xf6\xd9gv\xbb\x9dR\x16\x18\xe07\xe6\xa5\xe7Xan\x05\xcc\x82\x97$Lrr\xa3zv\x8a\xea\xd4R\xd3t\x84\xd0\xc7\x1f\x7f\xccsC]=4\x81\xe0a\x10\x17\xae\xe0\xcf\xe0\x89\xffiii\xabW\xaf\xe6\xae\xee\xd8Q\xcf\x06\xd6\x08\xa16G\x05\rz0\x00\x8c\xa7\xbc\x11\x8b1\xc6\x18\x9d:uj\xfb\xf6\xed\x08!\xb1\x12 \xf0D\x84\x00\x08\xfe\x0cB\x08Bh\xd9\xb2e\xe9\xe9\xe9\x00\xe0\xe3c\x1a=\xa2?\xb3\xe5\xbbm\x87\xaf\xd2F\x920\xcd\xcb\x8d\xea\xd9\xa1UDCJ\x19cl\xc6\x8c\x19\xae\x1e\x94@\xf0\x90T\xd0\xdbX\xf0\x80H\x92\xe4p8\x96,Y\x82\x10\xa2\x94&gt;\xd1\xbbsp\xed\x9a\xd4f\xaf\xa0\xee?\x00\x00P\xc2@QG\x0cy\x8a\xaf\x04l\xdd\xba\xf5\xec\xd9\xb3b_\x98\xc0\x13\x11\x02 \xf8C\xb8\xfb\x9f\x94\x94t\xe2\xc4\t\x84\x10\xc6(vH?`\x0c\xa0\xe2Z\x7f\x00\x90$\xccl\x05\xfd\x9e\xea^)\xc8\xc2\x18\x14\x16\x16\xae^\xbd\x1a\xee\x14J\x12\x08&lt;\x08!\x00\x82?\x84\xa7\x08\xff\xf4\xd3O\x00@)\x0b\xad[\xa3S\x97HV\x90/U\xd4\xf8\x0f\x07!D\x0b\x1dA5B\xfe\x16\xd3\x91\x1b\xfd\xff\xfc\xe7?\xa2I\x80\xc0\x13\x11\x97\xac\xe0\x0f\x91$\xc9n\xb7\xafY\xb3\x06\x00\x00\xd8\x93\x8fG\xc9&gt;f\xa2\x89\xd5N\x00\x84\x18\xa3\xfd\x9f\xec\x0e\x00\x18\xe3C\x87\x0e\x9d&gt;}Z\xe4\x83\n&lt;\x0e!\x00\x82\xfb\xc3\xe3?\'N\x9cHII\xe1\x19/O?\xd1\x15\xa8V\x91\xa3\xffN0F\xa8\xb0\xa0S\xe7\x96U\x83\x03\x19c\x0e\x87#&gt;&gt;\x1eD\x14H\xe0i\x08\x01\x10\xdc\x1f\x1e\xff\xd9\xbcy3\xa5\x94R\x1aZ\xa7FD\xeb&amp;\xac\xa0\xb0\x82\xc7\x7f8\x08!\xe2\xd0|\x83+\xf7\xec\xde\x8e\x9f\xa8M\x9b6\x01\x80\x88\x02\t&lt;\x0bq\xbd\n\xee\x0f\x0fh\xfc\xfa\xeb\xaf\xfc\xb0}\x9bf\xaa\xd9\x97\xea"\xfes\x1b\xc6\x00\x00u\xed\xd4\n\x00\x10B\xbf\xff\xfe{zz:\xc6X\xd4V\x11x\x10B\x00\x04\xf7\x81/i\xe6\xe6\xe6\x9e&lt;y\x92?\x13\xd5\xb1\x05\x00\x12\xc6\xcd\t\xc6\x18t{\xdb\xc8\xa6\xaa"#\x84\xb2\xb3\xb3O\x9d:\x05"\n$\xf0(\x84\x00\x08\xee\x03wc\xcf\x9f?o\xb5Z\x11B\xaa*\xb7k\x1d\x0ez\xf9l\xfb\xf5p`\x8cX\xa1\xbdv\xbd\xc7j\xd7\xaaN)e\x8c\x1d9r\x04D\x9b0\x81G!\xeeg\xc1}\xe0n\xec\xe1\xc3\x87u]g\x8cU\xad\x12\x14R\xb3\x1a\xb3;\xc4\x02pQ(\xa1\xaa\xd9;\xbcI\x18?\xdc\xbf\x7f?\x00\x88Er\x81\x07!\x04@\xf0\x87\x9c&gt;}\x9a?\xa8S+\xc4+\xc0\x97U\x8c\xde/\x0f\x0ec\x0c@n\xdc\xa0\x0e?LII\xa1\x94\x8aS$\xf0 \x84\x00\x08\xee\x03\x0f\xf5\x1c=z\x94\x1f6nP\x07\x90LEp\xe3\x7fA\x08\x01\x90\xc6\r\xeb\xf2\xc3\x94\x94\x94\xfc\xfc|\xb1\x0e,\xf0 \x84\x00\x08\xee\x03BH\xd7\xf5[\xb7n\xf1\xc3\xfaa\x8f\x01B \xcc\xda\xff\x82\x10\x00%uk\x87\xc8\xb2\x04\x00\x05\x05\x05V\xab\x15\xc42\x80\xc0s\x10\x02 \xb8\x1b\xde\x00 \'\'\xe7\xec\xd9\xb3\xfc\x99\xf0&amp;a\x00"\xfes7\x08!\xb09\xea\xd4\x0e\xf1\xf3\xf5\x06\x80\xbc\xbc\xbc3g\xce\x80\x10\x00\x81\xe7 \x04@p\x7f$Ir\xb6|\xb1\xdb\xb5\n^\x00\xee\x0f\xc1\xa0\xeb\xba\xc3\xa1\xf3#UU];\x1c\x81\xa0X\x08\x01\x10\xdc\rw`\xcf\x9c9\x93\x93\x93\x83\x102\x19\r!\xd5+\x83\xae\x89\t\xc0\xbd0\x9dz\xf9\x99C\xaaW\xe6\x87III f\x00\x02\xcfA\x08\x80\xe0n\xb8\xfd\xca\xce\xce\xe69\xa0&amp;\x93!\xa4Z08D\x15\xa0\xbbA\x081BL\xfe\xe6\x90j\xc1\xfc\x99\x8c\x8c\x0c\xd7\x0eI (\x16B\x00\x04\xf7G\x96e\xfe\x801\xa6\xe9:\x08\xeb\xffGP\xaa\xe9\xb7C@\xce\x93&amp;\x10x\x04B\x00\x04\xf7\xa7h\x1cC\xf8\xfe\x7f\x8e\xf3\xfc\x88\xe0\x8f\xc0\xb3\x10\x02 \x10\x08\x04\x15\x14!\x00\x82\xfb#\xbc\xfe\x87@\x9c4\x81g!\x04@p\x7f4M\xe3\x0f\x10B\xa2\x06\xdc\x9fQ\xe4\xfc8\x1c\x0e\xd7\x8eE (\x16\xe2\xc6\x16\xdc\rwcCBBL&amp;\x13B(\'7\xffL\xca%0\xa8"\xc0}\x17\x8c1\xa4\xc8\xb9\xb72\xcf\xa4\\\xe2\xcf\x84\x86\x86\x82\x98\x07\x08&lt;\x07!\x00\x82\xbb\xe1\xf6\xabz\xf5\xeaF\xa3\x911\xa6\xeb$\'7\x1f0\x16\xf6\xff^\x10B\xba\xcd\x91\x93\x93\xc7\x0f\xeb\xd6\xad\xeb\xda\xf1\x08\x04\xc5B\x08\x80\xe0\xfe\x10B\x9cI\x8d\x84\x88F`\x7f\x00B:\xa1\x08c\xb8\xd3C\xcd\xd5\x03\x12\x08\x8a\x81\x10\x00\xc1\xdd \x84(\xa5\xfe\xfe\xfe\xf5\xea\xd5\xe3\xcf\x1c&gt;r\x1a@\x16!\xa0\xbb\xa0\x94\x81A={\xeervv\x1e\x00x{{7j\xd4\x08Dg`\x81\xe7 \xaeT\xc1}\xe0\xf5\xe0\xaaT\xa9\xc2\x0f\x93\xcf\\\x04FDd\xfb.\x18c\x80\xa43)\x97\xb84Z,\x16\x93\xc9$dR\xe0A\x08\x01\x10\xdc\x07n\xc5\xc2\xc3\xc3\xf9\xe1\xe9\x94K\x94h\x08\x0b\x05\xb8\x17|\xea\xccE\xfe\xa8n\xdd\xba&gt;&gt;&gt;\\;]:$\x81\xe0A\x11\x02 \xb8\x0f\xdc\x845l\xd8\x90\x1f\x9e;\x7f%/\xcd\x8ae\x11\x05\xfa\x1f0F\xc0\xb4#\xc7o\x17\xcd\xe6\xf1\x1f\xb1\x0c \xf0 \x84\x00\x08\xee\x03\x17\x80\xf0\xf0p\x83\xc1\x80\x10\xca\xcc\xcc9\x9br\t\x8c\x06!\x00N\x18cX\x96\xf2\xd3\xb3N$\x9f\xe3\xcfDFF\xbavH\x02Aq\x11\x02 \xb8\x0f\\\x00j\xd4\xa8Q\xa9R%\xc6\x98N\xc8\xef{\x0e\x03V(\x15\x02p\x1b\xc6\x18\x98\x8c\xc9\'S\xae\xa5\xa6a\x8c%Ij\xda\xb4)\x88\x15`\x81G!.V\xc1}@\x08\x11B\xbc\xbc\xbcZ\xb6l\xc9\x9f\xd9\xbe\xeb\x10\x00\x15\xc1m\'\x942\xc0\xea\xee}G)e\x94\xd2\xe0\xe0`\x9e4%\x16\x00\x04\x1e\x84\x10\x00\xc1\xfd\xe1\xd1\x9e\'\x9f|\x12\x00\x10B\xfb\x12\x8f\xe5\xdcL\x97TED\x818\x18!\xa0Z\xc2\xd6}\xfc\xb0G\x8f\x1e&gt;&gt;&gt;\x84\x88\xc6\x99\x02OB\x08\x80\xe0\xfe\xf0PF\x87\x0e\x1dTUE\x08\xa5\xdeH\xff}\xc7\x010y\x89(\x10\xf0\x05\x00\x93z\xe3\xc2\x95\xed\xbf\x1f\xe4\'\xaa{\xf7\xee \xcaA\x0b&lt;\r!\x00\x82\xfb\xc3\xf7\xb5\x86\x86\x86\xb6h\xd1\x82g\xb6\xfc\xb8f\x13 \x04 l\x1c\x10B\x99\xc1\x14\x9f\xb0\'7\xaf\x00\x80\x99\xcd\xe6\xe8\xe8h\x00pvQ\x16\x08&lt;\x02!\x00\x82?\x84R\x8a1~\xfa\xe9\xa7\x01\x00!\xb4a\xd3\x9e\xbc\xb4[XD\x81\x000\x02\xc4\xe8\x8f\xab7\x01\x00\xa5\xacs\xe7\xceU\xabV\xa5\x94\x8a\xf8\x8f\xc0\xb3\x10\x02 \xf8Cxp\xa3o\xdf\xbe\xb2,#\x84n\xdc\xccX\xbbn;\xf2\xf2&amp;\xa4B\xa7\xbaS\xca\x90\xb7\xe9\xdc\xf13[v$r\x97\xbf\x7f\xff\xfe v\x00\x08&lt;\x10!\x00\x82?\xc4\x19\x05\xea\xd4\xa9\x13\xb7nqK\x7ff\x9a\x86+\xf6\x96`J)R\x8c\xdf~\xffka\xa1\x9d1\x16\x14\x14\xf4\xb7\xbf\xfd\rD\xfcG\xe0\x81\x08\x01\x10\xfc\x19&lt;\n\x14\x1b\x1b\x0b\x00\x18\xe3\x9d\xbb\x93N\x1dIF^\xa6\n\xeb\xed2\x00I\x91\xec9\xd9\xcbV\xfc\xc6\xab\xe6=\xf5\xd4S\x95*U\x12\xf9?\x02OD\x08\x80\xe0\xcf\x90$\x891\xd6\xaf_\xbf:u\xea\xf0\xde\x00\x1f\xcf\\\x8a\x14\x03\xab\xa8\xb9@T\'\xc8\xc7\xf7\x87\xef~=w\xe1*BH\x96\xe5\xf1\xe3\xc7\x8b\xfa?\x02\x0fE\x08\x80\xe0\xcf\xe0;\xc2\x8cF\xe3\x90!C\x18c\xb2,\xadX\x15\x7f:\xe9\x18\xf6\xae\x88\xf9\xa0\x0c\x00\xc9\x92=\'\xe7\x83\x19K\xb8\xfb\xdf\xa9S\xa7\x86\r\x1b2\xc6\xc4\x06`\x81\'"\xaeZ\xc1_\xc0\'\x01/\xbd\xf4R`` c`wh\x1fN_\x8cT\x13\xa3\x15\xaeK\x0c\xd1\t6\xfb\xfd\xf0\xfd\xba\xd3g/\xc9\xb2\x04\x00\xef\xbc\xf3\x0eBH\xa4E\t&lt;\x14!\x00\x82\xbf\x80\xbb\xbaAAAc\xc7\x8e\xe5m\xc2V\xac\xdax\xe8\xf7\xbd\x92\xd9L+R:\x10c\x0c\x1b\x94\x9c[\xb7\xde\xfdd\xa1$I\x9a\xa6GEEEEEQJ\xc5\xf2\xaf\xc0C\x11\x02 \xf8kx:\xd0\x981c\xaaT\xa9\xc2\x18\xb3;\xb4qo|F)e\x15)\xeeM\x08\xc5^\xe6\x8f?\x8eK9\x7fU\x92$\x8c\xf1\xb4i\xd3@\xec\xfe\x15x2B\x00\x04\x7f\r\x8fr\x04\x06\x06~\xf4\xd1G\x84\x10\x83A\xdd\xb9;i\xd9\xe2U\x92\x9fE\xd7tW\x8f\xae,\xa0\x84\xcaf\xaf3I\xc7\xa6\xcf\xfeVQd\x87\xc31x\xf0\xe0\xce\x9d;\x13B\x84\xfb/\xf0\\D\xf8R\xf0\xa0\xf0L\xc7\xa8\xa8\xa8\x9d;w\xca\x92\x14\x14\xe8\x7f4\xf1\xc7\xa0\xca\x81\xccn/\xf7K\xa0:\xa5\xb2\xd9\'\xba\xfb\xd0M\xdb\xf6\xcb\xb2d6\xfb\x9e&lt;y288X,\xff\n&lt;\x1aq\xed\n\x1e\x14\x84\x10\xc6x\xd6\xacY\x8a\xa2`\t\xdfH\xcbx\xe9\x95\xf7\x90\xaa\x96\xfbu\x00]\xd7e?\xcb\xacO\x16n\xda\xb6\xdf`Pu\x9d\xbc\xfb\xee\xbbU\xaaT\xe1\x9b$\\=:\x81\xe0\xe1\x11\x97\xaf\xe0A\xc1\x18\x13BZ\xb4h1y\xf2d\x87C3\x1a\r\xab\xd6l\x99\xf5I\x9c\xecg\xd1\xf5r\x1b\x08":\x91\xfd\xfd\xf6m\xdd=\xe1\xadY\x8a\xa2\xd8\xed\x8e\xee\xdd\xbb\xbf\xfc\xf2\xcb"\xf8#(\x07\x88\x10\x90\xa0\x180\xc6(\xa5\x94\xd2\xce\x9d;\xef\xdd\xbbWU\x14B\xc9\xae\x84%m\xa2Z\x93\xac\x1cI.o\x06\x91R\n\x8a\x92\x9d\x9b\xdf\xaa\xed\xb3\x17/_\xc7\x18\x9b\xcd\xe6\xc4\xc4D\xbe-N\xb8\xff\x02OG\\\xc1\x82b\x80\x10B\x08)\x8a\xb2|\xf9r\x8b\xc5B\x19c\x0c\x9e\x1f\xfe\xa65-C2\x19\xcbYV(c\x8c\x02\xc2&amp;\xd3\xc8\x91\xef\x9c\xbfxMU\x14]\xd7\xe3\xe2\xe2\xea\xd6\xad+\x82?\x82\xf2\x81\xb8\x88\x05\xc5\x83\x07\x82\xea\xd4\xa9\x13\x17\x17\xa7\xeb\xba\xaa(\xe7/^\x8b\xe9\x1d[`\xb3\x83\xaa\x94\xa7\x1aA\x84R\xd9\xcfo\xf4\x8b\x93V\xfd\xb2\xc5h4\xda\xec\xf6q\xe3\xc6=\xfd\xf4\xd3\xba\xae\x8b\xe0\x8f\xa0| \x04@Pl$I\xd2u\xfd\xe9\xa7\x9f\x1e7n\x9c\xcdn7\x1a\x8d\x89I\xc9/\xbd4\r{\x99\x18\xc2\xe5\xa3L\x90\xa6\xeb\xb2\x7f\xd0\xfc\xcf\x97\xcc_\xf2\xb3\xc1`\xb0\xd9l\xed\xda\xb5\x9b&gt;}\xba\x08\xfd\x0b\xca\x13B\x00\x04\x0f\x03\xd7\x80\x993g\xc6\xc6\xc6\xdal6\x93\xc9\xb8\xf4\xfb_G\x0e\xfd\x97d\xf6\xa6\x18y\xf6&lt;\x80\x81\xa6\xe9\x8a%(n\xce\x92\xd1\xe3&gt;4\x18\x0cv\xbb\xbdU\xabV\xeb\xd6\xad\xc3\x18c\x8cE\xdd7A\xb9A,\x02\x0b\x1e\x12\xc6\x18\xaf\x82\xd9\xa1C\x87={\xf6\x98\x8c\xc6B\x9b-v\xc8S\x0b\x96|\x08\x856\xea\xd0\xb0\xe4y\xee\x05c\x8c2&amp;\xf9\x05\xc5\xcdY&lt;r\xec{\x8a\xa2h\x9af\xb1X\x0e\x1e&lt;X\xbbvm\xe1\xfe\x0b\xca\x19\x9ew\x8b\n\xdc\x04\xee\x083\xc6\xd6\xad[\x17\x19\x19Yh\xb3\x99\x8c\xc6\xb8\xa5\xab_\xfc\xfb\x1b\xb9v\r\x9b\x0cD\xf7\xb0jq\x94P\x86\x90\xe4\xe3=\xeb\x93/\x8bZ\xff\xf8\xf8xa\xfd\x05\xe5\x121\x03\x10&lt;\x12&lt;\x1f\xc6j\xb5\xc6\xc4\xc4$&amp;&amp;\x1a\x8dF\x9b\xcd\xd6\xbaE\xa3\xf5\xbf.\x08\x08\x0e\xd4\xb3\xb2eYv\xf5\x18\x1f\x08\xa2\x13\xc9d\x04U\x1d\xf9\xe2\x9bq_\xff\xac\xaa\xaa\xc3\xe1\xe0\xd6?22RX\x7fA\xb9D\xcc\x00\x04\x8f\x04\xaf\x13\xc7\re\x87\x0e\x1dl6\x9b\xd1h\xdc\x7f\xe8d\xdb\x0e\xcf\xed\xda\xb6_\xb6\x04\x12J\xdd|I\x801\xa6\xeb\xbad\xf1\xbb~3\xbdW\xcfaq_\xffl4\x18\x1c\x0eG\xd5\xaaU\xb9\xf5\x17i?\x82\xf2\x8a\x10\x00\xc1\xa3\xe2\xd4\x80m\xdb\xb6\xf15aUU\xce\x9e\xbf\x12\x15=l\xd6\'\xf3%\xb3\x0f6\x1a\xdc\xb6f\x1c/p$[\x02\xe3\xd7ni\xd9f@\xfc\xe6\xbd&lt;\xe3322\xf2\xe0\xc1\x83\xdc\xf7\xf7\x94I\x8c@P\\\x84\x00\x08J\x00\xae\x01\xb2,/X\xb0`\xfc\xf8\xf1\x0e\x87\x06\x00\x0c\xa1\xf1oL\x7f\xf6\x99\x7f\xa6\xde\xc8\x90\x03\x02)\xa5n\xb5S\x8cw\xb8\x94\xfc}u\tO{kz\xaf\xbe/]\xbf\x99\xa1(\xb2\xcdf\x8b\x89\x89\x89\x8f\x8f\xafZ\xb5\xaa\x88\xfc\x08\xca7B\x00\x04%\x03\xc6\x98\x17\x8a\x981c\xc6\x0f?\xfc\x10\x18\x18Htb4\x1aV\xfe\'!\xb2\xed\x80%\x0b\xbe\xc3F#\xf6\xf5&amp;\xba\xee\xf2\x88\x10\x8f\xf9 U\x91-\x96\xcd\xf1\xbb:v\xf9\xfb\xd4\xf7\xe7\xab\xaa\x02\x00\x9a\xa6O\x992e\xc3\x86\r\x16\x8bEtz\x11\x94{\xc4"\xb0\xa0\x84\xd1u]\x96\xe5\xb3g\xcf\x0e\x1b6l\xd7\xae]\xb2,\xe9:\x01\x80\xeeQ\xad\xdf\x7f\xf7\x956\x1d\xdb\x80f#\xf9\x05\xbc\xb6h\x19\x8f\x8d1F\x08\x95\x8d*\x98\xcc\xa9\xe7/\xbc=m\xce\xe2o\xd6\x00\x00_\xf2\xadZ\xb5\xea\x92%Kbbb(\xa5\xbc\xe8E\x19\x0fO (c\x84\x00\x08J\x1e\xae\x01\x9a\xa6\xbd\xff\xfe\xfb\xef\xbf\xff\xbe\xae\xeb|;\x95"K\x83\x9f\x7fb\xfc+\x83\x9b\xb4l\x02\xba\x83\xe5\x17R\xca\xb0T\xea[\xab\x18\x00%\x14\x80IF#\x18\xbdn^\xb9:/n\xe5\xdcy+\xd2nYy\xae\'\x00\x0c\x1c8\xf0\xb3\xcf&gt;\xabV\xad\x1a\x1f|\xa9\x8eG p\x13\x84\x00\x08J\x05g\xb9\xb4}\xfb\xf6M\x9e&lt;y\xf3\xe6\xcd\x00 \xc92\xd1uU\x91_x\xae\xcf?\xc7\xbe\x10\xde\xac\x01(\n\xe4\xe7\x13\x87\x06\x08J|\x93-\x03\xa0\x942\xcadY\x02\x1fo@\xe8\xea\xf9\xcb\x8b\xbe\xfe\xf9\xaby?\xdc\xbc\x95\t\x00\x92$\x11B\xea\xd5\xab7m\xda\xb4\x81\x03\x07\x02\x80\x08\xfa\x0b*\x14B\x00\x04\xa5\x05c\xcc\x99B\xb3d\xc9\x92\xb7\xdez+55\x15\xee\x98]I\xc2\xdd\xa2\xda\x0c\x1e\xd4\xe7\xc9\xc7\xa3|\x83\x83\x00\x18\x14\x14\x10\x87\xc6\x18 \x8c\xf0\xc3F`\xf8\xfed\xca\x18\x02\x90$\t\xbcM\x80\x15=?w\xeb\xb6\x03\xdf~\xb7v\xf5\xda\xad9\xb9\xf9\x00 I\x98\x10\xaa\xaa\xea\xeb\xaf\xbf&gt;a\xc2\x04???B\x88(\xf3 \xa8h\x08\x01\x10\x94.\xcexzZZ\xda\xdc\xb9s\xe7\xcd\x9bw\xf3\xe6M\x00\xc0X\xa2\x94\x00@H\xf5\xe0\xe8\xeem\x9fz\xa2[T\xa7\x96\xbe\xc1A\x00\x18\x88\x06v\x07\xd5\xb4;\xd5&amp;0\x00\x00\x02|\x8fuf\xec\xf6\xf5\xcb\xff\x0fc\x84e\x19T\x05\x14\x15\x00Hn\xee\xbe\x03\'~\xfee\xcbo\xf1\xbf\x9fL&gt;\x07w\x9a\x1b\x03\x80\xaa\xaa/\xbc\xf0\xc2\xf8\xf1\xe3\x9b4i\x02\xc2\xf1\x17TT\x84\x00\x08\xca\x02\xa7\x85\xbdy\xf3\xe6W_}\xf5\xc3\x0f?\x9c:u\n\xee\xe4\x8f\xf2\xd7\x84T\x0fn\x1d\xd9\xa4S\xfb\x88\x0em\x9b\xd5\x0b}\xcc\xaf\x92\x05d\x15\x00\x03\xe8\x00\x00\x94\x82\xdd\x01\x80\x00\xf8\x15\x8b\x00\x18(2\xdc\x8e\xd7\xcb\x00\x0c\xa8^\x90\x99}\xf1\xf2\xf5}\x07\x8e\xef\xdc}h\xdf\xfec\xdc\xee\x17\xfd\xa2\xe0\xe0\xe0\xbe}\xfb\xbe\xf2\xca+N\xd3/\x1c\x7fA\x85E\x08\x80\xa0\x8c(\x1a\x11\xb2\xdb\xed+W\xae\\\xb6l\xd9\xd6\xad[y;I\xa7o\xce\xa9T\xc9\xd2\xb0^\xed\xba\xb5C\xea\x84&gt;\xd6\xbay}E\x91}\xbcM\xa1\xa1\xb5\x80\x12\x00n\xac\x19H\xf2\x8d\xd4\x9b\xd7o\xa4#Y:r\xfc\xec\xc5\x0bW\x8f\x9d&lt;w\xf6\xdc\x95\xd4\xd44Bn\x97!*\xfa\xb1\xe1\xe1\xe1\x83\x07\x0f\x1e&lt;xppp0\xdc\xd9\x02&amp;\xfa\xba\x08*2B\x00\x04e\n\xdf+\xe0\x8c\xb7\x9c&lt;y\xf2\xb7\xdf~\xfb\xf9\xe7\x9f\xf7\xef\xdf\xa7\xffU\xf18\x8b\xc5\x971v\xdb\xfc3@\x18\xe7\xe4\xe4\x92\xbf\xda\\\xd6\xa8Q\xa3\xc7\x1f\x7f\xbc_\xbf~m\xda\xb4\xe1\xdf+L\xbf@\xc0\x11\x02 p\x01\\\x06\x8a\xc6^\x92\x93\x93\xf7\xed\xdb\xb7v\xed\xda\x03\x07\x0e\xa4\xa6\xa6&gt;b\x97\xf9\xa0\xa0\xa0f\xcd\x9a\xf5\xee\xdd\xbbs\xe7\xce-Z\xb4p\xea\r\xaf\xea#\x02&gt;\x02\x01G\x08\x80\xc0\x95\xf0\x16\xf3E\x8drAA\xc1\xa5K\x97N\x9d:u\xf4\xe8\xd1\xa3G\x8f\xa6\xa7\xa7\x9f&lt;y\x92\x10\x92\x93\x93\xe3\x0c\xec\x14\xc5b\xb1\x00@hh\xa8\xc5b\x89\x8c\x8c\x0c\r\rm\xdc\xb8qXX\x98\xbf\xbf\xbf\xf35\xba\xaes\x97_\x98~\x81\xa0(B\x00\x04n\x01W\x02\x84\xd0\xbd\xd98\xd9\xd9\xd9\x94\xd2\x1b7n\xdc\xb8q\xe3\xae\x7f\xf2\xf1\xf1\t\x0b\x0bc\x8cq\x19\xb8\xef\x07\n\xbb/\x10\xfc\x11B\x00\x04\xee\x05+\x02\xcf\x1f}\x90`=\x8f)\xf1\x8bY\x18}\x81\xe0\x01\x11\x02 \xf8k\xf8Ero\x117g\xc1\x9cR\xb5\xb6\xfc\xdb\x993\xe7\xff\x7f\xe1\xf2 \xcc\xbd@\xf0\x10\x08\x01\x10\xdc\x07\xa7C\xfd\x80\xde4!\xa4X\x0e\xbb@ p\x07\x84\x00\x08\xfe\x0b\x8f\x9bc\x8c\xef2\xe2YYY\xba\xae\xf3\xc5\xd8\xa2\xcf\x87\x86\x86\x9a\xcdf\xb3\xd9\\4p\xcf\xf3\xfdE\x1cF p\x7f\x84\x00\x08\xee\x93\x94\x99\x99\x99\x99\x94\x94\xb4g\xcf\x9eC\x87\x0e]\xbdz5%%\x85R\x9a\x9d\x9d}\xd7\x1b\xbd\xbc\xbc\x0c\x06C\x95*Uj\xd4\xa8\x11\x19\x19\xd9\xb2e\xcbV\xadZ\xd5\xa8Q\xc3\xf9\x02\x91v)\x10\xb83B\x00*4wm\xcbJNN\xfe\xf5\xd7_7l\xd8p\xf8\xf0\xe1\x8c\x8c\x8c\x87\xf8@//\xaf\xc6\x8d\x1bw\xe9\xd2El\xbc\x12\x08\xdc\x1f!\x00\x15\x94\xa2\xa6?\'\'g\xcd\x9a5E\x0b3\xdc\x17/\x93\xd1`40J\xf9\xba/\xa54;\'\xefO\xbe\x82\x97^\x188p`HH\x08\x88\xaa;\x02\x81\xfb!\x04\xa0"\xe2,\xcd\xc6+t.Z\xb4\xe8\xea\xd5\xab\x00\x801\xa2\xf4\xf6\xf5\xe0\xedej\xd4\xa8n\xe3Fu\xeb\xd6\xae\xd1\xbay\x03E\x95Ck\xd7\xf0\xf1\xf3\x01B\x00\x10  :9q\xea&lt;a\xec\xe8\x89\x94K\x17\xaf%\x1d9}\xfcdJF\xe6\xed0\x91\xb3\xf8\x9a\xaf\xafo\xff\xfe\xfdE\xddM\x81\xc0\r\x11\x02P\xb1p:\xfe\x0e\x87\xe3\x93O&gt;\x99={vZZ\x1a\xdc]\x9c\xb9\xdd\x13\x8fwn\x19\xd1\xb0\xe6c\xd5\xc0`\xfco=N\xbb\x03(\xfdo-6\x84\xc0h\x00\x00\x00\t\x00\x8082\xae\xa5\x1d&gt;qv\xc3\xc6\xdd\xbf\xc6\xefLN&gt;\x0f\xb7\xb33\x19c\xb7\xcb/\xff\xfb\xdf\xff\xae^\xbd:\x17\x06\x11\x11\x12\x08\\\x8e\x10\x80\n\x84\xb3KW||\xfc\x84\t\x13\x8e\x1f?\x0e\xce\xf6,\x18w\xeb\xdaf\xccK\xcfEuh\xe1\x1b\\\t\x80\x81\xdd\xce\xec\x0eJ)c\xe0L\xf6\xbf+~\xc3\xa7\x0b\xff\xad\xc5\xaf*`2\x02HzNvb\xd2\xa9\x85\x8bW\xfd\xf8\xf3\xa6\xdc"\rX*W\xae\xfc\xd6[o\x8d\x1d;\x16\xee\xb4\x8d,\xebS \x10\x08\x8a \x04\xa0\xa2\xc0\rnnn\xee\xe4\xc9\x93g\xcf\x9e\r\x00\xbc\x1d\xee\xff6h\x94!\xbf\x807h\xe4Y\x9c\xc5\xfa\n\xc6\x18\xa5\x8c1&amp;\xcb\x12x{\x01\xc6\xbc\x05\xe3\xdcy?\xa4\xdd\xca\xe4J\x03\x00111\xb3g\xcf\x0e\x0b\x0b\x13\x1a \x10\xb8\x16!\x00\x15\x02nj\x93\x92\x92F\x8c\x18q\xe8\xd0!g\'\xf4\xe7\x9e\xe9\xf5\xe6\xa4QM"\x1a\xddn\xd1\xceX\x89\xac\xd3\xde\xd5\x84=\xed\xea\xb5\xd9_.\xff\xe4\xb3%\x0eM7\x18T\xbb\xdd\x11\x18\x188w\xee\xdc\x01\x03\x068\xfb\x85\x95\xc4_)\x10\x08\x8a\x87\x10\x80r\x8e3\xe8\xbfx\xf1\xe2q\xe3\xc6\xe5\xe6\xe6r\x13\\/\xb4\xe6\xac\xcf\xfe\xd5\xbboW\xd0\t\xc9\xcdG\xb8T\xd24o7\x811\x1a\xc1\xe4u"\xe9\xf8k\xaf\x7f\x1a\xbfi\x0fo\r\x0f\x00\xe3\xc6\x8d\x9b9s&amp;\x14\x89M\t\x04\x82\xb2D\x08@y\x86\xd7\xcf\xc1\x18\xcf\x9a5k\xfc\xf8\xf1\x08\x01B\x98R:bh\xbf\xe9\xd3\xdf\xf0\x0b\xf4\'Y9\x08\x95\xfaz\xecm\x190\xfb\x00\xa0Y3\x96L|s\x86N\xa8\xaa*\x0e\x876|\xf8\xf0Y\xb3f\x99\xcdf\xa1\x01\x02A\xd9#\x04\xa0\xdc\xe2\xb4\xfe#G\x8e\x8c\x8b\x8bSU\xd5\xe1p\xf8\xfax}\xf6\xe9\xeb#F?\x07\x05\xf9\xc4\xaeIr\xd9edRB\x01!\xec\xe7\xbfk\xeb\xeea\xb1o\x9d=w\xc5h4\xdal\xb6\xd6\xad[o\xd8\xb0\xc1b\xb1\x08\r\x10\x08\xca\x18!\x00\xe5\x13g\x03^n\xfd\x8dF\x83\xcdf\xaf\x1a\x1c\xb8f\xd5\xe7\x91\x1d\xdb\x12k\x06\x96\\\xb3\'K\xd7u\xd9\xe2\x97y=\xbdo\xbf\x97w\xed;j2\x1a\x0bm\xb6\xc8\xc8\xc8\xf5\xeb\xd7\xf3\x9a\xfeB\x03\x04\x822C\xdcl\xe5\x13\xbe\xea;m\xda\xb4\xb8\xb88\x93\xc9h\xb3\xd9##\x1a\x1e\xdc\xffcd\xfb\x08=3]\x92]V\x9fG\x96eb\xcd\t\xf07o\xdb\xb6,v\xc8S\x856\x9b\xc9hLLL\x1c8p 7\xfd\xc2#\x11\x08\xca\x0c1\x03(\x87\xf0\xdd\xb6qqq#G\x8e4\x1a\x0c6\xbb=2\xa2a\xfc\xfa\x85\x96@?\x92\x9b_\x96a\x9f?\x82R\x8a$\ty{\x8d\x1c6)n\xe9j&gt;\x0f\x88\x8d\x8d]\xb0`\x81\xc8\r\x15\x08\xca\x0c!\x00\xe5\r\x1eI\xdf\xb7o_\xbbv\xed$I\xd2u\xbd\xf6cU\x0f\xee\xfb\xd1b\xf1%\xf9\x85\xee`\xfd9\x8c2\x8a\x90\xe4k~\xe6\xc9\xd1\xab~\xd9\xca\xd7\x03f\xce\x9c9n\xdc8\xa1\x01\x02A\xd9 \x04\xa0\\\xc1\x17~\xb3\xb2\xb2"##/^\xbc\x8816\xfb\x986\xae\x9b\xdf\xaam3\x92\x93\xe7&gt;\xd6\x9fC)\x05E\xc9\xce+\xe8\xd9k\xc4\x81\xa4dUU\t!\xbbv\xedj\xd3\xa6\x8dX\x10\x16\x08\xca\x00q\x8f\x95+\xb8\xdd\xfc\xc7?\xfeq\xfe\xfcyUQt]\x8f\x9b\xfdv\xab\x0em\xf4\xec\\w\xb3\xfe\xc0\xd7{\x1d\x0eK\x90\xff\xca\xe5\xd3-\xfefJ\x08c\xec\xf9\xe7\x9f\xcf\xcd\xcd\x05\xb1\x18 \x10\x94&gt;B\x00\xca\x0f&lt;\xf4\xbfr\xe5\xca\x95+W\x1aT\xd5f\xb7\x8f\xfb\xc7\xc0\xa7_\xe8\xa7e\xde\x92\x157\x8d\xa8`I\xd2\xb3rk7\x0c\x8b\x9b\xfd\xb6N\x88\xa2\xc8\xe7\xcf\x9f\x9f4i\x92\xb3\x98\xa8@ (=D\x08\xa8\x9c\xc0\x83?\xd9\xd9\xd9\r\x1a4\xc8\xc8\xc8\xa0\x946\x0f\xaf\x97\xb8\xe7\x07\xd0u\xcc\x98\x9b\xd7Z\xd0u]\xb6\x04\x8d\x89\xfd\xd7\x97\x0bW\xf1\x8d\xca;v\xec\xe8\xd4\xa9\x93\xa8\x1d-\x10\x94*b\x06PN\xe0\xc1\x9f\xb7\xdf~;--\rc$Ix\xd1\x97\xefH\x8a\x02\x84\xba\xb9\xf5\x07^\x914?\xe7\xc3\x8f&amp;\xd4\xa9U]\xd7u\x84\xd0\xb8q\xe3\xecv;B\xc2A\x11\x08J\x11!\x00\xe5\x01n\xfdO\x9f&gt;=\x7f\xfe|Y\x965M\x1f=\xec\xff":\xb4&amp;\xb9y\x92\xe4\x01?1B\x08\x1c\x9a9\xd0\xf2\xf1\xb4\xb1\x84PY\x96\x0f\x1d:\xf4\xc3\x0f?\x88@\x90@P\xaa\x08\x0f\xab&lt;\xc0C%C\x87\x0e]\xbat\xa9$I\x16\x7f\x9f3G~\xf1\x0b\xf0E\x9a\xee\xfe\xee\xbf\x13B\xa8\xe4g\xee\xda\xe5\x85m;\x0fb\x8c\xc3\xc2\xc2\x0e\x1f&gt;l0\x18\xe0vc\x19\x81@P\xc2x\x80{(\xf8sx\xb1\xcfs\xe7\xce\xadX\xb1B\x96%B\xc8\x98\xd8g-\xd5\xabQ\x9b\xc3\xe3\xec&amp;cl\xca\x1b\xb1\x00\xc0\'4?\xff\xfc3B\x88w\x11\x10\x08\x04%\x8e\x10\x00\x8f\x87\x07I\xbe\xfd\xf6[\xbb\xddN)\x0b\n\xf4\x1f\xf3\xd2s\xac\xd03\x82?E\x91$\xccr\xf3\xa2b:Euj\xa9\xeb\x04!\x14\x17\x17\x07\xa2:\x90@Pj\x88[\xcb\xb3a\x8cI\x92TXX\xb8l\xd92\x84\x10\xa5\xf4\xa9&gt;Q\x815\xaa{\xa2\xfb\x0f\xbc\xc7\xa4,\x8f\x1c\xd2\x0f\x80!\x84v\xee\xdcy\xe2\xc4\t\xb1\x12 \x10\x94\x12B\x00&lt;\x1b\xdeQk\xcb\x96-\xe7\xce\x9dC\x08\xa9\xaa2\xfe\xe5\xe7\x99fG\xd8\xf3\xac?\x00H\xb2\xc4\xf2r\xfb\xf5\xef\x19V\xb7\x06cL\xd7\xf5\xaf\xbf\xfe\x1a\xee\xccr\x04\x02A\xc9"\x04\xa0&lt;\xf0\xe3\x8f?r\xf7\xbfE\xb3\xfa\r\x9b5d\x85\x85\x1e\x1a6A\x00D#F?\xcbS}\xba\xf2\xf4\x84\xb5k\xd7\xda\xedv\xb1\x1b@ (\r&lt;\xd2L\x088&lt;\xfe\x93\x9f\x9f\x9f\x90\x90\xc0\xcd\xe5\xd3OvG\xaa\x81\x12\x0f\xce\xecB\x08\x01u&lt;\xfdDW\x8c\x11\xc6\xf8\xec\xd9\xb3\xc7\x8e\x1d\xe3\xf2\xe6\xea\xa1\t\x04\xe5\r!\x00\x1e\x0c7\xfa\xa7N\x9d\xbay\xf3&amp;BHU\xe5\'zu\x06\xdd\xee\xa1\xee?G\x920+(\x8ch\xdd$\xb4N\rJ)\xa5t\xd7\xae] \xa2@\x02A)\xe0\xc1\x96B\xc0m\xe2\xef\xbf\xffN\x08a\x8c\xd5\xaaY\xadv\xbd\xc7X\xa1\x1d{\xe6\x02\x80\x13\xaa\x13\xd5\xec\xdb\xbeM3~\xb8m\xdb6\x10[\x01\x04\x82R@\x08\x80\x07\xc3m\xe2\x8e\x1d;\xf8a\xfb\xb6\xcdT\xb3\x99z~\xd6&lt;\xdf\x9b\x18\xd5\xa9%?&lt;p\xe0@aa\xa1$Ib\xd3\xa2@P\xb2\x08\x01\xf0`0\xc66\x9b\xed\xc4\x89\x13\xfc\xb0U\xf3\x86\x00\xa8\x1c\x18I\x8c\x11P-\xbcq\x98\xa2\xc8\x08\xa1[\xb7n]\xbcx\x11D\x81h\x81\xa0\xa4\x11\x02\xe0\xa90\xc6\x10B\xb9\xb9\xb9\xa9\xa9\xa9&lt;:\xd2\xa8A\x1d\x00R\x0eB%\x08!\xb0k\xb5\x1e\xab\xe6\xeded\x8c\xd9\xed\xf6K\x97.\x81\x10\x00\x81\xa0\xa4\x11\x02\xe0\xa9\xf0\x05\x80\xe4\xe4\xe4\xfc\xfc|\x00d6{\xd5\xadS\x03\xec\x1e\xb9\xff\xeb.\x10BT\xd7}\x82\xfc\xeb\x85&gt;\xc6\x9f9x\xf0 \x08\x01\x10\x08J\x1a7\xed\x13"x@\x18c\\\t\x10 _\x1f/\xa0\xd4\xf3\xed?\x00\x00P\xa6\x18\r&amp;\x93\xe1\xf6\x91H\x01\x12\x08J\x011\x03\xf0T\xb8;|\xf8\xf0a~X\xbdZ%\x83\xd9\x9b\x91rb(\x19\x03\x00\\\xfb\xb1\xea\xfc0))\tD"\x90@P\xd2\x08\x01\xf0l222\xf8\x83\x90j\xc1&amp;\x7f3#\xe5a\r\x00\xb8\xbc!)\xacN\r~\xc8\xff\xcc\xf2\xf1\xa7\t\x04\xee\x83\x10\x00\xcfF\x96o\x07\xf14]\x87r\x17\'qh\x1a\x7f\xe0\xfc3\x05\x02A\t"\x04\xc0\xb3q\xae\x8b\x96K\xef\xd8\xf9G\x89\xe5_\x81\xa04\x10\x02\xe0\xd9\x94K\xbb\xef\xc4i\xf6\xcb\xf7\x9f)\x10\xb8\n!\x00\x9e\x8d\xc3\xe1\xe0\x0f0\xc6P\xee\xac\xa4,\xdf\xbe&gt;\x9d\x7f\xa6@ (A\x84\x00x*\xdc)\x0e\x0b\x0b\xe3\x87gR.\xe5\xa6e"E.\x1f\xd1\x12\xbe\x19\xf8\xe0\xe1S\xfc\x90\xff\x99\xe5\xe3O\x13\x08\xdc\x07!\x00\x9eM\xadZ\xb5\xf8\x83\xdc\xdc|\xaa\x97\x93\x14\xa0\xdb`\xc8\xce\xc9\xe3\x0f\xf9\x9f)\x04@ (Y\x84\x00x*\xdc\xd6\x9bL&amp;EQ\x10Bv\x87v\xfdF:\xc8r\xf90\x92H\xc2\xb6\xec\xfc\x9bi\xb7\x93\\}}}];\x1e\x81\xa0\\"\x04\xc0S\xe1\x02P\xaf^=\x1f\x1f\x1f\xc6Xa\xa1\xfd\xc2\xc5\xab\xa0(\xe5\xc0Mf\x8c!Y\xceI\xb7^\xbez\x83Oi\x9a7o\x0eb)X (i\x84\x00x*\x08!\xc6\x98\xb7\xb7\xb73\nt\xe4\xf8Y\x80\xf2P3\x99R\x06\x06\xf5\xec\xf9+\x05\x05v\x00\xe4\xe5\xe5U\xbbvm\x10\x02 \x10\x944B\x00&lt;\x18J\xa9\xa2(\xe1\xe1\xe1\xfc0\xf1\xd0I`z9\xb0\x92\x8c1@\xf2\xc1\xa4dJ)c,$$\xa4j\xd5\xaa\x8c1\x8f\xeet&amp;\x10\xb8!\xe2\x8e\xf2`\xb8\xb3\xdf\xb5kW~\xb8\xef\xc0\xb1\x82\x0c\xab\xa4x\xfc$\x00!\x00\xa0[w\x1e\xe0\x87\xed\xdb\xb7WUU\xd4\x83\x13\x08J\x1c!\x00\x1e\x0c\xf7\x88\xdb\xb6m\xab\xaa*B\xe8\xc6\x8d\x8ccG\xcf\x80\xc9H\xa9\x07\x0b\x00cLR\x95\x9c\x9b\xe9\xfb\x0f\x1c\xe7\xb3\x99.]\xba\x80H\x01\x12\x08J\x01!\x00\x1e\x0c\xc6\x981V\xbbv\xed\xda\xb5k3\xc6\x08\xa5?\xfd\xb2\x19\xb0g\xaf\x03S\xca\x98\xc9k\xe7\x8e\x03\xa97\xd2\x11B\xaa\xaa\xb6o\xdf\x1e\xee\xa8\x9d@ (A\xc4M\xe5\xd9\x10BTU\xed\xdb\xb7/\x00\x00\xa05\xbfm\xd7\xf3\xf3$Er\xf1\xb0\x1e\x05\xc6\x10\x92V\xad\xd9\x0c\x00\x94\xd2\x88\x88\x88\xd0\xd0PJ\xa9\x10\x00\x81\xa0\xc4\x117\x95g\xc3\x83$O?\xfd4\xc6\x18c\x94r\xee\xca\xf6-{\xc1\xcb\x8bxfc\x00\xc6\x186\xaai\x97.\xfd\x1a\xff;\xb7\xf8\xcf&lt;\xf3\x0c\xc6X,\x00\x08\x04\xa5\x81\x10\x00\xcfF\x92$Jiddd\xabV\xad\x18c\x94\xb2\x19_.G\x18\x03xd\x14\x88\x10\x8aL&gt;\xdf._w+\xdd\n\xc0|||\x9e\x7f\xfey\x00\x90$O\x9e\xd3\x08\x04\xee\x8a\x10\x00\x8f\x87\x87GF\x8c\x18\xc1\x18\x93$i\xeb\x8e\x03\xa7\x93N`o/\x8f\xf3\x9a\x19\x00V${N\xf6\xc2o\xd6`\x84)eO&lt;\xf1D\xd5\xaaUIy\xe9r#\x10\xb8\x1bB\x00&lt;\x1eI\x92\x18c\xfd\xfa\xf5\x0b\x0c\x0c\x04`\x85\x85\xf6\x0f\xa7/F\x8a\x81yZ.\x10\xd5\t\xf6\xf1\xfd\xe1\xbbu\xc9\xa7/`\t\x03\xc0\xc8\x91#]=(\x81\xa0&lt;#\x04\xc0\xe3A\x08QJ\x83\x82\x82\xc6\x8e\x1dK\x08\x95ey\xc5\xaa\x8d\xa7\x93\x8ea\x1fO\x9a\x040\x00\x90%Gn\xee\x073\x96`\x8c\t!QQQQQQ\x94R\x11\xff\x11\x08J\t!\x00\xe5\x01\x9e\x0f:f\xcc\x18\x8b\xc5\xc2\x18\xb3;\xb4W&amp;|\x82&lt;\xaa0\x1c\xd1t\xc9\xec?\xfd\xd3\x85\xa7\xcf^\x92e\x8916e\xca\x14\x10\xe9\xff\x02Ai"\x04\xa0&lt;\xc0\'\x01\x81\x81\x81\xef\xbe\xfb.!DU\x95\x8d[\xf6\xfd\xf8\xcdj\xc9\xdf\x9f\xe8\xc4\xd5\xa3\xfbk(\xa1\xb2\xd9\xfb\xdc\xf1\x93\x1f\x7f\xfe\x8d\xa2\xc8\x0e\x87\xd6\xbf\x7f\xff\xa8\xa8(B\x88p\xff\x05\x82\xd2\x03\t\x0f\xab|\xc0\x18c\x8cQJ[\xb7n\x9d\x94\x94$IR`\x80\xef\xd1\xfd\xab*W\tbv\xbb\x9b\'\xd1\x13\xc6\xb0\x97)\xba\xc7\xb0\xcd\xdb\x13\x15E6\x1aM\x87\x0f\x1f\xe6\xbb\xdb\xdc|\xe4\x02\x81G#\xee\xaer\x02\xcf\x93\x91ey\xd1\xa2E\x8a\xa2`\x8c\xd3nY\x07\x0f\x9f\x84d\x89\x82[\'\x85j\x9a.\xf9\xfa\xff\xfb\xed\xcf7oO4\x1a\x0c\x9a\xa6\x7f\xf4\xd1Gu\xea\xd4\x11\x9b\xbf\x04\x82\xd2F\xdc`\xe5\x07\x8c\xb1\xae\xeb\x11\x11\x11\x93\'O\xd64\xcdh4&amp;l\xdd?\xed\xed\xcfe\xbf M\xd7]=\xba\xfb\xa3k\xba\x12\x10\xb8im\xc2\xd4\x8f\xe2TU\xb5\xd9\xed\xd1\xd1\xd1/\xbd\xf4\x92\x08\xfe\x08\x04e\x80\x08\x01\x957\x08!\x18\xe3\x98\x98\x98\x84\x84\x04\x83\xc1`\xb7\xdb\xbf\x9e7u\xc8\xa8\x17\xb4\xcc[\x8a\xa2\xb8zt\xff\x03\xd1u\xc9\xcf\xf7\xd8\xa1\x13]cFdg\xe71\x80\xa0\xa0\xa0#G\x8eT\xae\\Y\x04\x7f\x04\x822@\x08@y\x83R\x8a\x10JKK\x0b\x0f\x0fOKK\x93$\xc9\xa0\xca\xdb6.\x8a\xec\x18\xa9ef\xba\x8f\x06\x10\x9dH\xde&amp;\xab5\xb7K\xb7\xbf\x1f;yNU\x14\x87\xa6%$$\xf4\xe8\xd1C\xb8\xff\x02A\xd9 \x9c\xac\xf2\x06O\t\r\x0e\x0e^\xb7n\x9d\xc5bA\x08\xd9\xecZ\xcc\x13\xffH\xfc\xfd\x80\x12PI\xd7\xdc"\x16\xa4\xeb\xba\xe4\xe7c\xb5\xe6\xc6\xf4\x1eq\xec\xe49\xa3\xc1\xe0\xd0\xb4\x05\x0b\x16\x08\xeb/\x10\x94%B\x00\xca!|1 222..N\xd7uY\x96\xacY\xb91O\x8c\x8e_\x97 \x07X\x08\xa5\xae\x9d\xf6\xe9\xba.\xfb\xfb\x9d=}1\xa6\xf7\x88\xc4\xa4d\x93\xc9h\xb3\xdb\xc7\x8d\x1b\x17\x1b\x1b\xab\xeb\xba\xb0\xfe\x02A\x99!\x04\xa0|"\xcb\xb2\xae\xebO?\xfd\xf4\x82\x05\x0b\x1c\x0eM\x92\xb05;\xaf\xd7\x13\xff\x98?\xfb\x1b\xc9\xcf\x1fI\x92K\xf6\x07PJ\t\xa5\xb2%p\xd7\xb6}m\xdb?\x97\x98\x94l0\xa8\x85\x85\xb6\xd8\xd8\xd8\x993g\n\xeb/\x10\x941B\x00\xca-\\\x03bcc\x17,X\x80\x10\x06\xc6\x14U\x19\xfd\xca\xfb\xb1\xc3\xde\xc8uh\x92\xbfY\xd7\xf4\xb2\x9c\n\xe8\x9a\x8e\x8d\x06\xc9\xec3\xeb\x93\xf9Q\xd1/ff\xe5\xa8\xaaj\xb7;F\x8d\x1a\xb5`\xc1\x02^\xf2A\x14}\x13\x08\xca\x12\xb1\x08\\\xce\xd1u]\x96\xe5]\xbbv=\xf1\xc4\x13V\xab\x95\xe7\x05\xb5hV\x7f\xee\x97S\xdath\r\xf99\xba\xc3!\xc9r\xa9\xda]^\xce\x13\xfbYR/]\x19\xff\xea\x87+\xff\x93 I\x12!\x04\x00\xe6\xcd\x9b7j\xd4(\x9e\xb9$\xac\xbf@P\xc6\x88\x19@9\x87\xcf\x03:t\xe8\xb0y\xf3\xe6\x16-Z\xd8\xedv\x83A=t\xe4t\xa7.\x83\xdf\x9e\xf4IvA\xa1l\tD\x00\xbaNJ\xdc\x15`\x0c\x08!\x94R\xc9\xdf\x17\x1b\x8dK\x16|\x17\xd9v\xc0\xca\xff$\x18\x8d\x06BH@@\xc0\x0f?\xfc\xc0\xad\xbf\xf0\xfd\x05\x02\x97 f\x00\x15\x02ndsss_}\xf5\xd5\x85\x0b\x17\xc2\x1da\xa8\x1f\xfa\xd8\x1b\xaf\xbf8h@o\xd5\xcf\x0f\n\xf3u\x9b\x1dc\x8c0~DcL)\xa5\x94\xca\x8a\x02&gt;\xde@\xf4\x84\x8d\xbb&gt;\xfed\xd1\xe6m\xfb\x01@\x96%]\'\x1d:tX\xb2dIXX\x98\xc8\xf9\x11\x08\\\x88\x10\x80\x8a\x82\xd3\xd4\xaeX\xb1\xe2\xb5\xd7^KMMU\x14E\xd34\x00h\xd2(\xf4\x95\x97\x07\xf5\xfd[\x97\xe0\xc7j\x02\xb5C~\xa1\xae\x13\x84\x00a\x8c\xe0A]s\xde\x8f\x8c1*I\x122\x19A19\xb227l\xd9;\xe7\xab\xef\x136\xed\x01\x00\x83A\xb5\xdb\x1d\xb2,O\x9e&lt;y\xf2\xe4\xc9\x8a\xa2\xf0\xf0Ti\xfe\xd1\x02\x81\xe0\xcf\x10\x02P\x81\xe0\x05\xe30\xc6\xa9\xa9\xa9o\xbd\xf5\xd6\x92%K\x00@QdM\xd3\x01 \xb8r\xc0\xe0\x17\xfa\xf6\xeb\xd3\xb5M\xab\xc6\x92\xd9\x0f\x80\x80\xdd\x0e\x9aFuJ\x19\x03`\x08!\x00\xf4\xbf\x9f\x07\xfcy\x8c1R\x150\x1a\x00d\xb0\x17\x9e&lt;y\xf6\xb7\xf8\xddK\x97\xad9~2\x05\x00dE\xe6\xfb\x0f\xbaw\xef\xfe\xfe\xfb\xef\xb7i\xd3\x06\xee42s\xc1Y\x10\x08\x04w\x10\x02P\xe1pN\x056o\xde\xfc\xf1\xc7\x1f\'$$\x00@\xd1\xc6\xeb\x8d\x1a\xd6\xe9\xd9\xa3}\xa7\x0e\x11\xad"\x1aU\xafRI2{\x03\xe2~:\xb9\xa7\xaa\xdc\x9d\xe7m\xb6\xf4\x9b\x19G\x8e\x9f\xdd\xb9\xe7\xf0\xc6\xcd{\xf6\'\x1e\xe7k\xbc&lt;\xe0\x03\x00M\x9a4\x19?~\xfc\xf0\xe1\xc3\x81\xef\x02\x13A\x7f\x81\xc0\r\x10\x02P\x11\xe1\x85\xa3\xb9\x0c$$$\xcc\x993\'&gt;&gt;\xden\xb7\x03\x00\xc6\x88\xde\xe9%\xe9\xe5e|\xacf\xb5\x90\x90*\xad#\x1a*\x8a\x1c\xde8\xd4?\xc0\x8f\xe9\x04\x10 \x844\x8d\xec?p\\g\xec\xe8\x89\xb3W\xaf\xdc8\x9br9+;\x97\xbf\x11!\xcc\xd8m9i\xdf\xbe\xfd\x8b/\xbe\xf8\xc2\x0b/\xa8\xaa\xea\x9c\x82\xb8\xe2\x8f\x16\x08\x04w#\x04\xa0\xe2R4\xf9\xf2\xd4\xa9S+V\xac\xf8\xf1\xc7\x1fO\x9e&lt;Y"\x1f\x1e\x12\x12\xd2\xbbw\</t>
        </is>
      </c>
    </row>
    <row r="178">
      <c r="A178" s="1" t="n">
        <v>176</v>
      </c>
      <c r="B178" t="inlineStr">
        <is>
          <t>polygon_sides_number</t>
        </is>
      </c>
      <c r="C178" t="inlineStr">
        <is>
          <t>What is the missing number of the part denoted with a question mark?</t>
        </is>
      </c>
      <c r="D178" t="inlineStr">
        <is>
          <t>[6, 8, 4, 9]</t>
        </is>
      </c>
      <c r="E178" t="inlineStr">
        <is>
          <t>9</t>
        </is>
      </c>
      <c r="F178" t="inlineStr">
        <is>
          <t>There are 6 numbered polygons arranged in a triangle with number [8] in the top row, [5, '?'] in the middle row, and [6, 4, 7] in the bottom row.</t>
        </is>
      </c>
      <c r="G178" t="inlineStr">
        <is>
          <t>We observe that the polygon with 8 sides has the number 8, the polygon with 5 sides has the number 5, the polygon with 6 sides has the number 6, the polygon with 4 sides has the number 4, and the polygon with 7 sides has the number 7. Thus, the pattern is that the number inside the polygon represents the number of sides the polygon has.</t>
        </is>
      </c>
      <c r="H178" t="inlineStr">
        <is>
          <t>Based on the pattern that the number inside the polygon represents the number of sides of the polygon, the missing number of the polygon with 9 sides should be 9.</t>
        </is>
      </c>
      <c r="I178" t="inlineStr">
        <is>
          <t>b'\x89PNG\r\n\x1a\n\x00\x00\x00\rIHDR\x00\x00\x02\x00\x00\x00\x02\x00\x08\x02\x00\x00\x00{\x1aC\xad\x00\x00\x9a\x80IDATx\x9c\xec\x9dw|TE\xd7\xc7g\xe6\xde\xbb\xbb\xd9\x9aM\xa3\xf7\xde{oA\x08U\x9a\xd2!\x02R\x1fD\x05AQA\x01\x11\xc5B\x11\x11\x05\xa4IQ\x8aTQzS\x10\x08\xbd#\xbdII\xdd^\xee\x9d\x99\xf7\x8f\x815/M\xd4d\xeb|?&lt;\xcfG\x96\x9bd\xb2{\xef\xf9\xcd)s\x0e\xa4\x94\x02\x0e\x87\xc3\xe1D\x1e(\xd0\x0b\xe0p8\x1cN`\xe0\x02\xc0\xe1p8\x11\n\x17\x00\x0e\x87\xc3\x89P\xb8\x00p8\x1cN\x84\xc2\x05\x80\xc3\xe1p"\x14.\x00\x1c\x0e\x87\x13\xa1p\x01\xe0p8\x9c\x08\x85\x0b\x00\x87\xc3\xe1D(\\\x008\x1c\x0e\'B\xe1\x02\xc0\xe1p8\x11\n\x17\x00\x0e\x87\xc3\x89P\xb8\x00p8\x1cN\x84\xc2\x05\x80\xc3\xe1p"\x14.\x00\x1c\x0e\x87\x13\xa1p\x01\xe0p8\x9c\x08\x85\x0b\x00\x87\xc3\xe1D(\\\x008\x1c\x0e\'B\xe1\x02\xc0\xe1p8\x11\x8a\x18\xe8\x05p8\x01\x80RJ\x08\x01\x00 \x840\xc6\x82 @\x08\x03\xbd(\x0e\xc7\xdf@&gt;\x13\x98\x13QPJ1\xc6\xa2\xf8\xf0\xd6\x07c\x0c!D\x88\xfb\xc4\x9c\x08\x82\xdf\xee\x9cH\x81\x10\xc2\xac\xbc(\x8a\x18\xe3\xad[\xb7\xf6\xe8\xd1#))i\xf1\xe2\xc5V\xabU\x10\x04\x84\x10\xbb\x86\xef\x8a8\x11\x02\xf7\x008a\x0e\x8b\xf6 \x84X\x90\xe7\xee\xdd\xbb\x8b\x17/^\xbcx\xc9\x89\x13\xc7}\xd7\x14*T\xa8\x7f\xff\xfe\xdd\xbau+[\xb6,{EQ\x14\x1e\x17\xe2\x84=\\\x008a\x0b!\x84\x10\xe2\x8b\xf6\xec\xdb\xb7o\xe1\xc2\x85\x1b6l\xb8s\xe7\xcec\xaf\xd7h4-[\xb6|\xf9\xe5\x97[\xb5j\xa5R\xa9\x00\x00\x18c\x00\x80 \x08~[3\x87\xe3O\xb8\x00p\xc2\x8d\x87\xb6\xfc6\x9bm\xd5\xaaU\xdf~\xfb\xed\xbe}\xfb|\xd7H\x92T\xb7v\xc3\xce/\xf4\x8c1\xc7\xae^\xb7\xfc\xe7M\xeb&lt;\x1e\xb7\xef_+V\xac\xd8\xa7O\x9f\xee\xdd\xbb\x17,X\xf0\xd1o\xc8\xe1\x84\r\\\x008\xe1\x03!\x84R\xea\xdb\xb0\x9f8qb\xf1\xe2\xc5\xcb\x97/\xbfq\xe3\x86\xef\x9a\xf8\xf8\x84\xe6M[\'\xf7\xec_\xa1|\x15I\x92\x08&amp;H@g\xce\x9e\xfc\xe9\x975\x1b6\xae\xbet\xf9\x0f\xdf\x95F\xa3\xa9s\xe7\x17\x07\x0c\x18P\xaf^=\xf6\x8a\xa2(\x08!\x9e(\xe6\x84\r\\\x008!\x8f\xaf\xa6\x93\x99~\x8f\xc7\xb3y\xf3\xe6\x993g\xee\xda\xb9KVd\xdfe5\xaa\xd5~\xb1c\x8f\xa4fm\n\x15,\xe2\xf1\xb8\x9d.\'\xa5\x14B@)\xd0j\xb5\x1aMTFF\xfa\xde\xdfw\x7f\xb7t\xee\xef\x07~U\x14\xc5\xf7\x85\xf5\xeb\xd7\xef\xdb\xb7o\xfb\xf6\xed\xf3\xe4\xc9\x03\xb8C\xc0\t#\xb8\x00pB\x98\x87j:\xcf\x9d;\xb7|\xf9\xf2\xe5\xcb\x97\x9f={\xd6w\x8d\xc1`l\xde\xb4\xf5\x0b\x1d\xbb5n\xf0\x9cJ\xa5v\xba\x1c\x1e\x8f\x1b\xc2\xff\xb7\x91\'\x84PJDQ\xd2\xeb\x0c\x8a"\x9f&lt;}l\xdd\x86Uk\xd6/OM\xbb\xe7\xbb&amp;O\x9e\xbc\xc9\xc9\xbd\x93\x93\x93+W\xae\xcc^\xc1\x18s\x19\xe0\x844\\\x008!I\xf6h\x0f\xc6x\xc7\x8e\x1dK\x96,Y\xb1b\x85\xdb\xfdW(\xbft\xa9r\x9d;\xf5h\xd3\xaac\xf1\xa2%\t%6\xbb\x95\x12\xfaT\x93M1&amp;\x10Bm\x94V\x13\xa5\xbd~\xfd\xca\xd6\xed?\xff\xb8\xf6\xfb\xc3G\x0f\xfa\xae\x90$)11q\xd8\xb0a-[\xb6T\xab\xd5\xe0A\xa2\x98+\x01\'\x14\xe1\x02\xc0\t%\x9e\xa5\xa6S\xa3\xd64j\xd8\xb4s\xa7^\x8d\x1b&gt;\x17\x13\x13\xe7p\xd8\xdcn7\x80@@\xcfZ\xcc\xc3\xca\x874\x1a\x8dV\xabs\xbb\\G\x8e\xa5\xfc\xb0r\xd1\xa6\xad?\xd9lV\xdf5e\xcb\x96\xed\xde\xbd{\xff\xfe\xfdY\xa2\x18p\x87\x80\x13\x82p\x01\xe0\x84\x06\xcfR\xd3\x99/_\x81\xae/\xf4j\xdf\xf6\xc5\xb2e*\x02\x08\x1c\x0e\xbb,\xcb\xff\xba\x9c\x9fRJ\x08FH\xd0\xe9\xf4\x02\x12._\xbd\xf8\xf3\xa6\xb5\xab\xd6|\xff\xc7\x85\xbf\xe2K&amp;\x93\xa9C\x87\x0e\xbd{\xf7~\xee\xb9\xe7|\xee\x08?Q\xcc\t\x15\xb8\x00p\x82\x9ag\xaf\xe9\xec\xd4\xbe[\xb3\xa6\xad\x12\x12\xf2x&lt;\x1e\xa7\xd3\x01r.,C\x08\xa6\x14h4\x1a\x9d\xce\x90\x91\x91\xb6\xe7\xb7\x1d\xab\xd6,\xfdu\xef\xce\xec\xe1\xa6\xca\x95+\x0f\x1b6\x8c\'\x8a9\xa1\x05\x17\x00N\x90\xf2Ok:U*\x95\xddn\x93e\xefC\t\xde\x9c\x82%\x9c%I\xd2\xe9\xf4\x80\x82s\xe7O\xad\xdf\xf8\xe3\xca\xd5K\xff\xbc}\xcbwM\xde\xbcy\xdb\xb5k7l\xd8\xb0\xec\x89b\xee\x10p\x82\x16.\x00\x9c\xe0\xe2?\xd4t\x12\x84r\xbdy\x83oyZ\xadN\xadV\xdf\xbbww\xfb\xceM\xab\xd7\xfd\xf0\xdb\xbe]\xbekX\xa2899\xb9C\x87\x0eF\xa3\x11&lt;\x103\xee\x10p\x82\r.\x00\x9c`!\xa7j:\xfd\x03\xab\x1c\x95$\x95^o\xf4x\xdc\x87\x0e\xef\xffq\xed\xf7\xdbv\xfc\x92\xbdr\x94\xb7\x18\xe2\x049\\\x008\x81\'wj:\xfd\x01K\x14C\x84\xf4Z\xbd\xa4R]\xbbve\xddO+\xd7\xac_q\xf6\xdc)\xdf5QQQ-Z\xb4x\xe5\x95W\xb2\'\x8a\x01o1\xc4\t\x02\xb8\x00p\x02\t!\x04B\x98\xab5\x9d\xfe\x819\x04j\xb5F\xa7\xd3\xdb\xac\xd6\xfd)\xbf\xadY\xb7\xfc\xe7M\xeb\xdc\x9e\xff\x97(NNN\xce\xdeb\x88\xc5\x85\x02\xb7jN\xa4\xc3\x05\x80\x130(\xa5\xcc\xf4\xfb\xa1\xa6\xd3?PJ1\xc1\xa2 \xeatz\x84\xee\xb7\x18\xfai\xe3\xea\x8b\xff\xaf\xc5\x90\xb1s\xe7\xce\xfd\xfb\xf7\xaf_\xbf&gt;\xc8\xf6&amp;p8\xfe\x87\x0b\x00\'0\xb0\xbd\xff\xb6m\xdb\xc6\x8d\x1b\xf7\xfb\xef\xbf\xfb^\xcf\xed\x9aN\xff\x80\t\x06\x0fZ\x0ceff\xfc\xb2y\xfd\x9a\xf5\xcb\xf7\x1f\xfcM\x96\xff\xcac\xd7\xabW\xef\x83\x0f&gt;h\xde\xbc9+\x18\r\xe0j9\x11\x0b\x17\x00N``)\xdf\xf2\xe5\xcb_\xb8p\x81\x8d\xe2\xf2gM\xa7\x7f\xf0\xb5\x182\x18\x8c\xb2\xd7\xfbh\x8b\xa1\x12%J\x9c&lt;yR\xa3\xd1\x00\x00BH\xde8a\x03\x17\x00N\x00`s\xd8\xb7o\xdf\xde\xa2E\x0b\x84\x90V\xab{{\xe4x\xff\xd7t\xfa\r\x8c\x15\x08\x11k1t\xed\xfa\xe5\xed;6M\xf9b\x92\xc5\x9a%\xcb\xf2\x86\r\x1b\xda\xb6mK\x08\xe19a\x8e\xff\t\xd5\xbd\x15\'\x0c\x98:u*!DQ\x94&gt;\xbd\x07\xbd&gt;l\xb8\xc9\x14\x9d\x91\x99\xe6t9\x11B\x82 \x86\x8d\xf5\x07\x00\x08\x82\x88\x10r\xba\x9cii\xf7LF\xf3\xeb\xc3^\xef\xdf\xf7\x15Y\x96!\x84\xb3g\xcf\xf6\xa5\xc19\x1c?\xc3=\x00\x8e\xbfa!\xefK\x97.U\xaaT\xd9\xe5rj\xb5\xbam\x1b\x0f$$\xe4\xf1z\xbd\x91\xb0\x0b\xc6\x04\xabD\xd5\x9d\xbb\xb7\x93\x9e\xaf\xebr9\xa3\xa2\xa2\x0e\x1f&gt;\\\xae\\9\x9e\t\xe0\xf8\x1f~\xc3q\xfc\r;I\xbbd\xc9\x12\x97\xcb\t\x00x.\xb1E\xd1\xa2\xc5#\xc4\xfa\x03\x00\x04$xeo\xf1b%[\xb7h\x07\x00p\xb9\\\xdf~\xfb-x\xf0\xb6p8\xfe\x84\x0b\x00\xc7\xaf\xb0\x03_n\xb7{\xf1\xe2\xc5,\xf4\xd1\xe5\x85^\x94D\x9c\x1bJ\x08\xe9\xd9\xad\x1f+m\xfa\xfe\xfb\xef\x1d\x0e\x87 \x08\xdc\x1d\xe7\xf8\x19.\x00\x1c\xbf\xc2\x9a\xa3\xadY\xb3\xe6\xd2\xa5K\x00\x80\x12\xc5K\xd5\xaf\xdb\xd8\xee\xb0E\xc8\xf6\x9f!\x08\x82\xdda\xabQ\xbdv\x85\xf2\x95)\xa5\xb7o\xdf^\xb5j\x15\x84\x90;\x01\x1c?\xc3\x05\x80\xe3W\x10B\x94\xd2\xb9s\xe7B\x08)\xa5}z\x0f6\xe8\x8d\xd9\x07\xf0F\x08\x18c\x8d&amp;\xaag\xb7~\xec\xaf3g\xced\x07#\x02\xbb*N\xa4\xc1\x93\xc0\x1c\xff\xc1l\xdc\x993g\xaaV\xad\xaa(\x8a\xd9\x1c\xb3y\xfd\xbe\xd8\xd88V\x0f\x13\xe8\xd5\xf9\x15J\xa9(\x88N\x97\xb3y\x9b\xda\xa9\xa9\xf7 B\x07\x0e\xec\xafY\xb3&amp;+\x90\r\xf4\xea8\x91\x02\xf7\x008\xfe\x83\t\xc0\x82\x05\x0b\xd8\x96\xbf\xc5sm\n\x17.\xeav\xbb#\xcd\xfa\x03\x00 \x84\x1e\xaf\'OB\x9e\xb6\xad;Q@\t\xc1_}\xf5U\xa0\x17\xc5\x898\xb8\x00p\xfc\x04K\xff\xa6\xa5\xa5-^\xbc\x98\xbd\xf2\xe2\x0b\xbd"p\xef\xef\x03!\xe4\xf6\xb8\xbb\xbc\xd0\x8b\x9d\x04^\xb9r\xe5\xed\xdb\xb7y*\x98\xe3O\xb8\x00p\xfc\x84/\xfd{\xef\xde=\x00@\x9dZ\r\xea\xd4\xacg\xb7GV\xfa7;\x08!\x87\xc3Q\xadJ\x8dzu\x1aA\x08\x1d\x0e\xc7\xf7\xdf\x7f\x0f\x1e4\x8b\xe6p\xfc\x00\x17\x00\x8e\x9f`\r\x7f\xbe\xfd\xf6[\xb6\xe5\xef\xfabo\xb5Z\xc3\xeb^(\x05]_Lf\xbb\xfeo\xbf\xfd\xd6\xe5rq\'\x80\xe37\xb8\x00p\xfc\x01\xc6\x18!t\xe4\xc8\x91C\x87\x0eQJ\x13\xe2\xf34\x7f\xae\x95\xcdn\x8d\xd8\xed?\x03!dw\xd8\x12\x1b7/Q\xbc\x14\x00\xe0\xec\xd9\xb3\xdb\xb7o\x07\xfcP\x18\xc7_p\x01\xe0\xf8\x8f\xaf\xbe\xfa\x8a\x99\xb6\xb6\xad;\xe5\xcd\x93\xdf\xeb\xf5Fl\x02\x80\x01!\x94e96&amp;\xae\xcb\x0b\xbd\xd8_yk \x8e?\xe1\x02\xc0\xc9uX\xfa\xf7\xf6\xed\xdb+W\xae\x04\x00h4\x9a./\xf4r{\\\xbc\xf5\rxp(\xec\xf9\xd6\x9d\xa2\xa2\xb4\x94\xd2\xed\xdb\xb7\x9f={\x96\x85\xcb\x02\xbd4N\xf8\xc3\x9f@N\xae\xc3\xb2\x9a\xac\xe1\x01\x00\xb0^\x9dF\xd5\xaa\xd4p8\x1c\\\x00\x00\x00\x10B\xb7\xdb]\xbcX)\xde\x1a\x88\xe3\x7f\xf8\x13\xc8\xc9u\x04AP\x14e\xfe\xfc\xf9\x00\x00\x00h\xd7\xce\xc9&lt;\xc7\xf9\x10\xbc5\x10\' p\x01\xe0\xe4.\xac\xfas\xf7\xee\xdd\xa7O\x9f\x01\x00\x14.T\xa4I\xc3fv\x87\x8do\xff}\xf0\xd6@\x9c@\xc1\x1fB\x8e?\x98:u*\x00\x14\x00\xd0\xb1]\xd7\xd8\x98H\xec\xfd\xf0txk N@\xe0\xbd\x808\xb9\xc8\xe3f\xbf\xec\xcf\x9b\xb7\x80\xd7\xeb\xe1\xd6-;\xac5\x90\xcb\xe5l\xda\xaafzz\x1ao\r\xc4\xf1\x0f\xdc\x03\xe0\xe4"\x8f\x9b\xfdR\xc2\xedvq\xeb\xff\x10\xac5P||\x9en]^\xe2\xad\x818~\x83\x0b\x00\'\xb7\xe0\xb3_\xfe\x11\xac5P\xa7\xf6]5\x9a(\x00\xc0\xca\x95+\xef\xde\xbd\xcbS\xc1\x9c\\\x85\x0b\x00\'\xb7\x08\xce\xd9/\x84\x10\x8c\x15\x8c1!\x84RJ)%\x84`\x8c1V\x02\x9btE\x089\x9d\x8ere+\xd6\xad\xdd\x00\x00\xe0p8f\xcf\x9e\rx=(\'7\xe1\x02\xc0\xc9-\x82m\xf6\x0b\xc6\x98R\xaa\xd5\xeab\xccq\xd1\xd1f\x9dN\xafR\xa9T*\x95N\xa7\x8f6\x99cb\xe2\xf4:=\x08t/6\xf6F\x01\x08\x00\x00\x8b\x16-r\xb9\\\xecm\x0c\xe0\x928a\x0cO\x02sr\x85\xa0\x9a\xfd\xc2nr\xa3\xd1\xe4v\xbbN\x9d9~\xe8\xf0\xfe\xb3\xe7N\xdf\xfc\xf3\xba\xd3\xe9\x00\x14DEi\xf3\xe5-P\xbat\xb9\x9a\xd5\xebT\xaeX\xcdh4Y\xad\x16\x96\xbe\xf6\xf3:\x19\x08\xa16\x1d\x1b]\xbc\xf4\x07\xa5t\xe3\xc6\x8dm\xda\xb4\xe1\xa9`N.!\x06z\x01\x9c\xf0\x84\x10"\x8a\xe2C\xb3_\xd2\xd3\xd3D\xd1\xdf\xb7\x1c!D\xa5R\x89\x82\xb8j\xf5\xb2EK\xe7\x1e9z\xf0)\x9b\x9ere+\xf6\xea\xde\xaf[\xe7\x97T*\xb5\xcb\xe5\xf4\xbf\xd9U\x14%..\xfe\x85\x0e\xdd?\x992\x01B8u\xea\xd4\xd6\xad[\xf3\x9c9\'\x97\xe0\x1e\x00\'\xe7a7Uzzz\x85\n\x15X\xf7\xff\x15K\x7f\xa9W\xa7\xa1\xcd\xe6\xef\xf6\x9f\x84\x10\xb5Zc\xb5f\xbd\xf5\xee\xb0-\xdb\x7ff/J\x92\x04!b\x99\x00\x00\x80 \x08\x82 RJ\x15Ef+\xaf]\xb3\xfe\xb4Og\x17,X\xc8\xe9t \xe4\xd7\x05SJ%IJM\xbb\xd7\xbaC\xc3\xcc\xcc\x0cQ\x14\x8f\x1d;V\xbe|yJ)?:\xc7\xc9q\xf8-\xc5\xc9y\x82d\xf6\x0b3\xa6\x0e\x87\xbd\xf7\xcb/l\xd9\xfe\xb3 \x88\x08!\x84\x04Y\x96\xbd^\x0f\xc6X\xa5R\xabTj\x8c\xb1\xd7\xeb\x91e/\x84\x10!$\x8a\xe2\xc1C\xfbz\xf4m\x7f\xe7\xcem\xb5ZC\xa9_s\xb0\xac5P\xb1"\xc5[&lt;\xd7\x06\x00\xa0(\xca\x82\x05\x0b\xf8\xa9`N.\xc1=\x00N\xce\xc3\xacU\xbdz\xf5RRR(\xa5S&amp;\x7f\xdd\xab{\xbf\xf4\x0c\x7f\xc7\x7f\x08!F\x83i\xe8\xf0\xbe\xeb6\xac\x94$I\x96e\x08\x11\xa5\xa4B\xf9\xca]:\xf5\xacX\xb1\x9a9\xda\x0c\x00\xc8\xcc\xca&lt;}\xfa\xf8\xaa\xb5\xdf\x9f&lt;u\x94\xe5\xabEQR\x14\xb9I\xa3\xe6\x8b\xe7\xff\xe8\xff\xa6u\x18c\x83\xc1\xf8\xfb\x81\xdf\xba\xf6j\r\x00HHH8}\xfatll,\x00\x80\xc7\x8289\x0b\x17\x00N\x0e\xc32\x96\x87\x0e\x1d\xaaS\xa7\x0e!$!&gt;\xcf\xd6\x8d\xfb\xb5Z\x1ds\x0b\xfc\xb6\x0cB\x88N\xa7?|\xf4`\xa7\xae\xcd\x05$\x10J\xd8&gt;\xfa\x7f\x03\x87\xbf\xf9\xc6{\xda(\x9dW\xf6\xfaB@*Ir{\xdcSg|&lt;\xe3\xabOY+fA\x100\xc6K\x17\xacm\xd2\xa8\x99\xcd\xee\xef\xceE\x84\x10m\x94\xb6k\xef\xb6\x07R\xf6\x02\x00\xe6\xcc\x993p\xe0@EQ\xfc\x9fA\xe1\x847&lt;\x04\xc4\xc9\x15\x02&gt;\xfb\x85R\xa2R\xa9\xb7n\xdf\x08\x00`\xb1\x1dB\xc8\xf3\xad;}\xf0\xfeg\xb2\xecM\xcfHs8\xec\x1e\x8f\xcb\xe3q9\x1c\xf6\xf4\x8ct\xb7\xdb\xfd\xfe;\x1fuj\xdf\x8dY\x7f\x00 \x84p\xcb\x8e\x9fEI"\xfe\x8d\x02\x81\x07\xa9\x8b\xae/\xf6f\x8bg\r\xa2y\x0e\x80\x93\xe3\xf0[\x8a\x93\x93\x04\xcf\xec\x17\x08\x91"{\xcf\x9e;\r\x00\xa0\x80\xb2\xb2\xd4\x97z\x0ft{\\\x18cQ\x14\x11B\x10"\x08\x11\x8b\xfb\x13\x82\x9dNGr\xaf\x01\x0f\x02\xee\x94R\xfa\xc7\x1fg\xbd^/\x82\xfe^\xbc \x086\xbb\xb5\xf9s\xad\xe3b\xe3)\xa5\x87\x0e\x1d\xda\xb5k\x17B\x88\xcf\x8b\xe7\xe4,\\\x0089I\xf0\xcc~\x81\x10(\x18[\xadY\xec\xaf\xec\x08X\xa1\x02\x85\xbd^\xefc\x0b{\x10\x12\xbc\xb2\\ \x7fA\xbd\xde\xe0\x8b\x8b\xdalV\xaf\xd7\x13\x88\xc5C\xaf\xd7\x9b\'!o\xb7./\x01\x00\x08!s\xe6\xcc\xf1\xf3\x1a8\x91\x00\x17\x00NN\x12&lt;\xb3_(\x05\x08AI\x92\x00\x00\x00\xc0\xfb\xff\x03O\rC\xdd\xbf\xe2\xafkDQ\nT7\x9e\x87Z\x03m\xd8\xb0\x81\xb7\x06\xe2\xe48\\\x0089FP\xcd~a\xc5&lt;\xf9\xf2\x16`\xb9\x07\x08\xa1\xc3\xe9\xb8}\xe7\x96$I\x8f\xad\xec\xa4\x94J\xa2t\xf7\xeem\xbb\xc3\x06!d9\x80\xfc\xf9\x0b\xa8U\x9a\x80\x94`&gt;\xd4\x1a\xc8n\xb7\xf3\xd6@\x9c\x1c\x87\x0b\x00\'\x87\t\x9a\xd9/\x14AT\xb3F]J)\x00\x94u\xd4Y\xb5f\x996J\xf7\xd8H\xba\x82\x15\x9dV\xb7v\xc3\xca\x07M (\xa5\xb4A\xbd&amp;\x10A\xf6\xeb\x04\x04\xde\x1a\x88\x93\xabp\x01\xe0\xe4\x0c\xacx\xe6\xd2\xa5K;w\xee\x02\x00h\xb5\xba\xee]^r8\x1d\x81jb\x83\x90`w\xd8[4k\x1b\x1dmf]?\x11B?\xac\xfc\xee\x87\x95\xdf\xe5\xcb[\x00c\xec\x93\x01B\x88,\xcby\xf3\xe4\xdf\xb4u\xc3\x92\xef\xe7A\x88\xd8\x8by\xf3\xe4\x7f\xbeu\'\xbb\xdd\xe6\xe7\xc3\xc0&gt;\x04Ap8\xec\r\xeb7)U\xa2\x0c\x84\xf0\xf2\xe5\xcb;w\xee\xe4\x87\xc289\x08\x17\x00N\xce\x10l\xb3_ \x84^\xaf\xa7`\xc1\xc2\xc3\x86\x8c"\x84\x08H`20\xe2\xcd\xc1_\xcf\x9dn0\x18\rz\x03\xc6XQ\x14\x8dZ\x13\x17\x17\xbff\xdd\xf2\xff\xbd\xd6\xc7W\xaeJ)\x1d7fr\\\\B`\xa7W*\x8ab4\x9a^\xe8\xd0\x9dR\xcaZ\x03\xb1\xff\x08\xd4z8a\x06\x17\x00N\x0e\x10\x9c\xb3_\x04A\xb0X\xb2\x06\xbe&lt;\xacu\x8bv\xb2"3_DV\xe4\xb1\xe3G\xf6\xea\xdb\xe1\xe0\xe1\xdf\x8dFcll\xdc\x8d[\xd7_\x1f9`\xd0+\xbdl6+\xab\x07\xc5\x18\xbf=j|\x87v\x9d-\x96\xac\xc0\xb6\xe1\x14\x04\xc1n\xb7u\xea\xd0\xcdl\x8e\xa1\x94\xee\xde\xbd\xfb\xcc\x993\xdc\t\xe0\xe4\x14\xfc$0\'\x07`\x87T\x7f\xf8\xe1\x87\x1e=z\x00\x00J\x14/\xb9i\xfd\xbe`0RL\x99\x00\x00\xaf\x8f\x1a\xf8\xf3\xa6u\x0f\xb2\xbb\xf7\xfd\x956-\xdb\'$\xe4[\xb5z\xd9\x83\xc4\xef\xfdj\xd1\tc?\xe9\xdd\xe3\xe5,KV0\x9c\xbdR\x14%.6~\xd8\x88\x97W\xae^\n\x00\x185j\xd4g\x9f}\xc6O\x05sr\x04.\x00\x9c\x1c\x80\x10\xa2(J\xb3f\xcd\xf6\xee\xddK)\x9d\xfc\xe1\x8c&gt;\xbd\x06fd\xa6\x07\x83\x91b\x8d\xa9\xd5*\xf5\x94\x19\x1f}9\xeb3v"\xec\xa1M\xb4\xaf\xbc\xb2^\x9dF\xef\xbd\xf3Q\x95\xca\xd5333\x82\xa4\x05?\xebiq\xe8\xf0\xfen\xc9meY\x8e\x8f\x8f?|\xf8p\xa1B\x85x,\x88\xf3\xdf\t\xfc\x06\x87\x13\xea0K\x841f\xbd?\x01\x00q\xb1\t\xc1c\x9e\x10B\x8a\xa2\xd8\xec\xd6\x0f\xde\x9f\xbcn\xe5\xf6|\xf9\n\x80\x07k\x16EQ\x14D\xd6\x00\x8eR:\xa0\xdf+\x1bV\xef\xacR\xa9zj\xea\xdd \xb1\xfe\x0cB\xb0\xd1\x18\xcd\x96d\xb1X\xacV+x\xd0s\x9b\xc3\xf9/p\x01\xe0\xfcW\x98\xf5\x8f\x8a\x8a\x1a2d\x08\xb3J\xdf.\x9c\xa9(\x81\xcc\x9df\x87P\x02!\x8a\x89\x89\xdb\xb1k\xfb\xac9\xd3\xb2\xb22\xc1\x83\xbe:\x8a\xa2\x10J|\x85\x95?\xac\xf8\xee\xe5A\xdd\xce\x9e?\x95\x10\x9f\x97M\x0c\x0e\xf0\xd2\x01\x00\x00\x10B\xa24\xda\xb5\x1bV\xb8\xddn\x00@\xe7\xce\x9d+T\xa8\x801\x0e\x86\xf0\x14\'\xd4\xe1! N\x0e\xc0\xee\xa2\xd4\xd4\xd4\n\x15*\xa4\xa5\xa5\t\x82\xb0v\xc5\xf6\xca\x95\xaa9\x9d\x01h\x02\x91\x1dB\x88$I\x82 \xce\xf8\xea\xd3\x99\xdf|.\xcb2\x00\x805\x86\x03\x00\xe4\xcb\x9b\xff\xf6\x9d?\x01;\xf4\xf5 (d0\x18\xdf\x1c\xfe^\xbf&gt;C\xdcn\x97\xa2(\x01\xb7\xb3L_[\xb6\xab\x7f\xfd\xc6U\x08\xe1\xf6\xed\xdb\x9b6m\xca\x87Drr\x04\xbe\x89\xe0\xe4\x00\xccz&amp;$$t\xea\xd4\t\x00\x801^\xbb~y\x94&amp;*\xb0y`f\xfdeY\x1e8\xb4\xc7\xb4/?\x96eY\x14%\xf6z\xfd\xba\x8d\x16\xcf[\xbdu\xe3\x81o\xbf\xfe\xbei\xe3$J);\xc7 \x08\xa2\xcdf}\x7f\xe2\x9b\xc3F\xbc\x0c\x00\x10E1\xb0;$EQ\x8c\x06\xd3\xc6Mk\x99\xf5/W\xae\\\xa3F\x8d|\x99m\x0e\xe7?\xc2\x05\x80\x93cPJ\x07\x0e\x1c\xc8\xfe{\xed\x86\x95W\xaf_\xd6h4\x014\xa0\x08!\x01\t\xff{\xad\xcf\xb6\x1d\x9bDQDHP\x14\xd9h4}\xf6\xf1W\xdf\x7f\xf7S\xd3\xc4\x16*\x95\xaau\xcb\xf6\xdf\xcd_\xbdl\xd1\xba\x1a\xd5\xea`\x8c\t\xc1\x08"Q\x14\xd7mX9\xf4\xf5\xbe\xa2(\x066\x90\x85\x10\xf2x\xdc+\x7f\\\xca\x9c\xf5\x11#F\x88\xa2\xc8{\x82rr\n.\x00\x9c\x9c\x81\x15\xd2\xd4\xa8Q#11\x11\x00\x90\x9e\x91\xb6y\xcbO:\xad&gt;P\xd6\ncl2FO\x9f9y\xd7\x9e\xad\xa2(\x11B\x08\xc1\x05\x0b\x14^\xb5l\xd3K\xbd\x06:\x9d\x0e\xab\xd5B)\xb1X\xb2\xecvk\xe3\x86\xcdV}\xbfi\xc4k\xefPJ)\xa0\x18cI\x94\xb6n\xffy\xca\xf4IF\xa3)\x80\xbf\x82^o8p\xe8\xf7\x03){\x01\xa0\t\t\t\x1d;v\xe4\xdb\x7fN\x0e\xc2\x05\x80\x93c\xb0.:\x83\x06\r\x02\x00@\x08W\xaeY\xear9\x03b\xad\x08%QQ\xda\xb3\xe7N\xcd\x9e7\x03!D\x08\xa6\x14\xe8\xf5\x86\xb9\xb3\x96U\xaaP%5\xf5.B\x88M}\x11\x04\x01!\xc1j\xb5x&lt;\xee1o}\xf8\xd1\x07\xd3\x1e\x145)\x08\xa1\xd9\xf3f\x9c8yT\xab\xd5\x05$\x96E)UI\xd2\x8f\xab\x97\xb2\xbf&amp;\'\'\xc7\xc5\xc5\xf9y\xb0\x1a\'\xbc\xe1\x02\xc0\xc91\x98\x13\xd0\xae]\xbb|\xf9\xf2\x01\x00N\x9d&gt;~\xf8\xe8A\xbd\xce\xe0\xff\x1d4%D\x1b\xa5]\xbba\xa5\xdb\xed\x86\x10A\x00)%C\x06\xbc^\xb3F\x9d\xf4\x8c\xb4\x07=\xa2\xff\xdf\xca\x01\x00w\xee\xfd9\xe8\xe5W{\xf7x\x99\x10\x02\x10\x82\x10\xc9\xb2\xfc\xe3\xda\xef\xa34Q~\x1e\r\x0f\x00\xa0\x94j4\x9a+\xd7.o\xd9\xf13\x00@\x14\xc5~\xfd\xfa\xb1\x8eF~^\t\'\x8c\xe17\x13\'\xc7`\xf5*z\xbd\xbeG\x8f\x1e,\xad\xbal\xf9\x82\x80\x18,\x08\x91\xc7\xe3&gt;xh\x1f\xdb,c\x82\xa34Q\xed\x9f\xefl\xb3Y\x05\xe1a\xeb\xff\xe0K\xa0\x80\x04\x9b\xdd:\xa0\xdf+\x1a\xb5\x86`\x02\x00\x85\x10\x1e:\xbc\xdf\xe9r\xfa\xbf\x1f\x1c\x8b\xff\xacY\xb7&lt;33\x03B\xd8\xa4I\x93\xf2\xe5\xcbs\x01\xe0\xe4,\xfcf\xe2\xe4$\xcc&lt;\r\x180 **\n\x00\xf0\xcb\x96\r\x97\xaf\\\xf0s*\x98E\xc9\xed\x0e\xdb\x9d\xbb\x7fRJY\xb8\xa4`\xc1"y\x12\xf2\xca\xb2\x8c\xd0\x13\xe3\'\x08!\xaf\xd7\x9b?_\xc1"E\x8a\x03@Y\xde\xf5^\xea]\xbb\xdd\xe6\xffI,\xa2(Z\xad\x96\xd5\xeb~`\xe7\xd4\xdex\xe3\r\xf6\x1f\xfe\\\x03\'\xec\xe1\x02\xc0\xc9IX\x89}\xb9r\xe5\x9a5k\x06!t\xb9\x9c?\xfd\xb2\xc6\xffQ \x08\xa1\xa2(\x1e\x8f\x07\x80\xfbs\xbe\xb4Q\xdag\xa9\xe9\xa4\x94\x8a\xa2\xa8\xd5j\x1f|\x1dP\x14\x19c\xfc7\xa3\xc4r\x1a\x8c\xb1N\xa7\xffm\xdf\xee\x0b\x97\xceSJ\x8b\x17/\xde\xb4iS\xbe\xfd\xe7\xe48\xfc~\xe2\xe40\xac\xad\xc2\xe0\xc1\x83\x99\xb5]\xb9z)\x0b\xbb\xfb\xd9\t\x10EI\xadV\x83\x07\x87\xd4233\xdcn\xf7\xd3\xa7\xa9P\n\x10B.\xb7+==\r&lt;\x98\x02\xa3\x8d\xd2\xa9\xd5*J\x89\x9f3\xaf\x02B\x8b\x96\xccf\x8b\xe8\xd3\xa7OTT\x14\xebb\xe4\xd7Ep\xc2\x1d.\x00\x9c\x1c\x86\xedR\x9b5kV\xae\\9\x00\xc0\xa5\xcb\x17v\xed\xd9\xa6\xd7\x19\xfcVH\xc3R\x11:\x9d&gt;OB^\xdf+7\xff\xbc~\xe1\xe29\xcdS\xcf\xa6\x11\xa2DEE\xfd\xf1\xc7\xd9\x9b\xb7\xaeC\x08Y\x0e\xa0`\xc1\xc2z\xbd\xd1\x9fN\x00!D\xa7\xd3\x1d=~x\xff\xc1\xbd\x00\x00\x9dN7x\xf0`\xf0\xe0\x8d\xe5pr\x10~Kqr\x18_k\xa0\x01\x03\x06\xb0\xbf\xae\xf8q\xb1\x9fw\xae\x94\x12\xb5Z]\xbdj\xed\x07+B\x84\x90\x99\xdfLQI*\xd6\x1b\xee!?\x80R\xaa(\x8a \x88\xa2 &gt;\xe8\x18\x8a\xd8\xeb\xf5\xeb6\x96D\x95?\xab\x80\x08!\x1a\xb5f\xe5\xea\xa5n\xb7\x0b\x00\xd0\xa5K\x97&lt;y\xf2\xf0\xeaONn\xc0\x05\x80\x93\xf3\xb0\xaa\xca\x1e=z\xe8t:J\xe9\xef\x07~=z\xfc\xb0N\xe7\xbfjz\x08\x91\xc7\xe3i\xdb\xba#\x12\xd8 0\x82\x10\xda\xb6\xe3\x97\xf7?xS\xa7\xd3\x9b\xa3cX%(\x8bV\x01\x00$I\x15c\x8eU\xab5o\xbf\xf7\xfa\x8e\xdd[\x10B\x94\x12J\xa9^\xa7o\xd7\xf6E\xa7\xcb\xee\xb7* J\xa9Z\xa5\xbe{\xef\xee\xc6_\xd6@\x00\x11\x12^y\xe5\x15\xff\xfchN\x04\xc2\x05\x80\x93\xf30\' _\xbe|]\xbat\x01\x00\xb8\xdd\xee\x95\xab\x97j\xd4\xfek\r\x84\x10r:\xed\xd5\xaa\xd6\xea\xdc\xa9\x07!X\x14EvHm\xce\xfc/;\xf7h\xb5~\xe3\xaa\xd4\xb4{\x00\x00\x8dF\xa3\xd1h\x00\x00w\xef\xdd^\xb9fY\xa7\xae\xcd\x17-\x99\x8b\x10\xa2\x84\xb0/ye\xc8\xa8\xe2\xc5J\xba\xddn\xbf\xed\xbeY\xf7\xff\x8d\x9b\xd6\xdeK\xbdK\x01\xad^\xbdZ\xf5\xea\xd5Y\x9f"\xff,\x80\x13Q\xf0\xc22N\xae\xc0\xdaU\x1e:t\xa8N\x9d:\x84\x90\x84\xf8&lt;[7\xee\xd7ju~\x0be\xb0bP\x8f\xc7\xd3=\xf9\xf9Sg\x8e3\x83\x0e\x1e\xcc.6\x1a\x8c\xf9\xf2\x16\xd0\xeb\r\x00\x00\x9b\xdd\xf6\xe7\xed\x9bv\xbb\r\xdc\x8f\xb3C\x08\x01\xc6\xb8\xfd\xf3/~9u\xbe\xcb\xe5\xf4g\xec\x85R\x12\xa5\xd1&gt;\xffb\xe2\xc9S\xc7\x00\x00\x0b\x17.\xec\xd3\xa7\x0f\xef\xfd\xc9\xc9%\xb8\x00pr\x0bfj\xeb\xd5\xab\x97\x92\x92B)\x9d2\xf9\xeb^\xdd\xfb\xa5g\xa4\xf9mL\x18\x0b\xa6gfe\x0c\x7fs\xd0\x9e\xdfv\x00\x00\x10B\xa2 RJeE~\xe8bI\x92\x00\x80\x8a"\xb3\'\xa2O\xef\x81\xe3\xc6|\xa2(\n!\xfe\x0b\xbec\x8cMF\xd3\xf6\x9d\x9b\xfb\x0e\xeaB)MHH\xb8t\xe9\xd2\xfd\x9aT\x9e\x00\xe0\xe4\x02&lt;\x04\xc4\xc9-X\xd4e\xc0\x80\x01\xcc\xa4\xae\xf8q\x89\xc7\xe3\xf6g)\x0bB\xc8\xedq\x9bL\xe6\x85sW}8~J\x89\xe2\xa5\x08!^\xd9\xfb\xa8\xf5\x07\x00\xc8\xb2,\xcb^Ji\xcd\x1au\xe7\xcf^\xfe\xf1\x07\xd3e\xd9\xebO\xeb\xcf\x80\x08\xad\xf8q\t\x1bG3x\xf0`\x968\xe1\xd6\x9f\x93Kp\x0f\x80\x93[\xb0[+==\xbdB\x85\nlZ\xe4\x8a\xa5\xbf\xd4\xab\xd3\xd0f\xb3\xfa3\xa0\xc1\x0c\xa8\xc9\x14\x9d\x91\x99\xbe\xff\xe0\xde\xdf\xf6\xee8u\xe6\xc4\xed\xdb\xb7,\xd6,E\x91)\x05\x92(EG\x9b\x0b\x16(\\\xb5J\xcd\xa6\x8d\x9b\xd7\xac^W\xad\xd6XlY\x08"\xff\x06\x7f\xa8J\xa5\xbes\xe7V\xf3\xb6u\x9dNGT\x94\xf6\xd4\xa9\x93\xc5\x8b\x17g:\xea\xb7ep"\x8a\xc0\xcf\xec\xe6\x84+\xec8n\\\\\\rr\xf2\x94)S\x00\x00?\xae^\xda\xa4aS?\xef9\x98\xf5\xcc\xcc\xcc\x90D\xa9U\xf3\xe7\xdb\xb6\xec\xe0\xf6\xb8m6\xab\xd3\xe5\xf0x\xdc\x94\x02\xb5Z\xad\xd3\xe9\x8d\x06\x93Z\xa5\x96\x15\xd9\xe1\xb0\xbb=n\xff\xc7\xdc1\xc6:\xad\xee\x87\x95\xdf9\x9d\x0e\x00@\xd3\xa6\x89\xc5\x8b\x17\xe7\xd1\x7fN\xae\xc2=\x00N.\xc2v\xdfg\xce\x9c\xa9Z\xb5\xaa\xa2(fs\xcc/\xeb~\x8b\x8fK\x90\xe5\x00L\x0cf\xfd\xe9\x00\xa0\x08!A\x10\x11B\x10"\x08\x00\xa1\x84\x10\xa2(\n\xa5\x04B\x14\xa8\xed6\x84PQ\xe4V\xed\x1b\\\xbfq\r\x00\xb8m\xdb\xd6f\xcd\x9aq\x01\xe0\xe4*\xdc\xb5\xe4\xe4"\xac\xf5B\xf9\xf2\xe5\x9b4i\x02!\xcc\xcc\xccX\xb3n\xb9^\x1f\x80\x06\xd1\x80\xf5\xfb\x14\x04A\x10!D\x18cY\x96\xbd^\x8f\xc7\xeb\x91e\x99\xcdXg\xaa\xe0\xff\x85\x01\x000\xc6\x06\xbd\xf1\xd7\xbd\xbb\xae\xdf\xb8\x06!\xacP\xa1|\x93&amp;M\xf8\xec\x17Nn\xc3\x05\x80\x93\xbb\xb0\xf9*o\xbc\xf1\x06\xfb\x8f\xd5\xeb~\xb0Z-~+\x04z\x12\xf0\x11\x02\xbe\x1eY\xf6.\\&lt;\x9b9\xe5\xfd\xfa\xf5\xe3\xa3\x1f9~\x80\x0b\x00\'waN@\xd3\xa6MK\x94(\x01\x00\xb8p\xe9\xfc\xbe\xfd{\xf4\xba\x80\x8d\x8a\x0cB\x08!Z\xad\xee\xe4\xe9c\x07\x0f\xed\x03\x80\xb2\xac\t\xdf\xfes\xfc\x00\x17\x00N\xee\xe2k\r\xc4\x8c\x1a\xa0`\xd5\xea\xa5\xfe\x9f\xaf\x12\xcc\x10B\xd4j\xf5\xa2%s\x98(v\xec\xd81!!\x81W\x7fr\xfc\x00O\x02sr\x1dV\xc8x\xe9\xd2\xa5\x8a\x15+\xba\xddn\xb5Z\xfd\xd3\xea=\xa5J\x96q\xb9\x9c\xbc\xc0\x91R*IRzzZ\xcb\xf6\xf5333DQ&lt;~\xfcx\xb9r\xe5x\xf7\x7f\x8e\x1f\xe0w\x18\'\xd7A\x08a\x8cK\x94(\xf1\xc2\x0b/\x00\x00&lt;\x1e\xcf\xfa\x9fVF=\xb53s\xe4\x801\xd6i\xf5\x9b\xb7md\xa3\x1f\x1b5j\xc4\xad?\xc7o\xf0\x9b\x8c\xe3?\x06\x0c\x18\xc0\xc2\x1a\xeb~Z\x95\x91\x99\xfe\xe8p\xf6\x08D\x14E\xbb\xdd\xbah\xc9l6\xf1q\xe0\xc0\x81\x10B.\x8d\x1c\xff\xc0\x05\x80\xe3\x0f\xd8L]\xb6\xbd\x85\x10^\xbfqu\xe3\xa6\xb5F\x83IQ\x94@/-\x90\xb0\xc15\xbf\xee\xdb}\xe9\xf2\x056\xfa\xb1S\xa7N&lt;\xfd\xcb\xf1\x1b\\\x008~\x02c,\x8a\xe2\x88\x11#(\xa5\x00\xc0U\xab\x97z\xbd\x1e\x1e\xe8\x80\x10.Z2\xfb~\x07\xba&gt;}4\x1a\rO\xffr\xfc\x06O\x02s\xfc\x84\xaf5P\xb9r\xe5\xd2\xd2\xd2DQ\\\xb7b{\xc5\x8aU\x9dNGd\xca\x00!$*J{\xf1\xd2\xf9\xe7_Ht\xbb]z\xbd\xfe\xe2\xc5\x8by\xf2\xe4a\x07&amp;\x02\xbd:ND\x10\x89\x0f\x1e\' \xb0\xd0v\\\\\\\xc7\x8e\x1d\x01\x00\x8a\xa2,Z:G\xadVGl\xbc\x9bu\xab^\xb3~\x05\x1b\xfd\xd8\xae];&gt;\xfa\x91\xe3g\xb8\x07\xc0\xf1\x1f,\xb8q\xf6\xec\xd9*U\xaa\xb0\xd6@\x9b\xd7\xef\x8b\x8d\x8d\x0bHk\xa0\xc0\xc2\x02\xfdN\xa7\xb3Y\xebZi\xe9\xa9\x08\xa1\xed\xdb\xb7\'&amp;&amp;\xf2\xe6?\x1c\x7f\xc2=\x00\x8e\xff`\xa7\x82\xcb\x95+\xd7\xa8Q#\x00@ff\xc6\xe6\xad?\xe9\xb4\xba\x08&lt;\x15\xcc\x9a\xffl\xdb\xf1KZz*\x84\xb0f\xcd\x9a\x89\x89\x89|\xf4#\xc7\xcfp\x01\xe0\xf8\x15\xe6\x04\x0c\x1c8\x10\x00\x00!\\\xb9f\xa9\xc7\xe3\x89@\xab\xc7\x86\xd5\xac\xf8q\t\x00\x80R:`\xc0\x00\xf0`\x86\x1a\x87\xe37\xb8\x00p\xfc\n\xab\x07e\xf1n\x00\xc0\xa9\xd3\xc7w\xff\xba\xdd\x10\xa0\xfe\xa0\x81\x82m\xffS\x0e\xef?\x90\xb2\x17B\x98\x90\x90\xc0\xab?9\x01\x81\x0b\x00\xc7\xaf\xb0T\xb0^\xaf\x1f&lt;x0k\xd0\xbf\xe2\xc7%0\xf2\xaa\x80\x10B\xdf/_\x00\x00\xa0\x94&amp;\'\'\xc7\xc5\xc5\xf1\xf4/\xc7\xff\xf0$0\xc7\xdf\xb0\xd6@\x97/_\xaeX\xb1\x92\xcb\xe5\xd4ju\xdb6\x1eHH\xc8\xe3\xf5z#a\x0b\x8c\tV\x89\xaa;wo\'=_\xd7\xe5rFEE\x1d&gt;|\xb8l\xd9\xb2\xbc\xfd\x03\xc7\xff\xf0\x1b\x8e\xe3oXk\xa0\xe2\xc5\x8b7m\x9a\x08\x00p:\x1d\xdf\xaf\\\x94/o\x9c(\x8a\x8a\xa2\x84q\x1c\x9c\xcd\x1d\x13\x90\x98?\x7f\xdc\x86\x9fW\xbb\\N\x08a\xb3f\xcdx\xf3\x1fN\xa0\xe0\xf7\x1c\'`\xbc\xf1\xc6\x1b\x08!Q\x14\x17-\x99\xf3\xc5\xcc\xe9\x16KV\\\\\x826JK\x08\xc1\x18\x03\x10&amp;\xbe)\xa5\x14c\x8c1\x8e\x8a\xd2\xc6\xc5%X\xac\x99_\xcc\xfcb\xde\xc2\xaf$I\xa2\x94\xb2P\x18w\xc49\x01\x81\x87\x808\x81\x81\x99\xc5\xf2\xe5\xcb_\xb8p\x01!D\x08\x89\x8fK\xe8\xd4\xbe[\x87v\x9d+U\xa8*\x8a\x92\xddaS\x14\x19!!t#\xe3\xecw\x94$I\xa7\xd3C\x08\x8f\x1f?\xbcf\xfd\x8a5\xeb\x97\xa7\xa6\xddc\x17\x94(Q\xe2\xe4\xc9\x93\x1a\x8d\x06\x00\x10\xba\xbf&amp;\'t\xe1\x02\xc0\t\x0c\xac\x1et\xdb\xb6m\xe3\xc6\x8d\xfb\xfd\xf7\xdf}\xaf\x8b\xa2X\xafN\xa3\x97z\rlP\xafILL\xac\xd3\xe9p\xbb\xdd\x10\x82\xd0\x9a!C\x08\xa1\x94\xa8U\x1a\xbd\xc1\x98\x91\x91\xb6\xe7\xb7\x1d\xab\xd6,\xdb\xf3\xdbv\x8f\xc7\xe3\xbb\xa6^\xbdz\x1f|\xf0A\xf3\xe6\xcdYR$\x80\xab\xe5D,\\\x008\x01\xc3\xd7\xf4f\xdf\xbe}\xf3\xe6\xcd[\xb5\xeaG\xab\xd5\xe2\xfb\xd7\x12\xc5K\xb5k\xfbb\xd7\x17{\x17)\\\x8c\x10\xe2p\xd8\x99\xa1\x0c\xe6\x9d2\xa5\x94\x10\x0c\x11\xd2k\xf5\x92Ju\xed\xda\x95u?\xad\xfcq\xcd\xf7\xe7/\x9c\xf5]c4\x1a;w\xee\xdc\xbf\x7f\xff\xfa\xf5\xeb\x83lo\x02\x87\xe3\x7f\xb8\x00p\x02\t\xf3\x03\x98\x05\xbcy\xf3\xe6\x0f?\xfc\xb0h\xd1\xa2S\xa7N\xf9.0\xe8\r\xadZ\xb4\xeb\xde\xa5O\xf5\xaa\xb54\x9a(\xbb\xc3\xe6\x95\xbd\x08\xa2`\xdb2\xb3-\xbf$\xa9\xf4z\xa3\xc7\xe3&gt;tx\xff\x8fk\xbf\xdf\xb6\xe3\x17_\xb4\x07\x00P\xb6l\xd9\xee\xdd\xbb\xf7\xef\xdf\xbf`\xc1\x82\x00\x00\x16\xfa\x0f\xb6_\x84\x13Qp\x01\xe0\x04\x1ev\n\x8c\xd5\x80z\xbd\xdeM\x9b6\xcd\x9f?\x7f\xf3\xe6\xcdn\xb7\xdbwM\xf5j\xb5\xbb\xbe\xd8\xbbm\xab\x0e\xf1qy&lt;\x1e\xb7\xc3\xe9\x00\x00\x04\x83C\x80\t\x06\x14h\xb5:\xb5Z}\xef\xde\xdd\xed;7\xad^\xf7\xc3o\xfbv\xf9.\x90D)\xb1i\xe2\xb0a\xc3Z\xb6l\xa9V\xab\xc1\xff\xff}9\x9c\x00\xc2\x05\x80\x13,\xb0\x94\xa9(\x8a\xec\xaf\xa7N\x9dZ\xb4h\xd1\x92%K\xee\xdc\xb9\xe3\xbb&amp;\x7f\xbe\x02m[uz\xa1c\xb7*\x95kPJ\x1d\x0e\xbb,\xcb\x82\x10\x80D1\x8b\xf6\x08\x82\xa8\xd3\xe9\x11Bg\xcf\x9e\\\xbf\xf1\xc7\x15\xab\x97\xde\xbe}\xcbwM\xde\xbcy\xdb\xb5k7l\xd8\xb0\xca\x95+\xb3W0\xc6\xc1 Z\x1c\x0e\x83\x0b\x00\'\xb8`\xc7\x83\xc1\x83\r\xf2\xdd\xbbw\xd7\xaf_\xbfp\xe1\xc2}\xfb\xf6\xf9\xaeQ\xab\xd5\x8d\x1b6\xeb\xdc\xa9g\xe3\x86\xcf\xc5\xc4\xc49\x1c6\x7f&amp;\x8a\t!\x84\x10\x8dF\xa3\xd5\xea\xec6\xdb\xfe\x94\xdf\xd6\xac[\xbeq\xd3:\x8f\xe7/\x7f\xa5r\xe5\xca\xc3\x86\rk\xdf\xbe=\xebx\xc1~)n\xfa9\xc1\x06\x17\x00N\x90\xc2\xec\xac\xcf!\xd8\xbau\xeb\x92%K\xd6\xad[g\xb1\xfc\x95(.]\xaa\\\xe7N=\xda\xb4\xeaX\xbchILp.\'\x8a)\xc6\x04B\xa8\x8d\xd2j\xa2\xb4\xd7\xae_\xde\xb6c\xd3\xe2e\xdf\x9e=\xf7W\xc6B\xa3\xd1t\xed\xda\xb5w\xef\xde\xcf=\xf7\x1c\x130\xd6\xe0\x81\x07\xfa9\xc1\t\x17\x00NP\xf3\xd0\xde\xf9\xe6\xcd\x9b\xf3\xe6\xcd\xfb\xe1\x87\x1f\xce\x9d;\xe7\xbb\xc6`0\xb6Jz&gt;\xf7\x12\xc5\xber~\xbd\xce\xa0(\xf2\xc9\xd3\xc7\xd6mX\x95\xbd\x9c\x1f\x00P\xa8P\xa1\xfe\xfd\xfbw\xeb\xd6\xadl\xd9\xb2\xec\x15\x1e\xed\xe1\x04?\\\x008\xa1A\xf6\xc4\xa9\xc7\xe3\xd9\xbcy\xf3\xcc\x993w\xed\xda%\xcb\xb2\xef\x9a\x1cO\x14\x13\x82)\x05\x1a\x8dF\xa73\xa4\xa7\xa7\xee\xdd\xb7\xeb\xbbe\xdf\xfe~\xe0\xd7\xec\xb3\xec\x93\x92\x92\x92\x93\x93;t\xe8`4\x1a}\xeb\xe4\xa6\x9f\x13\x12p\x01\xe0\x84\x12\xcc!\xf0\xd5\xcf\x9c8qb\xf1\xe2\xc5\x8b\x17/\xb9{7\'\x13\xc5&gt;\xb7C\xa7\xd3\x0bH\xb8|\xf5\xe2\xcf\x9b\xd6\xaeZ\xf3\xfd\x1f\xff\xaf\x9c\xdf\xd4\xb9\xf3\x8b\x03\x06\x0c\xa8W\xaf\x1e{\x85G{8!\x07\x17\x00N\xe8\xf1P\\\xe8Y\x12\xc5v\x9b\xd5\xe3u\xc3\xbf\x8b\x0b\xfdU\xce\xaf3\xb8\xdd\xae#\xc7R~X\xb9h\xd3\xd6\x9fl6\xab\xef\x9a\x8a\x15+\xf6\xe9\xd3\xa7{\xf7\xee\xber~\x9e\xe0\xe5\x84(\\\x008!\xcc\xb3$\x8a\xcb\x94*\xf7b\xa7\x1e\x1d\x9e\xefR\xa4H1\xd9\xeb\xb5;\xed\x94\x90G[\x0c\xb1h\x0f+\xe7OK\xbb\xb7q\xd3\xba\x15?.9r\xf4\xa0\xef\x02I\x92\x12\x13\x13\x87\r\x1b\xd6\xaaU+\x95J\x05x9?\'\xf4\xe1\x02\xc0\ty\x9e%Q\x1c\x1f\x97\xd0\xfc\xb9\xd6/v\xecQ\xb3F]\xb5Zc\xb7[e\xd9\x0b\x11\x82\x00\xde/\xe7\xd7\xea!\x84\xe7\xce\x9fZ\xbf\xf1\xc7\x15?.\xbd}\xe7\xafr\xfe&lt;y\xf2&amp;\'\xf7NNN\xf6\x95\xf3+\x8a\x12\x90\xc3\x07\x1cN\xce\xc2\x05\x80\x13&gt;&lt;&gt;Q\xbcs\x97\xac\xfc\x95(nX?\xf1\x85\x0e\xdd\x9b5m\x95\x90\x90\xc7\xedvc\x8cu:\x9d\xddn\xdb\xb7\x7f\xcf\x92\xef\xe7\xfd\xbawg\xf6\xe3\xc7\xf5\xeb\xd7\xef\xdb\xb7//\xe7\xe7\x84+\\\x008\xe1\xc6\xa3\x89\xe2\x993gn\xd8\xb0!\xfb\x89\xe2|\xf9\nt}\xa1W\xc7v]\xf5z\xc3\xd6\x1d\xbf,^:\xf7\xec\xf9\xd3\xbe\x7f\xf5\x95\xf3\'%%\xb1W\x14EA(\xe8\x1a\x10q8\xff\x11.\x00\x9c\xf0\xe4\xb1\x89\xe2\x993g\x9e8q\xc2w\x8d6J\xab\xd5\xea\xd2\xd2S}\xaf\x94+W\xae[\xb7n\xber~\xbe\xe5\xe7\x847\\\x008a\x0e!\x84R\xea;\x97\xbbc\xc7\x8e%K\x96\xacX\xb1"{\xa8\x07\x00\xd0\xa2E\x8b\xde\xbd{w\xed\xda\x95\xf7k\xe3D\x0e\\\x008\x11\xc1Cq\xa1s\xe7\xce-_\xbe|\xe9\xd2\xa5\x16\x8b\xa5C\x87\x0e}\xfb\xf6e\xdd\xf9\x01/\xe7\xe7D\x12\\\x008\x11\xc4C\x9d\xe6\x9cN\xa7\xc3\xe1\x88\x8f\x8f\x07&lt;\xda\xc3\x89H\xb8\x00p"\x91\xec\x07\x08x\xb4\x87\x13\xb1p\x01\xe0D.\xec\xe6\xe7[~N\xc4\xc2\x05\x80\xc3\xe1p"\x14\x9e\xe9\xe2p8\x9c\x08\x85\x0b\x00\x87\xc3\xe1D(\\\x008\x1c\x0e\'B\xe1\x02\xc0\xe1p8\x11\n\x17\x00\x0e\x87\xc3\x89P\xb8\x00p8\x1cN\x84"\x06z\x01\x1c\x0e\xc7\x7f\xd0l@\x08}g x\xeb\x8b\xc8\x84\x9f\x03\xe0p\xc2\x19_\xf7\x0bJ\xe9S:Zc\x8cy\x1b\x8c\x08\x84\x0b\x00\'\xc7`\xfd\x15XO\x05nJ\x02\xc2\xa3\x1b\xfc\x87,&gt;!\xe4\xd6\xad[\x17.\\8y\xf2\xe4\xf1\xe3\xc7/^\xbc\x18\x1d\x1d\xfd\xf1\xc7\x1fW\xa8P\x01p\x19\x88&lt;\xb8\x00p\xfe\x13l\x83\xc9\xfa-g7\x1c\xcc\x00\x05pa\x11\x82\xef\xfd\x07\x00&lt;v\x83o\xb1X\xfe\xf8\xe3\x8f\x9b7o\x1e&gt;|8%%\xe5\xe6\xcd\x9b\xd7\xaf_\xb7\xdb\xed\xd9\xafQ\xa9T\x83\x07\x0f\x1e;vlBB\x02\x00\x00c\xcc;#E\x08\\\x008\xff\x06\x9f\xdd\xf1\rd\x07\x00\x9c={\xf6\x97_~Y\xb5j\xd5\xb8q\xe3Z\xb6l\xc9\xedH\x8e\xf3\xd0\x06\xff\xd1\xdd\xba\xd3\xe9LOO?{\xf6lJJ\xca\xa5K\x97._\xbe|\xf6\xec\xd9{\xf7\xee=\xfd\xdb"\x84\x08!\t\t\tc\xc7\x8e\x1d&lt;x\xb0J\xa5bQ#\x9e\x18\x08{\xb8\x00p\xfe\x01\x8f\xda}\x8c\xf1\x81\x03\x07\xb6n\xdd\xbau\xeb\xd6\x94\x94\x14\xaf\xd7\x0b\x00\xc8\x9b7\xef\xb1c\xc7\x12\x12\x12X\xdc9\xa0K\x0em\xfev\x83\x9f\x99\x99y\xf1\xe2\xc5\xd3\xa7O_\xbat\xe9\xe0\xc1\x94s\xe7\xcefdd&lt;\xb4\xc1\xcfNLLl\xc1\xfc\x85\xcb\x94.W\xb8P\xb1\x8a\x15\xaa\xc8\xb2w\xe1\xe29\xfb\xf6\xef\xf1]P\xb1b\xc5O?\xfd\xb4u\xeb\xd6\x00\x00EQ\x1er\xec8a\x06\x17\x00\xce\xdf\xf3P\x1b}\xf0\xc0\xee\xafY\xb3\xe6\x97_~9}\xfat\xf6\x8bEQT\x14%))i\xcb\x96-\xdc\t\xf8G&lt;\xfb\x06\xff\xe0\xc1\x83\x97/_fv?==\xfdI\xdfP\xa7\xd3G\x9b\xcc%\x8a\x97\xaaP\xbeJ\x91\xc2E\xcb\x96\xaeP\xb0@\xe1\xe8\xe8\x18\x9dN\x87\x10\x92eY@\x82\xdb\xe3^\xb5z\xe9\xac9\xd3\xae\\\xbd\x84\x10$\x84\x02\x00\xbaw\xef&gt;f\xcc\x98\x8a\x15+\x02\x00\x14E\xc9\xee\xe7q\xc2\t.\x00\x9c\'\xf2\x8f\xec~LL\\\xf5\xaa5\xeb\xd6n8\xfd\xcb\xc9.\xb7\x0bc&lt;m\xda\xb4\xe1\xc3\x87s\xf3\xf1,&lt;i\x0cYjj\xea\x993g\xae\\\xb9r\xfc\xf8\xf1\x93\'O^\xbcx1==\xfd)\x1b\xfc\xb8\xb8\xf8\xe2\xc5J\x15*P\xa4B\xf9\xca\xa5J\x96)T\xb0HlL\xbc9\xda,I*B\x89,\xcb^\xaf\x17c\x19cB)E\x08RJ!D1\xe6\xd8;wo/X\xfc\xcd\xbc\x05_\xd9\xec6&amp;\xe1*\x95\xea\xad\xb7\xdez\xf5\xd5W\x99\'\x97}\x9e\x1a\'l\xe0\x02\xc0y\x98G\xed\xbe\xd5j\xdd\xb9s\xe7\xbau\xebR\x0e\xa6\x9c:}*\xfb\xc5\xf9\xf3\x17lP\xb7qR\xb3\xb6\xd5\xab\xd6\x8a\x8bK\x88\x8f3M\xfe\xfc\xe3\x89\x1f\xbf+\x8a\x12\xa5\xe4\xd0\xa1CU\xabV\xe5~\xc0\xd3a\x93\xc8\x00\x00N\xa7\xf3\xda\xb5k7n\xdcHII9|\xf80+\xd7\xc9\xcc\xcc|\xd2\x17\xea\xb4\xba\xfc\xf9\x0b\xe5\xcfW\xa0|\xd9J\x15+T\xc9\x9f\xaf`\x91\xc2\xc5bc\xe2$\x95\n!AQdY\xf6*\x8a\xa2(\n\xa1\x04\x02\xe8\xe3\xa1\xef\xc3\xcc\xbd\xc9\x14}\xfa\xf4\x89\xa93&gt;\xda\xf0\xf3j\x00\x00B\x02!8\x7f\xfe\xfc\x1f~\xf8a\xbf~\xfd\x00\x1f\x96\x19\x8ep\x01\xe0\xdc\x87\x15qf\x0f4[\xad\xd6]\xbbv\xad]\xbbv\xfb\xf6\xed\xd7\xaf_\xcf~q\xfe\xfc\x05\x1b\xd4m\x92\xd4\xacM\xed\x9a\xf5\xf3\xe4\xc9K\x08q\xb9\\^\xaf\x87\x10\x12m2\xf7\x1f\xd2m\xf3\xb6\x8d\x08\xa1\x8a\x15+\xee\xdb\xb7O\xa3\xd1\xf0\xe2\xc2\'\xc1\xd4q\xfe\xfc\xf9K\x96,\xb9r\xe5\xca\xad[\xb7dY~\xec\x95*Ie\x8a\x8e.V\xa4d\xa1\x82\x7fm\xf0\xf3\xe5-\xa0\xd3\xe9EQ$\x84(\x8a\xe2\xf5zdY\xa6\x94R@!\x84\x08"\xf0l%\xb9\x94R\x8c\x15\x9d\xce  a\xf7o\xdb&gt;\x9f\xf6\xe1\xb1\x13\x87!\x04\xcc&lt;4k\xd6\xec\x9dw\xdei\xd6\xac\x19\xe0\x89\x81\xf0\x82\x0b@\xa4\xf3\xa8\xddOOO\xdf\xbbw\xefc\xec&gt;\x04eJ\x95\xabR\xa9z\xf3\xe7\xfe\xb2\xfbN\xa7S\x96\xbd\x00\x00f\xe2\t!j\xb5&amp;==\xb5U\x87\x86\x99\x99\xe9\x84\x90~\xfd\xfa\xcd\x9f?\x9f\x07\x82\x1e\x0b\xb3\xfe\xfb\xf7\xef\xafW\xaf\xde\xa3\xff\x1am2\xc7\xc5%\x94*Y\xa6t\xc9\xb2%K\x96-]\xb2lB|\x1e\xb39V\x95m\x83\xef\xf5z\t\xc1\x94R\xf0\xe4\r\xfe\xb3\xc3\x12\xce&amp;S\xb4\xc3a_\xbb~\xc5\xe7_L\xbaw\xef\x8e \x08lj\xe6\xcb/\xbf&lt;z\xf4\xe8\xd2\xa5K\x03^*\x1a.p\x01\x88P\x1e\xb5\xfb7o\xde\xdc\xb6m\xdb\xda\xb5k\xf7\xed\xdb\x97\x9a\x9a\x9a\xfd\xe2\xd2\xa5\xca%6n\x9e\xf4\\\x9b\xca\x95\xaa\x19\x8d\xa6G\xed~\xf6\x8b\x15E1G\xc7l\xde\xf6\xd3\xcb\x83\xbbJ\x92\xca\xeb\xf5\xaeX\xb1\xa2K\x97.\\\x03\x1e\x82\xbd\xffW\xae\\\xa9Y\xb3\xa6\xc5b\xc1\x18\xebt\xfaJ\x15\xaa\x96-S\xbeP\xc1"\xe5\xcaV*^\xb4dtt\xb4\xd1\x18- \x01c\xec\x95\xbd\x8a"\xcb\x8aL\t\xa5\x80"\x08!\xcc\x15\xbf\x8a\x19w\x931\xfa\xd6\xed\x1b3\xbe\xfat\xd9\xf2\x85\xb2,3\x190\x99L\xc3\x87\x0f\x1f1b\x84\xc9d\xe2\xa5\xa2a\x00\x17\x80\xc8\xc2wX\xd7g8n\xde\xbc\xb9u\xeb\xd6u\xeb\xd6\xed\xde\xbd;+++\xfb\xc5\xd9\xed\xbe\xc9\x14-{e\xa7\xcb\xc16\x83O\x0f\xe9(\x8a\x12\x1f\x970a\xd2\xdb_\xcd\x9e*I\x92\xc1`HII)^\xbc\xb8/\xd8\xcda\xd6333\xb3U\xabV\x87\x0e\x1d\x02\x00T\xaaP\xe5\x9b\x99K\n\x17,*J"\x84P\x91\x15\x8f\xd7\x83\xb1\xa2(\x8a\xefX\xef\x7f\xdc\xe0\xff#\x14E\xd1h4QQ\xda\x93\'\x8f~\xfc\xf9\xb8]{\xb6\x01\x00 \x84\x94\xd22e\xca\x8c\x1f?\xbe{\xf7\xee\x80\x1f\x1e\x0eq\xb8\x00D\x04\x8f\xda\xfd3g\xce\x1c&lt;xp\xed\xda\xb5\x0f\xd9}\x95JU\xb9b\xb5\x06\xf5\x12\xeb\xd7k\\\xb5r\r\x93)Z\x96e\xa7\xd3\xa1`\x05\xc1\'v\x92y\x08f\xb0\x04A|\xa1{\xd2\x89\x93G\x01\x00u\xeb\xd6\xdd\xb3g\x0fs8\xb8\xb1`\x85\x9e\x08\xa1\xa4\xa4\xa4m\xdb\xb6\x01\x00\xcc\xe6\x98-\x1b~\xcf\x97\xaf\x80\xc5\x92\x05!\x04\x80Y|\x04!\x00 `o\x17+\x07\xd0\xe9\xf4\x08\xa2\xad;~\xfe\xf8\xb3q\x17.\x9ec\x1a\x00\x00HJJ\x9a8qb\x9d:u\x00O\x0c\x84,\\\x00\xc2\x96\xc76i8{\xf6\xec\xc6\x8d\x1b\xd7\xaeY\x9br\xe8\xfe\xa1-\x86J\xa5\xae\\\xb1jR\xb36\x89\x8d\x93J\x97*\xa7\x8d\xd2z\xbd\x1e\xa7\xcb\xf9\x8f\xec~v0\xc6:\xad\xee\xca\xd5K\x1d\xba6s:\x1d\xb2,\x8f\x1b7n\xfc\xf8\xf1&lt;\x10\x04\x1eT\xd6\x0f\x1a4h\xee\xdc\xb9\x92$EEi\x17\xcd]U\xb3z\x1d\xab\xcd\x1a\x84o\x0esV\x0c\x06\xa3\xcb\xe9\\\xf2\xc3\xfc/\xbf\xfe,##\x9d\x1d\x1e\x96$)99\xf9\x83\x0f&gt;(P\xa0\x00\xe0\x89\x81\x10\x84\x0b@\xb8\xf1\xa4&amp;\r\x1b7n\\\xbbv\xad\xef\xb0.C\xadVW\xaa\xf0\x97\xdd\x8f\x8a\x8ar\xbb\xddn\xb7\x8b\xf9\xf5\xff1\\#+r|l\xc2\xf7+\x16\r\x7fs\x90J\xa5\xf2z\xbd[\xb6lIJJ\x8ap3!\xcb\xb2$I\xd3\xa7O\x1f1b\x84Z\xad\xf6x&lt;_N\x9d\xd7\xbdk\x9f\xbbwoK\x92\x14\xe8\xd5=\x11_b\xe0\xca\xb5KS\xbf\xf8h\xf5\xba\xe5\x18+\xbe\x1e\x12\xaf\xbe\xfa\xea[o\xbd\xc5{H\x84\x1c\\\x00\xc2\x84\'5iX\xb3f\xcd\xaf\xbf\xfez\xf4\xe8\xd1\xecv\xdfd\x8c\xae]\xab~R\xb3\xd6U*\xd5\xc8n\xf7\t\xc1\xf0_\xed\xf7\x9f\x04\xc68\xdad\x1e6\xa2\xdf\xeau\xcb\x11B\xf1\xf1\xf1\'O\x9e\x8c\x8b\x8b\x8b\xd8\x16\x11l\xef\xff\xe3\x8f?v\xee\xdc\x99\x89\xe2\x84\xf7&gt;\x1d&lt;\xe0\xb5\xb4\xf4TI\x0c^\xeb\xefC\xc1\x8aF\xad\xd1\xeb\x0c{\xf7\xef\x99\xfa\xc5\xa4\xdf\xf6\xed\xf2\xfdS\xf6\x1e\x12&lt;1\x10*p\x01\x08m\xfe\xd1a]\x93\xd1T\xbbf\xfd\xa4fm\x1a\xd4O,R\xb8\x98 \x08\x1e\x8f\'7\xec~\xf6\xe5\t\x82\xa8(r\xc7\xae\xcd.\\&lt;O\x08\xe9\xdc\xb9\xf3\xca\x95+#3\x10\xc46\xd1)))-[\xb6\xb4\xd9\xec\x8a"w\xeb\x9c\xfc\xc5\xe7s32\xd3C\xc8%\xa2\x94b\x8c\rz\x03\x12\x84\</t>
        </is>
      </c>
    </row>
    <row r="179">
      <c r="A179" s="1" t="n">
        <v>177</v>
      </c>
      <c r="B179" t="inlineStr">
        <is>
          <t>shape_size_grid</t>
        </is>
      </c>
      <c r="C179" t="inlineStr">
        <is>
          <t>What is the size of the missing part denoted by a question mark?</t>
        </is>
      </c>
      <c r="D179" t="inlineStr">
        <is>
          <t>['medium', 'large', 'small']</t>
        </is>
      </c>
      <c r="E179" t="inlineStr">
        <is>
          <t>large</t>
        </is>
      </c>
      <c r="F179" t="inlineStr">
        <is>
          <t>There are 9 shapes arranged in a grid with different sizes in the image, of which there is 1 missing shape. The first row is ['small pentagon', 'small hexagon', 'small square'], the second row is ['medium pentagon', 'medium hexagon', 'medium square'], and the third row is ['?', 'large hexagon', 'large square'].</t>
        </is>
      </c>
      <c r="G179" t="inlineStr">
        <is>
          <t>We observe that the rows contain small shapes, medium shapes, and large shapes respectively. On the other hand, the columns contain pentagons, hexagons, and squares respectively. Hence, the pattern is that the shapes within each column are the same, while each row progresses the size of the shapes.</t>
        </is>
      </c>
      <c r="H179" t="inlineStr">
        <is>
          <t>Based on the pattern that the shapes within each column are the same, while each row progresses the size of the shapes, the size of the missing pentagon should be large.</t>
        </is>
      </c>
      <c r="I179" t="inlineStr">
        <is>
          <t>b'\x89PNG\r\n\x1a\n\x00\x00\x00\rIHDR\x00\x00\x02\x00\x00\x00\x02\x00\x08\x02\x00\x00\x00{\x1aC\xad\x00\x00X\xf7IDATx\x9c\xed\xddy|\x14E\xfa?\xf0\xee\xae\x9e\xc959\xb9\xc2\xea\xae\x84C\xd6\x15T\x12\x95\x85 \x04\x17\x08.?\xe1\x8b\x10P1x\xac\x92\x15\x15\x02\x01\x12\x16\x90@\x8c\x10\x81\x10A\xd9EQ.A\x84\xa8\xab,\xca\xa1\xe1X\x02\xb2JD\x0e\x15b\x02\x9e\\\xb9&amp;3I \xd3\xd5\xfd\xfb\xe3!\xed\x08D\x81L\xe6\xea\xcf\xfb\xb5/^&amp;\x0b\x99\x9a\xcet=UO=]%j\x9a&amp;\x00\x00\x80\xf1H\x9en\x00\x00\x00x\x06\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00\x00\x80A!\x00\x00\x00\x18\x14\x02\x80\'q\xce9\xe7\x9en\x05\x00\x18\x94\xec\xe9\x06\x18\x94\xa6i\xaa\xaa2\xc6\xe8\xbf\x05A\x10E\xd1\xd3\x8d\x02\x00c\xc1\x0c\xc0\x03TU\x15E\x911\xf6\xde{\xef\xbd\xf8\xe2\x8b\xa2(\x8a\xa2\x88\xa9\x00\x00\xb8\x19f\x00\xee\xc69g\x8c)\x8a2y\xf2\xe4\xbc\xbc&lt;A\x10\xf6\xee\xdd\x9b\x9b\x9b\xfb\xbb\xdf\xfdNQ\x14Y\xc6o\xc45\\\x1bPi\xae\x06\xe0gD\xca?\x80\x1b\xe8i\x9fc\xc7\x8e=\xf6\xd8c\x85\x85\x85\x92$I\x92\xa4(J\xdb\xb6m\x97/_\x9e\x98\x98\xa8\xaa\xaa \x08\x92\x84\x99\x19\x004;\x04\x007\xa1\x81\xbf \x08\xcb\x96-\x9b4i\x92\xd5j\x95eYQ\x14A\x10\xf4\xff\x989sfff\xa6 \x08\x98\n4\x05\x05\xda\xc2\xc2BWM\x02\x18c\xf1\xf1\xf1\x92$a\x9d\x06\xfc\x0c\x02\x80;P\x87n\xb5Z\'M\x9a\xb4l\xd92A\x10\x18czH\xe0\x9c\xd3\x90_U\xd5\xc4\xc4\xc4\xc5\x8b\x17w\xea\xd4IQ\x14\xc6\x18z\x9c\xabEWu\xf5\xea\xd5\xa3G\x8fv\xe1\x8f]\xb5jUrr\xb2\xfe+\x03\xf0\x0f\x08\x00\xcdKO\xe9\x14\x16\x16&gt;\xf6\xd8c\xc7\x8e\x1dc\x8c\xd17\x85_\xd6\xffh\x9aFS\x81\x16-Z,Y\xb2d\xc4\x88\x11\xf4\xcf\x91\x0e\xbar\x9a\xa6i\x9af\xb3\xd9\xe2\xe2\xe2\x8e\x1f?.I\x92~\xa9\xaf\x19\xfd\x90\x98\x98\x98\xfd\xfb\xf7\x87\x86\x86\xd2\x8a\xbdKZ\xebOh\xd6\xe5\xb6\x97\xc3l\xccU\xd0\xb94#EQ(\xcb?k\xd6\xac\x84\x84\x04\xea\xfd9\xe7\xa2$RWu\xdf\x03\xff7n\xcaS\xf4\xdf\xb42\xcc\x18+//\x1f9r\xe4\xb8q\xe3l6\x1b\xad\x10x\xfa}\xf8\x0c\x9aK\xe5\xe5\xe5\x95\x94\x94\xd0\xa5\xd34Ml\x02M\xd3\xe8\x97XRR\x92\x97\x97\'I\x12\x8a\xb5.\x8b\xaa\xda\xdc\x06\xbd\xbf\xab`\x06\xd0,4M\xe3\x9c\xcb\xb2|\xf2\xe4\xc9G\x1f}t\xcb\x96-B\xc3X\x92\xc9\x8c+&lt;$$x\xc6\xdci\x0f\x8f\x19\xc5\x98\xfc\xc1\xbf?\x9c&lt;v\xea\xd93e\x17\xc2\x83(RG\x13\x1b\x1b\xfb\xea\xab\xaf\xc6\xc6\xc6R\xbf\x86\x0f\xfd\xaf\xa3\xe2\xda\xd2\xd2\xd2\xb8\xb88\x9b\xcdFa\xd5%?\x99\x82Ahh\xe8\xfe\xfd\xfb\xdb\xb7o\xafi\x1a\xa6e:\n\xb1\x95\x95\x95\x07\x0e\x1cp\xdb\x8b\xdev\xdbm\x91\x91\x91\xf4\xd2n{Q\xbf\x84\x00\xe0z\xd4\x13\x89\xa2\xb8~\xfd\xfa\xd4\xd4\xd4\x93\'ORn\x87\xbe\xa9\xaa\xea\xad\xb1]\x9f\x7f1\xeb\xf6\x1e\xb1\xe5g*TM\x8dj\x11\xf9\xc3w?\xce\x9c\x9c\xf5\xe1{[\xf4\xbfC\xff$44477\xf7\xf1\xc7\x1f\x17\x9c\x96\x91\xe1\xb2\xe8\xfa&lt;\xfc\xf0\xc3\xabV\xad\xa2&lt;\x9b\xa6i\x96P\xcb\xadq\xb7(\x0e\xc7\xd5\xf6\x14\x9a\xa6\xc9&amp;\xd3\x17\xfb\x0f\xdamv=$\x8f\x1e=z\xe5\xca\x95\xf8E8\xa3\xab\xf1\xd1G\x1f\xf5\xef\xdf\xdfm/\xbam\xdb\xb6~\xfd\xfa\xe1\x17\xd1t\x08\x00.vi\x99\xbf\xbe\xdeK\xd9\x83G\x9f\x1c=={\xaa\xc9$\xdblv*\xf5Q\x14%(8\xc8l6\xffk\xe1+\xcf\xcfx\x81JE\x9d\xff\xc9\xfd\xf7\xdf\xff\xd2K/\xb5h\xd1\x02\xd5A\x8d\xa1\xcb\xb5k\xd7\xae\xbb\xef\xbe[\xff\x92s\xbe\xf0\x95y\x8f&lt;1\xdaj\xb32vucv\xce\xd5\xf0\xd0\xf0\x15\xaf\xae\x9a0f2sZ\xb1/((\xe8\xdd\xbb7\xba\x1e\x1d]\x8a\x1d;v\xfc\xe5/\x7fq\xc9\xa2\xcb\xaf\xa3\x97\xf8\xf8\xe3\x8f\x13\x12\x12\xf0[h:\x04\x00\x97\xd1\xcb\xfc\x8b\x8a\x8a\xc6\x8e\x1d\xbbo\xdf&gt;\xbd\xb6\x87z\x90V\xad[\xce\xfb\xe7\x9c\x81\xf7\x0e\xb0VU_\xf4\xd9\xa5\xdb&amp;2*b_\xe1\xa7S\xc7\xcd\xf8\xf2\xd0W\xaca\xad\x98\xc6\x9e7\xdex\xe3\xeb\xaf\xbf\x1e\x1f\x1f\x8f\x07\x05.\x8b"\xe5\xddw\xdf\xbdk\xd7.\xd6P[ug\x8f\xdb\xdf\xdd\xbe\xa1\xaa\xa2\xea\xda.\x97\xaa\xaa\x11Q\x11C\xfb&amp;\xfdo\xefg\xfa\xcf\xec\xdd\xbbwAA\x81\x80G\xc3\x1a\xd0\'y\xfb\xf6\xedw\xdf}\xb7\x1e\x00h\xce\xe4\xc2W\xa1\xf9\x9c\xd0\x10\x00\n\n\n\xfa\xf6\xed\x8b\x00\xd0t\xe8G\\\x83r\xf7\x8c\xb1e\xcb\x96%$$\xec\xdb\xb7O\x96e\xfdf\xe0\x9c\xf7\xea\x1b\xff\x9f]\xef\x0e\x18\xd4\xbf\xbc\xac\x82\x96|\x9d\xff9\xad\x15\x97\x97U\xc4u\xef\x96\xbf\xf5\xcd\x11\xc9\xc39\xe7\x94\xe2\xa4\xb5\x84c\xc7\x8e%$$\xd0:$\x96"/B\x1d\xc1\xda\xb5k\xa9\xf7\xa7Kg6\x9b3\xb2&amp;s\xe5\xc2\x9a\xca5\x10E\x91+&lt;#k\xb2\xd9l\xa6E\x1d\x9ad\xac]\xbbV\x9f\x9c\xc1e\xd1\xe5r!\x8cS\x9b\tf\x00.@\x99\x99\xf2\xf2\xf2\xa7\x9f~z\xdd\xbau\xc2/\xd3&gt;\x8c\xb1\xa9\xb3\'\x8f\x19\xff\xb8\xe2P\xea\xea\xea~=\x87\xc3\x15n2\x9b,\xa1!+_y\xe3\xb9\x7f\xcc\xb1\xdbjh\xd1X\x1f[%&amp;&amp;._\xbe\xbcm\xdb\xb6xP\x808\x97~\x96\x96\x96\xea\x1b+\r\x1d9d\xe9\xda\x97\xce\x9e.kJ\xd2LQ\x94VmZ\xa6&lt;\xf8\xf4\xbbo\xbd\xc7\x18\xa3\xd7j\xdf\xbe=JBu\x17\xcd\x00\xe8\x12\x85\x85\x87u\xb9\xedO\\Q\x9b~y4M`\xb2t\xf8\xc0\x97\xd5\xd6j}\x85\x0c3\x00WAB\xb9I\xa8S\x96ey\xcb\x96-\xe3\xc6\x8d\xd3\xcb\xfcUUeL\xe2\x9c\xb7k\x7f\xc3\xbc\x7f\xce\xed\xfd\x97^\x15e\x15\xf47\x7f\xfd\x072\x99q\xce++\xaa\x1e\x1e\x93\xdc=\xfe\x8e\xb4\xbfg\x14\xfd\xefs=\x1dD/\x14\x17\x17G\xfbF\x08xP@\x10h\x86D\xa5\x9f\xb2,s\xce5A\x8b\x88\x0c\x9f\x92\x99f\xab\xb67\xb1\x83`\x8c\xd9\xaa\xedS2\xd3\xb6o\xdda\xb5V\x0b\x9a\xc0\x18\xa3\x92\xd0\x993gbI\xe6R4=\xedz\xdb\x9f\xde\xdf\xf1\x8e\xddf\x97\xaer\xe9\xe5R*W-\xa1\x96\xc1\t\xf7\x15\xee\xfc\x84\x02\x8cK\xda\t\xc4\xd0}G\x139\x97\xf9\x0f\x1c8\xf0\xd8\xb1c\xd4\x01Q\xfd8\xe7\xea\x88\xe4\xe1\x9bv\xff\xfb\xcf\xbd\xee,;SF\x7f\xf3J~,\xa5\x92*\xca+\xdaw\x8cY\xbfy\xcd\xa3O\x8e\xa6)0kxP\xe0\xe4\xc9\x93\x03\x07\x0e\x9c0a\x025\xc0\xc8\x0f\n\xd0\xfaJii\xe9\xc2\x85\x0bi\xbe%I\x92\xa6j\x8f\xa4\x8c\xee\xd0)\xe6\\\xdd\xb9&amp;\x8e\xd0EQ&lt;Ww\xaeC\xa7\x98GRFk\xaaF\xbd\x1bcl\xe1\xc2\x85\xa5\xa5\xa5\xcc\xe9\x99&gt;p\xa6(\xdcn\xb7\xdb\xed5v[\x93\xffg\xaf\xb1\xdb\xed\x8a\x82\x84[\xb3@\x00\xb8\x16\xf4|\x90,\xcb\xc5\xc5\xc5\x03\x07\x0e\xcc\xcc\xcc\xd4\xb7u\xa3\xd4\xbf%4d\xee\xe2\xe7^\\6\xdf\x1c`\xb6U\xdb\xaea\x9c(\xcbrmM\x1dW\xf8\xdcE\xcf-^\xbe\xb0U\xeb\x964\xd4\xa5&gt;\x8e\x1ewJHH(..\xbe0\xec5\xe4\xc8\x88\x96I\xd2\xd3\xd3\xadV\xab \x08\x94\x1fh\xd7\xfe\x86\xb1i)\x95\x15U.\xc9\x0f0\xc6*+\xaa\xc6\xa6\xa5\xb4k\x7f\x03\x15\xf8\n\x82`\xb5Z\xd3\xd3\xd3)\xd27\xfd%\xfc\xcf5\xaf\xbb\xfc\xcaz\x8c\xa7\xdf\x93\x7fB\x00\xb8\x16\xa2(\xca\xb2\xbc~\xfd\xfa\x1e=zl\xd9\xb2\x85:}z&gt;HQ\x94\xd8;\xbbm\xdc\xf9\xce\xc3c\x92++\xaa\xb8r\xediJ\x89I\x9a\xa6\x95\x9d-\x1f&gt;\xea\xbe\xff\xecz\xb7W\xdfxz\x98@\x10\x04zP\xa0\xb0\xb0\xb0G\x8f\x1e\xeb\xd6\xad3\xe6b\x00\r\xc6w\xee\xdc\x99\x9f\x9f\xaf?C\xa7iZ\xea\xd4g,a\x16\xfdZ5\x91(\x8a\x8a\xa2X\xc2,\xa9S\x9f\xd1\x97\xe5\x19c\xf9\xf9\xf9;w\xee\xc4j0\xf84\x04\x80\xabC\xb5\x9e\'O\x9e\x1c?~\xfc\xc8\x91#\xcb\xcb\xcb\xf5\xcc\x0c\xfd_\xe3\xa6&lt;\xf5\xd6\x87o\xb4\xef\xd4\xbe\xa2\xbc\xa2\xe9\xfd2E\x9a\x8a\xb2\x8aV\xd1\xad\xd6\xbc\xbf||\xfa\xd3\xb4\x1a\xcc\x9c\xf6\x8dx\xe0\x81\x07\x9ex\xe2\x89\x93\'O\xea\xa5rF@}\xf1\xf9\xf3\xe7\xd3\xd2\xd2\xa8\xdf\xa7\xbe8&gt;\xa1g\xd2C\xf7Y+\xad.\xcc\xce\xcb\xb2l\xad\xb4&amp;=t_|BO\xea\xfd\xe9\xd5\xd3\xd2\xd2\xce\x9f?\x8fy\x00\xf8.\x04\x80\xabC\x19\x98\xcd\x9b7/Z\xb4H\x96e\x1a\x0f\xd2\x9f-[\xb7\\\xf1\xf6\xab\xd3\x9e\xcfP\xb9Zk\xafum\x07t\xfe\xdc\xf9\xda\x9a\xbai\xcfg\xac\xfb\xe0\x8d\x1bb\xfe\xa0\xbf\xa8(\x8a&amp;\x93i\xd9\xb2e\x9b7o\x96\x8cT\x1eJ\xab\xdf\xeb\xd6\xad\xdb\xbf\x7f?\x05E\xdaMo\xc6\x9c\xa9\xcd\x94/V\x14&gt;c\xceTY\x96)\xd2K\x92\xb4\x7f\xff\xfeu\xeb\xd6I\xcd\xff\xf4\x13@3A\x00\xb8:\x94\xcf\xb9\xe7\x9e{"##\xa9\xb7\xa5\xa5\xdd\x01\x83\xfa}X\xf8\xde\x80A\xfd\xca\xce\x94i\x9a\xd6\xf4\xe2\x87\x8bP&amp;\xf4\xcc\xa9\xb3=\xee\xea\xfe\xde\x8e\xb7\x07\x0c\xea\xa7\xbf\xb4\xa2(\x11\x11\x11\xf7\xdcs\x8f`\x98\xa7\x93h\x00^QQ\x91\x91\x91\xa1O\x89TU\x1d9z\xf8\xadq]\xed\xb6\x1a\x97WFI\x92d\xb7\xd5\xdc\x1a\xd7u\xe4\xe8\xe1\xfa\xcbI\x92\x94\x91\x91QQQ\x81I\x00\xf8(\x04\x80\xabC\xcb\x8c\xd1\xd1\xd1={\xf6\xa4\xa4?\x95\xa6\xdd\xd4\xe5\x8f\xed;\xb6/;[N\xd3\x82fzu\x93I\xae(\xaf\xb8\xfe\x0f\xbf\xbb\xa9\xcb\x1f\x9d_=&gt;&gt;&gt;::Z_\xa2\xf4{\xd4\xf9\xe6\xe6\xe6\x9e:uJ_\x14\t\x8f\x08\x9b8}|\xad\xbd\xeejw}\xb8B\x8cI\xb5\xf6\xba\x89\xd3\xc7\x87G\x84\xe9\x8f\xf8\x9d:u*77\x17\x93\x00\xf0Q\x08\x00W\x8dn\xf5\xa4\xa4$\xe7/\xb7n\xdaf\xad\xaa2\x9b\xcd\xcd\xfd\xeaf\xb3\xb9\xba\xaaz\xeb\xa6m\xfaK\xeb\x8d1H\x1fD\x03\xf0\xe2\xe2\xe2y\xf3\xe6Q\xcfKQp\xdc\x94\xa7~w}\xdbs\xe7\x9aZ\xfa\xd9\x18Q\x14\xcf\x9d;\xf7\xbb\xeb\xdb\xd2\x0e\xde\xfaK\xcf\x9b7\xaf\xb8\xb8\x18%\xa1\xe0\x8b\x10\x00\xae\x1a\xa5Y\xfa\xf7\xef\x1f\x1c\x1c\xaco\xd8Pr\xec\xf8\xb1\xaf\xbe\t\n\nl\xd6^@U\xd5\xa0\xa0\xc0c_}Sr\xecx\xc3\xd3\x06&lt;88\x986b4N\xfeG\x10\x84i\xd3\xa6\xd5\xd7\xd77&lt;\x1a\xcac:\xb6\x1b\x9d\xf2\x90\xcdjcr3^\x04&amp;3\x9b\xd56:\xe5\xa1\x98\x8e\xedT\x95\xd3\xab\xd7\xd7\xd7O\x9b6Mo\x18\x80\x0fA\x00\xb8j\x94\x05j\xd3\xa6M\xd7\xae]\x05A\x90$\x891V___\xb0eG`\xf3\x07\x80\xc0\xa0\xc0\x82-;\xea\xeb\xeb\x19c\x94\xe9\xee\xda\xb5k\x9b6m\x0c\x92\xff\xd1K?7l\xd8\xa0\x97`j\x9a0={jpp\x90\xa2pQh\xc6\x8b \n\xa2\xa2\xf0\xe0\xe0\xa0\xe9\xd9S\xa9\xb7\xa7\xf6l\xd8\xb0\x01%\xa1\xe0\x8b\x10\x00\xae\x05e!\x86\x0f\x1f.\x08\x82\xbe\x00\xb8\xf5?\xdb\xeaj\xeb\x9au\x18\xce\x18\xab\xab\xad\xdb\xfa\x9fmB\xc3B\xa8 \x08\xc3\x87\x0f7H\xfe\x81\xde\xb2\xc3\xe1p.\xfdTU\xb5g\x9f\x1e\x89\xf7\xf6\xab\xb6\xda\xdc0\x07b\x8cU[m\x89\xf7\xf6\xeb\xd9\xa7\x07}\x0c\xf4\x92P\x87\xc3\x81\xd5`\xf0-\x08\x00\xd7\x82\x86\xde\x83\x07\x0f6\x9b\xcd\x9cs\x1a}\x1f9\xf8\xd5\xd7G\x8e6_\x16\x88\xf2?_\x1f9z\xe4\xe0W4\x0b\xe1\x9c\x9b\xcd\xe6\xc1\x83\x07\x0b\xc6\xd8 \x9ar\xee\xaf\xbd\xf6\x9a^\xfaIS\xa2\xd9\xf3\x9fu\xf3V\x01\x8a\xc2g\xcf\x7f\x96&amp;|zI\xe8k\xaf\xbd\x86\xd5`\xf0-\xfe\xdfk4\x07\xba\xcf;v\xec\x18\x1b\x1bK\xeb\x81\x8c1\x87\xc3Q\xb0eg\xf3e\x81\x1a\xf2?;\x1d\x0e\x07\xe5\x7f4M\x8b\x8d\x8d\xed\xd8\xb1\xa3A\xb6\x84\xa3\xc1\xf5\x8f?\xfe(\x08\x82s\xbe\x8b\x0e\xedrgKDQ\xb4\xdb\xec\xce_\xea\r\xc3\x0c\x00|\x88\xff\xf7\x1a\xcd\x84\xfa\xdca\xc3\x86\t\xee\xca\x02]6\xff3l\xd80\xe3\x8c:)\xdf\x92\x9a\x9a\x1a\x1d\x1d\xcd\x1b\x0eO&gt;Ww.{\xda\\\xd9$\x0bn\xebx5A6\xc9\xd9\xd3\xe6\x9e\xab;G\xdb\xd4p\xce\xa3\xa3\xa3SSS/=\xe9\x01\xc0\x9b!\x00\\\xa3\xc6\xb3@\xc7\x82\x82\x83\\\xde#\xab\xaa\x1a\x14\x1c\xf4\xf5\x91c\x86\xcd\xff\x08\r\xcb\xef-Z\xb4\x98;w.M\xbch\r\xf6\xd3\xbd\xfb7\xac~;&lt;*\xdc\r\x1b\xa3*\x8a\x12\x1e\x15\xbea\xf5\xdb\x9f\xee\xdd\xff\xf3\xfe\xa3\x9a6w\xee\xdc\x16-Z\x18d)\x1e\xfc\x86!:\x8e\xe6\xd0X\x16\xe8\xe3\x0f\x0b\x02\x02\x03\x9a#\x00\x04\x04\x06|\xfca\x81a\xf3?\x84\xfa\xdc\xe4\xe4d\xfd`^\x9a{\xe5\xcdYl\xaf\xb6\xbbaw~Y\x96\xed\xd5\xf6\xbc9\x8b\x05A\xd07 \xea\xdd\xbbwrr2\xce\'\x01\x9fc\x94\x8e\xa39\\6\x0b\xb4\xab`\xb7\xa3\xbe\xbe9\xb6"p\xd4\xd7\xef*\xd8-\x185\xff\xe3L\x92\xa4\xac\xac,\xeamUUe2;Q\xfa\xed\x92\xdc\xa5\x91-"\x9bu\x12\xa0(Jd\x8b\xc8%\xb9KO\x94~\xcb\xe4\x0b\x95W\x8c\xb1\xac\xac,\xe3\xc4`\xf0\'\xf8\xd4^;=\x0b\x14\x10\x10@Y A\x10\xbe&lt;\xf4\xf5w\'\xbe\x0f\x08\x08p\xe1b\xa0\xa6i\x01\x01\x01\xdf\x9d\xf8\xfe\xcbC_\x0b\x82@\xf9\x9f\x80\x80\x00C\xe5\x7ft\xfa\xa0{\xd4\xa8QtF\x82\xcaUI\x92\x96\xbd\xb4\xfc\xd0\xe7\x87CB\x82\x9bo\x11&gt;$$\xf8\xd0\xe7\x87\x97\xbd\xb4\\\x92$\x95\xabt\x12\xc3\xa8Q\xa3\xf4\xe9Hs\xbc.@\xf31V\xdf\xe1Z\x94\x87\xe9\xd8\xb1c\x97.]hT\xce\x18\xb3U\xdb\xfe\xfbqapH\x90\x0b\x9f\t\xe2\x9c\x07\x87\x04\xfd\xf7\xe3B[\xb5\x8d\xb6\x98\xd64\xadK\x97.\x1d;v\xa4\xec\x93\xab^\xc8W\xd0\x15x\xf6\xd9g\xc3\xc2.l\xcb#I\x92\xddf_\x94\xf3rs,\xc0\x10Z\x86Y\x94\xf3\xb2\xddf\xa7k\xae\xaajXX\xd8\xb3\xcf&gt;\xab\xcf\xc9\x00|\x8b\xe1\xfa\x0e\xd7\xa25\xc0\xbe}\xfb\nN#\xf1\xcd\x1b\xb7r\xceE\xd1e\xd7V\x14%\xce\xf9\xe6\x8d[\xe9Kz\xa1\xbe}\xfb\x1aj\xffgg\x94\xf8\xea\xd0\xa1Czz\xba\xf3\xe9\x08\x1b\xdf\xd9\xb4\xed\x83\x82\x88\xc8p\x97_\x16\xceyDd\xf8\xb6\x0f\n6\xbe\xb3I\x7f9UU\xd3\xd3\xd3;t\xe8`\xa8e\x18\xf0\'\xf8\xd46\x89\xfe,\xae\xfe\\\x92 \x08\x9f\xee\xdd\x7f\xa2\xe4\xdb\xc0@\xd7d\x814M\x0b\x0c\x0c8Q\xf2\xed\xa7{\xf7\x0b\x82\xa0?y\xa4?\x87\xdc\xf4\x97\xf0E\x14\xfc&amp;M\x9a\xd4\xa9S\'\n\xc3\x82 \xa8\\}q\xeebW\x9d\x05\xe6\x8c\xce\x05{q\xeeb\x95\xab\xfa\xabw\xea\xd4i\xd2\xa4I\xfa\xab\x03\xf8\x1c|p\x9b\x84\xaaP\xbau\xebF\xd58\x94\x05\xaa\xb1\xd7\xfc\xb7\xc0eY\xa0\x0b\xf9\x9f\x82\xc2\x1a{\r\xe5\x7f\xa8\xfa\xa8[\xb7nF\xae:\xa7.\xdel6ggg;\x9f\xd4\xf8\xe9\xde\xfdk\x97\xaf\x8fr\xe9j\xb0\xa2(Q-"\xd7._\xaf\x97~R\x0e*;;\x9b\xf6\x7f5l\x18\x06_\x87\x00\xd0TT\x8f?d\xc8\x10\xa1y\xb2@\x97\xcd\xff\x0c\x192\x84\x9e?h\xfa\xcf\xf7]\xd4\x17\'%%\r\x180\x80z\x7f\x8a\xc1\x0b\x9e\xcb\xfb\xe1\xbb\x1f\x03\x03\x03]7\x03\x0b\xfc\xe1\xbb\x1f\x17&lt;\x97G\xd1\x97^w\xc0\x80\x01IIIX\xfb\x05\x9f\x86\x00\xd0T\x17Ud\xba6\x0b\xd4X\xfeG\xaf=u\xc5;\xf0a4\x12\xa7\xe395M\xa3%\xf1\xb23e\xaf.~\xdd\x12\x1a\xe2\xaa\x19\x98%4\xe4\xd5\xc5\xaf\x97\x9d)\xa3e\x7f:{r\xd1\xa2EX\xfbm\x0c\x9d\x9a\xe9B\xd8`\xa3\x99 \x004\xd5\xafe\x81,M\xcd\x02q\xce\x83-\xc8\xff4\x8a\x82n\xe7\xce\x9dSRR\xf4\xb1\xb9$I\xaf-Y\xf1\xf9g_XB-M\xac\x08RU\xd5\x12j\xf9\xfc\xb3/^[\xb2B\x7f\xf0XU\xd5\x94\x94\x94\xce\x9d;c\xed\xb71\xb2\xcc,\x16\x8b\xc5\x12b\tm\xf2\xff,!\x16\x8bEn\xcec\x1e\x8c\xac\xd9\x9f\x9c4\x02=\x0bDgT\xd1he\xf3\xfb[\x1f|l$\x9d\xd9r\xcd?Y\xd3\xb4\xfa\xf3\xf5\x9b\xdf\xff9\xff\xa3\xaa*\xe5\x7f\x14Eq\xc3\x83\xaf\xde\x8f.xVV\xd6\xda\xb5k\xadV+\x1d\xd2\xe2\xa8wdM\x9d\xf3\xd6\x07\xab\x9b\xfe\xf3\x19\x93\xb2\xa6\xceq\xd4;\xf4\x02\xdc\xc8\xc8\xc8\xac\xac,c\x16\xe0\xfe&amp;\x8a\xb8\x87\x0e|yo\xc2}\\Q\x9b&gt;A\xd24\x81\xc9\xd2\xe1\x03_\xd2\x0f\xc7\x94\xcb\xb5\xd0\x83\xb8\x80\x9e\x05Z\xb0`\x81&gt;]-\xfa\xf4@U\xa55\xbam\x9b\xf3\xe7\xeb%\xe9Z&gt;\xb5\xaa\xaa\x05\x04\x98O\x9d&lt;]\xf4\xe9\x01\xa1\xe1\xd3\x8f\xfc\xcfEh\xf9\x97:\xe5\xa7\x9f~\x9a&amp;\x01\x8c\xb1\xc2\x1d{\xb6l\xfch\xe0\xe0\xfe\xd6\xaa\xeak\x9b*q\xce\xc3#\xc26\xbf\xbf\xadp\xc7\x1e\xfd\xc7r\xce\xb3\xb2\xb2"##\x91\xfd\xbf,\xfa\xf0W[\xab\xf7\xec\xfc\xa49~8&gt;\xf6\xae\x85\x00\xe0\x02\xceY\xa0c\xc7\x8e\xd1\xc0\xd0Vm[\xb7r\xc3mq\xb7\xd4\xd4\xd4^\xdbP\x91\x1e==\xb0\xff\xa0\xad\xda\xd6p\xf6\xa1z\xe3\x8d7"\xffs\x11\x9a\x18\xa5\xa4\xa4,_\xbe\xbc\xa8\xa8\x88\xe6\x04\xa2(&lt;7mN\xef~\xbd(us\xb5\x1d\x07\r\xf0kk\xeb\x9e\x9b6G\x14\x05\xfd\x10\xe0\xb8\xb88J7a\xf8\xff+h\xa4\xe2\xc2\x1f\x88e\x80f\x82\x00\xe0\x1a\xaa\xaa\x9a\xcd\xe6\xf8\xf8x\n\x00T\x83\xf8\xfc\xf4\x1c\x17\xbe\x04e\x9f\xe3\xe3\xe3\xa9\xfe\x07\x01@G\xa1Q\x96\xe5\x05\x0b\x16$$$\xe8\xc9\xfa\xe3\xdf\x9cX\xb5\xf4\x8d\xb4\xa9\xa9U\xb6\xaa\xab\xbd\\\x9c\xf3\x88\xd0\x88\x05s\xf2\x8e\x7fsB\x1f\xfe\xab\xaa\xba`\xc1\x02\xda\x01\x02\x01\xc0\x19\xf5\xf8\xce\xd7\xc4\xb5\xfd5\r\x80\x84\x86*8\xcc\x03\\\x05\x01\xc0\x95\x86\r\x1b\xb6|\xf9r}\xe1\xd1U}\x04\xfd@\xfa\x93\xf2?p\x11\xea\xa3\xfb\xf4\xe9\x93\x94\x94D\xc7\x05S\xc6l\xde\xec\xdc\x8f\xb7l\xbf\x86d4\xa5\x9e\x8b\xf6}\xee\\\xfa\x99\x94\x94\xd4\xa7O\x1fD\xdfK)\x8a\xa2\x97\xc05+z\t7\xec\xfbm\x108\xc2\xd45(;i\xb3\xd9:w\xee|\xe6\xcc\x19\x97\x9f\rK?\xb0u\xeb\xd6G\x8f\x1e\r\r\rE2\xf4R\x94\x96)..\xee\xd2\xa5\x0b\xe7\xdc\xb5\x0fI0\xc6\x18c\x87\x0f\x1f\xee\xd4\xa9\x13\xf2?\xce\xe8\xa3XYYy\xe0\xc0\x01\xb7\xbd\xe8m\xb7\xdd\x16\x19\x19\x89\xbb\xa0\xe90\x03p\rZ\x8a\x0c\r\r\xed\xd7\xaf\xdf\xea\xd5.(&gt;\xb9\xac~\xfd\xfa\x85\x86\x86b\x04zY\xce\xdb3&lt;\xff\xfc\xf3\xfa#\xbbM\xe9\xac)\xf5L?*==\x9d\xb6\x9d\xc0\xc5wF]pdd$\xed\x88\xe5\xfe\x97\x86\xa6\xc0\x0c\xc0e\xa8k\xd8\xbd{\xf7\xb3\xcf&gt;\xeb\xf2m\xfa\xe9\x07\xce\x9e=\xbbW\xaf^\xe8\x83\x1aCOi\xd9\xed\xf6\xd8\xd8\xd8\xe3\xc7\x8f\xbb\xe4\xb7@?$&amp;&amp;\xa6\xa8\xa8\xc8b\xb1\xe8\xc9hpFO~\xb9\xed\xe5\xe8$N\xb7\xbd\x9c\x1fC\x00\x00\xbfB\x8fG\xac^\xbdz\xf4\xe8\xd1.\xfc\xb1\xabV\xadJNN\xc6\xb3\x17\xe0g\x10\x00\\\x8c\x06\xa1\xcd\xf4\xc31\xfc\xbc\x124\x1a-,,t\xd52\x00c,&gt;&gt;\x1e\xa3N\xf0?\x08\x00\x00\x00\x06\x85\xf9,\xf8\'\x97W\x01\xb9\xf0\xa7\x01x\t\xcc\x00\x00\x00\x0c\n\xe5\xcc\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00\x00`P\x08\x00\x00\x00\x06\x85\x00\xe0I\x9a\xa6i\x9a\xe6\xe9V\x00\x80A!\x00x\x8c\xa6i\xa2(\x8a\xa2\xa8\xaa\xaa\xa7\xdb\x02\x00F\x84\x00\xe0\x19\x8a\xa2P\xd7o\xb3\xd9$IR\x14\xc5\xd3-\x02\x00\xc3A\x00p7M\xd3\x14E\x91e\xf9\xe4\xc9\x93\xfd\xfa\xf5\xbb\xed\xb6\xdb\xf6\xec\xd9#\xcb\xb2\xaa\xaa\x98\n\x00\x80;!\x00\xb8\x15u\xf1\xb2,\xaf_\xbf\xfe\xf6\xdbo\xdf\xbe}{iii\x9f&gt;}f\xcd\x9a%I\x12\xa6\x02\x00\xe0N"\x16!\xdd\x86s\xce\x18S\x14e\xf2\xe4\xc9yyy\x82 0\xc64M\xa3\xa8\x90\x98\x98\xb8|\xf9\xf2\xb6m\xdb*\x8a\xc2\x18\x13E\xd1\xc3\xcd\x05\x00\x7f\x87\x00\xe0\x0e\xd4\xcb3\xc6\x8a\x8a\x8a\xc6\x8e\x1d\xbbo\xdf&gt;I\x92\xe8\xfb\xf4\x17(0\xb4m\xdb6//o\xc4\x88\x11\x82 \xa8\xaaJ\x7f\x07\x1a\xe3=\x1f]Dk\xf0Q\x08\x00\xcd\x8e\x06\xfe\x82 ,[\xb6l\xe2\xc4\x896\x9bM\x96eEQ$I\xa2\xb1\xbf\xc4$\x95\xab\x8c1\xce\xb9 \x08\xa9\xa9\xa9\xf3\xe6\xcd\x93eY\xff\x87\x00\x00\xcd\x01\x01\xa0y\xd1zoyy\xf9\xd3O?\xbdn\xdd:A\x10\xa8\xa3\xa7?Mf\x93%\xd4RY^I_J\x92$\x8a"\xe7&lt;&gt;&gt;\xfe\xf5\xd7_\xbf\xf1\xc6\x1b\xf5oz\xfa}x\x17\xaa\xa0\xad\xaa\xaa\x12&lt;=\x0f\xa0_MDD\x045\xc9\x83-\x01\xb8\x06\x08\x00\xcd\xe5\xc2\xe8^\x92\n\x0b\x0b\x1f{\xec\xb1c\xc7\x8e1\xc6\xf4or\xce\xff\xd4\xf5\xa6\x17^~\xbeM\xdb6\x13\xc6L\xda\xbd}\x8f\xfeL\x00\xcd\x0f\xc2\xc3\xc3\xe7\xcf\x9f\xff\xf8\xe3\x8f\x0bNs\x08\x10\x1a\xae\xc6\xdc\xb9ssrrh\x9e\xe4\xc1\xc6P\xee.===##\x03\xbf&amp;\xf0=\x1a4\x03\x87\xc3A\xff\x91\x99\x99)\xcb\xb2 \x08\xf4\xa7\xc4.\xa4\xf5G&amp;\x0f\xff\xf2\xe4\x81\xef\xed\xdf|S\xf1\xe5w\xf6o\xa6ggP\xdf\xc1d&amp;\x08\x82\xde\x8f&lt;\xfe\xf8\xe3\xd5\xd5\xd5\xce?\xd0\xe08\xe7\x9c\xf3\x93\'OFEEy\xe6\x86\xb9\x9c\xa8\xa8\xa8\x93\'OR\xdb&lt;}\x85\x00\xae\x02f\x00.\xa6i\x1a\xe7\x9c\xca\xfc\x1f}\xf4\xd1-[\xb6\x08\x82@\xe9\xfe\x0bC\xfb\x88\xf0\xac\xdc\x99\xc3\x1e\xf8\xbf\xda\xda:G\xbdC\x14%A\xd0\xa2ZF\xed\xfax\xf7\xa4\xbf\xa7\x7f{\xfc;\xc6$U\xd5\x84\x86\x89Bll\xec\x92%K\xbaw\xef\xae\xcf\x1e&lt;\xfc\x0e=\x8aF\xd9\x8f&gt;\xfa\xe8\x8a\x15+L&amp;\x13=O\xe7\xc1\xf6h\x9a&amp;\xcb\xb2\xc3\xe1x\xe4\x91G\x96/_\x8eI\x00\xf8\x16\x04\x00WRU\x9529\xeb\xd7\xafOMM=y\xf2$u\xfazz\'\xf6\xcen\x0b\xfe\x95sS\xd7?V\x94U8\'\xf7\x15\x87\x12\x11\x15~\xe6\xf4\xd9\x19\x13g\xfd\xe7\x9d\x0f\x84\x86\x98Ak\x03\xb2,\xcf\x9b7/55U0v:\x88.oQQQ||\xbc\xc3\xe1\xf0\x9e\xe7\xe6$I2\x99L\x85\x85\x85\xb1\xb1\xb1\x9a\xa6\x19&lt;H\x83\x0fA\x00p\x99\xcb\x96\xf9\xeb\xeb\xbd\x82 \x8c\x9b\xf2\xd4\xb8\xf4\xb1&amp;\xb3\xd9^m\x97M\xf2\xc5\xff\\\xe1\xe6\x00sHh\xc8\xca\xa5\xabgg&lt;_[S\xab\x17\x0b\xd1dm\xc4\x88\x11yyy\xf4\xa0\x00%\x94\x8c\x86.fBB\xc2\xce\x9d;\xf5\xab*IRXx\xa8\xaa\xaa\x82\xe0\xce\xa9\x80&amp;IR\xb5\xd5FA\x88\x1a\xd3\xa7O\x9f\x1d;v\x189B\x83\xcfA\x00p\x01\xad\x912\x7f}\x08\xdf\xaau\xcby\xff\x9c\xf3\xd7!\x03++\xaaT\xae\xea+\x01\x17\xff\x1cUSU\xb5E\xab\xa8\xfd\xfb\x8a&amp;=9\xf5\xcbC_\xd1\xba1\xe5\x19\xe8A\x81\xe5\xcb\x97\'&amp;&amp;\x1a0\x1dD\x1dk~~~RR\x92^4%\x08\xc2\x92U\x8b\xee\xea\x1bo\xb7\xd9\x1b\xbb\xaa\xcdA\xe5\xaa%\xd4\xf2\xdf\xed\x85cG\x8f\x13\x9c~\xd1\x1b6l\x18&gt;|\xb8\xdf\xc4\x00\xef\x99c5\x85\xa1n\x93\xab\x85\x00\xd0T\xbfR\xe6O#\xf7{\x86$\xce\x9a7\xe3\xfa?\\WYQu%\x8f\xf8*\x0e%,"\xac\xdaZ\xfdB\xe6\x82\x95\xaf\xbc!4\x0c0\xe9\xc7\n\x820s\xe6\xcc\xcc\xccL\xa1\xa1\xc6\xb4\xd9\xdf\xa1\x17\xa0\x10k\xb7\xdbccc\x8f\x1f?N)5\xce\xf9\xd0\x11\x83_Y\xf7O\xaa\xa3us\x938\xe7\x91-"\xc7\xdc\xff\xe4\xbb\xeb\xdf\xa7\'\xba5M\x8b\x89\x89)**\xb2X,(\xde\x05\x9f\x80\x00\xd0$\xbf^\xe6/I\xd2?\xb2\xa6\xfc}\xc2\x98\xfa\xfa\xfa\xba\xda\xba+\xef\xac9\xe7&amp;\x93\x1c\x16\x11\xbeau\xfe\xb4\t\x99\xd6*\xab\x1eT\x04APU511q\xf1\xe2\xc5\x9d:u2\xc8\xbe\x11t\x9dg\xcd\x9aEUU\x9csA\x14\xc2\xc3\xc36\xef\xd9\xd8\xaaM\xab\xfa\xf3\xf5\xa2\xe4\xee+\xa0\xa9\x9a9\xc0|\xf6\xf4\xd9\x81=\xef\xb5Z\xab\x05\xedBIhff\xe6\xcc\x993}=6k\x9a&amp;\x8abZZ\xda\xe7\x9f\x7f\xaeg\xdb|\x0b5\xbb[\xb7n\x0b\x16,\xd0\xf0\x94F#\x10\x00\xae\xd1\x95\x94\xf9\xcfY\x94\xd5=\xfe\x8e\xca\x8a*\xe1\xea\xe7\xa1TM\xd4\xa2U\x8b\xaf\x0e~5c\xd2\xec\xdd\xdb\x0b\xf5)\x05\x05\x83\x16-Z,Y\xb2d\xc4\x88\x11\xf4M?\x9e\xe7\xd2\xdaoiii\\\\\x9c\xcdf\xa37\xcb9O\xcdx\xe6\x1f\xcfM9{\xa6\xccS]\xad\xa2(\xadZ\xb7|~\xfa\x0bys\x17\xd3o_\x14\xc5\xd0\xd0\xd0\xfd\xfb\xf7\xb7o\xdf\xde\xa7\x7f)\xb4\x13\xc9\x9f\xff\xfc\xe7}\xfb\xf6y\xba-M\xd2\xbd{\xf7O&gt;\xf9\x04\x1b\xab4\x06\x17\xe5Z\xd0`\\\x92\xa4Y\xb3f%$$\x1c;v\x8c\x86\xa5\xa2$R\xc7=2yx\xfe\xd67\xe3\xbaw+/\xab\xa0\xbfy\xb5/!\x8a\xa2,\xcb\xe5g\xcbc:\xc5\xacy\x7f\xc5\xb8)O\xd1b\x00\r3\x19c\xe5\xe5\xe5#G\x8e\x9c0a\x02M5|q\x8cv\x85h\xf86{\xf6l\xab\xd5\xaa\'\x7f\xda\xb5\xbfalZ\ne\xd5&lt;\xd50\xc6XeE\xd5\xd8\xb4\x94v\xedo\xe0\x9cS\xdb\xacV\xeb\xec\xd9\xb3E\xd1\x1f\x86V\x16\x8b\x851f6\x9b\x99\x0f\xa2f[,\x16O_E\xaf\x86\x00pu4\xa7\xdd\xfc\x07\x0e\x1c\x98\x99\x99I\xc1\x80\xbe\xa9r5&lt;"|\xd1\xeb\xb9\xb9\xaf\xbc`2\x9b\xaa\xablM\x1c\x9c\xca\xb2\\W[WW[7\xfd\xf9\x8c\x15o\xbf\xda\xaauK=\xbf$\x8a\xa2$Iyyy\xbdz\xf5***\xa2o\xfaA\xa7s\x11z\xbf\xbbv\xedZ\xb3f\x8d\xfe\xc6\x05AH\x9d\xfa\x8c%\xcc\xe2\xd9\xe7\x00DQT\x14\xc5\x12fI\x9d\xfa\x0c}I\xad]\xb3f\xcd\xae]\xbb\x98ofN\x9c\xa9\xaa\xca\x9dh\x9a\xda&lt;O#\xb9\xd6/\xda\xec\x1f\xeb\xd8\xcd\x07\x01\xe0*8\xef\xe6\x1f\x17\x17\xb7e\xcb\x16\xea\xdf5M\xa3\x18\x10{g\xb7\x7f\x17l\x18\x91&lt;\xdcZU\xcd\x15N\x8f\xf56\x11-\'\x9e=S6`P\xbfM\xbb\xff}\xcf\x90D}\xb0I\x0f\x97\xed\xdb\xb7/!!a\xd9\xb2e\x8c1\xea\x83\x9a\xfe\xa2^\x85s&gt;c\xc6\x0cz_\xd4\xab\xde\xd9\xe3\xf6\xa4\xe4\xfb\xac\x15V\x8f\xe7\xd9eY\xb6VX\x93\x92\xef\xbb\xb3\xc7\xedz9\x80s\x83\xfd\x89\xaaj\xaa\x0f\xf0\xb71P\xb3\xf2\xe1u*7\xbbl\x99?ech\xe8\xad\x97\xf9\x97\x9f)\xbf\xb4\xcc\xbf\x89dY\xae\xac\xa8j\xd9\xba\xe5\xabo\xfe\xf3_\x0b_y~\xc6\x0b\xaa\xaa\xea\r\xb0\xd9lO&lt;\xf1\xc4\xc7\x1f\x7f\xfc\xd2K/\xb5h\xd1\xc2\xd7W ut\xcdW\xaf^\xad\x0f\xa8%I2\x9b\xcd\x19Y\x93\xb9\xa2\xba\xb5\xee\xffW\x88\x02W\xd4\x8c\xac\xc9\xf7\xff5YQ\x14\xfa\xbd\xec\xda\xb5k\xed\xda\xb5\xc9\xc9\xc9\xfeQ\x12J\x19\xad\x8cY\x93c\xbb\xdfVc\xaf\xf5\xce|\xba\xaa\xaa!\x96\xe0\xa2}\x07\xe6\xce\x9c\x87%\xdf+\xe4\x0f\xddDs\xd3\x1a)\xf3\xd7\xb31\xcee\xfe\x0e{\xad\xcb{\x7f"\xcb\xf2\xf9s\xe7\xcf\x9f;\xff\xf4\xe4\'\xef\xe8y\xfb\xd4q3\xf4\x07\x05(\x1d\xb4n\xdd\xba\xa2\xa2\xa2\xd7_\x7f=&gt;&gt;^\xf5\xfd\x07\x054M\xa3\x94\xfa\xacY\xb3\xa8\x03\xa2\xab=h\xe8=\xbd\xfa\xf6&lt;{\xdack\xbf\x17\x91$\xc9Vm\xeb\xd5\xb7\xe7\xa0\xa1\xf7\xbc\xfb\xd6{\x8c1j\xf9\xacY\xb3\x06\x0f\x1e\x1c\x1a\x1a\xaa\xf9~\t\n]\xff\xd8;oKL\xeco\xb5[]2\xb5u9\xae\xf0pK\xb8\xa0\t\x02Nh\xb8b^q\x0by3\xea\xe5\x19c\x97\x96\xf9S\xbeE/\xf3?{\xa6\x8c1\xd6\xac\x8f#Q\x87^^V\x11\xd7\xbd[\xfe\xd673\xa7&lt;\xb7~u\xbe\xd0Pw$\xcb\xf2\xb1c\xc7\x12\x12\x12\xfcc\xdf\x08zGyyy%%%\xb4\xc6\xae\tZDd\xf8\x94\xcc4[\xb5\xdd\xab\xde\x17c\xccVm\x9f\x92\x99\xb6}\xeb\x0e\xbd$\xb4\xa4\xa4$//\xcf\x0fJBu55\xb5\xd6\x1a\xab\xd5jcn|\xe6\xee\xcaq\xae\n\xa2PSS\xeb\xe9\x86\xf8\x12o\xfcEz\x0f\xbd\xde\xe6\x81\x07\x1ex\xe2\x89\'l6\x9b\x9eu\xa1q\xf7\xf4\xec\x8cW\xdf\xfcg\xcb\xd6-++\xaadYv\xcf\xb8C\x96\xe5\xea*\x9b\xc9dzq\xd9\xfc\xb9\x8b\x9f\xb3\x84\x86\xa8\xaa\xcad\xa6/GO\x980a\xe0\xc0\x81\'O\x9e\xa4\xd6j&gt;\xb82LS\xae\xd2\xd2\xd2\x85\x0b\x17\xea\xc9\x1fM\xd5\x1e\xf9\xfb\xe8\x0e\x9db\xce\xd5\x9d\xf3\xaa!\x9e(\x8a\xe7\xea\xceu\xe8\x14\xf3\xc8\xdfGk\xea\x85*U\xc6\xd8\xc2\x85\x0bKKKYC}\xb0\xaf\x93$\x891\xc6\x98\xd4\x1cE;\xae 1\xc6|z\xd6\xeb~\xb8X\x97G\xcbI\xb2,\x17\x16\x16\xf6\xec\xd9s\xdd\xbau\x8c1Zwe\x8cQ\x99\xff\xbb\x1f\xaf\x7fz\xf2\x93\xb6j\xdb\xf9s\xe7\xdd&lt;\xc4c2\xe3\x9cWVT=&lt;&amp;y\xe3\xcewb\xef\xec\xc6\x15\xce\x18\xa3\xbe^\x96\xe5-[\xb6\xe8\xcb\xd4\xd4lw6\xaf\xe9(m\x92\x9e\x9en\xb5Z\x05A\xa0\xb7\x10\xd3\xb1\xdd\xd8\x89c&lt;[\xfa\xd9\x18F%\xa1\x13\xc7\xc4tlG\x83\x03A\x10\xacVkzz\xba\x7f\x94\x84\x82_B\x00\xb8\x0c7\x94\xf97\x9d(\x8a\x8c\xb1\x8a\xf2\x8a\xf6\x1dc\xd6o^\xf3\xe8\x93\xa3i-\x9a5\xccQ\xa8Pu\xc2\x84\t\xfa\xcc\xc0\xfd\x8d\xbc64|\xde\xb9sg~~&gt;k(\xfd\xd44mz\xf6\xd4\x10\x8bE\xaf\x04\xf5*\x94\x0f\x0c\xb1X\xa6gO\xa5\xe8\xa5o^\xe4\xbcu\x1d\x80WA\x00\xf8\x05\xcd\xbde\xfeM\'\xcbrmM\x1dW\xf8\xdcE\xcf-^\xbe\x90\x1e\x14\xa0pE\x91)///!!\xa1\xb8\xb8\xf8B\x1a\xdd\xeb\x87\xa2\xd4{\x9e?\x7f&gt;--\xcdy\xed7&gt;\xa1g\xe2\xbd\xfd\xaa\xad\xd5^8\xfc\'\x8c\xb1jku\xe2\xbd\xfd\xe2\x13zR\xef\xaf5l\xa8p\xfe\xfcy\xcc\x03\xc0\x0b!\x00\xfcL\xf5D\x99\x7f\xd3IL\xd24\xad\xecl\xf9\xf0Q\xf7\xfdg\xd7\xbb\xbd\xfa\xc6\xeb\x8fG\xe9Y\xac\x1e=z\xe8Y,/\x1f\x8a\xaa\xaaJ\x15M\xfb\xf7\xef\xa7C\x114M\x93ey\xc6\x9c\xa9\x9c\xfb@"\x8bsu\xc6\x9c\xa9\xb2,S\xf1\x98$I\xfb\xf7\xef_\xb7n\x1d\xbd\x17O\xb7\x0e\xe0\x17\x10\x00.\xd07T\x980a\xc2\xc8\x91#\xf5\x15T\x1a\xc7\xa9\xaa:n\xcaS\xeb?|\xa3}\xa7\x98\xf23\xe5\xcc\xcb\xf6_\xa3}#*\xca*ZE\xb7Z\xf3\xfe\xf2\xf1\xe9O_8OFf\x8d\xadc{\xba\xc9\x97GC\xe6\x8a\x8a\x8a\x8c\x8c\x0c\xfdH\x1cUUG\x8e\x1e~k\\W\xbb\xad\xc6\xcb\x97\xf8$I\xb2\xdbjn\x8d\xeb:r\xf4p\xbd\xf1\x92$eddTTT`\x12\x00\xde\xc6\xabo\'\xf7\xa0\xb4&gt;c\xac\xa8\xa8\xa8W\xaf^yyy\x94&lt;q.\xf3_\xf1\xf6\xab\xd3\x9f\xcf\xe0\\\xadm\xb62\xff\xa6\xa3\x07\x05jk\xea\xa6=\x9f\xb1\xee\x837n\x88\xf9\x03W\xb8,\xcb\xb4&amp;\xc9\x18[\xb6lYBB\xc2\xe7\x9f\x7f\xee\xb5\xe9 \xea.sssO\x9d:\xa5Ob\xc2#\xc2&amp;N\x1f_k\xaf\xf3\xce\xea\xc3\x8b0&amp;\xd5\xda\xeb&amp;N\x1f\x1f\x1e\x11FC~Q\x14O\x9d:\x95\x9b\x9b\x8bI\x00x\x1b\x1f\xb8\xa3\x9a\x15\xad(\xea\x9d\xe3\xbe}\xfb\xa8\xc7\x14\x1a\x96\xf5\xee\x19\x92\xb8i\xf7\xbf\x07\x0c\xeaw\xf6L\x99\xa6i\xee&lt;u\xe4\x1aP\xe8:{\xeal\x8f\xde\xdd\xdf\xdb\x9e\xff\xd7!\x03\xa9\x0c\x94\xde\x8b,\xcbEEE}\xfa\xf4Y\xbcx\xb1\x17\xa6\x83h\xc8\\\\\\&lt;o\xde&lt;\xea+i\x03\xd4qS\x9e\xfa\xdd\xf5m\xcf\x9d\xf3\xae\xd2\xcf\xc6\x88\xa2x\xee\xdc\xb9\xdf]\xdfv\xdc\x94\xa7(yHod\xde\xbcy\xc5\xc5\xc5\xcc_JB\xc1?xuw\xd6\xdc\xbc\xb3\xcc\xbf\xe9d\x93\\]Y\x1d\x1a\x16\xbat\xed\xcb\x99/\xcc\x08\x0e\tv~P\xc0f\xb3\x8d\x1b7n\xe4\xc8\x91\xe5\xe5\xe5^\x95\x0e\xa2\x19\xc9\xb4i\xd3\xea\xeb\xeb\x1b6;\xe21\x1d\xdb\x8dNy\xc8f\xb5y\xc9\x8a\xcb\x95`2\xb3Ym\xa3S\x1e\x8a\xe9\xd8NU/l\xdcT__?m\xda4\xa1\xe1m\x02x\x03\xe3\x06\x00ZZ\xf4\xce2\xff\xa6c2\xab\xaf\xaf\xb7U\xdb\xc6\xa6\xa5\xe4oy\xf3O]o\xd2\x1f\x14\xa0\x05\x83\xf5\xeb\xd7\xf7\xec\xd9S_\xe8\xf68\xbd\xf4s\xc3\x86\rN\xa5\x9f\xc2\xf4\xec\xa9\xc1\xc1A\x8a\xc2Eo\xd9\xfa\xe7\xb7\x89\x82\xa8(&lt;88hz\xf6TM\xfby\x97\xd0\r\x1b6\xa0$\x14\xbc\x8aA\x03\x80\xa6i\x0e\x87c\xe6\xcc\x99\xcee\xfeB\xc3z\x807\x94\xf97\x1d=\xb7y\xe6\xd4\x99\xae\xddn\xce\xdf\xfa\xe6\xc8\xe4\xe1z\xde\x9f\xaaZ\x8f\x1d;6p\xe0\xc0\x993g:\x1c\x0e\xcf\x0eK),)\x8a\xd2H\xe9\xa7\xcdkK?\x1b\xc3\x18\xab\xb6\xda.[\x12J5Z\x98\x07\x807\xf0\xc9\xae\xad\xe9\xe8n\\\xbf~\xbd\xa2(&amp;\x93I\xbf\'#"#\x16\xbd\xe6Ee\xfeMg2\x99l\xd5v\x93\xd9\x94\xfb\xca\x0b\x8b^\xcb\x8d\x88\x8c\xd0{[\x93\xc9D\x17A\xf0t^\x82\xb2\xe4K\x97.u.\xfd4\x99M\xbeR\xfa\xd9\x18*\t5\x99M\xce%\xa1K\x97.\xc5j0x\t\x83\x06\x00UUM&amp;\xd3\x981c\x84\x86` \x08B\xeb6\xad6l^s\xff\xc3I^U\xe6\xdft\x8c1\xaepkU\xf5\xfd\x0f\'m\xd8\xbc\xa6u\x9bVB\xc3\xfe\x8e\x9a\xa6\x8d\x193\xc6d2y\xb0?\xa2\x95\xd2\xca\xca\xca\x193f8\x97~\xfem\xec#\xddn\xbf\xd5n\xb3\xfb\xee\x0c\xccn\xb3w\xbb\xfd\xd6\xbf\x8d}\xc4\xb9$t\xc6\x8c\x19\x95\x95\x95\xb4\xbe\xed\xe96\x82\xd1\xf9\xe4\xad\xd5t\xd4\xa7\x0c\x1a4\xc8l6\xeb\tY\x9b\xcd\xced\xd9Vm\xa7U;\x8f6\xd0\xc5\xe8\x1d\xd9\xaa\xedL\x96m6;}\x93sn6\x9b\x07\r\x1a$xt\xe3hZo\xa7n\x91.\xbb\xa6i\xadZ\xb7|\xe2\x99\xc7\xec\xb6\x1a\x9fK\xfe8c\x8c\xd9m5O&lt;\xf3X\xab\xd6-\xa9\xbb\x17E\x91B\x9d/n\xd0\x04\xfe\xc7\xb8\x01@U\xd5\x8e\x1d;v\xeb\xd6\x8dF\xa0\x8c\xb1\xba\xda\xbam\x9b&gt;\xb2\x84Y\xfc\xf2\xceTU\xd5\x12f\xd9\xb6\xe9\xa3\xba\xda:\xda4Q\xd3\xb4n\xdd\xbau\xec\xd8Q\xf5\xdc\x91\xd9\xf4\xd2G\x8f\x1e\xa5\xc4\x08=\x8e\xa7\xaa\xea\xc4i\xe3\xaf\xff\xc3u\xbeR\xfa\xd9\x18*\t\xbd\xfe\x0f\xd7M\x9c6\x9e\xde)\xbd\xc1\xa5K\x97\x1e=z\x14\x89 \xf08\x83\x06\x00\xa1\xa1\xebIJJ\x12\x1a\xf2!\x82 \xec\xdb\xfd?\x87\xc3!\x8a~xYDQr8\x1c\xfbv\xffOp\xcaz%%%y\xb6\x1b\xa2\x96\x8c\x1b7\x8e\x96a\xa817\xdf\xfa\xa7\xe1\xa3\x86VUz\xfe\xc4\xc7\xa6\x93e\xb9\xaa\xd2:|\xd4\xd0\x9bo\xfd\x13}\xe4h\x01f\xdc\xb8qX\n\x06\x8f\xf3\xc3\x9e\xee\nQ\x0f\x98\x90\x90@\xe32\xea\x04\xf7\xed\xf9\xec\xdb\x92o\x03\x03\x03\xfc\xec\xce\xd44-00\xe0\xdb\x92o\xf7\xed\xf9Lh8\xec[\x92\xa4\x84\x84\x04\xc1s\xc7\'Qy\xcc\xd6\xad[\xb7n\xdd\xea\xbc\xebgF\xe6$\xda\xf5\xd3#\xadr9\xda%4#s\x92\xf3.\xa1\xce\xef\xda\xd3\r\x04\xe32n\x00\xa0\xca\xbc.]\xbat\xec\xd8\x91\xeeL\xc6X\x8d\xbd\xe6\xbf\x05\x85\xc1!A~v[r\xce\x83C\x82\xfe[PXc\xaf\xa1\'\x1e4M\xeb\xd8\xb1c\x97.]\xa8\xe6\xd2\xfdM\xd2\x8b\x91\xf4\xb10\xf5\x86\x03\x07\x0f\xe8\x9b\xd8\xa7\xaa\xd2\x1b7\xfd\xbf6\x8c\xb1\xaa\xca\xaa\xbe\x89}\x06\x0e\x1e\xe0\\\x12\xaa\xcf{\xfcl\xb4\x01&gt;\xc4\xb8\x01@\x10\x04\xcey@@\xc0\x90!C\x04\xa7U\xd0\xcd\x1b\xb7r\xce\xfd,\x0b$\x8a\x12\xe7|\xf3\xc6\xad\xf4%\xbd\xd9!C\x86\x04\x04\x04x*\xd4\xe9\xa5\x9f\x94\r\xa7\x92$\x93\xd94q\xdax\x95\xab&gt;\x9d\xfa\xbf\x94(\x8a*W\'N\x1bO%\xa1\xb4\xec\xa4\xaf|`%\x00&lt;\xc5\xaf\xba\xb9\xabE\xbd\xcc\xb0a\xc3\xe8&amp;\xa4\xfb\xf0\xd3\xbd\xfbO\xf8W\x16\x88\xf2?\'J\xbe\xfdt\xef~\xa1\xe1\xb03I\x92\x86\r\x1b&amp;x(\xffCC`\xe7z\x18\xfa\x15\xfcm\xec#\xb7\xc4v\xb5\xf9l\xe9gc$I\xb2\xd9\xec\xb7\xc4v\xa5\x92Pz\xb3\xce\xb5O~\xf3a\x03\xdf\xe2W\xb7\xd9\xd5\xa2\xc9\xb8^\t\xe3\xafY\xa0K\xf3?\xce\x15P\x1e\xc9\xb4\\T\x11O\xdfi\xd9\xba\xe5\x13\xcf&lt;V\xe3\xe3\xa5\x9f\x8da\x8c\xd5\xd8j\x9ex\xe6\xb1\x96\xad[\xd2P\xe3\xa2\xa7\x1f&lt;\xdd@0"C\x07\x00\xa1\xa1\x16\xde\xbf\xb3@\x8d\xe5\x7f\x9c\x9f\x81p\xa7K\x9f\x89\xa5\x14P\xda\xf4T?(\xfdl\x8c^\x12\x9a6=\xd5y\x97P\xe7\xe7\x9f=\xddF0\x1c?\xe9\xe3\xae\xd9\xafe\x81\x82\xfc!\x0b\xa4iZ`\x907\xe6\x7f\xf4]q\xa8\n\xeb\x8e\x1eq\x0f&gt;:\xa2\xa2\xbc\xd2\x0fJ?\x1b#\xcbrEy\xe5\x83\x8f\x8e\xb8\xa3G\x1cUa]\xb4\x03\x92\xa7\x1b\x08\x86c\xf4\x00\xd0X\x16h\xd7\xc7\xbb\x83\x82\xfd!\x0b\xc49\x0f\n\x0e\xda\xf5\xf1n/\xc9\xff\\zT:\xc5\x83\xf1\x19O\xd31\x8ann\x8f\x9b\xd1\x1e\xb4\xe33\x9e\xa6\x1e_\xdf\x035??\x1f%\xa1\xe0~F\x0f\x00B#Y\xa0\x8f7o\xd7T\x7f\xa8E\x11EQS\xd5\x8f7o\xa7/=\x9b\xff\xa1\xd4\x87\xd5j\xcd\xc8\xc8\xa0\x1e\x90\x8e\xdf\x19\xf1\xd0\xb0\xfe\x83\xfeRUi\xf5\xcb\xec\xbf3\xc6XU\xa5\xb5\xff\xa0\xbf\x8cxh\x18\x9d\xd8L\xf1/##\xc3j\xb5b\x83 p3\x04\x80\x9f\xb3@\xb4]\x17\xdd\x81\x07\x8b\x0e\x9d9u\xd6l6\xfb\xf4\r\xa9i\x9a\xd9l&gt;s\xea\xec\xc1\xa2C\xf4%\xedJ\xe6\xc1\xfc\x0f\xa5\xc2\xcb\xcb\xcb\xa9=tykk\xeb\xea\xcf;\xfc \xdc^\tQ\x14\xeb\xcf;jk\xeb\x04\xa7+P^^\xee\xaf\x8b\x1f\xe0\xcd\x10\x00.\x0c\x8a\xbbv\xed\xda\xa6M\x1b\n\x00\x92$\x9d9}v_\xe1\xa7\xc1!A&gt;\xbd4\xa7\xaajpH\xd0\xbe\xc2O\xcf\x9c&gt;K\xa3KUU\xdb\xb4i\xd3\xb5kW\xc1\x13\x1b\xc0\xd1s\xb0m\xda\xb4\x99&lt;y2]gJ\x85o|{\xd3\xf6\xad;#"#\xfc&gt;\x07\xc29\x8f\x88\x8c\xd8\xbeu\xe7\xc6\xb77\xe9o_\xd3\xb4\xc9\x93\'\xb7i\xd3\x86\x9e\x85\xf6t\x1b\xc1@\x10\x00.\xf4J\xc1\xc1\xc1\xfd\xfb\xf7\x17\x04\x816J\x13\x04a\xcb\xc6\xad\xa2\xefW\xa3\x8b\x92\xb4e\xe3V\xa1\xe1|\x18A\x10\xfa\xf7\xef\x1f\x1c\x1c\xec\xa9\xbe\x86\x16\xdb\'M\x9a\xd4\xb9sg}\x13:Q\x14r2\xe7\xd7\xd8\xedFH\x01\xd5\xd8\xed9\x99\xf3\xe9\xda\xd3\xd5\xe8\xdc\xb9\xf3\xa4I\x93&lt;\xb8%\x1f\x18\x16&gt;p?\x1b1b\x84\xd0\xb0O\x8e \x08\xff-(&lt;\xfd\xd3i\xdf\xcd\x02Q\xfe\xe7\xf4O\xa7\xff[P(\x08\x82\xbe\xdf\x11\xbdMO\xa1\xd4\xbf\xd9l^\xb4h\x11\xa5\xbfUU\x95$v\xe4\x8b/\xf3\xd7\xbc\x1b\x1e\x19\xee=g\x14\xbb\x9c\xa2(\xe1\x91\xe1\xf9k\xde=\xf2\xc5\x97\x92t\xe1\xdciM\xd3\x16-ZD\x1f3\x0c\xff\xc1\xcd\x10\x00\x04\xa1!\x19\xd2\xabW\xaf\xe8\xe8h\xfd!\x9d\xb3g\xca|:\x0b\xa4\xe7\x7f\xce\x9e)\xd3\x1f\xb6\x8a\x8e\x8e\xee\xd5\xab\x97\xe0\xd1\x03\x00\xa8\xdce\xc0\x80\x01\x03\x06\\\xd8\x1b\x87\x06\xbf\xb9\xd9/\xfe\xf4\xfdO\x81\x81\x81&gt;\x1aq\x7f\x9d\xa6i\x81\x81\x81?}\xffSn\xf6\x8b\xfa\xb97\x17]\x07O\xb7\x11\x0c\x07\x01@\x10\x1a\xb2@aaa\x03\x07\x0e\x14\xfc(\x0bti\xfeg\xe0\xc0\x81aaa\x1e\xcf5\xeb#_*\x83\xa1\xc1\xef\xd93e\x0b\x9e\xcb\x0b\xb6\x04\xf9\xf41\x90\x8d\xe1\\\r\xb6\x04-x.\xef\xec\x992\xfd86Y\x96\xf5\x99\x90\xa7\x1b\x08F\xe4\xc3\xbd[s</t>
        </is>
      </c>
    </row>
    <row r="180">
      <c r="A180" s="1" t="n">
        <v>178</v>
      </c>
      <c r="B180" t="inlineStr">
        <is>
          <t>color_hexagon</t>
        </is>
      </c>
      <c r="C180" t="inlineStr">
        <is>
          <t>What is the missing color of the part denoted with a question mark?</t>
        </is>
      </c>
      <c r="D180" t="inlineStr">
        <is>
          <t>['purple', 'blue', 'red', 'orange']</t>
        </is>
      </c>
      <c r="E180" t="inlineStr">
        <is>
          <t>purple</t>
        </is>
      </c>
      <c r="F180" t="inlineStr">
        <is>
          <t>There is a hexagon split into six parts with the colors ['orange', 'red', 'purple', 'orange', 'red', '?'] in an anti-clockwise order.</t>
        </is>
      </c>
      <c r="G180" t="inlineStr">
        <is>
          <t>We observe that a orange part is opposite another orange part, and a red part is opposite another red part. Thus, the pattern is that the colors in opposite parts are the same.</t>
        </is>
      </c>
      <c r="H180" t="inlineStr">
        <is>
          <t>Based on the pattern that spatially opposite parts have the same color, the missing color of the part which is opposite a purple part should be purple.</t>
        </is>
      </c>
      <c r="I180" t="inlineStr">
        <is>
          <t>b'\x89PNG\r\n\x1a\n\x00\x00\x00\rIHDR\x00\x00\x02\x00\x00\x00\x02\x00\x08\x02\x00\x00\x00{\x1aC\xad\x00\x00{\xf5IDATx\x9c\xed\xddy|TU\xb6/\xf0=\x9c:5d\xaa S\xec\x00\x06\x82\x08b\x82\x01\x14D\x10\xda\x16\xb4}B\xb7\x8d\x13B\xe3\xd4\x17\xc4{\xed0\x88FL\x18"W@\x10\xae\xb6m\xb7\xad\xa2\xadD\x9c\xba\xc5\x99\x88\xcd\x10\xe6\x900\x18@\x88\t2\x87)Ie\xa8\xf1\xec\xb5\xdf\x1f;)\x11\x01\x03d\xa8\xaa\xb3\xbe\x7f\xbc\xcf\xbbS{\xacT\x9d\xb5\xcf\xde\xeb\xac\x1f\x95R\x12\x84\x10B\xe6\xc3Z\xfa\x02\x10B\x08\xb5\x0c,\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Jk\xe9\x0b@-IJ)\xa5l\xe9\xab@-\x86RJ)m\xe9\xab@-\x86\xe2\xef\xdf\xb4\x0c\xc3\xd04\\\x01\x98\x9da\x18\x9cs,\x03\xe6\x84\x05\xc0\xa4\x00\x801\xf6\xddw\xdfM\x980\x811\x06\x00-}E\xa8Yi\x9af\x18\xc6#\x8f&lt;2j\xd4\xa8\x96\xbe\x16\xd4bp\x01h:\xaa\xe4{&lt;\x9e\x05\x0b\x168\x9d\xce\x95+W\xb6\xf4\x15\xa1\x16\xd3\xa3G\x8f\xc3\x87\x0f\xdfz\xeb\xad={\xf6\x94R2\x86\x87\x82\xe6\x82O\x00\xa6#\x84\xe0\x9c\xbf\xf5\xd6[\x0f&lt;\xf0\x00\xa5\x94s\x1e\xfc\x0e0\x86\xfb\x00\x91\xef\xf4s\x1f\xce\xb9\xdf\xef\x1f3f\xcc?\xff\xf9O\xdc\x124!,\x00\xe6\xa2N}].W\x8f\x1e=N\x9e&lt;\t\x00\xb8\xf9cr\xba\xae\x0b!V\xae\\9p\xe0@\xb58h\xe9+B\xcd\x07\x0b\xbe\xb9\x00\x00\xe7&lt;33\xb3\xac\xacL\xad\xfd)!\x94Q\x00\xf9\xc7\xdft\x7f\xf0\xb6\x9e\xb5\xb5&gt;\x8e\xfb\x00\x11\n\xa4\xb4\xda,\x05\xdf\x95M{s=\x80\x94DR\xca\x0c\xc3\x00\x80\xf4\xf4\xf4\xf5\xeb\xd7[,\x16)%\x1e\x08\x9b\x07&gt;\x01\x98\x08\x00PJ\xf7\xee\xdd\xdb\xb3gO\x00\x08\xf6\x802J@\x92_\xb5\x8e*~\xe3\x01{\x8c\x8d\x18@\xf0\x0e\x10\x91\x84$\xd1\xd6\xdf\xa6\xbf\xf7e\xfe\x0f\x9cQ\x01\x92\x10B)e\x8c\t!\xde|\xf3\xcd\xb1c\xc7\xe2C\x80\xa9`\x010\x11\xf5\xdb\x1e6lXnn\xaeE\xd3\x02\x86\x91\xda\xb6\xed\t\xb7\xfbhM\r\xe7\xcc\x10\xf0\xc8\xadW\xbf:yhU\x95\x87s|\x08\x884B@L\xac\xed\x9d\xe5\xbb\xc6\xce\xcf\xe5\x8c\x82\x94\x16\x8b&gt;`\xc0\x80\x95+W\xaa\xb3\xdf\xb6m\xdb\xee\xdc\xb9\xd3\xe9t\xe2\xcb\x01\xe6\x81\x05\xc0,\xd4\xdd?77w\xd8\xb0a\x9csu\x1a\xf0\xc5\x1f\xfe\xb0\xe1\xc8\x91\x99\xeb\xd7k\x8c\x01\x91\x8c\xd2\x82\xbf\xdcwu\xe7\xd6^O\x00\x0f\x84#\x89$\x84\x12"\tM\x1d\xff\xf6\xf7G\\\xaa\xfc\x0f\x1d:\xf4\x8d7\xde\xe8\xd5\xab\xd7\xa9S\xa74M\x0b\x04\x02\xd3\xa6M{\xf6\xd9g\xf1!\xc0&lt;p\xa1g\njc\xd70\x8c\xc7\x1f\x7f\x9c\x12\xc2)\x15\x00#\x92\x93o\xb8\xfc\xf2?^}\xf5\x15qq\x06\x00\xa7\xd4\x100\xe9\xd55\x1co\xfd\x11G\x08\xb0\xc7\xd8\xe6\xbd\x9f\xff\xfd\x11\x97\xc6\x99\x00\xd04m\xc6\x8c\x19\xbf\xfa\xd5\xaf233\xd5f \xe7\xfc\xf9\xe7\x9f/..\xc6\xf7B\xcc\x03\x0b\x80)\xa8\xd7\xbe\xfe\xfe\xf7\xbf\xef\xd9\xb3\x87sn\x08\x11\xab\xeb\x93\xfa\xf4q\xf9\xfdq\xba&gt;\xa5O\x1fB\x08H\xc9\x19\xfdf\xeb\xc1O\xd7\x95FE[\x85\xc0G\xc3\x08\x01\x92X\xad\xda\xc1C\x95/-\xdbN)%\x94\x01\xc0\xd8\xb1c\xaf\xbf\xfe\xfa\x93\'O\x8e\x1d;655U\xad\xfa\xfd~\xff\xb4i\xd3(\xc5\x8d\x01\xb3\xc0\x02\x10\xf9\xd4\xd9oYYYff\xa6\xda\xdc\x05)\x1f\xec\xd9\xb3W\xdb\xb6^\xc3\xa8\xf2\xfb\xef\xed\xde\xfd\xfa\x84\x04\x01\x92QJ\t\x99\xfc\xda\x1a\xb7;\xc09\xc5{@d\x90\x00\xba]\xcfX\xbc\xae\xbc\xda\xabq\x06\x00N\xa73++\xcb\xedv\x03@tttvv\xb6\x94R\xd5\x80\x0f&gt;\xf8 77\x97s.\x84h\xe9\x0bGM\x0e\x0b@\xe4SoxfddTTTX87\x84\xe8\x18\x1b;\xe1\xdak+\xbc^\x8d1I\x88\x00\xc8\xec\xdf_cL\x80\xe4\x9c\x15\x1f\xaa\x9c\xf7~\xbe=\xc6&amp;\x04\xee\x03\x84=\x012*\xc6\xb6bc\xe9\xbb\xab\xf6pFA\x12\x00\xc8\xc8\xc8HLL\xf4x&lt;\x16\x8b\xa5\xa2\xa2\xe2\xd6[o\x1d&gt;|\xb8\x10\x821F)}\xfc\xf1\xc7\r\xc3\xc0\xe7\x003\xc0\x02\x10\xe1\xd4\xe6OAA\xc1\xbb\xef\xbe\xcb9\x07\x00I\xc8\x93\xd7]\xd7\xd6\xe1\xf0\x0b\xa1\xce\x03\xaa\xfd\xfe\x1b\x13\x13Gu\xef\x0eR\x12I(\xa5/-\xdb~\xe0P\xa5U\xd7\xf0\x0e\x10\xee(!\x86\x013\x97l\x02\x90\x8cq\x00HMM}\xf4\xd1G].\x97z\xefW\x1d\x0eegg\xc7\xc5\xc5\xa9\x87\x80={\xf6\xfc\xfd\xef\x7f\xc7\x93\x003\xc0\x02\x10\xe1\xd4\xf1\xef\xe4\xc9\x93}&gt;\x1f\xa7\xd4\x00\xb8&gt;!\xe1\x9e\xab\xae*\xf7z\xb5\xfa\x17\xbe8c5~\xff\xd4\xbe}\xe3\xacV\x01\xa01Z^\xed\x9d\xb6x\x9d\x1e\xa5\xe3- \xac\x19\x02\xa2\xe2\xeco}\xb5sm\xd1\x11\xce\x99z\xf5\xe3\xd9g\x9f\xb5\xdb\xed\xc1\x1d\x1e\xc6XuuuJJ\xca\xb8q\xe3\xd4n!\xa5433\xb3\xa2\xa2\x821\x86\x0f\x01\x91\r\x0b@$\x0b\xee\xea\xae^\xbdZ\xd34C\x08\x9d\xf3\xcc\xfe\xfd\x05\xc0\xe9\x8d&gt;\x94\x10\xafa\\\x1e\x133\xa9O\x1fI\x88\x94\x841\xfa~^\xf1\x86\xc2\x83v\x87\xae^\x17BaGJb\xd1\xf8\xa9S\xb5\xcf\xbd\x97O)e\x94\t!F\x8c\x181l\xd8\xb0\xca\xca\xca\xd3\x1b=5Ms\xb9\\\xe9\xe9\xe9IIIj"PEE\x85:1\xc2\x15@d\xc3\x02\x10\xb1\xd4\xdaM\xf5u\x10B\x18! \xe5\x1d]\xba\x0cLL\xac\xf6\xfb\xd9O\xdf\xf4\xe1\x8cU\xf9|\x0f\xf6\xec\xd9\xd9\xe9T-\xa1\xfe\x80\x98\xfa\xc6Z\x8e=\xa1aK\x08\xb0\xc5\xda^\xf8\xb0\xa0\xf4\xa8\x8b3*\x00t]\xcf\xcc\xcc\x14B\x9c\xf1\x9e\x17\xa5\xd4\xef\xf7\'$$&lt;\xf1\xc4\x13\xaa%4\xd83\x86\x1bA\x91\r\x0b@\xc4Rc\x7f\xe6\xcf\x9f_\\\\l\xd1\xb4\x80\x10N\x9bmZ\xbf~\xd5~\xff\xcf\xa7\xfdPB\x84\x94\x0e\x8be\xc6\r7\x10B\x00$gtm\xd1\x91%\xb9\xbb\xa2bm\x06\x9e\x06\x87\x1b\x00iw\xe8{\x8a\x8f\xbf\xfc\xe9v\xc6\xeaZ?\x1f{\xec\xb1\xb4\xb4\xb4\xea\xea\xea\x9f\x8f}\xd64\xed\xd4\xa9S\x0f&lt;\xf0\xc0\r7\xdc\xa0\x1e\x02\xea\xde\x1a\xc1\xa3\xe0\x88\x86\x05 2\xa9\xb3\xdf\x92\x92\x92\xb9s\xe72\xc6\xd4{\xbf\x0f\xf7\xec\xd9\xc5\xe9\xf4\x1a\xc6Y\x17\xf5\x9c\xd2*\x9f\xef\xb6\xa4\xa4\x81\x89\x89BJF)\xa5$\xf3\x9f\x1bN\x95\xbb-\x1a\xc7\x9b@\xd8a\x9cf\xbc\xb1\xceU\xeb\xe7\x8c\t!\xda\xb6m\x9b\x9e\x9e^SSs\xae\xb7|\xa5\x94\x16\x8b\xe5\xe9\xa7\x9fV\xa3\x814M\xcb\xcd\xcd\xfd\xe0\x83\x0f\xb0%4\x82a\x01\x88L\xea\xecw\xd6\xacYUUU\x1a\xe7\x01!:;\x9d\x8f\xa7\xa5Ux\xbd\xe7\x1f\xf6)\xa4\x9c9`\x80\xce\xb9\x00\xc9\x19\xdbWV\xf5\xc2\x87\x05\xb6Xl\t\r\'B\xc8\xa8\x18\xdb\x8a\xcd?\xfc{}\x89j\xfd\x94Rfeeu\xec\xd8\xd1\xeb\xf5\x9ek\xce\x0f\xe7\xbc\xa2\xa2\xe2\xf6\xdbo\xbf\xfb\xee\xbb\x83-\xa1\xd3\xa6M\xf3\xfb\xfd\xf8\x1c\x10\xa9\xb0\x00D u\xf6\xbbf\xcd\x9a%K\x96h\x9c\x0b\xc3 \x84\xcc\xb8\xe1\x86h]\x17R\x9egO\x9fQZ\xe3\xf7\xa7\xb5k\xf7\xa7\x94\x14\xd5\x12\xca\x18}\xf9\xd3\xed\xbb\xf7\x1e\xb7\xd9-\x80\xb7\x800\xc19u\xbb\xfdO-^G)a\x9c\x0b!n\xb8\xe1\x86\x87\x1ezH\xcd\xfc9\xef\xff!\xaf\xa9\xa9\xc9\xce\xce\x8e\x8f\x8f\x0f\x04\x02\x9a\xa6\x15\x17\x17\xcf\x9f?\x1fO\x02"\x15\x16\x80\xc8$\x84P\xc7}\x8cR!\xe5\xc0\xc4\xc4\xdb\x92\x92\\&gt;\x1f\xff\xa5)\x8f\xaa%t|jj\x1b\x87CH\xc9)u\xd5\xfa\x9f\xcd\xd9d\xb1Y$\xb6\x03\x85\x03C\x80=\xc6\xf6\xce\xd7\xbb\xb7~\x7f\x821\x06 9\xe7O?\xfd\xb4\x9a\xf5\x7f\xfe\xff[J\xa9\xc7\xe3INN\x9e0aB\xdd\xa8p\xc6\x16,XPVV\x86\x1dA\x11\t\x0b@\xa41\x0c\x83s\x9e\x93\x93\xb3f\xcd\x1a\x8b\xa6\x19Bh\x8c\xcd\x1c0@4l\xfd\xaeZB;\xc4\xc6N\xed\xdbWJ\t\x92pF\xdf[\xbdw\xc5\x86\xd2\xa8\x18\x1b\xb6\x84\x868)\x89U\xd7\xca\x8eUe\xbd\xbd\x81\xd5\x0f\xfa\x1f9r\xe4\xed\xb7\xdf^QQ\xd1\x90\x19\x9fj#h\xca\x94)\x9d;wV\x0f\x01\xe5\xe5\xe5\x19\x19\x19\xf8N@D\xc2\x02\x10QT\x03_UU\xd5\xcc\x993\x19\xa5DJ\x90rT\xf7\xee\xbd\xda\xb6\xad\xf9Y\xeb\xe7\xb9h\x8cUz\xbd\xf7\\u\xd55\xad[\x03\x00\xa3T\x80\x9c\x99\xb3I\x18\x80S\xe2C\x9c\x00\xd0\x1d\xfa\xc2\x8f\n\x8fU\xb8\x19gB@\\\\\\FF\x86\xdb\xedn`\xe0\xbbz18&amp;&amp;\xe6\x99g\x9e!\xf5\xbdd999\x85\x85\x85\xeaM\xf2&amp;\xfe7@\xcd\n\x0b@DQ\xcd?s\xe7\xce-))\xe1\x9c\x1b\x00qV\xeb\xd4\xbe}\xdd\x81\xc0\x05\x05=\n)\xa3t}Z\xbf~R\xb5\x84r\xb6\xb6\xe8\xc8\xe2/\x8b\xa2b\xed\xd8\x12\x1a\xb2\x00\xa4\xc3\xa1\xef\xf8\xael\xd1\xc7\xdb\x18\xa3\x84P\x00\x187n\\jjjMMM\x03\x0b\x00!D\xd3\xb4\xca\xca\xca1c\xc6\xa8\x96P5%4==]\x08\x81\x0f\x01\x11\x06\x0b@\xe4P\x8b5uj\xc79\x97\x00R\xca\x89\xbd{\xff*&amp;\xe6\\\xad\x9f\xe7\xc2)\xad\xf4zo\xee\xd4\xe9\xb6\xa4$!%#\x84R\x9a\xf9\xcf\re\xc7\xaap@P(\xe3\x8cNzu\x8d? T\xebg\xa7N\x9d\xd2\xd3\xd3\x83c\x7f.\x88a\x18\xb3g\xcfV/\x04h\x9a\x96\x97\x97\x97\x93\x93\x83-\xa1\x11\x06\x0b@\xe4P\xab3\xd5\xb7\xa7"_\xaei\xdd\xfa\x91\x94\x14\x97\xefbr\xde\xd5\xaba\xcf\xf4\xef\x1f\xab\xeb\x02$g\xf4X\x85{\xe1G\x85\xba]\x17\xb8\x0f\x10z\x04\xc8\xa8h\xeb\xa7\xebJ\xbf\xd9z0\xd8\xfa9c\xc6\x8c\xf6\xed\xdb\xab&gt;\xce\x0b\xfaOS\x03\x82\x06\x0f\x1e&lt;v\xecX5 \x8816s\xe6L\x97\xcb\x85-\xa1\x91\x04\x0b@\x84P\xad\x9f\xabW\xaf\x0e\xbe\xb9#\t\x99\xd6\xaf\x9f]\xd3\xce\xdf\xfay.\x8c\xd2j\xbf?\xa5M\x9b\x07\xaf\xb9&amp;\xd8\x12\xba\xe8\xe3mE{\x8f9\x1c:\xe0ip(\x91\x84pF\xbd\xde\xc0\xe4\x7f\xac!\xe4\xc7\xd6\xcf\xd1\xa3G\xffb\xeb\xe7\xb9p\xce\xab\xab\xab\xb3\xb2\xb2\x9cN\xa7\xda\x08*))Y\xb4h\x91:Xn\xec\x7f\x03\xd42\xb0\x00D\x02\xf5\xda\x97\xcf\xe7\x9b&lt;y2\xa5T\xb5~\xfe\xb6s\xe7\x9b;u\xaal@\xeb\xe7\xb9h\x8cUx\xbd\x8f\xf6\xea\xd5)6V\xb5\x84\xfa\x03b\xfa\xdb\x1b)\xce\x07\n1B\x80=\xda\xfa\xca\';\x8a\x0fWj\x9c\t\x01\xba\xae\xcf\x9e=[\x8d\xf5\xbf\xb8\xffLJ\xa9\xd7\xebMLL\xcc\xc8\xc8\x08fF.\\\xb8P\x1d/\xe1ipd\xc0\x02\x10\t\xd4\xd9\xef\xd2\xa5K\x0b\n\n\xd4\xf2_\xe7|j\xdf\xbepQk\xff J\x88_\x88\x84\xa8\xa8\xc7\xd3\xd2\x82-\xa1\xffZ\xf7\xfd\x8a\xcd?`fd\xe8P\xad\x9f\xc7\x8eW\xcf\xca\xd9D)\xa1\x8c\x01\xc0\x9dw\xde9x\xf0\xe0\xb3\x8e\xfdi8M\xd3\xaa\xaa\xaa\xc6\x8f\x1f\x9f\x9c\x9c\xac\x1e\x02\\.\xd7\xacY\xb3\xf0\x9d\x80\x88\x81\x05 \xec\xa9\xe5\x7fEE\xc5SO=\xc5\x18\xa3R\x82\x94\x7fJI\xe9\xd5\xae\xdd\xcf\xa7~^(\x8d\xb1S\x1e\xcf\xfd=z\\\x97\x90 \x00\xd4\x80\xa0\xa7\x16\xaf\xf3\xfa\x0c\xcc\x8c\x0c\x11\x00\xa0;\xf4\xe9oo\xac\xac\xf1q\xce\r\x03\xe2\xe3\xe3\xb3\xb3\xb3\xab\xab\xab\x1b\xd2\xf8\x7f~\x86a8\x1c\x8e9s\xe6\x10B\xd4\x80\xa0%K\x96\xe4\xe5\xe5i\x9a\x86\x1bA\x11\x00\x0b@\xd8S\xcb\xff\xcc\xcc\xcc\xb2\xb22\xce\x98!D\x1b\x87c|jj\xcd\xd9\xa6~^\x04I\x88\xc6\xd8\x94&gt;}\x18\xa5\x00\x921\xb6\xf5\xfb\x13\xaf,\xdbn\x8f\xb6\xe2\x80\xa0\x16\'@\xda\x1d\xfa\x86m\x07_\xffj\xa7j\xfd\x94\x12&amp;L\x98\x90\x9c\x9c|\x9e\xb1?\r\xa7V\xfd\xc3\x87\x0f\x1f2d\x88\x9a#-\x84HOO\xf7\xf9|x\x1a\x1c\x01\xb0\x00\x847u\xf7W\x19~\x9c1Y\x9f\xf8\xd8!6\xf6B[?\xcfE\xb5\x84\x0eMJ\xfa}\xd7\xae\xaa%\x94Q:+g\xd3\xb1\xe3\xd5\xd8\x12\xda\xe2(!\x9c\xb3\xa9\xaf\xaf5\x04\xa8\xd6\xcf\xe4\xe4\xe4)S\xa64\xf0\xbd\xdf\x06\x12B\xcc\x9b7O\xd7u\xf5\x10PXX\xb8t\xe9R\x1c\x10\x14\x01\xb0\x00\x847\xb5\xff\xa3R\xbc9c\x06\xc0u\t\t\xa3{\xf4(\xf7x\xb4\xc6X\xfe+\x9c\xb1Z\xbf\x7fZ\xbf~N\x9b\xcd\x00\xc9\x18\xad\xac\xf1M\x7f{\xa3n\xb7\xe0-\xa0\x05\xa9\xa9\x9fKrw\xad-:\xc2\x19S\xad\x9fs\xe6\xcc\x89\x8e\x8e\xfey\xea\xcbES-\xa1}\xfa\xf4y\xec\xb1\xc7\x82-\xa1O=\xf5Tyy9&gt;\x04\x84;,\x00aL\xb5~\xe6\xe6\xe6\xe6\xe6\xe6r\xce\x05\x00\xa7tJ\x9f&gt;\x1ac\x8d\xfb\xa3\xa4\x84x\x0c\xa3\x8b\xd3\xf9p\xcf\x9e\xb2\xbe%\xf4\xf5\xafv\xee\xd8s\xcc\x8e-\xa1-D\xaa\xa9\x9f\xb5\xfe\x19\xefl$\x84\xa8\xee\xcc!C\x86\x0c\x1f&gt;\xdc\xe5r5\xe2\xf2\x9f\xd4\xb7\x84\xa6\xa7\xa7\xb7m\xdbV}\xeb\xca\xca\xca^x\xe1\x05|\x08\x08wX\x00\xc2\x95Z\xfb\xd7\xc56\x11\xa2\xde\xfc\x1a\x91\x9c&lt;4)\xa9\xd2\xeb\xbd\xe8\xd6\xcfs\xe1\x8cUx\xbd\x8f\xf7\xee\x9d\x14\x17\xa72#\r\x01\x93^]\x83\x91\x91-E\x08\xb0\xc7\xd8\xe6\xbd\x9f\xff\xfd\x11\x97\xc6\x99\x00\xd04m\xee\xdc\xb9Mq6\xabZB;v\xec\x98\x95\x95\x05\x00\xaa%\xf4\xf9\xe7\x9f/..\xc6\x1a\x10\xd6\xb0\x00\x84+\xb5\xfb\xaf\x82[9\xe7\x86\x10\xb1\xba&gt;\xb1O\x1fO p\x89\x9d?gE\t1\xa4\x8c\xd1\xf5\xc9}\xfa\x10B@J\xce\xe87[\x0f~\xba\xae\x14[B\x9b\x1fHb\xb5j\x07\x0fU\xbe\xb4l;\xa5u\x89\x8fc\xc7\x8e\xed\xdd\xbb\xf7%\xb6~\x9e\x8bJ\x8a\x1f=ztjj\xaaz\x08Pq\xd3\xb8\x0b\x14\xd6\xb0\x00\x84%\xb5\x15[VV\x96\x99\x99I)\xa5\x84\x80\x94\x0f\xf6\xec\xd9\xabm\xdb\x9a\xa6)\x00\x84\x10\x8d\xd2J\xaf\xf7\xde\xee\xdd\xafOH\x10 \x19\xa5\x94\x90\xc9\xaf\xadq\xbb\x03\xd8\x12\xda\xcc$\x80n\xd73\x16\xaf+\xaf\xf6j\x9c\x01\x80\xd3\xe9\xcc\xca\xca\xaa\xad\xadm\xdc\xcd\x9f\xd3\t!\xa2\xa3\xa3\xb3\xb3\xb3\xa5\x94\xaa\x06|\xf0\xc1\x07u\xdb\x8f\xd8\x12\x1a\x9e\xb0\x00\x84%5\xf69##\xa3\xa2\xa2\xc2\xc2\xb9!D\xc7\xd8\xd8\t\xd7^[\xe1\xf56\xe2\xd9\xefY\t\x80\xcc\xfe\xfd5\xc6\x04H\xceY\xf1\xa1\xcay\xef\xe7\xdbc03\xb2\xf9\x08\x90Q1\xb6\x15\x1bK\xdf]\xb5G\x8d\xfd\x01\x80\x8c\x8c\x8c\xc4\xc4\xc4Fi\xfd&lt;\x17\x15\x15p\xeb\xad\xb7\x0e\x1f&gt;&lt;\x98\x19\xa9\x1a\x10\xf09 La\x01\x08?j\xf3\xa7\xa0\xa0\xe0\xddw\xdfU/\xe5\xab\xd6\xcf\xb6\x0e\x87_\x88&amp;\xdd\x92W\x03\x82nLL\x1c\xd5\xbd\xbb\x1a\x10D)}i\xd9\xf6\x03\x87*\xb1%\xb4\xd9PB\x0c\x03f.\xd9\x04 \x19\xe3\x00\x90\x9a\x9a\xfa\xe8\xa3\x8f^\xdc\xd4\xcf\x0b\xfbGSj\x18Fvvv\\\\\x9cz\x08P-\xc8x\x12\x10\xa6\xb0\x00\x84\x1fu\xfc;y\xf2d\x9f\xcf\xc7)5\x00\xaeOH\xb8\xe7\xaa\xab\xca\x9b~\xf9O\xea3#\xa7\xf6\xed\x1bg\xb5\n\x00\x8d\xd1\xf2j\xef\xb4\xc5\xeb\xf4(\x1do\x01\xcd\xc0\x10\x10\x15g\x7f\xeb\xab\x9dk\x8b\x8ep\xce@J)\xe5\xb3\xcf&gt;k\xb7\xdb\x9ba\x1fF\xb5\x84\xa6\xa4\xa4\x8c\x1b7N\xedCRJ333+**02,\x1ca\x01\x083\xc1\xbd\xd7\xd5\xabWk\x9af\x08\xa1s\x9e\xd9\xbf\xbf\x00h\x9ev\x1c\x95\x19yyL\xcc\xa4&gt;}$!R\x12\xc6\xe8\xfby\xc5\x1b\n\x0f\xda\x1d:fF6))\x89E\xe3\xa7N\xd5&gt;\xf7^&gt;\xa5\x94Q&amp;\x84\x181b\xc4\xb0a\xc3*++\x9bn\xf7\xfft\x9a\xa6\xb9\\\xae\xf4\xf4\xf4\xa4\xa4$\x15\x15PQQ\xa1\xce\xa2p\x05\x10v\xb0\x00\x84\x13\xb5\xc2R\xdd\x17\x84\x10F\x08HyG\x97.\x03\x13\x13/}\xecO\xc3q\xc6\xaa|\xbe\x07{\xf6\xec\xect\xaa\x96P\x7f@L}c-\xc7\x9e\xd0&amp;&amp;\x04\xd8bm/|XPz\xd4\xc5\x19\x15\x00\xba\xaegff6\xe2k_\xbf\x88R\xea\xf7\xfb\x13\x12\x12\x9ex\xe2\t5%4\xd8\x8d\x86\x1bAa\x07\x0b@8Q\x99_\xf3\xe7\xcf/..\xb6hZ@\x08\xa7\xcd6\xad_\xbf\xeaF\x1a\xfb\xd3@*+\xc6a\xb1\xcc\xb8\xe1\x06\xa22#\x19][tdI\xee\xae\xa8X\x1bfF6\x11\x00iw\xe8{\x8a\x8f\xbf\xfc\xe9v\xc6\xeaZ?\x1f{\xec\xb1\xb4\xb4\xb4&amp;j\xfd&lt;\x17M\xd3N\x9d:\xf5\xc0\x03\x0f\xa8\xccH\x95\x1a\xf6\xf8\xe3\x8f\xe3Qp\xd8\xc1\x02\x106\xd4\xd9oII\xc9\xdc\xb9s\x19cDJ)\xe5\xc3={vq:\x1bk\xecO\xc3qJ\xab|\xbe\xdb\x92\x92\x06&amp;&amp;\n)\xd5\x94\xd0\xcc\x7fn8U\xee\xb6h\x1co\x02M\x84q\x9a\xf1\xc6:W\xad_\x8d\xfdi\xdb\xb6mzzzMMM\xf3l\xfe\x9cNJi\xb1X\x9e~\xfai\xf5\x06\xb2\xa6i\xb9\xb9\xb9\xc10\xa2f\xbe\x18t\xd1\xb0\x00\x84\ru\xf6;k\xd6\xac\xaa\xaa*\x8d\xf3\x80\x10\x9d\x9d\xce\xc7\xd3\xd2*\xbc\xde\xe6\\\xfe\x9fNH9s\xc0\x00\x9ds\x01\x923\xb6\xaf\xac\xea\x85\x0f\x0bl\xb1\xd8\x12\xda\xf8\xd4\xd8\x9f\x15\x9b\x7f\xf8\xf7\xfa\x92`\xe2cVVV\xc7\x8e\x1d\x9b\xb4\xf5\xf3\\TK\xe8\xed\xb7\xdf~\xf7\xddw\x07[BU\x1c)&gt;\x07\x84\x11,\x00\xe1A\x9d\xfd\xaeY\xb3f\xc9\x92%\x1a\xe7\xc20\x08!3n\xb8!Z\xd7/.\xf1\xf1\xd21Jk\xfc\xfe\xb4v\xed\xfe\x94\x92\x12\xcc\x8c|\xf9\xd3\xed\xbb\xf7\x1e\xb7\xd9-\x80\xb7\x80F\xc59u\xbb\xfdO-^G\xe9\x8f\x89\x8f\x0f=\xf4\xd0E\'&gt;6\xc6%\xf1\x9a\x9a\x9a\xec\xec\xec\xf8\xf8\xf8@ \xa0iZqq\xf1\xfc\xf9\xf3\xf1$ \x8c`\x01\x08\x1bB\x08u\xdc\xa7\x12\x1f\x07&amp;&amp;\xde\x96\x94\xe4\xba\x84\xc4\xc7K\xa7ZB\xc7\xa7\xa6\xb6q8Tf\xa4\xab\xd6\xffl\xce&amp;\x8b\xcd"\xb1\x1d\xa8\xf1\x18\x02\xec1\xb6w\xbe\xde\xbd\xf5\xfb\x13\x8c1\x00\xc99\x7f\xfa\xe9\xa7-\x16K\x0b\xae\xb5)\xa5\x1e\x8f\'99y\xc2\x84\t\xea2\x18c\x0b\x16,(++\xc3\x8e\xa0p\x81\x05 \x0c\xa84\xbe\x9c\x9c\x9c5k\xd6X4\xcd\x10Bcl\xe6\x80\x01\xa2\xa5W\xd9\xaa%\xb4Cl\xec\xd4\xbe}\x83\x99\x91\xef\xad\xde\xbbbCiT\x8c\r[B\x1b\x85J|,;V\x95\xf5\xf6\x06F\xa9\xdas\x1f9r\xe4\xed\xb7\xdf\xde\xb8C\xff/\x82\xda\x08\x9a2eJ\xe7\xce\x9d\xd5C@yyyFF\x06\xbe\x13\x10.\xb0\x00\x84:\xd5fWUU5s\xe6LF)\x91\x12\xa4\x1c\xd5\xbd{\xaf\xb6mk\x9a\xb1\xf5\xf3\\4\xc6*\xbd\xde{\xae\xba\xea\x9a\xd6\xad\x01\x80Q*@\xce\xcc\xd9$\x0ch\xe9K\x8b\x10\x02@w\xe8\x0b?*&lt;V\xe1f\x9c\t\x01qqq\x19\x19\x19n\xb7\xbb9;\x7f\xceJ\xbd\x18\x1c\x13\x13\xf3\xcc3\xcf\x90\xfa.\xb5\x9c\x9c\x9c\xc2\xc2B\x0c\x8e\x0f\x0bX\x00B\x9dj\xfe\x99;wnII\t\xe7\xdc\x00\x88\xb3Z\xa7\xf6\xed\xeb\x0e\x04Z\xea\xec\xf7\x0cB\xca(]\x9f\xd6\xaf\x9fT-\xa1\x9c\xad-:\xb2\xf8\xcb\xa2\xa8X;\xb6\x84^"\x00\xe9p\xe8;\xbe+[\xf4\xf16\x95\xf8\x08\x00\xe3\xc6\x8dKMM\xad\xa9\xa9i\xf1\x02@\x08\xd14\xad\xb2\xb2r\xcc\x981\xaa%TM\tMOO\x17B\xe0C@\xe8k\xf9/\x10:\x0f\xb5\xa4Rgk\x9cs\t \xa5\x9c\xd8\xbb\xf7\xafbb\x9a\xbf\xf5\xf3\\Tf\xe4\xcd\x9d:\xdd\x96\x94\xa42#)\xa5\x99\xff\xdcPv\xac\n\x07\x04]:\xce\xe8\xa4W\xd7\xf8\x03B\xb5~v\xea\xd4)==\xbd\x19\xc6\xfe\\\x10\xc30f\xcf\x9e\xad^\x08\xd04-///\'\'\x07[BC\x1f\x16\x80\x90\xa6\xd6P\xaa\xbbNE\xbe\\\xd3\xba\xf5#)).\x9f/D\x96\xff\x8az5\xec\x99\xfe\xfdcu]\x80\xe4\x8c\x1e\xabp/\xfc\xa8P\xb7\xeb\x02\xf7\x01.\x96\x00\x19\x15m\xfdt]\xe97[\x0f\x06[?g\xcc\x98\xd1\xbe}{\xd5m\xd9\xd2\x17XG\r\x08\x1a&lt;x\xf0\xd8\xb1c\x83\x99\x913g\xcet\xb9\\\xd8\x12\x1a\xe2B\xe8&amp;\x82\xce\xa0Z?W\xaf^\x1d|\xbfF\x122\xad_?\xbb\xa6\xb5T\xeb\xe7\xb9\xa8)\xa1)m\xda&lt;x\xcd5\xc1\x96\xd0E\x1fo+\xda{\xcc\x81\x99\x91\x17E\x12\xc2\x19\xf5z\x03\x93\xff\xb1\x86\x90\x1f[?G\x8f\x1e\xdd\x82\xad\x9f\xe7\xa22#\xb3\xb2\xb2\x9cN\xa7\xda\x08*))Y\xb4h\x91:\xb2n\xe9\xabC\xe7\x84\x05 D\xa9\xd7\xbe|&gt;\xdf\xe4\xc9\x93)\xa5\xaa\xf5\xf3\xb7\x9d;\xdf\xdc\xa9Se\x8b\xb6~\x9e\x8b\xc6X\x85\xd7\xfbh\xaf^\x9dbcUK\xa8? \xa6\xbf\xbd\x91\xe2|\xa0\x8b"\x04\xd8\xa3\xad\xaf|\xb2\xa3\xf8p\xa5\xc6\x99\x10\xa0\xeb\xfa\xec\xd9\xb3\xd5\xf0\xfd\x96\xbe\xba3\xa9\xcc\xc8\xc4\xc4\xc4\x8c\x8c\x0c5 \x88s\xbep\xe1Bup\x85\xa7\xc1!\x0b\x0b@\x88Rg\xbfK\x97.-((P\xcb\x7f\x9d\xf3\xa9}\xfbB\x88\xad\xfd\x83(!~!\x12\xa2\xa2\x1eOK\x0b\xb6\x84\xfek\xdd\xf7+6\xff\x80\x99\x91\x17J\xb5~\x1e;^=+g\x13\xa5\x842\x06\x00w\xdey\xe7\xe0\xc1\x83\x9by\xecO\xc3i\x9aVUU5~\xfc\xf8\xe4\xe4d\xf5\x10\xe0r\xb9f\xcd\x9a\x85\xef\x04\x84\xb2P\xfc&amp;!\xb5\xfc\xaf\xa8\xa8x\xea\xa9\xa7\x18cTJ\x90\xf2O))\xbd\xda\xb5k\xce\xa9\x9f\x17Jc\xec\x94\xc7s\x7f\x8f\x1e\xd7%$\x08\x005 \xe8\xa9\xc5\xeb\xbc&gt;\x033#/\x08\x00\xe8\x0e}\xfa\xdb\x1b+k|\x9cs\xc3\x80\xf8\xf8\xf8\xec\xec\xec\xea\xea\xea\x96m\xfc??\xc30\x1c\x0e\xc7\x9c9s\x08!j@\xd0\x92%K\xf2\xf2\xf24M\xc3\x8d\xa0\xd0\x84\x05 \x14\xa9\xe5\x7ffffYY\x19g\xcc\x10\xa2\x8d\xc31&gt;5\xb5\xa6y\xa7~^\x04I\x88\xc6\xd8\x94&gt;}\x18\xa5\x00\x921\xb6\xf5\xfb\x13\xaf,\xdbn\x8f\xb6\xe2\x80\xa0\x06\x12 \xed\x0e}\xc3\xb6\x83\xaf\x7f\xb5S\xb5~J\t\x13&amp;LHNNn\x91\xb1?\r\xa7V\xfd\xc3\x87\x0f\x1f2d\x88\x9aP-\x84HOO\xf7\xf9|x\x1a\x1c\x9aB\xfanbN\xea\xee\xaf\x92\xf68c\xb2&gt;\xf1\xb1Cll\xe8\xb4~\x9e\x8bj\t\x1d\x9a\x94\xf4\xfb\xae]UK(\xa3tV\xce\xa6c\xc7\xab\xb1%\xb4\x81(!\x9c\xb3\xa9\xaf\xaf5\x04\xa8\xd6\xcf\xe4\xe4\xe4)S\xa6\xb4\xf8{\xbf\r$\x84\x987o\x9e\xae\xeb\xea!\xa0\xb0\xb0p\xe9\xd2\xa58 (4a\x01\x089j\xffGems\xc6\x0c\x80\xeb\x12\x12F\xf7\xe8Q\xee\xf14C\xe2\xe3\xa5\xe3\x8c\xd5\xfa\xfd\xd3\xfa\xf5s\xdal\x06H\xc6he\x8do\xfa\xdb\x1bu\xbb\x05o\x01\xbfHM\xfd\\\x92\xbbkm\xd1\x11\xce\x98j\xfd\x9c3gNttts\xa6\xbe\\4\xd5\x12\xda\xa7O\x9f\xc7\x1e{,\xd8\x12\xfa\xd4SO\x95\x97\x97\xe3C@\x08\n\x83\x1b\x8a\xa9\xa8\xd6\xcf\xdc\xdc\xdc\xdc\xdc\\\xce\xb9\x00\xe0\x94N\xe9\xd3Gc,\\~:\x94\x10\x8fatq:\x1f\xee\xd9S\xd6\xb7\x84\xbe\xfe\xd5\xce\x1d{\x8e\xd9\xb1%\xf4\xbc\xa4\x9a\xfaY\xeb\x9f\xf1\xceFB\x88\xea\xa1\x1c2d\xc8\xf0\xe1\xc3].WX,\xffI}Khzzz\xdb\xb6m\xd5\xf7\xb9\xac\xac\xec\x85\x17^\xc0\x87\x80\x10\x84\x05 \x84\xa8\xb5\x7f]\xb8\x12!\xea\xcd\xaf\x11\xc9\xc9C\x93\x92*\xbd\xde\x10l\xfd&lt;\x17\xceX\x85\xd7\xfbx\xef\xdeIqq*3\xd2\x100\xe9\xd55\x18\x19y~B\x80=\xc66\xef\xfd\xfc\xef\x8f\xb84\xce\x04\x80\xa6is\xe7\xce\r\xaf\x13T\xd5\x12\xda\xb1c\xc7\xac\xac,\x00P-\xa1\xcf?\xff|qq1\xd6\x80P\x83\x05 \x84\xa8\xdd\x7f\x15\xaf\xca97\x84\x88\xd5\xf5\x89}\xfax\x02\x81\x90\xed\xfc9+J\x88!e\x8c\xaeO\xee\xd3\x87\x10\x02RrF\xbf\xd9z\xf0\xd3u\xa5\xd8\x12z. \x89\xd5\xaa\x1d&lt;T\xf9\xd2\xb2\xed\x94\xd6%&gt;\x8e\x1d;\xb6w\xef\xde!\xdb\xfay.*)~\xf4\xe8\xd1\xa9\xa9\xa9\xea!@\x05Y\xe3.P\xa8\t\xa7oUdS\x1b\xa6eee\x99\x99\x99\x94RJ\x08H\xf9`\xcf\x9e\xbd\xda\xb6\xad\t\xb7\x02@\x08\xd1(\xad\xf4z\xef\xed\xde\xfd\xfa\x84\x04\x01\x92QJ\t\x99\xfc\xda\x1a\xb7;\x80-\xa1g%\x01t\xbb\x9e\xb1x]y\xb5W\xe3\x0c\x00\x9cNgVVVmmm\xb8l\xfe\x9cN\x08\x11\x1d\x1d\x9d\x9d\x9d-\xa5T5\xe0\x83\x0f&gt;\xa8\xdb\xd8\x0c\xab\x07\x9a\xc8\x86\x05 T\xa8\xb1\xcf\x19\x19\x19\x15\x15\x15\x16\xce\r!:\xc6\xc6N\xb8\xf6\xda\n\xaf7,\xce~\xcfJ\x00d\xf6\xef\xaf1&amp;@r\xce\x8a\x0fU\xce{?\xdf\x1e\x83\x99\x91g\x12 \xa3bl+6\x96\xbe\xbbj\x8f\x1a\xfb\x03\x00\x19\x19\x19\x89\x89\x89!\xde\xfay.**\xe0\xd6[o\x1d&gt;|x03R\xb56\xe0s@\xe8\x08\xd7;K\x84Q\x9b?\x05\x05\x05\xef\xbe\xfb\xaezu^\xb5~\xb6u8\xfcB\x84\xdf\xaf\x9f\x10R? \xe8\xc6\xc4\xc4Q\xdd\xbb\xab\x01A\x94\xd2\x97\x96m?p\xa8\x12[B\xcf@\t1\x0c\x98\xb9d\x13\x80d\x8c\x03@jj\xea\xa3\x8f&gt;\x1ajS?/\x88:\xd0\xca\xce\xce\x8e\x8b\x8bS\x0f\x01\xaa\xb9\x19O\x02B\x07\x16\x80\x90\xa0\x8e\x7f\'O\x9e\xec\xf3\xf98\xa5\x06\xc0\xf5\t\t\xf7\\uUy8/\xffI}f\xe4\xd4\xbe}\xe3\xacV\x01\xa01Z^\xed\x9d\xb6x\x9d\x1e\xa5\xe3- \xc8\x10\x10\x15g\x7f\xeb\xab\x9dk\x8b\x8ep\xce@J)\xe5\xb3\xcf&gt;k\xb7\xdb\xc3z\xb7D\xb5\x84\xa6\xa4\xa4\x8c\x1b7N\xedpRJ333+**02,D\x84\xf1\xcd%b\x04wHW\xaf^\xadi\x9a!\x84\xceyf\xff\xfe\x02 L\xd7\xfeA*3\xf2\xf2\x98\x98I}\xfaHB\xa4$\x8c\xd1\xf7\xf3\x8a7\x14\x1e\xb4;t\xcc\x8c$\x84HI,\x1a?u\xaa\xf6\xb9\xf7\xf2)\xa5\x8c2!\xc4\x88\x11#\x86\r\x1bVYY\x19\x8e\xbb\xff\xa7\xd34\xcd\xe5r\xa5\xa7\xa7\'%%\xa9\xa8\x80\x8a\x8a\nu\xca\x85+\x80P\x80\x05\xa0\x85\xa9u\x90\xea\x91 \x840B@\xca;\xbat\x19\x98\x98\x18\xcac\x7f\x1a\x8e3V\xe5\xf3=\xd8\xb3gg\xa7S\xb5\x84\xfa\x03b\xea\x1bk9\xf6\x84\x12B\x08\x11\x02l\xb1\xb6\x17&gt;,(=\xea\xe2\x8c\n\x00]\xd7333\xc3\xe2\xb5\xaf_D)\xf5\xfb\xfd\t\t\tO&lt;\xf1\x84\x9a\x12\x1a\xecs\xc3\x8d\xa0P\x80\x05\xa0\x85\xa9\xcc\xaf\xf9\xf3\xe7\x17\x17\x17[4- \x84\xd3f\x9b\xd6\xaf_u\xc8\x8f\xfdi \x95\x15\xe3\xb0Xf\xdcp\x03Q\x99\x91\x8c\xae-:\xb2$wWT\xac\xcd\xe4\x99\x91\x00\xd2\xee\xd0\xf7\x14\x1f\x7f\xf9\xd3\xed\x8c\xd5\xb5~&gt;\xf6\xd8ciiia\xd7\xfay.\x9a\xa6\x9d:u\xea\x81\x07\x1eP\x99\x91*5\xec\xf1\xc7\x1f\xc7\xa3\xe0P\x10\t\xdf\xb0\xf0\xa5\xce~KJJ\xe6\xce\x9d\xcb\x18#RJ)\x1f\xee\xd9\xb3\x8b\xd3\x19\xfac\x7f\x1a\x8eSZ\xe5\xf3\xdd\x96\x94401QH\xa9\xa6\x84f\xfes\xc3\xa9r\xb7E\xe3&amp;\xbf\t0N3\xdeX\xe7\xaa\xf5\xab\xb1?m\xdb\xb6MOO\xaf\xa9\xa9\t\xf7\xcd\x9f\xd3I)-\x16\xcb\xd3O?\xad\xdem\xd64-777\x18s\xd4\xd2WgjX\x00Z\x92:\xfb\x9d5kVUU\x95\xc6y@\x88\xceN\xe7\xe3ii\x15^od,\xffO\'\xa4\x9c9`\x80\xce\xb9\x00\xc9\x19\xdbWV\xf5\xc2\x87\x05\xb6X\xf3\xb6\x84\xaa\xb1?+6\xff\xf0\xef\xf5%\xc1\xc4\xc7\xac\xac\xac\x8e\x1d;\x86i\xeb\xe7\xb9\xa8\x96\xd0\xdbo\xbf\xfd\xee\xbb\xef\x0e\xb6\x84\xaa\xa0S|\x0ehY\x91v\x97\t#\xea\xecw\xcd\x9a5K\x96,\xd18\x17\x86A\x08\x99q\xc3\r\xd1\xba\x1ej\x89\x8f\x97\x8eQZ\xe3\xf7\xa7\xb5k\xf7\xa7\x94\x94`f\xe4\xcb\x9fn\xdf\xbd\xf7\xb8\xcdn\x01S\xde\x028\xa7n\xb7\xff\xa9\xc5\xeb(\xfd1\xf1\xf1\xa1\x87\x1e\n\xc1\xc4\xc7K\xc79\xaf\xa9\xa9\xc9\xce\xce\x8e\x8f\x8f\x0f\x04\x02\x9a\xa6\x15\x17\x17\xcf\x9f?\x1fO\x02Z\x16\x16\x80\x96$\x84P\xc7}*\xf1q`b\xe2mII\xae\x90L|\xbct\xaa%t|jj\x1b\x87CeF\xbaj\xfd\xcf\xe6l\xb2\xd8,\xd2|\xed@\x86\x00{\x8c\xed\x9d\xafwo\xfd\xfe\x04c\x0c@r\xce\x9f~\xfai\x8b\xc5\x12\x91+bJ\xa9\xc7\xe3INN\x9e0a\x82\xfa\x17d\x8c-X\xb0\xa0\xac\xac\x0c;\x82Z\x10\x16\x80\x96\xa12\xf3rrr\xd6\xacYc\xd14C\x08\x8d\xb1\x99\x03\x06\x88H\xfc\xf1+\xaa%\xb4Cl\xec\xd4\xbe}\x83\x99\x91\xef\xad\xde\xbbbCiT\x8c\xcdT-\xa1*\xf1\xb1\xecXU\xd6\xdb\x1b\x18\xa5jg|\xe4\xc8\x91\xb7\xdf~{\xb8\x0c\xfd\xbf\x08j#h\xca\x94)\x9d;wV\x0f\x01\xe5\xe5\xe5\x19\x19\x19\xf8N@\x0b\xc2\x02\xd0\x02T3\\UU\xd5\xcc\x993\x19\xa5DJ\x90rT\xf7\xee\xbd\xda\xb6\xad\x89\x88\xd6\xcfs\xd1\x18\xab\xf4z\xef\xb9\xea\xaakZ\xb7\x06\x00F\xa9\x0093g\x930 r\xff\xa5\xcfB\x00\xe8\x0e}\xe1G\x85\xc7*\xdc\x8c3! ...##\xc3\xedvGF\xe7\xcfY\xa9\x17\x83cbb\x9ey\xe6\x19R\xdf\xff\x96\x93\x93SXX\x88\xc1\xf1-%b\xbfm\xa1L5\xff\xcc\x9d;\xb7\xa4\xa4\x84sn\x00\xc4Y\xadS\xfb\xf6u\x07\x02\x91w\xf6{\x06!e\x94\xaeO\xeb\xd7O\xaa\x96P\xce\xd6\x16\x1dY\xfceQT\xac\xdd$-\xa1\x00\xd2\xe1\xd0w|W\xb6\xe8\xe3m*\xf1\x11\x00\xc6\x8d\x1b\x97\x9a\x9aZSS\x13\xc1\x05\x80\x10\xa2iZee\xe5\x981cTK\xa8\x9a\x12\x9a\x9e\x9e.\x84\xc0\x87\x80\x16\x11\xc9\xdf\xb6\xd0\xa4\x16&gt;\xea\x04\x8cs.\x01\xa4\x94\x13{\xf7\xfeULL$\xb5~\x9e\x8b\xca\x8c\xbc\xb9S\xa7\xdb\x92\x92Tf$\xa54\xf3\x9f\x1b\xca\x8eU\x99g@\x10gt\xd2\xabk\xfc\x01\xa1Z?;u\xea\x94\x9e\x9e\x1e\xd6c\x7f.\x88a\x18\xb3g\xcfV/\x04h\x9a\x96\x97\x97\x97\x93\x93\x83-\xa1-\x02\x0b@sS+\x1d\xd5\x03\xa7"_\xaei\xdd\xfa\x91\x94\x14\x97\xcf\x17\xf1\xcb\x7fE\xbd\x1a\xf6L\xff\xfe\xb1\xba.@rF\x8fU\xb8\x17~T\xa8\xdbu\x11\xe9\xfb\x00\x02dT\xb4\xf5\xd3u\xa5\xdfl=\x18l\xfd\x9c1cF\xfb\xf6\xedUOdK_`\x93S\x03\x82\x06\x0f\x1e&lt;v\xec\xd8`f\xe4\xcc\x993].\x17\xb6\x846?S\xdcqB\x87j\xfd\\\xbdzu\xf0-\x18I\xc8\xb4~\xfd\xec\x9a\x16y\xad\x9f\xe7\xa2\xa6\x84\xa6\xb4i\xf3\xe05\xd7\x04[B\x17}\xbc\xadh\xef1GDgFJB8\xa3^o`\xf2?\xd6\x10\xf2c\xeb\xe7\xe8\xd1\xa3#\xb2\xf5\xf3\\TfdVV\x96\xd3\xe9T\x1bA%%%\x8b\x16-R\x87\xe1-}u\xe6\x82\x05\xa0\xf9\xa8\xd7\xbe|&gt;\xdf\xe4\xc9\x93)\xa5\xaa\xf5\xf3\xb7\x9d;\xdf\xdc\xa9Se\x84\xb6~\x9e\x8b\xc6X\x85\xd7\xfbh\xaf^\x9dbcUK\xa8? \xa6\xbf\xbd\x91F\xf4| !\xc0\x1em}\xe5\x93\x1d\xc5\x87+5\xce\x84\x00]\xd7g\xcf\x9e\xadF\xe4\xb7\xf4\xd55\x1f\x95\x19\x99\x98\x98\x98\x91\x91\xa1\x06\x04q\xce\x17.\\\xa8\x8e\xc4\xf04\xb89a\x01h&gt;\xea\xecw\xe9\xd2\xa5\x05\x05\x05j\xf9\xafs&gt;\xb5o_0\xcd\xda?\x88\x12\xe2\x17"!*\xea\xf1\xb4\xb4`K\xe8\xbf\xd6}\xbfb\xf3\x0f\x91\x9a\x19\xa9Z?\x8f\x1d\xaf\x9e\x95\xb3\x89RB\x19\x03\x80;\xef\xbcs\xf0\xe0\xc1\x113\xf6\xa7\xe14M\xab\xaa\xaa\x1a?~|rr\xb2z\x08p\xb9\\\xb3f\xcd\xc2w\x02\x9a\x99\xb9\xbev-H-\xff+**\x9ez\xea)\xc6\x18\x95\x12\xa4\xfcSJJ\xafv\xed"c\xea\xe7\x85\xd2\x18;\xe5\xf1\xdc\xdf\xa3\xc7u\t\t\x02@\r\x08zj\xf1:\xaf\xcf\x88\xc8\xccH\x00\xd0\x1d\xfa\xf4\xb77V\xd6\xf88\xe7\x86\x01\xf1\xf1\xf1\xd9\xd9\xd9\xd5\xd5\xd5\xcd\xd9\xf8\xafV\xdc\x00 N\xa3\xa2\xdb\x9b\xed\x1a\x14\xc30\x1c\x0e\xc7\x9c9s\x08!j@\xd0\x92%K\xf2\xf2\xf24M\xc3\x8d\xa0f\x83\x05\xa0\x99\xa8\xe5\x7ffffYY\x19g\xcc\x10\xa2\x8d\xc31&gt;5\xb5&amp;R\xa6~^\x04I\x88\xc6\xd8\x94&gt;}\x18\xa5\x00\x921\xb6\xf5\xfb\x13\xaf,\xdbn\x8f\xb6F\xd8\x80 \x01\xd2\xee\xd07l;\xf8\xfaW;U\xeb\xa7\x940a\xc2\x84\xe4\xe4\xe4\xe6\x19\xfb\xa3\x82y\xd5\x1c\x1e\xab\xd5\x1a\x13\x13\xe3t:\xe3\xe3\xe3\xe3\xe3\xe3\xe3\xe2\xe2\x1c\x0e\x87z$m\xce;\xafZ\xf5\x0f\x1f&gt;|\xc8\x90!j\xf6\xb5\x10"==\xdd\xe7\xf3\xe1ip\xb3\xc1\x0f\xba9\xa8n\x87\xbd{\xf7\xf6\xec\xd9S\x02PB\x0c\x80\xf9\x83\x07?\x92\x92r\xd2\xed\x0e\xeb\xcc\xafKd\x00\xb4v8\x1e\xfe\xea\xab\x8f\xf6\xee\xb5p&amp;@\xc6F\xe9\xdf\xbd\xf6\xc7\xf8\x18\x9b\x11Ao\x87\x01\xc8\xa8h\xeb\xc0\xf4\xf7\xd6\x16\x1d\xb1h\xdc\x10\xd0\xa5K\x97\xfc\xfc|\xb5\x1eo\xd2\x02\xa0V\xf7V\xab5**JJYYYYVVv\xf4\xe8Q\x97\xcb\xe5\xf1x8\xe7\xd1\xd1\xd1\t\t\t\x1d:th\xdd\xba\xb5\x10\xa2\xba\xbaZEw5\xdd%\x9d~mQQQEEE\x03\x06\x0c0\x0c\x831f\x18\xc6\x9bo\xbe9v\xecX\xd5.\xd1\x0c\xd7`rX\x00\x9a\x83\xfa6\x0f\x1b6,77W\xd74\xbfa\\\x97\x90\xf0\xc9\xef\x7f\xef\x0e\x04L\xb8\xf9s:I\x88\xce\xd81\xb7\xfb\xd7\xef\xbf\xef\xf2\xf98\xa3\x86\x80q\xb7_\xf3\xb7\xc9\xb7\xd4\xb8&lt;\x9cGBi\x14BF\xc7\xda\x96,\xdf9z\xder\xce\x18\xa1T\x08\xf1\xe1\x87\x1f\x8e\x181\xa2\x192\xbf\x1c\x0e\x87\xc5b\xf9\xe1\x87\x1f\xfe\xf3\x9f\xff|\xf3\xcd7\x85\x85\x85\x87\x0e\x1dr\xbb\xdd\xa7\xff\xefX,\x96\xc4\xc4D\xd5\x8f\xf4\xeb_\xff\xda\xe7\xf3\xf9\xfd\xfe\xe69\x960\x0c\xa3M\x9b6\x93&amp;MZ\xb8p\xa1\xc5bQ\x03\xb1w\xee\xdc\xe9t:\x9b\xad\x0e\x99\x19\x16\x80&amp;\xa7\xee\xfe\xb9\xb9\xb9\xc3\x86\r\xe3\x9c\x13)\x89\x94\xef\xfe\xbf\xff\xf7\xebN\x9d"u\xee\xdb\x051\x00\xda8\x1c\xb3\xd6\xaf_\xb0e\x8b\xc6\x18\x10\xc9(-\xf8\xcb}Wwn\xed\xf5\x04X\x98\xf7\x05IB(!\x92\xd0\xd4\xf1o\x7f\x7f\xc4e\xd1\xb4\x80a\x0c\x192d\xf9\xf2\xe5UUUMz\x93U\xcf\x16EEEo\xbc\xf1\xc6g\x9f}v\xf2\xe4\xc9\xe0\xff\x881\x16\xfcG\x03\xc0\xe9\xe7\xaew\xddu\xd7\x82\x05\x0bZ\xb7n][[\xdb\x0ckp\x15\x15PQQ\xd1\xb7o\xdf\x93\'Or\xce\x03\x81\xc0\xb4i\xd3\x9e}\xf6Y|\x08h\x06X\x00\x9aV\xf0\xcc\xadg\xcf\x9e{\xf7\xec\xb1h\x9a\xdf0\xee\xec\xda\xf5\x8d\xdbn3\xf9\xe6O\x90\xbaERJ\x07/]\xba\xcf\xe5\xb2p\x16\x10p\xf3\xb5\x1dV\xcc\xfbCm\xad?\xdc\x0b\x80! \xc6\xe9\x98\xf1\xfa\xda\x99\xefl\xd28\x03I\x18c\xeb\xd7\xaf\xbf\xe6\x9akjkk\x9b\xae\x00\x00@tt\xf4\x86\r\x1b\x86\x0c\x19\xa2\xfe;\x9csu?\xfd\xf9^\xbf\xa6i\xea&gt;\xa0\xbe\xab=z\xf4\xf8\xec\xb3\xcf\xda\xb4i\xe3\xf3\xf9\x9a\xe19@=\x04\xbc\xfc\xf2\xcb\xff\xfd\xdf\xff\xad\xae\x84s^TT\x94\x9c\x9c\xac\xa6f5\xf5\x05\x98\x19~\xb8MK\x9d\xfd\xaa\x10T\xce\xb9!D\xac\xaeO\xec\xd3\xc7c\xfa\xcd\x9f J\x88!e\x8c\xaeO\xee\xd3\x87\x10\x02RrF\xbf\xd9z\xf0\xd3u\xa5\xe1\xde\x12\n\x92X\xad\xda\xc1C\x95/-\xdbNi]\xe2\xe3\xd8\xb1c{\xf7\xee\xdd\xd4\xad\x9f\x94R\xb7\xdb\x9d\x9a\x9a\x9a\x92\x92b\xb1X\xacV+\x00\xf8\xfd~\xbf\xdf/\x84\xb0\xd9l\x97]vYBB\xc2e\x97]\xa6v\xde\xd54\x1e\x00\xb0X,\xbbv\xed\xfa\xe3\x1f\xff\xa8\xfeC\x9a\xee\n\x83TR\xfc\xe8\xd1\xa3SSS\xd5\xaa_Ed\xe3Qp3\xc0\x8f\xb8\t\xa9\'\xeb\xe3\xc7\x8f\xf7\xe8\xd1\xa3\xb2\xb2Rc, \xc4\x9f\xd3\xd2\x9e\x1d8\xb0\xac\xb6\xd6\x82K\x9b\xd3\x80\x94\xb1V\xeb\xed\x1f}\xb4\xe9\xe8Q\x0bg\x86\x80\xe4D\xe7\xb6\xbf\x8e\xa6D\xaaG\x84p$\x04D;\x1d\xa3\xb3?_\xf2\x9f\xef,\x1a\x17 ccc\xb7o\xdf\xaeBQ\x9a\xfa\xf6\xaaV\xd6\xaf\xbe\xfa\xea\xb8q\xe3\xd4\x7f\xe7\xdak\xaf\xbd\xf5\xd6[\xfb\xf7\xef\xdf\xa9S\'\xa7\xd3\xc997\x0c\xe3\xd8\xb1c\x1b6lx\xf9\xe5\x97\x8b\x8b\x8bU&lt;\x8b\xc5b\t\x04\x02\x7f\xfb\xdb\xdf\xfe\xf4\xa7?\x95\x97\x977\xc3&gt;\x8c\x10"&gt;&gt;\xfe\x8b/\xbe\x18&gt;|x\xf01e\xf9\xf2\xe5C\x87\x0e\xc5\x8d\xa0&amp;\x85\x05\xa0\t\xa9\xef\xee\x83\x0f&gt;\xf8\xe6\x9bo\xea\x9a\x160\x8c\x0e\xb1\xb1_\xdfu\x97\xa9\x06?4\x10H\x19e\xb1\xe4\x97\x95\xfd\xee\xe3\x8fAJ\xc6\xa8!`\xfa\xe8\xebg&lt;|cu\xa5[\x0b\xc3\xd3`5\xf6\xe7\x9b\xfc\x1f\x86M\xfb\x98\x12B(\x13B\xcc\x9d;w\xca\x94)\xcd3\xf8A\xed\xa5x\xbd\xde[n\xb9\xe5\xaa\xab\xae\x1a?~|\xdf\xbe}cbb\x02\x81@ \x10PK~J\xa9\xa6iv\xbb\xfd\xe4\xc9\x93\xf7\xddw\xdf\x8a\x15+T^#\x00\xf4\xeb\xd7\xef\x9bo\xbei\xb6\t\xd5B\x88\xb8\xb8\xb8\x91#G~\xf2\xc9\'\x16\x8b\xc50\x8c+\xaf\xbc\xb2\xa8\xa8H]\x0f\x9e\x067\x11,\x00ME\xb5~\x16\x16\x16\xaa\x167*\xa5\x01\xf0\xf2o~3\xaa{\xf7S\x1e\x0f\xee\xfe\xff\x9cj\t}\xfc\x9bo\xfe\xb9s\xa7\xc6\x98\x902&gt;\xda\xba\xf5\xaf\xf7\xb7o\xe5\x08\xc7\x96P\x00\xa9\xdb,\xbf\x9e\xf2\xc1\xda\xa2#*\xf3\'%%%//\xcf0\x8cf\xbb\x06\xb5\x87\xeev\xbb[\xb7nM)\xad\xae\xaeV\x1d\xf7\xa7\xdfR\xa5\x94\x86a\xc4\xc5\xc5\x1d9r\xa4o\xdf\xbe\x15\x15\x15\xaa\x00DEEm\xd9\xb2%11\xb1y\xa6\xd4\x01\x80\xc3\xe1(..\x1e4h\x90\xda\x1f3\x0c\xe3/\x7f\xf9\xcbc\x8f=\x86\x0f\x01M\x07oCME-\xaf&amp;O\x9e\xec\xf3\xf98\xa5\x06\xc0\xf5\t\t\xf7\\uU\xb9\xd7\x8bw\xff\xb3R\x99\x91S\xfb\xf6\x8d\xb3Z\x05\x80\xc6hy\xb5w\xda\xe2uz\x94\x1ev\xe3\x01\x0c\x01Qq\xf6\xb7\xbe\xda\xb9\xb6\xe8\x08\xe7\x0c\xa4\x94R&gt;\xfb\xec\xb3v\xbb\xbd9_\xb6\n\xde\xca\xab\xab\xab\xd5\xb8MM\xd38\xe7\xc1e\xb5\x1a\xc6\xa9\xebzUU\xd5\x15W\\1d\xc8\x10U3(\xa5\xb5\xb5\xb5\x87\x0f\x1f\xd6u\xbdy\xd6\x88jJhJJ\xca\xb8q\xe3\xd4\xe2\x89R\x9a\x99\x99YQQ\x81\x91aM\x07\xefDMB\xadY&gt;\xf8\xe0\x83\xd5\xabWk\x9af\x08\xa1s\x9e\xd9\xbf\xbf\x00\x08\xb7\x85l\xf3Q\x99\x91\x97\xc7\xc4L\xea\xd3G\x12"%a\x8c\xbe\x9fW\xbc\xa1\xf0\xa0\xdd\xa1\x87Qf\xa4\x94\xc4\xa2\xf1S\xa7j\x9f{/\x9fR\xca(\x13B\x8c\x181b\xd8\xb0a\xcd\xd0\xf8\x7f\x06\xf5\x86-c\xec\xfc\xff\\u\xc3\xed\xd4\xa9S\xf0\xbf$\x84x&lt;\x9e\xe6&lt;\x89\xd54\xcd\xe5r\xa5\xa7\xa7\'%%\xa9\xa8\x80\x8a\x8a\x8a\xcc\xccL\x1c\x10\xd4t\xb0\x004&gt;\xf5\x83Q\x9d\x0c\x84\x10F\x08HyG\x97.\x03\x13\x13\xcd9\xf6\xa7\xe18cU&gt;\xdf\x83={vv:\r\x005%t\xea\x1bk9\x0f\xa7nP!\xc0\x16k{\xe1\xc3\x82\xd2\xa3.\xce\xa8\x00\xd0u=33Sm\xbf4\xff\xf54\xfc\x1f\xea\xf7\xfb\xd5\xffG}\x87\x9b9\xa1\x9eR\xea\xf7\xfb\x13\x12\x12\x9ex\xe2\t\xd5?\x1d\xec\xa0S\xa7\xd3\xcdv%\xe6\x81\x05\xa0\xf1\xa9\xcc\xaf\xf9\xf3\xe7\x17\x17\x17[4- \x84\xd3f\x9b\xd6\xaf_\xb5\x89\xc7\xfe4\x90\xca\x8aqX,3n\xb8\x81\xa8\xccHF\xd7\x16\x1dY\x92\xbb+*\xd6\x16\x16\x99\x91\x00\xd2\xee\xd0\xf7\x14\x1f\x7f\xf9\xd3\xed\x8c\xd5\xb5~&gt;\xf6\xd8ciii\xa1&lt;\xf5S\x05\xf6\xee\xd9\xb3G\xfd\x97\xea\xfd\xac6m\xda4\xf3\xa8jM\xd3N\x9d:\xf5\xc0\x03\x0f\xa8\xccH\x95\x1a\xf6\xf8\xe3\x8fcKh\x13\t\xd1\xafc\xf8R\x8d\xff%%%s\xe7\xcee\x8c\xa97\xc1\x1e\xee\xd9\xb3\x8b\xd3i\x86\xc4\xc7K\xc7)\xad\xf2\xf9nKJ\x1a\x98\x98(\xa4TSB3\xff\xb9\xe1T\xb9\xdb\xa2\xf1\xb0\xb8\t0N3\xdeX\xe7\xaa\xf5\xab\xc4\xc7\xb6m\xdb\xa6\xa7\xa7\xd7\xd4\xd4\x84\xecI\xa6\x10"**j\xf7\xee\xdd\xeb\xd6\xadS\xb7Z\xb5\x1dt\xc5\x15W4\xdbL\x88 U{\x9e~\xfai\x95\x0f\xa3iZnnn0@\xa99\xaf\xc4\x0c\xb0\x0042\xf5\xe3\x995kVUU\x95\xc6y@\x88\xceN\xe7\xe3ii\x15^/.\xff\x1bNH9s\xc0\x00\x9ds\x01\x923\xb6\xaf\xac\xea\x85\x0f\x0bl\xb1\xb6\x10\x9f\x12*\x84\x8c\x8a\xb1\xad\xd8\xfc\xc3\xbf\xd7\x97\x04\x13\x1f\xb3\xb2\xb2:v\xec\xd8&lt;S?/\x82z`\xd54m\xea\xd4\xa9\xaa\xe9S\xd5\x80\xdf\xfd\xeew\xadZ\xb5\n\x04\x02\xcd|=\x9c\xf3\x8a\x8a\x8a\xdbo\xbf\xfd\xee\xbb\xefV\xa7\x17\x94R\x15\xa1\x8a\xcf\x01\x8d\x0eoI\x8dI\x9d\xfd\xaeY\xb3f\xc9\x92%\x1a\xe7\xc20\x08!3n\xb8!Z\xd7\xb1\xf1\xbf\xe1\x18\xa55~\x7fZ\xbbv\x7fJI\tfF\xbe\xfc\xe9\xf6\xdd{\x8f\xdb\xec\x16\x08\xe1[\x00\xe7\xd4\xed\xf6?\xb5x\x1d\xa5?&amp;&gt;&gt;\xf4\xd0C!\x9b\</t>
        </is>
      </c>
    </row>
    <row r="181">
      <c r="A181" s="1" t="n">
        <v>179</v>
      </c>
      <c r="B181" t="inlineStr">
        <is>
          <t>shape_size_grid</t>
        </is>
      </c>
      <c r="C181" t="inlineStr">
        <is>
          <t>What is the size of the missing part denoted by a question mark?</t>
        </is>
      </c>
      <c r="D181" t="inlineStr">
        <is>
          <t>['large', 'medium', 'small']</t>
        </is>
      </c>
      <c r="E181" t="inlineStr">
        <is>
          <t>medium</t>
        </is>
      </c>
      <c r="F181" t="inlineStr">
        <is>
          <t>There are 9 shapes arranged in a grid with different sizes in the image, of which there is 1 missing shape. The first row is ['small pentagon', 'small hexagon', 'small square'], the second row is ['medium pentagon', 'medium hexagon', '?'], and the third row is ['large pentagon', 'large hexagon', 'large square'].</t>
        </is>
      </c>
      <c r="G181" t="inlineStr">
        <is>
          <t>We observe that the rows contain small shapes, medium shapes, and large shapes respectively. On the other hand, the columns contain pentagons, hexagons, and squares respectively. Hence, the pattern is that the shapes within each column are the same, while each row progresses the size of the shapes.</t>
        </is>
      </c>
      <c r="H181" t="inlineStr">
        <is>
          <t>Based on the pattern that the shapes within each column are the same, while each row progresses the size of the shapes, the size of the missing square should be medium.</t>
        </is>
      </c>
      <c r="I181" t="inlineStr">
        <is>
          <t>b'\x89PNG\r\n\x1a\n\x00\x00\x00\rIHDR\x00\x00\x02\x00\x00\x00\x02\x00\x08\x02\x00\x00\x00{\x1aC\xad\x00\x00h\xe9IDATx\x9c\xed\xddy\\\x94\xd5\xfa\x00\xf0\xf3.3l3\xac.X\xdd\x12\x05\xad\x9b\x96B\xcbU\x0c\xd0R\xe8\xfaS\xaf\tj\x8bK\xdd\x8a\x9b\xb9`\xa8\xe0E\x13C\x14s#-\xbb\x96\xe5VfHY\x99%\x98(*\x9a\x15\\\xaf[\x89\x81K\xe5\x82l\xc3\x0c\x8b\xcc{\xce\xfb\xfb\xe3\x91\xb7\t\xc5T\x86\xd9\xde\xe7\xfb\xf9}\xfa\\\xf8!\xf3\xce\xcb;\xe79\xe79\xcf9\x87\x93e\x99 \x84\x10R\x1f\xde\xde\x17\x80\x10B\xc8&gt;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O\x94RJ\xa9\xbd\xaf\x02!\xa4R\xa2\xbd/@\xa5dYf\x8c\t\x82\x00\xff\x9b\x10\xc2q\x9c\xbd/\n!\xa4.8\x02\xb0\x03\xc6\x18\xc7q\x82 |\xfe\xf9\xe7o\xbc\xf1\x06\xc7q\x1c\xc7\xe1P\x00!dc8\x02\xb05J\xa9 \x08\x92$M\x9f&gt;=33\x93\x10r\xe0\xc0\x81\xa5K\x97\xdev\xdbm\x92$\x89"\xfeE\xac\xc3\xba\x01\x15\xc6j\x08\xb9\x18\x0e\xf2\x0f\xc8\x06\x94\xb4Oqq\xf1s\xcf=WPP\xc0\xf3&lt;\xcf\xf3\x92$u\xea\xd4i\xcd\x9a5\xd1\xd1\xd1\x8c1B\x08\xcf\xe3\xc8\x0c!\xd4\xe60\x00\xd8\x08t\xfc\t!\xabW\xaf\x9e6m\x9a\xc1`\x10EQ\x92$B\x88\xf2?\xe6\xcc\x99\x93\x9a\x9aJ\x08\xc1\xa1@k@\xa0-((\xb0\xd6 @\x10\x84\xf0\xf0p\x9e\xe7q\x9e\x06\xb9\x18\x0c\x00\xb6\x00\r\xba\xc1`\x986m\xda\xea\xd5\xab\t!\x82 (!\x81R\n]~\xc6Xtt\xf4\x8a\x15+BBB$I\x12\x04\x01[\x9c\x9b\x05wu\xc3\x86\rc\xc7\x8e\xb5\xe2\xaf]\xbf~\xfd\x981c\x94?\x19B\xae\x01\x03@\xdbRR:\x05\x05\x05\xcf=\xf7\\qq\xb1 \x08\xf0M\xf2\xc7\xfa\x1fY\x96a(\x10\x10\x10\xb0r\xe5\xca\x91#G\xc2?\xc7t\xd0\x8d\x93eY\x96e\xa3\xd1\x18\x16\x16v\xea\xd4)\x9e\xe7\x95[}\xcb\xe0\x97\x04\x05\x05\x15\x16\x16\xea\xf5z\x98\xb1\xb7\xca\xd5\xba\x12\x18u\xd9\xec\xe5p4f-\xd8\xb8\xb4!I\x92 \xcb?w\xee\xdc\xa8\xa8(h\xfd)\xa5\x1c\xcfAS\xf5\xc4\x93\xff\x98&lt;\xe3e\xf8\xdf03,\x08BEE\xc5\xa8Q\xa3&amp;O\x9el4\x1aa\x86\xc0\xde\xef\xc3i\xc0X*33\xb3\xa4\xa4\x04n\x9d,\xcb\\+\xc8\xb2\x0c\x7f\xc4\x92\x92\x92\xcc\xccL\x9e\xe7\xb1X\xeb\x9a\xa0\xaa\xcdf\xb0\xf5\xb7\x16\x1c\x01\xb4\tY\x96)\xa5\xa2(\x9e?\x7f\xfe\xd9g\x9f\xcd\xc9\xc9!M}IA\x14\xa8D\xbd\xbc&lt;gg\xa4\x8c{\xf1iA\x10\xbf\xfa\xec\xeb\xe9\x13f^*+\xbf\x12\x1e8\x0e\x1a\x9a\xd0\xd0\xd0w\xdf}744\x14\xda5|\xe8\xaf\x0f\x8akKKK\xc3\xc2\xc2\x8cF#\x84U\xab\xfcf\x08\x06z\xbd\xbe\xb0\xb0\xb0K\x97.\xb2,\xe3\xb0L\x01!\xb6\xaa\xaa\xea\xd0\xa1C6{\xd1^\xbdz\xf9\xf9\xf9\xc1K\xdb\xecE]\x12\x06\x00\xeb\x83\x96\x88\xe3\xb8\xac\xac\xac\x84\x84\x84\xf3\xe7\xcfCn\x07\xbe\xc9\x18\xbb?\xb4\xe7\xfc7\xd2\x1e\xe8\x13ZQV\xc9d\xe6\x1f\xe0\xf7\xeb\xd9\xdf\xe6LO\xfb\xfa\xf3\x1c\xe5g\xe0\x9f\xe8\xf5\xfa\xa5K\x97&gt;\xff\xfc\xf3\xc4b\x1a\x19]\x13\xdc\x9fq\xe3\xc6\xad_\xbf\x1e\xf2l\xb2,\xeb\xf4\xba\xfb\xc3\xee\x93\xcc\xe6\x9bm)dY\x165\x9a\xff\x15\x1e6\x19MJH\x1e;v\xec\xbau\xeb\xf0\x0fa\t\xee\xc67\xdf|3p\xe0@\x9b\xbd\xe8\x8e\x1d;\x1e{\xec1\xfcC\xb4\x1e\x06\x00+\xbb\xba\xcc_\x99\xef\x85\xec\xc1\xb3/\x8d\x9d\x95&gt;S\xa3\x11\x8dF\x13\x94\xfaH\x92\xe4\xe1\xe9\xa1\xd5j\xff\xb3\xec\x9d\xf9\xb3_\x87RQ\xcb\x7f2z\xf4\xe87\xdf|3  \x00\xab\x83Z\x02\xb7k\xcf\x9e=\x03\x06\x0cP\xbe\xa4\x94.{g\xd1\xf8\x17\xc6\x1a\x8c\x06A\xb8\xb9&gt;;\xa5\xccG\xef\xb3\xf6\xdd\xf5S_\x9c.X\xcc\xd8\xe7\xe5\xe5EDD`\xd3\xa3\x80[\xb1{\xf7\xeeG\x1f}\xd4*\x93.\xd7\x07/\xb1s\xe7\xce\xa8\xa8(\xfc+\xb4\x1e\x06\x00\xabQ\xca\xfc\x8b\x8a\x8a&amp;L\x98p\xf0\xe0A\xa5\xb6\x07Z\x90\xf6\x1d\xda-z{A\xcc\x90A\x86\xea\x9af\xcf.|l\xfc\xfc}\x0f\x16|?s\xf2\xec\xe3G~\x14\x9a\xe6\x8a\xa1\xef\xd9\xad[\xb7\xf7\xdf\x7f?&lt;&lt;\x1c\x17\n\\\x13D\xca\x01\x03\x06\xec\xd9\xb3Gh\xaa\xadz\xa8\xcf\x03[vm\xae\xae\xac\xbe\xb5\xdb\xc5\x18\xf3\xf5\xf7\x1d\xde?\xee\xbb\x03?(\xbf3"""//\x8f\xe0\xd2\xb0&amp;\xf0$\xef\xda\xb5k\xc0\x80\x01J\x00\x801\x93\x15_\x05\xc6s\xa4)\x00\xe4\xe5\xe5\xf5\xef\xdf\x1f\x03@\xeba;b\x1d\x90\xbb\x17\x04a\xf5\xea\xd5QQQ\x07\x0f\x1e\x14EQ\xf90PJ\xfb\xf5\x0f\xffr\xcf\x96A\x83\x07V\x94W\xc2\x94\xaf\xe5?\x87\xb9\xe2\x8a\xf2\xca\xb0\x87{g\xe7~4rL,\xa5\x14R\x9c0\x97P\\\\\x1c\x15\x15\x05\xf3\x908\x15\xd9\x0c4\x04\x1b7n\x84\xd6\x1fn\x9dV\xabMN\x9bN\xa5+s*\xb7\x80\xe38*\xd1\xe4\xb4\xe9Z\xad\x16&amp;u`\x90\xb1q\xe3Fep\x86\xae\tn\x97\x15a?\xb5\x8d\xe0\x08\xc0\n 3SQQ1q\xe2\xc4M\x9b6\x91?\xa6}\x04A\x98\xf9\xda\xf4\x17\xa7&lt;/\x99\xa5\xfa\xfa\xfa\xeb\xe7p\xa8D5Z\x8dN\xef\xb5\xee\x9d\x0f\xe6\xfd{\x81\xc9X\x0b\x93\xc6J\xdf*::z\xcd\x9a5\x9d:u\xc2\x85\x02\xc0\xb2\xf4\xb3\xb4\xb4T\xd9Xi\xf8\xa8a\xab6\xbey\xe9byk\x92f\x92$\xb5\xef\xd8.\xfe\xa9\x89[&gt;\xfe\\\x10\x04x\xad.]\xba`I\xa8\xa2\xd9\x08\x00n\x91\xb7\x8fw\x8f^\x7f\xa5\x12k\xfd\xed\x91e"\x88\xfc\xd1C\xc7k\x0c5\xca\x0c\x19\x8e\x00\xac\x05\x13\xca\xad\x02\x8d\xb2(\x8a999\x93\'OV\xca\xfc\x19c\x82\xc0SJ;w\xb9k\xd1\xdb\x19\x11\x8f\xf6\xab,\xaf\x84\x9f\xbc\xfe/\x14D\x81RZUY=\xee\xc51\x0f\x87?\x98\xf8\xaf\xe4\xa2\xef\xfe\xab\xa4\x83\xe0\x85\xc2\xc2\xc2`\xdf\x08\x82\x0b\x05\x08\x81\x11\x12\x94~\x8a\xa2H)\x95\x89\xec\xeb\xe73#5\xd1Xcje\x03!\x08\x82\xb1\xc64#5qW\xeen\x83\xa1\x86\xc8D\x10\x04(\t\x9d3g\x0eN\xc9\\\r\x86\xa7={\xfd\xf5\x8b\xdd\x9f\x9a\x8c&amp;\xfe&amp;\xa7^\xae\xc6(\xd3\xe9uC\xa3\x9e(\xc8\xff\x16\x02\x8cU\xae\x13\x01U\xb7\x1d\xaddY\xe6\x1f\x13\x13S\\\\\x0c\r\x10\xd4\x8fS\xcaF\x8e\x89\xdd\xb6\xef\xb3\xbf\xf5{\xa8\xbc\xac\x1c~\xf2F~-\xa4\x92*+*\xbb\x04\x07em\xff\xf0\xd9\x97\xc6\xc2\x10XhZ(p\xfe\xfc\xf9\x98\x98\x98\xa9S\xa7\xc2\x05\xa8y\xa1\x00\xcc\xaf\x94\x96\x96.[\xb6\x0c\xc6[&lt;\xcf\xcbL\x1e\x1f?\xb6kHPC}C+{\xe8\x1c\xc75\xd47t\r\t\x1a\x1f?Vf2\xb4n\x82 ,[\xb6\xac\xb4\xb4T\xb0X\xd3\x87,I\x125\x99L&amp;S\xad\xc9\xd8\xea\xff3\xd5\x9aL&amp;I\xc2\x84[\x9b\xc0\x00p+`}\x90(\x8a\'O\x9e\x8c\x89\x89IMMU\xb6u\x83\xd4\xbfN\xef\x95\xb1b\xde\x1b\xab\x17k\xdd\xb4\xc6\x1a\xe3-\xf4\x13EQ\xac\xab\xad\xa7\x12\xcdX&gt;o\xc5\x9ae\xed;\xb4\x83\xae.\xb4q\xb0\xdc)**\xea\xe4\xc9\x93W\xba\xbd\xaa\xec\x19\xc14IRR\x92\xc1` \x84@~\xa0s\x97\xbb&amp;$\xc6WUV[%? \x08BUe\xf5\x84\xc4\xf8\xce]\xee\x82\x02_B\x88\xc1`HJJ\x82H\xdf\xfa\x97p=\xb7&lt;\xefr\x9d\xf9\x18{\xbf\'\xd7\x84\x01\xe0Vp\x1c\'\x8abVVV\x9f&gt;}rrr\xa0\xd1\x87\xf5A\x92$\x85&gt;\xd4{k\xfe\xa7\xe3^\x1cSUYM\xa5[OS\xf2\x02/\xcbr\xf9\xa5\x8a\xd8\xa7\x9f\xf8r\xcf\x96~\xfd\xc3a1\x01!\x04\x16\n\x14\x14\x14\xf4\xe9\xd3g\xd3\xa6M\xea\x9c\x0c\x80\xcex~~~vv\xb6\xb2\x86N\x96\xe5\x84\x99\x93t\xde:\xe5^\xb5\x12\xc7q\x92$\xe9\xbcu\t3\')\xd3\xf2\x82 dgg\xe7\xe7\xe7\xe3l0rj\x18\x00n\x0e\xd4z\x9e?\x7f~\xca\x94)\xa3F\x8d\xaa\xa8\xa8P23\xf0\xff\x9a&lt;\xe3\xe5\x8f\xbf\xfe\xa0KH\x97\xca\x8a\xca\xd6\xb7\xcb\x10i*\xcb+\xdb\x07\xb6\xff\xf0\x8b5S\x92&amp;\xc2l\xb0`\xb1o\xc4\x93O&gt;\xf9\xc2\x0b/\x9c?\x7f^)\x95S\x03h\x8b/_\xbe\x9c\x98\x98\x08\xed&gt;\xb4\xc5\xe1Q}\xe3\x9ey\xc2Pe\xb0bv^\x14EC\x95!\xee\x99\'\xc2\xa3\xfaB\xeb\x0f\xaf\x9e\x98\x98x\xf9\xf2e\x1c\x07 \xe7\x85\x01\xe0\xe6@\x06f\xfb\xf6\xed\xcb\x97/\x17E\x11\xfa\x83\xf0\xdfv\x1d\xda\xad\xfd\xe4\xdd\x94\xf9\xc9\x8c\xb2:S\x9du\x1b\xa0\xcb\r\x97\xebj\xebS\xe6\'o\xfa\xea\x83\xbb\x82\xeeT^\x94\xe38\x8dF\xb3z\xf5\xea\xed\xdb\xb7\xf3j*\x0f\x85\xd9\xefM\x9b6\x15\x16\x16BP\x84\xdd\xf4f/\x98\xd9F\xf9bI\xa2\xb3\x17\xcc\x14E\x11"=\xcf\xf3\x85\x85\x85\x9b6m\xe2\xdb~\xf5\x13Bm\x04\x03\xc0\xcd\x81|\xce\xe3\x8f?\xee\xe7\xe7\x07\xad-L\xed\x0e\x1a\xfc\xd8\xd7\x05\x9f\x0f\x1a\xfcXyY\xb9,\xcb\xad/~h\x062\xa1e\x17.\xf5y\xe4\xe1\xcfw\x7f2h\xf0c\xcaKK\x92\xe4\xeb\xeb\xfb\xf8\xe3\x8f\x13\xd5\xacN\x82\x0exeeerr\xb22$b\x8c\x8d\x1a\x1b{\x7fXO\x93\xb1\xd6\xea\x95Q&lt;\xcf\x9b\x8c\xb5\xf7\x87\xf5\x1c56Vy9\x9e\xe7\x93\x93\x93+++q\x10\x80\x9c\x14\x06\x80\x9b\x03\xd3\x8c\x81\x81\x81}\xfb\xf6\x85\xa4?\x94\xa6\xdd\xd3\xe3\xee.\xc1]\xca/U\xc0\xb0\xa0\x8d^]\xa3\x11++*\xef\xb8\xf3\xb6{z\xdcm\xf9\xea\xe1\xe1\xe1\x81\x81\x81\xca\x14\xa5\xcb\x83\xc6w\xe9\xd2\xa5\x17.\\P&amp;E||\xbd_\x995\xa5\xceT\x7f\xb3\xbb&gt;\xdc A\xe0\xebL\xf5\xaf\xcc\x9a\xe2\xe3\xeb\xad,\xf1\xbbp\xe1\xc2\xd2\xa5Kq\x10\x80\x9c\x14\x06\x80\x9b\x06\x1f\xf5\xb8\xb88\xcb/s\xb7\xed0TWk\xb5\xda\xb6~u\xadV[S]\x93\xbbm\x87\xf2\xd2\xca\xc5\xa8\xa4\r\x82\x0e\xf8\xc9\x93\'\x17-Z\x04-/D\xc1\xc93^\xbe\xed\x8eN\r\r\xad-\xfdl\t\xc7q\r\r\r\xb7\xdd\xd1\tv\xf0V^z\xd1\xa2E\'O\x9e\xc4\x92P\xe4\x8c0\x00\xdc4H\xb3\x0c\x1c8\xd0\xd3\xd3S\xd9\xb0\xa1\xa4\xf8T\xf1\x8f?{x\xb8\xb7i+\xc0\x18\xf3\xf0p/\xfe\xf1\xe7\x92\xe2SM\xab\r\xa8\xa7\xa7\'l\xc4\xa8\x9e\xfc\x0f!$%%\xa5\xb1\xb1\xb1ii(\r\n\xee&lt;6\xfe\x19\xa3\xc1(\x88mx\x13\x04Q0\x1a\x8cc\xe3\x9f\t\n\xee\xcc\x18\x85WollLIIQ.\x0c!\'\x82\x01\xe0\xa6A\x16\xa8c\xc7\x8e={\xf6$\x84\xf0&lt;/\x08Bccc^\xcen\xf7\xb6\x0f\x00\xee\x1e\xeey9\xbb\x1b\x1b\x1b\x05A\x80Lw\xcf\x9e=;v\xec\xa8\x92\xfc\x8fR\xfa\xb9y\xf3f\xa5\x04S\x96\xc9\xac\xf4\x99\x9e\x9e\x1e\x92D9\xd2\x867\x81#\x9c$QOO\x8fY\xe93\xa1\xb5\x87\xeb\xd9\xbcy3\x96\x84"g\x84\x01\xe0V@\x16"66\x96\x10\xa2L\x00\xe6~\xb9\xa3\xbe\xae\xbeM\xbb\xe1\x82 \xd4\xd7\xd5\xe7~\xb9\x834M\x84\x12BbccU\x92\x7f\x80\xb7l6\x9b-K?\x19c}#\xfbD\x0fy\xac\xc6`\xb4\xc1\x18H\x10\x84\x1a\x831z\xc8c}#\xfb\xc0c\xa0\x94\x84\x9a\xcdf\x9c\rF\xce\x05\x03\xc0\xad\x80\xae\xf7\xd0\xa1C\xb5Z-\xa5\x14z\xdf\xc7\x0e\xff\xf8\xd3\xb1\x13m\x97\x05\x82\xfc\xcfO\xc7N\x1c;\xfc#\x8cB(\xa5Z\xadv\xe8\xd0\xa1D\x1d\x1bDC\xce\xfd\xbd\xf7\xdeSJ?aH\xf4\xda\xe2Wm\xbcU\x80$\xd1\xd7\x16\xbf\n\x03&gt;\xa5$\xf4\xbd\xf7\xde\xc3\xd9`\xe4\\\\\xbf\xd5h\x0b\xf09\x0f\x0e\x0e\x0e\r\r\x85\xf9@A\x10\xccfs^N~\xdbe\x81\x9a\xf2?\xf9f\xb3\x19\xf2?\xb2,\x87\x86\x86\x06\x07\x07\xabdK8\xe8\\\xff\xf6\xdbo\x84\x10\xcb|\x17\x1c\xdae\xcb+\xe18\xced4Y~\xa9\\\x18\x8e\x00\x90\x13q\xfdV\xa3\x8d@\x9b;b\xc4\x08b\xab,\xd05\xf3?#F\x8cPO\xaf\x13\xf2-\t\t\t\x81\x81\x81\xb4\xe9\xf0\xe4\x86\xfa\x86\xf4\x94\x0cQ#\x12\x9b5\xbc2\x115bzJFC}\x03lSC)\r\x0c\x0cLHH\xb8\xfa\xa4\x07\x84\x1c\x19\x06\x80[\xd4r\x16\xa8\xd8\xc3\xd3\xc3\xea-2c\xcc\xc3\xd3\xe3\xa7c\xc5\xaa\xcd\xff\x90\xa6\xe9\xf7\x80\x80\x80\x8c\x8c\x0c\x18x\xc1\x1c\xec\xf7\x07\n7o\xf8\xc4\xc7\xdf\xc7\x06\x1b\xa3J\x92\xe4\xe3\xef\xb3y\xc3\'\xdf\x1f(\xfc}\xffQY\xce\xc8\xc8\x08\x08\x08P\xc9T&lt;r\x19\xaah8\xdaBKY\xa0\x9d_\xe7\xb9\xb9\xbb\xb5E\x00psw\xdb\xf9u\x9ej\xf3?\x00\xda\xdc1c\xc6(\x07\xf3\xc2\xd8+s\xc1\nS\x8d\xc9\x06\xbb\xf3\x8b\xa2h\xaa1e.XA\x08Q6 \x8a\x88\x88\x183f\x0c\x9eO\x82\x9c\x8eZ\x1a\x8e\xb6p\xcd,\xd0\x9e\xbc}\xe6\xc6\xc6\xb6\xd8\x8a\xc0\xdc\xd8\xb8\'o\x1fQk\xfe\xc7\x12\xcf\xf3iii\xd0\xda2\xc6\x04Q8]zf\xe5\xd2U~\x01~m:\x08\x90$\xc9/\xc0o\xe5\xd2U\xa7K\xcf\x08\xe2\x95\xca+A\x10\xd2\xd2\xd2\xd4\x13\x83\x91+\xc1\xa7\xf6\xd6)Y 777\xc8\x02\x11B\x8e\x1f\xf9\xe9\xec\xe9_\xdc\xdc\xdc\xac8\x19(\xcb\xb2\x9b\x9b\xdb\xd9\xd3\xbf\x1c?\xf2\x13!\x04\xf2?nnn\xaa\xca\xff(\x94N\xf7\xd3O?\rg$0\xcax\x9e_\xfd\xe6\x9a#\xff=\xea\xe5\xe5\xd9v\x93\xf0^^\x9eG\xfe{t\xf5\x9bkx\x9eg\x94\xc1I\x0cO?\xfd\xb42\x1ci\x8b\xd7E\xa8\xed\xa8\xab\xed\xb0.\xc8\xc3\x04\x07\x07\xf7\xe8\xd1\x03z\xe5\x82 \x18k\x8c{w\x16xzyXqM\x10\xa5\xd4\xd3\xcbc\xef\xce\x02c\x8d\x11\xb6\x98\x96e\xb9G\x8f\x1e\xc1\xc1\xc1\x90}\xb2\xd6\x0b9\x0b\xb8\x03\xaf\xbe\xfa\xaa\xb7\xf7\x95myx\x9e7\x19M\xcb\x17\xbe\xd5\x16\x130\x00\xa6a\x96/|\xcbd4\xc1=g\x8cy{{\xbf\xfa\xea\xab\xca\x98\x0c!\xe7\xa2\xba\xb6\xc3\xba`\x0e\xb0\x7f\xff\xfe\xc4\xa2\'\xbe}k.\xa5\x94\xe3\xacvo9\x8e\xa7\x94n\xdf\x9a\x0b_\xc2\x0b\xf5\xef\xdf_U\xfb?[\x82\xc4W\xd7\xae]\x93\x92\x92,OG\xd8\xfa\xe9\xb6\x1d_\xe5\xf9\xfa\xf9X\xfd\xb6PJ}\xfd|v|\x95\xb7\xf5\xd3m\xca\xcb1\xc6\x92\x92\x92\xbav\xed\xaa\xaai\x18\xe4J\xf0\xa9m\x15e-\xae\xb2.\x89\x10\xf2\xfd\x81\xc2\xd3%g\xdc\xdd\xad\x93\x05\x92e\xd9\xdd\xdd\xedt\xc9\x99\xef\x0f\x14\x12B\x94\x95G\xca:\xe4\xd6\xbf\x843\x82\xe07m\xda\xb4\x90\x90\x10\x08\xc3\x84\x10F\xd9\x1b\x19+\xacu\x16\x98%8\x17\xec\x8d\x8c\x15\x8c2\xe5\xd5CBB\xa6M\x9b\xa6\xbc:BN\x07\x1f\xdcV\x81*\x94\xde\xbd{C5\x0ed\x81jM\xb5{\xf3\xac\x96\x05\xba\x92\xff\xc9+\xa85\xd5B\xfe\x07\xaa\x8fz\xf7\xee\xad\xe6\xaash\xe2\xb5Zmzz\xba\xe5I\x8d\xdf\x1f(\xdc\xb8&amp;\xcb\xdf\xaa\xb3\xc1\x92$\xf9\x07\xf8m\\\x93\xa5\x94~B\x0e*==\x1d\xf6\x7fUm\x18F\xce\x0e\x03@kA=\xfe\xb0a\xc3H\xdbd\x81\xae\x99\xff\x196l\x18\xac?h\xfd\xefw^\xd0\x16\xc7\xc5\xc5\r\x1a4\x08Z\x7f\x88\xc1K\xe6e\xfez\xf67www\xeb\x8d\xc0\xdc\x7f=\xfb\xdb\x92y\x99\x10}\xe1u\x07\r\x1a\x14\x17\x17\x87s\xbf\xc8\xa9a\x00h\xadf\x15\x99\xd6\xcd\x02\xb5\x94\xffQjO\xad\xf1\x0e\x9c\x18\xf4\xc4\xe1xNY\x96aJ\xbc\xbc\xac\xfc\xdd\x15\xef\xeb\xf4^\xd6\x1a\x81\xe9\xf4^\xef\xaex\xbf\xbc\xac\x1c\xa6\xfd\xe1\xec\xc9\xe5\xcb\x97\xe3\xdcoK\xe0\xd4L+\xc2\r6\xda\x08\x06\x80\xd6\xba^\x16H\xd7\xda,\x10\xa5\xd4S\x87\xf9\x9f\x16A\xd0\xed\xde\xbd{||\xbc\xd27\xe7y\xfe\xbd\x95k\xff\xfb\xc3\xfftz]++\x82\x18c:\xbd\xee\xbf?\xfc\xef\xbd\x95k\x95\x85\xc7\x8c\xb1\xf8\xf8\xf8\xee\xdd\xbb\xe3\xdcoKDQ\xd0\xe9t:\x9d\x97N\xdf\xea\xff\xd3y\xe9t:\xb1-\x8fyP\xb36_9\xa9\x06J\x16\x08\xce\xa8\x82\xde\xca\xf6/r\x9fzn\x14\x9c\xd9r\xcb\xbfY\x96\xe5\xc6\xcb\x8d\xdb\xbf\xf8=\xff\xc3\x18\x83\xfc\x8f$I6X\xf8\xea\xf8\xe0\x86\xa7\xa5\xa5m\xdc\xb8\xd1`0\xc0!-\xe6Fs\xda\xcc\x05\x1f\x7f\xb5\xa1\xf5\xbf_\x10\xf8\xb4\x99\x0b\xcc\x8df\xa5\x00\xd7\xcf\xcf/--M\x9d\x05\xb8\x7f\n"\xee\x91C\xc7\x87D=A%\xd6\xfa\x01\x92,\x13A\xe4\x8f\x1e:\x0e\xbf\x1c\x87\\\xd6\x85-\x88\x15(Y\xa0%K\x96(\xc3\xd5\xa2\xef\x0fUW\x19\x02;u\xbc|\xb9\x91\xe7o\xe5\xa9eLvs\xd3^8\x7f\xb1\xe8\xfbC\xa4\xe9\xe9\xc7\xfcO30\xfd\x0b\x8d\xf2\xc4\x89\x13a\x10 \x08B\xc1\xee\xfd9[\xbf\x89\x19:\xd0P]skC%J\xa9\x8f\xaf\xf7\xf6/v\x14\xec\xde\xaf\xfcZJiZZ\x9a\x9f\x9f\x1ff\xff\xaf\t\x1e\xfe\x1aC\xcd\xfe\xfco\xdb\xe2\x97\xe3co]\x18\x00\xac\xc02\x0bT\\\\\x0c\x1dCc\x8dq\xd3\xba\xcd\xbd\xc2\xee\xab\xad\xad\xbb\xb5\xae",==Tx\xd8Xcl:\xfb\x90u\xeb\xd6\r\xf3?\xcd\xc0\xc0(&gt;&gt;~\xcd\x9a5EEE0&amp;\xe082/eA\xc4c\xfd us\xb3\r\x07t\xf0\xeb\xea\xea\xe7\xa5,\xe08\xa2\x1c\x02\x1c\x16\x16\x06\xe9&amp;\xec\xfe_\x07\xf4T\xac\xf8\x0bq\x1a\xa0\x8d`\x00\xb0\x0e\xc6\x98V\xab\r\x0f\x0f\x87\x00\x005\x88\xf3g-\xb4\xe2K@\xf69&lt;&lt;\x1c\xea\x7f0\x00( 4\x8a\xa2\xb8d\xc9\x92\xa8\xa8(%Y\x7f\xea\xe7\xd3\xebW}\x9083\xa1\xdaX}\xb3\xb7\x8bR\xea\xab\xf7]\xb2 \xf3\xd4\xcf\xa7\x95\xee?cl\xc9\x92%\xb0\x03\x04\x06\x00K\xd0\xe2[\xde\x13\xeb\xb6\xd7\xd0\x01"MUp8\x0e\xb0\x16\x0c\x00\xd64b\xc4\x885k\xd6(\x13\x8f\xd6j#\xe0\x17\xc2\x7f!\xff\x83\x9a\x816:222..\x0e\x8e\x0b\x86\x8c\xd9\xa2\xd7\x96\xee\xcc\xd9u\x0b\xc9hH=\x17\x1d\xfc\xafe\xe9g\\\\\\dd$F\xdf\xabI\x92\xa4\x94\xc0\xb5)x\t\x1b\xec\xfb\xad\x12x\x84\xa9u@v\xd2h4v\xef\xde\xbd\xac\xac\xcc\xeag\xc3\xc2/\xec\xd0\xa1\xc3\x89\x13\'\xf4z=&amp;C\xaf\x06i\x99\x93\'O\xf6\xe8\xd1\x83Rj\xddE\x12\x82 \x08\x82p\xf4\xe8\xd1\x90\x90\x10\xcc\xffX\x82G\xb1\xaa\xaa\xea\xd0\xa1C6{\xd1^\xbdz\xf9\xf9\xf9\xe1\xa7\xa0\xf5p\x04`\x1d0\x15\xa9\xd7\xeb\x1f{\xec\xb1\r\x1b\xacP|rM\x8f=\xf6\x98^\xaf\xc7\x1e\xe85Yn\xcf0\x7f\xfe|e\xc9nk\x1akH=\xc3\xafJJJ\x82m\'\xf0\xe6[\x82&amp;\xd8\xcf\xcf\x0fv\xc4\xb2\xfdK\xa3\xd6\xc0\x11\x80\xd5@\xd3\xb0o\xdf\xbeW_}\xd5\xea\xdb\xf4\xc3/|\xed\xb5\xd7\xfa\xf5\xeb\x87mPK`\x95\x96\xc9d\n\r\r=u\xea\x94U\xfe\n\xf0K\x82\x82\x82\x8a\x8a\x8at:\x9d\x92\x8cF\x96`\xe5\x97\xcd^\x0eN\xe2\xb4\xd9\xcb\xb90\x0c\x00\xc8\xa5\xc0\xf2\x88\r\x1b6\x8c\x1d;\xd6\x8a\xbfv\xfd\xfa\xf5c\xc6\x8c\xc1\xb5\x17\xc8\xc5`\x00\xb02\xe8\x84\xb6\xd1/\xc7\xee\xe7\x8d\x80\xdehAA\x81\xb5\xa6\x01\x04A\x08\x0f\x0f\xc7^\'r=\x18\x00\x10BH\xa5p&lt;\x8b\\\x93\xd5\xab\x80\xac\xf8\xdb\x10r\x108\x02@\x08!\x95\xc2rf\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x80\x10B*\x85\x01\x00!\x84T\n\x03\x00B\x08\xa9\x14\x06\x00\x84\x10R)\x0c\x00\x08!\xa4R\x18\x00\x10BH\xa50\x00 \x84\x90Ja\x00@\x08!\x95\xc2\x00`O\xb2,\xcb\xb2l\xef\xab@\x08\xa9\x14\x06\x00\xbb\x91e\x99\xe38\x8e\xe3\x18c\xf6\xbe\x16\x84\x90\x1aa\x00\xb0\x0fI\x92\xa0\xe97\x1a\x8d&lt;\xcfK\x92d\xef+B\x08\xa9\x0e\x06\x00[\x93eY\x92$Q\x14\xcf\x9f?\xff\xd8c\x8f\xf5\xea\xd5k\xff\xfe\xfd\xa2(2\xc6p(\x80\x10\xb2%\x0c\x006\x05M\xbc(\x8aYYY\x0f&lt;\xf0\xc0\xae]\xbbJKK###\xe7\xce\x9d\xcb\xf3&lt;\x0e\x05\x10B\xb6\xc4\xe1$\xa4\xcdPJ\x05A\x90$i\xfa\xf4\xe9\x99\x99\x99\x84\x10A\x10dY\x86\xa8\x10\x1d\x1d\xbdf\xcd\x9aN\x9d:I\x92$\x08\x02\xc7qv\xbe\\\x84\x90\xab\xc3\x00`\x0b\xd0\xca\x0b\x82PTT4a\xc2\x84\x83\x07\x0f\xf2&lt;\x0f\xdf\x87\x1f\x80\xc0\xd0\xa9S\xa7\xcc\xcc\xcc\x91#G\x12B\x18c\xf03\xa8%\x8e\xf3\xe8b\xb4FN\n\x03@\x9b\x83\x8e?!d\xf5\xea\xd5\xaf\xbc\xf2\x8a\xd1h\x14EQ\x92$\x9e\xe7\xa1\xef\xcf\x0b&lt;\xa3L\x10\x04J)!$!!a\xd1\xa2E\xa2(*\xff\x10!\x84\xda\x02\x06\x80\xb6\x05\xf3\xbd\x15\x15\x15\x13\'N\xdc\xb4i\x13!\x04\x1az\xf8\xafF\xab\xd1\xe9uU\x15U\xf0%\xcf\xf3\x1c\xc7QJ\xc3\xc3\xc3\xdf\x7f\xff\xfdn\xdd\xba)\xdf\xb4\xf7\xfbp,PA[]]M\xec=\x0e\x80?\x8d\xaf\xaf/\\\x92\x1d\xaf\x04\xa1[\x80\x01\xa0\xad\\\xe9\xdd\xf3|AA\xc1s\xcf=W\\\\,\x08\x82\xf2MJ\xe9_{\xde\xf3\xfa[\xf3;v\xea8\xf5\xc5i\xfbv\xedW\xd6\x04\xc0\xf8\xc0\xc7\xc7g\xf1\xe2\xc5\xcf?\xff&lt;\xb1\x18C \xd2t7222\x16.\\\x08\xe3$;^\x0c\xe4\xee\x92\x92\x92\x92\x93\x93\xf1\xcf\x84\x9c\x8f\x8c\xda\x80\xd9l\x86\xff\x91\x9a\x9a*\x8a"!\x04\xfe\xcb\x0bW\xd2\xfa\xa3\xc6\xc4\x1e?\x7f\xe8\x17\xd3\xcf?W\x1e?k\xfayVz2\xb4\x1d\x82(\x10B\x94v\xe4\xf9\xe7\x9f\xaf\xa9\xa9\xb1\xfc\x85*G)\xa5\x94\x9e?\x7f\xde\xdf\xdf\xdf&gt;\x1f\x98k\xf1\xf7\xf7?\x7f\xfe&lt;\\\x9b\xbd\xef\x10B7\x01G\x00V&amp;\xcb2\xa5\x14\xca\xfc\x9f}\xf6\xd9\x9c\x9c\x1cB\x08\xa4\xfb\xaft\xed}}\xd2\x96\xce\x19\xf1\xe4?\xea\xea\xea\xcd\x8df\x8e\xe3\t\x91\xfd\xdb\xf9\xef\xd9\xb9o\xda\xbf\x92\xce\x9c:+\x08&lt;c2i\x1a(\x84\x86\x86\xae\\\xb9\xf2\xe1\x87\x1fVF\x0fv~\x87v\x05\xbd\xecg\x9f}v\xed\xda\xb5\x1a\x8d\x06\xd6\xd3\xd9\xf1zdY\x16E\xd1l6\x8f\x1f?~\xcd\x9a58\x08@\xce\x05\x03\x8051\xc6 \x93\x93\x95\x95\x95\x90\x90p\xfe\xfcyh\xf4\x95\xf4N\xe8C\xbd\x97\xfcg\xe1==\xef\xae,\xaf\xb4L\xeeKf\xc9\xd7\xdf\xa7\xec\xe2\xa5\xd9\xaf\xcc\xfd\xf2\xd3\xafHS\xcc\x80\xb9\x01Q\x14\x17-Z\x94\x90\x90@\xd4\x9d\x0e\x82\xdb[TT\x14\x1e\x1en6\x9b\x1dg\xdd\x1c\xcf\xf3\x1a\x8d\xa6\xa0\xa0 44T\x96e\x95\x07i\xe4D0\x00X\xcd5\xcb\xfc\x95\xf9^B\xc8\xe4\x19/ON\x9a\xa0\xd1jM5&amp;Q#6\xff\xe7\x12\xd5\xbai\xbd\xf4^\xebVmx-y~]m\x9dR,\x04\x83\xb5\x91#Gfff\xc2B\x01H(\xa9\r\xdc\xcc\xa8\xa8\xa8\xfc\xfc|\xe5\xae\xf2&lt;\xef\xed\xa3g\x8c\x11b\xcb\xa1\x80\xcc\xf3|\x8d\xc1\x08A\x08.&amp;22r\xf7\xee\xddj\x8e\xd0\xc8\xe9`\x00\xb0\x02\xb9\x852\x7f\xa5\x0b\xdf\xbeC\xbbEo/\xf8\xfb\xb0\x98\xaa\xcajF\x992\x13\xd0\xfc\xf70\x991\x16\xd0\xde\xbf\xf0`\xd1\xb4\x97f\x1e?\xf2#\xcc\x1bC\x9e\x01\x16\n\xacY\xb3&amp;::Z\x85\xe9 hX\xb3\xb3\xb3\xe3\xe2\xe2\x94\xa2)B\xc8\xca\xf5\xcb\x1f\xe9\x1fn2\x9aZ\xba\xabm\x81Q\xa6\xd3\xeb\xf6\xee*\x980v2\xb1\xf8Co\xde\xbc966\x16c\x00r\x16\x18\x00Z\xeb:e\xfe\xd0s\x7f|X\xf4\xdcE\xb3\xef\xb8\xf3\xf6\xaa\xca\xea\x1bY\xe2+\x99%o_\xef\x1aC\xcd\xeb\xa9K\xd6\xbd\xf3\x01i\xea`\xc2\xaf%\x84\xcc\x993\'55\x954\xd5\x98\xb6\xf9;t\x00\x10bM&amp;Shh\xe8\xa9S\xa7 \xa5F)\x1d&gt;r\xe8;\x9b\xde\x86:Z\x1b_\x12\xa5\xd4/\xc0\xef\xc5\xd1/m\xc9\xfa\x02Vt\xcb\xb2\x1c\x14\x14TTT\xa4\xd3\xe9\xb0x\x179\x05\x0c\x00\xadr\xfd2\x7f\x9e\xe7\xff\x9d6\xe3_S_lll\xac\xaf\xab\xbf\xf1\xc6\x9aR\xaa\xd1\x88\xde\xbe&gt;\x9b7d\xa7LM5T\x1b\x94\xa0B\x08a\x8cEGG\xafX\xb1"$$D%\xfbF\xc0}\x9e;w.TUQJ\tG||\xbc\xb7\xef\xdf\xda\xbec\xfb\xc6\xcb\x8d\x1co\xeb; 3Y\xeb\xa6\xbdt\xf1RL\xdf!\x06C\r\x91\xaf\x94\x84\xa6\xa6\xa6\xce\x993G=\xb1\x1995\x15\xe5\x10\xac\x0b6\xef\x14E\xb1\xa0\xa0\xa0o\xdf\xbe\x9b6m\x82\x86X\xc9\x06\xfc\xb5\xe7=[vfM\x9c\xfe\x92\xb1\xc6x\xb9\xe1\xf2M5\x07\x82 P\xca\xca\xcb\xcac\x9f\x19\xf1\xd9\xce\xac~\xfd\xc3\x95!\x05\xbchNNN\x9f&gt;}\xb2\xb2\xb2\xe0\xd7:\xceth[\x80[ZRR\xb2l\xd92\xa8\x8c\xe2y^f\xf2\xf8\xf8\xb1]B\x82\x1a\x1a\x1ax\x81\xe7l\x8e\x17\xf8\x86\x86\x86.!A\xe3\xe3\xc7\xcaLV.l\xd9\xb2e%%%\xca\x9a\x0f\x84\x1c\x19\x06\x80[\x01\xcd1\xcf\xf3s\xe7\xce\x8d\x8a\x8a*..\x86n)\xc7sP\x06:jLlv\xeeGa\x0f\xf7\xae(\xaf\x84\x9f\xbc\xd9\x97\xe08N\x14\xc5\x8aK\x15A!A\x1f~\xb1v\xf2\x8c\x97a2\x00\xba\x99\x82 TTT\x8c\x1a5j\xea\xd4\xa9\xd0\xee\xd8w=T\x9b\x92e\x99\xe3\xb8\xd7^{\xcd`0(\xc9\x9f\xce]\xee\x9a\x90\x18\x0fY5{]\x98 \x08U\x95\xd5\x13\x12\xe3;w\xb9\x8bR\n\xd7f0\x18^{\xed5\x8e\xc3\xb15r\x02\x18\x00n\x8el\xb1\x9b\x7fLLLjj*\x04\x03\xf8&amp;\xa3\xcc\xc7\xd7g\xf9\xfbK\x97\xbe\xf3\xbaF\xab\xa9\xa96\xb62\x0f \x8ab}]}}]\xfd\xac\xf9\xc9k?y\xb7}\x87vJ~\x89\xe38\x9e\xe7333\xfb\xf5\xebWTT\x04\xdft\xbdF\x07\xde\xef\x9e={&gt;\xfc\xf0C\xe5\x8d\x13B\x12fN\xd2y\xeb\xec\xbb\x0e\x80\xe38I\x92t\xde\xba\x84\x99\x93\xe0K\xb8\xda\x0f?\xfcp\xcf\x9e=J\x9d\x12B\x0e\x0b\xfb)7\xe1\x96\xcb\xfc[O\x92$?\x7f\xdf_\xcf\xfe6gz\xda\xd7\x9f\xe7(\xaf\x08\x17\xa0\xd7\xeb\x97.]\xea\x92\xfbF@\x1b:`\xc0\x00hR\xe1;\x0f\xf5y`\xcb\xae\xac\x9a*\xa3-+\x7fZ\xc2(\xf3\xf6\xd3\x0f\xef?\xf2\xbb\x03?(W\x18\x11\x11\x91\x97\x97G,\x16u#\xe4\x80\xec\xff\xf9q\x16J\xa6e\xea\xd4\xa9\xa3F\x8d:\x7f\xfe\xbc\x92\x8d\x81\xd4\xfc\xe4\x19/g}\xfdA\x97\x90\xa0\x8a\xb2\n\xabO\xcc\x8a\xa2XUY\xdd\xaeC\xbbw?z{Vz2\xd74\xd9\x00\x17`4\x1a_x\xe1\x85\'\x9f|\xb2\xa2\xa2\x02\xbei\xc5\x97\xb6#\x08f\x1b7nT:\xd4\xb2,k\xb5\xda\xe4\xb4\xe9Tb6\xad\xfb\xbf\x0e\x8eP\x89%\xa7M\xd7j\xb5\x90\x00\x84!\xcb\xc6\x8d\x1bq\x10\x80\x1c\x1c\x8e\x00\xfe\x9c\xb5\xca\xfc[\x0f\xe6\x15\xfd\xfc}\x0f\x16|?s\xf2le\xa1\x00i\xda7\xa2[\xb7n\xef\xbf\xff~xx\xb8\x0b,\x14\x80\xc2J\xa3\xd1\x18\x16\x16VZZ\xaad\xff\x87\x8f\x1a\xb6j\xe3\x9b\x97.\x96;N\x99\x8d$I\xed;\xb6\x8b\x7fj\xe2\x96\x8f?WJB\xbbt\xe9RXX\xa8\xd7\xeb\xe1\xca\xed}\x8d\x08]\x83\x137\x10\xb6\x01IgA\x10V\xaf^\x1d\x15\x15u\xf0\xe0A8\xbf\x974\xe5|\x1f\x1f\x16\xbdm\xdfg\x83\x06?v\xa9\xac\\\x96\xe56MJ\xc0|rEye\xd8\xc3\xbd\xb3s?\x1a9&amp;\x16:\xc5p%\xa2(\x16\x17\x17GEEeff\xc2O:u\xf7\x13\x86\\\x99\x99\x99PT#\xcb2\x93\x99\xaf\x9f\xcf\x8c\xd4Dc\x8d\xc9\xa1R+\x82 \x18kL3R\x13}\xfd|\x98|e\xae\xbe\xa4\xa4\x04\xfe\x10N\xfdW@\xae\r\x03\xc0\xf5(\xf56O&gt;\xf9\xe4\x0b/\xbc`4\x1a\x95\xac\x0b\xcc\x07\xccJO~\xf7\xa3\xb7\xdbuhWUY-\x8a\xa2m:z\xa2(\xd6T\x1b5\x1a\xcd\x1b\xab\x17g\xac\x98\xa7\xd3{1\xc6\x04QP\xa6\xa3\xa7N\x9d\x1a\x13\x13\xa3$\xa9\x9cq\x90\x07\xa3\xab\xd2\xd2\xd2e\xcb\x96)\x8b*d&amp;\x8f\xff\xd7\xd8\xae!A\r\xf5\r\x0e\xd5\xa7\xe68\xae\xa1\xbe\xa1kH\xd0\xf8\x7f\xfd^\x12*\x08\xc2\xb2e\xcbJKK\xb1$\x149,L\x01]\xdb\x8d\xec\xe6\xbf`y\xda\xc3\xe1\x0fVUV\x13{$[ 1\xe5\xe7\xef\xf7\xd3\xb1\x9f\x12\xff\x95\\\xf4\xdd\x7f[\xda7\x828\xe1\x01\x93\xd0\x80\xc6\xc5\xc5egg+I\x95\xce]\xef\xca9\xb0U\x96\xaf\x14\x86\xda\xfb\x1a\xff\x00.\x89\xe3Ht\x9f!\xa7K\xce(\t\xab\xd8\xd8\xd8\xcd\x9b7\xbb\xd8\xcc\xfc-\x93\x9bN\xc0n\xd6\xec@I\x9b\xa3\xfdM\xd5\xc0\x99\x1a\x05\x9b\xb1A\x99\x7f\xebAb\xaa\xb2\xa2\xb2KpP\xd6\xf6\x0f\x9f}i,\xa4\x83\x941\n\x14\xaaN\x9d:U\x19\x19\xd8\xfe"o\r4\x97\xf9\xf9\xf9\xd0\xfaC\x16N\x96\xe5Y\xe93\xbdt:\xa5\x12\xd4\xa1@s\xef\xa5\xd3\xcdJ\x9f\xa9$\xe5`\xf3"\xcb\xad\xebT\x08&gt;20\x12\x85\x87V\x10\x04\xf1\x8f\xa0h\x02j\xacq\xb4dK8\x02\xf8\x83\x9b\xdb\xcd\xff\xb2\x19\xceo\xb1/\x98v\xf6\xf5\xf3\xc9\xfa\xe0\x93\xd7\x92\xd2/\x95\x957\xdb7"&lt;&lt;|\xcd\x9a5!!!Nq\xc0$t\xf6\xcdfsxxxQQ\x91\xd2\x95\x0e\x8f\xea\xfb\xf1W\x1b\x8c5&amp;G\x1e\xca0\xc6\xf4\xde\xbaQ\x7f\x1fS\xb0{\xbf2p\t\r\r-((\xd0h4j\x9b\rV\x96.*\xdf\xb9t\xe9\xd2\x993g.\\\xb8p\xe9\xd2\xa5\xda\xdaZJ\xa9F\xa3\t\x08\x08\xb8\xfd\xf6\xdb\xbbv\xed\xda\xa9S\'\xf81\xa7xP]\x03\x06\x80\xdf\xd9\xb1\xcc\xbf\x95 n\xf9\xb7\xf3?[z6\xf1\xa5\xe4}\xbb\n\x9a-\x14\x08\x08\x08x\xf3\xcd7G\x8f\x1eM\x1c~\xa1\x00\\\xde\xbau\xeb\xc6\x8f\x1f\xafd\xffy\x9e\xffr\xef\x96{z\xdc]W[\xe7\xe0\x01\xc0\xd3\xcb\xf3\xc7\xa3?\xfd\xdf#\xc3a\xb3\x10x\x0bk\xd7\xae\x1d7n\x9c\x83\xdfy+\x82\xc8\x07\x7f\xa9\xba\xba\xba}\xfb\xf6}\xfd\xf5\xd7\x05\x05\x05\'O\x9e\x84\x93\x9c\xaf\xa6\xd7\xeb{\xf4\xe81l\xd8\xb0\xa7\x9ez\xea/\x7f\xf9\x0bq\xc2\xbc\xa53\xc2\x00pE+w\xf3w\x04\x92$yxz\x08\x02\xbft\xde\xf27\x17\xbfM)\x15D\x81J\xbf\xbf\x85\xe7\x9f\x7f~\xe9\xd2\xa5z\xbd\xdea\xb7*\x83\x86\xa3\xba\xba\xfa\xde{\xef-++\x83F\x84R\xfa\xf4s\xa3\x17\xff\'\xa3\xb2\xbcZt\x80!\xd7\xf5I\x12\xf5o\xe7;\xed_\xc9\x1f\xbe\xbfI)\x16\xe8\xd0\xa1\xc3\xb1c\xc7|}}U5\x088|\xf8\xf0\xfa\xf5\xeb\xb7l\xd9RZZ\xaa|\x13\xd2\xfd\xf0?\xe0;\xf0GW2?\xbe\xbe\xbe\x93\'ONII\xd1j\xb5\x18\x03\xda\x1a\x06\x00\x07*\xf3o=\xf8\x14\x05\xb4\x0f\xc8\xfff/\x1c0\xa9\x1c\x9b\xae\x1c0\xb9z\xf5\xea\xde\xbd{;\xe6(\x1b"\xee\xacY\xb3\xd2\xd3\xd3\x95Ywo\x1f}^Q\x8e\xaf\xaf\xaf\xd9lv\xb4\x0b\xbe\x9a,\xcb\x1a\x8d\xa6\xba\xbaz@ht\x8d\xc1H\x9a\xee|JJ\xca\xbcy\xf3\\~\x10\x00\x01\xef\xc4\x89\x13\xb3g\xcf\xfe\xec\xb3\xcf`\xe6\t\xc6p\x90\x11R~\x12\xfe\x94\xf0\x1d\x98\x1e\x80\x07\x12\xfeI\xbf~\xfd\xb2\xb2\xb2:u\xea\xe4\x80\x13\xfe\xae\xc4q\xdb2\xdbp\xa82\xff\xd6\x83O\xda\xa5\x0b\x97\xfaD&lt;\xfc\xf9\xae\xec\xbf\x0f\x8bQ&amp;\xdf`n\xa3\xa8\xa8(22r\xc5\x8a\x150\xed\xe6P3\x93\x10qO\x9e&lt;\xb9h\xd1"h/`\x03\xd4\xc93^\xbe\xed\x8eN\r\r\x8eU\xfa\xd9\x12\x8e\xe3\x1a\x1a\x1an\xbb\xa3\xd3\xe4\x19/\xc3\x08\x06\xde\xc8\xa2E\x8bN\x9e&lt;\xe9\xf2%\xa1\xf0\xb0\x19\x0c\x86\xec\xecl\x18h\xc2\x1dP&gt;h\xc4\xa2\xcb\x0f!\x01\xe6\t\xe0i\x84\x8c\xabF\xa3\xd9\xb7o_LLLuu5\xfc\x80\xbd\xdf\x96\xcbR\xf5\x08\xa0\x8dv\xf3w\x04T\xa2n\xeenZ7\xed{o\xad}}\xee\x92\xba\xda:H\x07\xc1\xa7\x91\x102r\xe4\xc8\x95+W\x06\x04\x048N:\x08\xee\xfc\xc8\x91#7o\xde\xdc4\x83\xca:w\xed\x9c{p\x9b\xcc\x18\x93e\xceQ6\x7f\xf8\x132\x91y\x8e\xe3x~\xd0\xc3\x83O\x97\x9c\xe68\x1eZ\xb7\xb8\xb8\xb8\xac\xac,5\x0c\x02x\x9e\x7f\xe2\x89\'&gt;\xfb\xec3%\tf\xd9\xd5\xf0\xf4\xf4\xd4\xeb\xf5\x9e\x9e\x9e\x84\x10\xa3\xd1X^^\x0e\xdf\xb7\xac\x95\xd2h4f\xb3y\xd4\xa8Q\x9b6mr\xf9;fG\xea\r\x00\xd0Uq\xd82\xff\xd6\x83\xeeU\xbb\x0e\xed~8P8\xed\xa5d\xcb}#`\xb6\xa3[\xb7n\xcb\x97/\x87\x85\x02v\xa7\x94~FEEY\x86\xe1\xf7&gt;^\x153t\xa0\xa1\xba\xc6\xb9\x9a\x00J\xa9\x8f\xaf\xf7\xf6/v\xfcsT\xbc\xe5\xdb\xd9\xbd{wdd\xa4k\xb7h\xcanHQQQ\xa2(\x9a\xcdfB\x88\x97\x97WdddtttXX\xd8]w\xdd\xe5\xe3\xe3\xa3\xd5j\t!\xf5\xf5\xf5g\xcf\x9e\xdd\xbbw\xef\x9a5k\n\x0b\x0b\x95\x0e\n!\x04\xea\x17v\xee\xdc9`\xc0\x00\xd7\xbecv\xa4\xd2\x00\x00\x85\x86\xe9\xe9\xe9\xf3\xe7\xcf\x87.0\x8c=\xe1n\x8c\x1a\x13;\xe7\xf5Y\xde&gt;zCu\x8d\x83\xf4\x8eo\x99\xd9l\xf6\xf1\xf56\xd6\x98\xe6\xce\x98\xf7\xf1\x86lB\x08\xbcM\xe5\x80\xc9W_}u\xd6\xacY6[\xc6|MJN\xe0o\x7f\xfb\x9b\xd3\x95~\xb6\xa4\xa5\x92\xd0o\xbf\xfd\x16\x92\xddN\x91\xd1\xba50\x08x\xf8\xe1\x87\xbf\xfb\xee\xbb\xd0\xd0\xd0g\x9eyf\xf8\xf0\xe1\x9d;w\xbe\xce?\xa1\x94\xce\x9b7/55U\x19\x07\xc0\xf4\xd5\xd0\xa1C?\xfb\xec3\x9c\rn#*\r\x00\x90\x94\xbc\xef\xbe\xfb~\xfa\xe9\'\x18lB\xb3\xe8\xeb\xe7\xfb\xda\xe2WG&lt;\xe5@e\xfe\xadG)\xd5h5\x9e\x9e\x1e\x9fl\xfc\xec\xd5i\xafUWU\xc3\x9b\xd5h4\x92$u\xef\xde\xfd\xf0\xe1\xc3\x82 \xd8\xf1\x03\x06\xfd\xbb\xb7\xdezk\xe2\xc4\x89J\xfeM\x10\x85\xad\xf9\x9f:~\xe9gK\x94\x92\xd0!\x91OP\x89*5\x05o\xbe\xf9\xe6\xcb/\xbf\xec\xda]Zxw\xbbw\xef&gt;\x7f\xfe\xfc\xe8\xd1\xa3!\xd4A\xd2\x9fk\xa2\xfc0\xc4~\x98\xbe\x9a:ujff\xa6\xe5\xea?__\xdf\x9f\x7f\xfe9  \x00g\x83\xdb\x82\xf3}\xae\xac\x821\xa6\xd1h^|\xf1EB~\xdfW\xa0C\xc7\xf6\x9b\xb7\x7f8z\\\x9c\xa1\xba\x86J\xd45Z\x7f\x02\xa9U\x89\x1a\xaakF\x8f\x8b\xdb\xbc\xfd\xc3\x0e\x1d\xdb\x93\xa6q\x80,\xcb/\xbe\xf8\xa2F\xa3\xb1\xe3\xcc$\xcc\x94VUU\xcd\x9e=\x1b2\x00\x90\xaa\xfa\xe7\x84\xf1\xbd\x1f\xb8\xdfdt\xca\xee?!\x84\xe7y\x93\xd1\xd4\xfb\x81\xfb\xff9a\xbc\xf2\xa6x\x9e\x9f={vUU\x15\xcco\xdb\xfb\x1a\xdb\n\xc4\xb6\xa8\xa8\xa8\'\x9f|\x12\n{\xe0\xbd\xc3\xa2_e\x00\x04\xe0\xfb\x84\x10\xc6\xd8\x9c9s\x02\x02\x02\x94\xd6\x9f\xe3\xb8\xea\xea\xea\xe3\xc7\x8f\x13W?\xf7\xd4^\x9c\xf2\xa3\xd5z\xd0\xa6\x0c\x1e&lt;X\xab\xd5*\xf3NF\xa3I\x10Ec\x8d\xc9\xf5\x86\xe7\xf0\x8e\x8c5&amp;A\x14\x8dF\x13|\x93R\xaa\xd5j\x07\x0f\x1eL\xec:\xc9\x01\xbdBh\x16\x95\xd2\xc0\xf6\x1d\xda\xbd0\xe99\x93\xb1\xd6\xa9\xbb\xc9\x82 \x98\x8c\xb5/Lz\xae}\x87v\xd0\xdcs\x1c\x07\xa1\x0e\x96\xe9\xd9\xfb\x02\xdb\x16\x8c\xb3!\xdf\xf8\xa7\x0f\x18DD__\xdf\xf0\xf0p\xd2\xf4@\xc2\x7f\x7f\xf9\xe5\x17r\xd5\xf6A\xc8*\xd4\x1b\x00\x18c\xc1\xc1\xc1\xbd{\xf7\x86\x1e\xa8 \x08\xf5u\xf5;\xb6}\xa3\xf3\xd6\xb9\xe4\'\x931\xa6\xf3\xd6\xed\xd8\xf6M}]=\xf4\xc2dY\xee\xdd\xbbwpp\xb0\x1d\x13\xac\xf0\xd2\'N\x9cX\xb5j\x95r\xae:c\xec\x95\x94)w\xdcy\xbb\xb3\x94~\xb6\x04JB\xef\xb8\xf3\xf6WR\xa6\xc0;\x857\xb8j\xd5\xaa\x13\'NXNx\xba$\xf8X\xdd\xf8_\x10\x86\xa4w\xddu\x17iZ%\x00\xff5\x1a\x8dmw\x91*\xa7\xd2\x00@\x9a\x9a\x9e\xb8\xb88\xd2\x94\x0f!\x84\x1c\xdc\xf7\x9d\xd9l\xe68\x17\xbc-\x1c\xc7\x9b\xcd\xe6\x83\xfb\xbe#\x16Y\xaf\xb8\xb88\xfb6Cp%\x93\'O\x86Ix\xb8\x98{\xef\xffk\xec\xd3\xc3\xab\xab\x0c\xce&gt;\x03O\x08\x11E\xb1\xba\xca\x10\xfb\xf4\xf0{\xef\xff+&lt;r\x90\x12\x99&lt;y2\x87\x07\xc7_\xe5\x9a\xf7\xc4\xa9G\x81\x0e\xce\x05[\xba\x1b\x04-`TT\x14\xf4\xcb\xa0\x11&lt;\xb8\xff\x873%g\xdc\xdd\xdd\\\xec\x93)\xcb\xb2\xbb\xbb\xdb\x99\x923\x07\xf7\xff@\x9a\xc6\xe6&lt;\xcfGEE\x11\x8bE\xf96\x06S\x85\xb9\xb9\xb9\xb9\xb9\xb9\x96\xf3~\xc9\xa9\xd3`\xd7O\xbb\\\x95\xd5\xc1.\xa1\xc9\xa9\xd3,w\t\xb5|\xd7\xf6\xbe@G\x01\xcf\xe1\xb9s\xe7\x88\xc5\naBH\xbbv\xed\x88\xfd\x9eR\xd7\xa6\xde\x00\x00\x95y=z\xf4\x08\x0e\x0eV6\xaa\xad5\xd5\xee\xcd+\xf0\xf4\xf2p\xb1\x8f%\xa5\xd4\xd3\xcbco^A\xad\xa9V\xd9z788\xb8G\x8f\x1e\xcd\xf6k\xb4\x19\xb8\xe7\x96}ah\rc\x86\x0e\xea\x1f\x1dY]U\xed2\xfd&gt;A\x10\xaa\xab\xaa\xfbGG\xc6\x0c\x1d\x04\xad\x7f\xb3q\x8f\x8b\xf56n\rdb/_\xbe\xfc\xc3\x0f?\x90\xa6\xa6\x1f\xfa\x04]\xbbv%\x18\x00\xda\x86z\x03\x00!\x84R\xea\xe6\xe66l\xd80b1\x0b\xba}k.\xa5\xd4\xc5\xb2@\x1c\xc7SJ\xb7o\xcd\x85/\xe1\xcd\x0e\x1b6\xcc\xcd\xcd\xcd^\xa1\x0e\xf2!J6\x1c\xf2\xbf\x1a\xad\xe6\x95\x94)\x8c2\x17\xfb\xb4s\x1c\xc7({%e\x8aF\xabQv\xcaTf&gt;\\{&amp;\xe0\x06A[\x9f\x9d\x9d}\xf6\xecY\xa5b\x8a\xe3\xb8\xce\x9d;w\xeb\xd6\x8d`\x00h\x1b.\xd5\xcc\xdd,x\xa4F\x8c\x18\x01\x1fB\xf8\x1c~\x7f\xa0\xf0\xb4ke\x81 \xffs\xba\xe4\xcc\xf7\x07\nIS96\xcf\xf3#F\x8c v\xfa\\A\x17\xd8\xb2\x1e\x06\xfe\x04\xff\x9c0\xfe\xbe\xd0\x9eF\xa7-\xfdl\t\xcf\xf3F\xa3\xe9\xbe\xd0\x9eP\x12\no\xd6\xb2\xf6\xc9e\x1e\xb6[\x03\x1bU\x95\x95\x95%\'\'+w\x03\xba\x05qqqnnn0T\xb2\xf7e\xba \x97\xfa\x98\xdd,\x18\x8c+\x950\xae\x9a\x05\xba:\xffcY\x01e\x97LK\xb3\x8ax\xf8N\xbb\x0e\xed^\x98\xf4\\\xad\x93\x97~\xb6D\x10\x84Zc\xed\x0b\x93\x9ek\xd7\xa1\x9d\xb2\xe9\x88\xe5\xea\x07{_\xa0\xdd@Z\xac\xb6\xb6v\xc4\x88\x11\xbf\xfe\xfa\xabe\x87\xc0\xdb\xdb{\xf2\xe4\xc9\xca\xd1\x02\xc8\xea\xd4~[\xa1\x16\xde\xb5\xb3@-\xe5\x7f,\xd7@\xd8\x12|\xbc\x0b\x0b\x0b\x95\x04\x08\xf4\xf5\x12g%\xb8@\xe9gK\x94\x92\xd0\xc4Y\t\x96\xbb\x84\xaeZ\xb5\xaa\xd9\x1e8\xaa\x02\xc7\x97VTT\xfc\xfd\xef\x7f\xdf\xb7o\x9f\xe5vU\x8c\xb1\xd7_\x7f\xfd\xf6\xdbo\xc7} \xda\x8e\xdao\xeb\xf5\xb2@\x1e\xae\x90\x05\x92e\xd9\xdd\xc3\x11\xf3?\x89\x89\x89J\xe9\'\xa5\xf4\xc1&gt;aO=;\xb2\xb2\xa2\xca\x05J?["\x8abeE\xd5S\xcf\x8e|\xb0O\x98r\x1e\x83$I\x89\x89\x89\xea\xcc\x02\xc16\\?\xff\xfcs\xff\xfe\xfd\xf7\xec\xd9\xa3\x9c]\x01\xbb\xb3\xbc\xf0\xc2\x0b\xf1\xf1\xf1\xae\xbdg\x86\xdd\xa9=\x00\xb4\x94\x05\xda\xb3s\x9f\x87\xa7+d\x81(\xa5\x1e\x9e\x1e{v\xees\x90\xfc\xcf\xd5G\xa5C&lt;\x98\x92&lt;Q\x14E\x97o\x04aY\xec\x94\xe4\x89\xd0\xe2+{\xa0fgg\xab\xad$\x14\xf2\xfeyyy\x8f&lt;\xf2\xc8\x91#G`\x87Z\x8e\xe3`\x03\xd11c\xc6\xacZ\xb5\n\xc2\xa4\xbd\xaf\xd4\x95\xe1\xcd\xbdv\x16h\xe7\xf6]2s\x85Z\x14\x8e\xe3d\xc6vn\xdf\x05_\xda7\xff\x03\xa9\x0f\x83\xc1\xa0\xcc\xf5\xc1\xf1;#\x9f\x191p\xf0\xa3\xd5U\x06\x97\xef\xeb\t\x82P]e\x188\xf8\xd1\x91\xcf\x8c\x80\x13\x9b!\xfe%\'\'\x1b\x0c\x06\xd7\xde \xc8\x12D\xbe\xff\xfc\xe7?\xd1\xd1\xd1\x17.\\Pv\x00\x84!\xd1\xa4I\x93\xd6\xaf_\x0fO\x8b\x0b|\x06\x1d\x19\x06\x80\xdf\xb3@\x90v\x84O\xe0\xe1\xa2#e\x17.i\xb5Z\xa7\xfe@\xca\xb2\xac\xd5j\xcb.\\:\\t\x84X\x1c~i\xc7\xfc\x0f\xa4\xc2+**H\xd3\xd2\x7fBH]]}\xe3e\'8\xee\xd1*8\x8ek\xbcl\xae\xab\xab\'\x16w\xa0\xa2\xa2\xc2U\'?\xae\x06\xad\x7fjj\xeaK/\xbd\x04\xed&gt;|\x07\xf2\x93\xaf\xbf\xfe\xfa\xf2\xe5\xcb\x95}C\xed}\xb1.\x0e\x03\xc0\x95Nq\xcf\x9e=;v\xec\x08\x01\x80\xe7\xf9\xb2\x8b\x97\x0e\x16|\xef\xe9\xe5\xe1\xd4Ss\x8c1O/\x8f\x83\x05\xdf\x97]\xbc\x04\xbdK\xc6X\xc7\x8e\x1d{\xf6\xecI\xec\xb1\x01\x1c\</t>
        </is>
      </c>
    </row>
    <row r="182">
      <c r="A182" s="1" t="n">
        <v>180</v>
      </c>
      <c r="B182" t="inlineStr">
        <is>
          <t>grid_number_color</t>
        </is>
      </c>
      <c r="C182" t="inlineStr">
        <is>
          <t>What is the missing color if the part denoted with the question mark has the number 7?</t>
        </is>
      </c>
      <c r="D182" t="inlineStr">
        <is>
          <t>['blue', 'green', 'yellow', 'red']</t>
        </is>
      </c>
      <c r="E182" t="inlineStr">
        <is>
          <t>green</t>
        </is>
      </c>
      <c r="F182" t="inlineStr">
        <is>
          <t>There is a 3x3 colored grid of numbers. The first row has number-color pair [(7, '?'), (7, 'green'), (4, 'yellow')], the second row is [(9, 'blue'), (9, 'blue'), (7, 'green')], and the third and final row is [(1, 'red'), (4, 'yellow'), (1, 'red')].</t>
        </is>
      </c>
      <c r="G182" t="inlineStr">
        <is>
          <t>We observe that the grid cells with number 9 is blue in color, the grid cells with number 1 is red in color, the grid cells with number 4 is yellow in color, and the grid cells with number 7 is green in color. Thus, the pattern is that the grid cell with the same number will have the same color.</t>
        </is>
      </c>
      <c r="H182" t="inlineStr">
        <is>
          <t>Based on the pattern that the grid cell with the same number will have the same color, the missing color of the part with 7 should be green.</t>
        </is>
      </c>
      <c r="I182" t="inlineStr">
        <is>
          <t>b'\x89PNG\r\n\x1a\n\x00\x00\x00\rIHDR\x00\x00\x02\x00\x00\x00\x02\x00\x08\x02\x00\x00\x00{\x1aC\xad\x00\x00t\x88IDATx\x9c\xed\xddu|\x14\xd7\xda\x07\xf0\xe7\x9c\x99Y\xdf\xb8\x91\x90\x10\xdc\xdd\xdd\x9dBK\xfd\xb6\x85\xba\\\xa8\xbb\xbb{{\x0b\xa5\xa5\x02\x85\xb6\xb4X\xa1P\xac8\x14ww\x12 \xae\xab\xb33\xe7\x9c\xf7\x8f\x81\x94\xb7\x8al\x92]\xf6\xf9\xde\xfb\xe9\x87\xd8f\xb2g\xe6\xfc\x8e\xcd\x19"\x84\x00\x84\x10B\x91\x87V\xf7\x01 \x84\x10\xaa\x1e\x18\x00\x08!\x14\xa10\x00\x10B(Ba\x00 \x84P\x84\xc2\x00@\x08\xa1\x08\x85\x01\x80\x10B\x11\n\x03\x00!\x84"\x14\x06\x00B\x08E(\x0c\x00\x84\x10\x8aP\x18\x00\x08!\x14\xa10\x00\x10B(Ba\x00 \x84P\x84\xc2\x00@\x08\xa1\x08\x85\x01\x80\x10B\x11\n\x03\x00!\x84"\x14\x06\x00B\x08E(\x0c\x00\x84\x10\x8aP\x18\x00\x08!\x14\xa10\x00\x10B(Ba\x00 \x84P\x84\xc2\x00@\x08\xa1\x08\x85\x01\x80\x10B\x11\n\x03\x00!\x84"\x94\\\xdd\x07\xf0;!\x84\x10\xa2\xba\x8f\xe2\x92B\x08!\x84T\xfd\xef\xc5\xa2\x0c\xbaj)J\xa3\x10\xb1(\x83\xc8(\xc4j\xb9*\xff\x12\xa9\xde\xd2\x15Bp\xce\x85\x10\x94RJ\xb1;R)\x18cU\xf0\x0es\xce9\xe7\x84\x10I\x92*\xef\xb7D2!\x04c\x8c\x10B)\xad\xbc\x1a\xc4\x08o,\xcaJUqIVW\x13\xadB\xb5\x05\x80Q\xef\x9f}\x86y&lt;\x9e\xbc\xbc\xbc\xbc\xbc&lt;J)6:.\x1e\xa5\xb4A\x83\x06QQQg\xd7\xfb\x8c\xb1\xe0V\x1f\xa7+\x0bJ(\xf9\xfd\xb7x=\xdeC\x07\x0fk\x01\r\x08\x00\x96\xe4\xc5 \x04\x84pF9\xd33\xd2\xad6K\xc5\xa7\x19c\x00\x10\xdc\n\xda\x08\x18Y\xfe}T@U\xb5\xe2\x92\xd2c\xc7O\x12\x82\xfd\x80\x8bE\x08\x11\x022k\xa5\xc5\xc6\xc6X\xccJ\xc5\xe7u]\x97$\xa9\xbab\xa0\x1a\x02\x80s\x0e\x00F\xadTTT\xb4r\xe5\xca\xc5\x8b\x17\x1f:t\xa8\xa8\xa8H\xd3\xb4\xd8\xd8X\xe3\xe4F\x17\x83\x10\x12\x08\x04TU\xb5\xdb\xed\xc9\xc9\xc9\xed\xdb\xb7\x1f4hP\xeb\xd6\xad\x8d\xaf\x06+\x06\x18c\x15u\xd0\xc1\xfd\x87\x16/Z\xf2\xdb\xba\xb5G\xb3\x0f\x97\x96\x97x4\x97b\x918\x17\xa1\xd2\xd7\r[D"\x9a\x879,QIq\xc9\xf5\xeb4\xec\xd9\xa3g\xef\xbe\xbdSR\x93\xe1Lk\xfd\xe2;vF\x8a\x1bE\xe9\xf7\xab\x1b6m\xff\xe5\x97\x85\xdb\xb7o*\xca;\xa2\xfa\\16\x95\x10\xcc\xf1\x8be\xb4\x85J=&amp;\xb3%*&gt;\xb9v\x8b\x96\xed\x07\x0f\x1e\xd0\xa1}+\xab\xc5\x0c\x95\xd02;\xd7\xa3\xaa\xca\x008\xfb&lt;[\xb7n\xdd\x84\t\x13\xb6l\xd9R\xbbv\xedN\x9d:\xb5l\xd9\xb2~\xfd\xfa\x0e\x87#&gt;&gt;\xde\xe8~V\xd9Q]\x92\x08!\x9a\xa6\xe5\xe5\xe5\x95\x96\x96\xee\xd9\xb3g\xfd\xfa\xf5\x9b7o\x96$i\xe8\xd0\xa1w\xdeygll,\xfc\xff\xea\xfb|q\xce\x8dzGU\xd5\xef\xa6L\xfbn\xda\xd4#\xb9\x07\x12\xea:\xeb\xb4HO\xaf\x97\x1a\x1d\xef\x8c\x8eu*\x16E\x08\xc0\x82\xbc\x18\x02\x04%\xd4\xe3\xf2y\\\x9e\x82SE\xd9\x07r\x8e\xee8\xe9:\xa9\xb6k\xd6\xe9\x96\x9bo\xe9?\xa8\x1f\x00\x18\xd7\xcb\x05_2\x15\xa7\xc1\xa1#\xc7?\x1d?q\xc5\xb29q\xb6\x92.\xad\x9c\x1d[$7o\x98\xe4\xb4\x9b\xa3\x12\x1d\x80\xd7cP\x08Q^\xe0vy\xd4]\xfb\xf3\xd7\xed\xcc\xffm[y\x91\'\xa6G\xef\xe1\xf7\xdc}G\xbd\xba\xb5\xe0\xe2.\xc9\x0bSu\x01PQel\xd8\xb0\xe1\x89\'\x9e\x90$i\xe0\xc0\x81#G\x8e\xac]\xbb\xb6Q[\xa9\xaa\xca\x18\xd3u\xbdj\x8e\xe7\x92G\x08Q\x14E\x96e\x8b\xc5B\x08\xf1x&lt;\xeb\xd6\xad\xfb\xfe\xfb\xef\xb7n\xdd:`\xc0\x80g\x9ey\xc6f\xb3\xe9\xba~v\x97\xff\x1cU\xfc\xd4\xa7\x9fL\x187\xf1\x7fJ\x12k7\xa0i\xf3N\x8d\xa2b\x9d\x9c\x89@@c:c:\x13\x1c\xab\xff`\x10@%J%\xaa(\xb2bV\x84\x10Ey\xc5\x9b\x97\xef\xdc\xbd\xf2\x88]\x8b{\xee\x99\xe7\x07\r\x19\x08\x17TwTt \xb2O\x9cz\xe2\x89g\x8f\xec\xfd\xb5OG\xdb\xe8\x91M\x1b4J\x06\xab\t\x02\x0cT\x1d\x18\xe7\x1a\xc7\x81\xbc !T\xa1 Q0\xcb`\x92\xc0\x178\xb0?o\xf2\xcc=K\xd7{2\x1b\xf6}\xf3\x8d\x97\xd3\xd3S/2\xce\xcf\xfb\x80\xaa&amp;\x00\x8c*\xc3\xeb\xf5\xdes\xcf=\xdb\xb6m{\xf4\xd1G\xaf\xbc\xf2J\xab\xd5\xear\xb9TU\xad\x98\x0f\x81P\x9a\x1f\xbf\x04\x18\x85[1\xdd\xe2p8L&amp;\xd3\xa1C\x87\xde}\xf7\xdd\x15+V\xbc\xf0\xc2\x0b\xd7\\s\x8d\xf1=\xe7\xfe\xb6\x1b\x15\xcd\xba\xdf\xd6\x8f\x1d3F\x8fu]vg\x9fz\xcd2\x99\xce|\x1e\x95\xe9\x0c\x08\x10B\x08\x10\xac\xfa\x83K\x88\xd3\x156\x00\xc8\x8alsZ\x19c\xdbW\xef\x99\xff\xc5\xca\xa6\xa9\xad\xc7M\x18\x9f\x96\x96z^q^\xd1 {\xf1\xe5\xb7\xa6M\xfe\xf0\xf6\xabR\xee\xbe\xa9\xb5-%\n\\*\xf7i\x9c\x0bB\t=}IV\xde\x9f\x15q\x8c\xea\x96\x1b\xd1K\x08\xb5*\xe04\xfb\xf2\xca\xc7\x7f\xb3u\xe2\xf4\xdckn\xbc\xef\x85\xe7\x1e\x87\xb3J\xa7\xb2UE\x00\x18\xe7\xe5\xe6\xcd\x9bo\xba\xe9\xa6\x01\x03\x06\xbc\xf8\xe2\x8bQQQ\xc5\xc5\xc5\xc6p\x10\xd6\xf8U\xc6X\xa8c\xb5Z\x1d\x0e\xc7\xea\xd5\xab\xc7\x8e\x1d\xdb\xa5K\x97q\xe3\xc6\xc1\xb9\x9dp\x15\r\xc6\xf7\xdf\xf9\xe0\xedO^\xbfll\xcf.\x83\xda\xaa&gt;\xcd\xe7\xf5\x13B(\xc5r\xac:\x9cq \xc4\xee\xb4\n!\xe6MZ\xbam\xce\xe1\x8f?\x187l\xf8\x90s\xcc\x00#\xc5\x8b\x8aK\xae\xbbn\xb4]_?\xee\x8d\x01\xa9u\x12\xa0\xd4\xa7\x07\x98$U\xf3\xba\x94\x88"\x84`L\xc8\x8a\x04\xb1\xd6\x9c\xa3E\xff}b\xa1\x8bv\xf8\xfe\xfbI\t\xf1qU3\x1cT\xe9\x01\xa0i\x9a\xa2(\xd3\xa6M{\xf4\xd1G?\xf8\xe0\x83\x91#G\x96\x96\x96j\x9av\x01#\x0f((\x84\x10\xba\xae\xc7\xc6\xc6j\x9av\xe7\x9dw\x1e=zt\xd1\xa2Ev\xbb\xfd\x9f3\xa0\xa2\xf6\xbf\xe1\xba\x1b\xd7\x1dZ6\xe6\xadQqI1\xe5\xc5.B\xb1\xbe\xa86\x9c\x0bB &amp;!z\xef\xa6\x83\x9f?\xf5\xc3\xa3\xf7&lt;\xf5\xd8\x93\x8f\xfek\x06\x18\xdf\xb0{\xef\x81\x11\xc3\x06\xdeyU\xf4c\x8f\xf6\x01\x97_\xf7i\x92\x8c\x19^=\x04\x00\xd3\xb9lU \xca\xf2\xf6\xdb\xcb&amp;\xfcP:{\xee\x82fM\x1b^\xd8\x08\xedy\xa9\xdc\x000\xfe\x80)S\xa6\xbc\xfe\xfa\xeb?\xff\xfcs\xed\xda\xb5\xf3\xf3\xf3eY\xc6*\xa3\xda\x19\xed\x8b\xd8\xd8\xd87\xdf|s\xc6\x8c\x19\xbf\xfe\xfa\xab\xd3\xe9\xfc\xbb\x0c\xa8\xa8\xfd\xaf\xbb\xea\xfa\xa3\xfa\xce1\xaf\x8f\xf2\x94\xfb\x02\xaa&amp;Ix\xebF\xf5c:\xb3G\xd9\xb4\x80\xf6\xd6]\x13\xee\xba\xea\x81\'\x9ey\xfc\x1f*\x0e\xa3\xdcw\xec\xdcw\xd5\xe5\xfd?{\xa5Y\xaf\xc1M\xf5\x9c2\x89\x10\x82\x95\x7fu\x13\\0.\xe4\xd4\xe8\x95\x0bv\xdf\xfe\xf4\xae\x1fg-j\xd9\xa2qe\xf7\x03*1\x00\x8cC\x9f6m\xdaK/\xbd\xb4p\xe1\xc2\xc4\xc4\xc4\xb2\xb22EQ\xfe\xfd\'Q\x950\xba\x02IIIo\xbf\xfd\xf6\xacY\xb3\x16-Zd\xb5Z\xff\xbc\x16\xadby\xf8\x7f\xae\xbd\xe1\x88\xb6c\xec\xeb7\x97\xe4\x97\x1ac\xfd\xd5u\xe4\xe8\x0f8\xe3\x8aY\x91d\xe9\xb5\xdb&gt;\xf9\xef\xb5\x0f?\xf6\xe4#\x7f\x99\x01F\xc0\xef\xdes`\xe4\xf0~_\xbe\xde\xbck\x9f\x86ZN\xb9b\xc2\xbb\xbdB\x88\x16`JJ\xd4\xda\xe5\xfboyb\xc7\x8c\x9f\x964k\xda\xb0R\xe7\x03*+\x00\x8c\x83\xde\xb6m\xdb\xd0\xa1C\xd7\xacYS\xa3F\x8d\xf2\xf2r\x1c\xf6\tA\x81@ 99\xf9\xb1\xc7\x1e\xdb\xbd{\xf7\xbcy\xf3\x8c!\xbb\xb3\xbf\xc1\xa8J\x9e|\xf4\xa9Y\xbfMy\xee\xeb\x07\nO\x15\x13J\xb1\xf2\x0f5\x9c\x0bE\x91$Ez\xf2\xf2\xb7\xbf\xf8\xe0\x9b\xcb\xaf\x1c\xf1\x87\xc6\xa3\xb1\x08\xdb\xe7\xf7\xb7n\xd5\xf6\x93\'\xd3\x06\\\xdeZ;U\x8a\xb5\x7f\x08\xd24\xa6\xd4\x88^\xf2\xd3\xf6\xbb_\xcb\xde\xb6u\x8b\xcdf\xad\xbcuA\x95\x12,\xc6\x88\x81\xc7\xe3\xb9\xfe\xfa\xeb?\xfe\xf8\xe3Z\xb5j\x95\x95\x95a\xed\x1f\x9aL&amp;SAA\xc1[o\xbd\xe5\xf5z\xdf|\xf3MEQ\xce\xbe\x11\xcfh\xfb\xcf\xffy\xc1\xc4\x1f\xc6?\xf8\xde\xed%\xf9e\xa4\x1a\xeeVA\xff\x8eR\xa2\x05tB\xc8\xbd\xef\x8f\xba\xe7\xbe;\xb3\x8egSJ\x8d\x9b.\rF\x1e\xdc4\xfa\xce\xff\xf4\x85\x01#\xdb`\xed\x1f\xb2\x14E\xd2N\x95\xf5\x1b\xd9\xfa\xc6\xfe\xf4\x86Q\xb7\xff\xa1\x1c\x83\xabRz\x00\xc6\xa96j\xd4(\xa7\xd3\xf9\xc9\'\x9f\xe4\xe7\xe7\xe3\xc8O(\xe3\x9c\x9bL&amp;\xb7\xdb\xdd\xb1c\xc7\x9f~\xfa\xa9U\xabV\xc6\x02-#\xc8\x8b\n\x8bZ\xb7k=\xea\xf5\xa1u\x9adx]~*a\xf5\x1f\xba\x98\xce\xe2\x92b\xe6~\xbd$o\xad\xbab\xd52\xc6N\xdfwi\\\x92\x9f~&gt;\xf9\xdb\xf1cW.\xb8M/\xf2\xc8X\x8e\xa1MgBN\xb0\xf7\x1c\xf4\xe5uw~x\xcf]7W\xd2d@\xf0{\x00\xc6\xe0\xcf\xe6\xcd\x9b\xd7\xaf_\xff\xfa\xeb\xaf\x97\x96\x96b\xed\x1f\xe2(\xa5~\xbf\xbfF\x8d\x1a\x8f?\xfe\xf8c\x8f=V\xd1\xc27nO\x7f\xed\xe5\xd7ku\x8co\xda\xbe\x81\xa7\xdc\x8b\xb5\x7f\x88\x93d\xa9\xa4\xa0l\xe8\xa8\xbe\xc7\xca\xf6\xfd8m\xa6$I\xc6\xbec\x84\x10\x97\xdb\xf3\xde[/~\xf6Z\x7f\xa1j8\xe3\x1b\xfa(\x01\xe1\xd7&gt;{\xad\xff\xfbo\xbfX\xeer\x13R)\x8d\xf5J\x19\x02"\x84&lt;\xf8\xe0\x83O=\xf5\x94\xd3\xe9\xd44\xad2~\x05\n.Y\x96\x0b\x0b\x0b\xef\xb9\xe7\x1e\xb7\xdb=s\xe6LI\x92\x02\x81\x80$I{w\xef\xfd\xfe\xe7)\xd7?0\xa2\xb4\xb0\\\x92q\xc4 \x0c\x10J\x02\xfe\xc0\xf5\x8f\\\xf6\xec\xf3O\xab~\x95R\xaa\xeb:\xa5\xf4\xf9\x17\xde\x18\xd2\x917\xeaT\x9b\x95\xabx\xd3F\xe8\xa3\x94\xb0r\xb5a\xc7\xcca\x9d\xe9s/\xbcN)\xad\x8cM\xd2\x82\x1c\x00F\xf3\x7f\xc3\x86\r\x9a\xa6]s\xcd5\xc5\xc5\xc58\xf4\x1fF\x84\x10\xf7\xdf\x7f\xff\xe7\x9f\x7fn|H\x08\x99\xf0\xe9g\xad\x06\xd4\x8f\x8as2\x1dw\xe8\x0b\x0f\x84\x10\x9f\xc7\xdf\xb8]}%E\x9f5\xe3\'cW\xe7\xb2r\xf7\xf2%?&gt;vw\'^\xe2\x93d\\\xbc\x1b\x1e$\x99\xf2\x12\xef\xa3\xf7tX\xb9dzi\x99\xcb\x18\x95\r\xee\xaf\x08~\x00\x00\xc0G\x1f}t\xd9e\x97Y\xad\xd6\xca\x9b\xbb@A\'IRyy\xf9\xd0\xa1Csss\xb7n\xddj2\x99\x8a\n\x8b\xe7.\x9a\xddcxGo\xb9\x17\x9f\xd6\x10F\x08!Lg\x9d/k\xfd\xe9g\xe3\x8c6\xd9\xd4o\xa77\xa8Q\x9e\xda\xb8\x86\xf0\x05p\x0e?\\\x10\x02\xc2\xa7\xd5hT\xa3Q\x9ak\xca\xd4\x1f\t!A\xef\x04\x04\xf3\xaa\x16B\xc8\xb2\\ZZ\xbae\xcb\x96k\xaf\xbd\xd6\xedv\xe3\x03%\xc2\x8b\xae\xebN\xa7\xb3_\xbf~F\'`\xc6\x0f3\xac5hZ\x9d\x1a\x01U\xc3\xbd}\xc2\x08\xa1\xc4\xeb\xf2\xb5\xee\xd6\xecH\xee\x81];v\x03\xc0\xb7\xdfN\xbeudc\x11`\xb8\xb3O\x98\xa1D\xa8\xec\xd6\xab\x1aO\x9b6\x05\xce\xec\xa2\x1f\xcc\x97\x0f\xe2k\x19\xed\xfd\xe5\xcb\x97\xd7\xa9S\xa7v\xed\xda~\xbf\x1f\x17\x0c\x86\x17J\xa9\xaa\xaa\x97]v\xd9\xb6m\xdb\x84\x10KW,m\xd9\xb3\x11g\x1ck\xff\xb0\xc3\x19\xb7G\xd9j6K\\\xb5b\xa5\xdb\xab\xfaJ\x0f\xf4\xe8\\\x0b\xdc\xaa\x84\xd3\xf8aE\xa2\x04\xdcj\xf7N\x99\x9a\xeb\xc8\xf1\xec\x9c\xa0?,+\xc8=\x00\x00X\xb8pa\xe7\xce\x9d\xf1\xa9^\xe1\x88R\xea\xf5z[\xb5j\xc5\x05\xdf\xbe}\xc7\xe1\xec\x03\x8d\xda\xd4\xf5{T\x0c\xf2\xf0C@\xd7X\xc3\xf6\xb57lZ\xb7\xe4\xd7\x95\xf5j0KJ4\xd3pH6\xfc0\x8d\x9b\x93\xa3\xeb\xa5\xea\xbf.[\tg\xda\xd9\xc1\x12\xcc\x000nX8p\xe0@\xdb\xb6m5M\xc3Q\xe3p\xc4\x18s:\x9d\xf5\xeb\xd7\x9f\xfa\xcdT\xc9&amp;\xe2\x92cuM\xc3\x00\x08;\x84\x90\x80?\x90^/\xf5d\xc1\x89\xf9?\xcf\xeb\xd8*\x19\x00p[\xff\xf0$\x00\xa0M\x93\xb8\xcd\x1b7\x02\x04\xf9\xd9\x9cA\xab\xa3\x8d\xcd\xc2\x02\x81@III\xed\xda\xb5U\x15\x9b\x8da\xc9X3\xde\xa8a\xc3\xe9?Lw$\xd8,63\xe7Xk\x84\x1fB\x88\xae\xe9\t)\xb1\xa5\xde\xe2\xe5K\x97\xb4j\x9a\x02\x1a\xc3\x1d\xdf\xc2\x11\xa1\x04\x02\xacq\xbd\xb8#\x87\x0fB\xb0\x9f\x98\x12\xcc\x00\x00\x80S\xa7N\xe9\xba\x1e\x1d\x1d\x8d\xcf\xf5\rS\x84\x10\xceyrrrQI\xa1-\xca\x8c\x0fv\t_B\x08\xb3\xd9\xc4\x08+*8\x95\x9c\xe0\x04\x9dcY\x86#\x02\x00\x8c\'\xc5;\x8a\nOi\xba\x1e\xdc\xd1\xf5 \x8f\xd2\xe4\xe4\xe4DEE%$$\xe8\xba\x8e=\x80pD\x08\xd1u\xbd~\x83\x06.\x8f+!-\xa6\xba\x0f\x07]8\xc1\x85\xc5f6G\x9b\xbc\xe5%uk\xc5\x82\x8a\x97dX"\x84\x80\xc6\xead\xc4\xeaj\x89\xaa\x06y&lt;6\xc8\x01`\xdc\xf6\x85\xcb\xff\xc3\x9d\xf1df\xcep\xf0\'\xbc\t!@\x00\x95\x88\xae\xe3R\xae\xf0\xa6\xeb\x9c\xd2\xe0?I%\xc8\x01\x80+\x7f.\r\xa7\xcf3\xac2.\rB`\xd3?\xdc\x11\x02\x951\x87\x8f\x0bu\x10B(Ba\x00 \x84P\x84\xc2\x00@\x08\xa1\x08\x85\x01\x80\x10B\x11\n\x03\x00!\x84"\x14\x06\x00B\x08E(\x0c\x00\x84\x10\x8aP\x18\x00\x08!\x14\xa10\x00\x10B(Ba\x00 \x84P\x84\xc2\x00@\x08\xa1\x08\x85\x01\x80\x10B\x11\n\x03\x00!\x84"\x14\x06\x00B\x08E(\x0c\x00\x84\x10\x8aP\x18\x00\x08!\x14\xa10\x00\x10B(Ba\x00 \x84P\x84\xc2\x00@\x08\xa1\x08\x85\x01\x80\x10B\x11\n\x03\x00!\x84"\x14\x06\x00B\x08E(\x0c\x00\x84\x10\x8aP\x18\x00\x08!\x14\xa10\x00\x10B(Ba\x00 \x84P\x84\xc2\x00@\x08\xa1\x08\x85\x01\x80\x10B\x11\n\x03\x00!\x84"\x14\x06\x00B\x08E(\x0c\x00\x84\x10\x8aP\x18\x00\x08!\x14\xa1\xe4\xea&gt;\x80P\'\x84\xe0\x9c\x0b!\x08!\x94RB\xc8\xdf}\x12\x85\x14\xce\x05\x08\x11\x84\x17"@)\xb6\x93\xc2\x0c\xe7\xc2(|\xbc:\xff\x19\x06\xc0\xdfb\x8c\x01\x80\xd9l\xb6Z\xad\xb2,\xeb\xba\x1e\x08\x04\x02\x81\x80\x10\xc2d2\x99\xcdfY\x96\x19cn\xb7[\xd7uI\x92\xaa\xfbx\xd1\xffc\xb5\x9b\xa9\x14\x84K_\x08P\xbdjP\xa2\x04U\r\xc1\x05\xb5)\xa0P\x00\x00\x9f\x0e\x1a\x07\xcc\x80\xbf\x81\x01\xf0\xd7(\xa5N\xa7\x13\x00\xb2\xb3\xb37m\xda\xb4y\xf3\xe6\x83\x07\x0f\xe6\xe7\xe7\xbb\xddn\xce\xb9\xd5jMHHh\xd4\xa8Q\xb7n\xdd\xbau\xeb\x16\x17\x17WZZ\n\x00\xd8\xd8\x08\x15\x04\xf6\xac;\xe4\xf7\xa8@\x00.\xa2\xee\x16\x00\xb2"\xd5o\x93)\xcb\x92\xc0\x10\x08\x07\x9c\x0bjS\xb6o\xcb\xcb\xce\xf1\x00\x81\x8e-\x92\x12\x93lB\xe3xi\xfe%\x0c\x80\xbf\xe6\xf3\xf9\x16/^\xfc\xe3\x8f?\xae\\\xb9277\xf7/\xbfg\xde\xbcy\xef\xbe\xfbn\xe3\xc6\x8d\xc7\x8e\x1d{\xeb\xad\xb7\xaa\xaa\xaa\xeb:\x0e\x17\x84\x02B\xc8\xb7o\xfe\x9c\x9fUt\xf1/e2+/\xcf~@\x89\xb1q\x9dc\xc0\x878\xce\x04\xb5+\x07\x0e\x14w\xff\xcf\x1c\x97G\x03\x80y\x9f\x0f\x1a2\xb4\x1eWU)\x18\xdd\xc1K\x0f\x06\xc0\x1f1\xc6\xe2\xe2\xe2\x1ey\xe4\x91\xf7\xdf\x7f\xbf\xe2\x93\x19\x19\x19\xf5\xeb\xd7\xafY\xb3ftt4\xa5\xb4\xac\xac\xec\xe8\xd1\xa3;v\xec(..\xde\xbbw\xef\x981c\x96,Y2q\xe2DEQt]\xc7j"\x14(f\x19\x00.\xb8\x07@\x08H\xb2\xc4\xb9\xb0EY$Y\xba\x98n\x04\xaa\x1aB\x80\x90\x88\xae\xb1Q\x0f/uy4\xb3I\xd2\x19Wd\x8ae\xf7\x0f0\x00\xfe\x02c\xacO\x9f&gt;\xef\xbf\xff~ff\xe6\xf0\xe1\xc3\x87\x0c\x19\xd2\xbcy\xf3\xf8\xf8xEQ\x08!\x84\x10\xcey \x108q\xe2\xc4\xec\xd9\xb3\xdf~\xfb\xed\xfc\xfc\xfcY\xb3fi\x9a\xf6\xc3\x0f?\xe8\xba^\xdd\x87\x8f@pq\xcb\x8bWj\xaav\x01\t \x04(&amp;\xb9\xe8T\xc9\x97\xcf\xcd\xd05\xadI\xa7z1\x89\x0eO\x99\x8fJ\xd8\xb7\x0bi\x8cs9\xde\xf6\xd8S\xcb\xd7\xef\xc8O\x8c\xb3\x94\xbb5\xc6p\xdc\xee_`\x00\xfc\x91$I\x1e\x8f\xa7S\xa7N\xdf|\xf3M\x8f\x1e=222\x02\x81\x80\xcf\xe7s\xbb\xddB\x08\xe3\x842b 99\xf9\x91G\x1e\x196l\xd8UW]\xb5g\xcf\x9e\x9f\x7f\xfe\xf9\x8b/\xbe\x183fLQQ\x11\xce\tW\xbb\x9a\xf5\x93/\xac+\xc6\x19w\xc6\xda\xa7\x7f\xb80\xe0\xd7$Y\xea&gt;\xb2\x1dc8\xf8\x13\xea\x18\xe3r\x8ce\xc1\xdc\x83\xef|\xb9\xc3\xe9P\x9e\x1f\xdb\xf6\x917\xd7\x01\xe0\xec\xef\xbf\xc0\x00\xf8\x0bB\x08I\x92\xae\xbb\xee:\xaf\xd7[PP`\xac\xf5\xfc\xf3\xe0\xbe\xa6iyyy\xf5\xeb\xd7\x9f2eJ\xcf\x9e=\xddn\xf7\'\x9f|r\xe3\x8d7b\xed\x1f\n\x02~\xed\x02\xfa\xfe\x02\x80R\x92{\xbcp\xf9\x0f\xeb\x01\xa0A\xdb\xcc\xba-2\xfc\x1e\x95P\xacIB\x17\xe7\x82Z\xe4\xbcl\xd7\xedO\xaf\x14\x02\xee\xbb\xa1Y\xef\x8e\xa9~\x95\xc1E\xad\x00\x88\x08\xd8\xab\xfd[\xa5\xa5\xa5\xba\xae\xcb\xb2,I\xd2_6\x00\t!&amp;\x93\xa9\xb0\xb0\xb0U\xabV\xd7_\x7f=\xe7\xfc\xc0\x81\x03[\xb7n\xb5\xd9l\x9c\xf3\xaa?`t6B\x08\xa1\xe7\xfd\x7f\x10\xc2\xe6\xb4nY\xba\xa7\xb4\xc0\x05\x00=F\xb6\xa3\x94\xe08B\x88\xe3\x00D\xa1\xb7?\xbe\xecd\x9e\'-\xd9\xfe\xd4\xc3\x1d\n\x8a\xfd\xd5}P\xe1\x01\x03\xe0o\xfd]\xbd\xff\xe7o\xd34m\xc0\x80\x01\x00\xc09\xdf\xbd{\xb7\xc9d\xc2\x00\x08S\x94R\xbfW]5s\x13!$\xb5NR\xb3n\r|\x1e\x15G\xffC\x99\xaes9\xce\xfa\xde\xff\xb6\xfc\xbc&lt;\x8b\x10\x18\xf7|7[\x8a\xbd\xcc\x1d\xa8\xee\xe3\n\x0fxf_,B\x88\xae\xeb\x19\x19\x19\x8a\xa2\x00@NN\x0e\x8e\x17\x87)\xce\xb8\xc5a\xde\xbd\xf6`\xf6\xfe\x1c!D\xd7\x11mlN+g\x98\xe5\xa1\x8b1!G\x9b7\xae\xce~\xea\xfd\x8d\x00\xf0\xd0\xe8\xe6\xc3G\xd4\x17\xa5~\xec\xb3\x9d#\x0c\x80 0\xee\r6\x02 \x10\xc0\xa6G\xb8"\x84\x08!V\xcc\xd8\x08\x04\x9cq\xf6\xf6\x03\x9b\xfb=*\xc1\x1b;B\x95\x10\x02L\xd4]\xaa\x8e~l\x99\x1a`\x1dZ$\xbe\xfet\x17\xad\\%\x12\xd51\xb6\xcf\r\x9e\xdcA@\x08\xf1\xfb\xfd\xaa\xaa\x02\x80\xcdf\xab\xee\xc3A\x17Bpa\xb6\x99\x8e\xec\xcc\xde\xb7\xe1\x08\x08h?\xa0y|j\xac\x1e\xd0\xb1;\x17\xb2\x18\x17\x92\xddt\xffs\xab\xf6\x1e.\x8dr\x98&amp;\xbf\xd3W1IB\xe7@\x80s\xec\x02\x9c\x13\x0c\x80\x8b%\x84P\x14%;;\xdb\xd8;\xa8f\xcd\x9a\x9c\xe3\xaa\xc1\xf0#\x84\x90\x15i\xd5\xccMLg\x8aI\xee:\xa2\x8d\xa6jX\x8e!\xcb\x18\xfa\x9f\xfa\xcd\xae/g\xee\x07\x80\x8f\x9e\xe9\xd2\xb0E\xa2\xee\x0e\x18\x1368\x04t\x8e0\x00.\x16\xe7\\\x96\xe5\x15+V\x00\x80\xa2(-Z\xb4\x08\x04\x02Xq\x84\x17!\x84bQr\x8e\x15n\xf9u\x0f\x004\xedR?\xa3Q\xaa\xea\x0b\xe0\xea\xcf\xd0\xc4\xb9\x90\x1d\xa6\xc3\xbb\x0b\xc7\xbe\xb2\x06\x00F_^\x7f\xf4\xa8fz\xb1_\x96\xb1B;?\xf8~]\x14cc\xb8\xe3\xc7\x8f\xff\xf0\xc3\x0f\x84\x90\xb6m\xdb6o\xde\xdc\xeb\xf5\xe2\x8e@\xe1Epa\xb1\x9a\xd6\xfd\xbc\xd5\xe7\xf6\x03\x81\x1e#\xdb\xe1\x02\xf2\x90%\x04\x08J\x98\xceG=\xb2\xb4\xb4&lt;\xd0\xa8v\xcc\xff^\xee\xc1=\x1a\xae\xd5\xba\x00\xf8\x9e]8\xe3\xc6`\xa7\xd3\xf9\xe4\x93O\xe6\xe5\xe5\t!\x1ex\xe0\x01\xb3\xd9\x8ck@\xc3\x8c\x00I\x91J\x0b]k\xe7n%\x84d6Nk\xd4\xa1\xae\xdf\xa3b\x8a\x87&amp;\xc6\xb8\x14c~\xf6\x8duk\xb7\xe6\x99M\xd2\xe4\xb7{;b-B\xc3q\xd7\x0b\x81\xa7\xf8\x052\x1e\x08\x93\x90\x90\xf0\xcc3\xcf|\xf7\xddw\x00p\xf5\xd5W_y\xe5\x95%%%x\'px\xe1\x9c[\xed\xe6-\xbf\xee.\xce-\x13Bt\xbb\xa2\xad\xd9\xaa`\x8a\x87&amp;\xa6s9\xd6\xb2\xe8\xe7\xc3o~\xb1\x1d\x00^{\xb0}\xfb\xee\xe9z\x19n\xf6y\x81p+\x88\x0b\xc1\x183\x99L6\x9b\xed\xa1\x87\x1e26\rm\xd7\xae\xdd\xb8q\xe3&lt;\x1e\x0f6\x1b\xc3\x0e\xa5T\xf5i+gl"\x84\xc4&amp;E\xb5\xe9\xd3\xd4\x87\xab?C\x12\xe7\x82Z\xe5\xfc\x93\xae\xdb\x9e^\xc1\xb9\x18\xd6+\xe3\xa1\xb1m\xf5b\x9f\x84C\xff\x17\n\xdf\xb8\xf3\xa6\xeb\xba\xd3\xe9TU\xf5\xdak\xaf5j\xff\xae]\xbb\xce\x993\xc7j\xb5\xe2^\xd0a\x87snq\x98\xf7\xac;\x98\xb5\xef\x94\x10\xa2\xd3\xd0V1\x89N\xa61,\xc6\x10\xc4\x01\x88"\xdd\xf9\xc4\xf2\x13\xb9\x9e\xb4d\xfb\x17o\xf5\x16\x1a\xa3\xb8\xe3\xdbE\xc0\x008?\xba\xae\xc7\xc7\xc7o\xdf\xbe\xbdO\x9f&gt;3g\xce\x04\x80\xab\xaf\xbez\xee\xdc\xb9QQQ&gt;\x9f\x0f\x9b\xffa\x88\x80\x10+\xa6o\x04\x00\xb3\xcd\xd4iX+\\\xfc\x13\x9a\x8cu\x9f\x1f\x8e\xdf\xf2\xd3\xaf\xc7)%_\xbe\xd63\xa9\xa6\x93\xfbt\x8a\x85u\x11\xb0\xc2:\x0fF\xed?{\xf6\xec\xfe\xfd\xfb\xef\xda\xb5K\x92\xa4\xe7\x9f\x7f~\xca\x94)\x94R\x9f\xcf\x87C\xffa\xc7X\xfcst\xd7\xc9=\xeb\x0f\x03@\xab\x9e\x8dS\xeb$\x05\xfc\xb8\xfc?\xe40\xc6\xe5(\xf3\x96\xb5\'\x9e|o#\x00&lt;~{\xcb\x01\xc3\xea\xe9%~\x1c\xfc\xb9H8\x07p\xae\x8c\'\x85\xfd\xf4\xd3O\xd7]w\x9d\xa6i\xf1\xf1\xf1_|\xf1\xc5\x88\x11#\x8a\x8a\x8a\x08!X\xfb\x87#!\x84l\x96W\xcd\xda\xc44F(\xe9&gt;\xb2\x1d\xc7\xad\xffC\x8f\x10\x02\x14\xc9S\xae\x8ezl\x99\xcf\xafwm\x93\xfc\xf2\x13\x9dX\xa9_\xc2\x85\x9f\x17\r\x03\xe0\x9cp\xcem6\xdb\xbe}\xfbn\xb9\xe5\x16M\xd3\x92\x93\x93\x7f\xfa\xe9\xa7\x0e\x1d:\xe4\xe7\xe7\x1b[\x00\xa1\xb0#\x84P\xccr\xde\xf1\xc2\xcdKv\x11B\xea\xb7\xaaU\xbfu-\xdc\xfa?\x041.\xe4h\xd3\x83\xf7-\xde}\xb0$6\xda&lt;\xe9\x9d&gt;\x12\xa5\x9c3,\xa9\x8b\x87\x11zN\x84\x10f\xb3\xf9\x95W^)++\xb3X,\x93\'O\xee\xd8\xb1cAA\x01\xd6\xfe\xe1Kpa\xb6\x99\x7f\xfby\x9b\xd7\xe5\x17B\xf4\x18\xd9^\x92%\xdc\xfa?\xd4\x18C\xff\xdf\x7f\xbb\xfb\xf3\x1f\xf7\x01\xc0\xb8\xe7\xba\xd6m\x92\xc0&lt;\x01\x1c\xfa\x0f\n\x0c\x80\x7f\'\x84\xb0X,\x07\x0f\x1e\x9c?\x7f&gt;\x00\xdcz\xeb\xad\x03\x06\x0c\xc8\xcb\xcb\xc3\xda?\xacI\x8aT^\xe4^;g\x0b!$)#\xbeE\x8f\x86x\xf3W\xa8\xe1\\\xc8v\xe5\xe8\xde\xa21/\xad\x01\x80;\xaent\xdd\x7f\x9a\xea\xc58\xf4\x1f4\xf8&gt;\xfe;c\xbf\x87m\xdb\xb6\x95\x97\x97+\x8ar\xd3M7\xf9|&gt;Y\xc6\xd1\xb30\xc6\x19\xb7\xda\xcd[\x97\xee.\xca)\x15Bt\x1b\xde\xc6\x1ecc:\xc3\x15\x85\xa1\xe3\xf4\x96\x0f\\\x8c~diq\x99\xda\xa4^\xec\xfb\xcfw\xd3\xcbUB\x80\x0b\xc1\xf9\xdf\xfc_\x08\xce\x7f\xef\xc8\t\xf1\xfb\'\xcf|\t;y\xbf\xc3Z\xec\xdf\x19\x8f\x08&gt;r\xe4\x08\x00dff\xd6\xabWOU\xb1\xa9\x18\xde\x08%\x01\xbf\xb6b\xc6&amp;B\x88-\xca\xd2ap\x0b\xd5\x8b7\x7f\x85\x16\xce\x85\x94`}\xf6\xb9U\xab6\xe7\xc6D\x99\xa7\x7f\xdc\xdf\x9ed\x03W\x00\xfe\xf1\xa6_\x93.\xc0*\x9b\x94\xd3Ei6I\xd4*S\x95\x81L@\x00\x10\x00\x01\x10`U\xf2\x17\x84\x01\x0c\x80s"\x84(((\x00\x80\xf4\xf4t\x87\xc3\x81w\xfc\x865\xce\xb9\xcda\xdd\xb1z\xff\xf1=\'\x01\xa0m\xfff\x89\xe9\xf1\xee\x12\x0f&gt;\xfa1t0.$\xa7i\xe1\xdcC\xaf}\xb6\x8dRr\xe7\xb5\x8d\xa2\x92l\x87\xb6\xe5\xc92\xfd\xe7\x16&lt;\xe3B.2\x9d\xcc\xf7\x18\x1ff\xe5x\x8e\x1d*a\xae\x00\xa5\x84\x10\xe0\x1c\xcc&amp;\x9a\x96l\xaf\x8a\xbf!\x1c`\x00\x9c+\xaf\xd7\x0b\x00\xd1\xd1\xd1\x92\x84S\x85\xe1\x8e\x00\x81\x15\xd37\x00\x80\xa4H\xdd.o\xab\xa9x\x0bwh!@\x80\x8b\xd7\xc6o%\x04dJ\'|\xbf\xf7\xc3\xc9\xbb(!\xe7\xb4K+\x01v\xe6\x89`w&lt;\xbdR\x92N\xff\x14\xa5\x84q\xde\xb0v\xcc\x96\xd9#)%B\xe0\x80\x1f\x06\xc093v\x07\x93e\x19\xdb\xfeaMpa\xb6\x9a\x8e\xed&gt;\xb9\xe7\xb7C\x00\xd0\xb8C\xdd\xcc&amp;i&gt;\xb7\x1f\x8b5\xa4\x10\x02\xc0DI\xb9\xca\x98`\x8c\xa9\xda\x05\x0e\xda\x044\x06\xda\xff\xfbL~\x91/\x08\xc7w\xa9\xc0\x00\xf8w\x92$\x95\x97\x97?\xfa\xe8\xa3w\xdey\xa7\xd3\xe9t\xbb\xddx\xdbW\xf82\x96\xff\xaf\x9a\xb5I\xd7\x18\x00\xf4\xbc\xb2=\xb6\xfdC\x10!\x00\x8c\xbf\xfbd\xe7\xc2b\x9f\xf1\xacf8\xb7b\xe2\\P\x9b\xbcn\xdd\xa9\x8f&amp;\xef\x02\x80\'\xefj\xd5\xbcE\x92\xb1c\x841\xfe\x1feW\x08!\x80\xcd\x7f\x00\xc0\x008\x17\x84\x10\xc6Xjjjzz:c\x0c\x1f\xf8\x15\xbe\x84\x00\xc5,\xe7g\x15m^\xbc\x8b\x10\x92V?\xb9I\xe7z\xb8\xfa3Dq\xd1\xbf\x7f&amp;\x9c\xef\xc4\x0c\x13\x10k\x8e\x92\xa9\x11\x00\xc3z\xd7\xea2\xac\x1e\x94\xaa\xbfO\x1ds\x01\xee@\xb0\x8f5\\a\x00\x9c\x13BH \x10\x10B\x10B\xb0\xf6\x0f_\x82s\x8b\xcd\xbap\xfe\x1aO\xb9\x0f\x00\xba_\xd1\xd6b3\xb9K\xbd8\xfd\x1b\x9a\x98+ D\xc5\xda\x9ds\xa23\x90\x05/w\x9f\x1e\xf7)s\x07\xf4b\x1f+\x0bH\x12\x18\xafC\x80\xe0\xc3\x03*`\x00\x9c\x07c\xee\x17\x03 |I\xb2T^\xecY\xf3\xd3fBHT\xbc\xa3m\xbff~O\x00\x9b\xff!K\xa2\xe4\xccf\xcf\xe7~\xd1\tY\xa2\xd2\x99\xfb\x84%Jd\x89\x12\xa9\xa2\xd2\xc7\x8b\xf7\xff\xc1S\xff\x9cp\xceM&amp;Sll\xac\xc3\xe1\xc0%@a\x8a3nq\x98\xb7.\xdbSx\xb2D\x08\xd1qH\xcb\xb8\xe4h]\xd3\xb1N@\x11\x0b{\x00\xff\xce\xb8\x138++k\xf3\xe6\xcd5j\xd4\xe8\xd8\xb1c \x80c\x88\xe1\x87P\xa2\xf9\xf5\x9536\x12\x02\x8aY\xe9rYk\xd5\xaf\xe1\x86b(\x92a\x00\xfc\x0bc\x1b\xb8\xe3\xc7\x8f\xf7\xed\xdb7\'\'\x07\x00&gt;\xf8\xe0\x831c\xc6\x94\x96\x96\xe2Z\xa00\xc2\xb9\xb0:\xcc\xbb\xd7\x1e&lt;\xba\xeb\x04\x004\xef\xde\xb0f\xfd\x14O\x19\x8e\xfe\xa3\x88\x86g\xff\xbf`\x8c\xd9\xed\xf6\x05\x0b\x16\xe4\xe4\xe4X\xadV\x00\x98:u\xaa\xa6\xe13C\xc2\x8d\x10\x94\xd2\x1536\x1a\xd3\xf8=F\xb6\xe7\x9c\xe3\xe0\xcf%\x0c\xd7k\x9c\x0b\x0c\x80\x7fG\x08\xd1u\xdd\xf8\x87$I\x9cs\xce\xf1\xb1!\xe1\xc4\xd8\xf9\xf9\xc8\xce\xec\xed+\xf6\t!j7Kk\xd86\x13W\x7f^\xc2\x8cM\xdf\x0c\xd5},!\r\x87\x80\xfe\x05\xa5\xd4\xeb\xf5\xf6\xee\xdd\xdbb\xb1\x18\xbbA\x0c\x192\xc4j\xb5\xe23 \xc3\x88\x10BV\xa4-\xbf\xee\xb6GY\x01\xa0\xf7\xb5\x9dd\x93\xa4\xfa\x02\x04\x97\x03^\x92\x04X-rb\x9c\x05\x00\xcc&amp;\xe9\x9cW\x90F"\x0c\x80\x7fa&lt;\xef\xb7i\xd3\xa6\x0b\x16,X\xb1bEzz\xfa\x15W\\Q^^\x8e\xb5\x7f\x18\xa1\x12\xf5\xb9\xfd}\xff\xd3\xb9\xdf\r]@\x80\xc5n\xf6\xb9U\x1c\xfd\xbf$\xc9\x12\x01O`h\xcf\xf4#K\xae\x07\x00\xabE\x06o\x00\x17\xfe\xff\x1d\x0c\x80\x7fgt\x02:v\xec\xd8\xb3gO\xc6Xyyyu\x1f\x11\xba\x106\xa7\xd5\xf8\x07?\xb3S\x18\xba4\t\x90\x15\xea0K\x00\x00\\`\x0f\xe0\x1f`\x00\x9c\x13J\xa9\xc7\xe3q\xb9\\\xf8\xfc\xf7\xf0\xc5unT\x058}s\xe9\x13 t\xe3\xb6\xcd\xea&gt;\x92\xd0\x86\x01p\xae(\xa58g\x18\xde\x08\xae\xfa\x89 X\xf5\x9f\x0b\xac\xd1\x10B(Ba\x00 \x84P\x84\xc2\x00@\x08\xa1\x08\x85\x01\x80\x10B\x11\n\x03\x00!\x84"\x14\x06\x00B\x08E(\x0c\x00\x84\x10\x8aP\x18\x00\x08!\x14\xa10\x00\x10B(Ba\x00 \x84P\x84\xc2\x00@\x08\xa1\x08\x85\x01\x80\x10B\x11\n\x03\x00!\x84"\x14\x06\x00B\x08E(\x0c\x00\x84\x10\x8aP\x18\x00\x08!\x14\xa10\x00\x10B(Ba\x00 \x84P\x84\xc2\x00@\x08\xa1\x08\x85\x01\x80\x10B\x11\n\x03\x00!\x84"\x14\x06\x00B\x08E(\x0c\x00\x84\x10\x8aP\x18\x00\x08!\x14\xa10\x00\x10B(Ba\x00 \x84P\x84\xc2\x00@\x08\xa1\x08\x85\x01\x80\x10B\x11\n\x03\x00!\x84"T\xf0\x03\x80\x10B\x08\t\xfa\xcb\xa2\xaaD)\x05\x00,\xc7K\x80Q\x88X\x94\xe1\xae\x92\xaa\xd5 \x07\x00\xa5TUUM\xd3\xf0\x84\x0b_\x84\x10\xaf\xd7K)\r\xa8Zu\x1f\x0b\xba(\x9c\x0b=\xa0\x03\xa1~U\x07\xbc$\xc3\x17!~U\xd7Y\xf0\xcb0h\x01`\xd4\xf8\xf5\xeb\xd7\xf7\xf9|\xf9\xf9\xf9\x8a\xa2\x08!\x82\xf5\xe2\xa8\xcap\xce\x15E\xd9\xbbgOlT\\aV\t\x10,\xc4pE%\xea\xf3\xf85\x97\x1e\x9d\x90\xb6\xffp!\x98e\x8e\x97d\x18\xe2B\x80I:p\xb4\xc8\x19S\xd3j13\xc6\x82\xd8\xbc\x0ef\x0f@\x08a\xb7\xdb\x1d\x0eGqq\xb1,\xcbA|eT\xc5\n\n\n\x9a6i\x1a\xf0\xe9\xba\xc6\xb13\x17\xa6\x08%^\x8f\xcff\xb6\xd7\xad\xd7 \'\xdf\x052\x05\xac\xff\xc3\x91\x00\x90hA\x91\'9\xa5F\xd0/\xc6`\xf6\x008\xe7&amp;\x93)%%e\xd7\xae]f\xb3\x19{\x00\xe1\x88\x10\xa2\xeb\xfa\xb6\xed\xdbo\xbb\xf36W\xbe\xcfS\xee\xa1\x12\xae\x14\x08?B\x08\x93I\xc99\x9e\x9f\xe0L\x1a:\xfc\xf25\x9b\xb2\x85"\xe1%\x19\x8e\x84\x10B\x916\xee\xcco\xda\xac\x95\xf1a\x10_&lt;\xc8=\x00\x00h\xdf\xbe\xfd\x86\r\x1b(\xa5\x9c\xf3 \xbe8\xaa\x02B\x08\x93\xc9t\xea\xd4\xa9\x82\x82\x82a\x97\ru(\xd1\'\x8f\xe6\x9a\xcc&amp;\xac8\xc2\x8e\x10\xc2d5\x1d\xdd\x9d\xdd\xa0v\xa3\xa1C\x07m\xdf\xef&amp;~\x8dP\xec\xcc\x85\x1fB\tQ\x03\xbb\x0e\xf9\xbaw\xeb\x02g\x16h\x04KP_\x8bR\x00\x186l\xd8\xfa\xf5\xeb=\x1e\x8f$IA|qT\x058\xe7\x0e\x87c\xd9\xb2eI\x89Iqqqm[\xb4\xdf\xb6b\x8f\xc5n\x12\x1c\x03 \xdc\x08\x10B\xec[w\xa4{\xf7\x1e\xcd\x9b\xd4+\xf0\xc6f\xef\xcb\x93,83\x17f\x84\x10\x92E9\xb1?/\xcf\x15\xdd\xb5s;\x08\xf1\x00\xe0\x9c7i\xd2\x84\x10\xb2f\xcd\x1a\x87\xc3\x81\x9d\x80\xf0"\x84 \x84\xcc\x9e={\xd8\xb0a\x000\xe2\xf2\x11\x876\x9f\xf0y\xfc\xd8r\x0c3\x02Lf\xe5\xe4\x91\\\xbdX\xea\xd2\xbd3\x00\xb4h\xdd\xf3\xc7\x05\xfb\xc1af\xac\xba\x8f\r\x9d\x0f\xc6\x01\x1c\xe6\xe9\x0b\xf67i\xd9\xcdb1\xb1`\x97_\x90\x87w9\xe7\xb2,_}\xf5\xd5S\xa6L1\x99\x82\x7f\xb8\xa8\xf2\x08!\xacV\xeb\xa1C\x87\x0e\x1d:t\xe3\x8d7r\xce\xbb\xf7\xeaV\xd3\x99\xb9{\xc3\x01\xab\xdd\x82\x9d\x800\xc29\xb7E\xd9\xd6\xfe\xb2\xb9_\x8f\x81\x89I\x89\x00p\xcf=w\xcdX\x92\x0b\xfe@P\x9b\x8f\xa8\xd2Q\x02\xa0\x06\xa6/\xce\xbd\xfb\xae;+\xe5\xf5\x83\xfbr\x92$\t!\xee\xba\xeb\xae\x8d\x1b7\x1e:t\xc8f\xb3a\x973\\\xe8\xba\xeep8\xc6\x8d\x1b\xd7\xaf_\xbf\xe8\xe8\xe8@ @\x08\xb9\xf3\x8e\xbb\x17N]e\xb6\x9a9\x06@\xf8\xa0\x12\xf5\x94{\xb7/\xde\x7f\xff\x03\xf7\x03\x80\xaek]:\xb5Q\xa2\x9b\xff2o\x17\x8d\xb51\x86E\x19\x1e\x18\x134\xd6\xb6p\xden\xeal\xd6\xadK;\xc6X\xd0\xc7\xd5\x83\x1c\x00\xc6Z\xa0\xa8\xa8\xa8\xcb/\xbf\xfc\xb5\xd7^s8\x1c\xba\xae\x07\xf7W\xa0\xca`4\xff\x0f\x1f&gt;\xfc\xcb/\xbf\xdcw\xdf}\xc6l0\xe7\xfc\xca\xabGZ\xdc1[W\xed\xb4GYq@/,0\xc6\xa2b\x1d\x0b\xa6.\xeb\xde\xba_\xa3&amp;\r9\xe7\x84P\x00\xf1\xd0\xc3\x8f\xbf:a\x97\xd0\x98 \xb8\x1c4&lt;\x08\x02Bg\xafL\xd8\xf5\xf0\xc3\x8fU\xd2\xaf\x08~\x87\xd0\x98\tx\xfe\xf9\xe7\x97-[\xb6z\xf5\xea\xd8\xd8X\x1c\x08\n}\xba\xae;\x9d\xce\x87\x1f~\xf8\xdak\xaf\xad]\xbb6c\x8cR*\x84\xb0;\xec/&lt;\xfb\xe2\xb7o\xce\x91\x15\x19\x00g\x02B\x9d\x10\xc2l6\xe7\x9f,Z=m\xfb\x9bo\xbfn\xf4\xbf%Ib\x8c\x0f\x1f\xd6\xdf\x9a\xd8u\xfc\xf8UrJ\x14\xd30\xcbC\x9d\xaeq9%\xea\xd3OW\x9b\xe3;\x8d\xb8l`e4\xff\xa1\x92\xf6\x02\x12BX,\x96w\xdey\xe7\xae\xbb\xee\n\x04\x02\xc6\xb8P\xd0\x7f\x11\n\x16M\xd3\x92\x92\x92&amp;O\x9e\x9c\x95\x95\xf5\xcc3\xcfT\x9cj\x92$1\xc6.\xbfrD\xb7\xe6\xfd\xa7\xbc;+.)\x86i\x98\xe5!MpasZ?}z\xea\x13\x0f&gt;\x9dQ+\x83s^\xb1\xad\x13\xe7\xfc\xd3q\x1f\xbe9\xf9\xd4\x91\xed\'e\xa7\x99\xe3@P\x08\xe3L\xc8N\xf3\xd1\x1d\'\xdf\xf8\xfa\xc4\xa7\xe3&gt;\xe2\xbc\xb2\xee\xc7$\x95T5\x1b\x95\xc8\xd8\xb1c\x0b\x0b\x0b\xbf\xff\xfe{cs\x88\xca\xf8E\xe8"\x19m\xff\xe3\xc7\x8f\xf7\xed\xdbw\xf1\xe2\xc5\x8d\x1b7\xae\xa85\xc0\xb8\tE\x08\xb7\xcb\xd3\xa6m\xeb!\x0fvl\xdb\xabeia\x99$\xe3\x02\xdfP\xa4kzRZ\xe2\xe4\xb7\x7fT\xb2\x13\xe6\xfe2\xe7\x0fmF\xe3\xc3\xa9\xdf\xcd|\xe7\x85Q[\x97\xde\xc2\xbc\x1ae\x1c\xd7w\x85 !\x04\'Tr\x98\xda\xf4\xf9\xf2\xc1g\xbf\xbe\xe9\x86\xab*\xa9\xf9\x0f\x95\xb7\x1d4\xa5T\xd7\xf5\x8f?\xfe8;;\xfb\x8d7\xdeHJJ\n\x04\x02\x95\xf4\xbb\xd0\x05\xd3u\xddj\xb5\xaa\xaaz\xd5UW\xbd\xfa\xea\xab\x8d\x1b7\xd6u\xfd\xec\x85\xc6F\x7f.*\xda\xf9\xed7\xdf}\xf7\xda/\'\x8e\xe68\xa2\xedL\xc7~@\xc8\xd15\x16\x9f\x1c\xb7|\xce\xda#\xcb\x0b\'O\x9dtv\x8a\x1b$I\xd2u\xfd\x86\xebGv\xee\x7f\xcfMw\xfc \xc5\xdb\x19\x00.\xee\n5B\x08&amp;@J\xb0\x8f\xba\xe3\x87\x0e}\xef\xba\xe9\x86\xabt]\xaf\xbc{\xaa*+\x00\x08!\xc6\xc8\xcf\xc2\x85\x0bg\xcd\x9a\xf5\xf6\xdbo\'\'\'\xeb\xba\x8e\x13\x89\xa1C\xd3\xb4\xa8\xa8(\xc6X\x9f&gt;}n\xbf\xfd\xf6\xd1\xa3G\xeb\xba\xfe\xe7M\x9c\x8c\x81\xa0\x0e\x9d\xdbO\x9d8\xed\xe31S\xf2\xb2\x0b\xa2\xe3\xa3t\x1c\x0b\n\x1d\x02\x98\xce\x92\xd2\xe2W\xff\xb2a\xd9\x84\xad\x8b\x17.\x89\x8d\x8b\x85\xbf\xda\x02Z\x96e]\xd7\xc7\xfd\xefm\x92|\xe5-\xb7|/\';\x89Lq,(tp&amp;\x08\xa5r\xb2\xf3\xd6[\xa7\x89\xc4\xcb?\xfd\xe4\xdd\xbf\xbc$\x83\xa8\x12W\x05\x1b\xe7\x9f\xc3\xe1\xf8\xf5\xd7_g\xce\x9c\xf9\xd8c\x8f%&amp;&amp;\x9aL&amp;\\\x17T\xed\x84\x10\xc6\xb8\xff\xb1c\xc7z\xf4\xe81j\xd4\xa8\xfb\xef\xbf\xff\x1fN5\xa3\xf18`p\xff\xc9\x9f~\xfb\xe1\x98ov\xae\xdf\x1b\x9f\x12\xcb\x19\xc7\xf6c\xb5\xe3\x8c\x03\x81\xf8\x94\xb8\x9f\xbeZ\xb8l\xc2\xd6%\x8b\x96\xd6\xaa\x9da\xcc\xe1\xff\xe5\xf7\x1bq&gt;\xf9\xabq"~\xc4UWOV)\xa5Qf\r\xe7\x84C\x80\xa6q\xea4\x07dz\xf55\xdf\xe8\xb1\x97}\xf3\xf5\xa7\x957\xf2S\xa1ro\x0b1V\x049\x1c\x8e\xa5K\x97\xee\xde\xbd\xbb_\xbf~n\xb7;11\x911\x86K\x83\xaa\x85Q\xf5\x9bL\xa6\xa4\xa4\xa4o\xbe\xf9f\xd0\xa0A\x0f&lt;\xf0\xc0?\xd7\xfe\x06\xa3\xf18`p\xffi_\xcf\x98\xfd\xc6\xaa\x1f?\xf99&amp;!\xcab33\x9d\xe3\x0c\x7f\xb5\x10\\0\xc6\x9d1\x0e\xc5$\x7f\xf0\xd0\x17\xc7\x97\xb8~]\xbc\xb4Vf\xc6?\xd7\x1a\x84\x10J)c\xec\xeb/\xc7e\xb4\xbe\xbb\xdd\xc0o\xb7o?\xa5\xa4E\x03\x00c\x98\xe7\xd5@\x000\xc6\x01@I\x8b\xde\xb1\xf3T\xbb\x81\xdf\xd6ly\xe7\xe4\xaf\xc6s\xc6(\xa5\x95\xbd\x17oeM\x02\x9f\xadb8\xf2\xd5W_\x9d&lt;y\xf2\x03\x0f&lt;p\xd7]w\x01@ii\xa9\xd1T\t\xee\xee\x16\xe8\xcf\x84\x10\x9csc\xb1\xbf\xc3\xe18r\xe4\xc8SO=u\xf0\xe0\xc1o\xbe\xf9\xa6I\x93&amp;\xe7\xde\xcd4\xbe\xb3\xb0\xb0\xf0\xe6Q\xb7\xec\xcb\xdfz\xedC\xc3\x1a\xb7\xa9\xe7q\xf9T\x9f\n\x00\x84R\xdc:\xba\xb2\t!\x04\x17\x84\x12\xab\xddb2+k\x17l\x9e7a\xc5\x95\x03\xae\x7f\xff\xa3\xf7\x08!\x9c\xf1s\xd9\xbd\xd58\x1f$I\x9a=g\xc1c\x0f\xdey\xcd@\xfb\x0b\x0f\xf6\x94c\xadP\xea\xd3\x03\x8cRB\xb0$+\x99\x00\x10\\p.d\x93\x041VV\xea{\xe1\xfd\x95\xdf/p\xbf\xf5\xde\x84+F\x0cfUR\xfbC\xd5\x04\x00\x9cu\xc2m\xda\xb4\xe9\xb9\xe7\x9e\xf3\xf9|c\xc6\x8c\x198p\xa0\xd3\xe9TU\xd5\xeb\xf52\xc6\x8c\x8dh\x8cYG\xdc\x83\xfeb\x18o\xa0\xb1\x80\x07\x00\x08!&amp;\x93\xc9\xe9t\x12B\x0e\x1d:4q\xe2\xc4\x85\x0b\x17\x0e\x1b6\xec\xc5\x17_4\xe6\xea\xcfk\x90\xb1\xa2\x81\xf9\xd9\xb8\xcf?\xf9\xfcc[&amp;\xf4\xbf\xbe[\xedF\xe9T\xa2&gt;\xb7_\x0b\xe8\xa7\xcf(\x02\x04\x9f&amp;\x13\x0c\xe4\xac\x1d\x80)\xa5&amp;\x8bb\xb1\x99\xfd&gt;u\xcf\xa6\x83K\xbe]\x1b\x0fiO=\xf1\xd4\xc0\xc1\x03\x8d\xe2&gt;\xaf\xb6\x94Q\xf4\xb9\xb9yO=\xf3\xd2\x9e\xcd\xb3G_\x91z\xd3\xc8\x16\x8e\x1aQ\xa02\xf0\x04\x98\xce\x05\x9c&gt;\x7f*\xe5\x0f\x8bH\xa7/I \x92L\xc1n\x02\xb3\xec\xc9)\xfbf\xd6\x8e\xafg\x9ej\xd2f\xc4\xab\xaf&gt;_#%\xb9\xb2\xc7\xfd\xcfVE\x01`\xa8\xa8;\xa6M\x9b6m\xda\xb4\xdc\xdc\xdc\x9e={\x0e\x192\xa4e\xcb\x96F\xf5d\x0cPT\xd9\xf1\\\xda\x08!\xc6\xd2[M\xd3rrrV\xacX1o\xde\xbc\xc3\x87\x0f\xf7\xec\xd9s\xec\xd8\xb1\x99\x99\x99pV\xe7\xec\xbcT\xd45\xe5e\xe5\x9f|&lt;~\xc6\x9c\x1f\xfc\xe6\xb2f\xdd\xeb5\xeb\xdc()5^1\xc9@\x08\xd3\x19\xce\x10\x04\x0b\x95(\x95\xa8\x10B\xf5\xa9\'\x8f\xe4n_\xb5\xf7\xe0\xc6\xec\x8c\x98z\xd7]\xfd\x9f[\xef\xb8\x19\xce\xba\xb2\xceW\xc5\x0f\xae^\xbba\xe2\xe7\x13wm]\xd4\xb5\xa5rY\x9f\xccn\xed\xd2-\xf1v\xa0\x14\x04\x00N\xf8\x07\x91"\x01\x01\xe0\xc2_\xec^\xbd){\xee\xaf\xc7\xd7lW\x9b\xb5\x1ex\xdb\xed\xb7w\xef\xda\x01.\xa2(/L\x95\x06\x00\x00\x18\xab\x80\x8cJg\xe3\xc6\x8d_}\xf5\xd5\xae\xdd\xbb9\xe3\xb5\xeb\xd4i\xda\xb4i||\\\x83\xfa\rt\xa6\xe3M\xa7\x17\x89R\xea\xf5z\xf7\xee\xddSXX\xb4g\xf7\xee\xbc\xbc\xdc\xe4\xe4\xe4\x01\x03\x06\xfc\xe7?\xff\x89\x8b\x8b\x833\xad\xbf\x8b\xf9\x15\x15g\xaa\xeaW\xe7\xcc\x9e;c\xe6\x8c=\x87w\x12;O\xce\x8c\x8fI\x8aJJ\x8fwD\xdb8\xc3\xd9\xc5\x8bE%Z\x94SZZX\x9e\x9fUT\x94]j\x15\xce6\xcd\xdb\xddp\xe3\x8d=zu\x83\xb3\xfa\xd6\x17\xfc\xfaB\x08\xc6\x98q2\x1c9\x9a\xf5\xd5\xd7S7\xac[\xe9*&gt;\x90\x91L\xda4\x8d\x8f\x8d\xb6\xb4l\x18\x8f\x9d\x80 \x11\xdb\xf6\x15\x95\x96\xa9\x9b\xf7\x14f\xe5\x81#\xb6~\xc7N=n\x1e}C\xdd:\x19\x00\xc0t\x9dJRU\xbf\xd5\xa2:\x04\x02\x81@ P\xf1\xe1\xa6\x8d\x1b\x9ez\xfc\x91\xcc\x9a)x\x7fQp\xa5$\xc4\xf4\xed\xd9\xed\xcb\xcf\'\x94\x97\x95U\xbc\xdb~\xbf\xdf\x18p\xbbx\x9cs\xbf\xdf_\xf1\xa1\xae\xe9\xb3\x7f\x9cq\xc3U\xd7\xd4O\xafU\xdd\x7f\xfa%\x85\x024\xacU\xfb\xa11\xf7\xaeZ\xb6\xa2\xe2\xdd\xd64MU\xd5\xa0\x94\xa3\x10B\xd7\xf5\xb3\x8b2++\xe7\x9dw\xc67m\xd2\xd1nK\xaa\xee\xbf\xfe\x92b\xb3&amp;5i\xd2\xf1\xed\xb7\xc7\x1d?~\xaa\xe2\xdd\xf6\xfb\xfd\xba\xae\x07\xab(\xcfKU\xf7\x00\xc4Y\xcd\x8d\xa2\x82\xfc\x99\xd3\xa7\xad\\\xb5f\xdf\xb1S\xba\xe24E\xd7Pl\xce\xa8\x94L\x81\x0b\x84.\x1a\xa1TW}\xe5\xb9G\x99\xea\xd1\xcb\xf3b-\xd0\xa1u\xf3\xc1C\x86\xf4\xec\xd3\xdf\xf8\x86\x8b\xefi\x9e=O\xb5u\xf3\xc6\x9ff\xcd\\\xbbas\x81[\xa3\x8eD\xd9\x16m\x8fO\xb38b9\xc7\xce\xdc\xc5\x11\x82\xca\xb2\xbb\xf0\xa4\xea.\x0e\x94\x17P\x7fiFRL\xcfn]\xae\xbc\xfa\xda\xf4Z\x99\x00`&lt;"\xfc"\x97QTt\x07U50g\xd6\x9c\xe5\xcb\x97\xef\xd8\xbb5@&lt;\xced\xab\xc9"\'\xd5J\xc02\x0c\x96\xfccE\x01\xbf\xee\xca\xf3\x9a\x84\xbdy\xa3V\xbdz\xf5\x1a1r\xb8\xd9l\x86`t\xca/@\xf5\xcc\x01\xec\xdc\xbe\xf5\x9b\xc9\x93\x7fZ\xb4"`\xafY\xbb]\xbfZM;D\'\xd40[m8\xe1\x14L\xc2Xa\xa6\xfb\\e\xf9\xd9\x07\x0fo^Zx`}\x9dX\xe5\xb6\x9bo\xbc\xf6?7\x99\xcc\xe6\x8bYiPQ\x94?\xcd\xfc\xf1\xf3\x89_\xee8V\x10U\xbb]\xbd\xf6\xfdRj7\xb6G\xc5\xca\x8a\t\xb0\xe2\x0f\x1e\xe3\x12\r\xa8&gt;Wq\xc1\xc9\x03\xdb\x0eo\\\xc4\n\x0e\xf6\xe9\xd8\xfc\x96[n\xe9\xd2\xbd\'\\D\x9cWL\x02\xe5\x9c\xca\xf9f\xd2\x94\xefg|\xabZ\\\r:\xd4j\xda\xb1~RZ\x82\xcda\xa5\xa7\xf7\x8a\xc0\xc2\xbcx\xa7kZ\xce\x85\xd7\xed\xcb?Y\xb8g\xfd\xc1\x03\x1b\x8e+~\xc7u#\xffs\xd3\xe8\x1bS\xd3R\xe1B\xa7\xe5.X\xd5\x05\xc0\xe9\x15\x84\x05\x05o\xbe\xf6\xd2\xd49\xcb2:]\xde\xbc\xd7\xe5I\xe9\xf58\xd3\x03~/\xd3\x02x\x93p%\x10\x84\x10*\xc9\x8a\xd9b\xb2\xd8\xfc^\xcf\xd1\x9d\xeb\xb7.\x98\x14\xaf\xe7=\xf1\xc8\xfdW^s=\x9c\x7f\xddal/L\x08\xac\\\xf6\xeb+\xaf\xbe\xb6\xa7\x80\xb7\x1c4\xba~\xdb\x9e\x8e\xe88M\xf5i\xaa\x8f\xe9\xba\x10\x1c\xab\x8c`\x13\x84RYV\x14\x8bMV\xcc\xc5y\'\xf6\xac\xfde\xff\xb2\xef\x06vh\xf4\xf4\xb3\xcf\xd6o\xd0\xe8\x02\xe2\xdc\xb8$9\xe7\x1f\xbe\xff\xf1\x84\xaf\xc6%6\xb1\xf5\x1c\xd9\xb1n\x93ZT\x92\xfc&gt;US5\x9c\xc2\xa9$T\xa2\x8aI\xb1\xd8\xcc\x9c\xb1#{\xb2\x96\xcfZ_\xb0\xdb}\xd7\xcd\xff\xbd\xef\xa1{%*]j\xab\x80\x8c\xc1&amp;J\xe9\xdc\x9ff\xde\xfb\xd0\x13\x8e\x86\xbd\xfa\x8dz\xcc\x1e\x13\xefw\x97k\x01?!\x84\x10\n\xd8\xf2\xafLBp\xc1\x05\xa5\xd4ls(f\xeb\xfeM\xcbVLz\xb5W\xf3\xb4/\xbe\x9a\xec\x8c\x8a:\xf7\x0c0\xbeS\x00&lt;|\xdf\x98\xafg\xff\xda\xf1\x9a\x87[\xf7\xb9\x92s\xdd\xefqq\xa6\x13J\t\xc1[:*\xd3\xe9\x91[.+&amp;\x8b=J\x0b\xa8\xab\xa6\x8f?\xbe\xea\xbb\xe7\x1f\xbb\xef\xee1\xf7\xc1\x99\x15\xc0\xe7\xf2JF-\xb3o\xcf\xbe\x1bG\xdd\xa4:K\xae{\xe8\xb2\x8c\xfa\xa9&gt;\xb7\xdf\xef\x0b\x80\x10\x84\x12\xec\x8cW*!\x84\xe0\x02\x08\xb1XMV\x87%\xfb\xe0\xa9\xef\xde\x9bk.\x8f\xf9f\xf27\x8d\x9b6\xae\xb2\x0c\xa8\xf4\x00\xa8\xa8\xfd\x9f|\xf4\xc1\t\xdf\xcf\x1f\xfc\xc0\xff\xea\xb6\xe8\xe4*)`\xbaF\xa9\x84\xf5~\x15\x13\x82\x0b\xce-\x8e(IR\x16~\xf9\x9ao\xf7\xbc\xaf\xbf\xfc\xa2c\x97n\xe7r\xc2\x19\xb5\xff\xd1\xc3\x87n\xba\xf1\x86&lt;s\x9d\x11\xf7\xbd\xa5\x98\xad\x9e\xb2bB\x08\xc1[\xf9\xaa\x9a0\xbab\xce\xd8\x84\x82\x13Gg\xbf}O\xffV5?\xff\xea\x1b\xab\xd5z.c\x08FqO\xfe\xea\x9b\xc7\x9e}d\xf0=]\xfa^\xd5\xd5]\xe6U}\x01*a\xbd_\xd5\x84\x10\x9c\t\xb3\xd5\xe4\x88\xb6-\x9d\xb1f\xfe\xb85o\xbc\xf8\xce\xcd\xb7\x8d\xaa\x9a\x0c\xa8\xdc\x00\x10Bp!$Jo\xb8\xee\xea\xe5\x07\xdd\xd7=5ARL&gt;W\x</t>
        </is>
      </c>
    </row>
    <row r="183">
      <c r="A183" s="1" t="n">
        <v>181</v>
      </c>
      <c r="B183" t="inlineStr">
        <is>
          <t>shape_morph</t>
        </is>
      </c>
      <c r="C183" t="inlineStr">
        <is>
          <t>What is the missing shape of the part denoted with a question mark?</t>
        </is>
      </c>
      <c r="D183" t="inlineStr">
        <is>
          <t>['hexagon', 'square', 'pentagon', 'triangle']</t>
        </is>
      </c>
      <c r="E183" t="inlineStr">
        <is>
          <t>hexagon</t>
        </is>
      </c>
      <c r="F183" t="inlineStr">
        <is>
          <t>There are eight shapes arranged in a grid. The top left shape is a triangle and the bottom right shape is a ?. The other shapes do not appear to regular shapes.</t>
        </is>
      </c>
      <c r="G183" t="inlineStr">
        <is>
          <t>We observe that from the top left to bottom right direction, the shapes look like a triangle but gradually change shape into something like a hexagon. Hence, the pattern is the the shapes are morphing between triangle and hexagon shapes.</t>
        </is>
      </c>
      <c r="H183" t="inlineStr">
        <is>
          <t>Based on the pattern that the shapes are morphing between triangle and hexagon shapes, the missing shape at the bottom right should be a hexagon.</t>
        </is>
      </c>
      <c r="I183" t="inlineStr">
        <is>
          <t>b'\x89PNG\r\n\x1a\n\x00\x00\x00\rIHDR\x00\x00\x02\x00\x00\x00\x02\x00\x08\x02\x00\x00\x00{\x1aC\xad\x00\x00\x9d\x04IDATx\x9c\xec\xddwXT\xc7\xda\x00\xf09m{\xa1\x17A\xa5\x83\x88\x05\x91\xaaX\x11\x05\x8d\r\x1b\xd1\xc4\xd8Q\xa3\xd1\xf4\xdc\x1bM11\xc6\x14M\xd4D\xb1\xc7^\x135\x8a\xbd\x8b\x82\x05\x10\x15\x05)*\xbd\xef\xb2}O\xf9\xfe\x98\xc8\xe7\xd5\xa8Xw\x97\x9d\xdf\xf3=\xdfs#\x0b\x1cN\x99w\xe6\x9d\x99\xf7`\x1c\xc7\x01\x04A\x10\xc4\xfa\xe0\xa6&gt;\x00\x04A\x10\xc44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f0\xcc8\x8e3\xf5!X5t\xfeM\x8b\xe38t\t\x9a\r\x0c]\xcb\xe7\x00\x9f\x01\x1cG\xe1\xd3dh\x9a\xc6q\x1c]\x02Sa\x18\x86\xe38\x0c\xc3p\x1c\xc70\xcc\xd4\x87\x83&lt;\'\xf4\xfc&lt;\x1b\x96eKKK\xe1}O\xd34\n\x9f\xaf\x19&lt;\xff\x00\x00\x92$q\x1cgY\x96eYS\x1f\x94\xb5\x80w{]]]mm-A\x10$I\x12\x04\x81a\x18\xcb\xb24M\xc3\x90`\xeacD\x9e\r\n\x00\xcf\x80eY\x0c\xc3F\x8f\x1e=x\xf0\xe0\xdb\xb7o\x93$\x89a\x18\xc30\xa6&gt;.k\xc1\xb2,\x8e\xe3\xe3\xc7\x8f\xef\xdc\xb9\xf3\xcf?\xff|\xf3\xe6M8\x08\xe08\x0e\x05\xe3\xd7\x00\x9e\xe1\xf1\xe3\xc7{{{\x0f\x1d:t\xdd\xbau\xa7N\x9djhh\xc0q\xbc1\x18\xc0k\xc10\x0c\n\xcc\x16\x01\xa5\x80\x9e\x01l\x80z\xf5\xeau\xe2\xc4\t\x1b\x1b\x9b\xf7\xdf\x7f\xff\x93O&gt;\xe1\xf1x,\xcbr\x1cG\x10\x84\xa9\x0f\xb0\x99cY\x96a\x98\xa8\xa8\xa8K\x97.\x01\x00\xf8|~\\\\\xfc\x97_~\xd1\xa1C\x07\xf8\x01\x18\x8cQR\xe2U\x80\t\x9f\xf2\xf2r___\x95J\xd5\xf8\xef-\xdc\xdc|\xbc\xbdCCC\x87\r\x1b\xe6\xef\xefokk\xdb\xf8%8&gt;\x83\xc3e\x00\x00\xba(f\x08\x05\x80g\xd0\x18\x00N\x9f&gt;\r\xdb\x9a\xa0\xa0\xa0\x85\x0b\x17\xc6\xc5\xc5\xc1\xaf\x02\x00PV\xfa\x15\x81\rP}}\xbd\xa7\xa7gCC\x03A\x10\x06\x83\x01\x00 \x12\n\xbat\x8dNLL\xec\xd3\xa7\x8f\xbb\xbb;\xfc0\xc30(\x0c\xbc\\4M\x93$\xb9~\xfd\xfaw\xdey\x87\xcf\xe7\xeb\xf5\xfa&gt;QQ\xd9\xb9\xb9U\xb5\xb56bqMC\x03\x00@*\x93\x05\xb5m\x9b\x90\x90\x10\x1c\x1c\xec\xe7\xe7\xd7x9\x1a\x7f\x02\x86a\x8d\xf1\x001\x0b\x1c\xd2d0\xcb\xd9\xb3gO\x00\x00I\x92\xf6\xb66\xf0\x1c\x0e\x1b&gt;&lt;55\x15~\xc6h4\xc2\x01\x01\xf2r\xc1\x93\x9f\x9e\x9eN\x90$&lt;\xed\x14E\xc6DE\xf2(\n\xfe\xa7L&amp;{\xfb\xed\xb7\xf7\xec\xd9\xd3\xd0\xd0\x00\xbf\x85\xa6i\x9a\xa6\xd1\xe5x)\x18\x86a\x18\x06\xf6u\x00\x00\x11\x1d:l\xfaa\xa1\xa3\x9d\xdd\xe0\xde\xbd\xc3\xda\xb5\x03\x00\xb4tq\t\xf4\xf2jlX\xa4R\xe9\xc0\x81\x03\xe7\xcc\x99\xb3g\xcf\x9e\xea\xeaj\x98\xa3\x83X\x965\x1a\x8dF\xa3\x11^S\xc4\x84\xd0\x08\xe0\x19&lt;\x98\x02"\x08\x82a\x98V\xae\xae\xb5\n\x05\x8f j\x1b\x1aF\x8e\x1c\xf9\xf5\xd7_\xfb\xf9\xf9\x01\x00\x18\x86A\x19\xa1\x97\x0b\x9e\xd2c\xc7\x8e\xc5\xf5\xeb\xe7\xe1\xe6&amp;\xe4\xf3\x17|\xf0\xfe\xa1\xb3g\x7f\xd9\xb0\xf1\xa1O\xba\xb6h\xb1t\xc9\x92&gt;}\xfaH\xa5R\xf8/4M\xc3\x0c\xf5k?\xeaf\x82\xe38\x0c\xc3\x94J\xa5\xb7\xb7\xb7\x90$k\x15\x8aM\x0b\xbf\x1f\x14\x1f_TP\x80a\xd8\xde\x93\xa7R/_vqt8\x97\x91y1;;\xc8\xd7W*\x12\x9f\xcf\xcal\xfcv\x91X\xdc\xbaU\xab\x01\x03\x06\xc4\xc4\xc4\xb8\xbb\xbb\x07\x06\x066~\t\x86gp\x7f\xe8\x8c\xae\xd1kF\x9a\xfa\x00,\x15\xc30c\xde\x18@\xe0\xc4\xcd\xc2\xc2\xd2\xaa\xaa\x06\xadv\xdb\xb6m\x07\x0e\x1c\xf8\xf8\xe3\x8f?\xfe\xf8c\x1e\x8f\x07\xee\x07\x0cS\x1fi3\x01\x9b\x89\x1b7n\x10\x04\x11\xe4\xeb\xdb\xa9M\x9b\xb8\xee\xdd\xbbu\xea4\xbco\xdf\xb3\x19\x19\x7f\xfc\xb5\xe7F~&gt;\x00\x00\xc7\xf1v\x1e\x1e\t\t\t-[\xb6\x8c\x89\x89ILL\xec\xd9\xb3\'I\x92\x00\xad\x1c}\x01,\xcb\x12\x04q\xf3\xe6\xcd\x86\x86\x86\xc8\xc8H?\x8f\xd6\xc1\x81\x81:\x85\xc2\xd5\xc1\x01`\xd8\x8c\xb7\xdf\x9a1\xfaM\xb5Z}\xe5\xd6\xad\xac\x1b7\x08\x9c\xd8u\xf4(\x8e\xe3Q\x1d;\xd2\x0cs!+\xab\xa3\xafojffNN\xce\x0f?\xfc@\x10Dxxx\xf7\xee\xdd}}}ccc\xdd\xdc\xdc\x1e\xfcE4M\x03\x00\xd0ezm\xd0\x08\xe0\x19&lt;8\x02\x00\x00\xcc\x9b9\xe3\xf3\x993\xaedf\xbd\xff\xfd\xc2\xdbw\xef\xa8\xb5:\x12\xc7\xab\xeb\xeb\xdb\xb6m\xfb\xfd\xc2\x85\xf1qq\x18\x86\xa1\xbe\xe7\xcb\x02s\xd0S\xa7N\xdd\xb1eK\xaf\xc8H/7\xb7y3g\xe8\xf4z\x89H\x84\t\x04\xf5\xd5\xd5\x17\xaef\xef;q\xbc\xa2\xba\xa6\xb2\xb6\xf6\xcc\xe5\xcb\x8d\xdf\x18\x18\x18\x18\x1b\x1b\xfb\xd9g\x9f999\x01\x008\x8e\x833\x04\xa8\x89i:x\xf2?\xfe\xf8\xe3\x1f~\xf8\x01\x00\x10\x12\x18x~\xcbf\xbd\xc1\x00\xbf\xca\xb0,\x86a\x04\x8e\x8b\x85B@\x92\x9c\xd1X\xa5\xa8/\xbaW\xac\xd6\xe9\x92\xb7m72\x8cH\xc0\xdf\xb0w\x9fT"\xe9\x19\x16\xba\xf7\xf8\x89\xc6\x1f+\x93\xc9\xda\x06\x05\xf9\xfb\xf9\r\x1d:422\xd2\xd6\xd6\xb6q\xdc\x8cF\x06\xaf\x07\x1a\x01&lt;?\xb5F\x0b8\xd0\xd6\xdb\xfb\xe8\xda5\xdb\x0e\x1cX\xb6i\xf3\xb5\xdby\xad\\]so\xde\x1c\xfc\xc6\x1b\x9d\xc3\xc3\x17\xfd\xfcsDD\x04@\x19\xa1\x97\x016\x047rrx\x14U\xafTz\x84\x85\x11|&gt;\xab\xd3\xa94\x1aV\xa5\xe2QT\xbf\xe8\xae\xfdztW+\x1b\xbe\xf8mYu]]NA\x01\xfc\xc6\x1b7n\xe4\xdc\xb8q\xe4\xf0\xe1\xb8\xf8\xf8!C\x86DEE\xc1\x01\x01\x9a\xb4o:\x82 \x8cF\xe3\x9e={0\x000\x0c\x1b\xda\xa7\x0f%\x12it:\x92 \x00\x00\xe4\xfd{\xbbA\xadf9\x0e\xc70\x99P\xd49(\x08\x03\xa0{\xe7\xce,\xc7]\xcb\xcb\xeb\x13\x15UQS[p\xef\x9e\x80\xcf\xb7\x95\xcb\xbbw\xee\xbc\xf5\xc0\x81\x86\x86\x86\xc2[7\xcf\xa7\xa6\xae[\xb7N,\x16\xfbx{\xc7\xf7\xef\xff\xb8\x91\x01\x9a@~\x15\xd0\x08\xe0\x19&lt;4\x02\xf8\xcf\xe4\xc9\xdf~\xf4a]u5E\x92\x12\x89\xa4\xa2\xaa\xfa\xb7\xad[V\xed\xdc\x85\x01\xe0\xec\xe0@`\xe0\xd2\xf5\x9c\x193g\xcc\x993\xc7\xc1\xc1\x81\xe388\x8e6\xf5\x1fa\x91\xe0]\xaaR\xa9\xfc\xfc\xfd\x9d\xa4\xd2\xce\xed\x82\xc6\x0c\x18\xd0-4T\xa3\xd1\xc0\x16\x81\xe388\xd5K\x12\x84X*\xd5\xaa\xd5\xc7\xd3\xd2V\xef\xdc\x95~\xedZIE\xc5\xb4\xc4\xc4U;v\x18h\x1a\x00\x10\x15\x155d\xc8\x90\x01\x03\x06\x04\x04\x04\x80\xfb\x03\x024J{\x02x~\xce\x9d;\x17\x1d\x1d\r\x00\xe0ST\xea\x96\xcd\xed\xfc\xfc\xb4:\x1d\xfe\x98\x93\x06\'\x18\xe1\xff\xc60L(\x10\x10\x14\x05\x00\xa8\xad\xab+\xaf\xaa*\xab\xae\xb9\x90\x95\xb9\xf3\xd0a\x82 \xfc&lt;&lt;\xb6\xec\xdf/\xe0\xf3\x03\xbd\xbc\xae\xe4\xe4\xc0oy\xc2\xc8\x00^/\x00\x00\xbad/\x05\n\x00\xcf\xe0_\x03\x80\xa2\xb6\x96$\x08\x86ax\x14%\x10\x8b\xd33\xb3v\x1f9r\xfc\xc2\x05\x85J\x15\xdc\xa6\xcd\xce\x94\x14\x0f/\xaf\x0f&gt;\xfa(i\xca\x14x\xbf\xa2\x89\x81\xe7\x00\'!\x15\n\x85\xa7\xa7g]]\x1d\x00`\xdfo\xcb\x06\xf4\xea\xa5T*\x89GN&amp;l\xb0\xc4"\x11\xc0\xf1\xb2\xf2\xf2\x9c\x82\x82\xe4\x1d;\xb7\xa5\xa4&lt;\xf8\x19&gt;\x9f\x1f\x17\x1f\xff\xe5\x17\xff\xbf\x87\x00m\xe6x\x1c\x98\xff\x99?\x7f\xfe\xdc9s\x18\x8ek\xe7\xe3se\xd7N\x9d^\xdf\xf4\xf6\x97\xe58\x8ee\x01\x00\x14IR\x14E\x12\x04\xcbqz\x83\xa1F\xa18\x97\x91q\xfa\xe2\xc5\xbb\xe5\x15\xb7\n\n*kj\xfa\xf7\xe8\xbe\xf9\xef\xfd\x18\x869\xdb\xd9\x96\xd7\xd4\x82\'N \xc3\xbb\xe2U\xfc\xc9\xd6\x03\x05\x80g\xf0\x84\x00\x00`\'\x94e\xc5"\x11!\x10\\\xca\xcc\xfam\xf3\xe6\xbfO\x9d\xea\x11\x16z5\xe7fM}\xbdW@\xc0\xaf\xbf\xfc\x12\x16\x16\x86&amp;\x06\x9e\x03&lt;\xf3\xb7n\xdd\n\t\t\x89\x0e\x0en\x1f\x10\x904bx\x0b\'\'\xa3\xd1\xf8\xb8\xd3\xc8\xb0,\xe08\x1eE\t\x84\xc2\xd2\x8a\x8a\xb4\xabW\x97m\xder&gt;+K\xa3\xd56~\xe6\xd1=\x04h@\xf0(xB\xde\x1e;\xf6XJ\xca\xd47\x13\xdb\xf9\xf8\xc4EG\x1b\x1e\x7f\xe6\x9f\x0c\x0e\xd40\x00p\x1c\'\t\x82/\xe0\x03\x82\xd4i4W\xae_W\xeb\xf4\xe9W\xaf\xee&lt;t\x88 \x08?\x8f\xd6[\xf6\x1f\xe0\xf3\xf9\x1d\xfd\xfd\xd2\xaef\xc3\xef\x85\x13\xc8\xdd\xbau\xf3\xf3\xf3\x1b6l\x98T*E\xdd\xa9\x17\x84\x02\xc03xr\x00h\xfc\x0c\xcb\xb2R\x89\x18\x00p\xe0\xf4\x99\xb9K\x96\xf2y&lt;#M\x93\x18\x96v\xedZTT\xd4O?\xfd\x84&amp;\x06\x9e\x15&lt;W\x7f\xef\xdf?l\xc8\x90\xae\xa1\x9d\x85\x14o\xd57\xf3\xe4b1\xcd0On\x86`T\xe6\xf3x|\x91\x88\xd6\xeb\x8b\xca\xca\x8e\xa4\xa6.\xdb\xb4)\xa7\xa0\xb0wd\xc4\xa9\xf4\x8b\x06\xa3\x11\x00 \x93\xc9z\xf4\xe81a\xc2\x84\x81\x03\x076\xfeF\x806\x15\xdf\xefe744\xf8\xf9\xf9\x95\x97\x97\x0b\xf8\xfc\xf5\xf3\xe7\x0f\x8b\x8fS54&lt;:\xf6z\x8e\x1f\xfeO\xe2\x0e\xc7EB!\x86\xe3,\xcb\xc2\x91AjF\xc6\xf1\x0bi\r\x1a\r\x8ea\x1b\xf7\xfd\xcf\x042\t\x00\r@xx\xf8\x81\x03\x07\xec\xec\xecP\x0cx\x11\xe8\xc4\xbdd\xb0.\x8aZ\xa3Uk\xb4\x03z\xf6&lt;\xbe\xe1\x8f\xa8\xe0\x8e&gt;\xadZ\xde\xab\xacl\xe1\xe4\xc44(\xa3"#\xdf{\xef\xbd\xea\xeaj\x82 \x1a\x13\x9a\xc8\x93\xc1n\xca\xf5k\xd7p\x1c\x07\x1c\xe7\xdd\xb2\xa5\xbdL\xf6\xd4\xd6\x1f\x00\x80a\x18A\x10F\x9aV\xd6\xd7\xeb\xf4\xfa\xd6..SG\x8fN\xdd\xb4\xe9\xd4\xfau~\xad[\xc3\xd6\x1f\x00\xa0T*\xf7\xee\xdd;h\xd0\xa0\x98\x98\x98\r\x1b6(\x95J\x82 \xe08\xc0\xca\xab\x0c\xc1\xa9\xf23g\xceTTT\x90$I\xe0x\xc76\x01\x8c\xc1\xf0\xb8\xec\xff3\x81k\x87H\x82\x00\x18\xa6\xd2h\x94*\x95Z\xa3aY\xd6\xd1\xc6fD\\\xdc\xf2y_\xaf\x9b\xff\xed\x07\xe3\xde\xf9c\xc1ws\xa7Nusr\x16\xf0\xf962Yx\xa7`\x1c\xc7\xd3\xd2\xd2\xa6M\x9dj4\x1aaM\xc0\x17?\x18\xeb\x84V\x01\xbd\x12\xb0K\xa2T*\xf9\x14\xf5\xd3\x7f\xfeSPT4w\xc9\x92\xa2\xe2\x92\xca\xda\xda\x11qq\xcb~\xfd\xf5\xc0\xfe\xfd\xb3?\xf8`jR\x12\xdcP\x86z\x9aO\x06ON\xd6\xd5\xab\xb6Ri\x1boo\x0f77\x80\xe3MO\x01\xc30\x00\x00\xd0\x1b\x0c\x1a\x9d\x8e"\x89\xae!!\xc1m\xda\xbc\x19\xdf\xff\xf4\xe5\xcb{\x8f\x1f?\x9f\x95\x05\x00\xf0rw\xbf|\xe1\xc2\xb1c\xc7\xd0\x1e\x82\x87l\xdb\xb6\x8d\xe38\x9a\xa6{\x87\x87\xfbyy\xfd\xeb\xd4\xcb\x0bz\xf0\xdc\x1aiZ\xdf\xd0\xc0q\x1c\x81\xe3\xed|};\x06\x06\x02\x00j\xeb\xea\xa6\'&amp;\x96\xd7\xd6\xae\xdb\xbd\xeb\xf2\xf5\x1b\xef\x0c\x1e\xbcr\xdb\xb6\xa2\xbbwS\x0e\x1c\xb0\xb5\xb5E\xe3\x80\xe7\x83R@\xcf\xa0))\xa0\x87\xc0\x14\x04EQB\x1b\x9bK\x97/\xff\xb6y\xcb\xdf\xa7N\xf5\x0c\x0bK\xbfzUo0\xb4\xf2\xf6\x9e?\x7f~\xaf^\xbd\x00*_\xf3D\xf0\xcc\xf7\xec\xd9\xf3\xe4\xc9\x93\x00\x9e\xf9\x8f?R\xd4\xd4&lt;\xe1\xcc?\x19\xc3\xb2\x04L;P\x14\xa3\xd7\x1fJM\xdd\xb8w/\x81\x13\x1b\xf7\xed{\xf0c\x8f\xee!\xb0\xb6\xa5\\\xf0\xccGDF***|[\xb7\x8e\xef\xde}r\xe2(\x95B\xf1\xdaN\xc2\x83\x13\xc8$IR"Q\xf1\xbd{7\xf2\xf3\xbfZ\xf6[jV\x16\xe0\xb8\xd0\xd0\xd0\x93\'O\n\x04\x02\x80\x16\xf5&gt;;t\xbe^-\xd8\xf7d\x18\xa6\xbe\xb2\xb2S\x9b6\xab\xbe\xfej\xcd7\xdf\xdc*,\x8c\xe8\xd8\x91\xa4\xa8K\xe9\xe9\xbd{\xf7\x9e0aBIi)L8\xa0\x8c\xd0\xe3\xd04]W_\xdf\xde\xcfw\xda\x9b\x89a\xed\xda\x19\x1f\xbf\x06\xb1)`\x07V\xa5V+\xea\xea4Zm|t\xf4\xe6\x9f\x7f\xfax\xe2\x84qC\x87\x06z{7~\xec\xc6\x8d\x1b\xbf,^\xdc\xabg\xcf\x8f&gt;\xfa(55\xb5\xf1j\xbe\x84\xbf\xc7\x12p\x1c\x87\xe3xyyy\xce\x8d\x1bZ\xbd\xde\xcd\xc5\xb9gx\x18\xad\xd7\xbd\xcev\x16\xc70\x98\x8e\x83\x0b\x87\x1455\x8evv]CB\xfc&lt;Z\xc3/]\xbcxq\xfa\xf4\xe9\xb0*8\xea\xce&gt;+\x14\x00^\x07\x0c\xc3(\x92Tk4j\xadv@\xcf\x1e\'7m\x8c\xea\xd8A\xad\xd1\xd8\xd9\xda8;8\xacY\xb3&amp;\xa4S\xa7_\x7f\xfd\xd5h0\xc0\x8e\x95\xf541M\x01\x9b!eCC\xc9\xbd{z\x831\xf3F\x8e\x83\xad\r\xf12\x86Jp!\n\x8e\xe3J\x95JY\xafh\xe3\xe9\xb9\xe6\xbb\xf9\x97vl\xff\xfb\xf7\xdf\x86\xf4\xee\xed\xe6\xec\x0c\x00\x98\x9a\x98\x98\x97\x9b\xfb\xe3\x8f?v\xe9\xd2%**\xea\xf0\xe1\xc3p\xf2\xc6\x1a\xda\x1ax\x1f\x1e&gt;|X\xa9T\xde)-]\xb5}\xa7X \xe0X\x93\xfd\xe1\x18\x86\x91$i0\x18X\x86Y\xbbdIb|\\\x0bGGwW\xd7u\xeb\xd6M\x9e&lt;\xd9z\xae\xcbK\x84\x02\xc0\xeb\x03\x93\xc8J\xa5R\x80\xe3I#G\xee\xff\xfd\xf7\xd0\xa0 \x86aZ89\xd5\xd7\xd6\xbe\xf7\xde{m\x02\x03\x7f_\xbe\x1c\xaeFG\xefWj\x04\xcfCaa!\xc70"\xa1\xb0\xb2\xb6\xd6\xd9\xde\x01n\r}Y\xbf\x82\xc0q\x82 \xb4z\xbd\xb2\xbe\x9ee\xd9\xfe\xdd\xbb\xef^\xb6\xf4\xe2\xb6\xad\xc7\xd6\xac\xae\xa9\xaf\x87;\xc80\x0c;\x7f\xfe|\xdf\xbe}\x97.[\x06\xff\xb3\xd9\xc7i\xd8\xad^\xbbn\x9dD(\x14\xf0\xf9\xe3\x86\x0eqww\xd7\x1b\x0c\xa6MT\xe28\xce\x01\xa0,/_\xf1\xf5\xd7c\x07\r*.+\x93\x8a\xc5+W\xae\x8c\x8f\x8f\x87o\xa4A\x0fN\xd3\xa1\x00\xf0\xba\x11\x04A3\x8c\xde`\x08k\xdf\xee\xcf%K\xe6\xcd\x9c\xe9b\xef \x16\x89\xa4\x12I}U\xd57s\xe7DFF\x1e?~\xbc1#\x84\xeef\xb8\xc6\xe3\xf2\xa5Kz\xbd\xbe\x83\xbf\x7f\xc7\x80\x00\x17\x07{\xfay\xd7\xa1?\x01~\x7f\xaeX\xa9R)\x15\n[\x99\xacWd\xe4\xcf\x9f|\xbc\xfb\xd7_b"#\xe1\xaf\xf3tw\x9f\xff\xe5\x97]\xa3\xa3\xeb\xeb\xeb\t\x82\x80\xc5\xcb\x9a%\x98\xfd\xbfy\xf3\xe6\xe9\xd3\xa7UZ\xadN\xaf\x1f\x11\xd7\x8f5\x1a\x81\x19LS\xe1\x18\x86\x03\x80\x030g\xda\xd4\t\t\t2\x89\xc4\xde\xc6&amp;%%e\xca\x94)8\x8e\xa3\xa7\xa6\xe9P\x000\x01X\xd5D\xa5\xd1\x18\x0c\x86\xa41\xa3\xb7/\xfeyzb"\x89\xe3\x83bzc8q\x19M\x0c\xfc\x9b\xb2\xb22\x95V\xbb\xee\xaf\xbf\xca\xaa\xaa$b1\xf3*W\xfe\xc1\x01\x01\xcd0J\xa5\xd2^.\x1f\x12\x1b{x\xf5\xaackV\x0f\xec\xd9\xf3\xad7\xde`8.\xf5\xdc\xb9\x98\xde\xbd\xb323I\x92l\xaek\x10a\x1bz\xe7\xce\x1d&gt;E\xc5v\xed\xfaF\x8f\x1e\xed\xfd\xfc\x0cz\xfdKY\x00\xfa\xe2\xe0\n]\x86\xa6W|\xf9\x85\xbfGk!\x9f\x0f\xc7\x01III$IZ\xf9\xe2\xdd\xa6C\x01\xc0d\x08\x1c\xc70LQ[\xdb\xda\xd5u\xee\xb4\xa4[\x87\x0e\x06\xb7i\xa3\xd5\xe9l\xffwb\x00n\x1b\xb6\xe6\xb7\x9f\xc3\xaewUu\xb5\xa3\x8d\xcd\xf8\xe1\xc3\x12\xfa\xf4y\xc2\x06\xe0\x97\xfb{\xff\xd9C\xa0P\xa8T\xaa\xe8N\x9d\xf6\xac^%\x14\xf0\xb5:\x9d\xbf\xa7\xe7\xe5+W"\xbbt\xd9\xbd{7\xcc\x934\xbf\xab\x03\x1b\xd0\x93\'O2\x0c\xc3q\xec\xe0\xde\xbdm\xa4\xd2\xa6\xec\xbdxmp\x1cgXV\xab\xd3\x1dZ\xb5*\xb6K\x97\x06\xb5\x9a$\xc9\x15+V\xacX\xb1\x82\xa2\xa8\xe6wE^\x05\x14\x00L\x8c$\x08\xad^\xaf\xd5\xe9eB\xe1\xe4\x11#\x1e\x9c\x18P\xd4\xd5\xbd\xf7\xde{\x11\x91\x91{\xf6\xee\x85\xf3\x07\xd6\xd9\xaf\x81-\xce\xd5\xabW)\x8a\xbaWZ*\x12\n\t&gt;\xff\xb5=\xde0\x0c\xe08\xae\xd1\xe9\x14UU\x9fN\x99\xbc\xe2\xab/o\x15\x16\xf2y\xbc\xf8.]\x12\x12\x12&amp;O\x9e\x0c\xabT6\xb3\x81\x1a|\xe9\xe6\x9f\x7f\xfei0\x1a\x8f\x9cK\xcd)(\xe0\xbd\xe2\x81\xd7s\xc00\x8c\x03\x806\x1a\x97}\xfe\xdf\x0e\xfe~\xde-[\x8aE\xa2\xa4\xa4\xa4\xc5\x8b\x17\xc3\x04\x9d\x15&gt;/\xcf\x04\x05\x00\xd3\xc31\x0c\xc7q\xa3\xd1h\xf8\xdf\x89\x01\xa1@\xe0hgWRP0x\xd0\xa0\x84\x84\x84\x8b\x17/\x92$im\x13\x03p\xb7\x97V\xab\xbd}\xfb\xb6X(\xb2\x91H\xbd\xdc\xdd\x81)\xfa\xa1p\xc9P\x83\xb2aD\\\xdc\x96\x1f\x7f\x9c7s\xc6\xbd\x8ar\x01\x9f\xbfr\xe5\xca\xb8~\xfd\xea\xea\xea\x9a\xd3\x94\x00\xc30\x18\x86edd\xdc\xbe}\x1b\xc7q\x01\x8f\xf7\xf6\xa0\x81\x8c\xee\xb5.\x00m"\x1c\xc3\x8c4\xcd\xb0\xec\xe15k\xdc\x9d\x9dY\x96i\xe1\xe44{\xf6\xec\xf7\xdf\x7f\x1f\xe6\x82L}\x80f\xcd\xec.\xa7\xd5zxb\xe0\x97E\x93\x86\x0f\xa3H\x92\xc3\xf1Q\xf1\xf1G\x0f\x1e\x1c&lt;p\xe0\xbb3f\xc0\xf7\xa1[\xcf\xc4\x00\x0c\x00\x95\x95\x95j\x95\xca\xdf\xd3\x83$I;\x1b9\xcb\xb2\xa6\x9a\x8a\xc4q\\\xa3V\x8f\x1a\xd0\x7f\xfa\x9bo\xba;9\xbb:8\x88E\xa2\x83\x87\x0e\xc5\xc6\xc6^\xbf~\xbd\x99M\tl\xdb\xb6\r\xe6\x1e;\xf8\xfb\xb7\xf1\xf2zB\xfdg\xd3\x82\xd5 l\xa5\xd2\xf5\x0b\x16\xc4u\x8d.\xad\xac\x94K\xa5\x8b\x16-Z\xb9r%EQV\xf2\xa4&lt;\x1f\x14\x00\xcc\xcb\xffO\x0c\xb8\xb8\xcc\x9f5\xeb\xd0\xca\xe4\xc9\xc3\x86\xa5_\xbd\x1a\xde\xb1\xa3\x93\x8d\xcd\xde\x1d\xdb\x03\x03\x03\x97,Y\xc2X\xcd\xc4\x00\x1c\xeb\x14\x14\x14(\x95\xca\xa3\x17.\\\xbe~\xdd\xdd\xd9\x996\x1aM\xd8\x0e\xe18\xaeP(8\x96\xdd\xf5\xdb\xb2^\xe1\xe1j\x8d\xc6\xa7u\xeb+\x97/u\xe8\xd0a\xc5\x8a\x150\x17d\xe9\xd7\x05\x0e\xb0._\xb9\xe2hk\xdb\xbaE\x8b~\xd1\xd1\xa4@`n\xf9\x9f\x07\xe18\xae\xd5j[89|=\xe3\xdd\x9e\xe1a\xae\x0e\x0e8\x8eO\x9e&lt;y\xf5\xaaU\xf0m6\xa6&gt;@3\x85\x02\x809\x82\x13\x03\x1a\xad6\xc0\xc3\xe3\xeb\x0f\xde\xdf\xf8\xf3O\x04\x8e\xcb\xa5R\x0f\xf7\x96\xc5\xc5\xc53g\xce\x0c\x8f\x88\xb0\xaa\x89\x01\xbd^/\xe4\xf3\xc3;\xb4\xf7k\xdd\x9a\xe58\x93\xafD$\t\x82\xe3\xb8\x86\xfa\xfa\x95\xf3\xbe\xde\xf2\xe3\x0f\xe5UUB\x81\xd0\xc1\xc6&amp;)))))\t\xce\x19Xn\xc7\xb3\xb1\x02hnn\xae\x9b\x93\xd3\xd4Q\xa3\x12\xfa\xf5\xd5k\xb5/\xbd\xfe\xcf\xcbE\x10D\x83J\xed\xeb\xe1\xf1\xe7\x92%b\xa1\x90eY\x92$\'N\x9at\xf4\xe8Q\x8a\xa2P\x0c\xf8Wf}E\xad\x19\x9c\x18\xd0\x1a\x0c\xf555\x11AA\xbb\x7f\xfd\xe5\xeb\x19\xef\xde\xc8\xcf\xb7\xb7\xb1q\xb0\xb5-),|tb\xc0\xd4\x87\xfcJ\xc0\xd8\x96\x99\x99\t\x00 \t\xa2\xad\x8f\x8f\x93\x9d\xdd\xebY\x05\xf4d0e\xa7\xd6h\x86\xf7\xed\xbb\xf6\xbb\xf9\x8evv\xb5J\x05\x8e\xe3+V\xac\x181bD^^\x9e\xe5\x16\x8d`Y\x16\xc3\xb03g\xce\x94\x97\x95e\xde\xba\xf5\x9f\xc5\x8b\x85\x14e\x8e\xa9\x9fG\x108\xae\xd3\xeb\x85|\xfe\x81\xe4d7\'\'\x1c\xc3\xfaDE\x8d\x1c1b\xf5\xea\xd5\x14E\xa1\xf9\x80G\xa1\x00`\xd6p\x0c\xa3H\xb2\xa1A\xc5\xb2l\x97\xe0\xe0K;wLH\x18\xca\xa3(81p\xec\xe0\xc1Ao\xbc\xf1\xee\xcc\x99j\xb5\x1a\xee\x83\xb7\xf4\xcc\xc3\xa3\xfeY\x02\x94\x9d\r\xeb\x80:\xd9\xdb\x99\xcf`\xe7\x9f\x18\xa0\xd5\x0e\x8b\x8f?\xbafux\xfb\xf6\x8e\xb6\xb6\xadZ\xb4\xd8\xb1cGDD\x04,\x1aa\xb9\xe3\xb3\xed\xdb\xb7\xe38N\x91d\\\xd7\xae&gt;\x1e\x1e\xfagy\x05\x98\t\x118\xae\xd5j\x9d\x1c\x1d~\xfe\xf4\xd3\x1f&gt;\xfcP\xab\xd7\xd5\xd6\xd5M\x9c8q\xd5\xaaUhN\xf8Q(\x00X\x00\x82\xc0\x01\x00\x1a\xad\xd6\xcd\xd1\xf1\xc1\x89\x81\xd0\x0e\x1dZ:9\xee\xdb\xbe\xdd\xd7\xcf\xef\xcf?\xff\x84\x8b\x11i\x9anNa\x006:e\xa5\xa5\xa5\xd5\xd5K7n\xaa\xa9W\x90B!kNM*\x81\xe3\x8a\x9a\x9aV..g6m\x1c\xf3\xc6\x1bwKK=\xdd\xddu\x1aM\xdf\xbe}W\xae\\\t\xc7g\x16tE`%\x12\xb5Z}\xe4\xc8\x11\x96e\x8d4=\xa0G\x0f@\x10fu\xce\x9f\x8c$IE]\xdd\x887\x06t\r\xe9\x94}+\x17\xae\\\x9a4i\xd2\x85\x0b\x17H\x92D\xb9\xa0\x07\xa1\x00`1p\x1c\xd7\x19\x0c\xff?1\xf0\xd3\x8f|\x1e\xafA\xadquq\x0eps\x1b:th\xef\xde\xbd\xd3\xd2\xd2H\x92lf\xbb\xe1\x19\x86\xa9W(\x02\xbd\xbc\x92F\x8d\xea\x1c\x14D\x9b\xcdf\xd4F$Ij\xf5z\xb5J=\xef\xbd\x99\xeb\xbe\x9b_SW\xa7\xd1\xe9$b\xd1\xe4\xc9\x93\xc7\x8f\x1f_WW\x07\x03\xb3\xa9\x0f\xb3I\xe0m\xa3T*U*\xd5\xe0^\xbd&gt;\x187.\xaaS0m\x96\x0b@\x9f\x80$IEMM\x07\x7f\xff+\xbbvJ\x84\xc2V-ZHD\xa2\xfe\xfd\xfb_\xbcx\x11\xe5\x82\x1edI\x17\x15yhb\xe0\xcf\xa5K&gt;\x1c7\xceN&amp;g8\xceV.?~\xfcx\xb7\xe8\xe81c\xc6\\\xbcx\xb1y,\x15\x85u@kjj\x8a\n\n\x9c\xec\xeds\x8b\n[\xb9\xba`\xa6[\x03\xfa\x04\x04\x8es\x1c\xc7\xd0\xf4\xd8\x84\x84\xbf\x7f\xff\xadgx\x98\\"\xb1\x93\xcb\xd7\xae]\xdb\xbbw\xef\xcc\xccLK\xc9?\xc0\xc1\xca\xdf\x7f\xff\xadjh\xc8\xbcu\xab\xa2\xa6\xda\xcb\xcdM\xff\x92^\x01\xf6:\x91$\xa9\xd6hZ\xb9\xba\xfe\xbd\xfcw\x17{{\x95FS[[\xdb\xaf_\xbf\xbf\xfe\xfa\xcbR\xae\xc5k\x80\x02\x80\xe5\xf9gb@\xad6\xe8\xf5\xe3\x87\x0e\xd9\xbd\xe4W\xef\x96-\xe5b\xb1\x8dL&amp;\x11\x896m\xda4d\xd0\xc0wg\xcch\x06\x13\x03\xf0\xc8\xf3\xf3\xf35\x1a\x8dB\xa5\xaa\xae\xad\xb3\x93\xcb\x19\x861\xcf\xa6\x08N\t(jk\xa3CCw,Z\xe4\xe5\xde\xb2V\xa1\xf0l\xe9\x9e\x91\x91\xd1\xa3G\x8fs\xe7\xce\xc1]\x02f&gt;2\x83\x95-V\xadZ\xc5r\\QI\t\x060\xb1Db\xce\x0b@\x9f\x80 \x08\xb5V\x1b\x1d\x1e\xfe\xdd\xecY\xad\\]\xfd&lt;&lt;jkk\x13\x13\x13\xe1\xd2\tK\xef\x1e\xbd\x14(\x00X*\xb8&amp;O\xa9V34\xbdf\xc1w\xbf\xfc\xf7\xbf\xbd\xc2\xc3k\x15\x8a\xfe\xdd\xbb\xbb\xda\xdb\xef\xdb\xb1\xe3\xc1\x89\x01\x0b\xcd\x08\xc1c\xbev\xfd:\x8f$;\xb7\x0b\x1a\xd0\xa3\x87\xbd\\nV\xe5h\x1eE\x92\xa4R\xa9\x14\xf2\xf9\xc7\xffX?gjR\xe1\xbdb\xa1@\x00\x18\xa6G\x8f\x1e\xb3g\xcf\x86/}3\xdb\x90\x0c+\x80\xde\xbau+++\x8b$I\x92 \xc6\x0f\x1d\n,\xf0\xceiD\x12D}mm\xaf\xe8\xe8u\xf3\xbf-\xad\xac\xf4\xf3h\xad\xd3\xe9\xfa\xf5\xed{\xe9\xd2%\xcb]\xa6\xf5\x12\xa1\x00`\xd9`\xe6AY_?\xb0w\xaf\xe4/\xbf&lt;\xb2n-I\x10*\xb5\xf6\xa1\x89\x81\xc6\xf7\x9b\x9b\xfax\x9fGiI\x89J\xab]\xb9}\xc7\xa9\x8b\x17eR\xa9\xf9?\xb4p\x8f\x9eN\xa3\xf9z\xd6\xac\xbd\xbf-k\xef\xeb\xcb\xb0\xac\x9d\\\xb6x\xf1\xe2\xb8\xb88s\x9e\x12\x80\x91\xe9\xe0\xc1\x83z\xbd\x9e\xa6ig{\xfb\xb0vA\x1a\x8d\xc6\xccw\x00&lt;\x19E\x92\xca\xba\xba.\xc1\xc1{\x97-Sk\xb4\x18\x86\xd5\xd6\xd5\x8d\x1c9\x12V\xef0\xff\xdb\xe9\x95\xb2\xe0\xebjZ\x84\xd9\xbc\xbf\x17V+S*\x14B\x01?&amp;&lt;|\xfb\xe2E\x1f\x8d\xff\x9f\x89\x81\xe8\xe8\xe8\x193gVUU\x91$\xc9q\x9c\x05\xdd\xf1\x0f\xd7\x01\x8d}Mu@_\x1c\x86a\x00\xc3\x14uuo\xc4\xc6.\xfc\xe8C\x7fOO\x9d^/\x95H\x0e\x1e&lt;\x18\xd7\xaf_nn\xae9\x17\x8d\xc8/(h\xe1\xe8\xf8\xfe\xb8w&gt;\x998\x91GQ\x968v|\x08\xdc\x1f\xd0\xb3{\xb7_\xff\xfb\x1f\x0c\xc3\x02\xbc\xbc\n\n\n\xfa\xf4\xe9SVV\x06\xa3\xb5\xa9\x0f\xd0dP\x00xv\x1c\x07\x00\x80uh\xcdg6\x12\xbe4U\xa9T\x1a\r\x86\xc6\x89\x01\x99Xl#\x93\xc9\xc4\xe2\xa5K\x96\xb4\xef\xd0a\xed\xda\xb5\x8do\xb5\xb5\x88\x9b\xfe\xe1:\xa0\x82\xd7Z\x07\xf4\x05a\x00\x90$Y_]\x1d\x1d\x12rb\xfd\xba\xbeQ]\x1aT*_\x0f\x8f\xb4\xf4\xf4n\xdd\xbam\xdd\xba\xd5\x0c\x8bF\xc0\n\xa0G\x0e\x1f\xae\xac\xad=r.\xd5\xd3\xcd\xcd\xb2\x16\x80&gt;\x01A\x10\r55\xfd\xbav\xdd\xf8\xfd\x82\xea\xbaZ\xb9T\x9aq\xf9rHHHvv\xb6Eo\xdb~A(\x00&lt;3\x8c $Ba\xbfn\xd1\x1d\x03\x02^\xc5{\xa9\x9e\x1b\x06\xc0?/\xb4\xba?1\xb0\xe4\xf3\xcf\xbb\x04w\xd4\x1b\x0c\xee..\xf555\xe3\xc7\x8f\xef\xdd\xbb\xf7\xb6\xed\xdb\x1bk\x15\x98s\xe7\xce|\xea\x80\xbe\x08\x8a$\x1bT*\x02\xc3\xb6\xff\xb2x\xeb\x8f?\xde))\x89\n\x0en\xe5\xe8\x98\x98\x988u\xeaT\xb3*\x1a\xd1X\x01477\x97f\x98\xec\xdc\\[\x1b9\xceq\x96t\xba\x9f\x08\xc70\x96e\x13\x07\x0e\x9c7s\xa6\xa3\xad-N\x92eee\xa3G\x8f\x86\xb9 \xb3\x8a\xc4\xaf\r\n\x00\xcf\x00\xde"aaa\x02&gt;\x1f\xc7\x89\xac\x9b71\xa3\xd1\x0c\x97\xc75N\x0c\xbc\xd1\xab\xe7\x86\xef\xbf\xff\xe1\xc3\x0f\x05&lt;\x9eT,n\xe5\xea\x9ay\xf1b\xd2\xc4\x89\x83\x07\x0f6\xff\x89\x01s\xab\x03\xfa\xdc`\xe3\xd2\xa0R%\xc4\xc6n\xf9\xe9\xa7\xc4\xf8\xf8\x8b\xd7\xae\x11\x04\xb1|\xf9\xf2\xe1\xc3\x87\xd7\xd4\xd4\x98I&amp;\x1a\xf6\x06v\xed\xda\x85a\x18\x81\xe3\xe1\xed\xdaEv\xe8\xa0\xd1h,k\x07\xc0S)\xea\xeb\x93\xdey\'\xb1\x7f\x7f;\xb9\xcc\xdf\xd33;;\xbb_\xbf~uuu\xe0\xfe\x03nU\x9a\xd5\xa5}=DBau}\xfd\x81\x93\'O]\xbaD\x90\xa4yv\xa2\x1b\'\x06\x04\x14\x95\x948\xea\xf0\xeaUo\xf4\xea%\x12\n\xfd\xbd\xbd\xbbt\xea\xb4g\xcf\x9en\xdd\xba\xcd\x981\xc3\x9c\'\x06\xcc\xb0\x0e\xe8s\xc30\x0c\xc70\x8dV34&gt;\xaeWDD\xb7\x90\x10\x17{{;\xb9|\xe7\xce\x9d\xd1]\xbb\x1e&lt;x\xd0\x1c\x8aF\x10\x04\xa1\xd3\xe9\xfe\xda\xb3\x87eY\x86e\x07\xf6\xea\x85\xf3\xf9\x8cY\xde\xde\xcf\r&gt;\x17\r\xd5\xd5s\xa7O[6gNnQ\x11\x9f\xcfOOO\x8f\xe9\xd3\x07\x96V\xb4\xb6\x18\x80\x02\xc03\x83\xa5\xb2\x08\x1c\x97\x8a\xc5f\xbeB\x8e \x08\x86e\x95J\xa5\x9b\x93\xd3\xeao\xbf\xd9\xb9h\xd1\xc4a\t\x07\xcf\x9c\x91\xcbdR\x91h\xe9\xd2\xa5\x0fM\x0c\x98a03\xb7:\xa0/\x82 \x08Eu\xb5_\xebV\xa76o\x1a\xd4\xbb7\x9f\xa2f\xbd\xfdv\xce\xcd\x9bqqq\xabV\xae"I\x12\x98\xae\x13\n\xc7[j\xb5\xba\xaa\xa2"*\xb8c\xdf\xae]\xbb\x87vf-p\xff\xd7Sa\x00`\x00h5\x9aaqq\x8b?\xfdT\xaf\xd7S\x14U]R2j\xd4(\xb8@\xcb\xaab\x00\n\x00\xcf\x83\xe38\xc6Bj\xf1\xc3\xc6\xdd`0(\x15\x8a\x00/\xcf\xb7\x07\r\xda\xf9\xeb/\xdd:u\xd2\xfd\xdb\xc4\x80Y\xbdn\xac\xb1\x0e(\x86a|\x8a\x17\xe4\xebk&amp;u@_\x04I\x92Z\x9dN\xabV\x7f5}\xda\x89\xf5\xebN\xa5_\x04\x00\xc8\xa4\xd2I\x93\'\xbd;c\x06\xc30\xa6\x9a\x12\x807szzz\x83J\xa5\xd5\xe9C\xdb\x05\xb5\xf5\xf1\xd1YZ\x05\x88&amp;\xfa\xe7\xe5KJ\xe5\xcc\xb7\xc6\x8c\x88\x8b\x9b\x934\xc5\xc5\xc9i\xdb\xb6mqqq555\xc0\x9arA\xcd\xf0\xea"\x8f\x82a@\xa3\xd5ju\xba\xc1}\xfa\xac\xffn\xfe\x8f\xffL\x0cHZ\xba\xba^\xbd|9i\xc2\x84\x01o\xbcq\xf7\xee]\xf3\xa9!\x01\x1b\xfa\xeb7n\xf0)\xca\xde\xd6F&amp;\x91Xt\xf7\xbf\x11l\xe2EB\xa1w\xebV?|\xf4a\xaf\x88p\xb1@ \xe0\xf3vn\xda\xd4\xb5k\xd7\xcc\xccL\x13\xbeZr\xdb\xb6m\x0c\xc3d\xe4\xe4\x1c&gt;sV*\x91\x98\xc3m\xf0\x8a\xfc\xb3m[\xa9\xdc\xb6t\t\x9f\xe2\xa5_\xbd*\x16\x89\xd2\xd2\xd2F\x8d\x1a\x05\xf7B\x9bI7\xe8UC\x01\xc0\x8a\xe08\x8ec\x98\xb2\xbe^\xc0\xe3\xdd\x9f\x18\xe8!\x16\x08\xdc\\]\xa2:u\xba~\xe9\x92\x9f\x9f\xff\x8f?\xfe\x08kH\x98\xfa`\x01\x86a\x1c\xc7\xe5\xe6\xe6:\xd9\xdbk\xb4ZG[[\x8c$\x9b\xc7C\t7\x03k4\xda\xde]\xa2v\xfc\xbc\xa8\xb5[\x8bw\xdf\x1cmgg\x97\x96\x96\xd6\xbbw\xef\xd4\xd4T\x98\x0ezm`\x05\xd0\xfa\xfa\xfaC\x87\x0e\xc1\x96q\xf2\xc8\x11\x04\x8f\xd7&lt;\x16\x80&gt;\x01A\x92\r55\xd3\xc6\x8c\x9e\x93\x94\xa4\xd6h\xdc\x9c\x9d\x8f\x1e=:y\xf2d\xd8\r\xb2\x86\x18\x80\x02\x80\xd5i\x9c\x18h\xe1\xe0\x90\xfc\xd5W\x87W\xaf\x1a\xd8\xa3\xe7\xd1\xf3\xe7\x01I\xba;9~\xf4\xd1G\xa1\xa1\xa1\xabW\xaf\xd6\xe9t&amp;|\x00`\x198\x85B\x91\x97\x97\xa7P\xa9\xaaj\xeb|=Z\x03s\xad\x02\xf4\x1c\xe04\x92R\xa1\xa0(\xf2\xfc\xd6\xad\xa1AA7\x0b\n(\x8a\xaa\xad\xad\xed\xd6\xad\xdb\x8f?\xfe\xa8\xd3\xe9^["\x02\xfe\xa2\xac\xac\xac\xf2\xf2r\x00\x80D(\xec\x19\x16f\xb0\xf0\r\xc0M\x81\x01\x80a\x18\x85\xe3\x1fM\x18\xffy\xd2\x14\x01\x8f\x87\xe3\xf8\xca\x95+G\x8f\x1e\xad\xd1h\xaca\x1c\xd0\xcc/0\xf2|\x0c\x06\x83\xc1`\x00\xf7\x13\xf1\xc8kf4\x1aa\xd9zt\xfeM\x82eY\xb3]\x1e\xfdr\xa1\x00`u\x18\x86!p\\&amp;\x93\x95VWO\xfe\xe2\x8b\xd8\t\x13\xf7\x9e&lt;\x11\x13\x19\th\xba\xb8\xb2\xea\x87\x1f~\xb8x\xf1\xe2\xd4\xa9Se2\x19\xcc\x06\x98\xe4 a\x92D.\x97\xfb\xfa\xfa\xca%\x12G;\xdb\xbc\xa2;\x80 \x9aMs\x08\xd7\x11\xc8\xe4r\xa3\x91\x8e\x1c5\xea\xe2\xb5k\x01^^F\xa3\xd1\xce\xce\xee\xf4\xe9\xd3\x9f}\xf6\x99T*\xc5_W\xb9\x118\xd3\xdb\xa1C\x07\x17\x17\x17\x00\x80J\xab=\x91\x9e\xce\x13\x89,\xb4\x08h\xd3q\x00p\x1cgd\xd9\x1fV\xaf\xf9f\xf9\n\x9d\xc1\xc0\xb2\xec\xa4I\x93\xb6l\xd9b\xda\xfb\xff\xb5A\x01\xc0\x8a\xb0,\xcbr\x9c\xcc\xc6Fg0,\xdf\xb25v\xc2\xc4}\xc7O\xaau\xba\x92\xb2\xf2\xd4+W\xdav\xee\x9c\x9b{\xeb\xc3\x0f?\x14\x8b\xc5\xe6\xd0\xfd\x81\x0b\x13\xfd\xfc\xfc*kjDBaU]\x1dG\xd3\xcd\xe3q\x84\t.\x91Hx\xec\\\xea\xf0\xf7g\xdf))]\xbaySmmmxx\xf8\xb1c\xc7\xa2\xa2\xa2^\xf3\xf9\x87\xd3\xfe666}\xfb\xf6\x85y\x8f\xe4m\xdb\x99\xe6\xb8\x06\xf4!\x0cMK\xed\xed\x7f\xdb\xb8i\xde\xf2\xe5b\x91\xa8\xa4\xa2"&amp;&amp;&amp;99\x19\xae\x85k\xf6\xad?@\x01\xc0J\xc0\xad^"\xa1P(\x10\xfcu\xe4\xc8\xd8\xcf\xfe\xf3\xe1\x8f?\xea\x0c\x86\x06\xb5\xea^YY\xfb\x90\x90\xe5\xabW\xff\xbdo_\xabV\xad\xe0\xad\xff\x9a\'!\x1fw\xcc\x00\x80\xb6\x81\x81z\xa3\xb1\xa6\xae^\xa9R\x99\xf9\xae\x8b&amp;bY\x16\xae\xc8\xca\xbfs\xf7\xa3\x1f~&lt;~!M\xad\xd3\xe9\xf4\x86a\xa3G\x9f={\xb6c\xc7\x8e\x0c\xc3\x98\xea\xfc\x8f\x1c9\x92 \x88\xe06mb\xa3\xbb6\xa8T\xe6\xb0\x16\xe0\x15\x81qN.\x93\x8d|w\x86\xdeh\x08k\xdf^\xad\xd1\x84\x87\x87o\xdd\xba\x15n\xf4\xb1\x86\xd6\x1f\x00`\xfa\xe7\x1cy\xa5\xe0\x0ba\x04\x02\x01\x8f\xcf\xbf~+7-\xfb\xea\xe4\xb9_H$\x12\x01\x8fW\\^\xee\xe2\xea:\xff\xdbo\xc7\x8d\x1b\x07\x00\x80\x8b\xd0\xcd\xe7\x99\x87O`\xc7\x8e\x1d9\x8e\xd3\x1b\r\xd7\xf2\xf2*kkme2\x9a\xa6-\xf7\xe1\xa4iZ,\x12\x91|\xfe\x87?\xfc\xf8\xe7\x91##\xe3\xe33n\xe6(\x1b\x1aV&amp;\xaf\x9c8i"\xbcX&amp;\xb9\x040\x0b\x14\x16\x16&amp;\x95H\x84\x02\xfe\xc5\xeck\xd7o\xdf\x8e\x0c\x0eV\xab\xd5\xcdo+\x00l\xfd\xa5r\xf9\xaf\xeb\xd6oOI\xf9\x93\xa2\\\xed\xedG\x8e\x1c\xf9\xfb\xef\xbf\xdb\xda\xda\xc2\x97"\x98\xfa\x18_\x13\x14\x00\x9a3\x86a(\x92\x94H$\x85\xc5\xc5\xdf,_\x91\x9a\x91a+\x93\xf5\x8b\x8e\xde\x7f\xea\x14\x8f\xc7{\xf7\xddw\xe7\xce\x9d\xeb\xe8\xe8h\xc2v\xe7\xa9\xf8|\xbeV\xafO\xcb\xba\xda\xca\xd5\x15\xc70\x8b\x1e\x040\x0c#wp\xb8\x91ss\xea\x97_\xe6\xdf\xbb\xa77\x1a\x17\xff\xf1G\x9b\x80\x80\x9f\x17-\xea\xd7\xaf\x1fM\xd3\xb06\x9cI\x8e\r\xaez\x14\x8b\xc5\x8e\xce\xce\xa9\x19\x99\x00\x80n!!]\xc2\xc3Y\x95\xaa\x99\xb5\x85\x1c\x00\x1c\x00B\x91hgJ\xca\xac\x05\x0b\xf8|\xbe^\xafwps\xdb\xbau+\xb8\xffJ\x1cS\x1f\xe3\xebcE\x7f\xaaU\x819\x1f\x99\\\xae3\x1a\xef\xa7\xfb\x8fk\xb4\xda[\xf9\xf9\xe7\xae\\\x194h\xd0\xe9\xd3\xa7\x97,Y\xe2\xe8\xe8\x08;\xd4f\xd8\xfa\xc3n\xbe\x97\x97\x97L&amp;\x8b\x89\x88\x08i\xdb\xb6\xb8\xa2\x82\xa4(K\x8c\x00\x1c\xc7\xb1\x1c\'\x12\x8av\x1fH9~\xe1\xc2\xe9\xcb\x97\xcbkjj\x15\x8aa\xc3\x86\x9d9{\xb6_\xbf~0\xedc\xda\x91\r\xc30\x02\x81`\xf0\xa0A8\x8e\x138\xbe\xf7\xf8qV\xaf\',v\xb0\xf5\xaf\xe0s!up\xf8z\xd9o\xd3\xe7\xcd\xf3\xf3\xf0\xd0\xeb\xf5aaaG\x8f\x1caY\xd6\xdaZ\x7f\x80\x02@\xb3\xc4\xb0,\x86a2\x1b\x9b}\xc7O\xbc\xf5\xc9\'\x1f\xfd\x93\xeeW\xdf-+\xeb\x18\x1a\xba|\xd5\xaa\xbf\xfe\xfa+&lt;&lt;\xdc|\xd2\xfd\xff\n\xf6I\x9d\x9c\x9c\xc4\x12\xc9\xad\xc2"\x9a\xa6k\xeb\x158\x8e[\xdc \x00\xe6\xd6\xa4\x12\xc9\xae\xc3\x87\x13?\xf8`\xcb\x81\x03\xa1AA\x0c\xc3$%%\xed\xd8\xb1\xc3\xde\xde\x9ea\x18s\x08\xc00\xfc$$$\xc0\x15Ji\xd9\xd9\xe7\xb3\xb2D"Q3\xab\x8b \xb7\xb1Y\xben\xdd\x96\xfd\xfbk\x15\xca[\x85\x85\xed\xda\xb5;x\xf0\xa0\xad\xad-\xb8\x9f\x07\xb3*f\xfa\xf0#\xcf\x81\x03\x80e\x18\x82 db\xb1\xceh\x1c\xff\xe9g\xc7\xd3\xd2\x14*\x15\xff\xdf\xd2\xfd\xe6\xd9\xeb\x7f\x10\\\t*\x14\n}||\xf2sr\xeaU\r\x05\xc5\xc5\xbd\t\xc2\xb2\x96\xc6\x1biZ.\x95\xaa\xb4\xda\x11\xef\xcd\xdaq\xf8\xb0\xaf\x87GjF\x86\xb3\xb3\xf3\x96-[F\x8d\x1aeV\x17\x82 \x08\x8e\xe3\x82\x83\x83\xfd\xfc\xfc\xf2o\xdfn\xe3\xed]W\xaf`1\xcc\x92N\xf7\x13\xb1\x1cG\xe0\xf8\x96\xbd{\xe7\xfc\xfa\xab\x91fX\x9avuu\xdd\xb4i\x93\xad\xad\xad\x99\xc4\xe0\xd7\xcf\xea"^s\xc50\x0c\x8ea2\x99\x8c\xe2\xf1\xd6\xec\xfes\xe8\x8c\x99\xf9\xf7\xee)\xd5\xeaz\xa5R\xa9V\xbf;c\xc6\xd5\xac\xacq\xe3\xc6\xc1!\xb0\ts\xcd\xcf\x04\xb6\xf5\xed\xdb\xb77\x1a\x8d-[\xb4\xd0\xe8\xb4\x8c^o\x11G\x0e\x00\xe0\x00\xa0i\xda\xc6\xc1\xe1\xcc\xe5\xcb=\xc7\xbes(\xf5\x9cT"\xc9+*\n\x0f\x0b;}\xfa\xf4\xa8Q\xa3\xe0\xbc\x8bY\xfd9\x0c\xc3\xf0x\xbc&gt;\xb1\xb1Nvv}\xbaD\x15\x96\x94\x00\x86i\x1e\x8bA\x19\x86\x91\xda\xdb\x1f&lt;{v\xcc\'\x9f:\xd8\xda)\x1a\x1a\x82CB._\xbe\xdc\xae];\xb3\x9d\x00{\r\xd0\x08\xc0\xe2\xc1)\\\x99\\^SS\x9b\x9a\x9d\xbd\xf4\x8f\r\xb7\n\x8b\xe42\x89\x88\xc7\xafS(z\xf5\xea5\x7f\xfe\xfc\xf0\xf0p\x00\x00M\xd3$IZ\xd0\xbd\x0e\x03\x80\xa3\x83CU}\xfd\x9a\x1d;\xbb\x04\x07\xcf\x1e;V\xa7\xd7\x9b\xff* x\xe4r[\xdb}\x87\x0f\x7f\xfb\xfb\xf2[\x85\x85"\xa1\xa0\xb2\xa6\xb6_\xbf~\x9b7o\xb6\xb5\xb5\x85\xd7\xc2\xd4\x87\xf9\xef\xbc\xbd\xbcJ\xab\xaa~^\xbb\xce\xcd\xc9iB\xc2P\xf3?\xdbO\xc5\xb0\xac\x80\xcf?q\xea\xf4\xcco\xe7s\x1cw\xb3\xa0\xc0\xcb\xcb\xeb\xc8\x91#\xd6\xdc\xf7\x87\xcc\xa8\xf7\x81&lt;\x87\xc6t\xff\xdec\xc7\'\x7f\xf9e\x9fw\xc6\xd1\x0c#\x11\x0b\xcb\xca+n\x96\x94\xec\xde\xbd\xfb\xd8\xb1c\xe6\x9f\xee\x7f\xb2\x16nn\x12\xa1p\xd2\x88\xe1\xddCC\x95\r\r\xe6\xff\xb8\xc2\xa4\xbf@$\x9a\xbbx\xf1\xc0i\xd3\xaf\xe6\xe5\x118^\xabP\xce\x9a5+%%\x05.44\xcfk\x01\x87#\xfd\xfa\xf5\xe3\xf3\xf9$IV\xd4\xd4\xa4g_\x13Y\xf8\x96`#M\xcblm\xcfed\x0c\x9c&gt;],\x12r\x1cggk\xbbm\xdb6\xd4\xfa\x034\x02\xb0\\\x0c\xcb\x128\xde\x98\xee?\x91\x96V\xafR\xd9\xc9\xe5\xfbO\x9drsu\x19&lt;|\xf8\xf7\x0b\x16\x88\xc5b\xb8\xe4\xd9B\xefr\xd8\xf7\x0cj\xdb\xd6@\xd3\x97\xb2\xaf1\x0c3qX\x82\x9b\x93\x93\xc1\x8c\xdf\n@\xd3\xb4\\.\xaf\xa9\xab\xeb7y\xca\x99\xcb\x97=[\xba\x17\xde+\xe6\xc9\xe5\'O\x9e\xec\xd2\xa5\x0b\xdcddVi\x9f\x07\xc1\xd7\xa1\xf8\xfb\xfbw\xe8\xd0!==\x1d\x00\xb0f\xf7\xee\xee\xe1a\xa6&gt;\xae\xe7G3\x8c\x8d\x9d\xdd\xf13g\xc6\xfd\xf7\xf3\x16NN\xb9EE\x02\x81\xe0\xe0\xa1C\x9d;wF\xad?@\x01\xc0\x12\xb1\x1c\xc70\x8c\\*\xa5Yv\xcd\xee?w\x1e&gt;\xac\xd6j\x15ju\xbdR\xc9\xa3\xa8\xd1\xa3G\xbf\xf7\xde{\xa1\xa1\xa1\x00\x96\xfd!\x08\xb3m+\x9f\n6\x94\xde\xde\xde"\x91H.\x91\xe0\x04^\xabP\xb4ru\xe5\xcc\xf2\xc5\x90\xff\xa4}\xec\xec\xce\\\xb8\xf0\xc5\xb2e\x05\xc5\xf7\xec\xe4\xf2\xc2{\xc5\xc1\xc1\xc1k\xd6\xac\xe9\xd8\xb1\xa39\xa7}\x1a\xc1\xd1\xc9\xc4\x89\x13/]\xbc\xd8\xaaE\x0b\x0epj\x95\xcaB\xcb\x822\x0c#\x16\n\xcf\xa4\xa5}\xb6h\xf1\xdd\xb22\x00\x80\x9d\x9d\xdd\xea\xd5\xabCCC-\xe2Z\xbc\x06\xe8\x14X\x12\x96\xe3\x00\xc7\t\xf9|R$:\x7f\xe5\xca\xb7\xbf\xfd^p\xef\x9eL\xfa/\xe9~s\xdb\xd6\xfb|\xe0B {{{\x0f/\xaf\xca\x9a\x9anaaw\xcb\xca;\x04\x06\x02\xf3{7$\x1c\x90\xe1\x04\xb1~\xd7\xae\x99\xdf|\xabT\xab%b\x91J\xad\x197n\xdcO?\xfdd\xe6I\xff\x07\xc1\xa0;`\xc0\x00\x89T\xda\xd1\xdf\xdf\xd9\xde\xa1\xa0\xa4$\xd0\xcbK\xab\xd7[\xd6l0M\xd3\x12\xb1\xf8Ni\xe9\x80\xa4\xa96r\xb9D$\xe2\t\x04\x07\x0f\x1eD\xad\xff\x83\xd0Y\xb0\x18,\xcb\n\xf8|\x1c\xc7s\n\n\xb6\xa7\x1c\xdc\xf4\xf7\xdf^-[J\xc5\xa2\xb2\xf2\n#A\xec\xde\xbd{\xc8\x90!\x00\x00\x9a\xa6\x9bA\xd3\xff \x82 l\xe4\xf2\x93\x19\x197\n\n\xecd\xb2!\xf1q\xe6\xb6=\x95\xa6i\x91PH\xf1y\x1f.X\xf8\xd3\xbau\x9e\xee\xee4\xc3\xa8\xd4\x9a\xe4\xe4\xe4I\x93&amp;\x81\xfb\xddjS\x1ff\x93\xc0\xf1\xa2L&amp;\x93H$\x7f\x1d?\x0e\x00\xf0i\xd9\xb2}` \xab\xd5\xe2\x96sS\xd14-\xb7\xb7\xbf\x92\x95\xd5\xeb\x9dq*\xadV\xa9V\x03\x00\xce\x1f;\x16\x1a\x1aj4\x1a)\x8a2\xf5\x01\x9a\x0b\xb3z\x8e\x90\x7f\xc70,\x00@$\x14\x96TU\xfdg\xf1\xe2\xbe\x93&amp;\'\xef\xdc\x19\xd6\xbe\xfd\xc5\xac\xac{\x95Uo\x8c\x18\x91\x97\x9b;d\xc8\x10\xb8\x1c\x88$I\xb3M1?\x07\x98Wqm\xd1\xa2\x85\x83\xc3\xbbcF\xdb\xdb\xc8i\xad\xd6\xac\xba\xa2\x0c\xcb\xca\xed\xed\xef\x96\x97G\x8f\x1e\xb3q\xdf\xbeV-Z\x14\x16\x17\x0bD\xa2C\x87\x0eM\x9a4\x89\xa6iX\xfb\xd3\xd4\x87\xd9T\xb02\xa8X,\xee\xd3\xa7\x0f\x8e\xe3\x14I\xfe}\xf2\xa4e-\x06\xa5iZnk\xbb}\xdf\xdfg/_i\xe7\xef\x077\xb2\xad\\\xb92""\x82\xa6i\xd4\xfa?\xc8b\xeeK\xeb\xc4r\x9c\x91\xa6\xa5R\t\x8e\xe3\xe722:\x0f\x1b\xbez\xd7n\x83\xd1\x88\xb1\xec\xd6\x03\x07z\xf7\xeb\xb7g\xdf\xbe\xa5\xbf\xfe*\x16\x8b\xe1\x96"\x0bjh\x9a\xe8\x9f\xad\x00\xed\xda\xd554\xe4\xe4\xe7W\xd6\xd4\x9aO;\x04\'\xd8\xc5B\xe1\xce\x03\x07b\xc6OH\xbbz\xb5\xaa\xae\xeeni\xe9\xf0\xe1\xc3/\\\xb8\x10\x1b\x1bk\x0e\x05\x1e\x9e\xdb\x88\x11#X\x965\xd2t\xca\xd9\xb3\xb7\x8b\x8a\xf8|\xbeEl\xc1cXV(\x14VVU\xbf\xbf`\xc1G?\xfe(\xe4\x0b\xeclmW\xadZ5q\xe2D\x94\xf9y\x14:\x1df\xea\x7f\xd2\xfd\x19\x19_\xff\xbaD\xab\xd7\x07z{\x9f\xb9|\x19\x00\x10\x12\x12\xb2|\xed\xdaA\x03\x07\x02\x00`\x11\xb1\xe6\x94\xf3yPcMP\x00\x00\xcd0\xd7o\xdf6\x93\x9a\xa0\xb0\xf5\x97\x88\xc5\xdbRR&amp;\xcd\xfd\x82\xe38;\x99\xbc\xa2\xa6f\xca\x94)\xcb\x97/\x07\xf7g\xe0Mx\x84\xcf\r\xbe\x15=::\xda\xc5\xd5\xd5E&amp;\x1b\xd5\xbf\xbf\xd6h\xb4\x80\xb6\xff\xfez\x7f\xad^\x1f?yrIe%I\x92GRS\x8f\x1c9\x12\x13\x13\x832?\xff\xaa\xb9u\x18\x9b\x07\x9aa\x84|\xbeH(\xbcYT4\xf7\xa7\x9f\xc7\xbc\xff\x01\xc3\xb2\x8a\x86\x86\xa2\xe2{\xee\xee\xee\xbf\xfe\xfak\xda\x85\x0b\x83\x06\x0e\x84\xe5\xab,\xb7\x8f\xd9t\x8d5As\xef\xdc1\x87\x9a\xa04\xc3`\x18&amp;\xb5\xb1\x994gn\xe2\x87\x1f\xb98:ju\xda\xea\xfa\xfa\xe5\xcb\x97/_\xbe\x9ca\x18\x8b\xde\\\n\xab0I\xa5R??\xbf\x92\xca\xca\xdf\xb7n\xddu\xf0\x10_(4\xf3\xdd\x00\x0c\xc3H%\xe2\xbc\xa2\xa2!3f\xa8\xb5Z\x1c\xc7i\x9a^\xb5r%j\xfd\x9f\x00\x8d\x00\xcc\x0b\xc3\xb28\x86\xc9\xed\xec\xf2\x0b\x0b\x93\xb7m\xdb\xb8\xefo\x86e{\x86\x85\x1d8yR"\x93\r\x19&gt;\xe2\xbb\xf9\xf3\xa5R)\xb0\xe4\x0e\xe63y\xb0&amp;h\xb7\xe0`\xa9DR\\Qaokk4\xdd\x0b\xe2\xe1\xbb*5\x1aM\xc2\xb4\xe9\x1999b\</t>
        </is>
      </c>
    </row>
    <row r="184">
      <c r="A184" s="1" t="n">
        <v>182</v>
      </c>
      <c r="B184" t="inlineStr">
        <is>
          <t>size_grid</t>
        </is>
      </c>
      <c r="C184" t="inlineStr">
        <is>
          <t>What is the size of the missing part denoted with a question mark?</t>
        </is>
      </c>
      <c r="D184" t="inlineStr">
        <is>
          <t>['medium', 'large', 'small']</t>
        </is>
      </c>
      <c r="E184" t="inlineStr">
        <is>
          <t>medium</t>
        </is>
      </c>
      <c r="F184" t="inlineStr">
        <is>
          <t>There are circles arranged in a grid formation with varying sizes in the image. The sizes in the first row are ['large', 'medium', 'large'], the sizes in the second row are ['medium', 'small', 'medium'], and the sizes in the third row are ['large', '?', 'large'].</t>
        </is>
      </c>
      <c r="G184" t="inlineStr">
        <is>
          <t>We observe that the circles at the corners are large size, while the circles directly adjacent to the center are medium size. Only the center circle is small size. Hence, the pattern is that the circles alternate in size depending on if they are at the corner or adjacent to the center.</t>
        </is>
      </c>
      <c r="H184" t="inlineStr">
        <is>
          <t>Based on the pattern that the circles alternate in size depending on if they are at the corner or adjacent to the center, the size of the missing part that is adjacent to the center should be medium.</t>
        </is>
      </c>
      <c r="I184" t="inlineStr">
        <is>
          <t>b'\x89PNG\r\n\x1a\n\x00\x00\x00\rIHDR\x00\x00\x02\x00\x00\x00\x02\x00\x08\x02\x00\x00\x00{\x1aC\xad\x00\x00d\xa4IDATx\x9c\xed\xddy|\x14E\xfa?\xf0\xa7\xba{f2\xb9\'\x07\xa7\xcbM\x12\x0c!$\x10\x0eA$\x9cf\x95\xd5]\x10&lt;P\x08\x02\xf2U\xd1\xa0\xe8\x8a\xeb\xae\xe7\xae\x07(\xac+\xa8\x04AE\x84\xf5ZPX\x08\x10QN!\x120\t\x04B8\x02!\x17\x90\x90L2If\xba\xaa~\x7f\x94\xcc/\xcbe\x80I23\xf5\xbc_\xdf\x97\xaf\xfdN&amp;\xa1\xa7\xe7\xe9\xfaTWWW\x13\xce9 \x84\x10\x92\x8f\xd2\xd2\x1b\x80\x10B\xa8e`\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i-\xbd\x012\xe2\x9c_\xf6uBH3o\tB\xcd\x0f\xeb\xdf}`\x004-\xde\x00\x00(\x8a\xe2\xfc\xef\xa5\x18c\xce\xff\x92\x06\x9aq{\x11r%\xac\x7f7G\xae\x94\xc6\xe8\xba\x89rg\x8c\x11BTU\xbd\xf4\r\x8c\xb1\xca\xcaJB~\xdd\xf9\xe2\x7f\xf8\xf8\xf8\x98\xcd\xe6\xcb\xbeY\xfc)EQ\xf0`@\xee\x0f\xeb\xdf\x83`\x00\xb8\x8c(z\xce\xb9\xa6\xfd\xff\xf3*JiQQQ~~~vv\xd6\xd9\xb3g32~\xd6u\xbd\xb4\xa4\xa4\xa4\xb4\x84\x00\xe1 v&gt;\x01\xe0\xfe~\xfe\xdd\xbaw\xe3\x1cbbb\xc2\xc2\xc2\xfa\xf6\xed\xfb\xbb\xdf\xfd\xaec\xc7\x8e\xbe\xbe\xbe\r\xff\x1a\x00\xe0\x91\x80\xdc\x10\xd6\xbf\'\xc2\x00p\x01\xce9\xa5\xd4Y\xf7\x94\xd2\xbc\xbc\xbc\xb4\xb4\xb4\xed\xdb\xb7\xe7\xe5\xe5\x15\x14\x9c\xa8\xaa\xb2^\xc7\x9f5\x99\x8c\xed\xda\xb5\x8b\x8c\x8c\x1c0`\xe0\xa8Q\xa3bcc\x9d\x07\x83\xae\xeb\x8a\xa2\\\xe9T\x1a\xa1\xe6\x84\xf5\xef\xb90\x00n\x88\xe8\x92\x88\xf3\\J\xe9\xee\xdd\xbbW\xaf^\xbd~\xfd\xfa#G\xf2\xea\xeb\xed\r\xdf\x19\x10\xe0\xe7\xe7\xe7{sD\'ES\x83\x02\xfcz\xf5\x8a\xe0\x94\x89n\x0c\xe7\x9ch\x86\x82\x13\x85\'\x0bK\x88\xaa\xe6\xe7\x9f\xac\xaa\xaa&gt;W~\xfe\xa2\x7f\xabs\xe7N\x89\x89\xc3\xee\xba\xeb\xae\xa1C\x87\x06\x06\x06\xc2\x85&gt;\x17v\x88PK\xc1\xfa\xf7t\x18\x00\xd7\x89R\xea\xac\xbc\xc2\xc2\xc2U\xabV\xadX\xb1b\xff\xfe\xfd\xff\xff\x1d\x84t\xea\xd8\xbeO\\\x8f\xf8\xd8\xc8\xbe\xbd\xa3zDv\t\x0c\xf2\x0f\n\xb7\x80\xa2\x82B\x00\x0c\x00\r\xf7&lt;\x01\xd0\x81Q \xa4\xf6lEMM\xed\x81\xbc\x13\xfb\xb2\xf2\xb2s\x8ed\xec=p$\xbf\xa0\xae\xae\xde\xf9\xd6\x8e\x1d;\x8e\x1f?~\xe2\xc4\x89\xbdz\xf5rn\xcce\x07[\x11j"X\xff\xde\x01\x03\xe0\x9a\x89\x81NQp;w\xee\xfc\xe8\xa3\x8f\xfe\xf3\x9fo**\xce\x8b\x9fZ,\x81}\xe3\xa3G\x0f\x1f0\xe4\xd6\xbe\xd1Q\x9d|\xc3B\x004\x00\x1d\xea\xed@\x19s8\x00\x80s\xe0\x9c\x014\xec\xb6\xf0_\'&lt;pP\x0c\x1a\xa8\n\x98\x8c@4\x00N\xab\xacyGO\xed\xce\xc8Z\x9b\xb6}\xef\xde\x83\'\nN\x8b_0\x1a\x8dC\x87\x0e}\xf4\xd1G\x93\x92\x92\x8cF\xa3\xe8\r\xe1a\x80\x9a\x1a\xd6\xbf7\xc1\x00\xb8\x06\r\xc7:\xd3\xd3\xd3\xdfz\xeb\xad\x8d\x1b7:\x7f:\xf8\x96\xb8\xbb\xc6$\xde;n\xf4M]n\x02\xc5\x00\xcc\x01\xb5\xf5\xd4\xa1s\xce\x9d\xf3\xd9\x1as\xae*\xbe\x11\xc68\xe7\x9c\x10P5\x15L&amp;0\x18\x01\x98\xb5\xb4|\xf5\xba-\xdf\xac\xfe~\xd3\xf7\xbbjjj\xc5\xfb{\xc5\xc4\xa4\xcc\x9a\x95\x9c\x9c\x0c\xff\xdb/C\xc8\xb5\xb0\xfe\xbd\x0f\x06@c\x89\xd1F\x00\xc8\xcb\xcb{\xf3\xcd7?^\xb6\x8cq\x0e\x00f\xb3\xcf\xfd\xe3\x93\xa6L\xfe\xe3-\x03c\xc1d\x86\xfaZVW\xcf\x18\'\nQ\\1\x8bYt\x97\x18\xe7\x04@5\x1a\xc0\xd7\x0f8;\x94\x93\xf7\xef/\xd3\x16/\xf9\xb2\xa8\xf8\x8cx\xdb\x88\x11#\x9e{\xee\xb9\xe1\xc3\x87\x03\x9e\x11\xa3&amp;\x80\xf5\xef\x950\x00\x1aE\xd7uM\xd3\xecv\xfb[o\xbd5\x7f\xfe;\xe5\xe5\x15\x00\x10b\t\x9a\x92\xfc\xc7I\xf7\xdd\xd1\xb3o,0\x07\xaf\xb6Q\xcaT\xb5\t; \xbfN\xaf\x06P\xfc\xcc`0\x97\x16\x9c\\\xbej\xfd\xd2e_\xe7\x1e&gt;\x0e\x00\x84\x90\xe4\xe4\xe4W_}\xb5]\xbbv\xd8\x15B.\x84\xf5\xef\xad0\x00~\x83\xb8/QQ\x94\x1d;v\xcc\x981#\'\'\x07\x00\xcc&amp;\xd3}\xf7&amp;=\xfb\xd4\x94\xc8^\xd1\xe0\xa8\xa15\xb5\x04\x88\xa26\xdf\xa44\xc6\x18c\\\xf31\x829\xb0\xb2\xacd\xc1{\x9f}\x98\xfaeq\xc9Y\x00h\xd3\xa6\xf5\xab\xaf\xbe6u\xeaT\xc0\xae\x10\xbaaX\xff\xde\r\x03\xe0j\x9c\x05\xf4\xd2K/\xbd\xf1\xc6\xebbf\xdb\x88\xc4\xfe\xaf\xbd2\xb3\xff\xe0\xfe`\xaf\xd5\xabm\x8a\xdab\xf3\x919\xe7T\xa7\x9a\xc9\x08~\x81E\xc7\x8e\xff\xf5\xe5\x85\x1f/_#N\xcc\xef\xbd\xf7\xde\xf7\xde{/44T\xf4\xddZd\xf3\x90\xa7\xc3\xfa\xf7z\x18\x00W$\xaa\xbf\xb8\xb88999--\r\x00,\xc1\x01/\xff\xed\xb1\x99\x8fO\x04\x85\xd0*+q\x8f[Q~\xbd4g\xf6\x01\x1f\xbf\xb4\xef6?\xf9\xf4\x1b\x87\x8f\x14\x00@DD\xc4\xd2\xa5K\x07\r\x1a\x84\xfd t\x1d\xb0\xfee\x80\x01py\xa2\xe3\xb0c\xc7\x8e\xf1\xe3\xc7\x17\x15\x15\x01\xc0\xe0\x81\xbd?J}5":\x8aU\x9e\x07\xce\x9b\xf3\x84\xb718\xe7\x942\xcd\x12Ty\xee\xfc\xec\xd9o.\xf9\xf8?\x00`2\x19\xff\xf9\xcfw\x1fy\xe4\x11\x1c\x12E\xd7\x04\xeb_\x12\xee\xf5-\xba\tQ\xfd\xa9\xa9\xa9\x89\x89\x89\xa2\xfaS\x1e\x7f`\xcb\xa6e\x11\x11\x9d\xf4\x8as\x8a\xd2\xac\xc3\x9d\x8dD\x08\xd14\x95VT\x06\x99\x8d\xa9\xcb\xdeH}\xff\xa5\xe0@\xff\xfaz\xfb\x8c\x193f\xcc\x98\xa1\xaa\xaa\x98\xbe\xdd\xd2\x9b\x89&lt;\x00\xd6\xbf&lt;\xf0\x0c\xe0b\xce\xea\x9f&gt;}:\x00\x04\x05\xf8\xbd3\xef\xd9)\xd3\'rk\x05\xa7\xcc\rK\xff"\x9csF\x99j\t\xdd\xb3}\xf7\x83\x93\x9f\xcb;z\n\x00\xa6M\x9b\xb6x\xf1b\xec\x07\xa1\xdf\x84\xf5/\x15\x0c\x80\xffqQ\xf5\x87Z\x02\xd7\x7f\xfb~\xc2\xe0\xfez\xf9YUS=\xa8tt\x87\xae\x05\x07\x96\x97\x95\'\xdd1}O\xe6A\xc0c\x005\x02\xd6\xbfl\xdc=\xcf\x9b\xd3E\xd5\xdf/\xfe\xe6];V&amp;\xdc\x12\xa7\x97\x9f\xd5\x0c\x9ag\x15\x8df\xd0h\xa55\xc4\x12\xb0y\xf3\xc7S&amp;\xfe\x01\x00\xc4\xe7\xc2sat%X\xff\x12\xc23\x80_]Z\xfd\x1b\xfe\x9bj\t\x0f\xa6\x95V\xd5c\xa7\x911\xca\x14\xa3\x01\xcc&gt;\xd3\x93\xe7\xa4~\xb2\x1a.\xf4\x83\xc4\x136&lt;\xeb\x90FM\n\xeb_N\x18\x00\x00\x17f\xbc9\xab?!\xaeG\xda\xfa%\x16K\x00\xad\xa9U5\xcf\x9e@\xc6\x18\xe3\x8a\xa2\xfa\xfb]t\x0c\xe0\xdc8\xe4\x84\xf5/-\x0c\x80_\xab\x7f\xd7\xae]\x83\x07\x0ff\x8c\x85\x04\x07\xfe\xbcse\xe7\xc8N\xb4\xb2\xda\xd3\xab_\xe0\x8cqU%\x06\xc3\xa0[\xef\xdf\x95\x91\x03\x00\xf3\xe7\xcfOII\xc1{d\x10`\xfd\xcbM\xf6\x00\x10\'\x83eee\xb1\xb1\xbdJK\xcb\xfc|\xcd[\xd2R\x13n\x89\xa7\x95V\xef\xa8~\x811\x06\x06\xc3y\xab-q\xd8CY\x07\x8f\x02\xc0\xc6\x8d\x1bG\x8e\x1c\x89\xfd \xc9a\xfdK^\xff\xb2_\x04\x16K\x9d&lt;\xf8\xe0\x83\xa5\xa5e\x00\xb0\xf0\x9d?\'\x0c\x1e\xa0\x9f\xaf\xf2\xa6\xea\x07\x00EQx\xbd=$\xdc\xf2\xd9\xc7o\x84X\x02\x01\xe0\xa1\x87\x1e,--U\x14E\xec\x01$\'\xac\x7f\xc9\xeb_\xea\x00\x10\xe7\x80\xaf\xbc\xf2\xca\xa6M\x9b\x00 \xe5\xff\xee\x9d\xf4\xc8\x83\x8e\xf2\xb3\x9a\xc1\x0bO\x0cUM\xd5\xcfW\xc5$\xc4-~\xf7\x05\x00())}\xf0\xc1\x07\t\x91\xfd\x14PfX\xffX\xff\xf2~~\xb1\xbe\xf9O?\xfd4d\xc8\x10\x87\xc31\xa0o\xcf\xed[?\xe3\x0e]\x05\xee\xc5\xd3\x03t]\xd7,\xa1\xb3\x1e\xfd\xeb\x82\xf7W\xc1\x85\xc1P&lt;\x11\x96\x10\xd6?`\xfdK\x1b\x00baqJiLLL^^^@\x80\xdf\xfe]\xab\xbaDtb5\xb5\xee\x7f\xaf\xe3\x8d\xe0\x9c3B@\xd3\xfa\r\x9c\x90\xf9K\x9e\xa6)99\x07"""8\xe7\xee\xb0\xb0WS\xe3\r\\\xf4#\xd2@\x8bl[s\xc2\xfa\x97\xb3\xfe/%\xe3g\x06\x00\xf1\xf8\xd0y\xf3\xe6\xe5\xe5\xe5\x01\xc0\x1b/&gt;\xd6%:J\xb7\xd6xw\xf5\x03\x00!\x04(S\r\x86%\x0b\xfff2\x19(eO&lt;\xf1\x84\xd7\x9f\x08\x8b\x05#)\xa5\x84\x10EQTU\xd5.\xa1\xaa\xaa\xb8G\x94R\xaa\xeb\xbaw\x0f\rc\xfdKU\xffW!\xe3\'\x173\x1f\x8e\x1d;\xd6\xa7O\x9f\xca\xca\xca!\x83\xe2~\xfc\xe13ZS\xa3J\xd3\x05\xd0u]\xb3\x84\xbd0\xfb\xef\x7f\x7f{\x19\x00|\xf1\xc5\x17\xf7\xdcs\x8fW\x9e\x087|\x829\x00PJO\x9f&gt;}\xf4\xe8\xd1\x82\x82\x82\x93\'\x0b\x08!\x9c\x03\x00\x0f\x0e\xb6\xc4\xc4\xc4\xb4i\xd3\xa6S\xa7Nf\xb3\xb9\xe1\xefz\xdf\xca\x01X\xff\xf2\xd4\xffo\x921\x00\xc47=i\xd2\xa4O?\xfd\xd4\xc7\xc7\xb4c\xd3G\xf1\x03z\xb3j\x9b\xd7w\x7f\x9c8\xe7LUklu}\x07\xde{\xf4\xf8\xa9n\xdd\xbagggk\x9a\xe6M\x03 \r\xef\xf6,--\xdd\xb1c\xc7\xbau\xeb22\xf6\x14\x14\x9c\xac\xaa\xaa\xba\xec\xaf\x98L\xc6\xf6\xed\xdb\xc7\xc7\xc7\xdfq\xc7\x9d\x03\x06\x0c\x88\x8a\x8a\x12\xaf{Y\xd3\x80\xf5/C\xfd7\x92,_\xb9\x93\xa8\xfe\xad[\xb7\xaeX\xb1\x02\x00&amp;\xfcqD\xfc\xe0\x01\xd4Z-O\xf5\x03\x00!\x84\xdb\x1d\x81\xe1\xe1/&lt;3\x851\x9e\x97\x977o\xde&lt;\xaf\x99\x12\'\x06|D\xcf=++\xeb\x91G\xa6\xc7\xc7\xc7\x8f\x1d;v\xe9\xd2\xa5\xd9\xd99\xce\xd6?&lt;&lt;4&lt;\xcc\x12\x16f\t\x0f\x0f5\x1a\x8d\x00P_o?v\xec\xf8W_}\x9d\x9c\x9c\xdc\xb7o\x9f?\xfe\xf1\xeeM\x9b6\x89\x82a\x8cy\xc7\xce\xc1\xfa\x07o\xaf\xffk"\xdd\x19\x80\xf8\x8eG\x8c\x18\xb1e\xcb\x96\xd0\x90\xa0\x9f~\\\xde\xa5{\'\xa8\xabW\x14\xb9\x92\x9f\x03p\x00\x07\x90!\x89\x0fed\x1e\x0c\t\t9x\xf0`xx8\x88qR\x8f%&amp;\xb7\x00@NN\xce\x9f\xff\xfc\xe7\xcd\x9b7\xdb\xedv\xf1\xa3\x8e\x1d\xda\xf5\xed\x1b\x1d\x1f\x1b\xd976\xcab\t\xec\xd6\xb5\x03\x88\x03^\xd5J\x8aJ\x8b\xcf\x94g\x1f&lt;\x96\x95\x9d\x97\xb1\xf7@vN\x9e\xf3\x0f\xc6\xc6\xc6\xbe\xfe\xfa\xebIII\xe0\x15\xa7\x02X\xff\x82\xb7\xd6\xff\xb5\x92+\x00\xc4\x01\xfc\xf3\xcf?\xf7\xeb\xd7\x8fs&gt;{\xe6\xc4\xb9\xef\xbe\xa2\x97\x97y\xe5\xc4\xe7\xdfDu\xaaZ\x827|\xbd!i\xdc\x93\x00\xf0\xf6\xdbo?\xf5\xd4S\x1e}\x7f\xbc\xd8x\xab\xd5\xfa\x97\xbf\xfce\xc9\x92\xd4\xda\xda:\x00\xf05\xfb\xdc3v\xd4\x9f\xee\x1e1tp|`\xeb0\x00\x15@\x07\xc6\xa0\xde\x0e \x0eu\x0e\x06\r4\r@\x05\xe0\xd4j\xdd\xbd\xf7\xc0\xea\xef\xb6\xacX\xb9\xae\xa8\xf8\x8c\xf8\xcbIII\x0b\x16,\x88\x88\x88\xf0\xe8\xfd\x83\xf5\xdf\x90\xf7\xd5\xffu\x901\x00\xa6L\x99\xb2l\xd92\x1f\x1fc\xe6\xb6\x15Q\xbd"y\xadt\xdd\x1f\x81\x03p\x02u:\xeb3`\xfc\xe1\xbc\x82\x9bo\xbe9##\xc3\xc7\xc7\x07&lt;\xb3\x13$\x0e\xdd\xcc\xcc\xcci\xd3\xa6eff\x02\x80\xd9\xc7t\xdf\x84\xa4Y3\x1f\xec\xd9\xa7\'\x00\x07\x9b\x8d\xda\x1d\x9c\x03!\x04\x08(\r&gt;\xa3\x98\x17\xca9\'\x04TU\x05?3(\xa6\xd2S\xa7&gt;H\xfd\xe2\xc3\xd4/\x8bK\xce\x02@XX\xd8\xc2\x85\x0b\xc7\x8f\x1f\xef\xb9kIb\xfd7\xe4e\xf5\x7f}$\x1a\xf8\x13\xb3A\x8a\x8b\x8b\xbf\xfa\xeaK\x00\xb8o\xdc\xed=\xfa\xc62[\xad\x9c\xd5\x0f\x00\x04\x80;\xa8op\xf0\x9cY\x939\xe7\x07\x0e\x1cHOO\'\x84x\xe2H\xa8h\xfd\x97.]\x9a\x98\x98(Z\xff\xdbG\xdc\x92\xb1s\xe5G\x1f\xbf\xd9\xb3W\x04\xad8O\xcfWr\x9d\xaa\xaa*&amp;|\xaa\x8a\xd2p\xe2\xbf\xa2(\xaa\xaah\x9a\xaa\xaa*\x07`\xd6\x1a\xbd\xe2l\xeb0\xcb\x8b\xaf\xcc\xda\x9f\xf1\xf5\xcc\xff\xbbO!\xe4\xec\xd9\xb3\x13&amp;L\x985k\x96\xa2(\x97\xbd\x93\xc0\xcda\xfd_\xc4\x9b\xea\xff\xbaI\x14\x00\x94R\x00X\xb9r\xa5\xd5Z\xad\xaa\xea\xa3S\xc7q\xe6\xb80\x08 )EU\xb8\xadz\xec\x9fF\xdd\xd4\xbe5!$5u1x`\xf7\xc7\xb9\x96\xfd\xc3\x0f?\\UUe2\x1a\xe6\xbf9{\xfd\xfa\xd4\xe8\x98\x08Zq\x9e\xd9jUMU\xd5\xc6&gt;\xd0\x8a\x00(\x8a\xa2i\x1aw8\xf4\x8a\xf2V\xa1A\xef.z\xf9\xbfk\x16\xb6o\x13\x06\x00\x0b\x16,\x98&gt;}\xba\xb8`\xe8Y\x19\x80\xf5\x7f)\xef\xa8\xff\x1b!Q\x00\xa8\xaaj\xb7\xdb?\xf9\xf8cBH\xbf&gt;\xd1\xf1\x03by\xb5M\x95i\xf2\xc3\xa5\x08!\xb4\xde\xe1\x17\x1ev\xdf\xd8Q\x9c\xf3\xf4\xf4\xf4#G\x8ex\xd6t\x88\x8b\x9ed\x12\x12\x1c\x90\xbeaI\xca\xb3\x8f\xb0\x1a\x1b\xab\xb6\xa9\x9az\xddwx\x12B.\xc4@\xc5\xe81\xc32v\x7f\x91\x10w34x\xb6\x14\xa5\xd4\x832\x00\xeb\xffR^P\xff7H\x96\xaf_\xdc\x05\xbao_fvN\x0e\xe7|\xec\x1f\x12\x15\x93/\xa3\xb2|\xcdWA\x08\x01\xe6\x18{\xd7pEQjjl\xabW\xaf\x86\x0bsE\xdc\x1f\xa5T\xd3\xb4O&gt;\xf9D\xb4\xfe7Gv\xde\xbcq\xd9\xa0\xc4\x01z\xf99E!.\x99\xdaH\x08\xd14U/?\xdf\xb6m\xab\xb4\r\xa9w\xdfq\x1b\x00\xa4\xa6\xa6\xce\x981C\xd34\xd1\xadv\x7fX\xffW\xe2\xd1\xf5\x7f\xe3d\t\x00\xd1S\xfb\xe6\x9bo8\xe7!\x96\xa0\xfb\'\xfc\x1e\xeak$\xef\xfe\x08\xaa\xaa\xb0j[\xc2\xa0\xf8[\xfa\xf7"\x84\xacY\xbd\xda9\x93\xd2\xcd\x89\xf5\x0c\xb2\xb3\xb3\x1f{\xecQ\x00\x08\xb5\x04\xae\xfaln\\B/\xbd\xbc\xdc\xe5\xd3Z4\x83F\xabk,\xc1\x01+?\x7f;!\xae\x07\x00|\xf8\xe1\x87\xcb\x96-\xf3\x94\x0c\xc0\xfa\xbf\x12\xcf\xad\x7f\x97\x90\xe5s\xaa\xaa\xeap\xd8\xd7\xae]\x07\x00\xbd{E\xb4\xed\xf2;Vg\x97j\xb0\xef*\x18e\x8a\xc9&lt;"\xb1\x1f\xe7|off~~\xbe\xfb\x9f\x05\x8b\xcb\xb0V\xabu\xe2\xc4\x07jjl\x9a\xa6\xae\xfd\xea\xdd\x98\xbe1z\xf99\xcdhh\x8a\x7fQ\xd5Tf\xab\xf51ji\xebS\xbbtjO\x08\x999sfVV\x96\xb8M\xac)\xfeE\x17\xc2\xfa\xbf\nO\xac\x7fW\x91"\x00\xc4\xbc\xbd\xa3G\x8f\x1d;v\x14\x00n\x1fq\x0b(\x1ac\x1e3z\xdb\xd4\x08!\xc0\xec\xa3\x12\x07h\xaaZWW\xb7c\xc7\x0ep\xfb\xb3`\xd1\xfd\x9f3gNVV6\x00\xcc}\xf5\xc9\x01\xc3\x06;\xca+4\x83\x01\x9a\xec\x8bUT\x95\xd6\xd6[Z\x85~\xbe\xf4\xef\x06M\xad\xa9\xa9\x99&lt;y\xb2\xb8\xd1\xcc\x9d/\x06`\xfd_\x9d\'\xd6\xbf\xab\xc8\x12\x00\x00\xb0a\xc3\xfa\xba\xbazMU\x87\xdf\x96\x00\xcc\x81\xdd\x1f\'E!P[\x17\x1b\xd7\xa3}\xfbV\x00\xf0\xddw\xdf\x82{\xcf\x85\x10\xad\xff\xe1\xc3\x87\x17/^L\x08\x19\x91\xd8/\xe5\x99\xa9ze\xb9\xa1\xe9ohR5U\xaf\xa8\xec\x9fx\xeb\xf3O\'\x03\xc0\xbe}\xfbV\xae\\\xe9\xe6\x1dF\xac\xff\xab\xf3\xb8\xfaw!)\x02@|\x97\xdbw\xec\x00\x80\xf6\xedZEFu\x86\xda:i\xa7?_\x8a\x10B\x1d\xd47$\xb8O\xef(\x00\xd8\x97\xb9\xcff\xb3\xa9\xaa\xea\xce\xbdZ\xce\xf9\x93O&gt;\xe9p8L&amp;\xc3\xc2\xb7\x9f\x03\xce\x94\xe6\xdaXUS\xa9\xb5\xe2\xf9\xbf\xfc_TD\'EQ\xe6\xcc\x99s\xf6\xecYqs@3m\xc15\xc2\xfa\xbf:O\xac\x7fW\x91"\x00\x14E\xb1\xdb\xed\x87rs\x01 \xa1O\xb4_X\x08uPI\x12\xbe\x918\xe7@\xd4\xa1\x83\xfb\x00@iY\xe9\xa9S\xa7\xc0]\x875\xc4\x80Fnnnzz:\x00L\xf8\xd3\xa8\x88\xb8\x9e\xb4\x19\xd7\xb2\'\x84p\x9d\x1a\xfc\xfd\xe7\xcc\x9a\xcc\x18+..^\xbdz\xb5x\x90@\xf3l\xc0\xb5\xc2\xfa\xffM\x1eT\xff\xae\xe5\xfd\x01 \xda\x8b\xe2\xe2\xe2\x93\'O\x02@\x9f\xdeQ@4\x19\xbe\xdakB\x08\x01\xae\xc7\xc5F)\x8aR[[\x97\x95\x95\x05\xeez\x00p\xce\t!\x0b\x16,\xd0u\xddl\xf6\x993;\x99;\xeaI\xf3\xf6gUMe\xd5U\x13\xee\xbf\xf3\xe6\xa8\xce\x84\x90\x7f\xfes\x81\xae\xeb\xee\xb9N\x1c\xd6\x7fcxP\xfd\xbb\x96\xf7\x07\x80\xf8\x16\x8f\x1f?n\xb5V\x03@\xef^\x91\x00\xd8\xfd\xb9\x98\xa2\x10\xa8\xb7Gv\xeb\x18\x1c\x14\x00\x00\x87\x0e\xe5\x82[\x1e\x00b=\x83\xd2\xd2\xd25k\xd6\x10\x02\xe3\xee\x1a\x16\x19\x17\xc3\xaam\xcd&lt;o\x8f\x000\x075\x05\x06&gt;\xfd\xf8D\xce\xf9\xc1\x83\xb9?\xfe\xf8\xa3{\x9e\x04`\xfd7\x86\xa7\xd4\xbf\xcb\xc9\x12\x00\xd9\xd9Y\x00\x10\x14\x18\x10\xdd\xa3\x0b\xd4\xd7\xe3\x01p\x11\xb1B\xba\xa5]x\xf7n\x1d\x00 ;;\x07\xdc\xf2:\x98haw\xed\xdaUVV\xc69\xdc;v4\xe7\x0cZb;UU\xe1u\xb6;n\xbf58(\x801&amp;\xae\x1c\xbaa\x93\x81\xf5\xdf\x18\x9eR\xff.\xe7\xfd\x01 \x94\x94\x94\x00\x80\xaf\xafOPP\x00P*\xc17{\xcd8\xe7\x9a\xc9\x18\x1a\x12\x04\x00\xa5\xa5\xa5b\xa4\xa5\xa57\xeabb\x93\xd6\xae]K\x08\xb9\xa9}\xeb\xc1\xb7\xc6\x93Z[\x8b\\\xcf$\x84\xf0:{\xeb\xce7\r\x19\x14\x0f\x00\xe9\xe9\xdf\xdb\xedv\xf7\x1c\x05\x02\xac\xffF\xf0\x88\xfaw9\xef\x0f\x0018\x90\x99\xb9\x0f\x00\xa2";\xf9\x87[\x98C\x97\xe1\xab\xbdV\x8cq Z\x9f\xd8(\x00\xc8\xcb;|\xfe\xfcy7\x9c\xd9"\xaeg\xee\xdc\xb9\x93s&gt;\xb0_L`\xebpjo\xb1\x19\x8d\x8csP\xb4\x91\x89\xfd\x00 ?\xff\xc8\xf1\xe3\xc7\xddp-I\xac\xffF\xf2\x88\xfaw9\xef\x0f\x00A|\x91\xe4\xc2\xf1\x80\xae\x80\x88\xde\xb4\x98h\xdf\xd2\x1bs1q=\xb3\xa8\xa8\xa8\xb0\xf0\x14\x00\xc4\xc7F\x01\xa8-x\x84\x8a+\x87\xbd{E*\x8aRWW\xef\xceW\x0e\xb1\xfe\x1b\xc7\xad\xeb\xbf)x\x7f5\x10B\xea\xea\xea\x8aN\x9f\x06\x00Kp \x00q\xc7\x03\xd4]pKp \x00\xd4\xd4\xd4\x9c&gt;}\x1a\xdc\xac9\x13\x1bs\xf2\xe4\xc9_\xafg\xc6D\xb4\xec\xf5Lq\xe50\xa2[\xc7\xa0\xc0\x00\x00\xc8\xcb;\x0cn\xb6\xc7\x00\xeb\xff\xda\xb8u\xfd7\x05/\x0f\x001\x90g\xb3\xd9\nO\x17\x02@\\\xaf\x08P\x0c\x1co\x82\xbf\x1cB\x08\x00\x8d\x8b\x8d\x04\x80\x9a\x1a[aa!\xb8\xe5\x01p\xfc\xf81\x000\x18\x0caa\x16`-&lt;\x9c\xcd)\xf3\r\xf0\r\x0e\xf6\x07\x80\xe3\xc7\x8f\x83\x9b]9\xc4\xfao&lt;O\xa9\x7f\xd7\xf2\xf2\x00\x10\x08!\x06\x83\x01\x00t\xdd\xbd\xc6g\xdd\x90s\x17\x89=\xe6V\xc4\xd1\x98\x9f\x9f\x0f\x00\x96\xe0\xc0\xee];@}K\xaehF\x08\xe1\xba\xee\x1ff\xe9\xde\xb5\x03\x00\xe4\xe7\x1f\x057\x0b\x00\x01\xeb\xbf\xf1\xdc\xb9\xfe\x9b\x82\x14\x01\x00\xce1P\xb7;6\xdd\x8es\x17\xb9m\xdf\xc7h4\x02\x00\xe7\xdc].\xb7^\xd8\x12\xb1a\xee\t\xeb\xbf\x91\xdc\xbf\xfe]K\x96\x00@\xde\xc7}\x0eQ\xf7\xd9\x12\x84\xae\x89,\x01 N\xcc\xf1@\xfdM\xce]\xe4\x86C\x19\x82\xae\xeb\x00\xa0(\xc4\xa0i\xe0\x0e_\xa8\xa2\x184\r.l\x98{\xc2\xfao$\xf7\xaf\x7f\xd7\x92"\x008\xe7:\xd5\x01\xc0(\xc7\xb8\xde\x8dp\xee"\xb7m\xceBC\xc3\x00\xa0\xba\xdav\xeat)\x18\r-\xd8\xa8q\xce\x89\xaa\xd6\x9e\xb7\x16\x16\x95\x01@hhhKm\xc9\xd5a\xfd7\x9e\xfb\xd7\xbfky\x7f\x00p\xce\r\x06CP`\x10\x00\xe4\x1f?\x05\x1c\x17B\xb9\n%\xff\xf8)\x000\x18\x0cAAA\xe0f\xfd \xb11={\xf6\x04\x80\x1a[mq\xc9\x19\xd0\xb4\x96\xed\xd4\x12U\xa9\xab\xaa.*&gt;\x0b\x00={F\x83\xfb=H\x04\xeb\xffZ\xb8u\xfd7\x05/\x0f\x00B\x08\xe7&lt;   ""\x12\x00\x8e\x1e?\r\\\xf7\xf6\xef\xf4:q\xce\x01\x94\xa3\xc7\n\x01\xc0b\t\x8e\x88\x88\x007;\x00\xc4\xc6\xb4i\xd3\xdal\xf6\x01\x80\xc3G\n\x00Zr\xd1v\xce9\x98\x0c\'N\x15W\xd7\xd4\x00\xc0M7\xfd\xae\xa5\xb6\xe4J\xb0\xfe\x1b\xcf\xfd\xeb\xbf)xy\x008\x89\xe7\xf6\xf9\xf8\x18\x81\xc8\xf2\x91\xaf\x8f\xd9\xc7\x04\x00\x94R7\\\xd8R\x1c\x8d\x9d;wi\xdd\xba5\x00\xec\xdd\x7f\x08\x80\xb7\xe0\x11\xca\x18\x07\xc5\x98\x9ds\xc4nwh\x9a\x16\x1f\x1f\x0f\xeez\xab-\xd6\x7f#\xb9s\xfd7\x05\xef\xaf\x06qJ\x1e\x1b\x1b\x0b\x00y\xf9\xa7\xaa\xcfV\x10\r\xd7C\xbf\x0c\xb1\xb0\xc1\xbe\xec&lt;\x00\xe8\xd6\xad{``\xa0\xbb\xad\x87%\xd6[6\x9b\xcdqq\xf1\x84\x90]{\xb2\xedV\xab\xa2\xb5\xd8-\xfb\xe2\xc2\xea\x96\xed{\x01\xa0]\xbbv\xdd\xbbw\x07\xf7\xeb3b\xfd7\x92\xfb\xd7\x7fS\xf0\xfe\x00\x10\xda\xb6m\x03\x00\xe7\xcf[mV\x1bi\xaeGGy\x16\xa2\x00\xa3z\xe9\x99r\x00\x08\x0f\x0f\xd7\xdc\xb2\x99\x10\x9b4f\xcc\x9d\x9c\xf3\xbc\xfc\x82}{\xb2\xc1l\xa6\xb4\x05\x86\xdd9\xe7\x8a\xd1PUZ\xb6y\xcb\x1e\x00HL\x1c\xea\xef\xefO\xa9\x9b\x8e\xb0c\xfd\xff&amp;\x8f\xa8\x7f\x97\xf3\xfeR\x10\x07dLL/\x00\xa8\xac\xb2\xe6\xe5\x17\x80\xc9\xc8\xf0n\xf8\xff\xc59W4\xcdZV~\xf4h!\xb8\xeb\xf5L\xb80\xc0r\xeb\xadC\xfc\xfc\xfc(\xa5_\x7f\xb7\x85\xa8\xa6\x169P\x19\xe5\xc4\xd7w\xfb\xb6\xcc\xc2\xd3\xa5\x000j\xd4hp\xcby\x96X\xff\x8d\xe1)\xf5\xefr\xb2\x04@\xa7N\x9d|||\x18c\xfb\xb3\xf2\xf0\x91x\x97\xe2\x9c\x83\x8f\xe9\xd8\xb1Sg\xce\x96\x03\x80\xb8f\xe8\x86\x14E\xa1\x94v\xeb\xd6-11\x11\x00\x96\xafZw\xee\xd4)\xd5\xc7\xd8\xfc_(Q\x00t:\x7f\xd1\nBH\xdb\xb6m\xff\xf0\x87?\x00\x80\x1b.!\x89\xf5\xdf\x18\x9eR\xff.\'Q\x00\xb4k\xdb\x16\x00\xf6e\x1dn\xd9+\x87\xee\x891\x0e\x8a\x96} \xdf\xa1\xeb\x06\x83\xa1w\xef\xde\xe0\xae\xd73\x85\x94\x94\x14\x85\x90\x92\xd2s\xef\xbd\xbf\x92\x98\xfd\x9by\x14\x88RF\x02\xfc\x7fH\xdb\xb6y\xcb\x1e\xce\xf9\xb4i\xd3\xddv\xfc\x07\xeb\xbf1&lt;\xae\xfe]\xc5\xfb?\xa1xF\x87\xd9l\x8e\x88\x8c\x04\x80\x9f2\xb2\xedV\xab\xe2~=\xb5\x96%Z\x84\x1f\xb6\xef\x05\x80\xd0\xd0\x90.]\xba\x80\xfb]\xcf\x14TU\xe5\x9c\xdfv\xdbmQ=\xa2\x08!\x0bS\xbf\xac(*R\x9a\xfb$\x80\x13B^yk\t!\xc4d2M\x9a\xf4\x10\xb8\xeb\xee\xc2\xfao\x0c\x0f\xaa\x7f\xd7\xf2\xfe\x00\x80\x0bcy\t\t\t\x00p\xec\xf8\xe9\x13G\n\x88\xd9\x84\xc3\xa0\r)\xaa\xea\xb0Zw\xff|\x00\x00z\xf4\xb89  @&lt;}\xa5\xa5\xb7\xeb\xf2\x18c\x9a\xa6\xcd\x9f\xbf\x80s~\xe6l\xc5__zOi\xc6\x93\x00\xaaS5\xd8\xf2\xe5\xa7\xab\x7f\xd8\xb6\x97s&gt;{\xf6\xec.]\xbaPJ\xdd\xb6\xc3\x88\xf5\xff\x9b&lt;\xab\xfe]\xc8MK\xd6\xb5\xc4\x17\x99\x94\x94\xa4iZ]}\xfd\x8e\xdd\xbf\x80f\x94\xe1\nO#1\xc6\x89\xd9t\xf4\xf0\x89c\'N\x03\xc0\xef\x7f\x9f\xa4(\x8a;\xef\x1fUU\x19c\xa3F\x8d\x1a5r$\x00,Z\xf2\xd5\xa6o7j\x96 \xdd\xd1\xe4\xb7\xef3\xc6\x14\xb3\xa9\xf4\xc4\xa9\xc7\x9f\x99\xcb9o\xd5*\xfc\xa9\xa7\x9e\xe2\x9c\xbbm\xeb\x0fX\xff\xbf\xc5\xe3\xea\xdf\x85\xdc\xb7j]H\x1c\x9c\xb1\xb1\xb1b\x18\xf4\xbb\xf5\xdb\x803\t\xd2\xbd\xb1\x18c\\3\xa5\xa5\xef\xaa\xab\xabWUe\xd8\xb0\xe1\xe0\t\xe7\xbf\x9c\xf3E\xef\xbf\x1f\x12b\xe1\x9c?4\xedoe\'\x8b\xb4\x00?\xaa7\xe1\xfd;\x9cq\xae(\xc4dzp\xca\x9c\xb23\xe5\x00\xb0p\xe1\xa2\x90\x90\x107\xef-b\xfd_\x9d\x87\xd6\xbfKH\x11\x00\xe2\x06"__\xdfa\xc3\x87\x03\xc0\xcf\xfbr\xab\xcf\x96\xab-\xba\x8e\x98[Q\x08\x10N\xb7l\xdbK\x08\x89\x8c\x8c\x8c\x8e\x8e\xe6\x9c\xbb\xe1\x84\x96\x86D\x1f\xadk\xd7\xae\x8b\x17\xa7\x02@I\xd9\xb91\x7f|\xfc|E\x95\xeakn\xa2{89\xe3L!\xaa\xbf\xdf\xf4\xe49\x9b\xb6\xec\x01\x80\x94\x94\x94q\xe3\xc6QJ\xdd|_a\xfd_\x9d\'\xd6\xbf\xabH\x11\x00N\xf7\xdc3\x0e\x00N\x15\x96\xacY\xf3=\x98\xfd(\x0e\x83\x020\xc6\x15?\xf3\x91_\x0em\xde\xb2\x9bs~\xc7\x1dw\x9aL&amp;\x8f\xb8\x0f^UU]\xd7\xc7\x8e\x1d\x9b\x92\x92\x02\x00{2\x0f&amp;Oy\xdeZgW}|\\~\x1e\xc0(\x13\xad\xff\xdf\xff\xf6n\xea\'\xab\x01`\xe0\xc0\x81\xf3\xe6\xcds\xe7\xa1\xffKa\xfd_\xcas\xeb\xdf%&lt;\xa6vo\x90\xf3\x06\xa2\x9bnjO\x08\xac\xfaz#\x00S\x00\x0f\x00`\x8c\x81\xc1\xbcf\xdd\x0f5\xb6ZUU\xc7\x8e\x1d\x0b\x9es\xfe+2`\xfe\xfc\xf9\xd3\xa6M\x03\x80\xd5\xeb~\x1c1\xec\xa1\xf2\xf3V58Pw\xe8\xae\xea\xe1\xea\xba\xae\xf8\x98D\xdf\xff\x85\xd7\xde\x07\x80\x84\x84\x84\xb5k\xd7*\x8a\xa2(\x8aG\xec+\xac\xff+\xf1\xe8\xfa\xbfq\xb2\x04\x00!D\xd7\xf5\x80\x80\x80{\'\xdc\xcb9l\xd9\xf6\xf3\xb1\x9c&lt;\xe2g\xc6\xb9\x10\xaa\xa6\xe85\xd6\xe5\xab\xfeK\x08IH\xe8\x9b\x90\x90\xc0\x18\xf3\x94\xf3_B\x88\xb8 \xbcx\xf1b\x91\x01{2\x0f\x0e\x1c|\xff\x8e\x1f\xf6h!a\x84\x10]\xa77\x92\x02\x94RF\x99f\t).=s\xfb\xc8d\xd1\xf7OHHHKK\x0b\t\t\xf1\xa0\xb5b\xb0\xfe\xaf\xc4\xa3\xeb\xff\xc6\xc9\x12\x00p\xa1\x13499\xd9h0\xd4\xd4\xd4~\xbar\x1d1\xf8r9\xae\xf5_\t\xa5\x8c\xf8\xfbo\xdb\xb2;\xfb@&gt;\xe7|\xca\x94\x87=n\xfe\x03!D\x8cq/^\xbc\xf8\x91G\x1e\x01\x80\xbc\xa3\'\x87\xdf&gt;\xed\xe5\x17\xe6\xd9\t\xd1,\xc1D\x01]\xa7\xd7t6\xc09\xa7\x942\xc6\xd4\xa0\x00%\xd0\x7f\xd5\xf2\xff$\x0c\xbc/-\xfd\'\x00\x184hPZZ\x9a\xc5ba\x8cy\xd0\xe0\x0f`\xfd_\x8e\x17\xd4\xff\r"R]\x08\x12\x07\xed\xc8\x91#\xd3\xd3\xd3\xc3\xc2\x82s2\xbe\no\x15\x02\x0e\xddS\xfaq.\xc7\x18\xe3&gt;\xe6Q\xa3\xa7|\xffcF\x9b\xd6\xad\xb3sr\xc4c\xad&lt;n\x87\x88g\xc4\xab\xaa\xbad\xc9\x92gf\xcf&gt;_Y\t\x001\xd1\xddf=\xf1\xe0\x03\x13\xee0\x06\x05B\x9d\x8d\xd5\xd9\x19\xe7\x84\x10E!\xf0\xbf\x9fQ\x1c\x05\x8cs\xce8\x01P\x8d\x06\xf0\xf3\x05J7m\xdc&gt;\xef\x9d\x8f7n\xde%\xde\x96\x92\x922w\xee\\M\xd3&lt;\xae\xf5\x17\xb0\xfe/\xe25\xf5\x7f\xdd&lt;\xaf\x88o\x848\xceg\xcd\x9a\xc59?s\xa6\xe2\xb3\x15\xdf\x11s`\x93N\x1ctg\x942%\xd0\xff\x97\xdd\xfb\xb7l\xfd\x19\x00\x1e\x9881,,\xcc=\xd73\xf8Mb,\x88R:u\xea\xd4\xf4\xef\xbf\x1f0\xa0?\x00d\x1f\xc8\x9f\xf2\xc8\x8b\t\x83\xef_\xf2\xfe\x8a\xc2\xc22%\xc8_\xb3X\xd4 \x7fb4\x10Ue\x94\xfd\x8a2\xa2(\xc4\xa0\xa9\xfe~\x9a%X\xb5\x04WU\xdb\xbe\xfdf\xe3\xedI\xd3F\xfd\xfe\x11\xd1\xfa\xb7o\xdf\xfe\xdf\xff\xfe\xf7\xfc\xf9\xf3\xc5"\x91\x9e\xd8\xfa\x03\xd6\xff\xff\xf2\xa6\xfa\xbfnr\x9d\x01\x88\x0f[WW\x17\x1f\x1f\x9f\x97\x97\xd7\xbdk\x87\xdd\xdbW\x04\xf8\x99\x89d\xdf\xba@\x19S\xfd\xfd\xef\x9d\x90\xf2\xc57\x9bLFc\xe6\xbe}QQQ\x9e\xdb\xba\tbR\xa6\xae\xeb\x9f~\xfa\xe9K/\xbex\xaa\xb0P\xbcn\xb1\x04\xddvk\x9f\xa1C\xfa\xc6\xc5D\xdc\x1c\xd1\xc9\xcf\xcfl\x0e\xb3\x00\xe7\xc0\x01\x14\x85VZ\xab\xaam\xf9\'N\x1f\xc8=\xba}\xe7\xbe\xf4-{N\x14\x9c\x16\xbfh6\x9b\x9f~\xfa\xe9\x993g\xb6j\xd5J\xcc\xf9\xf1\xdcR\xc1\xfao\xc8+\xeb\xffZ\xc9\x15\x00p\xa1\x81\xf8\xf4\xd3O\'M\x9a\x04\x00/=7\xed\xc5\xd7\xff\xacW\x9c\xd54\xad\xa57\xadYQ\xca\xd4\xa0\x80\x1f\xfe\xfbc\xe2\x9d3\x00`\xf2\xe4\xc9\xcb\x96-s\xff)\xed\x8d\xe1\x1c\x9f)++[\xb3f\xcd\xa2E\x8b\xf6\xef\xdf\xdf\xf0\r\xa1!\xc1\x81\x81~]\xbbv\x00\xc6\x80\x03hjIQY\xe9\x99\xf23g*\xa0\xc1\xc4\x98\x8e\x1d;$\'O\x990aBTT\x14\\\xa8\x9c\xe6\xfd(\xae\x87\xf5/xq\xfd_\x13\xe9\x02\x00\x00\xc4$\xdf\xe1\xc3\x87o\xdd\xba5,48k\xcf\x17\xad\xda\x84\x83\xc3\xa1\xc8\xd4\t\xa2\x8c\x11\xb3y\xf8\x88\xc9?n\xcf\x0c\r\t\xc9\xce\xc9i\xdd\xba\xb5\xd7t\x7f\x9c\x97\x04\x00\x80R\x9a\x9e\x9e\xbea\xc3\xfa\xcd\x9b\xd3\xf3\xf2\x0e\xd7\xd7\xdb\xaf\xfe\xbb]\xbat\x1e:4q\xe8\xd0\xa1w\xdduW``\xa0\xf8\x0b\x1e\xdd\xf1\xbf\x08\xd6?x{\xfd7\x9e\xa4\x01\xa0\xaa\xea\xd6\xad[\x87\r\x1bF)\x9d|\xff\x9d\xcbV\xcc\xd7+\xce\xc9\xd3\t\xd2u]\xb3\x84~\xf2\xc1g\x93\xff\xefe\x00\xf8\xfb\xdf\xff\xfe\xfc\xf3\xcf{_\xf7\xa7a\x0c\x00\x00\xa54///777\'\'\xe7\xe4\xc9\x82\x82\x82\x93\xa2M\xe7\x9c\x07\x07\x07\xc7\xc4\xc4t\xe8\xd0!:::::\xda\xd7\xd7\xd7\xf9+\x84\x10/k\x14\xb0\xfe%\xa9\xff\xc6\x901\x00\xe0\xc21\x90\x9c\x9c\xfc\xf1\xc7\x1f\xab\xaa\x9a\xb6\xfa_\xc3\xefL\xa4\x15Uj\xcb=`\xb6\xd90\xc6\xc1h8[V\xde{\xc0\xf8\xd2\xb2\xf2\x88\x88\xee\xbf\xfc\x92\xa5i\x9a\x98O\xd9\xd2[\xe7z"\x068\xe7\x8do\xe0(\xa5b1\x00\xaf\xdc!\x80\xf5/S\xfd_\x9d\xa4\x01 \xa6\xfa\x96\x95\x95\xf5\xe8\xd1\xe3\xfc\xf9\xf3\xdd\xba\xdc\xb4\xff\xe7\xaf}\x8c\x06E\x82\xaba\xbaN5\x8be\xc2\x9f\x1e\xfd\xe2?\x9b\x01 --m\xd4\xa8Q2t\x7fx\x03\x17\x1d\xed\xe2E\x00\x10\xfd}\xaf\xaf\x01\xac\x7f\t\xeb\xff\xb2\xbc\xea\xdc\xb6\xf1\x14E\xe1\x9c\xb7i\xd3\xe6\xed\xb7\xdf\x06\x80\xfcc\x85O&lt;\xf1\x9a\xea\xd7\xdc\x0f\x96j~\xbaC\xd7,!\xcb\x16-\x17\xd5?eJ\xb2&lt;\xd5/\x1awUU5MSUUi@\xbc(^\xf7\xfa\x16\x10\xb0\xfe\xa5\xac\xff\xcb\x92\xf4\x0c@\xd0u]\xd3\xb4\t\x13&amp;|\xf1\xc5\x17\x00\xb0t\xe1\xdf\x92\x1f}H/?\xab\x19\xbcs0\x94\xeaT\r\n\xc8\xde{``\xe2C6[m\xe7\xce]\xb2\xb2\xb2\xccf\xb3\x9c\'\xbf\x08\xeb\x1f\xeb_\xea\x00\x10\xa3\xc3\x95\x95\x95\t\t\t\xc7\x8f\x1f\xf7\xf5\xf5\xf9!mI\xdf\x81q\xb4\xd2\xea}\x83\xa1\x8c10\x18*\xabmC\x87M\xca:pT\xd3\xd4\xed\xdb\xb7\xf7\xef\xdf\xdfCojE7\x0e\xeb\x1f\xeb_\xdeO\x0e\x17\x96\x91\t\t\t\xf9\xfc\xf3\xcf\t!55\xb5\x13\x1ex\xa6\xe2L\xb9j\xf6a\xdeu.\xcc9g@\x14_\xf3\xf4i/d\x1d\xc8\x07\xe0s\xe7\xce\xed\xdf\xbf\xbf\xae\xeb2W\xbf\xe4\xb0\xfe\xb1\xfe\xa5\xfe\xf0\x00\xa0(\x8a\xae\xeb\xfd\xfb\xf7\x7f\xff\xfd\xf7\x01\xe0XA\xd1\xe8\xdfO\xb7\xd5\xd5\x83\xd1\xe0MkBQ\xc6\xb4\xa0\xa0\x19S\xe6|\xf5\xed\x16\x00\x984iRJJ\x8a\x18\x01h\xe9MC-\t\xeb\xbf\xa57\xad\x85\xc9\x1e\x00\x00\xa0i\x9a\xae\xeb\xd3\xa7O\x17kIfd\x1e|\xec\xd1\x97\x15_3\'\n\xf7\x8a\xc5r\x1d\xba\xae\x05\x87}\xf8\xcfe\x1f.\xfb\x0f\x00$$$,Z\xb4H\xaa5o\xd1U`\xfd\xcb\x0c\x03\x00\xe0\xc2sE&gt;\xf8\xe0\x03\xb1\xa6\xfc\xc7+\xd7M\x9f\xfc\x9c\x1a\xe0\x07\xaa\x87\xaf\r\xcb9\xa5\xd4`\tO}o\xd9\x8c\x94\xd7\xe1\xc2Z\xf6\xe2F\'i/|\xa1\x8b`\xfdK\x0b\x03\x00\xa0\xc1Z\x92\xce\xe7\x8a\xa4~\xb2zz\xf2\x1c\xaai\x8a\xc1\xe0\xa1\xcb%2\xc6(\x0758\xf8\xc3w\x97N\x9f\xf9\x1a\x00\xf4\xeb\x97\xe0\xa1k\xd9\xa3&amp;\x85\xf5/-\xa9g\x01]\xc4\xb9r\xc0\xf4\xe9\xd3SSS\x01`P\xff^\xdf\xadYdi\x15\xa2WTy\xd6\xdc8\xaaS\xd5\xc7\x08f\xf3\x8c\xa9\x7f\xf9\xf0\xa3\xaf\x01\xa0_\xbf~\x1b6l\xc0\xeaGW\x82\xf5/!\xdc\x11\xff\x9f\xb8Q\xa8a?h\xc7\xee\xac\xe1\xa3\x1e\xde\xf7\xf3\x01-$\xcc\x85\xcf\x98mj\xbaCW\x83\x03+\xaal\x13\xfe\xf48V?j$\xac\x7f\t\xe1\x19\xc0\xc5.\xed\x07\x85Z\x02\x17\xfd\xeb\xaf\xe3\x1f\xb8\x9b[+\x99{\xdf4\xc8\x19g\x9c\xa9\xc1!\xfb2\xf6O\x9d\xfaBf\xd6a\xc0\xeaG\xd7\x02\xeb_*\xb8;.&amp;\xfaA\xe29\xe3\xf3\xe7\xcf\x07\x80s\x15U\x13&amp;&gt;3k\xe6KTU\xd5\x00\x7f]w\xd3\xae\x90\xee\xd0\x89\xc9\xa0\x06[\x96|\xb0b\xd8\x88dQ\xfdS\xa6L\xd9\xbcy3V?j$\xac\x7f\xa9\xe0\x19\xc0\xe5\x89\xd5\xc1\x14EIKK{\xf8\xe1)\xa7O\x17\x01\xc0\x80\x84\x98\x05\xef&lt;\xd7\x7fp\x7f\xa8\xa9\xd2\xedv\xf7\x99D\xfc\xeb\xaa\xc5A\x96\xa2\x13\'\x9f~v\xee\xaa/7\x00\x80\xc9dz\xe3\x8d7RRR\xa0\xc13R\x10j\x0c\xac\x7fI`\x00\\\x8d\xb8U\xa4\xb8\xb88999--\r\x00|L\xc6gfM~\xfa\xa9IA\xe1\xad\xc0ZIu\xaahj\x0b\xce&amp;\xa3\x94\x11\x00%8\x00\xea\x1d\xcb&gt;\xf9\xcf\xdf^^XXT\x06\x00\x91\x91\x91\x1f}\xf4\xd1\xa0A\x83\x18c2/u\x82n\x04\xd6\xbf\xd7\xc3\x00\xf8\r\xce\x95\x02\x17,X0g\xce\x9c\xba\xba:\x00\xe8\x11\xd9\xf9\x99\xa7\x93\'N\xb8\xc3\x10\xe8\x0fV+\xd5\xa9\xa26\xeb\x1a\xc2\x1c\x80\x89^O\xa0?p\xd8\x94\xb6m\xee\xdce\x9b\xb6\xfc$~:u\xea\xd4y\xf3\xe6\x05\x05\x05\xe1\xbd\x8e\xe8\x06a\xfd{7\x0c\x80\xdf\xe6\xecD\xe4\xe4\xe4&lt;\xfb\xec\xb3\xeb\xd7\xaf\x17\xaf\x0f\xec\xd7\xeb\xb9?O\x1b=\xac\x9f)\xd8\x025\xd5\xba\xddA\x08Q\xd5\xa6=\xd3d\x8c1\xc65M\x85\x00?\xb0;v\xfd\x94\xf5\xaf\x85+V~\xf1\xeb&amp;\xc5\xc4\xc4\xbc\xf9\xe6\x9bIII\xe0-\xcf\xb0E-\x0e\xeb\xdf\x8ba\x004\x96\xb3\x9eV\xadZ\xf5\x8f\x7f\xfc#;;[\xbc\xde\xabg\xf7\x94\x99\x13\xc7\xde=2\xb0U\x180\x07\xaf\xb6QJ\x7f}\xaa\x88\x8b\xfaD\x1c\x803\xc6\x18W\x08Q\xfc|\xc0`\xa65\xd6\xef\xb7f\xbc\xfd\xce\'i\x9bw\x8a\xf7\xb4m\xd3\xe6\xd1\xc7\x1e{\xf6\xd9g\x8dF#\x9e\xf6"\x97\xc3\xfa\xf7J\x18\x00\xd7@\xdc\x16\xaf(\x8a\xddn\x7f\xeb\xad\xb7\x16-ZX\\\\"~\xd4\xb1C\xbb\xf1cG\xde\xfd\x87a\xb7\xdc\x12\x07F30;\xd4\xd6S\x87.\x1e&gt;%\x8e\x86k\xfa\xb78\xe7\x8cs\xce8!\xa0j*\x98L`0\x01\xd0C\xbf\x1cZ\xbb~\xdb\xe7\xff^\xbfo\x7f\xaex\xa7\xd9l\xbe\xef\xbe\xfb^y\xe5\x95\xf6\xed\xdb\x03v|P\x93\xc1\xfa\xf7&gt;\x18\x00\xd7\xccYa\xa5\xa5\xa5\xcb\x97/_\xbe|yVV\x96\xf3\xa7\x83\x07\xc5\x8fH\xec?*\xb1_ll\x94oh0\x80\n\\\x87z;\xb7;8\xe3\x8cs\x00.\x16\xe2\xbd\xe8\xcf^\xf8"8!\n!\xa0\x18\x0c`2\x82\xaa\x01\x00\xb5Z\xf3\x8e\x14l\xdc\xb2\xfb\xc7\xad{\xd36\xef\xb4\xd9j\xc5\xaf\xb4k\xdb\xf6\xfe\x07\x1e\x984iR\xcf\x9e=\x01@\xd7uI\x1eh\x85Z\x10\xd6\xbf7\xc1\x00\xb8\x1e\xce\x9be\x00\xc0n\xb7o\xd8\xb0a\xd9\xb2e\x1b7n\xb4\xd9l\xce\xf7t\xee|S|\xef\xa8[o\x89\x8b\x8b\x8d\xbc\xb9{\xa7\xb06a\xe0c\x02\x10\x97\xa48\xc0\xa5\xeb\xab(\x17n\xcb\xd0A\xd7\xcf\x97\x95\xe7\x1d-&lt;\x90{t\xfb\xce}\x19{\x0f\xe4\x1d)\xa8\xaf\xafw\xbeu\xf0\xe0A\x93&amp;M\x1e3fL\xeb\xd6\xad\x01\x80R*\xc3\x93l\x91\x9b\xc0\xfa\xf7\x1a\x18\x00\xd7\x8fsN)uN38t\xe8\xd0\xda\xb5k\xd7\xacY\x93\x91\x91\xd1\xb0X\x01 4$\xb8{\xb7\x0e\xc1\x96\xc0\x84\xdeQ\x9a\xa6\x05\x05\xf8\xf5\x8a\x8d\xe4\x94\x12 \xe2\xef\x10M+8QXp\xaa\x84hjvV\xde\xb9\xf2\xcaCGN\x14\x17\x9f\xb9\xe8_\x8c\x89\xe9y\xfb\xed\xb7\xdf}\xf7\x1fo\xb9\xe5\x16\xf1\x8ax\xa2\x05\xceqF\xcd\x0f\xeb\xdf\x0b`\x00\xdc(\xd1\x1b\x12\xf7O\x8aWrssw\xef\xde\xbdv\xed\xda\xcc\xcc\xcc\xa2\xa2\xd3\xf5\xf5\xf6\x1b\xf9\xfbm\xda\xb4\x8e\x89\x89\x19=\xfa\xf6!C\x86\xc4\xc7\xc7\x8bn\x97\xf8G\xb1\xd7\x83Z\x1c\xd6\xbfG\xc3\x00p\x19\xc6\x988/v\x16\xa5\xcdf+((8t\xe8Pvvvvv\xf6\xb9s\xe7rs\x0fRJ\xab*\xab\xea\xed\x979*\xc2\xc3\xc3\x00\xa0k\xd7n\x16\x8b\xa5o\xdf&gt;]\xbat\x8d\x8e\x8e\xee\xde\xbd{pp\xb0\xf3=\xba\xae\x8b\xc5{\x9b\xe53!\xd4XX\xff\x9e\x08\x03\xc0\xf5\xc4\x91p\xd92\xad\xac\xacd\x8c\x95\x94\x94\x94\x94\x94\x10\x02\r\xf7\xbd\xbf\xbf\x7f\xf7\xee\xdd9\xe7\x16\x8b\xe5J\x7f\x10\xbb&lt;\xc8\xfda\xfd{\x10\x0c\x80&amp;\xc4\x1b\x10\x13\x93\x1b3X)No\xc5\xf7\x82E\x8f&lt;\x17\xd6\xbf\xfb\xc3\x00hVbo\x8bC\xe2\xd2\x9f\x8a\xc3\x03\xcb\x1dy+\xac\x7fw\x83\x01\x80\x10B\x92\xc2\xe9S\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c2\x00@\x08!Ia\x00 \x84\x90\xa40\x00\x10BHR\x18\x00\x08!$)\x0c\x00\x84\x10\x92\x14\x06\x00B\x08I\n\x03\x00!\x84$\x85\x01\x80\x10B\x92\xd2Zz\x03\x10B\xb2\xe0\r\\\xf4#\xd2@\x8bl\x9b\x9c\xc8\xa5\xdf\x04B\x08\xb9\x10\xe7\x9c1\x06\x00\xaa\xaa\xfe\xe6\x9b)\xa5\x9csEQ\x14\x05\xc7\'\x9a\x1c\x06\x00B\xa8\xa90\xc68\xe7\xcev\x9fRz\xfa\xf4\xe9\xa3G\x8f\x16\x14\x14\x9c&lt;Y@\x08\xe1\x1c\x00xp\xb0%&amp;&amp;\xa6M\x9b6\x9d:u2\x9b\xcd\r\x7fWQ\x14&lt;\'h:\x18\x00\x08!\xd7c\x8c9\xc7sJKKw\xec\xd8\xb1n\xdd\xba\x8c\x8c=\x05\x05\'\xab\xaa\xaa.\xfb+&amp;\x93\xb1}\xfb\xf6\xf1\xf1\xf1w\xdcq\xe7\x80\x01\x03\xa2\xa2\xa2\xc4\xeb\x94\xd2\xc6\x9c:\xa0\xeb\x80\x01\x80\x10r%1\xe0#\x9a\xec\xac\xac\xac\x85\x0b\xdf[\xbbv]QQ\xd1Eo\x0b\x0f\x0f\x05\xce8\x00!Je\xa5\xd5n\xb77\xfc\xa9\x9f\x9f\xef\xc8\x91#\x1f}\xf4\xb1a\xc3\x86\xa9\xaa*F\x90pP\xc8\xe50\x00\x10B.\xc3\x18\x13\xcdtNN\xce\x9f\xff\xfc\xe7\xcd\x9b7;[\xf6\x8e\x1d\xda\xf5\xed\x1b\x1d\x1f\x1b\xd976\xcab\t\xec\xd6\xb5\x030\x06\x00\xa0j%E\xa5\xc5g\xca\xb3\x0f\x1e\xcb\xca\xce\xcb\xd8{ ;\'\xcf\xf9\x07ccc_\x7f\xfd\xf5\xa4\xa4$\xc0S\x81&amp;\x80\x01\x80\x10r\r]\xd75M\xb3Z\xad\x7f\xf9\xcb_\x96,I\xad\xad\xad\x03\x00_\xb3\xcf=cG\xfd\xe9\xee\x11C\x07\xc7\x07\xb6\x0e\x03P\x01t`\x0c\xea\xed\x00bp\x9f\x83A\x03M\x03P\x018\xb5Zw\xef=\xb0\xfa\xbb-+V\xae+*&gt;#\xferRR\xd2\x82\x05\x0b"""\xc4?\xd1r\x1f\xd1\xdb`\x00 \x84\\@4\xcd\x99\x99\x99\xd3\xa6M\xcb\xcc\xcc\x04\x00\xb3\x8f\xe9\xbe\tI\xb3f&gt;\xd8\xb3OO\x00\x0e6\x1b\xb5;8\x07B\x08\x10P\x1a\\\xda\x15\xf3B9\xe7\x84\x80\xaa\xaa\xe0g\x06\xc5Tz\xea\xd4\x07\xa9_|\x98\xfaeq\xc9Y\x00\x08\x0b\x0b[\xb8p\xe1\xf8\xf1\xe3\x1b^]@7\x08\x03\xa0\x058\xf79\xe7\\\xd41Vs\xf3kX\xf9\xb8\xffo\x90h\xfd\x97.]:k\xd6,q\x8d\xf7\xf6\x11\xb7\xcc{kvt\\48\xec\xb4\xda\x06\x04\x1a9\x9f\x87\x03p\xc6\x18c\x9a\x8f\x0f\x98}\xcb\n\x8b_\xfb\xc7\x07\x0b?X\xc58\x07\x80\x94\x94\x94\xf9\xf3\xe7c\x06\xb8\n\x06@3\x117\xbf\x88\xc2\xbdt\x1c\x93sN)%\x84\xe0\xa4\xb7&amp;\xc5\x18s\xb6\x1d\r\xaf(\x8a\xaf\x06\xa7\x9f_\x1f\xd1\xfa\xa7\xa6\xa6N\x9f&gt;\x1d\x00LF\xc3\x1b\xaf&gt;\x99\xf2T2\x00\xa7\xd6\x1a\xa2\x90\xeb\xdb\xa5\xe2\xa0\x101\x90\xf6\xdd\xe6\x87\xa7\xff\xedt\xc9Y\x00\x986m\xda\xe2\xc5\x8b)\xa5x\xb0\xdc8\x0c\x80&amp;\xf7k\x1d\xff\xef\xc0\xa5\xd5j\xb5\xd9lv\xbb\xdd`0\xf8\xf9\xf9\x05\x04\x048\x7f\x84W\xba\x9a\x02\xa5\x14\xfe\xf7F\xa4\xca\xcaJ\x11\x06\x00\x10\x1c\x1c\xec|\xbd\xe1$\x16\xf4\x9b.j\xfdC\x82\x03\xbe\xfd\xe6\xbdA\x89\xb7\xb0\xca\xf3\xc0\xb9\xa2\xdeh\x9ar\xce)e\x9a%\xa8\xf8d\xd1]w?\x9e\xb1\xef \\\xc8\x00]\xd7UU\xc5\x0c\xb8\x11\x18\x00M\xcb9\xc8\x03\x00\x99\x99\x99[\xb6l\xd9\xb5kW~~~II\x89\xcdf\x13\xbd\x18??\xbf\xdf\xfd\xeew\xf1\xf1\xf1c\xc6\x8cIJJRU\x153\xc0\x85\x1a6\xe8\x85\x85\x85\x9b7o\xde\xbe}\xdb\xf1\xe3\'rs\x0f\xea\xbaN\x80p\x80n\xdd\xba\xb6o\x7f\xd3\xa0A\x83F\x8f\x1e\xdd\xa3G\x0f\xb8p\xc6\x86g\x03W\'\n\xf5\x93O&gt;\x99&lt;y2\x00\xdc\x1c\xd9\xf9\xb3\xe5s\xe3\x12b\xf4\xf2\n\xcd\xe0\xcaK\xb5\xbaC\xd7\x02\xfc+**\xa7Ly~\xf5\xba\x1f\x01\xe0\x91G\x1e\xf9\xe0\x83\x0f\xf0\x9a\xf0\r\xc2\x00hB\xa2\xf5/**Z\xbe|\xf9\xaaU\xab\xf6\xef\xdf\xff\x9b\xbf\xd2\xa7O\x9f\x7f\xfc\xe3\x1f\xa3F\x8d\xc2\x0cp\t\xe7nLOO\xff\xf4\xd3O\xbf\xfb\xee\xbb\x8a\x8a\x8a\xab\xbc\xdfd2\xddv\xdbm\x0f&lt;\xf0\xc0C\x0f=\x04x6vUb\xc6gvv\xf6\xc0\x81\x03jjl\xa1\x96\xc0-\x1b\x97\xc6\xf4\xed\xa5\x97\x9f\xd3\x0c\x06\x97\xffsT\xa7\xaa\x9f\xb9\xae\xce&gt;d\xe8\x83\x19\xfbr\x01`\xe9\xd2\xa</t>
        </is>
      </c>
    </row>
    <row r="185">
      <c r="A185" s="1" t="n">
        <v>183</v>
      </c>
      <c r="B185" t="inlineStr">
        <is>
          <t>color_size_circle</t>
        </is>
      </c>
      <c r="C185" t="inlineStr">
        <is>
          <t>What is the missing color of the part denoted with a question mark?</t>
        </is>
      </c>
      <c r="D185" t="inlineStr">
        <is>
          <t>['light red', 'light purple', 'light yellow', 'dark red']</t>
        </is>
      </c>
      <c r="E185" t="inlineStr">
        <is>
          <t>dark red</t>
        </is>
      </c>
      <c r="F185" t="inlineStr">
        <is>
          <t>There are circles of various sizes and colors in the image. The circles are ['large', 'extra large', 'small', 'medium'] size, and their colors are ['light red', 'very light red', '?', 'medium red'].</t>
        </is>
      </c>
      <c r="G185" t="inlineStr">
        <is>
          <t>We observe that the largest circle is very light red color, and the smaller circles change color from light red to medium red. Hence, the pattern is that the circles become darker as they become smaller.</t>
        </is>
      </c>
      <c r="H185" t="inlineStr">
        <is>
          <t>Based on the pattern that the circles become darker as they become smaller, the missing color of the smallest circle denoted with a question mark should be dark red.</t>
        </is>
      </c>
      <c r="I185" t="inlineStr">
        <is>
          <t>b'\x89PNG\r\n\x1a\n\x00\x00\x00\rIHDR\x00\x00\x02\x00\x00\x00\x02\x00\x08\x02\x00\x00\x00{\x1aC\xad\x00\x00\xe4\x9eIDATx\x9c\xec\x9dwxUE\xfa\xc7g\xe6\x94\xdbs\xefM\x03B\n\t\x10\x92\x90\x10\xba\x04\x90"\xa0" \xa0\x8b\x15Q\xb1\xd7\xb5\xbb\xae\xeb\xaa?uw\xd1E]\xfbZP\x10\x15\xc4F\x13\x04\x14D\x9a\x80@ $$\x84\x84\x90\x10 \xfd\xe6\xd6Sf\xe6\xf7\xc7\x90k\x04t-@\xe6&amp;\xe7\xf3\xec\xb3\xcf=\xd7\x00\x93s\xce\xbc\xdf\x99\xb7\r\xa4\x94\x02\x03\x03\x03\x03\x83\x8e\x07j\xeb\x01\x18\x18\x18\x18\x18\xb4\r\x86\x00\x18\x18\x18\x18tP\x0c\x010000\xe8\xa0\x18\x02````\xd0A1\x04\xc0\xc0\xc0\xc0\xa0\x83b\x08\x80\x81\x81\x81A\x07\xc5\x10\x00\x03\x03\x03\x83\x0e\x8a!\x00\x06\x06\x06\x06\x1d\x14C\x00\x0c\x0c\x0c\x0c:(\x86\x00\x18\x18\x18\x18tP\x0c\x010000\xe8\xa0\x18\x02````\xd0A1\x04\xc0\xc0\xc0\xc0\xa0\x83b\x08\x80\x81\x81\x81A\x07\xc5\x10\x00\x03\x03\x03\x83\x0e\x8a!\x00\x06\x06\x06\x06\x1d\x14C\x00\x0c\x0c\x0c\x0c:(\x86\x00\x18\x18\x18\x18tP\x0c\x010000\xe8\xa0\x18\x02````\xd0A1\x04\xc0\xc0\xc0\xc0\xa0\x83b\x08\x80\x81\x81\x81A\x07\xc5\x10\x00\x03\x03\x03\x83\x0e\x8a!\x00\x06\x06\x06\x06\x1d\x14C\x00\x0c\x0c\x0c\x0c:(\x86\x00\x18\x18\x18\x18tP\x0c\x010000\xe8\xa0\x18\x02````\xd0A1\x04\xc0\xc0\xc0\xc0\xa0\x83b\x08\x80\x81\x81\x81A\x07\xc5\x10\x00\x03\x03\x03\x83\x0e\x8a!\x00\x06\x06\x06\x06\x1d\x14C\x00\x0c\x0c\x0c\x0c:(\x86\x00\x18\x18\x18\x18tP\x0c\x010000\xe8\xa0\x18\x02````\xd0A1\x04\xc0\xc0\xc0\xc0\xa0\x83b\x08\x80\x81\x81\x81A\x07\xc5\x10\x00\x03\x03\x03\x83\x0e\x8a!\x00\x06\x06\x06\x06\x1d\x14C\x00\x0c\x0c\x0c\x0c:(\x86\x00\x18\x18\x18\x18tP\x0c\x010000\xe8\xa0\x18\x02````\xd0A1\x04\xc0\xc0\xc0\xc0\xa0\x83b\x08\x80\x81\x81\x81A\x07\xc5\x10\x00\x03\x03\x03\x83\x0e\x8a\xd8\xd6\x03008KPJ\x7f\xe5OB\x08\xcf\xe8H\x0c\x0c8\xc1\x10\x00\x83\x08&amp;l\xd3\t!\'|\x03!lm\xc7O\xb8\xfc\x9f\x7fmk\xb5h}\x19\xfeK\x10B\'|c`\x10q\xc0_\xbf,20h+\xd8[\xca\xac&lt;\xfb\xcc\x0cz\xd8\n\xff\x1a\x1a\x1b\x1b!\xfc\x1f/&lt;\xfb\x01\xb7\xdb\xfd\xeb\xffZBHX!\x98\x18\xb0Q\x19\xc2`\xc0?\x86\x00\x18p\x07m\x05\x00\x00B(\x08\xc2)\x7f\x12c\xdc\xdc\xdcL\x08\xd9\xbbw/\xc6X\xd7\xf5\xad[\xb7j\x9a\x06!\xac\xa8\xa88x\xf0`\xd8\xe2\xfb|\xbe\xd2\xd2\xd2_9\x80\x1e=z\xd8\xedv\xd0\xa2\x07\xdd\xbauKII\xa1\x94J\x924x\xf0`Q\x14\x05A\xe8\xdd\xbb7B(**\xea\x17\xc6\xd6Z\xab~\xd3\x16\xc4\xc0\xe0\xec`\x08\x80A\xdbC)\r\xaf\xee\x11B\'\xaf\xeb1\xc6^\xafw\xff\xfe\xfd&gt;\x9f/??\xdf\xe3\xf1\xe4\xe7\xe7755\x1d;v\xec\xc8\x91#\x94\xd2\xa6\xa6\xa6\xb3&lt;f\x97\xcb\x05!\xec\xd2\xa5K\xa7N\x9d\\.Wnn\xae\xd3\xe9\xcc\xcd\xcd\xb5\xdb\xed={\xf6t8\x1c\'\x0b\x03!\x84\x10\x12\xde%\x18z`\xd0\xe6\x18\x02`\xd0\x06\xb4^\xe3\x9fl\xf1\x83\xc1`]]]ii\xe9\xee\xdd\xbbkkk\xb7m\xdbVYYy\xf4\xe8\xd1\xc6\xc6\xc6\xb6\x1a\xf0o\xc2\xedvw\xee\xdc9))i\xd0\xa0Aqqq}\xfa\xf4\xe9\xd1\xa3Gll\xac\xc5bi\xfdca=0\xf6\x07\x06m\x85!\x00\x06g\t\xb6\xcc\xa7\x94\x9e\xec\xd2\xf1x&lt;%%%UUU;v\xec\xd8\xbaukQQQ}}} \x10\xf8\xf5\x7f\xb9\xc5l\xb6\x98L\x84\x90\xb4\xa4$\xa7\xc3\x811v9\x1c\xb9\xbdz\xe1\x96\xe0\xb0(\x08\x03\xb3\xb3EA\xa0\x94\x82\x9f3\xb5\x94B\x08u\x8c\xb7\x17\x14\xe8\x18\xb3\xef\x04\x84\xf2\x8b\x8b\x9b\xbc^A\x10&lt;^oYe%B(\xa8(\xc1P\xe8\xd7\x0f\xcfj\xb5\xc6\xc4\xc4dff\x0e\x1e&lt;\xb8\x7f\xff\xfe\x89\x89\x89\xe9\xe9\xe9N\xa7\xb3\xf5\xcf0\x97\x11\x0bl\x18b`pv0\x04\xc0\xe0\x0c\xf2sF\x1fc\\RR\xb2o\xdf\xbe\x1d;vl\xde\xbc9??\xbf\xae\xae\xee\x7f\xfem\xa2 8\xec\xf6N\xd1\xd1]\xe2\xe3\xbb\xc6\xc7\xa7&amp;%\xd9\xcc\xe6~\x19\x19:\xc6\xdd\x93\x93\x9dv;\xc68\xd6\xed6\x99L\x80R\x80\x10\x90$\xd0\xfa\xf5\xd6\xf5_;n\xb1Uv\x1c\x84@\xd3\x00!\x00BEQ\xea\x1a\x1b\x05A\xf0\xf8|\x07\x0e\x1d\x12\x05a\xe7\xbe}\xfeP\xa8\xbc\xb2\xf2pM\xcd\x91\x9a\x9ac\r\r^\x9f/,\x1e\xbf@lllnnn^^^\xff\xfe\xfd322\xd2\xd3\xd3O\xb8?\x86\x18\x18\x9c\x05\x0c\x0108\xfd0\xa3\x0f\x00hm\xd4\x02\x81@AA\xc1\xa6M\x9bv\xef\xde\xfd\xfd\xf7\xdf\x97\x94\x94\xe8\xad,\xf2\xc9\xf99Qv{B||\x97\xf8\xf8\xcc\xd4\xd4\xeeIIY\xdd\xbb\xc7GGw\xe9\xd4\xc9f6G9\x1c\x00B \x8a\x80\x10\x801\x00@SUB\x08\x80P\xd34B)\x04\x80\x02@\ti\xbd\xd8\x87\x00\xfc\xec\xda\xbf5\'\x8c\x83R\x88\x10\xfb\x0b\x11\x84\x92$\x01J\x11B\x92,\x03\x00\x80 \x00\x84\x80\xae\x03J\x9b\xbd^\x7f(t\xe4\xd8\xb1\x9a\x86\x86\xc2\x03\x07\x0eTV\x16\x95\x97\x1f\xa9\xa9\xa9\xae\xa9i\xf6\xf9Z\xff\x95\'\xfc\xb2\xa2(\xa6\xa7\xa7\x9fs\xce9}\xfa\xf4\x19:thvv\xb6\xd5j\r\xffW\x8c1\xfb#\xbf)\xe5\xc9\xc0\xe0\xd7`\x08\x80\xc1\xe9!\xbc\xd8o\xed\xd3\xc7\x18\xef\xd8\xb1c\xe3\xc6\x8d\xdf}\xf7\xdd\xf6\xed\xdb\x0f\x1d:\x14\xfeyfR[\x13\xe7v\xf7JM\xed\x9b\x91\xd1\xa7W\xaf\xd4\xa4\xa4\x9e\xc9\xc9\xd1N\xa7\xc3n\x07\x08\x01\x08\x01\xc6D\xd75]\xc7\x84\xe8\x18\xb30\x02hq\x9d\x87=\xe8gz\xbd\xcc\xe6\x0b\r\x7f\xa0\x949\x8e\x00\x84\xa2 \x08\x08I\xa2\x88D\x11\x08\x02\xa0\x14\x10\xe2\xf5\xf9\x1a&lt;\x9e\xfd\x87\x0e\x95WV\xee..\xde\xb5o_qyy\xedO\x83\x19\'\xdc\x8a\xe4\xe4\xe4\x81\x03\x07\x9e{\xee\xb9\xc3\x86\r\xeb\xdf\xbf\x7fXD\xc31\x03c[`p\xba0\x04\xc0\xe0\x0f\x11\xb6\xfbb+\xb7IUU\xd5\xd6\xad[\x97-[\xf6\xfd\xf7\xdf\x17\x16\x16\x86\xbf?a\xe5\x1b\xedt\xf6\xee\xd1#\xb7W\xaf&gt;\xbdze\xf6\xe8\xd1#11&gt;:\x1a1\x07\x0e\xc6\xaa\xaa\xea\x18\xeb\xad\x93)[\xec;\x9f\xe6/,\t\xb4U\xb1\x82(\x08\xa2 \xc8\xb2\x0c\x04\x01@H\x14\xa5\xa6\xa1\xa1\xb4\xaa\xaa\xa8\xb4twqq~q\xf1\xde\xd2\xd2\x06\x8f\'\xfc\x97\x9cp\x8b\xb2\xb2\xb2\xce9\xe7\x9c\x89\x13\'\x0e\x1e&lt;8111\xfc\xbd\xae\xeb\x86\x12\x18\xfcq\x0c\x010\xf8=\x9cl\xf7\xd9b\xff\xdbo\xbf]\xb9r\xe5\xb6m\xdb\x9a\x9b\x9b\xd9\xf7\'X\xb4\xe4.]\xfage\r\xef\xdf?\xb7W\xaf^\xa9\xa9\x89\x9d:AY\x06\x94\x02]\x0f\xa9\xaa\xa6\xeb,\x1f\x14B\x88 \xe4\xd4\xd2\xff\x16\x98&amp;\x90\x96\x9a\x06\x84\x90$\x8afY\x06\xa2\x08 \xa4\xaaZu\xecXqyy~q\xf1\x86\x1d;v\x14\x16\x1e:r$\xfcg[\xdf\xba\xa8\xa8\xa8A\x83\x06]x\xe1\x85#G\x8el\xbd-0\x94\xc0\xe0\x8f`\x08\x80\xc1o\xe0\x94v\xff\xfb\xef\xbf\xff\xfc\xf3\xcf\xbf\xfc\xf2\xcb\xd6\x8b\xfd\xd6\x84\x8d\xfe\x90&gt;}2\xbbw\x8fv\xbb\x81 \x00]WTUUU\xc2,c\x87I\x85d\xc9\xaf\xe1\xdfZ\x96e\x13\xd3\x03\x8c\x1b\x1a\x1b\x8b\x0e\x1c\xd8\xb2{\xf7\xc9b\xd0\x9a\xac\xac\xac\x8b.\xbah\xea\xd4\xa9\xe7\x9cs\x8e\xa1\x04\x06\x7f\x04C\x00\x0c~\x15\xcc\x01\xfd\xcbv\xbf\xf5\x8a\xd5a\xb3\r\xcc\xce\x1e\x97\x977r\xe0\xc0^\xa9\xa91\xd1\xd1@\x10\x80\xa6\x05\x15E\xd3\xf5\xe3).\x1d\xc3\xe2\xff2\xb4e\x7f\x00!\x94D\xd1b2\x01I\x02\x18\xd774\x14\x97\x97\x7f\xbb}\xfb\xea\xcd\x9b\xb7\x17\x14x\xfd~\xf6\xf3\xado\xf2\xcf)\xc1)\x8b\xe9\x0c\x0cN\xc6\x10\x00\x83_\x82-\xf9\xc3\xeb\xca\xffi\xf73\xd3\xd2\x06\xf7\xe93~\xc4\x88\x81YY\xdd\x93\x93\x81(\xb66\xfa\x1dg\x99\xff\xfb\x08o\x0e~"\x06\xba~\xe0\xd0\xa1\xed\x85\x85+\xd6\xaf\xdf\xba{wQY\x19\xfb\xe1_V\x82\x13\x1e\x9c\x81\xc1)1\x04\xc0\xe0\xd4\xb0\xec\xc3\xf0\xba\xb2\xb0\xb0\xf0\xcb/\xbf|\xff\xfd\xf7w\xef\xde\xcd\xbeA\x08\x85{pf\xa6\xa5]x\xee\xb9\x93\xcf;o`\xef\xde6\x87\x03P\xaa)JHQ\x88a\xf4\x7f/a1@\x10\x9aM&amp;\xc9d\x02\x10\xfa\xbd\xde\xed{\xf7.\xfe\xe6\x9b\x95\xdf}\x17V\x82\xd6\x0f\xa2O\x9f&gt;\xd7\\s\xcdE\x17]\x94\x95\x95\xc5\xbe9\xe19\x1a\x18\xb4\xc6\x10\x00\x83\x9fp\xc2\xca\xb1\xb9\xb9y\xf1\xe2\xc5\xef\xbf\xff\xfe\xda\xb5kY\xda~ks3$7w\xca\x981\xe7\xf6\xef\xdf\xa7W/\xbb\xcb\x05T\xd5\x1f\x0c2\x8bc\xac=O#\xe1^I\x82 \xd8,\x16 \xcb\xbe\xa6\xa6\xdd\xc5\xc5\xdf\xed\xd8\xf1\xc5\xd7_o\xc9\xcfg?\x16~4\xa2(\x8e\x1e=\xfa\x9ak\xae\x99&lt;yrTT\x1406\x04\x06?\x83!\x00\x06\xc7a\xd1\xdd\xf0Rq\xd3\xa6M\xef\xbd\xf7\xde\x8a\x15+\xaa\xaa\xaa\xc0\xa9\xd6\xfb\x17\x9fw\xde\xf0~\xfdD\xb3\x99jZ0\x18\xd40\x86\x10\n\x86\xeb\xf9\x0c\x83\t\xa1\x94J\x82`\xb1X\xa0$\xe9\xa1\xd0\x86\x9d;\x97\xfc\xcc\x9e 11q\xfc\xf8\xf1\xd7]w\xdd\xd0\xa1C\x8f\xffq\x8c\x8d\x9a2\x830\x86\x00\x18\xfc\xc4K\x10^\xf2\xaf^\xbd\x9a\xfd\xd7\xb05\xe9\xda\xa9\xd3\x85\xc3\x87_3y\xf2\xc0\xac,[T\x14\xd04_ \x80\tA\x10\xb2ZY\x83\xb3\x06\xabs&amp;\x94\n\x08\xd9\xadV I\xfe\xe6\xe6\xed\x85\x85\xef/^\xbcr\xc3\x86\xc3\xc7\x8e\x81\x9fj\xf6\xb8q\xe3Zo\x08\x0c\xbf\x90\x01\xc3\x10\x80\x8e\xcb\tn\x81}\xfb\xf6-\\\xb8\xf0\xed\xb7\xdffK~Q\x10XO\x1b\x93,\x8f\x1b:\xf4\x92\xb1c\'\x8e\x1e\x1d\x17\x1b\x0bt\xdd\x1f\x0c\xea\xc6z\x9f\x1b\xd8\x9e@d\xde!Q\xac\xad\xab[\xb6v\xedgk\xd6\xac\xde\xb4IQU\xd0\xeaQ&amp;&amp;&amp;\xdex\xe3\x8d\x97_~yFF\x060\xfcB\x06\x86\x00tL\xd8\xcc\x0f/\x00W\xaf^=\x7f\xfe\xfc\x85\x0b\x17*\x8a\x02Z\xad\x1c{u\xebv\xd9\xf8\xf1\x97]xavz:@(\xe4\xf7\xab\x9a\x06\x0c\xbb\xcf+\x98\x10@\xa9,If\x9b\r\x10RPR\xf2\xf1\xca\x95\x1f\xafXQ|\xf0 h\xf5XM&amp;\xd3\xe5\x97_&gt;}\xfa\xf4q\xe3\xc6\x1d\xff\x83\x18\x1b2\xd011\x04\xa0c\xd1\xda\xf4\xab\xaa\xbar\xe5\xcaW^y\x85y{\xc2\x06B@h\xf49\xe7\xdcv\xc5\x15c\x86\x0cq\xba\xddXQ\xfc\x81\x000\xe2\xba\x11B8bl\xb3Z\x05\x93\xc9\xd3\xd8\xf8\xf5\x96-\xaf/X\xb0\xf6\xfb\xefYs\xec\xf0\x83\x1e7n\xdc\x9dw\xdey\xe1\x85\x17\xca\xb2\x0c\x0c\x19\xe8\x90\x18\x02\xd0Q8\xc1\xf4\x7f\xf0\xc1\x07\xcf?\xff|AA\x01\x00@\x14E\x96\xe1\x13\x1f\x1d=\xfd\xe2\x8b\xaf\xbc\xe8\xa2~YY\x82(\x06\xfc~M\xd7\x91\x113\x8cL\x08!\x84RI\x14\xad6\x1b\xd6\xf5\x9d\x85\x85\x1f}\xf9\xe5\xfc%Kj\x1a\x1a@\xab\x87\x9e\x9d\x9d}\xdf}\xf7]}\xf5\xd5\x86\x0ct@\x0c\x01h\xff\xfc\x1a\xd3\xdf\xbbG\x8fk&amp;O\xbe\xea\xa2\x8b\x92RRH0\xe8\x0f\x06)\xa5H\x10\x0c3\x10\xe9P\x00\x08\xc6\x10B\x9b\xc5\x82,\x96\xca\x8a\x8a\x0f\xbf\xfc\xf2\xfd\xc5\x8b\xf7\x96\x96\x02C\x06:&lt;\x86\x00\xb4g~\xc1\xf4K\xa2\xa8\xe9:\x00`l^\xde\xd5\x13\'N=\xff|\xa7\xcb\xa5\xf8|!E1\x1a\t\xb4KX3\x0f\xb3\xc9d\xb2\xdb=MM\x9f\xafZ\xf5\xc1\xb2ek6o\x06\xad^\x06C\x06:\x1a\x86\x00\xb4[0\xc6\xa74\xfda\x17\xf0\xd8\xbc\xbc\xfb\xaf\xbb\xee\x82a\xc3\xa0$\x05|&gt;M\xd3\x04A0f{\xfb\x86R\x8a1\x96$\xc9j\xb7SM\xfbj\xe3\xc6\xd9\xef\xbd\xc7d \xfcb\x9c,\x03F\xc2h{\xc5\x10\x80vH\xb8\xd8\xe7D\xd3/\x08\x04cY\x92\xa6]x\xe1U\x13\'\x8e\x1f6\x0c\n\x82\xd7\xeb%\x94\n\x86\xb7\xa7#A\xd9\xea\x1eB\x87\xc3A1^\xb1q\xe3\x87\xcb\x96-Z\xb9R\xd54\xf6\x92\x80\x9f\xca\xc0\tE\x82\x06\xed\x06C\x00\xda\x15\xad\'\xea\x82\x05\x0b\x9ey\xe6\x99\xe3\x0e\x1fI\xd24M\x12\xc5\xab&amp;N\xfc\xf35\xd7\xf4\xcb\xce\x06\x18{}&gt;cVwp\xd8Z\xc1a\xb7\x03A\xd8YP\xf0\x9f\xf7\xdf\xffp\xd92M\xd7\xd9\x0b\x03\x00\xc8\xce\xce~\xf4\xd1G\xaf\xb8\xe2\n`T\x11\xb7G\x0c\x01h\'\xb4v\xf7\x7f\xfd\xf5\xd7\xb3f\xcdb\xc9\x9d\xe1\x99|\xd9\x85\x17&gt;r\xcb-}\xb3\xb2\xb0\xaa\xfa\x02\x01\xa3\x8c\xcb \x0c+%\xb3[\xad\x82,\xef*,\xfc\xe7\x7f\xff\xfb\xf1\xca\x95\xa0\xd5\xcb3n\xdc\xb8\x87\x1f~x\xcc\x981\xc0\x08\x0c\xb4/\x0c\x01h\x0f\x84\xbd\xb4\x05\x05\x05/\xbc\xf0\xc2\x9c9s@\xab\xd9;6/\xef\xbe\xeb\xae\x1b\x7f\xee\xb9\x84\x10\xaf\xdfo\xa4u\x1a\x9c\x12\x966\xea\xb0\xd9\x10B+\xbe\xfb\xee\xf9\x96\xd8@\xf8E\x9a9s\xe6\xbd\xf7\xde\x9b\x9d\x9d\r\x8c\xc0@{\xc1\x10\x80\xc8\x86\xb4\x94\xf6x&lt;\x9e\x7f\xff\xfb\xdf\xcf&gt;\xfb\xac\xaa\xaa\xe1\xdc\xbe\xc199O\xdeu\xd7\xf9C\x87"Ah\xf6z!\x00\x86\xe97\xf8e\x08!\x14\x80(\x87\x83`\xbcj\xd3\xa6\xc7_~y\xeb\x9e=\xa0%aT\x96\xe5\x87\x1ez\xe8\x81\x07\x1ep:\x9d\xe1w\xaf\xad\x87l\xf0\xfb1\x04 Ri\xed\xf3Y\xb0`\xc1\xe3\x8f?^RR"\x08\x02\xeb\xf3\x95\xd5\xbd\xfb\x9fg\xcc\xb8j\xe2D\xbb\xcd\xe6mn6|\xfd\x06\xbf\x89\xe3\xb1\x81\xa8(\x9f\xdf\xff\xe1\xb2e\xff\x997\xaf\xf0\xc0\x01\x00\x00{\xc1\xd2\xd3\xd3\x9f|\xf2\xc9p`\xc0\xf0\x08E.\x86\x00D$\xad}&gt;\x0f=\xf4\xd0\x8a\x15+@\xcbV=\xce\xed\xbe\xf3\xea\xab\xef\xbb\xee:{T\x94\xbf\xb9\xd9\xd8\xaa\x1b\xfcn\xd8\xcbc\x8b\x8a\xf257?\xff\xde{\xaf|\xf0Amcc\xd8#4~\xfc\xf8g\x9f}\xd6\xf0\x08E4\x86\x00D\x18\xe1\x85\x7fk\x9fOxN^;y\xf2\xe3w\xde\x99\xda\xad\x9b\xdf\xe3\xd116\x92;\r\xfe ,aT\x14\x04\x9b\xd3Y~\xf0\xe0\x93\xaf\xbc2w\xf1b\xd0\xb2\xdah\xed\x112\xb6\x02\x91\x88!\x00\x91\x84\xae\xeb\xecX\xf6\x15+V\xdcs\xcf=\xad}&gt;\x83\xb2\xb3\x9f\xbe\xe7\x9e\xf3G\x8cP\x03\x81`($\x88\xa21\x11\rN\x17\x14\x00\xac\xeb\x16\xb3Y\xb6ZW\xad_\xff\xb7\x17_\xdcVP\x00Zy\x84^|\xf1\xc5\xf1\xe3\xc7\x83V\xaf\xa8AD`\x08@d\x10^\xf8WWW\xdf\x7f\xff\xfd\x0b\x16,\x00\xad|&gt;\x7f\xbd\xe5\x96\x9b/\xbf\xdcj6{\x9a\x9b\x05c\x15fpf\xa0\x94bB\x9cQQ\x81P\xe8\xcd\x85\x0b\xff\xf1\xdf\xff\xb6\xf6\x08]q\xc5\x15\xb3g\xcfNHH0\xb6\x02\x11\x84!\x00\x11@xU\xb5`\xc1\x82\xfb\xef\xbf\xbf\xba\xbaZ\x96$\xb5\xb5\xcf\'%\xc5p\xf7\x1b\x9c\x1d\xc2\x81\x81\xf2\x8a\x8a\xb0G\x88\xbd\x90\t\t\t\xb3g\xcff\xc1ac+\x10\x11\x18\x02\xc05\xa7\\\xf8\xb3\x84\xbc\x1e\xc9\xc9/&lt;\xf2\xc8\xc4\xb1cU\xbf?\xa8(\x86\xbb\xdf\xe0\xac\xc1\x02\x03\x16\x93I\xb6\xd9\x96\xadYs\xef?\xffYz\xe8P8\xf9\xd8\xd8\nD\x10\x86\x00\xf0KxE\xff\xe3\xc2_\x96UU\x15\x05\xe1\xc1\x1bn\xb8\xff\xdakcbb&lt;\x1e\x8f\xe1\xf31h\x13\x8e{\x84\x9c\xce\xfa\xfa\xfa\xd9s\xe7&gt;\xf7\xce;:\xc6\xec\x15m\xbd\x1506\xa6&lt;c\x08\x00\x8f\xb0\x96\x8d\xa2(\xd6\xd7\xd7\xdfy\xe7\x9d\xad\x17\xfe\x83\xb2\xb3_x\xe4\x91a\xe7\x9c\x13lnf\xfd;\xdbz\xb0\x06\x1d\x1a\xd6[\xd4\x12\x15\xb5\xf1\xfb\xef\xef\xfd\xe7?\xb7\x15\x14\xb4\xde\n\xbc\xf2\xca+111\xba\xae\x1b\x8df\xf9\xc4\x10\x00\xee`\xe7t\x03\x00\xbe\xfa\xea\xab\xbb\xef\xbe\xbb\xa4\xa4\x84\xad\xaa\x04\x84\x1e\xb9\xf9\xe6\xbf\xde|\xb3\xc5d\xf2x\xbd\xc6\x8c2\xe0\x04\xb6^q:\x1cAE\xf9\xc7\x9bo\xfe\xf3\xcd71!\xec\xa5MOO\x7f\xe9\xa5\x97.\xb8\xe0\x02\xd0\xea\xc56\xe0\x07C\x00\xf8\x82\x85\xcet]\x7f\xf0\xc1\x07_|\xf1E\xd0\x12^;\xbe\xf0\x1f&lt;\xd8\xef\xf1\x18{j\x03\x0e9\x1e\x1cv:7n\xdd\xca\xb6\x02\xe1T\x85{\xee\xb9\xe7\xb9\xe7\x9ec/\xb6\x11\x19\xe6\nC\x00x!\xec\xf6\xd9\xbf\x7f\xff\xf5\xd7_\xbfq\xe3\xc6\xf0\xfc\xb9\xeb\xea\xabg=\xf0\x80Y\x96\x9b\x8d\x85\xbf\x01\xc7\xb0w8\xca\xe1\x08\xa9\xea\xc3\xff\xfe\xf7\xcb\x1f|\x00ZV0\xc3\x86\r{\xf7\xddw{\xf6\xeci\xb8\x83\xb8\xc2\x10\x00.\x08\xef\x8e?\xfe\xf8\xe3\xdbo\xbf\xbd\xbe\xbe\xded2)\x8a\xd29&amp;\xe6\xed\xa7\x9e\x9a0v\xac\x91\xe5i\x10)\x84\xf3D\x97\xafYs\xe3c\x8f\x1dmy\x99cbb^{\xed\xb5\xcb.\xbb\x0c\x18\xee n0\x9eA\xdb\xa3\xeb:BH\xd7\xf5{\xef\xbd\xf7\xf2\xcb/\xaf\xaf\xaf\x17\x04AQ\x94K\xc6\x8d\xfb~\xd1\xa2\t\xe7\x9d\xe7il4\xba\xb9\x19D\n\x82 PJ=\x8d\x8d\x13\xce;\xef\xfbE\x8b.\x197NQ\x14A\x10\xea\xeb\xeb/\xbf\xfc\xf2{\xef\xbd7\xfc\xc2\xb7\xf5H\r\x8c\x1d@[\xc3\xbc\xa2?\xba}Z\xe2\xbd\xff\xbc\xef\xbe\x07f\xce\xd44-\x18\n\x89\x86\xe97\x88@t\x8c-f\xb3$I\xff\x9e3\xe7\x91\xe7\x9f\x0fG\x86[\xbb\x83\x8c\x90@\xdbb\x08@\x9b\x11.\xf2\n\xbb}\xcc&amp;SHQ\xba\'%\xbd\xfd\xf4\xd3\xa3\x86\x0e\xf566\x02\xa3\xdf\xbaA$\xc3\xce\x0cp\xb8\xdd\xeb6m\xba\xf1o\x7f;PY\xc9^\xf2\xb0;\xc8(\x16k[\x0c\xe3\xd26\xb0~\xeb\x82 &lt;\xf9\xe4\x93a\xb7OHQ.\x197n\xc3\x87\x1f\x8e\x1a&lt;\xd8S_\x8f\x102\xac\xbfAD\xc3\xdeaO}\xfd\xa8\xc1\x837|\xf8\xe1%\xe3\xc6\x85Z\xb9\x83\x9e|\xf2I\x16\x10f\r\r\r\xce&gt;\xc6\x0e\xa0\r`;\xdf\xc6\xc6\xc6[o\xbd\xf5\xe3\x8f?f\xed\xb4\x04A\xf8\xe7\xbd\xf7&gt;0s\xa6\xaa\xaa!E1\xdc&gt;\x06\xed\t\x1dc\xb3\xc9$\xcb\xf2\xbf\xe7\xccy\xe4\x85\x17X\xf9\x98\xa6i\x97]v\xd9\x1bo\xbc\xe1v\xbb\rwP\x9b`\x08\xc0\xd9\x86\xe5H\xec\xdf\xbf\xff\xea\xab\xaf\xde\xb6m\x9b\xd9l\x0e\x85B\x9dbb\x16\xcc\x9e=j\xd80\xc3\xedc\xd0^\xf9\xd1\x1d\xb4q\xe3\x15\xf7\xdf\x7f\xac\xbe\x9e\xbd\xfc\x83\x06\r\xfa\xe0\x83\x0fz\xf6\xeci\xe4\xb9\x9d}\x0c\x018\xab\xb0e\xce\xc6\x8d\x1b/\xbe\xf8\xe2\x86\x86\x06\x96\x1e7$7w\xe1\xf3\xcf\'w\xe9\xe2in6\x16A\x06\xed\x1b]\xd7\x9dQQ\x87\x8e\x1c\xb9\xfc\xbe\xfb\xb6\xe4\xe7\xb3)\x10\x1d\x1d\xbdd\xc9\x92a\xc3\x86\x19\xfb\x80\xb3\x8c\xb1\xd2&lt;K\x84\xeb\xbc\xdez\xeb\xadQ\xa3F544\xc8\x92\xa4(\xca\x8d\x97^\xbav\xde\xbc\xce\xb1\xb1\x1e\xaf\xd7x\xf5\r\xda=\xa2(z\xbc\xde\xce\xb1\xb1k\xe7\xcd\xbb\xf1\xd2K\x15E\x91%\xa9\xa1\xa1a\xd4\xa8Qo\xbd\xf5\x96(\x8a\x18ccUz\xd60v\x00g\x83p\xd9\xcb\xbd\xf7\xde\xfb\xe2\x8b/\n\x82@\x08\xa1\x94\xbe\xfc\xe8\xa3w\xce\x98\xe1\xf7\xf9\x08\xc6\x86\xdb\xe7\xb4\xc0\xdeg\xda\xf2Z\xff\xf8zS\n D\xbf"\xdb\x84P\xca~\x98]\xb2\x04\x15\x18\xfe`\xe4\xab\x9c\x0e\x08!H\x10lv\xfb+\xf3\xe6\xdd\xf5\xcc3\x10B\x84\x10\xc6\xf8\x9e{\xeey\xe1\x85\x17\x80Q)v\xb60\x04\xe0\x8c\xc3^e]\xd7o\xbf\xfd\xf6\xb7\xdez\x8b\xa5B\xbb\x1c\x8e\xf9\xcf&gt;;\xe1\xbc\xf3\xbc\x1e\x0f\x84\xd00+\xbf\x15f\xe2)\xa5\x94R@)\x84\x90\xd9wI\x92\x00\xa5&amp;Y\x06\xcc|\x08\xc2qS\x0e! \x04h\xda\xff\xfe\xab%\t \x04\xd8\xbc\xa0\x14\xb0\x04\x15B\x14U\x05\x10j\x9a\xc6\x14\x82R\n`\x0b\x860\xfcv\xd8\xb3s8\x9d\xcb\xbf\xf9f\xfaC\x0f5y\xbdlj\xdct\xd3M\xaf\xbd\xf6\x9a(\x8a\x86\x06\x9c\x05\x0c\x018\xb3\xb0\xb8Vcc\xe3\xa4I\x936n\xdc\xc8\xa2^\xdd\x93\x92\xe6\xcd\x9a5t\xf0\xe0\xa6\xba:\xc9p\xfb\xfc\n\xc2\xb6\x9eR\xca\xac\xad$I"B"3\xf4\x82\x00t\x9d\xd9\xe8\xba\x86\x06A\x10\xf6WTx\xfd~Q\x10v\x15\x17{\xbc^\x00\x80 \x08\rMM\x05\xfb\xf7\x03\x08\xc1\xcf\xbd\xf3\x10\x02J\xb3{\xf6\x8cv\xb9Xb\xa2\xd3\xe1\xe8\xdb\xab\x97\x8e\xb1\xc3f\xeb\x99\x92\x821\x8e\x8d\x8e&gt;\xae.\xa2\x080\x06\x84\xe8\xaa\xaa\x13\xa2i\x1a\xd3$\xd8J\x15\x0c\xfe\'\x9a\xae\xbbbc7m\xdd:\xe3\xe1\x87\x0fTV\xb2\t2l\xd8\xb0\xa5K\x97\xba\xddn#,|\xa61\x04\xe0\x0c\xc2^\xdf#G\x8eL\x9e&lt;9\x9c\xf03 +k\xf9\x9bo\xc6GG{\x9a\x9b\r\xeb\xff\x0b\x90V\x16_\x14\x04I\x92$Y\x06\xa2\x08\x08!\xaaZ\xdb\xd8\xd8\xd8\xdc\\q\xe4HyUUum\xed\xc1\xca\xca\xaac\xc7\x9a\xfd\xfe\x03\x87\x0eA\x84\x1a=\x9e\xd3&gt;\x1e\xb7\xd3I\t\xe9\x9e\x9c\x1ce\xb3%v\xea\xd4-))!..511\xa5K\x17wTT\x9c\xdb\x8d\x980\xe8\xba\xa6\xaa\x9a\xa6\xe9\x18\x87\xf5\xe0\xd7\xb8\x9e:,\x9a\xae;\xa3\xa2j\x1a\x1a&amp;\xdc|\xf3\x0f\x85\x85\xe1\xd4\xa0\xc5\x8b\x17w\xe9\xd2\xc5\xd0\x803\x8a!\x00g\n\x96\xcf\xb0m\xdb\xb6\xc9\x93\'\x1f9r\x84\x15@^s\xf1\xc5/\xfd\xedoV\x93\xc9h\xf0p2\x14\x00J\x08\xa1\x14\x00  d\x92\xe5\xe3\x16\x1fc\x9f\xcfW]S\xb3\xaf\xaclWqqiEEYUU\xc9\xc1\x83\xbe@ \x18\n\xb5\xf5\xa8\x81\xc5l\xb6[\xad\xe9\xdd\xba\xa5%&amp;\xf6HI\xe9\xdb\xabWFZZB|\xbc\xddng[\x13MU\x15U\xc5\x84\x00\x00\x10\x84\x10!C\rN\x805\x8d\x08(\xca\xddO?\xfd\xfe\x92%l\xb2t\xe9\xd2e\xf1\xe2\xc5\x83\x06\r2R\x83\xce\x1c\x86\x00\x9c\x11\xc2\xd6\xff\x82\x0b.hlld\xce\xcd\xeb\xa7N\x9d\xf3\x8f\x7f\x84B!U\xd3\x04\xc3\xb9\xd9\x02k\x89A\x01\x90\x04\xc1d2\t\xb2\x0c \xd4\x82\xc1\xf2\xc3\x87\xf7\x95\x95\xed,*\xdaU\\\\\\VVQ]\x1d\xf8\xd5\xe6\xde"\xcbfI"\x94vr:\xbb\xb8\xdd\xc7\xfd9VkNR\x12&amp;\x04\xfc\xdcz\x9cR\x01\xa1=\x95\x95\x9e@\x00\x00 \x08\xc2\x91\xc6\xc6c\x1e\x0f\x820\xa4iAU\xfd\x95\xff\xba\xd5lNIH\xe8\x95\x96\xd6\xb7W\xaf~\x99\x99\x19ii\xa9]\xbbJ\x16\x0b\xa0\x14\xab\xaa\xa2(\x1a\xc6\x10\x00\xa3\x05Bk0!\xb2$\x99\xcd\xe6\x99\x7f\xfd\xeb\xbb\x9f\x7f\xce\xa6\x8c\xdb\xed\xfe\xea\xab\xaf\x0c\r8s\x18\x02p\xfa\t\'\xfbO\x9a4\xa9\xb1\xb1\x91U&lt;&gt;{\xff\xfd\xf7\xcf\x9c\x19\x0c\x06\x8d\xd0\x16h\xb5\xd8G\x10\x9aM&amp;\xc9d\x02\x82\xe0\xf3xJ\x0f\x1d\xda\xb6g\xcf\x9e\xfd\xfb\xb7\xec\xda\xb5\xb7\xb4\xf4\x7fZ\xfc(\x8b%\xcabI\x8b\x8fwX,9II6\xb3\xb9Or2&amp;$5&gt;\xdei\xb1\xe8\x84DY,N\x8b\x05\xb7D\x0edQl\x9d\xe1s\xd2\xb0(\x80P\xd5u\xe6\xcd\x17 \xf4\x04\x83\xcd\xc1\xa0\x88\x90\'\x18,\xaf\xa9\x11\x10\xda}\xe8\x90?\x14\xdaSY\xe9\r\x06\xcbjj\x9a\x83\xc1\xe6`\xf0\x97\x07i5\x9b{\xf7\xe81\xa4o\xdf\x9c\x9e=\x07\xe5\xe4\xf4HN\xb6;\x9d\x00cMQB\x8a\xc2n\x82\xb1-\x00-\xe9\x12\x16\x8be\xf6\x9c9\x0f\xcd\x9e\xcd&amp;\x8e\xdb\xed^\xbat\xa9Q"p\x860\x04\xe04\xc3^\xd3\xb7\xdez\xeb\xf6\xdbo\xc7\xba.J\x92\xa6i\xaf\xfc\xedow\xcc\x9c\xe9\xad\xab3\xa2\x83\x98\x10J\xa9$\x08V\x8b\x05H\x12\xd0\xf5\x03\x87\x0em\xdf\xbbw\xe3\xce\x9dk6o.9x\xf0\x17\xda\xc2DY,\xdd;uJ\x8c\x8e\xceJL\xccHH\x88\x8b\x8a\xea\xde\xa9\x93\xcdd\x8a\xb5\xdb\x01\x84\xb2(\x12Ju\x8c!\x00\x8a\xaecB \x84\x98\x10\x1dcv\xcf\x8f\xa7\x0c\xfd/\xc2\xcf\x88R*\n\x82\x80\x10\xa5T@\xc8$\x8a\x14\x00Q\x10\x10\x84\xaa\xae\x03J\xeb|&gt;\xbf\xa2\x1c8v\xac\xb6\xb9y_uuaUUUC\xc3\x81c\xc7~A\x12\x04AH\xef\xd6ml^\xde\xb0~\xfd\x06\xf6\xee\xdd=9\x19\x88"\xd0\xb4@0\xa8\xb1\xf6P\x1d{qp&lt;5(6\xf6\xd59s\xee|\xfaiI\x92tM\x13D\xf1\xb5\xd7^\xbb\xe9\xa6\x9b\x0c\r8\xed\x18\x02p:\t[\xff\x9bo\xbeY@\x88\x851_}\xec\xb1\xdb\xaf\xbd\xb6\xa9\xaeN\x14\xc5\x0ek\xfb\x99\xdd\x17\x05\xc1f\xb1\x00Y\xf655\xed..\xfev\xfb\xf6\xd5\x9b7o/(\xf0\xfa\xfd\xec\xc7 \x00\xad_G\xab\xc9\x94\x99\x90\x90\x91\x90\x90\x9d\x9c\x9c\x9d\x98\xd8\xb3s\xe7NN\xa7E\x96E\x84tB\x08\xa5\x8a\xa61\x13\xcf\xd2\x84\xc2\xc9\x98?\x06]\xff\x98\xde\xb2\x9a\x02\xf6\x99\x05\'\xd87L"\x98&lt;\x98$\tA\xc8\x86\x14T\xd5c\x1e\xcf\xfe\xa3G\x0b\xaa\xaa\n\x0e\x1d\xdaW]]T]\x1dP\x94\xf0_\xd8\xfa\x17t\xd8l\x03\xb3\xb3\xc7\xe5\xe5\x8d\x1c8\xb0O\xaf^v\x97\x0b\xa8\xaa?\x18\xd4;\xb6\x12P\x00t]w\xc5\xc6\xbe6w\xee\x1dO=\xc5B\xe8\x98\x907\xdf|\xd3\xd0\x80\xd3\x8e!\x00\xa7\x8d\xd6\xd6\x9f\xed^\x8f\'\xfb\x8f\x1e\xdd\xec\xf1t\xccL\x06B\x08\t\xdb}I\xf277o\xdf\xbbw\xf17\xdf\xac\xfc\xee\xbb\xa2\xb2\xb2S\xfe\x11\xb7\xcd\x96\x9d\x94\x94\xd7\xb3\xe7\xa0\xee\xdd{v\xee\xdc-.\xce"\xcb\x08B\rcE\xd3T]g\xb2\xca\x0c;\x82\xb0\r3\xf0\x99\x18\x90\x96\xd23f\xaadQ4I\x92$\x08\x84\xd2\xa0\xaa\x1e\xac\xad\xdd\x7f\xf4\xe8\xb6\x03\x076\xef\xdf_PY\xd9\xd8"u\'\x90\x99\x96v\xe1\xb9\xe7N&gt;\xef\xbc\x81\xbd{\xdb\xa2\xa2\x80\xa61%@\x10vL\x87!\xc68\xca\xe9\\\xbev-+\x11`\x13\xca\xd0\x80\xd3\x8e!\x00\xa7\x87SZ\xff\xe5o\xbc1\xf4\x9cs:`\xb2?\xa5\x14\x13\x82\x10\xb2\x9a\xcd\x82\xc9tJ\xbb\x0f\xe1\x8f\xef\x9e\xddl\xee\x9f\x9a:\xa4G\x8f!={f\'%%\xb8\\&amp;I\xd21Vt]\xd14\xc2\xf2\xebY\n\r\xf7\x0e4Ji\xeb\x01\x9b$\xc9$\x8a\xa2 (\x9aV\xdd\xd4TPY\xb9e\xff\xfe-\xa5\xa5;\xca\xcb}-\x11\x8e\xd6\xb7\xe2\x04%\xc0\x8a\x12\x08\x85\x08!B\xc7\x8b\x18\x1f/\x11\xf8\xfe\xfb\t\xb7\xdejh\xc0\x19\xc2\x10\x80\xd3\xc0\xcfZ\xff\x81\x03\x9b\x1a\x1a$Ij\xeb\x01\x9e=\xd8\x92\xdf,\xcb&amp;\x9bMW\x94\xc2\xd2\xd2E\xabV}\xfa\xd5Wa\xbb\x8f $-\xaf\\RL\xcc\x88\x8c\x8c\x0b\xfb\xf6\xed\x9b\x92\x92\x16\x1f/\x8b\xa2\x86q\x88-\xf3\ta\x0b\xeaH\xb7z\xc7\xf5\x80R\x84\x90,\x8afI\x92\x04A\xd5\xf5\xb2\x9a\x9a]\x15\x15+w\xedZ\xbfo_e}=\xfb\xe1\xd67\'3-\xed\xd2\x0b.\x98v\xfe\xf9Y=z\x88&amp;\x93\xe2\xf7\x87T\xb5\xa3m\x084MsEGo\xda\xbe\xdd\xd0\x803\x84!\x00\x7f\x94_\xb2\xfe\x8d\x8d\x1dd\xedO\x01\xc0\x18#\x08m\x16\x0b2\x99\x0eUV\xae\xde\xb4i\xc1\x97_\xae\xdb\xbaU\xc7\x18\xfc\xd4\xb4e$$\x9c\xdf\xa7\xcfE}\xfbf\'%\xc59\x1c\x14\x80\xa0\xa6)\xaaJ"g\x99\xff\xfb\x08o\x0e\x10\x00&amp;Y\xb6H\x12\x04\xa0\xd6\xeb-\xa8\xac\xfcr\xd7\xaeU\xbbw\xef\xab\xaef?\x19\xbe]\xa2 \x8c\x1a&lt;\xf8\x8a\x8b.\x1a7thrR\x12Q\x14\x7f0H(\x15\x04\xa1}\xde\xa3\x93\xd0t\xdd\xe5v\x1b\x1ap\x860\x04\xe0\x0faX\x7f\xe6\xed\x91D\xd1j\xb7cM\xdbYT\xf4\xdf\x05\x0b\x96\xac[WS_\x0f~\xea\xdc\x08\xdb\xfd\xfe\xa9\xa9n\x9bM\xd5\xf5\xa0\xaaj-\xf2\xd0^\x8d\xfe\xcfA[\x82\x07\x92 XdY\x16\xc5F\xbf\x7fGy\xf9\tJ\x10\xbe\x81\xf111\x17\x8f\x1au\xcb\x15W\xf4\xcb\xcc\x14$)\xe0\xf3i\xba\xdeA\xfcB\x86\x06\x9c9\x0c\x01\xf8\xfd\xb0\x97\xef\xed\xb7\xdf\xbe\xe9\xa6\x9b:\xa0\xf5\'\x84\x10B\xccf\xb3\xc9j\xf545}\xbez\xf5\x07\xcb\x96\xad\xfd\xfe\xfb\xe3%\xaf\x08\xb1\x03@\x12\xdc\xeeK\x07\x0f\x9e\xd8\xaf_\xbf\x16\xbb\xefW\x14\x16\xde4\x92\xdfA\xab\x92\x08Q\x10l&amp;\x13S\x82\x9d\xe5\xe5\xcbv\xee\xfct\xeb\xd6\xea\x96\x03\x82\xd8\xcd\x14\x10\x1a}\xce9WO\x9c8u\xdc8\xa7\xcb\xa5\x04\x02\xa1P\xa8#\x1c\x1dzJ\rx\xeb\xad\xb7n\xbc\xf1FC\x03\xfe\x08\x86\x00\xfcN\xd8k\xb7e\xcb\x96\xa1C\x87\n\x82\xa0\xebz\xc7\xb1\xfe\xac\x97\xb5\xcdj\x15,\x96\xaa\xca\xca\xff~\xfc\xf1\xa2\x95+\x8b\xcb\xcbA+\xdf\x85,\x8ac\xb3\xb3\xaf\x1e&gt;|x\xaf^\tnwk\xbb\xdf\xee\xad\xd5\xef\x86\xfcT\t\xaa\x1b\x1b7\x14\x17\x7f\xb0a\xc3\x9a\x82\x02U\xd7A\xab\xdb\xdb+5u\xda\x85\x17\xder\xd9e\x89II8\x18\xf4\x07\x02\xb0\xbd\xdf\xd8\x134\x80\x9d\x1c\xb0i\xd3\xa6!C\x86\x18\x1a\xf0\xbb1\x04\xe0\xf7\xc0\x1aTm\xdb\xb6\xed\xc2\x0b/l\xf6x\x00\x84QV\xeb\x92\xd7_\x1f\xd6\xde\xad\xff\x8f\xa6\xdfd\xfa!?\xff\xc3\xe5\xcb\xe7/YR\xd3\xd0\x00\x00\x10\x05\x81\xb9\xfb\xd3\xbbt\xb9t\xf0\xe0K\x06\x0f\xceNL\x04\x10\x06\x14E\xd14\xc3\xee\xff&amp;\x98\x12\x98$\xc9j2\x01J\x0b\xaa\xaa&gt;\xdb\xba\xf5\xd3\xad[K\x8e\x1c\x01\xadnu|t\xf4\xf4\x8b/\xbej\xc2\x84\x01\xb9\xb9XQ\xda\xbd\x0c0\r\xd8\xb8}\xfb\xc5\xb7\xdd\xd6\x1c\x08\x00J\xa3\x9c\xce\x95+W\x0e\x1a4\xc8\xe8\x19\xf7\xfb0\x04\xe07\x13\xb6\xfe\xac\xcf\x8f$\x8a\x9a\xae/{\xfd\xf5\t\xe3\xc65\xd5\xd6\xb6\xd7\x9c\x9f\x1fM\xbf,\xef((x\xe9\xfd\xf7?Z\xbe\\\xd54\xd0\xcaA1\xbaw\xef+\xf2\xf2&amp;\x0f\x1c\x18m\xb7\x07U\x95\x15@u@\xff\xfe\xe9"\x1c\'\xb0\x9aL\x16Yn\xf0\xf9\x16o\xdf\xbe`\xf3\xe6\xb5{\xf7\x82V\xb7]\x96\xa4+\'L\xb8\xfb\x9ak\xfaggcUm\xdf2\xa0i\x9a+.n\xf9\xea\xd5\x13o\xbb\x8dM\xbdp\xbf C\x03~\x07\x86\x00\xfc6X\xbb\x92\xda\xda\xda\xde\xbd{\xd7\xd6\xd6J\xe1N\x0f\xd3\xa7{\x9a\x9a\xda\xe5&gt;\x945k\xfb\x89\xe9_\xb6L\xd5u\x01!L)\xa0T\x16\xc5\xcb\x86\x0c\x991b\xc4\x90\x1e=\xcc\x92\xe4\t\x044B\x90\xd1\x03\xf9\xf4A(%\x94J\x089\xad\xd6\x90\xa6m)-\x9d\xb7~\xfd\xc7[\xb6\xa8\xba\x0e \x14 \xc4\x84\xc8\xa2x\xe5\xc4\x89\xade\xa0\xbd6\x9b\xd3u\xdd\xe9r\xbd:\x7f&gt;\xeb\x15\xa1iZ\\\\\xdc\xde\xbd{\xe3\xe2\xe2\x8cF[\xbf\x15C\x00~\x03l\xc1\xd5\xd4\xd44~\xfc\xf8\xad[\xb7\xb2\xf3\xac_\xf9\xdb\xdf\xee\xb8\xee\xba\xe6\xfa\xfa\xf6\xb7\xfa`\xe7\x18\x9b\xcdf\x93\xd9\xbcs\xef\xde\xff\xb46\xfd\x84\x00\x00\xe2\xa2\xa2n\x1c=\xfa\x92\xc1\x83Y\x97Mo(D(\x15\x8d\x19x\xc6\xd0\tA\x10:\xccf\xd6\xb5\xf4\xb3\xad[\xdf^\xbb\xb6\xb6\xb9\x19\x00\xc0\x1e\n\x93\x81?_sM\xbf\xde\xbd\x95P(\x14\n\t\x82\xd0\xfed\x00c\x1c\x15\x13\xf3\xea{\xef\xdd\xf9\xf4\xd3l\x1a\x0e\x1e&lt;x\xc5\x8a\x15.\x97\x0b\x00`h\xc0\xaf\xc7\x10\x80_\x0bm\xe9@0l\xd8\xb0\xcd\x9b7\xb3\x96\xe5\xff\xba\xef\xbe\x87\xef\xba\xab\xe9\xd8\xb1\xf6\xe7\xf7\xd7u]\x96e\x8b\xdd^]]\xfd\xcc\x7f\xff\xfb\xd6\xa2E\xdaI\xa6\x7f\xe6\xa8Q\xdd\xe2\xe2\x02-\xde\x9e\x0e\xdb\xbe\xe6,\xc3\x1e\x81\xd5d\xb2\xca\xf2\xc1\xda\xda9\xeb\xd6\x9d \x03\x92(\xde4m\xda\xa3\xb7\xdc\x92\x90\x90\x10\xf4\xf9TUm\x7f{SM\xd7]\x9d:\xcdz\xf9\xe5\xbf&lt;\xff&lt;\x9b\x8cyyy\x1b7nd\x93\xb4\xfdi\xde\x19\xc2\x10\x80_\x05[\x0b\x8b\xa2x\xf3\xcd7\xbf\xf5\xd6[\x16\xb39\x18\n]7e\xca;\xff\xf8\x87\xcf\xe7C\xed+\x9d\x91\xf5\xd1t\xb8\\u55/\xcd\x9f\xff\xdf\x85\x0bk\x1a\x1aNi\xfa\xbd\xa1PHU\x11B\x86\xb7\xe7\xecC(%\x84\x98e\xd9a6\x9fR\x06\xe2\xa3\xa3o\xb9\xfc\xf2\xbb\xa7O\x8f\x8d\x8f\xf765\xb1\x9e\xa6m=\xea\xd3\x06\x05\x80\x10b\xb7\xdbo\xf8\xeb_\xdf\xfb\xe2\x0b6%o\xba\xe9\xa67\xdf|S\xd7\xf5v\xb9\xef9\x13\x18\x02\xf0\xab`yf\xf7\xde{\xef\x8b/\xbe\xc8\x8e\xac\xbbj\xc2\x84\x0ff\xcf\xf6\xf9|\xa0\xa51Y;\x80Uu9\xedv\x15\xe3\xb9_|\xf1\xdc;\xef\xec\xaf\xa8\x00-\x06\xe5d\xd3\xdfA\n\x91x\x86=\xb2\x93e ,\xd8=SR\x1e\xbc\xe1\x86k\xa7L\x91\x05\xc1\xe3\xf3\xb5\xa7G\xc6\xfa\xbf\xda\xed\xf6\xab\xef\xbf\xff\xc3\xe5\xcb\xd9\xc4\xbc\xe7\x9e{^x\xe1\x05#1\xf4Wb\x08\xc0\xff\xa6u\xb9/s8\xf6\xcf\xcc\xfcf\xee\\Y\x92tMk7\x0eG\x1dc\xd6\xc3g\xe3\xd6\xad\x8f\xbd\xf4\xd2\xda\xad[\x01\x00,\xd1B\x12\x84?\x8f\x1f\x7f\xeb\xd8\xb1)\xb1\xb1\x86\xe9\xe7\x90\xd62PQW\xf7\xc6\x9a5\xffY\xb1B\xc3\x98=&gt;\x00\xc0\xe8\xc1\x83\x9f\xba\xfb\xeea\x83\x07\xb3\x9eB\xed\xe68RB\x88(I\xaa\xa6\x9dw\xed\xb5;\x8a\x8a\xd8\xf44\x8a\x84\x7f=\x86\x00\xfc\x0fXnY\xeb\x82\xaf\x94\x84\x84m\x1f\x7f\xect8B\x8a\xd2&gt;\xf6\xd4,\xb8\xedp:\xab\x8f\x1e}\xe6\x8d7\xde\xfc\xf8c\x1dc\x93$)\x9a\x06\x00\xb8z\xf8\xf0;\xcf?\x7f@Z\x9a\xcf0\xfd|\x13\x96\x01\xbb\xd9\xfcCY\xd9+\xabV}\xb0a\x03\x00\x80=JQ\x10n\xbe\xec\xb2Go\xbd5\xa1sg\xaf\xc7\x03\xdaK\xb0\x14\x13b6\x99&lt;^\xef\xa0\xcb.\xab\xa8\xaen] f$\x86\xfeO\x0c\x01\xf8%XVYyy\xf9\xc0\x81\x03=\x1e\x0f\x840\xcaf[\xfa\xfa\xeby\xb9\xb9\xcd&gt;_\xfbXF\xe9\xban\xb3ZEQ\x9c\xbfd\xc9C\xb3g\x1f\xa9\xad\r{\x0fFdf&gt;0a\xc2\x85\xb9\xb9!M\xf3\x85B\x86\xe9\x8f\x08\x98\x0c\xd8\xcdf\xb3$\xad\xcc\xcf\xff\xf7\xf2\xe5\xeb\x8b\x8a@\x8b\x1f\xafK\\\xdc\xb3\xf7\xdf?\xfd\xe2\x8bu]\xf7\x07\x02\xedc\x8d\xacc\x1ce\xb7o\xce\xcf\x9ft\xdbm\xcd~?\xa5\xd4\xe9tn\xdf\xbe=55\xd5H\x0c\xfde\x0c\x01\xf8Y\xd8\x9dijj:\xff\xfc\xf3\xb7o\xdf\xceN\xa9&gt;^\xf0\xd5.Z\xfc\x13B\x00\x84\x0e\x97koQ\xd1\xfd\xcf&gt;\xfb\xd5\x86\r\xa0\xa5\xca\xb4\xb3\xcb\xf5\xb7\xa9Sg\x9c{\xae$\x08\x8d~\xbf\x11\xe6\x8d8X\x88\xd8m\xb3i\x18\xcf\xfb\xee\xbb\xa7?\xff\xfchSS\xb8\x84\xf8\x82\xe1\xc3g?\xf4P\xef\xccLoS\x13\xa0\xb4\x1d\x98Hvx\x00+\x10cSu\xe0\xc0\x81\xabV\xadb\x89\xa1\xc6\xc2\xe5\xe70\x04\xe0ga&gt;\xc4i\xd3\xa6}\xf2\xc9\',\xcf\xec?\x8f&lt;r\xf7u\xd7y\x1a\x1b\xdb\xc1\xbaI\xd7u\xbb\xcdF!|e\xfe\xfc\xc7_~\xb9\xd9\xef\x97E\x91\xe5\xf8\xdf8z\xf4\xc3\x17_\x9c\x18\x1d\xdd\xe0\xf7\xb7\xb3\xd4\x91\x8e\x06K\xe8\x8a\xb6\xd9\xaa\x1a\x1af-Y\xf2\xf6\xda\xb5\xacV@\xd5\xf5(\x9b\xed\xc9\xbb\xee\xbas\xfatH\xa9\xcf\xefo\x1f\xaf\xb4\xd3\xed~\xe9\xbd\xf7\xfe\xfc\xcf\x7f\xb2\t\xfb\xa7?\xfdi\xd1\xa2EF0\xe0\x170\x04\xe0\xd4\xb0\x97\xe6\xc9\'\x9f|\xe2\x89\'Xv\xc1\xf5S\xa7\xce\x995\xcb\xdb\xd4\x14\xe9\xcb\xa5\xe3\x1e\x7f\xb7\xbb\xb0\xa8\xe8\xcf\xff\xfc\xe7\x9a\xcd\x9b!\x00\x10!B\xc8\x80\xd4\xd4\xe7\xae\xbezxF\x86/\x18\x0ciZ\xfb\xf0q\x19\xe8\x18\x9b%\xc9n\xb1l\xd8\xb7\xef\xc1\x0f&gt;\xf8\xa1\xbc\x1c!D\t\xa1\x00\x8c\xcd\xcb\xfb\xcf#\x8fdefz[\xda\x8e\xb6\xf5`\xff\x10\x84\x10\x87\xcb5\xf3\xe1\x87\xdf\xfd\xfcs6m\x9fx\xe2\x89\xc7\x1f\x7f\xdc\xd0\x80\x9f\xc3\x10\x80S\xc0bG\x9f~\xfa\xe9\x9f\xfe\xf4\'\x93,+\xaa:8\'\xe7\xbb\xf9\xf35M\xa3\x11\x9e\xf4\xa9cl5\x9b\x05Q|\xe9\xfd\xf7\xd9\xc2\x9fE\x08\x1d\x16\xcbcS\xa7\xde0z4\xeb\xe5`\xb8\xfb\xdb\x19\xc7\x13|\xad\xd6\x90\xa6\xbd\xb3v\xedS\x9f\x7f\xee\r\x06\xd9\xa3g[\x81\xbb\xaf\xb9\x06\xebz \x14\x8ah\xd5g\xd3S\x92\xa4s\xa7O\xdf\xbag\x0f\x9b\xbc\x9f|\xf2\xc9\xa5\x97^j\x04\x84O\x89!\x00\'\xc2\x0e#d\x81\xdf\xe6\xe6fJi\x8c\xd3\xf9\xc3\xa7\x9fv\x8a\x89Q\x14%\xa2\x97H\xac\x89\xca\xa1\xea\xea{\xff\xf9\xcf\xcfV\xaff\x05\x93\x84\x90\xf3z\xf7~\xee\xea\xab\xfb$\'7\xfa\xfd\x98\x10\xc3\xe7\xd3^a\x0f\xd7m\xb3\xed&gt;t\xe8\xc1\x0f&gt;\xf8f\xef^\x84\x10+q\xbfd\xdc\xb8\x17\x1ey$9!!\xd2[Z\x11BL&amp;\xd3\xb1\xfa\xfa\x01\x97^Z\xcf\x127\xa2\xa2X@\x98\xb6\x8bh\xc7\xe9\xc5\x10\x80\x9f\xc0\x1a\x9f\x01\x00\x86\x0f\x1f\xbee\xcb\x16I\x92\x08\xc6\xab\xdfyg\xd49\xe7x\xbd\xde\xc8]A0U\xb3\xbb\\\xcbW\xaf\xbe\xf1\xb1\xc7\x8e\xd6\xd7\x9be9\xa4\xaa6\x93\xe9\xf1?\xfd\xe9\xb6\xb1c)\xa5\xbe\x08_\xfd\x19\xfcJt\x8c\xedf3\x84\xf0\xf55k\x9e\xfc\xe4\x13\xbf\xa2\xb0\x97\xa1sL\xcc\xdbO=5a\xdc8_SSD\xdbJ\x8c\xb1\xc3\xe1X\xf7\xfd\xf7\xe3n\xb8\x01\t\x82\xa6iC\x86\x0c\xd9\xb0a\x03\x00\xa0\xbd6\xc8\xfb\xddD\xea3&gt;C\xb0}\xe2\x03\x0f&lt;\xb0e\xcb\x16\xb3\xc9\xa4i\xda3\xf7\xdc3\xfa\xdcs\x9b\x9b\x9b#\xd7\xfa\xeb\x18\x9bM&amp;\x8b\xd9\xfc\xb7\x7f\xff{\xe2\xed\xb7\x1f\xad\xaf\x97E1\xa4\xaa\xfdSSW&gt;\xf2\xc8\xfd\x17]\xe4W\x94\x80\xa2\x18\xd6\xbf\x83 \nB@Q\xfc\x8ar\xffE\x17\xad|\xe4\x91\xfe\xa9\xa9!U\x95E\xf1h}\xfd\xc4\xdbo\xff\xdb\xbf\xffm1\x9b\xcd&amp;\x13\xcb\x17\x8aD\x04Ahnn\x1e}\xee\xb9\xcf\xdcs\x8f\xa6if\x93i\xcb\x96-\x0f&lt;\xf0\x80 \x088b\x7f\xa93\x84\xb1\x03\xf8\x91\xd6\xae\x7f\x96E0\xf9\xbc\xf3&gt;\x7f\xf5U\x9f\xd7\x1b\xb9\xab!\x1dc\xa7\xd3y\xa8\xaa\xea\x86\xc7\x1e[\xb3ys\xb84\xf4\xa1I\x93\x1e\xbe\xf8b\x93(z\x82A\xc90\xfd\x1d\x12\rc\xa7\xc5\xa2\xe8\xfa\xac%K\x9e]\xba\x14\xb4\x14~\x8f\xcd\xcb{\xe7\xa9\xa7\x92\x13\x13=\x1eO\xe4.\x0b\x08!v\x87c\xea\x1dw,\xfe\xe6\x1b6\x9d\x8d`\xc0\xc9\x18\x02p\x9c\xd6\xae\x7f\xaf\xd7K\x08I\xee\xd2e\xeb\xc2\x85\x0e\x9bM\xd3\xf5H\xcc\x82\'\x94B\x00\xecN\xe7\xf25kZ\xbb}\xe2\x9d\xce\xd7g\xce\x9c&lt;p`\x83\xcfgx\xfc;8\xec\x05\x88\xb6\xdb\x17o\xdf~\xdb\x9c95\x1e\xcfO\xdcAc\xc7\xfa&lt;\x1e\n@\x84\xbe\xff\x92(z\xfd\xfe\xc1\x97_~\xe8\xc8\x11\x84\x90\xc3\xe10\x82\x01\'`\x08\x00\x00\'\xb9\xfeeI\xc2\x18\x7f\xfd\xee\xbb#\x07\x0f\x8eP\xe7\x0f&amp;D\x96$\xd9d\x9a\xfd\xce;\x0f\xcd\x9e\rZ\x16w\xa3\xb3\xb2^\xbf\xe1\x86nqq\r&gt;\x9f \x08\x917\xad\rN7\x14\x00\x8cq\xb4\xdd~\xb0\xb6\xf6\xb6w\xdeY[X\x18\xde&amp;&gt;{\xff\xfd\xf7\xdfp\x83\xaa(\xaa\xa6E\xe2B\x01c\x1c\x15\x15\xf5\xed\xd6\xadc\xae\xbf^\x10\x04\xd5\x08\x06\x9cD\xe4=\xd43Ak\xd7\xbf\xc9dR5\xed\x99{\xee\x199t\xa8\xc7\xe3\x89D\xeb\xafcl\xb5XB\x9av\xfd_\xfe\xf2\xd0\xec\xd9\xachY\xd3\xf5\x87/\xbex\xc9\x83\x0fvv\xb9\x1a|&gt;\xd1\xb0\xfe\x06\x00\x00\x00 \x00\xa2 4\xf8|\x9d]\xae%\x0f&gt;\xf8\xf0\xc5\x173\xeb/\x89\xe2C\xb3g_\xff\x97\xbf\x844\xcdj\xb1DbH@\x10\x04\x8f\xc73r\xe8\xd0g\xee\xb9G\xd54\x93\x11\x0c8\tc\x07p\xdc\xfa\x7f\xfd\xf5\xd7c\xc7\x8ee\xdd\x04\xa7\x9cw\xdeg\x11\xeb\xfa\xd7u\xdd\xe9pT\x1e;6\xf5\xce;\x7f(,d;z\x97\xd5\xfa\xce-\xb7L\x1e8\xb0\xde\xeb\x8d\xd0\x1d\xbd\xc1\x99\x86\xf9\x0cc\x1c\x8e\xc5\xdb\xb7\xdf\xf0\xdf\xff6\x05\x02\xec\xe5\x19\x90\x95\xf5\xf9+\xaf$u\xea\xe4\xf1z#1C\x94\x05\x03.\xb9\xe3\x8e/\xbe\xf9\x86M\xf05k\xd6\x8c\x193\xc6\x08\x06\x00C\x00X\x12tSS\xd3\xe0\xc1\x83\xcb\xcb\xcb\x01\x00\xb1.\xd7\x0f\x9f~\x1a\x17\x1d\xadF`\xd6\xbf\xae\xeb\xce\xd8\xd8\x8d[\xb6\\\xfa\xe7?\x1fkq\xfa\xf7\xed\xd6\xed\xbd[o\xcd\xec\xda\xb5\xce\xeb5\xe2\xbd\x06\xbf\x8c\x86q\xac\xc3Qt\xf8\xf0uo\xbc\xb1\xeb\xe0A\xf6\nu\x8a\x89\xf9\xf4?\xff\x196d\x88\xa7\xae.\xe24\x80\x10"\x9bL\xb5\r\r\x03.\xbd\xb4\xae\xa9\t\x00\x90\x9a\x9a\xbau\xebV\x97\xcbe\x9c\x1d\x16a\x06\xee\xb4\x831F\x08\xddv\xdbm\x07\x0e\x1c\x90D\x91\x10\xf2\xce\xd3O\'v\xe9\x12\n\x85"\xcb\xfa\xb33\xcb\x9c\xb1\xb1o}\xf0\xc1\x857\xdf|\xac\xbe^\x96\xa4\x90\xaa^5l\xd8\xca\xbf\xfc\xa5G\xa7N\x86\xf57\xf85H\x82P\xe7\xf5\xf6\xe8\xd4i\xe5_\xfer\xd5\xb0a!U\x95%\xe9X}\xfd\x857\xdf\xfc\xd6\x07\x1f8cc1\xc6\x91\xb5jD\x08\x85B\xa1\xc4.]\xdey\xfaiB\x88$\x8a\x07\x0e\x1c\xb8\xed\xb6\xdb\x10B\x86#(\x92l\xdci\x87\x9d\xf2\xf8\xf1\xc7\x1f\x7f\xfc\xf1\xc7\xacj\xfc\xf6+\xae\x988vl\xc4e\xbfQJ)\x00Q.\xd7+\xef\xbe{\xf3\xe3\x8f\xfb\x83A\x08\xa1\xaaiO_~\xf9[7\xdf,\t\x827\x142\xac\xbf\xc1\xaf$\xfc\xc2\xbcu\xf3\xcdO_~\xb9\xaai\x10B\x7f0x\xf3\xe3\x8f\xbf\xf2\xee\xbbQ.\x17m\xe9\x95\x1b)\x88\x82\xe0\xf1x&amp;\x8e\x1d{\xfb\x15W(\xaaj\x92e6\xeb\xd9\xe1\x01m=\xba\xb6\xa4\xe3\xba\x80X\xdaO]]]NNNC}\xbd\x8eqn\xaf^[\x16.\xc4\xba\x1eY\r\x7f\x08!\x10!\x9b\xd5z\xf3c\x8f\xbd\xfd\xe9\xa7\xb2$i\xban\x95\xe5g\xaf\xba\xea\xb6q\xe3j&lt;\x1e\x00\xa1\xe1\xf47\xf8\xad\x10J\x01\xa5\xf1N\xe7\xeb\xabW?\xf4\xe1\x87\x01U\x95DQ\xd5\xb4\x1b/\xbd\xf4\xcd\xa7\x9e\xf2\x07\x024\xa2Z\xed\xb3I-\x88\xe2\x90\xcb/\xcf/.\x16\x05!:&amp;f\xcf\x9e=\xb1\xb1\xb1 \xf2\xbb\xe0\xfdn:\xe8\xaf\rZ\x0e{\xb9\xeb\xae\xbbjjj\x10B\x92(\xbe\xfe\xf7\xbfK\x92\xc4:\xe8\xb6\xf5\xe8~-\x98\x10I\x92\xecv\xfb\xcc\xbf\xfe\xf5\xedO?5I\x92\xaaiQ\x16\xcb\x92\x07\x1f\xbcu\xec\xd8#MMF+\x7f\x83\xdf\x07\x82\x10!t\xa4\xa9\xe9\xd6\xb1c\x97&lt;\xf8`\x94\xc5\xa2j\x9aI\x92\xde\xfe\xf4\xd3\x99\x7f\xfd\xab\xddng\x93\xa5\xad\x87\xf9k\x81\x10\xb2\xc9\xf2\xfa\xdf\xff.\x89"B\xa8\xa6\xa6\xe6\xae\xbb\xeeB\x08\x91\xc8\xf9-N;\x1dT\x00\x98\xf3g\xd1\xa2E\xcc\xf9\xa3j\xda\x03\xd7_\x9f7x\xb0\xcf\xeb\x8d\xa0|g\x8c\xb1\xc5ln\xf6\xfb/\xbd\xf3\xce\xf7\xbe\xf8\xc2,\xcb\x8a\xa6\xe5\xa6\xa4|\xfb\xf7\xbf\xe7\xf5\xecy\xd4\xe31\xdc&gt;\x06\x7f\x10I\x10\x8ez&lt;y={~\xfb\xf7\xbf\xe7\xa6\xa4(\x9af\x96\xe5\xf7\xbe\xf8\xe2\xd2;\xefl\xf6\xfb-fs\x04\xb9P\x04\x84|^o\xde\xe0\xc1\x0f\\\x7f\xbd\xaai\xcc\x11\xb4h\xd1\xa</t>
        </is>
      </c>
    </row>
    <row r="186">
      <c r="A186" s="1" t="n">
        <v>184</v>
      </c>
      <c r="B186" t="inlineStr">
        <is>
          <t>color_number_hexagon</t>
        </is>
      </c>
      <c r="C186" t="inlineStr">
        <is>
          <t>What is the missing number of the part denoted with a question mark?</t>
        </is>
      </c>
      <c r="D186" t="inlineStr">
        <is>
          <t>['4', '9', '2', '1']</t>
        </is>
      </c>
      <c r="E186" t="inlineStr">
        <is>
          <t>9</t>
        </is>
      </c>
      <c r="F186" t="inlineStr">
        <is>
          <t>There is a hexagon split into six parts with the colors ['purple', 'orange', 'red', 'red', 'purple', 'orange'] in an anti-clockwise order. The parts are denoted with the numbers [3, 1, '?', 1, 7, 9] respectively.</t>
        </is>
      </c>
      <c r="G186" t="inlineStr">
        <is>
          <t>We observe that the numbers in the orange parts add up to 10. Similarly, the numbers in the purple parts also add up to 10. Thus, the pattern is that the numbers in the parts of the same color add up to 10.</t>
        </is>
      </c>
      <c r="H186" t="inlineStr">
        <is>
          <t>Based on the pattern that the numbers in the parts of the same color add up to 10, the missing number of the red part should be 9.</t>
        </is>
      </c>
      <c r="I186" t="inlineStr">
        <is>
          <t>b'\x89PNG\r\n\x1a\n\x00\x00\x00\rIHDR\x00\x00\x02\x00\x00\x00\x02\x00\x08\x02\x00\x00\x00{\x1aC\xad\x00\x00\x8d\x02IDATx\x9c\xed\xddw|TU\xda\x07\xf0S\xeeL\xa6g\x12\xaa\x15\xe9\x8a\xae\x05\xac\xafRV\x14\xb0! \xb8\x08\xab\xee\xae\xbb\xcb\xba\xba\x08b\x81\xc5\x884\x01\x91"\xec\x8ab#@ \x10\xba\xd4\x00\xd2A\x91\x80F\x04!\x04\xa4,\x86\x10R&amp;\xd3\xe7\x94\xf7\x8f\x13\xc6\x10P\t$3wf\x9e\xef\x87?\xde\x97U\x1c23\xf7\xb9\xf7\x9c\xe7\xfc\x1e,\xa5D\x00\x00\x00\x12\x0f\x89\xf6\x0b\x00\x00\x00\x10\x1d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05\x05\x00\x00\x00\x12\x14\x14\x00\x00\x00HPP\x00\x00\x00 AA\x01\x00\x00\x80\x04\xa5E\xfb\x05\x80h\x92RJ)\xa3\xfd*@\xd4`\x8c1\xc6\xd1~\x15 j0|\xff\x13\x16cL\xd3\xe0\x0e \xd11\xc6(\xa5P\x06\x12\x13\x14\x80\x04%\x84 \x84\xfc\xf0\xc3\x0f\xff\xfc\xe7?\t!B\x88h\xbf"\x10Q\x9a\xa61\xc6\xfe\xfa\xd7\xbf\xf6\xe9\xd3\'\xda\xaf\x05D\r\xdc\x00&amp;\x1cU\xf2}&gt;\xdf\x84\t\x13\x9cN\xe7\x86\r\x1b\xa2\xfd\x8a@\xd4\xb4j\xd5\xea\x7f\xff\xfb_\x97.]n\xba\xe9&amp;)%!\xb0)\x98X\xe0\t \xe1p\xce)\xa5\xe9\xe9\xe9\x7f\xfa\xd3\x9f0\xc6\x94\xd2\xf0g\x00\xbe\xff\x89@\n)Q\xc5;N)\r\x06\x83O?\xfd\xf4\xcc\x993aI0\x01A\x01H,j\xd7\xb7\xac\xac\xacU\xabVEEEB\x08X\xfcIpF\xa3\x91s\xbea\xc3\x86\xb6m\xdb\xaa\x9b\x83h\xbf"\x109P\xf0\x13\x8b\x10\x82R\x9a\x96\x96VPP@)ER\xaa&gt;\x10!\xc4\x83\x1dz&lt;\xfc`o\xb7\xc7E\t\\\x02\xe2\x93\x10\xc2l\xb6\xec?\xf8\xcdgs\xde\x15B"$0\xc6\x8c1!\xc4\x80\x01\x03\xb6o\xdfn0\x18\xa4\x94\xb0!\x9c8\xe0\t \x81\x08!0\xc6\x07\x0f\x1e\xbc\xe9\xa6\x9b\x84\x10\xe1\x1eP\x8c\x89\x94\xa2nj\x83\x19\xff\xddh\xb7%3\x16\xc4\x18\xd6\x82\xe2\x90\x10\xdcfK\xee?\xb8\xc7\xce\xdd\x1b\t\xa1Bp\x84\x10\xc6\x88\x10\xca9\x9f1c\xc6\xb3\xcf&gt;\x0b\x0f\x01\t\x05\n@\x02Q\xdf\xed\xce\x9d;ggg\x1b\x0cZ(\xc4\xee\xb8\xb1qAQ\xd9\x89\xc2bJ(\xe3\xfc\xa1\x07\xfe\xf0\xea\x8b\xe3\xcb\\\xc5\x94j\x08\xc1\x07#\x9e`\xce\x99\xc3\x91\xb2z\xfd\xfc\xf1S_%\x84H)\x8c\x9a\xd6\xaeu\x8b\xb5_\xedS{?\xf5\xeb\xd7\xff\xfe\xfb\xef\x9dN\'\x1c\x0eH\x1cP\x00\x12\x85\xba\xfagggw\xee\xdcY\xdd\xe2I)vf\x0c\xdb\xbc\xeb\x87\x97\'dj\x94\n)1&amp;\xef\x8f_\xd6\xa4\xd1\xf5&gt;\xbf\x176\x84\xe3\x8bT\xa7\xbe\xfe6\xa0\xcb\xc9\x82\xa3\x06M\x0b1\xf6\xd0\xbd7\xcf\x1a\xff\xc2\r\x8f\xbcRT\xea\xd64-\x14\n\r\x1d:t\xd4\xa8Q\xf0\x10\x908\xe0K\x9e\x10\xd4\xc2.c\xac\x7f\xff\xfe\x18!J\x08\xe7\xbcw\xe7\xbb\xda\xdc~}\xbf\'\xefovM\x03\xc69!\x84s\xf6\xc1\x8cQ\x04\xf6\x00\xe2\x0e\xe7\xdcaO\xc9\\4\xedd\xc1QJ)\x17\\\xa3\xf4\xed\xfe=\xeb\\]o\xd4\x0b=\xa4\x94R\nJ\xc8\xf8\xf1\xe3\xf3\xf2\xf2\xe0\\H\xe2\x80\x02\x90\x10\xd4\xb1\xaf\x0f?\xfc\xf0\xc0\x81\x03T\xd3\x18\xe7\xc96\xcb\x9b\xff\xe8\x16*\xf7Z\xec\xd6\x11\xff\xec\x86\x10\x92R\x10B\xf6\xe4n\xdf\xb63\xdbfsp\xc1\xa3\xfd\xaaA\xcd\x90R&amp;\x19\xcd\xc7O\x1e^\xb2r\xa6Z\xdc\x11B\xfe\xadG\xbb[oi\xe6=y\xfa\xe9\xee\xedZ_\xdfH\xdd\xf5\x07\x83\xc1\xa1C\x87b\x0c\x0b\x03\x89\x02\n@\xfcS{\xbf\x05\x05\x05iiijuW\x08\xf1\xaf\xa7:\xb6\xbc\xb1q(\x10\xf2\x97{\x9fz\xbc]\xdb\xd6-8\x17\x94\x10\x84\xf0\xf4\xf4\xb7}&gt;\x0f%\x14\xb6\x01\xe2\x83\x10\xdcl\xb6|:\xfb\x9drw)\xa5T\x08\x91\xe2\xb0\x0c\x7f\xe1\t\xe6\x0bH\x89\xcc\x16\xd3\xb8\x01OJ\x89\xb8\x10\x94\xd2\xac\xac\xac\xec\xeclJ)\xe7p\x07\x10\xff\xa0\x00\xc4?u\xc2s\xc8\x90!%%%\x06Mc\x8c5\xbe\xaa\xde\xc0g\x1f\x0e\x96\xba)%\x12I\xc1\xf9\xf8\x81\x7f\xd0(\xe5BPJN\x9c&lt;\x92\xb9h\x9a\xc3\x9e\x02\x97\x808 \x04\xb7\xdb\x9c;v\xad\xdf\xb0\xf5sB\xa8\x94BH9\xac\xdf\xe3\xf5\x1a\xa6\x86\x02A\x83F\xfd.O\xc7\xb6\xb7\xf4\xe8\xd8\x86sN\x08\xc1\x18\xf7\xef\xdf\x9f1\x06\xcf\x01\x89\x00\n@\x9cS\x8b?999s\xe7\xce\xa5\x84\n!\xa4Do\xbf\xf8Dj=\'g\x0ccL\t\tx\xfcw\xdd\xd5\xeao=\xda\t!0B\x18\xe3%+g\x1e?y\xd8h4\xc1% \xf6a\xc6C\xb3\xe7O\x11B\x10\x82\x85\x10\xad\xafo\xf4\x8f\xa7:\x05\xcb\xbd\xe4\xecN\xaf\xe4|\xecKO&amp;\xdb,j!\xe8\xc0\x81\x03\x1f~\xf8!\xec\x04$\x02(\x00qNm\xff\x0e\x1a4(\x10\x08P\x8d0\xce\xdb\xb6n\xd1\xfb\xf1\xb6\xfe\x92\xf2p\xa7\x07!\x98\xb9\xfd\xc3_x"\xc5aQ\xeb\x00\xe5\xee\xd2Og\x8f\xb7Z\xec\x02v\x02b\x19\xe7\xcc\x99\x9c\xbaj\xdd\xfc\xbd\xfbwQJ\xa5\x10R\xa2w\x06&lt;\x99d2r\xceU\xa7\'!\xc4\xef\xf17ou\xdd\xbf\x9e\xea(\x84\xc0\x18a\x8c\xd3\xd2\xd2JJJ\x08!p\x07\x10\xdf\xa0\x00\xc43uC\x97\x95\x95\xb5i\xd3&amp;M\xd3\x18\xe3F\x836~\xe0\x1f\x04\xe7\xb2R\x9f7\xc68\x14\x0c\xd6k\x98:\xac_7u:\x8c\x10\xb2y\xfb\xca\xdd\xb9\xdb,\x16;\xdc\x06\xc6()\xa5\xa6\x19\x8b\xce\x9c\xca\\&lt;M\xb5\xf6s!\x9e\xe8x\xfb\xfdmo\xf1\x97{*7zRJ\x82\xa5\xee\x81\xcf&gt;\xdc\xf4\xea\xfa\x8cqM\xd3JJJ\xd4\x8e\x11\xbc\xfb\xf1\r\n@\xdcR\xf7n\xaa\xaf\x03!D0\x16B\xfc\xa1\xf3\x9dw\xdd}c\xc0\xe3\xa3\xe7\xb6\xf9\x13J\x83\xe5\xbe\x7f\xf4~\xa0E\xa3\x86\x82sBH\x88\x05?\x9e5\x8eR\xd8\n\x8eU\x9c3\x87\xdd\x99\xb5\xec\xa3\x9f\n\x8e\xa9s\xbfF\x836\xe2\x85\x1e\xe8\xbck\xbaj\x11N\xad\x9f2\xf4\xaf\x8f\xaa\x96\xd0p\xcf\x18,\x04\xc57(\x00qK\xc5\xfe\xbc\xfb\xee\xbbyyy\x06\x83!\xc4Xj\xb2u\xccK\xbd\x98\xdb\x87\xcf;\xe4\x85\x11\xe2\x9c\'\x99\x8d\x93^yJ"$\x85\xa0\x84\xee\xdd\xffu\xf6\x17\x0b\x92\x1d\xa9\x9c\xb3\xa8\xfc\x15\xc0%\x13BX,\xf6\xbc\xc3{\x97\xad\x9aE\x08\xc1X\n!\x07\xfe\xb1S\xab\x1b\x1b\xfb=\xbe\xf3O\xf9i\x94\xfaK\xca\x9f\xee\xd1\xbe\xedm-\x18\xe3\x1a\xa5\x15\xa7F`+8\xaeA\x01\x88Oj\xef7??\x7f\xdc\xb8q\x84\x10\x95\x02\xfaR\x9f\x07\xafjtE0\x10$\x17:\xe8O)\xf1\x97\xfb\x1e\xbe\xbf\xcd\x03w\xb5\xe2B`\x821\xc63\xe6N&lt;SR\xa8iF\xb8\n\xc4\x1aI)\xfdd\xf6;\x1eo9!\x84s\xd1\xa0\x8e\xe3\xe5g\x1fb\x1e\xff/\x9d\xf1\x96Hj\x1a}\xeb\xf9n\x84`uR,;;;++\x0bZB\xe3\x18\x14\x80\xf8\xa4\xf6~G\x8c\x18\xe1r\xb94JC\x8c\xb5h\xd4\xf0\xd5\xe7\x1e\x0b\x96y(\xfd\x957]\n.&amp;\xbf\xd6\xd7h\xd0\x84\xe0\x94\xd0\x82\xc2\x13YK?r\xd8\x9d\xf0\x10\x10C8\xe7v\x9bsg\xce\x86m_e\x13B\xd5\xbe\xce\xe8\x17\x9f\xa8\x7fE\xdd`0\xf8K9?\x94\x10\x9f\xcbs\x7f\xfb\xdb\xfa&gt;t\x0f\xe7B\xb5\x84\x0e\x1d:T\xfd+p\x07\x10\x97\xa0\x00\xc4!\xb5\xf7\xbby\xf3\xe6\x8c\x8c\x0c\x8dRu\xa6w\xd2+O\x99-&amp;\xce9F\xbf\x98\xf3E\x08\tx}7\xfe\xae\xc9\xc0?v\x12B",\t!\xcbV\xcd:\x98\xff\x9d\xd9l\x93\x12\xd6\x82c\x03\xa5\xd4\xeb\xf3|\x921\x1ecL\t\xe6\x9c\xb7\xbd\xad\xc5\xb3O\xfc\xde_\xe6\xd6~5\xe4\x07\x13\xc2\xbc\xfe1\x03z\xa5&amp;[C\x8ci\x9a\x96\x97\x97\xf7\xee\xbb\xef\xc2N@\xbc\x82\x02\x10\x9f8\xe7iii\xbc"\xe1G&lt;pW\xab\x87\xefo\xe3/\xf7\xfe\xea\xed?B\x08\x11B\x98\xdb\xff\xf2\xb3\x0f5\xa8\x93,\xb8 \x84x\xbc\xe5\x19YSM&amp;3\\\x02b\x02\xe7\xccns\xae\xdd\xb8\xf0\xd0\xe1\xef\t!B\nJ\xc8[\xcfw\xd3\xb4\xdf\xee\xe9$\x18\x07\x03\xc1\xab\x1a]\xf1R\x9f\x07\xa5\x94HJ\x82\xf1\x84\t\x13\n\n\n\xa0#(.A\x01\x887\x8c1J\xe9\x9c9s6o\xdel\xd04\xc6\xb9F\xe9\xe4\xd7\xfa\n..\xa6\x9f\x07c\x1c\x0c\x06\xeb_Qw\xd4\x0b=DEK(\xdd\xb8m\xf9\x8e\x9d\xeb\xec6\'\x1c\x0b\xd09)\xa5\xd1h:u\xfaDz\xe6$\x8c\t\xc1\x98s\xd1\xbb\xcb]\xf7w\xb8\xcd\xe7\xf2\xd0\x8bHx\xa5\x94\x04\xcb\xdc\xaf&gt;\xf7X\xb3k\x1a\xa8\x87\x80\xe2\xe2\xe2!C\x86\xc0\x99\x80\xb8\x04\x05 \xae\xa8\x16~\x97\xcb5|\xf8p\x821\xc2H\x08\xf1\xb7\x1e\xedn\xbc\xb1q\xc0\xfb\x8b\xbb\x7fUPJ\x83.O\xdf\xc7\xefk}}#!\xb8:&gt;:;k\n\xe3\x0cb\xe2uN\x08n1\xdb\x16,\xfb\xb8\xa4\xb4\x88\x12\xc2\x85H\xb6Y\xd2\xfa=\xce}\xc1\xf3[\xbf.\x08#\xcc97[\xcd*"P\x08A\t\x9d3g\xce\xee\xdd\xbbU\x8eP\xed\xfe\x05@dA\x01\x88+\xaa\xf9g\xdc\xb8q\xf9\xf9\xf9T\xa3\x9c\xf1\x8a\xd8/o\x80\x90\x8b\xbdvc\x848\x17\xe1\x8c0)\x05\xa5t\xef\xfe]+\xd7\xceu\xd8\xa1%T\xbf\x84\x10\x16\xb3\xed\x87\xbco\x16-\xff\x8c\x10\x82\xb0\x0c\xa7\xfe\x05\xbc\xfe\x0b\xb6~]\x10\xa5\xd4\xefr\xab\x88@\xc69\xa5$\x18\x0c\x0e\x180\x80s\x0e\x0f\x01q\x06\n@\xfcP\x8d\xffj\xd7\x8e\x12"\x85\xfc9\xf6\xeb\x97{?.\x88RR)#L\xa8s\xa4\xe9\x99\x93N\x9d&gt;\x01\x01AzF\x08\xfd`\xc6(\xc6B\x84\x10\xcey\xe5\xd4\xbfj\xfd9\x12\xa1pD \xe3\\\xd3\xb4-[\xb6\xcc\x993\x07ZB\xe3\x0c\x14\x80\xf8\xa1\xae\xcb\xaao\x8fR\xca/\x14\xfbU\xbd?\xf0lF\x98Z\x07()-Z\xb0\xecc\x8b\xd9\n;\x01:$\x04\xb7Y\x1d\xdbvf\xef\xc9\xdd\xae&amp;&gt;VI\xfd\xab\xd6\x9fV5"\x10#\x82\xf1\xf0\xe1\xc3\xcb\xca\xca\xa0%4\x9e@\x01\x88\x13\xaa\xf5s\xd3\xa6M\x15\'w\x04\x97RV\x89\xfd\xaa\x96*\x19a\xaa%t\xd1\xf2\xcf\x0e\x1c\xca\x85\x80 \xfd\x91\x84h\xfe\x80wz\xfa\xdb\xa8b\xe2\x9b8?\xf5\xafZ*G\x042\xc6\xa9\xa6\xe5\xe7\xe7O\x9e&lt;Y=[\xd4\xf4\xeb\x07\xd1\x01\x05 \x1e\xa8c_\x81@`\xd0\xa0A\x18c\xd5\xfay\xc1\xd8\xafj\xa9\x9c\x11\xa6N\x061\x16\x9a9o2!\x04\x02\x82t\x85sn\xb3\xda\x97\xae\x9au\xe2\xe4\x11\xf5\xf0w\xc1\xd4\xbfj9/"PPB&amp;M\x9a\x94\x9f\x9f\x0f\xbb\xc1q\x03\n@&lt;P{\xbf\x99\x99\x99999j\x95\xf6\x97b\xbf\xaa\xa5JF\x18\x92\x92\x10\xb2\xf5\xcb5;s6\xd8mN\xb8\r\xd4\t\xd5\xfaYXt2#k*\xc6\xf8\xd7S\xff\xaa\xa5rD c\x9cRZVV6b\xc4\x088\x13\x107\xa0\x00\xc4&lt;u\xfb_RR2x\xf0`B\x88\x9a\xf8\xf8+\xb1_\xd5rNF\x18\xe7\x94\x10\x8c\xf1\'\x19\xe3\xfd\x01\x1f\x04\x85\xea\x84\x10\xdcb\xb1\xa5gNv{\\\x94\x10\xc6\xf9\xaf\xa4\xfeUK\xe5\x88@\x84\x90\n\x08\xca\xc8\xc8\xd8\xb2e\x8b\xa6ip\x07\x10\x07\xa0\x00\xc4&lt;u\xfb\x9f\x96\x96VPP@\ta\x8c\xfff\xecW\xb5T\xca\x08#B\nB\xc8\xa1\xc3\xdf/Y\x99n\xb3:\xe0\x12\x10u*\xf5sO\xee\xf6\xd5\xeb\xe7\xab\xb7\xfb7S\xff\xaa\xe5\x9c\x88@.0!\x9c\xf3\x01\x03\x06\x04\x02\x01\xd8\r\x8e\x03P\x00b\x9b\xba\xfa\xab\x19~\x94\x10\x89.*\xf6\xabZ*e\x84\xdd\xcd\xb9 \x18cL2\xb2\xa6\x16\x16\x9d\x84\x96P=\xa0\x94~&lt;k\x1c\xe7\x8c\x10\xc2\x05\xbf\xb8\xd4\xbfj\xf99"\x90s\xaei\xda\xee\xdd\xbb333! (\x0e@\x01\x88mj\xfdGM\xf1\xa6\x942v\xb1\xb1_\xd5R9#\x8cqN\tv{\\\xe9\x99\x93\xcd&amp;Kl\xb5\x84J)\x85\xe0\x9cs\xce\x19\xe7?\xff\x1fB\xc4\xe4\x11\'\xce\x99\xdd\x9e\xbc\xe6\x8b\x05{\xf7\x7fMH\xc5\xc4\xc7\x8bI\xfd\xab\x96s#\x02\x05\xc6\x88\x102x\xf0\xe0\xe2\xe2bx\x08\x88uP\x00b\x98j\xfd\xcc\xce\xce\xce\xce\xceV\xbd\x1f\x17\x1f\xfbU-U3\xc2\x10"\x84\xac^?\xff\xc0\xa1\\\x8b\xd9\xa6\xff\xdb@)\xa5:\xc5j4$\xd9\xac\xc9\xc9\x8eTgr\xdddG\xaa\xfa?\x9c\xc9\xa96[\xb2\xd1\x98$\xa5\xe4\xb1T\t$\xa5\x9a\xd7\xeb\x9e5\xef=\x84\x10%\x98\x8bj\xa4\xfeUK\xe5\x88@\xce8\xa5\xb4\xa0\xa0`\xe2\xc4\x89\xf0\x10\x10\xeb\xa0\x80\xc7*\x15\xf2.\x84\xb8\xe9\xa6\x9b\x0e\x1e8`0\x18\x82\xa1P\xdf\x87\xef\x99=\xb9\xbf\xaf\xd8u\xc9\xad\x9f\xbf\xf8\x9fC\x12#\xcc1\xbe\xb9\xfb\xbf\x0f\x1d?\xa5i\x1ac\xec\xb6\x9b\xff\xef\xdd\xe1s\xd5\xc8\x91\x9a\xfd\xcf\xd5\x14)\xa5\x90"\xc9h2%Y\xfc\x01o\xc1\xa9\xe3\xc7\xfe\x97\xff\xd3\xa9c\xa5\xa5g|\x01/\x922\xc9hr8R\xaehpm\xa3k\x9a_u\xc5u\xa6$\xb3\xc7\xeb\xe6&lt;DH\r\xff\x00k\x1c\xe7,\xc5Y\xef\xa3\x99cf\xcd\x9fB)\x95R\x10L\xbe\x99?\xe2\x86\xe6\xd7\x04}5\xb3\xfdS\x19\xe3\xdc\x92\xe2\xf88#\xfbo#&gt;\xd34*\x85\xa4\x9a\xb6w\xef\xdef\xcd\x9a\xa9\x04\xaa\x9a\xfd\xcf\x81\xc8\xd0\xa2\xfd\x02\xc0%R\xc1\x0f\xd3\xa6M;p\xe0\x80\xa6i\x8c\xf3\xea\xc6~UKEFX\xb2}\xc4?\xbb\xf5\x19\xf2\xa1\x1a\x1b\xbb\'w\xfb\xb6\x9d\xd9\xf7\xdd\xdd\xb9\xdc]F\xf5w\xc5\xe4\x9c\x9b\x92LII\xe6c\'\xf27\xefX\xb9}\xe7\xda\xfc#\xfb\x03A\xdf\x05\xffa\x83\xc1\xd8\xac\xc9\x8d\xf7\xb7}\xfc\xc1\x0e=\xecV\x87\xdb[\xae\xc3\xbfQ\x98\x942\xc9h&gt;~\xf2\xf0\x92\x9531\xc6\x18!.d\xbf^\xedn\xbc\xb1\xb1\xaf\xfa\xc1\x0f\x17#\x1c\x118m\xfe\x17{\x0e\x1c5h\x065nz\xfe\xfc\xf9\xf0\x10\x10\xbb\xe0\t &amp;\xa9\xaf\\aaa\xabV\xadJKK5\x8d\x86B\xec\x8d\xbf=6\xf2\xf5?zO\x97jZm]\xb9\x84\x10&amp;\xbb\xb5\xdd\x1f\x87o\xd9}\xd0\xa0i!\xc6\xaf\xbe\xf2\xba\x0f\'\xae\x94R"$Q\r-:\xd7\x08\x8c\x89\xcdb\xff\xf1\xf8\xc1\x85\xcb?\xfdb\xf3R\xb7\xc7\xa5~\x9f\x10\xaaf]\x85\xffI\xf5 \x15\xde\xcchtM\xf3\x7f\xfdmD\x9b[\xees\xb9Ku[\x038g\xce\xe4:#\xc6\xffs\xfd\xe6\xa5\x9a\xa6\t\xce\x93\xed\xe6\x03\xcb\xdeIqX/!\xf8\xe1\xa2\xff\xa3\xc2\x9cl]\xb7\xe9\x9b\x07\xff1^=br\xce\xd7\xacY\xd3\xa9S\'\xb5\x1aY\x1b\xffQP\xab\xe0\xc1-&amp;\xa9\x87\xee!C\x86\x94\x94\x94\x184\x8d1v\xc9\xb1_\xd5\xfb\xefV\xca\x08\xe3BPJN\x9c&lt;\x92\xb9h\x9a\xc3\x9e\xa2\xa7\x96P\x891\x0e\x85\x02\x19\x0b\xff\xfb\xc2k\x8f/[5\xcb\xedqQJ5\xcd@\xa9&amp;\x04g,\x14\n\x05\xc3\xbf\x18\x0b\xa9\x07\x1aB\x08\xa5\xda\xd1\xe3y\x83G&lt;\xb3y\xc7*\xbb5\x99\xebr\x8b[\x08n\xb79w\xecZ\xbfa\xeb\xe7\x84P)\xc5%\xa7\xfeU\xcb\xb9\x11\x81\\\xd5Q\xd5\x80\x00\xbb\xc11\n\n@\xecQ\xad\x9f999s\xe7\xce\xa5\x84\nqY\xb1_\xd5R5#\x0c!\x8c\xf1\x92\x953\x8f\x9f&lt;\xac\x9f\x96P)\x91\xa6\x19\x8a\x8a\x0b\xa6\xa7\xbf\xed\xf6\xb84\xaa\xa9\x9f\x12c!\xceYR\x92\xb9i\xe3Vw\xdf\xde\xb1c\xbbn\x1d\xdbu\xbb\xfd\xb6v\r\xeb_\xa3\x1e\x02\x10B\x9c3J(c\xa1\xb1\x93\x07\x1c&gt;\xfa\x839\xc9\xa2\xcbA\x98\x98\xf1\xd0\xec\xf9S\x84\x10jZ\xc3e\xa6\xfeUK8"P\xdd\xf5\xab\x16d\xd8\r\x8eQP\xb7c\x8f\xfa\xe2u\xe8\xd0a\xd3\xa6MF\xa3!\x18\x0c\xb5m\xddb\xf3\xeca~\x97\x87\xd4\xe6\xed\xbf"\xa5\xa4\x9aV\xe2\xf2\xb4\xec\xfaZi\xb9\x8fR\xca\x18\xeb\xd8\xae\xdb\xb0\xd7\xa6\x95\x94\x9e\xa6T\x17\xbbJ\\\xf0d{\xca\xfc%\xd3\xdf\xfft\x84F5\xc6\x19B\xa8\xcd-m\x7f\x7f\xdf\xa3\xbfkuW\xbd\xbaW$%\x99\x08&amp;\x08!!x\xb9\xc7\xf5\xfd\xfe]\x9f\xcd\x99p\xe8\xc8\xf7\x18\x13)\x05\xa5\x1a\xe7\xec\x9e;\x1e\x185\xf4\x13\x8fG_[\xdc\x9c\xb3\x14g\xdd\xc5+\xd2\'M\x1bB)ERr!\xd6}\xf0j\xc7v\xb7\xfa\\\xee\x08\xac\xc30\xc6-\xf5\x9ci\xe3f\x8f\xfa\xe8s\x83Ac\x8c;\x9d\xce\xfc\xfc|\xa7\xd3\x89\x10\x82\x91A\xb1EG\x9flp1\xd4\xd5?++k\xd3\xa6M\x9a\xa61\xc6/?\xf6\xabZ\xce\xcb\x08\x93\x84\x90\xcd\xdbW\xee\xce\xdd\xa6\x9f\x94PJh\xb9\xbb\xec\x89\xc7\x9e\xbb\xab\xcd\xfd\x8c\xabn\xa59\xe3\x86\xcd|\xb4s\xdf\x06\xf5\xaf\x12\x82{&lt;\xe5\xe5\xee\xd2rw\xa9\xc7\xeb6h\xda\xff\xdd\xf9\xe0\xe4\xb7\xb3nnu\xa7Z\x0b\xe2\x9ca\x8cw\xee\xdex\xf8\xc7\x1fLIf\xfd\xdc$I)5\xcdXt\xe6T\xe6\xe2ijH\x03\x175\x90\xfaW-\x95#\x02\x19\xe3\x9a\xa6\x95\x94\x94\xa4\xa5\xa5A@P,\x82\x02\x10K\xd4\x95Hu_ \x84j0\xf6\xabZ*g\x84\t\xce\t!!\x16\xfcx\xd68\xbd\xa5\x03q\xce\x9e\xff\xf3\x1b\x83\xfe9v\xdc\xb0Y\xb7\xddr\xaf\xd7\xe7)+/\t\x85\x82\x08!\xb5\xe0\xaf6\x84\xa5De\xaeb\x93\xc9\xd2\xbf\xdf\xa8$\xb5\x90\x85\x11\xc6\x84s\xb6\xef@\x8e\xd1\x98$t\xb3\n\xc49s\xd8\x9dY\xcb&gt;\xfa\xa9\xe0\x18!T\x88\x9aI\xfd\xab\x96*\x11\x81\xaad~\xf8\xe1\x87\x07\x0e\x1c\x80\x85\xa0\x98\x03\x05 \x96\xa8\xd6\xcfw\xdf}7//\xcf`0\x84\x18\xab\xa9\xd8\xafj\xa9\x9c\x11&amp;\x11\x92BPB\xf7\xee\xff:\xfb\x8b\x05\xc9\x0e\xbd\xcc\x8c\xc4\x18\x07\x82\xfe\x06\xf5\xaez\xa4s\x9f@\xc0\xef\xf1\xb8\x08!\x94\xd0\x0b\xaeQh\x9a\xc1\xeb-\xbf\xee\xda\x16\xad\xaeo#\xa5$\xb8\xe2\x1f\xfb\xe9\xd41\x8c\t\xd2\xc7\x13\x80\x8a\xfd\xc9;\xbcw\xd9\xaaY\x84\x10\x8c\xa5\x10\xb2\xa6R\xff\xaa\xe5\x9c\x88@\xc65J\x19c\xfd\xfb\xf7\x87\xad\xe0\x98\x03\x05 f\xa8\xbd\xdf\xfc\xfc\xfcq\xe3\xc6\x11B\xd4I\xb0\x1a\x8c\xfd\xaa\x96s2\xc2\x84\xc0\x04c\x8cg\xcc\x9dx\xa6\xa4P\xd3\x8c:\xb9\n`\x8c\x19gnw\x19\xc6\xf87\x0fvI\x89(\xd1\xae\xbe\xa21B\x08c\xa4\x1ee\x02\x81\x80\x9e\xda[%\xa5\xf4\x93\xd9\xef\xa8\x93w\x9c\x8b\x9aM\xfd\xab\xdeK\xf99"\x10\xab\x94\xd0\xec\xec\xec\x8aaD:\xea\x07\x03\xbf\x01\n@\xccP\xb1?#F\x8cp\xb9\\\x1a\xa5!\xc6j!\xf6\xabz\xaf(\x9c\x11&amp;\x04\xa7\x84\x16\x14\x9e\xc8Z\xfa\x91\xc3\xee\xd4\xc9C\x00B\xe8b.\xfd\x95\xfeaT\xa9\x8cb\x84\x90\xd9l\xd5\xc9\xd5\x9fsn\xb79w\xe6l\xd8\xf6U6!T\xed\xbe\xd4l\xea_\xb5T\x8a\x08\xbcG\r\x0b\xc2\x18\xabq\xa4\xf0\x1c\x10C\xa0\x00\xc4\x06\xb5\xf7\xbby\xf3\xe6\x8c\x8c\x0c\x8dR\xd5\x9f^\xe3\xb1_\xd5rnF\x98T3#\x97\xad\x9au0\xff;\xb3\xd9\xa6\xcb\xee\xc9_\x831\xe2\x9c\x15\x14\x9e@\x08IY\xb1\xddre\xc3k\xa5\x14z(\x01\x94R\xaf\xcf\xf3I\xc6x\x8c1%\x98\xf3ZI\xfd\xab\x96\xca\x11\x81!\xc64M\xcb\xcb\xcb{\xf7\xddwa\' \x86@\x01\x88\x19\x9c\xf3\xb4\xb44u\x00\x87\xf3\xda\x8a\xfd\xaa\x96\xca\x19a\x82\x0bB\x88\xc7[\x9e\x915\xd5d2\xc7\xd6%@Ja0\x18O\x9f)\xd8wp\x0f\xaa\xc8Y\x12\x06\x83\xf1\x86\x16\xb7\x05\x82~\xd50\x1aE\x9c3\xbb\xcd\xb9v\xe3\xc2C\x87\xbfWS\x19j)\xf5\xafZ\xaaF\x04JI0\x9e0aBAA\x01t\x04\xc5\n(\x001@E=\xcf\x993g\xf3\xe6\xcd\x06Mc\x9ck\x94N~\xad\xaf\xe0"\xba]7\x18\xe3`0X\xff\x8a\xba\xa3^\xe8!*ZB\xe9\xc6m\xcbw\xec\\g\xb79c%)Z\x08.\x84t\xd8S\xe6/\xf9\xd0\xed.SG\x82\xa5\x94w\xb6\xee\xd0\xf8\xda\x16\x81\x80?\xba\xbd\xedj\xe2\xe3\xa9\xd3\'\xd23\'aL\x08\xc6\x9c\x8b\xde]\xee\xba\xbf\xc3m&gt;\x97\'b\xad_\x17D)\t\x96\xb9_}\xee\xb1f\xd74P\x0f\x01\xc5\xc5\xc5C\x86\x0cQ?\xc0(\xbe0p\x91\xa0\x00\xe8\x9dj\xb4w\xb9\\\xc3\x87\x0f\'\x18#\x8c\x84\x10\x7f\xeb\xd1\xee\xc6\x1b\x1b\x07\xbcQ\xd8\xfd\xab"\x9c\x11\xd6\xfa\xfaFBpu0uv\xd6\x14\xc6k\xf7L\xf2%\x10\x82\xf3\xf0/5\t@p\x84\x90\xc5lKv\xa4\xcc\x9a\xf7\xde\xa2\xe5\x9f\xa9\xb5l\xce\x99\xc9d\xf9K\xdfW\x18cQ\xffK\x08\xc1-f\xdb\x82e\x1f\x97\x94\x16QB\xb8\x10\xb5\x9a\xfaW-\x15\x11\x81V\xf3\x88\x7fvC\xaaK\x8d\xd09s\xe6\xec\xde\xbd\x1b\x06\xc7\xc7\x04(\x00z\xa7\x9a\x7f\xc6\x8d\x1b\x97\x9f\x9fO5\xca\x19OqX\x86\xbf\xf0\x04\xf3\x06\x08\x89\xf6\xc5\xa9\xa2%T\x98-\xa6q\x03\x9e\x94\x12I)(\xa5{\xf7\xefZ\xb9v\xae\xc3\xae\x97\x96P\x84\x10\xc6\xd8ns&amp;\xdbS*~9R\x9c\xc9u\x1c6\'\xc6\xf8\xbb\xfd_\xff{\xd4_&gt;\x981\x9a\x12\x8a1\xe1\x9cS\xaa\r~ib\xe3k\xaf\xf7\x05\xbc8\xaa\xeb?B\x08\x8b\xd9\xf6C\xde7\xaa8!,\x85\x10\xffz\xaacKU\xfe\xa3^\x9d\x10\xa2\x94\xfa]\xee\xa7\x1eo\xd7\xb6u\x0b\xc69\xa5$\x18\x0c\x0e\x180@\r`\x88\xf6\xab\x03\xbf\x01\xf6\xebuM]\xfd\xf3\xf2\xf2n\xba\xe9&amp;\x95\xf3\xc38\x9f\xfc\xeaS/=\xf7\x98\xaf\xb4\\?\xf9\x8bB\x88$\x9b\xa5g\xffI\x8b\xd6\xe7\xa8q\xe1\xce\xe4:\x1fN\\i\xb79\x19\x0bE\xfdQ\x00c\x1c\n\x05\xb7~\xb5&amp;\x18\x0c`\x8c%\x92,\x14*w\x97\xfdt\xea\xd8\xa1#\xdf\xffx\xec`\xe5\x7f\xf8\x9a\xab\x9a\xf6\xff\xfb\x88\xdbomW\xee.\x8d\xfaT\x00!\x84\xd5b\x7fe\xd8S{r\xb7k\x9a\xc69\xbb\xee\xcaz\xbb\xe6\x8d\xb0\x99\x8cR\x88\xa8\xff`\x15.D\x92\xc5\xf4\xf57y\xf7\xfd\xe9m!%!\x8416s\xe6\xcc\xa7\x9f~\x1aRBu\x0e\n\x80\xae\xa9\xef\xcf\x93O&gt;\x99\x95\x95e4\x18B\x8c\xdd\xd6\xf2\xda\xeds\xde\xc2\x9c\xeb\xa7;\x1d!$\x840\x9a\x93\xf2\x7f,\xb8\xa3\xcf\xf0r\xaf\x9f`\xc28{\xb2\xdb\xdf_xnXi\xd9\x99\xe8\x06\x04I)5Ms\x95\x97\xf6\xedw\x1fc\xa1\xf3\xff\x01\xd5*j\xb5\xd8\x1b]\xd3\xbc\xdd=\x0f\xdd\xdf\xeeq\x87=\xc5\xebsG=\x0bZ\x08n\xb3&amp;o\xfdj\xcd\x9bc\xfeF\x08\xc1\x18q.\xe6\x8e\xf9G\xef\x1e\xed}%5?\xf3\xe7rp.\xcc\xa9\xf6\x7f\x0e\x9d&gt;-k\x83\xc1\xa0q\xc6\x1b7i\x92\x93\x93c\xb7\xdbUdE\xb4_ \xb80X\x02\xd2/u\xf5\xdf\xb4iS\xc5\xf9\x1a\xc1\xa5\x94\xef\x0cx2\xc9d\xe4\x9c\xeb\xea+E\x08\xf1{\xfc\xcd[]\xf7\xaf\xa7:\n!TK\xe8\xa2\xe5\x9f\x1d8\x94\xab\x93\x80 \x8c\xb1\xc3\x9eb\xd0\x0cF\x83\xd1\xa0\x19\x0c\x9a\xc1\xa0\x195\xcd\xa0\xee\xf1)\xa1\xb7\xdf\xda\xee\xa9\x1e\xcfw\xe9\xf8d\x9d\x94\xfaR\xa8\x1fot\xef\x8d$!\x9a?\xe0\x9d\x9e\xfe6B\x88\x12\xc2\xb9h\xdb\xbaE\xef\xc7\xdb\xfaKt\xf4\xf0\xa7\x10\x82\x99\xdb?\xfc\x85\'R\x1c\x16\xc68\xd5\xb4\xfc\xfc\xfc\xc9\x93\'\x13B\xe0\\\x98\x9eA\x01\xd0)u\xec+\x10\x08\x0c\x1a4\x08c\xacZ?#\x1c\xfbU-\x953\xc2\xd4\xc9 \xc6B3\xe7M&amp;\x84D\xfbJ\x8a\x10B\x12\xc9rwi\x88\x85\x82\xa1`\x88\x85B,\x14bA\xc6BBpu`\xf8\x8b-K\xff=\xea\xcf}\xfe\xfe\x7fo\xbd\xf3\xfc\xbe\x03{\xec6gt\x9f\x8f9\xe76\xab}\xe9\xaaY\'N\x1eQ\x03\x9f#\x9c\xfaW-\xe7E\x04\nJ\xc8\xa4I\x93\xf2\xf3\xf3a7X\xcf\xa0\x00\xe8\x94Z\xfd\xcf\xcc\xcc\xcc\xc9\xc9Q\xc7\xeb#\x1f\xfbU-U2\xc2\x90\x94\x84\x90\xad_\xae\xd9\x99\xb3\xc1nsF\xf76PJ\xa9\x11\xed\xf6[\xda\xdd|\xe3]\xb7\xdct\xf7\xcd7\xdeu\xe3\xf5\xb77krc\xfdzW\x19\x8dI\xe1q`\x94j\xe5\xee\xb2\x8d[?\x1f\xf8\xc6\x93\xff\xf9\xf8-\x8dj\xea\xccmT^\xb0\xd1h*,:\x99\x915\x15c\x1c\xad\xd4\xbfj\xa9\x1c\x11\xc8\x18\xa7\x94\x96\x95\x95\x8d\x181\x02\xce\x04\xe8\x19\xec\x01\xe8\x91:\xe8_VV\xd6\xaaU\xab\xc2\xc2BJI(\xc4^\xff\xf3\xc3c\x07?\xad\xb7\xc5\xdf*\x84\x90\x9a\xd9x\xff\xb3\xa3\xb7\xec9\xa8\x8e,4m\xdcj\xea\xd8\xc5\x9c\xb3h\x87\xea\xe0\xa4$\x13\xc6X=\x8dH)B,\x14\x08\xf8J]g~&lt;v\xf0\xeb\xdd\x1b7m_\xe99;\x07X"!\x84\xecp\xef\xa3\xff~\xf9\xbd\xa8\x9c\x03\xe0\x9c9\x9du\xdf\x99\xf2\xca\x8a\xec9j\xf8Z\x8a\xc3\x92\xbb`T\x83\xbaN\x16bzh\xfe\xb9 \xce\x85\xd9aY\xb9&gt;\xe7\x91\x7fM\xa2\x94`\x84%B\x1b6lh\xdb\xb6-\xec\x06\xeb\x93\x1eo%\x80\xba\xfdOKK+((\xa0\x840\xc6\xa3\x18\xfbU-\x952\xc2\x88\x90\x82\x10r\xe8\xf0\xf7KV\xa6\xdb\xac\x8eh\xaf\x05K\x9f\xdf\xe3\xf5\xba\xbd&gt;\xb7\xd7\xe7\xf6\x07\xbcB\xf0$\xa3\xe9\xca\x06\x8d\xda\xff\xdf#\xaf\xbd4\xf1\xc3\x89+\xff\xef\x8e\x07\xd4F\x8b\x10R\xd3\x0c\x1b\xb7-_\xb8\xec\x13\xbb-9\xc2\xaf\\\xa5~\xee\xc9\xdd\xbez\xfd|\xf5vG1\xf5\xafZ\xce\x89\x08\xe4\x02\x13\xc29\x1f0`@ \x10\x80\x80 }\xd2\xf5\xd5$1\xa9\xab\xbf\x9a\xb4G\t\x91(\xca\xb1_\xd5R)#\xecn\xce\x05\xc1\x18c\x92\x915\xb5\xb0\xe8d\xd4gF\x12L\xc2Tw?\x17&lt;\x18\n\xb8=eeeg\xea\xd5\xbdb\xc4\xbf?\xbe\xab\xcd\xefE\xc5L\x18\x8e1\x99\xb7\xe4\xc3\xd3g\n\x0c\x06\xa3\x8c\xec6\x06\xa5\xf4\xe3Y\xe38g\x84\x10.x\xb4S\xff\xaa\xe5\xe7\x88@\xce\xb9\xa6i\xbbw\xef\xce\xcc\xcc\x84\x80 }\xd2\xff\xe7)\xe1\xa8\xed_5k\x9bR\xcaX\xf4c\xbf\xaa\xa5rF\x18\xe3\x9c\x12\xec\xf6\xb8\xd23\'\x9bM\x16\xbd\x85C\xa8\x0eEB(\xa5\x9a\xdf\xef\x95B\xfc\xed\x99!Fc\x92Z\x82\xc3\x18\x95\x96\x9d\xf9\xe6\xbbmf\x93EF\xea\xe2\xc59\xb3\xdb\x93\xd7|\xb1`\xef\xfe\xaf\t\xa1R\x08)\xa3\x9c\xfaW-\xe7F\x04\n\x8c\x11!d\xf0\xe0\xc1\xc5\xc5\xc5\xf0\x10\xa0CP\x00\xf4E-\x95fggggg\xab\xde\x0f=\xc4~UK\xd5\x8c0\x84\x08!\xab\xd7\xcf?p(\xd7b\xb6\xe9\xf66\x90R\xcd\xe7\xf7^{U\xd3f\x8d[I)\tQ\xd5\x01\x1f\xcc\xdf\xab\xa6\x86E\x84\xa4T\xf3z\xdd\xb3\xe6\xbd\x87\x10\xa2\x04s\xa1\x8b\xd4\xbfj\xa9\x1c\x11\xc8\x19\xa7\x94\x16\x14\x14L\x9c8\x11\x1e\x02t(6&gt;R\tB\xdd\xfbW\x0cW\xaah\xfd\xe6:\x89\xfd\xaa\x96\xca\x19a\xac"\xbe\x94}0cT\xd4\x0f\xd6\xfe\x16\xa9i\x86\xfa\xf5\xaeF\x08a\x84\x91DR\xca\xe2\x92\xd3\xeaN6\x028\xe7\x0e{J\xe6\xa2i\'\x0b\x8e\xaa\x93\x1f:I\xfd\xab\x96\xf3"\x02\x05%d\xfc\xf8\xf1yyyP\x03\xf4&amp;f\xae)\x89@\xad\xfe\xab\xf1\xaaT\xd3\x18\xe7\xfa\x89\xfd\xaa\x96*\x19ajl\xec\x9e\xdc\xed\xdbvf\xdbl\x0e\xae\xb3\x85\xa0\xaa\xce\xbd\xdb\x17\x82Gf\x03@J\x99d4\x1f?yx\xc9\xca\x99\xea\xec\xac\x10R?\xa9\x7f\xd5R9"P=\xd4\xaaA\xd6\xb0\n\xa47\xb1\xf4\xa9\x8aoB\x08\x8cqAAAZZ\x9a:&lt;\xaf\xb7\xd8\xafj\xa9\x9c\x11\xc6\xb9\xa0\x84 \x84\xa7\xa7\xbf\xed\xf3y(\xd1\xd7\xec\xf8J0\xe3\xac\xa8\xb8\x00\xa9\xd7\x87\x11B\xc8fM&amp;8\x12K@Bp\xb3\xd9\xf2\xe9\xecw\xca\xdd\xa5\xea\xf0\x94\xaeR\xff\xaa\xa5JD \x17\x82R\x9a\x95\x95U\xb1\xb0\tg\x83u\x03\n\x80^\xa8\xd8\xe7!C\x86\x94\x94\x94\x184\x8d1\xd6\xf8\xaaz\x03\x9f}8X\xea\x8e\x95\xc5\xdf*$B\x82\xf3\xf1\x03\xff\xa0:\xd9)%\'N\x1e\xc9\\4\xcdaO\x89\xc0%@JQ\xad\x9bM)\xa5\xc1`,:\xf3\xd3\x91\xa3\x07\xd4\xbf\xae~\xff\xaa+\xaf\x8b@\xe7\x95\x10\xdcns\xee\xd8\xb5~\xc3\xd6\xcf\t\xa1R\n!\xe5\xb0~\x8f\xd7k\x98\x1a\xd2}\xeb\xd7\x05QJ\xfc.O\xc7\xb6\xb7\xf4\xe8\xd8FM1\n\xb76\xc0s\x80~\xc4\xe4\x95%\xfe\xa8\xc5\x9f\x9c\x9c\x9c\xb9s\xe7RB\x85\x10R\xa2\xb7_|"\xb5\x9eS\x85\x80F\xfb\x05^\nJH\xc0\xe3\xbf\xeb\xaeV\x7f\xeb\xd1N\x08\x81\x11\xc2\x18/Y9\xf3\xf8\xc9\xc3\xb5\xdd\x12*\xa5LJ\xb2\x18\rF\xce\x99\x10\x17U\t\x18\x0b\xd9m\xc9\xab\xbf\xc8\xf2x\xcb\xd5\x01`\xf5L\xd6\xaa\xc5m\xc1P\xb0\xf6\xef\xc11\xe3\xa1\xd9\xf3\xa7\x08!\xd4L\x85\xd6\xd77\xfa\xc7S\x9d\x82\xe5^\x12\x0b\xad_\xbfDr&gt;\xf6\xa5\'\x93m\x16\xb5\x10\xa4\x9a\x9ba\'@?\xa0\x00\xe8\x82\xda\xfe\x1d4hP \x10\xa0\x1aa\x9c\xeb6\xf6\xabZ*g\x84\xa9u\x80rw\xe9\xa7\xb3\xc7[-\xf6\xdak\tU\xf7\xf2\xfb\x0e\xe4\x9c,8\x96\xe2\xacg\xb5\xd8)\xa5Bp\xce\xb9\x10\\\x08\xa1\x1e\x0e\xa4\x14*\x04\x82s&amp;\xa5\xacW\xf7\x8a\x1d_\xaf\x9b\xb7\xf8C\x82\x89\x94B\xedW7krc\x8bf7\xfb\xfd\xb5;\x15\x80s\xe6LN]\xb5n\xfe\xde\xfd\xbb(\xadh\xfd\xd4g\xea_\xb5T\x89\x08\xc4\x18a\x8c\xd3\xd2\xd2JJJ`d\x98N@\x01\x88&gt;us\x94\x95\x95\xb5i\xd3&amp;M\xd3\x18\xe3z\x8e\xfd\xaa\x96\xf32\xc2$!d\xf3\xf6\x95\xbbs\xb7\xd5^J\xa8\x10\xc2b\xb6\xae\xdf\xbc\xf4\x85\xd7\x1f\x1f?\xf5\xd5\x9d{6\xfa\xfd&gt;\x9b\xd5\xe1LN\xb5\xd9\x92-fk\x92\xd1l4&amp;%\x19\xcd\x16\xb3\xd5nKv&amp;\xd7!\x84.Z\xfe\xe9\xb0\xb1\xfd\x02\x01\x9f:y\xa7\x96)\x9e|\xbc_\x92\xd1T\xab\x03\xee\xa5\x94\x9af,:s*s\xf14\xd5x\xca\x85\xaeS\xff\xaa\xa5rD c\\\xd3\xb4\x92\x92\x12\xb5\xcb\x05\x0f\x01z\x00\x8bqQ\xa6nD9\xe77\xddtS^^\x9e\xd1`\x08\x86BO?\xfa\x7f3\'\xf5\xf7\x9d)\x8b\xf5\xef?\xaa\x08\x00\xc2\x92\xe0\x9b{\xfc;\xefh\x01\xd54\xc6\xd8M7\xdc1e\xecB\xb7\xbb\xac6\x1aC9\xe7\xce\xe4\xd4\xff~2|\xfe\x92\xe9\xeaw\xea\xd7\xbd\xb2y\xd3\xdf5or\xe3\xb5W7MMi`1\xdb4Mc\x8cy}\xee\xd3g~:x(\xf7\xab\x9c\r\xc7N\x1cB\x08\xa9\xeb\xbe\xa6\x19\x18\x0b\xb5\xbf\xf7\x917_\xf9\xaf\xc7\xe7\xae\xd5\xa1\xf0\x8c\x85\xea\xa46x\xff\xd3\x11s\x17\xbeO\xa9&amp;%\xd7(\xdd3o\xc4\r\xcd\xaf\x8e\xb9\xe6\x9f\x0bb\x9c[R\x93?\x9b\x93\xfd\x97\xb7&gt;\xd54*\x84$\x84\xec\xdd\xbb\xb7E\x8b\x16\xea\x86 \xda/0\xa1EsR\x07@j\x8c*\xa5\xe3\xc6\x8d\xcb\xcb\xcb3\x18\x0c!\xc6R\x93\xadc^\xea\xc5\xdc\xbe\xd8j\xfd\xfc%\x18!\xce\xb9\xd9j\x99\xf4\xcaS\x8f\xfck\x92\x14\x82\x12\xbaw\xff\xd7\xd9_,x\xe8\x81?\xd4\xde\xb8\x18!\x04\xa5\x9a\xa6\x19\x82\xc1@a\xd1\xc9\xc2\xa2\x93\xdb\xbeZ\xa3\xfe\'M3\x10L\x84\x14\x95\xe7\xc3\xa8E\t\x8c\tB\x82\xb1P\xeb[\xee{\xe5\x85w\x02A\x7f\xad\x1e\xbeU\xb1?y\x87\xf7.[5\x8b\x10\x82\xb1\xe4\\\x0e|\xb6S\xab\x1b\x1b\xeb&lt;\xf5\xef\xe2i\x94\xfaK\xca\x9f\xee\xd1\xfe\xb3\xa5[\xb7\xec9\xa8nq\xfa\xf7\xef\xbff\xcd\x1ax\x08\x88\xbax\xb8\xc4\xc4.\xb5\xf7\x9b\x9f\x9f?n\xdc8B\x88J\x01\x8d\x89\xd8\xafj9\'#L\x08L0\xc6x\xc6\xdc\x89gJ\n5\xcdX+\xcf\xa0\x18\x0b!8g\x81\x80\x0f!\xa9i\x9a\xc1`4hFJ5\x8c1c\xa1`(\xa0fUR\xaa\xa9\xc90\x18a)\xa5\xda\x99\xe8\xfe\xe8\x9fF\r\xf9X\xd3\x0c\xbc\xd6G\xdbKJ\xe9\'\xb3\xdf\xf1x\xcb\xd5\xc8\x87XI\xfd\xab\x96J\x11\x81X\x9dn\xcb\xce\xce\xae\x18s\x04-\xa1Q\x15?\x1f\xb2X\xa4\xd6\x9aG\x8c\x18\xe1r\xb94JC\x8c\xc5T\xecW\xb5\xfc\x9c\x11&amp;\x04\xa7\x84\x16\x14\x9e\xc8Z\xfa\x91\xc3\xee\xac\xf1\xc1\xf1\x84\x10\xaf\xb7\xfc\xf1\x87\x9fy\xea\x89\x7f^sU\x13)%c,\x14\n\x86XP\xed\xf7\xfe\xfc\x9a\xa4\xe4\x9c\xa9\xc90\\pS\x92\xf9\xbe\xbb;O\x1c5\xaf\xff\xdfFJ$\x19\x0b\xd6\xf2\xde/\xb7\xdb\x9c;s6l\xfb*[\xf5\x1d\xc5P\xea_\xb5T\x8a\x08\xbcG\r\x0b\xc2\x18\x0f\x1d:T\xfd5a\x15:\x8a\xe0\xa7\x1f5j\xefw\xf3\xe6\xcd\xf7\xdf\x7f?FH"\xc9\xb9X1u\xe0\xc3\x1do\xf7\xb9\xe2\xaf\x00 \xce\xb99\xd51x\xcc\xacq\x9f\xadTk\xc1f\x93u\xca\xd8EW_\xd9$\x18\xf4\xd5\xec\xa5V5\x02\x99\x92,\xae\xf2\x92\xfc\x1f\xf7\xed;\xb0\'\xff\xc8\xf7\'\x0b\x8e\x96\x94\x15y&lt;n\xc6Cj\xa2\xba\xa6\x19,\x16{jJ\xbdk\xafj\xd6\xaa\xe5m7\xdfxW\xa3k\x9aK!\xbc&gt;7\xc6$\x02\x97`\x8c\xc9K\xff~"\xff\xc8&gt;U\xfe\xdb\xde\xd6\xe2\x8b\xf47\x98?\x107\x0f\x7faBJ\xcd\xa0\x9d**\xbd\xb9\xe7\x1b%.\xaf\xa6i\xa1Ph\xf4\xe8\xd1\xff\xfe\xf7\xbfaT@\x14A\x01\x88\x1a\xf5\xf0{\xff\xfd\xf7o\xde\xbcY-\x8c&gt;pW\xab\xb5\x9f\xfe\xdb\xef\xf6\xc5\xdc\xc9\xcf\x8b!\xa5\xa4\x9aV\xecr\xdf\xfc\xc4\x1b\xa7\x8b]\x84R\xc6\xd8\xfdm\xbb\x0e{\xfd\x83\xd2\xd2\xa2\x1a\xdf\tP\xbb\xeb\x9a\xa6%\x19M\x9af\x94R\x04\x82~\x9f\xcf\x13\x08\xfa\x83\xa1\x80\xe0\x9c\x10b4$%%\x99-f\xab\xd1h\xc2\x18\x07\x82\xfe@\xc0\x8f\x10\x8a\xc0\xf2\x0b\xe7\xcc\x99\\w\xf1\x8a\xcf&amp;\x7f0\x94R\x8a\x90D\x12e\x7f\xf0\xca\xfd\xf7\xdd\xec+\xf7\xc6P\xee\xd3\xc5S\xbb\xc1#&amp;e\x0e\x9b\xb6\xc4\xa0i\x9csgJ\xca\xf7\xdf\x7f_\xbf~}\x14\x91\x9f98\x1f\xfc\xd0\xa3CE=\xcf\x993g\xf3\xe6\xcdjrV,\xc6~U\xcby\x19a\x92\x10\xbaq\xdb\xf2\x1d;\xd7\xd9m\xce\x1a?\x16\x801\xa6\x94J)\xbc&gt;O\x99\xab\xb8\xdc]\x1a\n\x05\x8dFS\xb2#\xb5~\xdd+\xafhpm\xfdzW%\'\xd7I2\x9a\x82\xa1\xa0\xcb]ZV^\x12\x0c\x06\xd4\xb4\x80\x9a}%\xe7S\x13\x1fO\x9d&gt;\x91\x9e9\tcB0\xe6\\\xc4b\xea_\xb5T\x8e\x08\x0c1\xa6iZqq\xf1\x90!C\xe0L@\x14\xc5\xe7GM\xe7T\xf7\x9b\xcb\xe5\x1a&gt;|8\xc1\x18a$\x84\x88\xd1\xd8\xafj\xa9\x9c\x11&amp;\x04WG^ggMa\xb5\xb8\xd7\x8a\t!\x94RB(\xc6X\x08\xceX(\x14\n\x06C\x81P\xa8b\xe9\x1fcL\t\xa5\x84Fl\xd9]\x08n1\xdb\x16,\xfb\xb8\xa4\xb4\x88\x12\xc2\x85\x88\xd1\xd4\xbfj\xa9\x12\x11(\x84\xa0\x84\xce\x993g\xf7\xee\xdd08&gt;Z\xe2\xf6\xd3\xa6g\xaa\xf9g\xdc\xb8q\xf9\xf9\xf9T\xa3\x9c\xf1\xd8\x8d\xfd\xaa\x96*\x19aR\nJ\xe9\xde\xfd\xbbV\xae\x9d\xeb\xb0\xa7\xd6\xf8n\xf0\x05^\xc0\x85\xd4\xf6\x7f\xb4\n!\x84\xc5l\xfb!\xef\x9bE\xcb?#\x84 ,c:\xf5\xafZ*G\x042\xce)%\xc1`p\xc0\x80\x01\x9csx\x08\x88\n(\x00\x91\xa6\x1a\xff\xf3\xf2\xf2\xde}\xf7]J\x88\x142\xd6c\xbf\xaa\xe5\xdc\x8c0\xa1.\xc1\xe9\x99\x93N\x9d&gt;\x11\xf5\x99\x91\x11C\x08\xfd`\xc6(\xc6Bj\xf6d\xac\xa7\xfeUK\xe5\x88@\xc6\xb9\xa6i[\xb6l\x993g\x0e\xb4\x84FE\xfc\x7f\xe0\xf4F]\xe3T\x0f\x9c\x9a\xf9\x15\x1f\xb1_\xd5\x12\xce\x08S\xeb\x00%\xa5E\x0b\x96}l1[\xf563\xb2\xc6\t\xc1mV\xc7\xb6\x9d\xd9{r\xb7\x13B\xa4\x8c\x87\xd4\xbfj\xa9\x1a\x11\x88\x11\xc1x\xf8\xf0\xe1eee\xd0\x12\x1ayP\x00"Ju\xbcm\xda\xb4\xa9\xe2\x14\x8c\xe0R\xca8\x88\xfd\xaa\x96*\x19a\x08KB\xc8\xa2\xe5\x9f\x1d8\x94[{\x01A\xfa \t\xd1\xfc\x01\xef\xf4\xf4\xb7Q\xc5\xc47\x11\x1f\xa9\x7f\xd5R9"\x901N5-??\x7f\xf2\xe4\xc9\xeay(\xda\xaf.\xb1@\x01\x88\x1cu\xec+\x10\x08\x0c\x1a4\x08c\xacN~\xc6M\xecW\xb5T\xce\x08S\'\x83\x18\x0b\xcd\x9c7\x99\x10\x12\xafMP\x08!\xce\xb9\xcdj_\xbaj\xd6\x89\x93G\xd4\xc3_\xdc\xa4\xfeU\xcby\x11\x81\x82\x122i\xd2\xa4\xfc\xfc|\xd8\r\x8e0(\x00\x91\xa3\xf6~333srr\xd4\x8a\xa7\xd1\xa0\x8dx\xa1\x07J\xbcO\xbc\x1a}\x9cZ?e\xe8_\x1f\x95R")\t![\xbf\\\xb33g\x83\xdd\xe6\x8c\xcb\xdb@\xd5\xfaYXt2#k*\xc6\x98`,\x84\xf8C\xe7;\xef\xba\xfb\xc6\x80\xc7\x17\xaf\xad\x9f\xbf\x84P\x1a,\xf7\xfd\xa3\xf7\x03-\x1a5d\x8cSJ\xcb\xca\xcaF\x8c\x18\x01)\xa1\x11\x96X\x1f\xbb(R\xb7\xff%%%\x83\x07\x0f&amp;\x84\xa8\x89\x8f\x03\xff\xd8\xa9\xd5\x8d\x8d\xfd\x1e_\x1c\xb7~\xfe\x92pFX\xdb\xdbZ0\xce)!\x18\xe3O2\xc6\xfb\x03\xbe\x8a\x83Q\xf1E\x08n\xb1\xd8\xd23\'\xbb=.J\x08\xe3&lt;Z\xa9\x7fRJ!$\xe7B\xfd\xba\xc8\x8195KE\x04&amp;\x99\x8d\x93^y\n!\xa4\x02\x82222\xb6l\xd9\xa2iZ\\\xde\x01\xe8S\xc2]w\xa2E\xdd\xfe\xa7\xa5\xa5\x15\x14\x14PB\x18\xe3Q\x8f\xfd\x92R\xaa\xaf\x7f\xc5\xaf\x88_\x05*e\x84\x11!\x05!\xe4\xd0\xe1\xef\x97\xacL\xb7Y\x1dqv\tP\xa9\x9f{r\xb7\xaf^?_\xbd\xdd\x91O\xfd\x93\x121.\x84\x90\x06M3YMf\x87\xd5\x9cl5;\xac&amp;\xab\xd9\xa0i\xaa$D\xf2\x13pND \x17\x98\x10\xce\xf9\x80\x01\x03\x02\x81\x00\xec\x06G\x0c\xfc\xa0#A\r\x17&lt;x\xf0\xe0M7\xdd$\x85\xc0\x043\xc6?\x1e\xf6\xe7\xe7\xfat\xf2\x96\xb8\xb4h\xac\xfes.\x92\x92\x0c$\xc9\x80\xc2\xdfz.\x82\xc1\xd0\xaf\xfeK\xb5\xf12\xb89\xc5\xf1\xcc\xcbSg\xad\xd8n\xd04\xc6\x85\xd5b\xfbt\xea:\xbb\xcd\xa9\xd2:#\xfczj\x89\x10\xc2fs\xf4\x1f\xfc\xc4\xde\xfd_k\x9a\xc69k~m\xc3o\x16\x8e\xa6\x12I$j5qZ\xe1\\h\x1a5\xd8\xcc(\xc4O\x15\x16\x1f\xfd\xe9\xcc\xe9b\x977\x102\x1b\r\xf5R\xed\x8d\xaf\xaaW\xbf~\n\xa2$\xe4\xf61!"\xb6\x1e%\x840\x9aM\xfb\xf3\x8e\xb7\xee=\x8cUl\x05\xb1\x193f&lt;\xfb\xec\xb3\x10\x10\x14\x19P\x00"A}\x9a;w\xee\x9c\x9d\x9d\xadb\x7f\xa2\x1b\xfb\xc5\x18\xb7$\xdb~*83x\xe2\xbc\xe3\xa7\xcePB\x18\x17w\xff\xae\xe9\xe8\x81\x7f\x08F\xf6%U\xc9\x08Sk#\x8ft\xea\xf3\xea\x8b\xef\x94\xb9\x8akiT@\x84q\xce\x1c\x8e\x94\xd5\xeb\xb3\xc6\xbd\xf72!\x14#\xc9EDS\xff8\x17f\x87\xd5\xed\xf2,\xc8\xde9\x7f\xcd\xce]\xfb\x8e\x9c.)\xaf\xfc\x0f\xd4Ou\xdcuS\x93\xa7\x1e\xba\xbb\xc7\x03\xb7\'YL\xbero\xc4N$T\x8e\x084\x184\xceE\xfd\xfa\xf5\xbf\xff\xfe{\xa7\xd3\x19\x95cz\x89\x06\n@\xadSW\xff\xec\xec\xec\xce\x9d;W\xdc\xd4H\x19\xad\xd8/)\xa5\x90\xd2\x9cb\xdf\xb2c\xef\x9f\x87~\x94\x7f\xa20\xfc?\xdd\x7f\xc7\r\xeb\xd3\x87F\xfe%U\xce\x08\xd3(\x15RbL\xde\x1f\xbf\xacI\xa3\xeb}~o\xec\xef\x8eHu\x00\xf9o\x03\xba\x9c,8j\xd0\xb4\x10c\x91L\xfd\x13B\x98\x92m+\xd7\xefz}\xd2\xbc\xbd\x87\xfe\xa7~\x13c\xa46]\xa4D\xbc\xd2\x1e@\x9b\x1b\xae{\xf7\x95\xa7:\xdc\xfb;_\xa4N\xa5U\x89\x08\xa4\x9a\x16\n\x85\x86\x0e\x1d:j\xd4(x\x08\x88\x80X\xffv\xe9\x9d\xda\xfbe\x8c\xf5\xef\xdf\x1fW\xb4~\xf3h\xc5~q.\x08%f\x87u\xea\xa7+\x1exnl\xfe\x89B\x8d\x12J\x88\xd1\xa0QB\xac\x96\xa4\xa8\xec\xbcV\xce\x08c\x9c\x13B8g\x1f\xcc\x18U\x1b\xd3"#\x8fs\xee\xb0\xa7d.\x9av\xb2\xe0\xa8:\xf9\x11\xc9\xd4?.\x84\xc9a\x1d\xff\xe1\xd2G^\x98\xb8\xf7\xd0\xff(%\x1a%\x06\x8d\xaa\xfd\x80\x10\xe3\x8cs)\xa5A\xa3\x1a\xa5\x94\x92\x9c\xfd?v\xfc\xeb\xd8\xf7g\xad6;m\x9cG\xa2\x1b\xe7\xbc\x88@A\t\x19?~|^^\x1e!\x04:\x82j\x1b\x14\x80\xda\xa5\xf6~?\xfc\xf0\xc3\x03\x07\x0ePMc\x9cG+\xf6\x8b1n\xb6\x9a\xfc\x8c?\xfb\xda\xfb\xfd\xc7\xce\x0e2N)a\\pQ\xf1KDt\x0b\xf0gU2\xc2\xa4\x14\x84\x90=\xb9\xdb\xb7\xed\xcc\xb6\xd9\x1c&lt;\x96\xcf\x06K)\x93\x8c\xe6\xe3\'\x0f/Y9S-g\x08!#\x96\xfa\xc7\xb90\'\xdb\xfe;s\xf5k\x93\xe6QB\x08\xc1BHu\xddG\x08]Y\xcfy}\xe3+\x1a]YW\xd3h\xb8\x12PB\x10F/\x8c\x9e9=#;b5\xa0rD\xa0\xba\xeb\x0f\x06\x83C\x87\x0e\x85\xad\xe0\x08\x80\x02P\x8b\xd4\xdeoAAAZZ\x9aZ\xcf\x8cJ\xec\x97\x94\x92qaIu|w\xf0x\xbbgF\xcd\xfc|\x1b\xa5D\x1dC\x8d\xcc\x0b\xf8M\x953\xc28W\x9b\x90xz\xfa\xdb&gt;\x9f\x87\x92\x18n\t\x15\x82\x9b\xcd\x96Og\xbfS\xee.UG\x9c"\x96\xfa\xc7\x85L\xb2\x9av\x7f\x937p\xfc\x1cJ\x88\x90\xea\xb8\x854\x1a\xb4\x81Ow\xd99\xf7\xad\xbd\x0b\xdf\xde\x9d9&lt;w\xc1\xa8\xdc\x05\xa3F\xff\xab\xa7\xd3f\x16B\xfd#\x88\x12\xfc\xc2\x98Y_}\xfd\x83\xc9f\xe6\xb5\x7f\x0f^%"\x90\x0bA)\xcd\xca\xca\xca\xce\xce\x86\x80\xa0\xda\x06\x05\xa0\x16\xa9\xd8\xe7!C\x86\x94\x94\x94\x184\x8d1\x16\xf9\xd8/U\x84,)\xb6\x8cE\x9b\xee{f\</t>
        </is>
      </c>
    </row>
    <row r="187">
      <c r="A187" s="1" t="n">
        <v>185</v>
      </c>
      <c r="B187" t="inlineStr">
        <is>
          <t>color_number_hexagon</t>
        </is>
      </c>
      <c r="C187" t="inlineStr">
        <is>
          <t>What is the missing number of the part denoted with a question mark?</t>
        </is>
      </c>
      <c r="D187" t="inlineStr">
        <is>
          <t>['1', '3', '7', '8']</t>
        </is>
      </c>
      <c r="E187" t="inlineStr">
        <is>
          <t>7</t>
        </is>
      </c>
      <c r="F187" t="inlineStr">
        <is>
          <t>There is a hexagon split into six parts with the colors ['red', 'red', 'green', 'orange', 'orange', 'green'] in an anti-clockwise order. The parts are denoted with the numbers [4, 5, 7, 2, '?', 2] respectively.</t>
        </is>
      </c>
      <c r="G187" t="inlineStr">
        <is>
          <t>We observe that the numbers in the green parts add up to 9. Similarly, the numbers in the orange parts also add up to 9. Thus, the pattern is that the numbers in the parts of the same color add up to 9.</t>
        </is>
      </c>
      <c r="H187" t="inlineStr">
        <is>
          <t>Based on the pattern that the numbers in the parts of the same color add up to 9, the missing number of the orange part should be 7.</t>
        </is>
      </c>
      <c r="I187" t="inlineStr">
        <is>
          <t>b'\x89PNG\r\n\x1a\n\x00\x00\x00\rIHDR\x00\x00\x02\x00\x00\x00\x02\x00\x08\x02\x00\x00\x00{\x1aC\xad\x00\x00\x9clIDATx\x9c\xec\x9dwxT\xc5\xfe\xc6\xa7m/)\xb4\x88(\xd2;B\x00\xb1\xd0$4A\t-\x18\x90\xa6\x82\xd8\r\xa0\x08B\xa4\x0b(M\xbd\x16,W\x8a@$t\x05!\x80\xd2\xec\x12\x10\x01\x81PD\x8a!\x90l\xb2\xbd\x9c\x99\xf9\xfd1\xc9\xca\x8f\xab\x18Jv\xcff\xe7\xf3\xecs\x1f\xe5\n\x9c\xec9g\xbe3\xf3}\xe7}!\xe7\x1cH$\x12\x89$\xfa@\xe1\xbe\x00\x89D"\x91\x84\x07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Y\x00$\x12\x89$J\x91\x05@"\x91H\xa2\x14\x12\xee\x0b\x90\x84\x13\xce9\xe7&lt;\xdcW!\t\x1b\x10B\x08a\xb8\xafB\x126\xa0|\xff\xa3\x16EQ\x08\x913\x80hGQ\x14\x8c\xb1,\x03\xd1\x89,\x00Q\nc\x0c!t\xe4\xc8\x91\xa7\x9f~\x1a!\xc4\x18\x0b\xf7\x15IB\n!DQ\x94\xe1\xc3\x87\x0f\x1c80\xdc\xd7"\t\x1br\x02\x18u\x88\x92\xef\xf1x\xe6\xce\x9d\x1b\x1b\x1b\xfb\xf5\xd7_\x87\xfb\x8a$a\xa3a\xc3\x86\xe7\xce\x9d\xeb\xd6\xad[\xe3\xc6\x8d9\xe7\x08\xc9\xa6`t!W\x00Q\x07\xa5\x14c\xbcx\xf1\xe2a\xc3\x86A\x081\xc6\xc1g\x00!\x04\xe4\xf3P\xae\x81\x102\xc6\x82\xf7\x18c\xec\xf7\xfb\x07\x0f\x1e\xbcd\xc9\x12\xb9%\x18\x85\xc8\x02\x10]\x88\xaeoQQQ\xc3\x86\r/]\xba\xc4\x18\x93\x9b?Q\x8eV\xab\xa5\x94~\xfd\xf5\xd7m\xdb\xb6\x15\x93\x83p_\x91$t\xc8\x82\x1f]0\xc60\xc6\xe9\xe9\xe9\xb9\xb9\xb9\x18c\xc0\xb9\xd0\x810\xc6\x06\xdc{\xef\xa3\x1d:\x14\xb9\xddX\xee\x03\x94S\x18c&amp;\xbd\xfe\xe7\x93\'\xa7\xacZ\xc58\xe7\x80C\x88\x14Ea\x8c\xa5\xa5\xa5}\xfb\xed\xb7\x1a\x8d\x86s.\x1b\xc2\xd1\x83\\\x01D\x11\x8c1\x08\xe1\xb1c\xc7\x1a7n\xcc\x18\x0bj@\x11\x84\x8c\xf3[\xe2\xe2\x0e\xcc\x9e\x1dk4\xfa\x15\x05\xc9!\xa0&lt;B97\x19\x8d]\xa7O\xcf:p\x00#D\x19\x03\x00@\x08\x10\xc2\x94\xd2E\x8b\x16\r\x1d:T.\x02\xa2\nY\x00\xa2\x08\xf1nw\xed\xda5++KCH@Q\x9a\xdfq\xc7E\xbb\xfd\\A\x01\xc6X\xa1th\xbbv\xef?\xfex\xbe\xd3)\x17\x01\xe5\x0f\xcaX\xbc\xd9\xbcd\xf7\xee\'?\xfa\x08#D9\xd3hH\xe3\x96\r\xf6}\xfb\xab\xe8\xfdV\xae\\\xf9\xd0\xa1C\xb1\xb1\xb1\xf2p@\xf4 \x0b@\xb4 F\xff\xac\xac\xac\xae]\xbb\x8a)\x1eg\xec\xeb\x89\x13\xf7\x1c;6\xe1\xb3\xcf\x08\xc6B\x18\xba{\xd2\xa4\xc6\xb7\xdd\xe6\xf2z\xa5 \xa4&lt;\xc1K\xf6\xfaZO\x9cx2/Oh@\xefj\xdf|\xe2\xdbc\x06wx\xdans\x10B\x02\x81\xc0\x84\t\x13\xa6O\x9f.\x17\x01\xd1\x83|\xc9\xa3\x02\xf1\xfe+\x8a\xf2\xfc\xf3\xcfC\x000B\x94\xd2&gt;w\xddu_\xfd\xfa\x8fw\xe8P\xb3re\x85R\x8c\x90B\xe9\xf8\x8c\x0c\x0c!\x90\x13\xc0\xf2\x85\x98\xfe\xcf\xdd\xb8\xf1d^\x9e(\xf6\x98\xe0G_|\xe4\x96\xdb\xab\x0c\x1b\x95\xca9g\x9c!\x8c\xdex\xe3\x8d\x9c\x9c\x1cy.$z\x90\x05 *\x10\xb3\xfb\x85\x0b\x17\x1e=z\x14\x13\xa2Pj5\x18\xc6\xf5\xeciw\xbbcL\xa6\xf1\xbdz\x01\x00\x18\xe7\x18\xa1\x1d\x87\x0f\x7f\xbeo_\x8c\xd1H\xe5\x10P^\xe0\x9c\x1b\xb4\xda\x9c\xdc\xdc\x85\xdb\xb6\x89\xbd\x1d\xc6\xd8\x03\xfd\x93\x1a&amp;\xd6\xcb=\x9b\xf7@\xffN\xb5\x1b\xd5`\x94\tI\xe8\x84\t\x13 \x94\x1b\x03\xd1\x82,\x00\xe5\x1f\xd1\xfb\xcd\xcd\xcdMOO\x17\x9b\xbb\x8c\xb1\'\x92\x92\x12k\xd4\xf0\x04\x02En\xf7\xe06m\xee\xa9[\x972&amp;\xb6}&amp;dd8\xbd\xde\xcb\xcf\x07H"\x1a\xca\x98Y\xaf\x9f\xbcj\x95\xcd\xe5"\x18Q\xce\xccV\xd3\xb0Q\x03\xbcn/\xe7\xdc`\xd2\x0f\x1f;\x98s.j@fffVV\x16\xc6\x98R\x1a\xee\x0b\x97\x949\xb2\x00\x94\x7f\xc4\t\xcf\xf1\xe3\xc7\xdbl6\r!\x8a\xa2T\xafX\xf1\x85n\xdd\n\x9cN\x82\x10\xe7\\\xa1tZJ\n\xc1\x98RJ0&gt;~\xe1\xc2\xbc\x8d\x1b\xe3M&amp;\xb9\x08(\x07P\xc6\xe2L\xa6M\xfb\xf7g~\xff=F\x88q\xc0\x19\x1f\xf4\\J\xe5\xaa\x15\xfd^?!\xc4Q\xe8l}\x7f\x8b6][SJ\x11B\x10\xc2\xe7\x9f\x7f^Q\x14\xb9\x0e\x88\x06d\x01(\xe7\x88\xcd\x9f\xbd{\xf7\xaeX\xb1\x02c,N\x81\xa6\xf7\xe9S%6\xd6\xaf(\x10B\x8c\x90\xdd\xeb\xed\xd0\xa0\xc1\x90\xb6m\x19\xe7\x00\x00\x08\xe1\xfb\xdb\xb6\xe5\xe4\xe6\x1a\xb4Z9\x04D:\x10\xc2\x00\xa5\xb3\xd6\xafg\x9c\x8b\xcd\xfd\xda\x8dj\xf4\x1e\xd6\xc3iw\x15wz!\xa0\x94\x0e\x1f;\xd8d1\x8a\xf6\xef\xd1\xa3G\x17.\\(;\x01\xd1\x80,\x00\xe5\x1c\xd1\xfe\x1d3f\x8c\xcf\xe7\x13m\xde{\xea\xd6}\xa4M\x9b|\x87\x83\x94(=0\x84v\xafwb\xef\xde\xb1F#e\x8c ds\xb9&amp;\xafZe5\x18\xe4" \xa2Q(\xadh\xb1,\xde\xb5\xeb\xbb\x9c\x1c\x82\x11e\x8cs&gt;|\xec`\xbdAG)\x05\x10\x00\x00\x10Bn\x87\xbbN\xe3\x9a\xc9C\x1e`\x8c\x01\x08 \x84\xe9\xe9\xe96\x9b\r!$g\x00\xe5\x1bY\x00\xca3bB\x97\x99\x99\xb9s\xe7NB\x88B\xa9\x96\x90i))\x94\xd2\xcbU&gt;\x10B\xaf\xdf_-&gt;~l\xcf\x9e\xe2t\x18Bh\xedO?}}\xf8\xb0\xd5`\x90\xd3\xc0\x08\x85s\xae%\xe4\xbc\xcd6o\xe3F\x08!\x80\x881\xd6\xa6\xdb\xdd\xad\xefo\xe1(t^.\xf4\xc4\x04\xdb\x0b\x1d\xfdG\xf4\xaaz{\x15\xaaPB\x88\xcdf\x13\x1d#y\xf7\xcb7\xb2\x00\x94[\xc4\xdcM\xe8:\x808\xee\xcbX\xefV\xad\xeeo\xd8\xd0\xee\xf1\\!\xf3\'\x18\x17y&lt;#\x93\x92jW\xa9\xa20\x86\x11\xf2+Jzf&amp;\xc6X\xce\x00#\x14\x85\xb1x\xb3\xf9\xad\xcd\x9bO]\xbc\x88\x11b\x8ci4d\xd8\xa8T1\xcd\xbf\x1c\x08\xa1\xe2W*V\x89O}\xaao\xb1$\xb4D3&amp;7\x82\xca7\xb2\x00\x94[\x84\xed\xcf\x9c9srrr4\x1aM@Q\xe2L\xa6\xc9\xfd\xfa\xd9=\x9e\xbf=\xe8\xabPj\xd4jg\xa4\xa6\x16\xff^\x84\xbe;vl\xd9\x9e=\x15,\x16E\nB"\r\xc6\x98E\xaf\xdf\x7f\xfa\xf4\x07\xdb\xb7#\x84\x00\x04\x8c\xb1&gt;\x8f=X\xafIm\xb7\xc3\xfd\xbf\xa7\xfc0\xc1\x85\x05E\xdd\x1f\xee\xd4\xb8e\x03\xaaPLp\xf1\xa9\x11\xd9\n.\xd7\xc8\x02P&gt;\x11\xbd\xdf\x13\'N\xcc\x9e=[\x98&lt;s\xce\x9f\xec\xd4\xa9NB\x82\xc7\xef\xff\xdb\x83\xfe\x18\xa1"\x8f\xe7\xa1\xc4\xc4\x0e\r\x1bR\xc6\x10\x84\x10\x80ik\xd6\\(,\xd4\x12"G\x81\xc8\x82\x03@0\x9e\x94\x99i\xf7x\x10\x82\x94\xb2\xb8\x8a\xb1)\xc3\x93\xdd.\x0f\xc2\xff\xf0\xd6s@4x\xc8\x0b\xfd\x11B\x8cRLpVVVff\xa6\x94\x84\x96cd\x01(\x9f\x88\xde\xef\xd4\xa9S\xedv;\xc18\xa0(\xb5\xabT\x19\xdd\xa3G\x81\xcbu5\x9f\x1f\xce)c3SS\xb5\x84P\xc60\xc6\xa7/]zs\xf3\xe6x\xb3Y\x91\xfb\x00\x91\x83\x90~n9p\xe0\xf3\xecl\x8c\x10\xe7\x80s&gt;l\xf4\x80*\xb7V\xf2{\xff\xbe\xfc\x03\x00\x10F\x8eB\xe7=I\xad\xee\xef\xd9\x86R&amp;$\xa1\x13&amp;L\xf0\xfb\xfdr\x1dP^\x91\x05\xa0\x1c"z\xbf\xbbv\xedZ\xb6l\x19)\x99\xbe\xcdHM5\xeb\xf5\x94\xd2\xab\xf8|!\x84\x1c\x1eO\xcb\x9a5\x9f\xee\xdcYHB\x11B\x1fl\xdf\x9e\xfd\xfb\xeff\xbd\x9e\xc9! B\xc0\x089\xbd\xde\xc9\xabVA\x00 B\x94\xd2\xc6-\x1b\xf4\x18\xd0\xd9ns`r5\x93\x1f\x84\x91\xc7\xed\x19&gt;v\xb0%\xd6\xac\x04\x14BHNN\xce\x9c9sd\'\xa0\xbc"\x0b@\xf9\x84R\x9a\x9e\x9e.\x8e\xf6P\xc6:4l\xf8P\xf3\xe6\xa5\xf1\xfa\xc7\x089\xbc\xde\xe7\xbau\xabl\xb52\xc60\x84v\x8fg\xf6\x86\rF\xadV\x0e\x01\x11\x81Bi\x9c\xc9\xb4\xec\x9bo~9}\x1aa$:\xba\x83_\xe8O\xc8\xbf\x1f\xed\x86\x10\xfa&lt;\xfe\xdbjV\xed=\xb4;\x17\x81\x01\x08\xce\x9d;777W*\x82\xca%\xb2\x00\x947\x14E\xc1\x18/_\xbe|\xd7\xae]\xe2\xdc/\xc1xfj*\xe5\xbc4q\x8fB\x12z{\x85\n\x13z\xf7f\x9c\x0b\x83\xa05?\xfe\xb8i\xff\xfe8y6X\xf5p\xce\xf5Z\xed\x1f\xf9\xf93\xd6\xaeE\x10B\x88\x18e\x1d\x1e\xbc\xef\xdeNw9\n\x9d\xff\xb8\xfb\x7f\x19\x18c\xbb\xcd1\xe0\xa9\xbe\xb7VO\x10\x8b\x80\x82\x82\x82\xf1\xe3\xc7\xcb3\x01\xe5\x12Y\x00\xca\x15B\xc2o\xb7\xdb\xa7L\x99"B]\x18\xe7C\xda\xb6mQ\xa3\x86\xa3\xd4\x0e\xcf\x04c\x9b\xcb\xf5\xc8}\xf7\xddY\xbd\xbah&amp;S\xc6f\xad_\xaf0&amp;m\xe2U\x0ee\xcc\xa2\xd7\xbf\xbdys\x9e\xdd.\xf6mL\x16\xe3\xa0\xe7\xfb{=\xa5\xf6\xf7\x86\x80*\xd4h6\x0eI{\x18\x94h\xc9\x96/_\x9e\x9d\x9d-N\x92\x97\xed\x0f \t-\xb2\x00\x94+\xc4x={\xf6\xec\x13\'N\x88\x8c\x97X\xa3qb\xef\xdeN\x9f\x0f_\xcb\xd8]l\x1f\xd6\xaf\x1f\x0fJBsr&gt;\xd9\xb9\xb3\x82\xd9,%\xa1\xaa\x851f1\x18~&gt;y\xf2\xdd\xad[\x11\x84B\xfa\x99&lt;\xe4\x81\xfaMjy\x9c\x1e\x88J\xfb\x00`\x82\x1dE\x8e\xae\xfd\x92\x9a\xb4j@\x15\x8a0\xf2\xfb\xfdiii\x94R\xb9\x08(g\xc8\x02P~\x10\x935\xd1\xb5\xc3\x08\x893\xbdc{\xf6\xac\x16\x1f\xef\xfd\x07\xe9\xe7?\x81\x11\xb2\xb9\\]\x9b6}(1\xb1X\x12\n\xe1\xf45k\xfe\xc8\xcf\xd7K\x83 \xd5\x02!Fh|F\x86_Q\x10\xc6\x94\xb2\x84\xdb*\xf7\x1f\xd1\xab\xa8\xf0_z\xbf\x7f\x0b\xa5t\xc4\xb8!\x98`q6x\xf7\xee\xdd\xcb\x97/\x97\x92\xd0r\x86,\x00\xe5\x071.\x0b\xdd\x1e\xc6\x982vg\xf5\xeaOv\xeaT\xe8v\x93k\x0fx\x82\x00(\x94NII\xb1\x1a\x0c\x94s\x8cP\x9e\xdd\xfe\xf6\xe6\xcd\x16\xbd^v\x02T\x08e,\xc6`\xf8&lt;;{\xc7\xe1\xc3\xc1\xf2\xff\xe8\xe8\x81\x15*\xc7)~\xe5Z\xf7\xee\x84AP\xf3{\x9b&gt;\xd0?\xa9\xd8 \x08\xc1)S\xa6\x14\x15\x15IIhyB\x16\x80r\x82\x90~\xee\xdc\xb93xr\x87s&gt;\xb9_?\xa3V{}S6\x84\x90\xc3\xebmV\xbd\xfa\x13IIb\xe7\x17A\xf8\xee\xd6\xad\xd9\xa7NY\xa4A\x90\xfa \x18\xbb\xfd\xfe\t\x19\x19\xa0D\xfa\xd9\xa4U\x83\xae\xfd:\x16\x15\xd8\xafc\xfa\x0f\x00@\x18\xb9\x9d\xeea\xa3\x06\x98\xad&amp;\xaaP\x82\xc9\x89\x13\'\x16,X\x80\x10\x92\x8b\x80r\x83,\x00\xe5\x01q\xec\xcb\xe7\xf3\x8d\x193\x06B(\xda\xb6=[\xb4\xe8\xda\xb4\xa9\xcd\xe5\xba\xee|W\x82P\x81\xd3\xf9|\xb7n5*U\xa2%\x06A3\xd6\xad\xc3\x08\xc9\x19\xa0\xaaP(\x8d1\x18\x16n\xdf~\xfc\xc2\x05\x8c\x11cL\xa3%#\xc6\r\tZ~^\x07\x10B\xbf\xd7_\xb9j\xc5A\xcf\xa7\x043#\xe7\xcf\x9f/\xdaKr\x06P&gt;\x90\x05\xa0&lt; z\xbf\x19\x19\x19{\xf7\xee\x15\xd3\x7f-!\x13z\xf5\xa2\x8c\xdd\x88j\x07B\xe8W\x94\xaaqq\xa3{\xf4\xe0%\x92\xd0\r{\xf7n9p \xced\x92\xd3@\x95 \xa4\x9fg\x0b\n^\xdf\xb0\x01\n\xe9\'c\xed\xbb\xdf\x9bx_\xd3\xbf\xb5\xfd)=\x18c\xa7\xc3\xd5kp\xf7j5\xaaR\x85b\x8c\x8b\x8a\x8a\xa6N\x9d*\xcf\x04\x94\x1bd\x01\x88x\xc4\xf4\xdff\xb3\x8d\x1b7\x0e!$\x12\x1f\x9f\xee\xdc9\xb1F\r\xc7\xff\xb8~^+\x04\xe3K\x0e\xc7\xd0v\xed\xee\xa9SGdFB\x00&amp;\xafZ\xe5\xf6\xfb\xaf{a!\xb9\xb9P\xce\xadz\xfd\xf4\xb5k\x0b\xddn\x8c\x10\xa5\xd4\x12k~|\xec \x97\xc3]\x1a\xe1\xff\xd5\x80\x80)Lo\xd4\x8d\x9c0\x14\x88mF\x82\x97-[\xb6{\xf7nB\x88\x9c\x01\x94\x03d\x01\x88x\xc4\xf4?===77WD\xbeT\xb6Z\x9f\xeb\xd6\xcd\xe1\xf5\xfe\xeb\xb9\xdf\xd2\xc09\xd7`&lt;.9Y\x18J#\x84~9}\xfa\xfdm\xdbb\x8dF)\t\r;\x8c1\xab^\xbf\xe3\xb7\xdf\x96\xec\xde\x8d\x10\xe4\x00p\xce{\x0f\xed~[\xcd[\xafb\xfbSz\x10FN\xbb\xabM\x97\xd6\x89\xf75e\x94!\x88(\xa5iii&gt;\x9fOv\x83\xcb\x01\xb2\x00D6bD\x16\x19~A\xed\xc7\xc4&gt;}n\xafP\xe1Z\xa5\x9f\xff\x84\x90\x84vo\xd6,\xe5\xee\xbb\x85$\x14A\xf8\xfa\x86\rg\x0b\n\xa4$4\xecp\x08\t\xc6\xe9\x99\x99\n\xa5\x18a\xcah\xb5\x1aU\x07&lt;\xd5\xd7ns\xdc\xc4%\x1a\xa3\xec\xa9\x89\x8fj4\x84RJ\x08\xc9\xce\xce\xce\xc8\xc8\x90\x06A\xe5\x00Y\x00"\x1b\xb1\xff#R\xbc\xc5\xc9\xaf{\xea\xd4y\xb4}\xfb|\xa7\xf3:\xa4\x9f\xffD\xb1\xb9X\xbf~q&amp;\x93\xc2\x18B\xa8\xd0\xed\x9e\xbev\xadY\xa7\xa3\xe5\xa5\x00\xf0\xffO\xb8/\xa7T(\x94\xc6\x9bLK\xf7\xec\xf9\xee\xd81\x8c\x10e\x0cp0r\xc2P\x83\xc9@\xe9\x95\xa9/\xd7\rB\xc8\xed\xf4\xd4oV\xa7\xcfc\x0f\nI(Bh\xdc\xb8q\x05\x05\x05r\x11\x10\xe9\xc8\x02\x10\xc1\x08\xe9gVVVVV\x96\x10\xfec\x84\xc6%\'\x93\x9bm\xdb\x02!\xf4\xf8\xfdu\x12\x12Fv\xea$\xfed\x04\xe1\x92\xdd\xbb\xf7\x9e:e\xd1\xeb\xcb\xc14\x90sN0\xd6\x10\x12\xfc\xa8\xdf\xf4B\\\xb3\xdd\xe3\x99\xb9n\x1d\x00\x00"\xc4\x18K\xbc\xafi\x9b.\xad\x9dv\'\xbe\xc1\xdd\xff\xff\x0f\xc2\xc8\xed\xf4\xa4\x0cO\x8e\xab\x18+\xba\xc1\xb9\xb9\xb9\xf3\xe6\xcd\x93\x8b\x80HG\x16\x80HE\xcc\xfd\x8bc\x9b\x00\x10\xdd\xbf&gt;w\xdd\xd5\xbdY3\xdb\xd5M\xff\xaf\x0b\x8cP\x81\xd39\xa6G\x8f\x9a\x95++\x94\x8af\xc3\xf8\x8c\x0c\x0c!P\xfdXyu\x18\xe7ZB\x9c^o\xbe\xc3\x11\xfc\x04\x94k&gt;&lt;\x15b(c\xf1f\xf3\xdc\x8d\x1bO\xe6\xe5\x11\x8c\x19c\x98\xe0\'\'&gt;\xca\xe8\xcd\x1f\x91\x85$\xb4J\xb5J\xc3F\xa7\x06%\xa1o\xbc\xf1FNN\x8e\xac\x01\x11\x8d,\x00\x91\x8a\xd8\xfd\x17\xc1\xad\x98\x10\x85R\xab\xc1\xf0r\xcf\x9en\xbf\xff\x06\x95?\x7f\x0b\x84P\xfc\x15\xe3{\xf5\x02\x00\x08I\xe8\x8e\xc3\x87?\xdf\xb7/\xc6h\x8c\xdc\xb3\xc1\x8cs\xa3V{2/\xaf\xcd\xe4\xc9\xad&amp;Nl5q\xe2]\xe9\xe9-\'L\xd8s\xf4\xa8I\xa7S\xed\xcf\xc597h\xb59\xb9\xb9\x0b\xb7m\x13\x85\x8a1\xf6@\xff\xa4\xfaMk\xbb\x9d7*\xfd\xfa[0\xc1\x8eBg\x97\xbe\x1dk7\xaa\xc1(\xc3\x18\x8b\xb8i\xb9\x0b\x14\xd1\xc8\x02\x10\x910\xc6 \x84\xb9\xb9\xb9\xe9\xe9\xe9\x10B!\xfd|"))\xf1\x8e;\x9c^/*\x9b\xa9+\xc1\xb8\xc0\xe5\x1a\xdc\xa6\xcd=u\xeb\nI(\x00`BF\x86\xd3\xeb\xc5\xf8\xdf\xbd\xe6\xd5\x89\xf8\xa6\x9e_\xb4\xe8L~~\xa1\xcbU\xe8r\xd9\x9c\xce"\xb7[\xe5+\x80b\xb7\xbeU\xabl.\x17\xc1\x88rf\xb6\x9a\x86\x8d\x1a\xe0q{oT\xfay\x95\xbf\x94R\xa3I?|\xec`\xce\xb9\xa8\x01\x99\x99\x99\xc5\xdb\x8fR\x0f\x16\x99\xc8\x02\x10\x91\x08\xdb\xe7\xf1\xe3\xc7\xdbl6a\xfa_\xbdb\xc5\x17\xbau+p:I\x19\xcc\xfe\x82@\xce\x15J\xa7\xa5\xa4\x88\xa01\x82\xf1\xf1\x0b\x17\xe6m\xdc\x18\x1f\x99Q\x01\n\xa5\xf1f\xf3\xec\xcf?\xff\xe6\xd81\x821\x84\x10B\x88K\xfe!\xdcW\xf7\x8f\x88\xc4\xc7M\xfb\xf7g~\xff=F\x88q\xc0\x19\x1f\xf4\\J\xe5\xaa\x15o\x8a\xf4\xf3\x9f\xc0\x18;\n\x9d\xad\xefo\xd1\xa6kk\x915\x14\x14 \xc8u@\x84"\x0b@\xe4!6\x7f\xf6\xee\xdd\xbbb\xc5\nq(\x9f\x03\x90\xde\xa7O\x95\xd8X\x7f\x19\xcf[\x11Bv\xaf\xb7C\x83\x06C\xda\xb6\x15\t\x91\x10\xc2\xf7\xb7m\xcb\xc9\xcd5D\x9a$\x942\x16c4\xee\xfc\xed\xb7\xd77l\xc0\x081\xc6"E\x05\x04!\x0cP:k\xfdz\xc6\xb9\xd8\x82\xaf\xdd\xa8F\xefa=\x9c\xf6\xeb\xb7\xfd(\xf5\xdf\r(\xa5\xc3\xc7\x0e6Y\x8cB\x83 $\xc8\xb2\x13\x10\xa1\xc8\x02\x10y\x88\xf6\xef\x981c|&gt;\x9fh\xc6\xdeS\xb7\xee#m\xda\xe4;\x1c7Q\xfa\xf9O`\x08\xed^\xef\xc4\xde\xbdc\x8dF\xca\x18A\xc8\xe6rM^\xb5\xcaj0D\xd0"@Hh\x9c&gt;\xdf\xb3\x9f|\x12\xa0\x14\x00\x10)\x89\xc7\n\xa5\x15-\x96\xc5\xbbv}\x97\x93C0\xa2\x8cq\xce\x87\x8f\x1d\xac7\xe8n\xc4\xf9\xa7\x94\x08\x97\xd0:\x8dk&amp;\x0fy\xa0\xd8%\x14\xc2\xf4\xf4t\x9b\xcd&amp;#\xc3"\x11Y\x00"\x0c1\xed\xca\xcc\xcc\xdc\xb9s\'!D\xa1TK\xc8\xb4\x94\x14Jih\xf6,Dfd\xb5\xf8\xf8\xb1={\x8a\xc92Bh\xedO?}}\xf8\xb05r\\B)\xe7\xb1F\xe3\xc4\xcf&gt;;r\xfe\xbcP\xd0W\xafTI\xfc_\xea\xdd\xfa\x01\x80s\xae%\xe4\xbc\xcd6o\xe3F\x08!\x80\x881\xd6\xa6\xdb\xdd\xad\xefo\xe1(t\x86\xc6\x9c\x03\x13l/t\xf4\x1f\xd1\xab\xea\xedUDT\x80\xcdf\x13\xbd\xa8H\xb9\xfb\x92 \xb2\x00D\x12b\x86%\xd4\x17\x00\x00\xe1\xcd\xd0\xbbU\xab\xfb\x1b6\xb4\xdf\xb0\xedO\xe9!\x18\x17y&lt;#\x93\x92jW\xa9\xa2\x94\xb8\x84\xa6gfb\x8c#b\x06\xa80\x16o2\xad\xf9\xf1\xc7\x0f\xbf\xfaJ\x831\xe3\xbcV\x95*\x8fw\xe8\x00\x00(\xa3\xfe\xf9\xcdBa,\xdel~k\xf3\xe6S\x17/\x8am+\x8d\x86\x0c\x1b\x95*&amp;\xe3\xa1\x01B\xa8\xf8\x95\x8aU\xe2S\x9f\xea[,\t-Q\xa3\xc9\x8d\xa0\x88C\x16\x80HBd~\xcd\x993\'\'\'G\xa3\xd1\x04\x14%\xced\x9a\xdc\xaf\x9f\xdd\xe3\xb9\xe9\xc2\xff\xab\xa3Pj\xd4jg\xa4\xa6\x82`f\xe4\xb1c\xcb\xf6\xec\xa9`\xb1\xa8\xdc \x88q\xae\xd7h\xce\xdbl\xa3\x96.\x15\xfd\x12\xce\xf9\xa8\x07\x1e\x885\x99\x00\x00\x08B\xd5\xd60\xc6\x98E\xaf\xdf\x7f\xfa\xf4\x07\xdb\xb7#\x84D\xe2c\x9f\xc7\x1e\xac\xd7\xa4\xf6\r\xba~^+\x98\xe0\xc2\x82\xa2\xee\x0fwj\xdc\xb2\x01U(&amp;\xb8\xf8&lt;\x8al\x05G\x1a\xb2\x00D\x0c\xa2\xf7{\xe2\xc4\x89\xd9\xb3g#\x84\x84w\xc1\x93\x9d:\xd5IH\xf0\xdc$\xdb\x9f\xd2\x83\x11*\xf2x\x1eJL\xec\xd0\xb0aqf$\x00\xd3\xd6\xac\xb9PX\xa8%D\xcd\xa3\x00\xe7\xdc\xa8\xd5\x8e^\xba\xf4\xbc\xcdF\x10\nPZ\xbbJ\x95\xc7;u:\x9b\x9f\x0f\x00P\xf3\xa16\x0e\x00\xc1xRf\xa6\xdd\xe3A\x08R\xca\xe2*\xc6\xa6\x0cOv\xbb&lt;e\'\xfd\xbc\xca\xd5\x10\r\x1e\xf2B\x7f\x84\x10\xa3\x14\x13\x9c\x95\x95\x15\x0c#\n\xf5\xc5H\xae\x17Y\x00"\x06\xd1\xfb\x9d:u\xaa\xddn\'\x18\x07\x14\xa5v\x95*\xa3{\xf4((\x83s\xbf\xa5\xbc \xca\xd8\xcc\xd4T-!\x941\x8c\xf1\xe9K\x97\xde\xdc\xbc9\xdelV\xd4\xba\x0f\xa0PZ\xc1l\xfe\xf0\xab\xaf\xd6\xfd\xfc3\xc1\x98q\x8e \x9c3h\x90^\xa7\xb3{&lt;\xe1\xbe\xba\xab!\xa4\x9f[\x0e\x1c\xf8&lt;;\x1b#\xc49\xe0\x9c\x0f\x1b=\xa0\xca\xad\x95\xcaT\xfa\xf9O \x8c\x1c\x85\xce{\x92Z\xdd\xdf\xb3\r\xa5LHBE\x1c\xa9\\\x07D\x10\xb2\x00D\x06\xa2\xf7\xbbk\xd7\xaee\xcb\x96\x91\x92I\xd6\x8c\xd4T\xb3^O)\r\x8bh\x1d!\xe4\xf0xZ\xd6\xac\xf9t\xe7\xceBB\x83\x10\xfa`\xfb\xf6\xec\xdf\x7f7\xeb\xf5*\x14\xd50\xceMz\xfd\xa1\xb3g\'|\xf6\x99X\xb2P\xc6^x\xe0\x81nw\xde\xe9q\xb9\x84\x16\x08\xa8\xef\xb2\x05\xc5~|\xabV\xc1\x92\xc4\xc7\xc6-\x1b\xf4\x18\xd0\xd9n\xbb\x9e\xc0\xf7\x9b\x02\xc2\xc8\xe3\xf6\x0c\x1f;\xd8\x12kV\x02\n!$\'\'g\xce\x9c9\xb2\x13\x10A\xc8\x02\x101PJ\xd3\xd3\xd3\xc5\x01\x1c\xcaX\x87\x86\r\x1fj\xde\xbc\xc8\xed\x0e\xcf\xf4\x1f\x00\x00\x00F\xc8\xe1\xf5&gt;\xd7\xad[e\xab\x951\x86!\xb4{&lt;\xb37l0j\xb5*\x1c\x02 \x00\x10\x80\xe7\x16-\x12-\x93\x00\xa5\x895j\xa4\xf7\xe9cs\xb9\x10B~E\t\xf7\x05\xfe#\n\xa5q&amp;\xd3\xb2o\xbe\xf9\xe5\xf4i\x84\x91\xe8\xbb\x0e~\xa1?!\xe1&lt;\x80\r!\xf4y\xfc\xb7\xd5\xac\xda{hw\xce9\x07\x1c"8w\xee\xdc\xdc\xdc\\\xa9\x08\x8a\x14d\x01\x88\x00\x84\xd5\xf3\xf2\xe5\xcbw\xed\xda%\xce\xfd\x12\x8cg\xa6\xa6R\xce\xc3;c\x15\x92\xd0\xdb+T\x98\xd0\xbb7+\xc9\x8c\\\xf3\xe3\x8f\x9b\xf6\xef\x8fS\xd9\xd9`q\xe8\xf7\x8d/\xbe\xd8s\xf4\xa8\x06c\xca\xb9Q\xab}\xe7\xd1G5\x18\x8b\xebT\xd5\xd5^\x8eH|\xfc#?\x7f\xc6\xda\xb5H$&gt;R\xd6\xe1\xc1\xfb\xee\xedt\x97\xa3\xd0\x19\x86\xdd\xff\xcb\xc0\x18\xdbm\x8e\x01O\xf5\xbd\xb5z\x82X\x04\x14\x14\x14\x8c\x1f?^\x9e\t\x88\x14d\x01P;Bho\xb7\xdb\xa7L\x99"D\x8a\x8c\xf3!m\xdb\xb6\xa8Q\xc3\xe1\xf5\x86R\xfb\xf1\xb7\x10\x8cm.\xd7#\xf7\xddwg\xf5\xea\xa2MM\x19\x9b\xb5~\xbd\xc2\x98z\xdc\x14(cV\xa3q\xf7\x91#\xb37l\x10\x89\xf6\x8c\xb1I}\xfb\xb6\xacY\xd3Q"\xa0R\xed\x80E\x19\xb3\xe8\xf5oo\xde\x9cg\xb7\x8b\xdd\x15\x93\xc58\xe8\xf9\xfe^O\xf8\xef&gt;\x80\x80*\xd4h6\x0eI{\x18\x94\xa8\xd4\x96/_\x9e\x9d\x9d-\x83\xe3#\x82p?@\x92\x7fC\x8c\xaa\xb3g\xcf&gt;q\xe2\x84\x88|\x895\x1a\'\xf6\xee\xed\xf4\xf9\xb0:F\xd8bc\xb2~\xfdxP\x12\x9a\x93\xf3\xc9\xce\x9d\x15\xccf5HB\xc5\xa1_\xb7\xcf\xf7\xec\'\x9f\xf8\x15\x05A\xa8P\xda\xa5i\xd3g\xbbu\xbb\xb9\xb19e\x01c\xccb0\xfc|\xf2\xe4\xbb[\xb7"\x08\x85\xf43y\xc8\x03\xf5\x9b\xd4\xf28=\x10\x85\xff\x01\xc0\x04;\x8a\x1c]\xfb%5i\xd5\x80*\x14a\xe4\xf7\xfb\xd3\xd2\xd2(\xa5\xaa\xad\xa9\x92 \xb2\x00\xa8\x1a1\xa5\x12\xbd\xb5`\xe2\xe3\xd8\x9e=\xab\xc5\xc7\xdf\xac\xc4\xc7\x1bGdFvm\xda\xf4\xa1\xc4\xc4bI(\x84\xd3\xd7\xac\xf9#?_\r\x99\x91\xe2\xd0o\xfa\xca\x95\x87\xcf\x9d\xd3`\xac0V\xc9j}k\xe8P5o\xfa\xff\x05\x84\x18\xa1\xf1\x19\x19~EA\x18S\xca\x12n\xab\xdc\x7fD\xaf\xa2\xc2\xb0\xf5~\xff\x16J\xe9\x88qC0\xc1\xe2l\xf0\xee\xdd\xbb\x97/_.%\xa1\xeaG\x16\x00U#FO\xa1\xae\x13\x99_wV\xaf\xfed\xa7N\x85n\xb7\xaa\xa6\xae\x10\x00\x85\xd2)))V\x83\x81r\x8e\x11\xca\xb3\xdb\xdf\xde\xbc\xd9\xa2\xd7\x87wo]\x1c\xfa]\xfb\xd3O\x0b\xb7o\'%\x15t\xce#\x8f\xd4\xa8T\xc9\xe3\xf3\xa9\xfc\xdc/e,\xc6`\xf8&lt;;{\xc7\xe1\xc3\xc1\xf2\xff\xe8\xe8\x81\x15*\xc7)~\x15\xb9U\x0b\x83\xa0\xe6\xf76}\xa0\x7fR\xb1A\x10\x82S\xa6L)**\x92\x92P\x95#\x0b\x80z\x11\xd2\xcf\x9d;w\x06\xcf\xd7p\xce\'\xf7\xebg\xd4j\xd56\xb1B\x089\xbc\xdef\xd5\xab?\x91\x94$v~\x11\x84\xefn\xdd\x9a}\xea\x94%|\x06A\x8cs=!\xc5\x87~\x85\x87\x01c\x83\xdb\xb6\x1dp\xef\xbd\xf9.\x97\xaa*\xe8\xdfB0v\xfb\xfd\x1322@\x89\xf4\xb3I\xab\x06]\xfbu,*\xb0\xabj\xfa\x0f\x8a3#\xdd\xc3F\r0[MT\xa1\x04\x93\x13\'N,X\xb0\x00!\xa4\xb6gUr9\xb2\x00\xa8\x14q\xec\xcb\xe7\xf3\x8d\x193\x06B(\x9a\xab=[\xb4\xe8\xda\xb4\xa9\xcdU\xf6\xae\xbf\xd7\x0eA\xa8\xc0\xe9|\xbe[\xb7\x1a\x95*\xd1\x12\x83\xa0\x19\xeb\xd6\x89\xa6kX\xe0\x9c\x1bu\xba1\x9f~z\xae\xa0\x80`\x1c\xa0\xb4V\x95*\xb3\x06\x0c\xb0{&lt;*i\x9f\\\x05\x85\xd2\x18\x83a\xe1\xf6\xed\xc7/\\\xc0\x181\xc64Z2b\xdc\x90\x10X~^\x07"3\xb2r\xd5\x8a\x83\x9eO\tfF\xce\x9f?_4\xaed7X\xb5\xc8\x02\xa0RD\xef7##c\xef\xde\xbdb\xfa\xaf%dB\xaf^\x941\xf5\xbd\xfe\x00\x88!@Q\xaa\xc6\xc5\x8d\xee\xd1\x83\x97HB7\xec\xdd\xbb\xe5\xc0\x818\x93)\xf4\xd3@q\xe8\xf7\xbf;v\xac\xfd\xe9\'q\xe8\x17#\xf4\xf6\xb0aq&amp;\x93?LG\xe7J\x8f\x90~\x9e-(x}\xc3\x06(\xa4\x9f\x8c\xb5\xef~o\xe2}MCl\xfbSz0\xc6N\x87\xab\xd7\xe0\xee\xd5jT\x15\xc1\xf1EEES\xa7N\x95g\x02\xd4\x8c\x1a\x9f$\x89\x98\xfe\xdbl\xb6q\xe3\xc6!\x84D\xe2\xe3\xd3\x9d;\'\xd6\xa8\xe1\x08\xa1\xeb\xe7\xb5B0\xbe\xe4p\x0cm\xd7\xee\x9e:uDf$\x04`\xf2\xaaUn\xbf?\xc4K\x16q\xe8\xf7\xf0\xb9s\xe332\x82\x87~G\xf7\xe8\xd1\xb9I\x93B\x97\xabLC\xd3n\n\x94s\xab^?}\xed\xdaB\xb7\x1b#D)\xb5\xc4\x9a\x1f\x1f;\xc8\xe5p\x87W\xf8\x7f5 `\n\xd3\x1bu#\'\x0c\x05b\x03\x93\xe0e\xcb\x96\xed\xde\xbd\x9b\x10"7\x82\xd4\x89Z\x1f\xa6\xe8FL\xff\xd3\xd3\xd3sssE\xe4Ke\xab\xf5\xb9n\xdd\x1c^o\x18\xcf\xfd\x96\x06\xce\xb9\x06\xe3q\xc9\xc9\xc2\xaa\x1a!\xf4\xcb\xe9\xd3\xefo\xdb\x16k4\x86R\x12\n\x01@\x10&gt;\xb7h\x918)\x1d\xa0\xb4e\xcd\x9a\xe3\x93\x93\xf3\x9dNT\xd2M\xbd\x1c\xf6?\x9d\xca\xe2_\x0cGB\x18c\xcc\xaa\xd7\xef\xf8\xed\xb7%\xbbw#\x049\x00\x9c\xf3\xdeC\xbb\xdfV\xf3\xd6\xb0\xd8\xfe\x94\x1e\x84\x91\xd3\xeej\xd3\xa5u\xe2}M\x19e\x08"JiZZ\x9a\xcf\xe7\x93\xdd`u\xa2\xea\xd1$:\x11\xe3\xa6H\xda\x0bj?&amp;\xf6\xe9s{\x85\n\xea\x91~\xfe\x13B\x12\xda\xbdY\xb3\x94\xbb\xef\x16\x92P\x04\xe1\xeb\x1b6\x9c-(\x08\x99$\x942V\xc1b\x99\xf3\xc5\x17\xbb\x8f\x1c\x11\xba\xcf8\x93\xe9\xa3\'\x9e0\xeatZ\x8c\xf5\x1a\x8d\xee\x7f&gt;z\x8d\xe6\x8a\xae\x80\x86\x90\xcb\xff\xcbP.\x1a8\x84\x04\xe3\xf4\xccL\x85R\x8c0e\xb4Z\x8d\xaa\x03\x9e\xeak\xb79T\xd8\xfb\xf9_\x18eOM|T\xa3!\x94RBHvvvFF\x864\x08R\'\xb2\x00\xa8\x0e\xb1\xff#\xb2\xb6\xc5\xc9\xaf{\xea\xd4y\xb4}{\xf5\x9fZ\x12\x14\xdb\x96\xf5\xeb\x17g2)\x8c!\x84\n\xdd\xee\xe9k\xd7\x9au:Z\xf6\x05\x80qn\xd6\xeb\xbf&gt;|x\xd6\xfa\xf5\x18!1\x8b\x7f"))\xd6d:x\xe6\xcc\x99\xfc\xfc\xdf/^\xbc\xe2s\xfa\xe2\xc5SyyN\x9f\xef\xf2?\'\xaf\xa8\xe8T^\xde\xe9K\x97N_\xba\xf4\xfb\xc5\x8bEnwh4\xa3\n\xa5\xf1&amp;\xd3\xd2={\xbe;vLD\x95\x01\x0eFN\x18j0\x19(\r]\xea\xcbu\x83\x10r;=\xf5\x9b\xd5\xe9\xf3\xd8\x83B\x12\x8a\x10\x1a7n\\AA\x81\\\x04\xa8\x10yK\xd4\x85\x90~feeu\xed\xda\xb5x\xba\xc7\xf9\x9a\xd1\xa3\xbb4iR\x18V\xdf\xb7kB\xa1\xb4rL\xcc\xc4\x95+g\xad_O0\x16k\x9a\xdd\x93&amp;5\xbe\xed6W\x19\xdbW\x08\xdb\xe4&gt;\xf3\xe7o\xda\xb7\x8f $\x8c\xa9\xad\x06\x83_\xb9\x9ap\x1e\x02\xe0S\x94\xcb\x8f,h\t!\x08q\x00\xc4\x1f2.9y|r\xf2%\xbb\xbdLk\xb0\xa8\xfd\x10\xc2\xd6\x13\'\x9e\xcc\xcb#\x84(\x8a\x92x_\xd3\xb9+\xa6\xba\xd4\xda\xfb\xfd_8\xe7DC\x1c\x85\xce\x11\x0f\x8c*\xcc/"\x84\x04\x02\x81\t\x13&amp;L\x9f&gt;]&lt;\xde\xe1\xbe@\xc9_D\xc6#\x15%\x88\xf7\xbf8\\\t\x00\xd1\xfd\xebs\xd7]\xdd\x9b5\xb3\x85\xcb\xf4\xff\xba\xc0\x08\x158\x9dcz\xf4\xa8Y\xb9\xb2B\xa9hc\x8c\xcf\xc8\xc0\x10\x86 q\x85q\x1eP\x14\x08@pjc\xf7x\xbc\x81\x80\xc7\xef\xff\xa7\x8f\xdb\xef\xbf\xe2\xc0\x9a_Q\xdc~\xbf\xc7\xefwy\xbd\x1e\xbf_\xfc\x81e\re,\xdel\x9e\xbbq\xe3\xc9\xbc&lt;Q81\xc1ON|\x94\xd1H\xda&lt;\x11\x92\xd0*\xd5*\r\x1b\x9d\x1a\x94\x84\xbe\xf1\xc6\x1b999r#HmD\xcc\x98\x12\r\x88\x99\xb2\x88W\xc5\x84(\x94Z\r\x86\x97{\xf6t\xfb\xfd\x912\xfb\x13@\x08\xc5\xc5\x8f\xef\xd5\x0b\x00 $\x98;\x0e\x1f\xfe|\xdf\xbe\x18\xa31\x04g\x831B\x10BT\xf2\xc1\x08\xfd\xeb\xe7\x8a\xf5A\xf0wi\x08\xc1\x08\x85\xe0\xfb\xe7\x9c\x1b\xb4\xda\x9c\xdc\xdc\x85\xdb\xb6\x89\x8ba\x8c=\xd0?\xa9~\xd3\xdan\xa7z\xa5_\x7f\x0b&amp;\xd8Q\xe8\xec\xd2\xb7c\xedF5\x18e\x18c\x11d-w\x81\xd4F$=U\xe5\x1b\xc6\x18\x840777==\x1dB(\xa4\x9fO$%%\xdeq\x87\xd3\xebU\xb9i\xc1\xffB0.p\xb9\x06\xb7isO\xdd\xbaB\x12\n\x00\x98\x90\x91\xe1\xf4z1.[\x17{\x08\x80\xc7\xefg\x9c\x07(\x15&amp;\xd5\x94\xb1\x7f\xfd\\qI\xc1\xdf%\xb6\x86\xfce\xbf\x02(\xf6\xd4[\xb5\xca\xe6r\x11\x8c(gf\xabi\xd8\xa8\x01\x1e\xb7W\xbd\xd2\xcf\x7f\x86Rj4\xe9\x87\x8f\x1d\xcc9\x175 333++K\x1a\x04\xa9\nY\x90\xd5\x82\xd8\x1e}\xf4\xd1G\x17-Z\xa4\xd5h\x02\x81\xc0\xed\x15+\xee\x99&lt;\xd9\xa0\xd5R5Y+\x97\x1e\xc6\x98Y\xaf\xff\xfe\xf8\xf1n\xb3f\x89\xc5\x8dB\xe9\xf8\xe4\xe4i\xfd\xfb\xe7\x15\x15\x95\xd1f\xba\xf0\xfe\xfc\xf5\xcc\x99\x02\xa7\xf3\xf2]\xa0\x7f\xbd\xce\xd7?\xff\xfc\xabC\x870\x84\x0c\x00\xce\xf9\x84^\xbd\xda\xd6\xaf\xef\xf4z\xc5I\xe6;*U\xba\xa3R\xa5\xc0U\x1b\t7\x02e,\xd6h\xcc\xfa\xf5\xd7\xdes\xe7B\x08\x01\x84\x94\xd2\'\'\x0c\x1b\xf8t_\x15\x1a?\x94\x12F\x99\xc9jJ\x1f\xf1\xda\x9e-?h4\x1aEQ\xea\xd6\xad{\xf0\xe0A\x91\x1f\x19\x89\x8ft\xf9\x83\x84\xfb\x02$\x00\x94l\xfe\xec\xdd\xbbw\xc5\x8a\x15\xe2\xe8&lt;\x07 \xbdO\x9f*\xb1\xb1e\xddx,;\x10Bv\xaf\xb7C\x83\x06C\xda\xb6\xfd\xef\x8e\x1d\x08\x00\x08\xe1\xfb\xdb\xb6\ri\xd7.!&amp;\xe6\xea]\xd9\xebF\x18\xfe\xb4\xa8QC\xb4pK\xf3\x17(\x8c\x99\xcd\xe6\xe5\xdf|#~;\x04\x80s\xde\xb2f\xcd\xae-Z8\x9dN\x8c\x90h\x11\xfb\x02\x81\xb2\x1b\xb3 \x84\x01Jg\xad_\xcf8\xd7`\xacPZ\xbbQ\x8d\xde\xc3z8\xedj\xb4\xfd(-\x10PJ\x87\x8f\x1d\xbc\xef\xdb_=./\xc6X\x88\x9b\x9fy\xe6\x19\xd9\rV\t\x91\xb7\xb4,\x97\x88\xf6\xef\x981c|&gt;\x9fh\x99\xdeS\xb7\xee#m\xda\xe4;\x1c\x11:\xfa\x0b0\x84v\xafwb\xef\xde\xb1F#e\x8c ds\xb9&amp;\xafZe5\x18\xca\xae\x13\x00\x01p\xf9|\x85nw\x91\xdb]X\x8aO\x91\xdb\xedv\xb9\xaep\x87v\xf9|.\x97\xab\xa8\xe4\x0f)\xd3\xd1_\xa1\xb4\xa2\xc5\xb2x\xd7\xae\xefrr\x08Fb?j\xf8\xd8\xc1z\x83N\x9d\xce?\xa5D\xb8\x84\xd6i\\3y\xc8\x03\xc5.\xa1\x10\xa6\xa7\xa7\xdbl6\x19\x19\xa6\x12d\x01\x08?b6\x94\x99\x99\xb9s\xe7NB\x88B\xa9\x96\x90i))\x94\xd2\x88}\xf7\x8b\x11\x99\x91\xd5\xe2\xe3\xc7\xf6\xec)N\xb4!\x84\xd6\xfe\xf4\xd3\xd7\x87\x0f[\xcb\xd2%\xb4\x94\x8d\xdf\xd24\x81\xff\xf6\xff\xbd\x89p\xce\xb5\x84\x9c\xb7\xd9\xe6m\xdc\x08!\x04\x101\xc6\xdat\xbb\xbb\xf5\xfd-\x1c\x85\xceH\x9f&amp;c\x82\xed\x85\x8e\xfe#zU\xbd\xbd\x8a\x88\n\xb0\xd9l\xa2\xcb%\xe5@j@\x16\x800#\xe6AB#\x01\x00\x10\x0e\n\xbd[\xb5\xba\xbfaC\xbb\x8am\x7fJ\x0f\xc1\xb8\xc8\xe3\x19\x99\x94T\xbbJ\x15\xa5\xc4%4=3\x13c,g\x80@$\x16\x98\xcdom\xde|\xea\xe2E\x8c\x10cL\xa3!\xc3F\xa5\x8a)s\xa4\x03!T\xfcJ\xc5*\xf1\xa9O\xf5-\x96\x84\x96\xe8\xdc\xa4$T\rD\xfc\xf8\x12\xe9\x88\xcc\xaf9s\xe6\xe4\xe4\xe4h4\x9a\x80\xa2\xc4\x99L\x93\xfb\xf5\xb3\x97d\xd5\x96\x03\x14J\x8dZ\xed\x8c\xd4T\x10\xcc\x8c&lt;vl\xd9\x9e=\x15,\x165dF\x86\x11\xc6\x98E\xaf\xdf\x7f\xfa\xf4\x07\xdb\xb7#\x84D\xe2c\x9f\xc7\x1e\xac\xd7\xa4\xb6j]?\xaf\x15LpaAQ\xf7\x87;5n\xd9\x80*\x14\x13\\|\xd2EJBU@yx\xc2"\x17\xd1\xfb=q\xe2\xc4\xec\xd9\xb3\x11B\x80s\xce\xf9\x93\x9d:\xd5IH\xf0\xa8\xde\xf6\xa7\xf4`\x84\x8a&lt;\x9e\x87\x12\x13;4lX\x9c\x19\t\xc0\xb45k.\x14\x16j\tQ\xc9(\x80\x10"\x18\x07?\xa1\xf9\xf29\x00\x04\xe3I\x99\x99v\x8f\x07!H)\x8b\xab\x18\x9b2&lt;\xd9\xed\xf2D\xa2\xf4\xf3\x1f\xe1\x80h\xf0\x90\x17\xfa#\x84\x18\xa5\x98\xe0\xac\xac\xac`\xccQ\xb8/.\xaa)G\x0fY\x04"z\xbfS\xa7N\xb5\xdb\xed\x04\xe3\x80\xa2\xd4\xaeRet\x8f\x1e\x05\x11u\xee\xb7TpN\x19\x9b\x99\x9a\xaa%\x842\x861&gt;}\xe9\xd2\x9b\x9b7\xc7\x9b\xcd\x8a\n\xf6\x01 \x84\x0e\x8fG\xa1\xd4\x1b\x08\xf8\x03\x01\x85\xd22\x12)]\x8ep\xad\xd8r\xe0\xc0\xe7\xd9\xd9\x18!\xce\x01\xe7|\xd8\xe8\x01Un\xad\xa4r\xd7\xcfk\x05a\xe4(t\xde\x93\xd4\xea\xfe\x9em(eB\x06*\x82N\xe5: \xbcH\x19h\xd8\x10\xbd\xdf]\xbbv-[\xb6\x8c\x94L\x85f\xa4\xa6\x9a\xf5\xfa\xc2rW\x00\x10B\x0e\x8f\xa7e\xcd\x9aOw\xee\xbc\xe0\xcb/\x11\x00\x08\xa1\x0f\xb6oO\xbd\xf7^\xb1\xdc\t\xe3I7\x04\xa17\x10\xe8\xd7\xbau\xbd\xaaU\x11,\xb6_\xaeW\xb5\xaa/\x10(\xd3\xab*v\xcd[\xb5\n\x02\x00\x11R\x14\xa5q\xcb\x06=\x06t\xb6\xdb\xd4\x15\xf8~S@\x18y\xdc\x9e\xe1c\x07\xff\xb8#\xdbY\xe4"\x84\xe4\xe4\xe4\xcc\x993\xe7\x95W^\x91\x92\xd00"\xcbo\xd8\x10#~\xc7\x8e\x1dw\xed\xda\xa5\xd5h\xfc\x81@\x87\x86\r7\x8d\x1dk\x8f\xc0s\xbf\xa5\x81s\xae!\xc4\xe6r\xdd\x93\x9e~\xc9\xe1\x106\xfd)w\xdf\xbd\xfc\xd9g/\x86\xfb\xac\x03\xe7\xdc\xac\xd7\xeb4\x1a\xf1:\x88\x05A\x99.\x02\x14J+Y\xad\xefn\xdd\xfa\xc2\xe2\xc5\x18#\x0e\x00\xe0`\xe6\xe2\xf4\xd6\x1d\x12\x9dE\xaer\xb5\xffS\x02Uh\\\xa5\xd8\x0ff.^\xf2\xe6J\xa2!\x94\xd2\xb8\xd8\xb8C\x87\x0eU\xae\\\x19\x00P&gt;\x1a\x1e\x11\x87\xfc\xd2\xc3\x83\xb0z^\xbe|\xf9\xae]\xbb4\x84(\x8aB0\x9e\x99\x9aJ9\x07\xe5\xb4$\x0bI\xe8\xed\x15*L\xe8\xdd\x9b\x95dF\xae\xf9\xf1\xc7M\xfb\xf7\xc7\x99L!0\x08\xba\xfa\xb59&lt;\x9e\xbc\xa2\xa2\x8bv\xfbE\xbb=\xaf\xa8\xa8LG\x7f\x91\xf8\xf8G~\xfe\x8c\xb5k\x91H|\xa4\xac\xc3\x83\xf7\xdd\xdb\xe9.G\xa1\xb3\\\x8e\xfe\x00\x00\x8c\xb1\xdd\xe6\x18\xf0T\xdf[\xab\'(\x01\x85\x10RPP0~\xfcxy&amp; \x8c\x94\xcfGM\xe5\x089\xbc\xddn\x9f2e\x8a\x98\xec3\xce\x87\xb4m\xdb\xa2F\rG\x19\xbb%\x87\x17\x82\xb1\xcd\xe5z\xe4\xbe\xfb\xee\xac^]4\xc0)c\xb3\xd6\xafWT\xe0u\x11\xca&amp;0e\xcc\xa2\xd7\xbf\xbdys\x9e\xdd.\xd4\x90&amp;\x8bq\xd0\xf3\xfd\xbd\x9e\xf2|\xf7\x01\x04T\xa1F\xb3qH\xda\xc3\xa0D\xff\xb6|\xf9\xf2\xec\xecl\x19\x1c\x1f.\xca\xef\xd3\xa6b\xc4\xd87{\xf6\xec\x13\'N\x88\xc8\x97X\xa3qb\xef\xdeN\x9f\x0f\x87{\x1c,k\x8a-\xcf\xfa\xf5\xe3AIhN\xce\';wV0\x9b\xa3D\x12\xca\x18\xb3\x18\x0c?\x9f&lt;\xf9\xee\xd6\xad\x08B!\xfdL\x1e\xf2@\xfd&amp;\xb5&lt;N\x0fD\xe5\xf9\x01\xc0\x04;\x8a\x1c]\xfb%5i\xd5\x80*\x14a\xe4\xf7\xfb\xd3\xd2\xd2(\xa5r\x11\x10\x16d\x01\x085b\xe2#:`\xc1\xc4\xc7\xb1={V\x8b\x8fW\x7f\xe2\xe3\x8d#2#\xbb6m\xfaPbb\xb1$\x14\xc2\xe9k\xd6\xfc\x91\x9f\x1f\xb2\xcc\xc80\x03!Fh|F\x86_Q\x10\xc6\x94\xb2\x84\xdb*\xf7\x1f\xd1\xab\xa8\xb0\x1c\xf6~\xff\x16J\xe9\x88qC0\xc1\xe2l\xf0\xee\xdd\xbb\x97/_.%\xa1aA\x16\x80P#\xc68\xa1\x81\xc3\x18S\xc6\xee\xac^\xfd\xc9N\x9d\n\xdd\xee\x88\xb6\xfd)=\x10\x00\x85\xd2)))V\x83\x81r\x8e\x11\xca\xb3\xdb\xdf\xde\xbc\xd9\xa2\xd7\x87\xb7\x13\x10\x02(c1\x06\xc3\xe7\xd9\xd9;\x0e\x1f\x0e\x96\xffGG\x0f\xacP9N\xf1\x97\xb9\xf0T\r\x08\x83\xa0\xe6\xf76}\xa0\x7fR\xb1A\x10\x82S\xa6L)**\x92\x92\xd0\xd0#\x0b@H\x11\x8a\xb7\x9d;w\x06O\xc1p\xce\'\xf7\xebg\xd4j\xa3g\xfa\x83\x10rx\xbd\xcd\xaaW\x7f")I\xec\xfc"\x08\xdf\xdd\xba5\xfb\xd4)KY\x1a\x04\xa9\x01\x82\xb1\xdb\xef\x9f\x90\x91\x01\x00\x80\x08QJ\x9b\xb4j\xd0\xb5_\xc7\xc8\xf5|\xbe\x0e\x10Fn\xa7{\xd8\xa8\x01f\xab\x89*\x94`r\xe2\xc4\x89\x05\x0b\x16 \x84\xa2\xe7-P\t\xb2\x00\x84\x0eq\xec\xcb\xe7\xf3\x8d\x193\x06B(Z\xa0=[\xb4\xe8\xda\xb4\xa9\xcd\x15\xc9\xae\xbf\xd7\x0eA\xa8\xc0\xe9|\xbe[\xb7\x1a\x95*\xd1\x12\x83\xa0\x19\xeb\xd6\t\xf3\xfd\xf2\x8aBi\x8c\xc1\xb0p\xfb\xf6\xe3\x17.`\x8c\x18c\x1a-\x191nHD[~^\x07"3\xb2r\xd5\x8a\x83\x9eO\tfF\xce\x9f?_\xb4\xc4\xca\xf7\x0c@m\xc8\x02\x10:D\xef7##c\xef\xde\xbdb\xfa\xaf%dB\xaf^\x94\xb1hz\xfd\x01\x10C\x80\xa2T\x8d\x8b\x1b\xdd\xa3\x07/\x91\x84n\xd8\xbbw\xcb\x81\x03q&amp;S\xb9\x9c\x06\n\xe9\xe7\xd9\x82\x82\xd77l\x80B\xfa\xc9X\xfb\xee\xf7&amp;\xde\xd7\xb4\xdc\xd8\xfe\x94\x1e\x8c\xb1\xd3\xe1\xea5\xb8{\xb5\x1aU\xa9B1\xc6EEES\xa7N\x95.\xa1!&amp;\xba\x1e\xbb0"\xa6\xff6\x9bm\xdc\xb8q\x08!\x91\xf8\xf8t\xe7\xce\x895j8\xca\x85\xeb\xe7\xb5B0\xbe\xe4p\x0cm\xd7\xee\x9e:uDf$\x04`\xf2\xaaUn\xbf\xbf\\.\x86(\xe7V\xbd~\xfa\xda\xb5\x85n7F\x88Rj\x895?&gt;v\x90\xcb\xe1\x0e\xb1\xf0\x9fs\xce\xd8ea\x98\xff\x13\x87\x19\n `\n\xd3\x1bu#\'\x0c\x05bk\x94\xe0e\xcb\x96\xed\xde\xbd\x9b\x10R.g\x00\xea$\xea\xc6\x9dp!\xa6\xff\xe9\xe9\xe9\xb9\xb9\xb9"\xf2\xa5\xb2\xd5\xfa\\\xb7n\x0e\xaf\xb7\xac]\x1f\xc4\xa9\xab\xeb\xf8\x94\xe9U\x01q6\x18\xe3q\xc9\xc9\xc2\x04\x1b!\xf4\xcb\xe9\xd3\xefo\xdb\x16k4\x963I(c\xcc\xaa\xd7\xef\xf8\xed\xb7%\xbbw#T\xec6\xd1{h\xf7\xdbj\xde\x1a2\xdb\x1f\xce\xb8\xe89i\xb4\x1a\xa3\xc9`\x8e1Yb\xcd\xe6\x18\xb3\xc9b\xd4\xea\xb4\x10\x02JY(g\xdf\x08#\xa7\xdd\xd5\xa6K\xeb\xc4\xfb\x9a2\xca\x10D\x94\xd2\xb4\xb44\x9f\xcf\'\xbb\xc1!C~\xd1\xa1@\x04\xbe\x1f;v\xacq\xe3\xc6\x9c1\x08\xa1B\xe9[\xc3\x86=\xd5\xa9SY\xbb p\x00\x0c\x1a\r.u&gt;\xa2\xf8-\x10\x00\xc6\xb9\xc7\xef/\xbb\x0b\x13\x08G\x84A\xef\xbc\xf3\xd9w\xdfi0\xa6\x8cY\r\x86\xec\x993cM\xa6\xb2\x0b\xe0\r=\x94\xf38\xa3\xf1\xfe\xe9\xd3\xbf;vLCH\x80*\xd5\xee\xa8\xfa\xe1\x97\xf39\xe7\xa0\xf47\xe6z\x11\xc3\xba\xde\xa8\xd7\xe9\xb4\x1e\xb7\xf7Rn\xfe\xc5?\xf3\x1d\x85\x0e\x9f\xd7\x8f\t6Y\x8c\x15\x13*T\xaeZ\xd1\x12c\x0e\x04\x14q\x16!4\xdf&lt;c\xcc`\xd4\x9f&lt;r\xfa\xe9\x9e/\t\x938EQ\x16-Z4t\xe8Pi\x10\x14\x1ad\x01\x08\x05\xe2i\xee\xda\xb5kVV\x96\xb0\xfd\xb9\xa7N\x9d\xacW^q\xf9|ej\xfb\xc387\xe9t\xafff\xfet\xe2D\xe9\xf37\xc4\xfc\xeb\xf6\x8a\x15\x17\x0c\x19Rv\xd7&amp;\x10yX\xb9EE\xf7\xbe\xfa\xaa\xd8\x1bQ(}\xacC\x87\xf7\x1f\x7f\xfc\x92\xd3I\xca\xc5\xce\x98Bi\x05\x8be\xc9\xee\xdd#&gt;\xf8@Tb\xc6\xd8\xb4\x8f\xc6\xb7\xedz\x8f\xa3\xc8\x89\xcbr\xffG\xec\xf6\x18M\x06\x84\xf1\xb1_\x8f\xef\xd9\xf2\xc3\xcf\xbb\xf7\xffq\xfc\xac\xcb\xe1\xbe\xfc?\xd3\xea4\xb7\xdcV\xa5\xf9}M;\xf5j\xdf\xb8e\x03\x9f\xc7\x17\x08\x04B\xb3-I\x15\x1a[1\xe6?\x93?\xfal\xe1:\xa2!\x8c\xb2\xca\x95+\x1f:t(66V\x06\xc7\x87\x00\xe9\x06Z\xe6\x88\xd1?+++++K\x08\xff1B\xe3\x92\x93\x89\xb0@)\xfbG\xfc\xebC\x87\xf6\x9f&gt;}\xad\xbf\xabz~~Y\\\xcc\x15@\x08=~\x7f\x9d\x84\x84\x91\x9d:\xcdZ\xbf\x1e\x00\x80 \\\xb2{\xf7\x88\x8e\x1d\x1b\xdfv\x9b+\xf2\x8d18\xe7\x04c\xbb\xc73s\xdd: \xa4\x9f\x8a\x92x_\xd36]Z;\xede;\xfa\x8b#\x87\x96X\xf3\xc1\x9f~[\xf1\xde\x9a\xef\xb6\xfd\xa4(\xc5\x1bk\x10B\x84\xa0Xz0\xce\xfc\xbe\xc0\xe9\xe3gO\x1f?\xbba\xe9\x97]\xfau|\xe2\xe5!\xd6x\x8b\xd7\xe5\rAs\x02a\xe4vzR\x86\'g\xad\xdeQ\x98_D\x08\xc9\xcd\xcd\x9d7o\xde\xf4\xe9\xd3\xe5" \x04D\xf6\xdb\xa5~D\xef\xb78\x02\t\x00\xd1\xfd\xebs\xd7]\xdd\x9b5\xb3\x95\xb1\xe73\x07\x00C\xe8\xf1\xfbE\x10\xa3\x06c\x8c\x10\xc1XK\xc8\xd5?z\x8dFKH\x8c\xd1Xv\xd7v9\x18\xa1\x02\xa7sL\x8f\x1e5+WV(\x15\x8b\x80\xf1\x19\x19\x18\xc2\x10T\xc7\xb2\x862\x16o6\xcf\xdd\xb8\xf1d^\x1e\xc1\x981\x86\t~r\xe2\xa3\x8c\x96\xedn;g\xdch62\xc6\xdf\x99\xf2\xf1\xf3\xfd^\xd9\xbd\xf9{E\xa1\x98`\xa2!\x98`\xce9\xa5\x8cRJ)\x05\x1c`\x82\x11F\x18c\xce\xc1\xe6\x95\xdbG=&lt;!\xf7\xcc\x05\xbdQ\xcfX\x99o\x0f\x08Ih\x95j\x95\x86\x8dN\rJB\xdfx\xe3\x8d\x9c\x9c\x1c\x99\x19\x19\x02d\x01([DoS\x84\xa0bB\x14J\xad\x06\xc3\xcb={\xba\xfd\xfe\x10\xccm\x11B\xde@\xc0\xe6rQ\xc6\x14\xc6(c"\xea\xe4\xea\x1fo \xe0W\x94B\xb7\xfb\xdf\xff\x82\x9b\x81\xe8\x88X\r\x86\xf1\xbdz\x01\x00\x84$t\xc7\xe1\xc3\x9f\xef\xdb\x17c4F\xf4\xd9`\xce\xb9A\xab\xcd\xc9\xcd]\xb8m\x9b\xd8\xcd`\x8c=\xd0?\xa9~\xd3\xdang\x19J\xbf8\xe7\x1a-9\xb2\xff\xd8\xe8\x01\x</t>
        </is>
      </c>
    </row>
    <row r="188">
      <c r="A188" s="1" t="n">
        <v>186</v>
      </c>
      <c r="B188" t="inlineStr">
        <is>
          <t>rectangle_height_color</t>
        </is>
      </c>
      <c r="C188" t="inlineStr">
        <is>
          <t>What is the missing color of the part denoted with a question mark?</t>
        </is>
      </c>
      <c r="D188" t="inlineStr">
        <is>
          <t>['red', 'yellow', 'orange', 'blue']</t>
        </is>
      </c>
      <c r="E188" t="inlineStr">
        <is>
          <t>orange</t>
        </is>
      </c>
      <c r="F188" t="inlineStr">
        <is>
          <t>There are 7 rectangles in the image with varying colors and lengths. The lengths from left to right are ['medium', 'long', 'long', 'short', 'short', 'medium', 'short']. The colors from left to right are ['blue', 'green', 'green', 'orange', 'orange', 'blue', '?'].</t>
        </is>
      </c>
      <c r="G188" t="inlineStr">
        <is>
          <t>We observe that the green rectangles are of long length and the blue rectangles are of medium length. Hence, the pattern is that the color of each rectangle corresponds to its length.</t>
        </is>
      </c>
      <c r="H188" t="inlineStr">
        <is>
          <t>Based on the pattern that the color of each rectangle corresponds to its length, the missing color of the part denoted with a question mark should be orange.</t>
        </is>
      </c>
      <c r="I188" t="inlineStr">
        <is>
          <t>b'\x89PNG\r\n\x1a\n\x00\x00\x00\rIHDR\x00\x00\x02\x00\x00\x00\x02\x00\x08\x02\x00\x00\x00{\x1aC\xad\x00\x00?\x94IDATx\x9c\xed\xdd}|\x14\xd5\xbd?\xf0\xef93\xfb\x90\xddl\xb2KH\xc2\xa3\xc8C@\x14M\x0cOb\x10PD\xf0Z\x1f\xab\x11\x14l_(\xd8Zj\xe3\xf5\xda[[\x7f\x17\xd1Wk\x11\xbcmm{\xf5\x82HAEZ\xb1\xd6\x87\n!\xe8\x15\xa8\n\t(AHx\x92gB\x9e\x93\xdd$\xbb\xd9\xdd\x99s~\x7fLM\x11\x05B\xc8fw2\x9f\xf7_vc7_O\xe6\x9c\xcf\x993gf\x98\x94\x92\x00\x00\xc0zx\xbc\x0b\x00\x00\x80\xf8@\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a5\xc6\xbb\x00K\x90Rv\xe0\xff\xc5\x18\xeb\xf4J:\xc6\xec\xf5\x03\xc0\xb7B\x00\xc4\x84\x94R\x08!\xa5d\x8c1\xc68\xef\xc8\x99V\xa7|I\xc7\x98\xbd~\x00h\x0f\xd6\xb1\xc9\x1d|+c\xc8#"EQN\xfd\xdc\xef\xf7\x0b!\x18kok\x1bsg\xaf\xd7{\xea\x87\xc6`\xca9\x8f\xdd\xcc\xda\xec\xf5\x03\xc0yA\x00t\x0e)\xa5\xae\xeb\xaa\xfa\xcf3\xaa\xa6\xa6\xa6\xe2\xe2\xe2-[\xb6|\xfe\xf9gu\xf5\xf5\xe5\xe5e\x9a\xa6\x9f\xefw\x0e\x19&lt;\xc4\xeb\xf3\x8e\x1e5:77w\xcc\x981}\xfb\xf65&gt;\xd74\x8ds\xde\xb9\x13j\xb3\xd7\x0f\x00\x1d\x80\x00\xe8\x04\xba\xae\x1bS\xe6H$\xb2n\xdd\xba\x95+W\x94l\xdbv\xf4\xc8\xd1N\xfc\x15^\x9fw\xd4\xc8Q\xf9w\xe7\xdfz\xcb\xad\x19\x19\x19D\xa4i\x9a\xa2(\x9d2\x9b6{\xfd\x00\xd01\x08\x80\x0bb\xb4\x1ec\xcc\xef\xf7/]\xbat\xe5++\xbf\xd8\xf9E\xdbO]\xc9I=zySz&amp;g\x0eHKNM\xd2u\xc1\xe8\xdc\xe3\x9d$\xc9\x18\xd35\xfd\xf8\xbe\xaa` Ts\xbc\xa1\xa9\xb1\xb9\xed\xa7\xbd{\xf7\xba\xf7\xde\x99\x0f&lt;\xf0\xc0\xb0a\xc3\x88H\x08q!Si\xb3\xd7\x0f\x00\x17\x02\x01\xd0qm\x13\xe7\xe5\xcb\x97/|v\xe1\xde={\x8d\xcf{\xf6\xf6\r\x1b=pD^V\xbfa\xbd\xbd==\x0e\x97]Q8\xe3\x9c\xe8|\x9aZ\x92\xae\xe9\xd1\x88\x16\xa8k\xa98X\xbd\xa7\xf8\xcb\xb2O\xbf&lt;~\xa0\xd2\xf8\xa1\xaf\x87\xef\xe1\x1f?\xfc\xc8#\x8f\xa4\xa6\xa6j\x9a\xd6\xb6tc\xa9\xfa\x01\xe0\x02!\x00:\xc8\x18=+**f\xcf\x9e]XXh|\xd8oH\xaf\xebf\\\x95s\xed\xf0\x94\x1e\xc9D2\x1a\xd6\xb4\xa8.\x844f\xda\xec|FPFD\x8cq\xc6\x14\x1b\xb7\xd9m\\\xe5\xa1\xe6\xd6}\xdb\x0fox\xed\x93\xb2-_\x1a\xdf4l\xd8\xb0e\xcb\x96\xe5\xe5\xe5\x19Wh\xcfk9\xc5\xec\xf5\x03\xc0\x85C\x00t\x841i-,,\x9c={vEE\x05\x11\xf5\x1a\x90~\xc3}y\xa3\xa7^\xee\xf28C-a=\xaa\x13\x11\xe3\x9d0\xa8I)\xa5$\x92\x92+\xdc\xe9r\x08!\xca\xb6\x1c(\\\xf1\x8f=%\x07\x89\xc8n\xb7/\\\xb8\xb0\xa0\xa0\xe0\xbc\xc6P\xb3\xd7\x0f\x00\x9d\x02\x01p\xde\x8c\xd1s\xe9\xd2\xa5s\xe7\xce%"Fl\xe2]\xa3o}\xe8\xfa\x94\xb4\xe4` $t\xc19o\xc7RyG\x08!\x88\x98\xcb\xe3\x14\xba\xf8p\xf5\x96w^\xf80\xd4\xd2JDs\xe6\xccY\xb2d\x89\xae\xeb\xed\xd9di\xf6\xfa\x01\xa0\xb3 \x00\xce\x8f\xb1r\xd26z\xbaS\\3\xfe\xf3\xa6\xabo\xb92\xd8\xd4\xaaEtE\xed\x8a\xeb\x99B\x17\x8c1O\x0f\xf7\x81\x1dGW&lt;\xf5\xd6\xf1}\x95\xf4\xd5\x18z\xcey\xb4\xd9\xeb\x07\x80N\x84\x008\x0f_\x1f=Yj\x9a\xfb\x07\x8bf\x0c\x1f;\xb8\xb1&amp;\xc0\x95\xae\x9e\xbaj\x9a\x9e\x9c\xe2\n\xd47\xff\xa1\xe0\xd5\xc3\xbbNH\x92m\xf3\xe8\xd3n\xe3\xea6\xf5\x03@\xe7B\x00\xb4\x9710m\xd8\xb0a\xca\x94)D\xe4\xf1\xba~\xb6\xe2\xc1\x8c\xfei-\x81\xa0\xa2\xc6g\xc0\x12\xba\xb0\xd9U\xa6\xf0\xdf\xfe\xf0O{\xb7\x1f"\xa2\'\x9f|r\xfe\xfc\xf9\xdf\xba\xaf\xc6\xec\xf5\x03@\xa7C\x00\xb4\x8b\xb1]\xbd\xaa\xaa*;;\xbb\xba\xba\xda\xe5q\xce\xfb\xed\xcc!9\x17\xb5\x04Z\xbbf\xd9\xe4,\x85\xd9\xec\xb6Ps\xeb\xef~\xb4\xe2\xe8\xdeJ\xc6\xa8\xb0\xb0p\xca\x94)\xa7\xcd\xa3\xcd^?\x00\xc4\x02\xee\xc1i\x17\xe3I\t\xb3f\xcd\xaa\xaa\xaa"\xa2\xe9?\xfd\xce\xf0\xb1\x83\x9b\x03\xa1\xf8\x8e\x9eD\xc49\x8f\x84\xa3\x9e\x1e\xee\x07\x9e\xc9w\xa78\xa5\x94\xb3f\xcd\xaa\xac\xacd\x8c\x19O\xf51\x98\xbd~\x00\x88\x05\x04\xc0\xb9\x19\xb3\xd1U\xabV\x15\x15\x15\x11\xd1\xf8\xdbF\x8e\xbf-\xb7\xb1\xa6I\x8d\xd3\xca\xc9i\x14\x85\xb7\x04B\xfd\x86d\xe6\xff\xc7\xbf\x11QUU\xd5\xe3\x8f?\xce9o;\xb73{\xfd\x00\x10#X\x02:\x07)\xa5\x94\xb2\xb1\xb1q\xec\xd8\xb1\x07\x0f\x1e\xec\xd9\xc7\xf7\xf8\xab\x0f\xda\xed\xaa\xae\x8b\x84\xda\xac"t\xe1Nu\xfd\xcf\xbf\xbf\xf6\xd9\x87e\x0e\x87c\xf3\xe6\xcd\xa3F\x8d2\x1e\xc5l\xea\xfa\xf1\xa0\x08\x80\xd8A\xef:\x07cs\xfa\xf2\xe5\xcb\x0f\x1c8 \x84\xb8\xe1{\xe3S\xd3\x92\xa3Q=\xa1FO""\xc6\xf4\xa8~\xd3\xdck\xed\x0e[8\x1c\x9e?\x7f\xbe1\xf4\x9b\xbd\xfex\x97\x05\xd0\x9d!\x00\xceFJ\xa9(J(\x14zy\xf9\xcb\x8c\xb1\xde\x17\xa7\x8f\xbd\xf1\x8a\x16\x7fHQ\x12\xae\xdd8g\xad\xc1\xf0\xc5\xc3\xfb\xe4^w)\x11m\xdc\xb4\xb1\xbc\xbc\\Q\x14\xce\xb9\xa9\xeb\xc7\x95\x00\x80\xd8I\xb8\x81 \xa1\x18\xf7%m\xd8\xb0\xa1lw\x99\x94r\xf2\xbdW\xbbR\x9c\xba\x9e\xa8C\x12cZD\xbb~V\x9e#\xc9\x1el\t\xbe\xf4\xd2KD\xc497u\xfd\x08\x00\x80\xd8A\x00\x9c\xdb\xf2?-g\x8c\xf92Rs\xaf\xbb\xb4\xb59\xccy\x82-\x9e|\x85s\xd6\x1a\x8c\\|i\xdfa\xb9\x03\x19co\xacy\xa3\xb9\xb9\x99\x88\x8c\xe9\xbf\x19\xeb\x0f\x06\x83\xaa\xaab!\x08 F\x10\x00gd\xac\xff\xf8\xfd\xfe\xe2\xe2b)\xe5\xf01\x83R{&amp;k\t\xb8z~\nI\x8c1\xbab\xd2%R\xca\x8a\x13\x15eee\x9a\xa6m\xdd\xba\xd5\xa4\xf5\x97\x96\x96\x12N\x02\x00b\x06\x01pF\xc6\xb8\xb3m\xdb\xb6\x13\xc7O\x10\xd1e\xe3\xb3\xa4$J\xe0\xd1\x93\x888\xa7Hkt\xd8\xe8\x81\xaed\xa7\xae\xeb\x9b6m\xfa\xe2\x8b/NV\x9c$s\xd6\xbfv\xedZ\xfa\xea\xad5\x00\xd0\xe9\x10\x00gd\x8c;\xc5\xc5\xc5D\xe4t9\xfa\x0f\xed\x1d\rG\x13{\xfc$\xc6\x98\x16\xd1\xd3zy3\xfa\xa7\x11\xd1\x8e\xd2\x1d\x1f\x7f\xfc1\x99\xb6\xfe\x92m%D\x84\x9d\xa0\x001\x82\xaeuF\xc6R\xc9\xb6\xed\xdb\x88\xa8g\x1f\x9f/=E\x8f\xea\t&gt;\x80\x12\x91\x10\xc2\x91d\xeb\x9b\x95ID\xa5\xa5\xa5\xef\xbf\xff&gt;\x11\xa5\xf5\xf6\x9a\xb1\xfe\xf2\xf2\xf2\xe6\xe6f\xdc\x14\x06\x10#\x08\x8032\xf6\xa1\xd7\xd4\xd4\x10\x91\xc7\xe7v\xba\x1dB\x18\xef\xc5Jh\x92\x88q\xe6\xcdH!\xa2\xfa\xba\xba\xa3G\x8f\x90\t\xeb\xf7e\xa4\x12Qccc(\x14\x8awE\x00\xdd\x16\x02\xe0\xdb\x19\xf7\xa0\xfa\xfd\xfe}\xfb\xf6\x11Q\xaf\x81\xe9\\1\xc7}I\x8c1\xa1\x8b^\x03\xd3\x89\xa8\xba\xa6\xe6\xc0\x81\x03d\xca\xfa{\x12QS\xa0\xa9\xbc\xbc\x9cp\x1d\x18 6\xf0\xd0\xdd\xb3\x91RF\xa3Q"J\xf6\xba\x18g&amp;\x18&gt;\x89\x88HJJ\xf6\xba\x88H\xd34\xc1\x18\x99\xb0~\xb7\xd7EDB\x08M\xd3\xe2]\x0e@\xb7\x853\x80s0\xae\x04\x08\xcdd3P\xa3\xe0\xb6\xb7k\x99\xb4~\xfa\xaa\xfd\x01 \x16\x10\x00\xedc\xbaQ\x88\x9d\xf5\x7f&amp;&gt;\xd3\x15\x0c`B\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94\x1a\xef\x02\xdaEJ\xd9\x81\xff\x17c\xac\xd3+\x01\x80\xf3\x85\xfe\x9b\xb0\x124\x00\xa4\x94B\x08)%c\x8c1\xc6yG\xceT:\xe5K\x00\xe0|\xa1\xff\x9aEb\x05\x80\xf1\'\'"EQ\x14Ei\xfb\xdc\xef\xf7\x0b!\x18c\xed\x9cJ\x18s\x07\xaf\xd7{\xea\x97\x18\x07\x13\xe7\x1c3\x0b\x80X@\xff5\x9dD\t\x00)\xa5\xae\xeb\xaa\xaa\x1a\x7f\xf2\xa6\xa6\xa6\xe2\xe2\xe2-[\xb6~\xf6\xf9g\xf5u\xf5e\xe5\xe5\x9a\xa61F\xed&lt;\x95d\x8c\x11\xc9\xc1\x83\x87\xf8|\xde\xd1\xa3F\xe5\xe6\xe6\x8e\x193\xa6o\xdf\xbe\xc6O5M\xe3\x9ccB\x01\xd0Y\xd0\x7fM*!\x02@\xd7uEQTU\x8dD"\xeb\xd6\xad[\xb1reI\xc9\xb6cG\x8f\\\xe0\xd7\xd6\xd5\xd6\x12Q\xe1\xbauD\x94\xea\xf5\x8d\x1e5*??\xff\xd6[o\xc9\xc8\xc8 "M\xd3\x14E\xc1l\x02\xe0\x02\xa1\xff\x9aW\x9c\x03\xc08%T\x14\xc5\xef\xf7/]\xbat\xe5+\xaf|\xb1sg\xdbO\x9dnOJz_\xb77\xc3\xd7g\xb0\xd3\xe3\x13Bc\xd4\xbe\xbf7cB\x8b\xd6\x1c.kmn\xf4W\x1en\t4\xf8\x1b\x1b6l(\xda\xb0\xa1\xe8\xbf\xe6\xff\xd7\xcc{\xef}\xe0\x81\x07\x86\r\x1bFDB\x08L%\x00:\x06\xfd\xd7\xec\xe2\x19\x00\xc6\xc4\x81\x88\x96/_\xbe\xf0\xd9g\xf7\xee\xd9c|\xee\xcd\xe8\xd7\xff\xf2\xbc\x81#\'\xa7_|Yr\x8f\x0c{R2\xe3\n\xe7\x8a$I\xed&lt;\x80\x88HJ\xa1G\xb5H8\xd8XS{l\xdf\xd1\xd2\xcdGv|T}dO\xe5\xc9\x93\x8b\x17/^\xb6\xec\xe5\x87\x1f\xfe\xf1#\x8f&lt;\x92\x9a\x9a\xaai\x9a\xaa&amp;\xc4\x99\x10\x80\x89\xa0\xffv\x03qk8\xe3\xe8\xa9\xa8\xa8\x98={vaa\xa1\xf1a\xfa\x80Kr\xbf\xf3@\xd6U7\xba\xbc\xe9$\xa5\x16i\xd5\xb5h\xb8\xa5I\x92l\xef\xf2\xe1)\x18\xe3\x8c1\x977}PF\xff!cn\x08\xb74\x1d\xdb\xfd\xe9\xf6w\x96\x1c\xd9\xb1\xb1\xa1\xa1~\xc1\x82\x05\xabW\xaf^\xb6lY^^\x9eq\x85\n\xa7\x93\x00\xed\x84\xfe\xdb=\xc4\'\x00\x8c\xd0.,,\x9c={vEE\x05\x11\xa5\xf5\x1d&lt;\xea\xb6\x87.\xb9\xe6V\x87;5\x12l\n\x05\x1a\x18#b\xdc\xd8\xffu!\x7fX]\x8b\xea\xd1\xb0\x94\x92+\xea\xa0\x91\xd7\r\xbcr\xd2\xe1\x1d\x1b\x8b\xdf\xfa\xe3\xd1\x9d\x1f\xef\xdd\xbb\xf7\xba\xeb&amp;/\\\xf8\xeb\x82\x82\x02c\xf7\x02\x8e!\x80sB\xff\xed6\xe2\x10\x00\xc6\xd1\xb3t\xe9\xd2\xb9s\xe7\x12\x11#\xca\xbe\xf1\xfb\xe3\xef\xfd\xa9\xdb\x9b\xd1\xda\xdc\x18\n\xd4qE\xe1\xa7l\xff\xba@\x8c1b\x8aq\\\x84[\x02Dl`\xeeu\x03r&amp;~\xfe\xde\xb2\x8f_\x7f6\x1cl~\xe4\x91G\xca\xca\xca\x96,Y\xa2\xeb:6\x99\x01\x9c\x1d\xfaow\xd2\xd5\xd7O\x8c\xbdbmGO\x92\xc7\xfbo\xff\xfe?S\xe7=\xa7\xda\x9cA\x7f-\x11qE=\x8f\x85\xc2\xf3\xc4\xb8\xc28om\xf1GC-c\xee\x98\x97\xff\xf4\x9a\x8c\x8b/%"\xa3\x1eEQ\xa4\x94\x1d\xbbk\x11\xc0\n\xd0\x7f\xbb\x99.\r\x00c\xdd\xd0\xf8k1"\xb7/\xe3\xf6_\xac\xbc\xfc\xfa\x19\xc1\x86j)t\xaet\xd1\xe9\x08\xe7\n\xe3\xbc\xa5\xa1\xaa\xd7\x90\x9c\xbb\x9e\xfaK\xef\xa1\xb9\xec\xabc\x88sn\x9cK\x02\xc0i\xd0\x7f\xbb\x9f\xae\x0b\x00\xe3\xe8\xd9\xb0a\x831wp\xa6\xf4\x98\xf1\xcc\xdb}\x87\x8fn\xa9\xaf\xe4\xaa\x8d\xba\xfc\xc4\x8d\xab\xb6\xd6\xe6F{R\xf2\x8cg\xfe\xd6o\xc48"Z\xbat\xe9\x82\x05\x0b\x14E\xd14\xad\x8b\x8b\x01Hp\xe8\xbf\xddR\x17\x05\x80\x10BQ\x94\xaa\xaa\xaa\x993g2\xc6\x9c\xc9\xa9\xb7\xff\xfcO\xbe\xde\x03[\x9b\xfd\\\xb5uM\r\xdf\xc4\x15U\x8f\x86\xa5\x90\xb7&lt;\xb6$s\xd0\x08F\xb4`\xc1\x82\xa2\xa2"UUu]\x8fWU\x00\x89\x06\xfd\xb7\xbb\xea\xa2\x000\xee\x14\x9f5kVUU\x15\x11M\x9e\xf3\xcb\x8b\xb2\xafimj\xe8\xb2\xd3\xc63a\\\xd1#\xa1\xa4\xd4\x9e\xdfy\xf4\x05G\xb2WJ9k\xd6\xac\xca\xcaJ\\J\x02hc\xc6\xfe\x8b\xb5\xa0\xf6\xe8\x8a\x000N\x1eW\xadZUTTDD\x97_\x7f\xcf\xe5S\xeei\xa9\xab\x8c\xe3\xdc\xe1TLQ\xc3\xcd\x8d=\x07\x0c\xbf\xee\xfe\xa7\x88\xa8\xaa\xaa\xea\xf1\xc7\x1fW:o\x1b\x03\x80\xa9\x99\xb1\xffr\xceq5\xb8=b\x1e\x00\xc6\xd3\\\xeb\xeb\xeb\x9fz\xea)\xc6\xb9\xaf\xf7\xc5\x13\xbf\xf7DkSc\xdc\xe7\x0e\xa7\xe2\xaa-\xe8\xaf\x1bq\xfd\xf4\xa1\xe3\xfe\x8d\x11\xbd\xfe\xfa\xeb\xc5\xc5\xc5m\x8f6\x04\xb0,\x93\xf6\xdf\x92\x92\x12\\\x10n\x8f\x98\x07\x80\xb19w\xf9\xf2\xe5\x07\x0e\x1c\x90B\x8c\xbe\xed!\x97/C\xd7"]\x7f\xd5\xe8\xec\x18cz42\xee\xee\x7fW\xec\x8ep8&lt;\x7f\xfe\xfc\xf6?\xbd\x16\xa0\xbbB\xff\xed\xdeb\x1b\x00RJEQB\xa1\xd0\xcb\xcb\x973\xc6\xd2\xfa\x0e\x1e&gt;\xf1\x8eDX:\xfc&amp;\xc6y$\xd4\x9c9${\xe8\xb8\xef\x10\xd1\xa6M\x9b\xf6\xef\xdf\x9f\x9c\x9c\x8cI\x04X\x96y\xfb\xef\xc6M\x9b\xca\xcb\xcb\x15EA\xff=\xbb\xd8\x06\x80\xf1\x8c\x8e\r\x1b6\x94\xed\xde-\xa5\x1cy\xeb\x0f\x1c\xc9\xa9BO\xd0MZ\x8cq=\x12\x1eu\xdb\x0f\xecNW0\x18|i\xd92\xa7\xd3)\xb0\x9d\x00\xac\xca\xc4\xfd\xb7\xa5\xe5\xa5\x97^""\x04\xc0\xd9u\xc5E\xe0\xe5\xcb\xff\xc4\x18KI\xeb5t\xdc\xbfE\x82M\x9c\'\xe8\xf5U\xc6y$\xd4\xd2kHv\xff\xcb\xc61\xc6\xdex\xe3\x8d\xaa\xaa*\xbb\xc3\x11\xef\xba\x00\xe2\xc9\xa4\xfd\xf7/o\xac\t\x06\x83\xaa\xaab!\xe8,b\x18\x00\xc6\xf9\xa3\xdf\xef/.)\x96R^t\xc55.o\xba\x1e\x8d&amp;\xda\xea\xe1\xd7I"6x\xecT)\xe5\xb1\xa3\xc7\xb6o\xdf\xeer\xb9\xe2]\x12@\x1c\x98\xbd\xff\x9e\xac8QZZJ8\t8\xab\x18\x06\x80\xd1\xee\xdb\xb6m;q\xfc8\x11\r\x1c9\x99db\x1f&lt;D\x9c+Z8t\xd1\xe5\xe3\x1d\xaedM\x8b\xae]\xb7\xcen\xb7\xc7\xbb(\x8080u\xffu\xba&lt;\xba\xae\xaf]\xbb\x96\xbezk\r|\xab\xd8\x9e\x01\x10Qqq1\x119\x92\xdc\x19\x03/\xd3\xa2\xad\x8c%\xf6\xeb{\x18\xd3\xa3aOz_o\xef\x8b\x89\xa8\xa4\xa4$\x1a\x8d\x12\x91$\x1cC`-\xa6\xee\xbf\xbe&gt;\x17\x13QI\xc96"\xc2+\xc3\xce"\x86Mc\xdcL\xbbm\xdbv"J\xcd\xe8\x9f\x9c\xd6;\xe1\xcf\x1f\x89\x88\x84\x106GR\xfa\x80K\x89\xa8\xac\xac\xbc\xba\xaa\x8a\x880\xfe\x83\xd5\x98\xba\xff\xf64\xfaoyyss3n\n;\x8b\xd8\x06\x80\x94\xb2\xa6\xa6\x86\x88\\\xa9i\xf6$\xb7\x14\xa6\xd8Q#\x19W&lt;i\xbd\x89\xa8\xa9\xa9\xa9\xb5\xb55\xde\xf5\x00\xc4\x81\xa9\xfborZo"jll\x0c\x85B\xf1\xae\'\xa1\xc5*\x00\xa4\x94\x9cs\xbf\xdf\xbfw\xdf&gt;"\xea\xd1o(\xe3\xe6\xb8\x1c\xcf\x18\x13\xba\x96\xd6\x7f(\x11q\x8e\xf7\xcc\x81\x15\x99\xbe\xff\xf6\xcb"\xa2\xe6\xa6@yy9\xe1:\xf0\x99\xc5\xfcF0c\r\xdd\xe9\xf11\xceM\xb3\x92"\xa5\xd3\xd3\x83p\xf9\x08\xac\xcd\xec\xfdW\x08\x81GC\x9f]\xcc/\x8f\x183h)L\xf6g0]\xc1\x00\xb1`\xf6\xfe\x8b3\xf8\xb3\xeb\xb2\xeb\xe3\xa6\xfb3\x98\xae`\x80\xd81]w0]\xc1\xf1\x81\rR\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5\xde\x05\x00\xc4\x9c\x94\xb2\x03\xff/\xc6X\xa7W\xd21f\xaf\xdf\xec\xbaq\xfb#\x00\xa0\x1b\x92R\n!\xa4\x94\x8c1\xc6\x18\xe7\x1d9\xd3\xed\x94/\xe9\x18\xb3\xd7ov\xd6i\x7f\x04\x00t\x1fF\x97#"EQ\x14Ei\xfb\xdc\xef\xf7\x0b!\x18c\xed\x9c\xca\x19s7\xaf\xd7{\xea\x97\x18\x9d\x99s\x1e\xbb\x99\x9d\xd9\xeb7;\x0b\xb6?\x02\x00\xba\x03)\xa5\xae\xeb\xaa\xaa\x1a]\xae\xa9\xa9\xa9\xb8\xb8x\xeb\x96-\x9f}\xfeY}}}yY\x99\xaekD\x8c\xa8\x9d\xe7\xf2\x8c\x88\x06\x0f\x1e\xec\xf5\xf9F\x8d\x1a\x9d\x9b\x9b;f\xcc\x98\xbe}\xfb\x1a?\xd34\x8ds\xde\xb9\x13:\xb3\xd7ov\xdf\xde\xfe[\xb7~\xf6\xd9g\xf5\xf5\xf5\xe5\xe5\xe5\xba\xae\x9f\xefw\x0e\x1e&lt;\xd8\xeb\xf5\x8e\x1a5*\x91\xdb\x1f\x01\x00\xa6\xa7\xeb\xba\xa2(\xaa\xaaF"\x91u\xeb\xd6\xad\\\xb9b[I\xc9\x91\xa3\xc7.\xf0kkj\xeb\x88h\xdd\xbaB"\xf2ySG\x8d\x1a\x9d\x9f\x9f\x7f\xcb\xad\xb7fdd\x10\x91\xa6i\x8a\xa2t\xcal\xce\xec\xf5\x9b\xdd7\xda\x7f\xe5\xb6m\xdb\x8e\x1c9r\x81_[SSCD\xeb\xd6\xad#"\x9f\xcf7j\xd4\xa8\xfc\xfc\xfc[n\xb9%\xa1\xda\x1f\x01\x00&amp;f\x9c\x92+\x8a\xe2\xf7\xfb\x97.]\xfa\xca++w\xee\xfc\xa2\xed\xa7\x1e\xb7s@FJf\x0f\xd7\xf0\xbe\xde\x1e\xa9N]\x17\x8c\xda\xd5\xdf\x18\xa3\xa8&amp;&gt;?X\xdb\xd8\x14&gt;p\xb2\xb1\xce\x1flh\xf4\x17m\xd8P\xb4a\xc3\xfc\xf9\xffu\xcf\xbd3\x1fx\xe0\x81a\xc3\x86\x11\x91\x10\xe2B\xa6rf\xaf\xdf\xec\xbe\xd1\xfe\xaf\xec\xdc\xb9\xb3\xed\xa7\x1e\x8f\xe7\xa2\x8b.\xea\xd5\xab\xd7\xd0\xa1C{\xf4\xe8\xa1iZ;\xc7k\xc6X4\x1a\xdd\xb9sgCC\xc3\x97_~Y__\xdf\xd0\xd0PTTTTT4\x7f\xfe\xfc{\xee\xb9\'q\xda\x1f\x01\x00feL\xdc\x88h\xf9\xf2\xe5\xcf&gt;\xbbp\xcf\x9e\xbd\xc6\xe7\x17e\xa6N\xce\xe9w\xe3\xe8\x8b\xaf\x1c\x9c\xde\'\xcd\xedJ\xb2\x93\xc2\x88\xb3\xf6.\x9f\xb4\xd1\x84\x16\xd1*\x1b\x82\xbb\x8f\xd6\xad\xff\xec\xd8\xfa\xedGw\x1d\xaa\xad8Y\xb9x\xf1\xe2\x97\x97-\xfb\xf1\xc3\x0f?\xf2\xc8#\xa9\xa9\xa9\x9a\xa6\xa9jG\xfa\x91\xd9\xeb7\xbb\xaf\xb7\xff\xb3{\xf6\xec1&gt;\xbf\xe8\xa2\x8b&amp;M\x9a4m\xda\xb4\xec\xec\xec^\xbdzy&lt;\x1eUU;0U\x8fF\xa3\xe1p\xb8\xaa\xaa\xaa\xbc\xbc\xfc\x83\x0f&gt;(**\xda\xbd{wEE\xc5\xe2\xc5\x8b_~\xf9\xe5\x1f\xff\xf8\xc7\x89\xd0\xfeV\xfc\xc3C7`\xf4\xde\x8a\x8a\x8a\xd9\xb3g\x17\x16\x16\x1a\x1f\x8e\x18\x98\xfe\xf0m\xd9w\xe4\rI\xf3\xb9HJ=\xa2G5\xbd\xa5%,:\xba\x8d\x8f3\xd6\xcb\xe7\xea\x97\x992\xf5\xaa\xc1\xa1\x96\xf0\xc6/\x8e\xff\xf7\x9b\x9f\x17m?Z\xdf\xd0\xb0`\xc1\x82\xd5\xabW/[\xb6,//\xcf\xb8Bx^c\x84\xd9\xeb7\xbbom\xff\xcb.\xbbl\xde\xbcy\xb7\xddv[FF\x86\x94\xb2\xb5\xb55\x12\x89\xf8\xfd~\xea\xd0NPc\xe7OFF\xc6\x80\x01\x03n\xba\xe9\xa6@ \xb0y\xf3\xe6\xdf\xfd\xeew\x1b6l\xa8\xaf\xafO\x90\xf6G\x00\x80\xf9\x18\x93\xa6\xc2\xc2\xc2\xfbg\xcf&gt;QQAD\xc3\xfa\xf7\xf8\x8f\xbbr\xa7O\x1c\x96\xecq\x84\x83\x91\xa6@\x881\xc6\x19\x11c\x9c3\xde\xbe\x95\x93o\x15\xd1\xf4\xd6\xa8.\xa5T\x15&gt;m\xf4\xc0i#/.\xdc~\xe4\xd9\xbfl\xfbp\xc7\xb1\xbd{\xf7N\xbe\xee\xba_/\\XPP`\xec\x1eig\x1f6{\xfdf\xf7\xaf\xf6\xbf\xff\xfe\x13\'N\x10QVV\xd6\xa3\x8f&gt;z\xd7]w\xf9|\xbe@ PWWg\x0c\xdf\x8c\xb1Sw\xf2t\x80q\x1e \xa5TUu\xda\xb4iS\xa6L)**z\xee\xb9\xe7&gt;\xfa\xe8\xa3\xbd{\xf7N\x9e&lt;\xf9\xd7\xbf\xfeu\x1c\xdb\xdf\xba\xcb\x7f`RF\xef]\xbat\xe9\xb4i\xd3NTT\x10\xb1\x1f\xdd\x9c\xfd\xc9o\xf3\x1f\xb89[a\xd4\xe4\x0f\xe9\xbaT\x15\xae\xf0\xce\x99S1\xc6\x14\xceT\x85\x13QsK\xb8%\x14\x99:\xe6\xe2\xf5\x0b\xef\xf8\xed\x0f\'\xa6\xb8\x1d\xe1H\xe4\x91G\x1e\x99;w.\xe7\xdc\xd8\xe7\xd7\xed\xeb7\xbb\xaf\xb5\xff\x89\x13D\xf4\x83\x1f\xfc`\xf3\xe6\xcd\x0f&gt;\xf8 c\xac\xb6\xb6\xb6m;P\xa7\x0c\xc7F\x84\x18\x8b&lt;\x8d\x8d\x8d\xcd\xcd\xcd\xd3\xa6M[\xbbv\xed\xe2\xc5\x8b=\x1eO8\x1c\x8eo\xfb#\x00\xc0L\x8c\xce\xb9t\xe9\xd2\xb9s\xe7\x12Q\x0fO\xd2\xaa\xc7\xa7\xfd\xe1\xdf\xafw\xdb\xd5\xa6\xc6 \x11\xa9\n\x8f\xdd,J\xe1\x8cs\xd6\xdc\x1cn\rE\x7fr\xf7\xe8\x0f\x9e\xfdn\xf6\xa0t"f\xd4\xa3(\x8a\x94\xf2\xec}\xd8\xec\xf5\x9b\xddi\xed\xef\xf3\xf9V\xae\\\xf9\xc2\x0b/8\x9dNc\xd3N\xc7\x96\xfb\xdbIQ\x14\xceycccKK\xcb\xa3\x8f&gt;\xba~\xfd\xfa+\xae\xb8\x82\x88\xe2\xd8\xfe\x08\x000\rc\xdd\xf6\xab\xde\xcbz\xf7p\xbf\xf7\xd4\xcd3\xa6]\x16h\x08\xeaB\x1a\x93\xdc.`\x0c\xa3\x81\xfa\x96QC3\x8b\x16\xdeq\xd5%\x99D\xdc\xa8\xca\x98\xc7u\xd7\xfa\xcd\xee\xeb\xedO\x99\x99\x99o\xbd\xf5\xd6\xacY\xb3\xaa\xab\xab\x8d`\xe8\x9a2\x8c\x18\xa8\xae\xae\x1e9r\xe4\xda\xb5k\xc7\x8c\x19C_e@\xd7\xb7?\x02\x00\xcc\xc1\xe8\xbd\x1b6l0zo\xcfT\xe7?~\x93?nD\xdf@]\x8bM\x8d\xe1\xac\xf9Ll*ojnMu\xd97\xfd&amp;\xff\xda\xec&gt;D\xb4t\xe9\xd2\x05\x0b\x16(\x8a\xa2iZ\xf7\xab\xdf\xecNo\xff\x9e=?\xfa\xe8\xa3\xab\xaf\xbe\xba\xba\xba\xdaf\xb3u\xfd\xe2\xbb\xcdfkll\xf4x&lt;\xff\xf7\x7f\xff7a\xc2\x04\x8aS\xfb#\x00\xc0\x04\x84\x10\x8a\xa2TUU\xcd\x9a9\x931\xe6\xf38\xdf^p\xcb\xa0&gt;\xde\xa6\xe6V\x9b\x1a\xb7cXUx$\xaaK)W\xff\xe2\xa6\xdc!\x19Dl\xc1\x82\x05EEE\xaa\xaa\x9ev\xe3\xa8\xd9\xeb7\xbb\x7f\xb5\xff\xacY\x8c1\x9f\xcf\xb7f\xcd\x9a\xc1\x83\x07744\xd8l\xb6xU\xa5\xaaj8\x1c\x16B\xacZ\xb5*\'\'\x87\x88\xba\xbe\xfd\x11\x00`\x0e\xba\xae\xcf\x9a5\xab\xb2\xaa\x8a\x88\xfe\xf8\xa3k\xaf\xbe\xb2\x7f\xa0\xa9\xb5\xcb\x96M\xceD\xe1,\x12\xd63|I\xab\x1e\xbf\xd1\xe7q\x90\x94\xf7\xcd\x9aUYY\xc9\x18;\xf5\\\xdex\xd2\x80\xb9\xea\x8foa\x9d\xee\x9f\xed_YID\xbf\xfd\xedo\'N\x9c\x18\xdf\xd1\xdf\xa0(J(\x14JOO\x7f\xe5\x95W|&gt;\x1f\x11\xddw\xdf}\xdf&lt;~b\x07\x01\x00&amp;`\xb3\xd9V\xadZUTTDDsn\x1c1c\xdae\xc6\xcaI\xbc\xeb""R\x14\x16h\n\x0f\x1b\xd4\xf3\xf9\x1fN\x94D\x95UU\x8f?\xfe8\xe7\xbc\xedj\x9e\xb1\xf8`\xae\xfa/p\xefc\xa29\xf5\xf8\x99={\xf6}\xf7\xddg\xac\xfc\xc4\xbb.""UU\x1b\x1b\x1bG\x8c\x18\xf1\xdcs\xcfI)+++O;~b*!\x0eA\x8031\xbaA]]\xddSO=\xc59\x1b\xdc\xc7\xfb\xeb\xfb\xc7\xb7&amp;\xc0\xdc\xf9T6\x9577\x06gN\xbd\xec\x8e\xf1YD\xec\xf5\xd7_/))i\xdb\xd8\xc7\x18\xab\xaf\xaf7W\xfd\xc5\xc5\xc5m\x8f\xc64\xb5\xaf\x1f?|\xd0\xa0A\xbf\xfc\xe5/\xfd~\x7fB\xdd\xfcl\xb3\xd9jkk\xbf\xf7\xbd\xef\xddv\xdbmDt\xea\xf1\x13\xeb_\x9d@G!\xc07\x19\x17\xc4\x96-{\xe9\xc0\x81\x03B\xc8\x9f\xdd5\xca\xd7\xc3\x15\xd5\xf4D[\xa2`\x8c\xe9\x9a\xbe`\xe6X\xa7]\t\x87\xc3\xf3\xe7\xcf7\x9e\x1e\xac\xeb:\xe7|\xf9\xf2\xe5&amp;\xad?\xdeu]\xa8\xaf\x8e\x9fe\x07\x0e\x1c\x10B&lt;\xfa\xe8\xa3\x99\x99\x99\x91H$\xd1\xd6\xb8\x18c\x91H\xe4\x89\'\x9ep8\x1c]\xd9\xfe\x08\x00Hh6\x9bM\x08\xb1|\xf9r\xc6\xd8\xb0\xfe=fL\x1e\x16J\xb0\xe9\xb3\x81s\x16\nFF\x0c\xcd\xb8\xf3\x9a,"\xda\xb4icyy\xb9\xb1\xe1/\x14\n-_\xfe\xb2\xd9\xea\xdf\xb4\x7f\xff\xfe\xe4\xe4d\xb3\x9f\x04\x9cz\xfc\x0c\x1d:t\xc6\x8c\x19\r\r\r\t5\xfd7p\xce\x9b\x9a\x9arss\xef\xb8\xe3\x0e"\xda\xb4i\x93q\xfc\xc4\xba\xfd\x13\xee@\x048UJJ\xca\xe6\xcd\x9b\xf7\xec\xd9+\xa5\xfc\x8f\xef\xe6\xba\x93\x1d\x9a\x9e\xa0C\x12cL\x8f\xe8\x8f\xdd\x99\xebv\xda[Z\x82/\xbd\xf4\x12\x11q\xce7l\xd8\xb0{w\x99\xb9\xea\x0f\x06\x83\xcb\x96\xbd\xe4t:\xcd\x1e\x00_\x1d?{\xa4\x94\x05\x05\x05^\xaf7a7\xb9r\xce[[[\x1fy\xe4\x11\x97\xcb\xd5\xd2\xd2b\x1c?\x08\x00\xb04\xc6\x981}\xeb\xd3\xd3\xf3\xdd\xf1C\xc2\xc1\x88\x92\xa8\x8f/\xe6\x9c\x85B\x91+\x86fN\xcc\xee\xc7\x18[\xf3\xc6_\x9a\x9b\x9b\x89\xc8\xb4\xf5\xbfQUU\xe5p8\xe2]\xd7\x05i;~z\xf7\xee}\xfb\xed\xb7\x07\x02\x81\x84\xbd\xbe\xcd9oii\xc9\xcd\xcd\x9d0a\x02cl\xcd\x9a5\xc1`PU\xd5\x98.\x04%\xe8\xb1\x08`8q\xe2DI\xf1V)\xe5\x94+\xfb\xfb|\xaeh4\xe1V\xcfO%\x89\x88\xd1m\xe3\x06I)+*N\x96\x95\x95i\x9a\xb6u\xcb\x163\xd6\x7f\xf4\xe8\xb1\xed\xdb\xb7\xbb\\I\xf1.\xea\x82\x9c8q\xa2\xa4\xa4DJ9y\xf2\xe4\x8c\x8c\x8ch4\x9ah\xab\xff\xa72\xb6\x0c\xdc|\xf3\xcdR\xca\x8a\x8a\x8a\xd2\xd2R\x8a\xf1I\x00\x02\x00\x12\x97\xaa*\x9f~\xfa\xe9\xfe\xfd\xfb\x89\xe8\xa61\x17\x13\x11%p\xef%"\x85s-\xacM\xce\xee\x97\xe2vj\xba\xbei\xd3\xa6/\xbe\xf8\xa2\xe2\xe4I2[\xfd\x1e\x97#\xaai\xeb\xd6\xad\xb5\xdb\xed\xf1.\xaa\xe3\x14Um;~\xa6M\x9b\x96\xf8\xd7\xb4\x8d\xdb\x02\xae\xbd\xf6\xda\x94\x94\x14M\xd3\x8c\xb7\x89\xe1\x0c\x00,\xcaf\xb7o\xdb\xb6-\xaa\xe9I\x0e[\xce\xa0t=\xa2\xc5\xe1\x99\t\xe7\x831\x8aD\xf4\xfe\x99\x9e\xac\xbe^"*-\xdd\xf1\xf1\xc7\x1f\x13\x91;\xc9a\xc6\xfa\xb7\x95\x94D\xa3\x1a\xb5\xfbM\xc4\x89\xc6n\xb3o\xdb\xb6-\x1a\x8d&amp;%%egg\xb7\xb6\xb6&amp;\xf8\xeb\xcf\x18c\xe1p\xb8\x7f\xff\xfe\x83\x07\x0f&amp;\xa2\x92\x92\x12"\x8ai\xcd\t\xdd\x1c`q\x91Hd\xdb\xb6\x12"\xba8\xd3\xd3\xa7gr\x82\xaf\x9f\x18\x84\x106\x87\xed\x8a\x81iD\xb4\xb3\xb4t\xed\xfb\x7f\'\xa2\x81\xbdLY\x7fYYYUU\x15\x11Q\xc2\xcf\x9d\xbfU$\x1a\xd9\xb6m\x1b\x11\r\x180\xa0o\xdf\xbe\t\xbe\xfec\x10B\xb8\\\xae\xcb/\xbf\x9c\x88\xca\xcb\xcb\x9b\x9b\x9bczS\x18\x02\x00\x12\x97\x10\xa2\xa1\xa1\x91\x882\xbdIn\x97]\x17&amp;\x18\x86$\x11q\xd6\xaf\xa7\x9b\x88\xea\xeb\xea\x8e\x1e=JD\xe9\xa9\xa6\xab\xdfCDMMM\xad\xad\xad\xf1\xae\xa8\xe3\x84\x10\r\r\rD\x94\x91\x91\x91\x9c\x9cl\x8a\x07\x1cI)9\xe7}\xfb\xf6%"\xbf\xdf\x1f\n\x85b\xfa\xeb\x10\x00\x90\xd0\x8c-\xf3\x97\r\xe8I\xdc\x1c\xf7%1\xc6H\x88K\xfb\xa7\x11QUM\xcd\x81\x03\x07\x88\xe8\xd2\x8bz\x98\xab\xfe\xcb.\xeaAD\x8c\xf3\xc4\x9f2\x9f\x9d\xb1\xe5\x7f\xf8\xf0\xe1\xc6\xd3\xf6\xe3]\xce\xb91\xc6t]\xbf\xe4\x92K\x88\xc8\xef\xf7\x97\x97\x97S,\xaf\x03\'\xdc\r\x11\x00\xdf\x94\x96\xe2$\xceL\xd0}\r\x92\xd2R\x9cD\xa4i\x9a`\x8c\x88\xd2&lt;\xa6\xac_Jy\x01/\xa3L iii]\xf6t\x9d\x0b\'\xa5LKK#"!D\xac\xefZ\xc0\x19\x00\x98\x80\xa6\x9b\xa3\xeb\xb61\nn{\xd3\xb7I\xeb\xef6\x12\xf6\xe6\xaf3i+8\xd6g`\x08\x000\x01\xd3\xadC\x9cV\xb0\xd9\xeb7;\xd3-duY\xc1\x08\x00\x00\x00\x8bB\x00\x00\x00X\x14\x02\x00\x00\xc0\xa2\x10\x00\x00\x00\x16\x85\x00\x00\x00\xb0(\x04\x00\x00\x80E!\x00\x00\x00,\n\x01\x00\x00`Q\x08\x00\x00\x00\x8bB\x00\x00\x00X\x14\x02\x00\x00\xc0\xa2\x10\x00\x00\x00\x16\x85\x00\x00\x00\xb0(\xbc\x0f\x00\x00\xa0]\xe4)\xda&gt;d\xa7\x88cm\x1d\x83\x00\x00\x008\x1b!\x84\x10BQ\x14\xbb\xddn\xb7\xdb\x15E\xe1\x9c3\xf6\xcfW\xbc\t!"\x91H8\x1c\xd64\x8d1\x96\xe0\xef\x9d?\r\x02\x00\x00\xe0[H)u]WU\xd5\xe3\xf1\xd8\xed\xf6\xe6\xe6\xe6\x8a\x8a\x8a\xa3G\x8fVVV\xd6\xd6\xd6\x1aoKv\xbb\xdd\x99\x99\x99\x17_|\xf1\xc0\x81\x03\xd3\xd2\xd2\xa2\xd1hSS\x137\xcf\xab4\x11\x00\x00\x00\xa7\x93R:\x1c\x0e\x97\xcb\xe5\xf7\xfb7m\xdaTXX\xb8q\xe3\xc6\xfd\xfb\xf7766~\xf3_\xb6\xd9l\x03\x06\x0c\xb8\xf6\xdak\xef\xb9\xe7\x9e\xbc\xbc\xbcp8\xdc\xda\xda\xaa(J\x97W}\xde\x10\x00\x00\x00_#\xa5T\x14\xe5\xd8\xb1c\x7f\xfd\xeb_\xff\xfc\xe7?\xef\xdc\xb9\xf3\xec\xff~4\x1a=p\xe0\xc0\x81\x03\x07\x96.]:}\xfa\xf4_\xfe\xf2\x97\xfd\xfa\xf5\x0b\x04\x02\x89\x9f\x01\x08\x00\x00\x80\xaf\xd1u\xdd\xe7\xf3=\xf3\xcc3\x0b\x17.l\xfb\x9016h\xd0\xa0a\xc3\x86\r\x1e&lt;8===))IJ\xd9\xd8\xd8x\xe8\xd0\xa1\x1d;v\x94\x97\x97\x13\x91\xa2(\xabW\xaf\xfe\xe4\x93OV\xaf^=r\xe4\xc8\xc4\xcf\x00\x04\x00\x00\xc0\xd7p\xceC\xa1\xd0\xf4\xe9\xd3\x17-Z$\x84\xb8\xf4\xd2Ko\xbb\xed\xb6\xa9S\xa7\x0e\x1f&gt;\xdc\xeb\xf5\xdal6"2\xae\x003\xc6t]\x0f\x04\x02\xdb\xb6m{\xfe\xf9\xe7\xdf{\xef=\x9b\xcdv\xf4\xe8\xd1[o\xbd\xf5\xa3\x8f&gt;\xba\xf8\xe2\x8bC\xa1P"_\x16F\x00\x00\x00|\r\xe7\xbc\xb5\xb5u\xe8\xd0\xa1?\xfb\xd9\xcf\xb2\xb2\xb2n\xbf\xfd\xf6\xd4\xd4\xd4p8\x1c\n\x85\xfc~\xff\xa9{@\x89\x881\xa6(\xca\xc4\x89\x13\'O\x9e\xfc\xe2\x8b/\xfe\xe4\'?\xb1\xdb\xed555?\xfa\xd1\x8f\xd6\xae]\x1b\xaf\xff\x84vB\x00\x00\x00\x9c\x8e1\xd6\xda\xda\xfa\xe4\x93O2\xc6\x9a\x9b\x9bkjj\x8c\xbd=gZ\xd2\t\x04\x02R\xca\x87\x1ezHJ9o\xde&lt;UU?\xfa\xe8\xa3\xbf\xff\xfd\xef\xb7\xdezkccc\xc2.\x04%\xee\xb9\t\x00@\x1c1\xc6\xfc~\x7fcc\xa3\x10BU\xd5\xb3o\xeeT\x14EQ\x94\x9a\x9a\x9a\x1f\xfe\xf0\x87\x93\'O6\xee\tX\xb5jU\x82\xef\x07E\x00\x00\x00|;cXo\xe7 n\xfckR\xca\xfb\xef\xbf\xdf\xf8\x87\xe2\xe2\xe2\x9a\x9a\x1a\x9b\xcdv\xda\xaaQ\xe2@\x00\x00\x00t\x0eEQB\xa1Pnn\xae\xdb\xed&amp;\xa2\xca\xca\xca\xe3\xc7\x8f\xdb\xedv\x04\x00\x00@\xf7\xa7i\x9a\xcf\xe7\xcb\xcc\xcc4\xfe\xb9\xae\xaeNQ\x14\x04\x00\x00@7g&lt; \xc8f\xb3\xb9\\.\xe3\x93p8\x9c\xc8\xdb@\x13\xb72\x00\x00s\x91R2\xc6\x84\x10\xd1h\xd4\xf8DU\xd5\x84\x9d\xfe\x13\x02\x00\x00\xa0\x13q\xce\x83\xc1`CC\x83\xf1\xcf^\xafW\xd7\xf5\x84\xdd\x0b\x84\x00\x00\x00\xe8\x1cRJ\xbb\xdd~\xf4\xe8\xd1\xba\xba:"\xf2\xf9|}\xfa\xf4\x89F\xa3\x08\x00\x00\x80nN\x08\xe1t:?\xfc\xf0Cc\xd6?b\xc4\x88\xde\xbd{G"\x11\x04\x00\x00@wf\\\xfe\xad\xad\xad]\xbe|\xb9\xf1?o\xbf\xfdv\xbb\xdd.\x84\x88wig\x84GA\x00\x00t\x02M\xd3222\x1e}\xf4\xd1C\x87\x0e1\xc6\xfa\xf7\xef\x7f\xf7\xddw\'\xf8\x03Aq\x06\x00\x00p\xa1\xa2\xd1hFF\xc6\x8a\x15+~\xf3\x9b\xdf\x18\xb7\xfe&gt;\xf5\xd4S\xe9\xe9\xe9\x89\xbc\xfeC\x08\x00\x00\x80\x0b!\xa54\xe6\xfe\xaf\xbe\xfa\xea\x9c9sl6[4\x1a\xfd\xfe\xf7\xbf?s\xe6\xcc\x86\x86\x06UM\xe8U\x16\x04\x00\x00@\x07\t!\x18c\xe9\xe9\xe9\xff\xfd\xdf\xff}\xdf}\xf7\x11Q$\x12\xf9\xcew\xbe\xf3\xfb\xdf\xff\xdex9p\xbc\x0b&lt;\x87\x84N\'\x00\x80\x84\xa5i\x9a\xdb\xed\x16B\xfc\xf0\x87?|\xf1\xc5\x17\x8d\xb9\xff]w\xdd\xf5\xf2\xcb/\xeb\xba\xae\xebz\xe2\x07@\xa2\xd7\x07\x00\x90\x80\x8cg\xfe\x1c;v\xec\xc6\x1bo|\xf1\xc5\x17\x15E\x89F\xa3\x05\x05\x05\xaf\xbc\xf2\x8a\xa6i\x9a\xa6%\xfe\xe8O8\x03\x00\x008_\x9a\xa6\xf5\xe8\xd1c\xf3\xe6\xcd\xf7\xde{oEE\x05\x11\xd9l\xb6?\xfc\xe1\x0f\x0f&gt;\xf8`CC\x83\x94\xd2\x14\xa3?!\x00\x00\x00\xce\x8b\xf1\xca\xf8\x0f&gt;\xf8\xe0\xbb\xdf\xfdnss3\x11\r\x192\xe4O\x7f\xfaS^^^MM\x8d\xa2(f\x19\xfd\t\x01\x00\x00\xd0~B\x08\xb7\xdb\xbdk\xd7\xae\xbb\xef\xbe\xbb\xa5\xa5\x85\x88\xf2\xf2\xf2V\xaf^\x9d\x91\x91Q]]m\xbc/\xdeD\x10\x00\x00\x00\xed\xc59\xd7u\xfd\xc1\x07\x1flll$\xa2\xab\xae\xba\xea\x9dw\xdeq8\x1c~\xbf\xdft\xa3?\xe1"0\x00@;\xe9\xba\x9e\x92\x92\xf2\xe6\x9bo\x16\x17\x17s\xce{\xf5\xea\xf5\xea\xab\xaf&amp;%%\x05\x83\xc1\x04\xdf\xef\x7f&amp;\x08\x00\x00\x80v1\x9e\xf5o\xbc\xea]\x08\xf1\xf3\x9f\xff|\xf0\xe0\xc1MMM&amp;\x1d\xfd\t\x01\x00\x00\xd0\x1e\xc6\xb3\xdeN\x9e&lt;\xb9c\xc7\x0e)e\xaf^\xbd\xee\xb8\xe3\x0e\xbf\xdfo\xde\xd1\x9f\x10\x00\x00\x00\xedq\xda\xb3\xfe\xaf\xba\xea\xaa\xcc\xcc\xccD~\xd6\x7f{ \x00\x00\x00\xceMJ\xa9\xaajuu\xb5\xae\xebD4|\xf8\xf0\x04\x7f\xddc{ \x00\x00\x00\xda\x85snl\xfe!\xa2\xde\xbd{\x1bo\x00\x8ekE\x17\xca\xc4\xabW\x00\x00],\x1c\x0e\x1b\xf7y\xa5\xa4\xa4$\xf2\x9b^\xda\t\x01\x00\x00\xd0.\x8c\xb1H$b\x8c\xfb\xdd`\xfaO\x08\x00\x00\x80\xf6\xe0\x9c777O\x9d:\xf5\xed\xb7\xdf&amp;\xa2\xe1\xc3\x87\xb7\xb4\xb4\x98\xe8\xa9\x0f\xdf\n\x01\x00\x00pn\x8c\xb1h4\xda\xaf_\xbf!C\x86\x10Q(\x142\xfb\x16 B\x00\x00\x00\xb4\x93\xb1\x04\xd4\xda\xdaJD\x9cs\xb3\x8f\xfe\x84\x00\x00\x00h?\xc6X"\xbf\xe4\xfd|\x99{\x01\x0b\x00\xa0\x8bI)\xbb\xc1\xfe\x1f\x03\x02\x00\x00\xa0\xbd\x84\x10v\xbb\xdd\xe9tJ)\xcd~\x17\x18!\x00\x00\x00\xda\x891\x96\x9c\x9c\\QQq\xf0\xe0A\x9b\xcdf\xb7\xdb\xcd\x9e\x01\x08\x00\x00\x80s3\x9e\x05\xf4\x9f\xff\xf9\x9f\xa3G\x8f\x1e;v\xec\xcd7\xdf\\SSc\xb3\xd9L\x9d\x01\x08\x00\x00\x80s\x10B$\'\'\x7f\xfa\xe9\xa7\xbf\xfb\xdd\xef\x02\x81@8\x1c\xde\xb8q\xe3\x0b/\xbc\x90\x9c\x9cl&lt;\x1a\xc8\xa4\xb0\x0b\x08\x00\xe0\x1c\x8c\'\xc1\xed\xd9\xb3GQ\x14c\xf7\'c\xac\xbc\xbc\\\xd7uSo\x06\xc5\x19\x00\x00@\xbb\x18\xf3}\xce\xb9\xa2(B\x08\x97\xcbe\xf6;\x81\xcd]=\x00@\x17\xe0\x9c\xb7\xb4\xb4L\x980!333\x12\x89\x84\xc3a)\xe5w\xbf\xfb]S\xaf\xff\x10\x96\x80\x00\x00\xce\xc9\xb8\x07\xb8W\xaf^\xef\xbc\xf3\xce\x8a\x15+\x82\xc1\xe0\r7\xdcp\xf3\xcd7755\x99\xfa\xbe0\x04\x00\x00\xc0\xb9q\xce\x83\xc1\xe0\x88\x11#\xfe\xf0\x87?\x18\xf7\x82\x05\x02\x01S_\x00 \x04\x00\x00@;q\xceC\xa1PKK\x8b1\xee\x9bz\xeeo@\x00\x00\x00\xb4\x17\xe7\xdc\xec\x17~O\xd5}\xfeK\x00\x00\xe0\xbc \x00\x00\x00,\n\x01\x00\x00`Q\x08\x00\x00\x00\x8bB\x00\x00\x00X\x14\x02\x00\x00\xc0\xa2\x10\x00\x00\x00\x16\x85\x00\x00\x00\xb0(\x04\x00\x00\x80E!\x00\x00\x00,\n\x01\x00&amp;`\xba\'n\x9dV\xb0\xd9\xeb7;\xd3=\xb2\xad\xcb\n\xc6\xb3\x80\xc0\x04\xa2\x9a S\xbdx5\xa2\t"\x92R\n)\xff\xf9?MX\x7f\xb7\x11\x8dF\xcd\xf5\xe6\xdeh4j\xfc\x83\x10\xb1\xfdC\xe0\x0c\x00\x12\x9a\xd1\x01&gt;\xfb\xb2\x9at\xc1\xcd0\x8f\x93R\x92\xc2K\x0f\xd6\x10QfF\xc6\x90!C\x88\xa8\xf4`\x8d\xb9\xea\xdf\xf1e\r\x11\x99\xa0\xdcs1\x8e\x9f\x1d;v\x18o\xf2\x8aw9\xe7f\xbc{\xb2\xb4\xb4\x94\x88RSS\xb3\xb2\xb2(\x96\'\x04&amp;h\x11\xb02\x9b\xcdNDu\x81\xd6HD3\xcd\x89\xbc\x94\xd5\x8dA"\xf2\xa4\xa4dff\x12Q}S\xd8\\\xf5W5\x06\x89\xc8f\xb3\x99b\xd0&lt;\x0b\x9b\xcdFD\xf5\xf5\xf5\xad\xad\xadfi\x7f)eMM\r\x11\xb9\\.\x9f\xcfG\x08\x00\xb0&amp;\xa7\xd3\x99;r$\x11\x1d\xa8\xf0W\xd5\xb7\xd8m&lt;\xf1\xcf\xe39c"\xaa\xef8XGD#F\x8c\xb8a\xeaT2a\xfd\xa5\x07k\x89h\xd8\xb0a\xbdz\xf5"2\xeb5\x01\xa7\xc3\x99\x9b\x9bKD_~\xf9eee\xa5\xddnO\xfc\x85 \xcey8\x1c\xde\xb9s\'\x11eee\xb9\xddn!\x04\x02\x00\xacH\xd7\xb4\xdc\xdc\\\xce\xa89\x18)?\xda\xa0\xd8U\x91\xd8\x1dXJ\xb2\xdb\x94\xea\xfa\x96\xbd\xc7\x1b\x89\xe8\xf2\x11\x97\x8f\x1f\x7f\r\x11\xf9\x9b[\xcdX\x7fvvNR\x92\x93L\xbb\x16\xa4\xe9Znn.\xe7\xbc\xb9\xb9y\xcf\x9e=\x0e\x87#\xd6K\xea\x17HJi\xb7\xdb\xab\xaa\xaa\xf6\xef\xdfOD999\x9c\xf3\x98\xd6\x8c\x00\x80\xc4\x15\x8dF\xaf\xbe\xfa\xea~\xfd\xfa\t)\xd7\x7fv\x94q\x9e\xe038!\xa5\xeaP?-\xaf\xacil\xe6\x8c\x8d\xbf\xe6\x9a1c\xc6xSSMW\x7fmc\x0b\xe7|\xca\r7h\x9a\x89_z\xfe\xaf\xe3G\x88\r\x1b6\xa8\xaa\x9a\xe8\xed/DRR\xd2\x96-[jjj8\xe77\xdcp\x03\xc5xG\x10\x02\x00\x12\x97\x94\x94\x95\x95uen.c\xec\xef%\x87[[\xc26%\xa1\x8fX)%S\xf8\xdf&gt;9(%y}\xde\x91#G\xba\\\xae\x9c\x9c\x1c\xf3\xd5O\x94\xde3m\xfc\xf8\xf1\xc1`0\xdeE]\x00)\xb3\xb2\xb2\xae\xbc\xf2J\xc6\xd8\xbau\xeb\x02\x81\x80\xaa&amp;\xf4\xbeG\xe3\n\xf0\xbb\xef\xbe+\xa5\xf4z\xbdyyyD\x14\xd3\xcb0\t}8\x02\xa8\xaaz\xf7\xdd\xd3\xa5\x94\xfb\x8e7|Tz\xdc\xe1\xb2\xeb"A\'qR\x92\xc3\xae\x9e&lt;\xe9/\xdc~\x84\x88\xa6M\x9df\\\xc1\x9b&gt;c\x86\x19\xeb\x9f:mZ\xbf~\xfdZ[[\xe3]\xd7\x05QU\xf5\xee\xbb\xef\x96R\xee\xdf\xbf\x7f\xe3\xc6\x8d\x1e\x8fG\xd7\x13\xf4\x9cFJ\xe9t:\x0f\x1d:TTTDD\xd3\xa6MKMM\xd5u\x1dg\x00`]\xcd\xcd\xcd\xb7\xddv[zz\xba\x94r\xe1\x1b\xdb\xa5\x90\t\xbb\x1e\xad\x0baw\xd9\xff\xf8\xee\xce\xaa\x86\x16EQ\xe6\xcc\x9d\xcb\x18\x93R\xdey\xe7\x9d\x99\x99\x99\xe6\xab\x7f\xce\xdcxW\xd4\tN=~\x16/^\x1c\xeb\xf1\xf4B\xe8\xba\xee\xf1x\xfe\xf7\x7f\xff\xb7\xba\xbaZQ\x949s\xe6tA\xa9\x08\x00Hh\xa1P())\xe9\x9e{\xee\x91Rn\xdcy\xbc\xa8\xf8\xb0;\xd9\x91\x80\x93hc\xfa\\Y\x19X\xb2v\x17c\xec\xca+s&amp;M\x9a$\x84\xd0u=--m\xe6\xcc\x99\xe6\xaa?;;{\xfc\xf8\xf1\x81@@Q\x94x\x97vAN=~\xfe\xf1\x8f\x7f\x14\x16\x16\x1a\xd3\xeax\xd7u:c\xfa\x7f\xe4\xc8\x91e\xcb\x961\xc6\xae\xbc\xf2J\xe3\xf8\x89u\xfb#\x00 \xa1)\x8a"\xa5\xfc\xc1\x0f~\xe0\xf5z\x89\xe8\x97\x7f\xde&amp;\xf4\x84\x1b=\x89H\xd7\x85\xdd\xed\xf8\xcd_?\xafi\x0c\x12\xd1c\x8f\xfd\x94\x88\xa4\x94\x9cs)\xe5\xdc\xb9s\xcdV\xffcR\xca\x04\xdf3\xd3\x1e\xa7\x1d?\xcf&gt;\xfblb\x9e\x04h\x9a\xe6\xf1x\x9e\x7f\xfe\xf9\xda\xdaZ"z\xec\xb1\xc7\xc8\xb8)/\xc6\x10\x00\x90\xd08\xe7\x8c\xb1K.\xb9\xa4\xa0\xa0@J\xb9\xf9\x8b\xe3\xcf\xff\xf5\xb3d\x9f+\x9aH\xcf*\xd0t\x91\xecql\xddq\xecwo\xef`D\x13\'L\xc8\xcf\xcf7\xa6o\xc66\xbe\xa1C\x87\x9a\xab\xfe\xe9\xd3\xa73\xc6\xcc&gt;\xfd\xa7o\x1c?\x1f\x7f\xfc\xf1\xf3\xcf?\x9f\x96\x96\xd6\xf6\xac\x85D\xa0i\x9a\xcf\xe7\xdb\xb4i\xd3\x1f\xff\xf8G"\x9a8qb\xdb\xf1\x13\xeb_\x8d\x00\x00\x13\xd04\xad\xa0\xa0`\xd0\xa0A\x8c\xe8\xbf^\xd9\xf2\xd9\x17\x15)\x1e\xa7\xae\'\xc4\x18*\xa4\xb4\xdb\x95\xa6`\xe4\x81\xdf~\x10\x89\xea\x8a\xa2,~\xee\xb9S\xe7n\x9cs]\xd7\xcd[\x7f7\xf0\xaf\xe3\x87\xb1\xa7\x9ezj\xcb\x96-&gt;\x9fO\xd3\xb4x\xd7ED$\x84p8\x1c\x81@\xe0\xa1\x87\x1e\x8aD"\xaa\xaa.^\xbc\xb8\xcb\xda\x1f\x01\x00&amp; \xa5LMM]\xb5j\x95\xa2\xaaM\xa1\xe8\xf7\x16\x17\xd64\x06mv5\xee\x8b\xe9R\x92\x94d\xb7\xdb\x1e\xfa\xdd\x87\xbb\x0e\xd7J)\x17-^&lt;r\xe4H!D\xdb\xee=\xc6\x18c\xcc\\\xf5\'\xe0*\xf9\x85\xf8\xd7\xf1\xa3(\xcd\xcd\xcd\xf7\xdf\x7f\x7fMM\x8d\xd3\xe9\x8c\xfb\x7f\xa6\x94RJ\x99\x94\x944o\xde\xbc\xdd\xbbwK)\x17-Zt\xda\xf1\x13S\x08\x000\x01\xce\xb9\xa6ic\xc7\x8e]\xb4h\x11I\xb9\xebp\xddM\xbf\xf8\x1b\xe7\xcciW\xf4\xf8-\xa9\x0b)\x85\x94\xc9i\xee\x87\x7f\xff\xe1k\x1f\xee!\xa2;\xef\xbc\xb3\xa0\xa0@\xd3\xb4\xd3N\xde\xcd^\xbf\xd9}\xad\xfd\x89\xca\xca\xcan\xb9\xe5\x16EQ\x9cNg\x1c\xcf\x03\x84\x10R\xca\x9e={&gt;\xfc\xf0\xc3\xabW\xaf\xa6x\xb4?\x02\x00\xccAUU\xe3D~\xce\x9c9DT\xb2\xaf\xfa\xc6\xc7\xdfjh\x8e$\'\xdb\xe3\xb2\x9e\xae\xe9\xc2\xa6*\xc9.\xfb\xc3\x8b\xd7\xff\xf1\xbd/\x88h\xf4\xe8\xd1K\x96,9\xd3\xd2\xad\xd9\xeb7\xbb\xd3\xda\x7f\xfb\xf6\xed7\xddt\x93\xdf\xef\xf7z\xbdq\xb9\x1e\xa0i\x9a\xddn\xf7x&lt;\x0f=\xf4\xd0\x92%K(N\xed\x8f\x00\x00\xd3P\x14E\x08\xb1d\xc9\x929s\xe6\x10\xc9\x0fv\x1c\xbb\xf1\x17o\xed9\xd6\x90\xe2u\xe9\xba\x14]\xb5\x9c"\xa5\x8cj\xc2\x93\xec\x08E\xf5\xef=[\xf8\xfb\xb7K\xa5\x10\xa3G\x8f.,,&lt;\xfb\xb3\x1b\xcd^\xbf\xd9}\xbd\xfd\xe9\xa3\x8f&gt;\xba\xf9\xe6\x9b\xf7\xee\xdd\x9b\x91\x91\xa1\xebz\x97my\x92RF\xa3Q\xaf\xd7\x1b\x89Df\xcf\x9e\xfd\xc2\x0b/\x88\xf8\xb5?\x02\x00L\xc3XL\xd7u\xbd\xad\x0fo\xdf_=\xbe\xe0/\xaf\xad\xdf\x9d\xecq\xb8\x9c6M\x171\x1dF\xa5\x94\xc6\xc49\xc5\xe7\x</t>
        </is>
      </c>
    </row>
    <row r="189">
      <c r="A189" s="1" t="n">
        <v>187</v>
      </c>
      <c r="B189" t="inlineStr">
        <is>
          <t>rectangle_height_color</t>
        </is>
      </c>
      <c r="C189" t="inlineStr">
        <is>
          <t>What is the missing color of the part denoted with a question mark?</t>
        </is>
      </c>
      <c r="D189" t="inlineStr">
        <is>
          <t>['red', 'green', 'orange', 'blue']</t>
        </is>
      </c>
      <c r="E189" t="inlineStr">
        <is>
          <t>green</t>
        </is>
      </c>
      <c r="F189" t="inlineStr">
        <is>
          <t>There are 7 rectangles in the image with varying colors and lengths. The lengths from left to right are ['medium', 'short', 'medium', 'short', 'long', 'long', 'long']. The colors from left to right are ['red', 'orange', 'red', 'orange', 'green', 'green', '?'].</t>
        </is>
      </c>
      <c r="G189" t="inlineStr">
        <is>
          <t>We observe that the red rectangles are of medium length and the orange rectangles are of short length. Hence, the pattern is that the color of each rectangle corresponds to its length.</t>
        </is>
      </c>
      <c r="H189" t="inlineStr">
        <is>
          <t>Based on the pattern that the color of each rectangle corresponds to its length, the missing color of the part denoted with a question mark should be green.</t>
        </is>
      </c>
      <c r="I189" t="inlineStr">
        <is>
          <t>b'\x89PNG\r\n\x1a\n\x00\x00\x00\rIHDR\x00\x00\x02\x00\x00\x00\x02\x00\x08\x02\x00\x00\x00{\x1aC\xad\x00\x00;\xbbIDATx\x9c\xed\xdd{`T\xd5\xbd/\xf0\xdfZ{\xcf#\x93L2\x93\x90\x847\xc8S\x10\x9b\x18^B(`\x15\x81c}#\x82\x82\xe7\\\x14\xac\x95\xdax\xadm=\xc7[DOk\x11m\xd5\xd6[KD\n*\xd2\xaa\xb5j[\t\x89\x1e\x01\x1f\x10\xc0\xf22\x01A\xde\x84\x84&lt;g\x92\xccdf\xf6^\xeb\xfe\xb1k.Z\t!d23Y\xdf\xcf_q\x06g~Y\xb0\x7f\xdf\xb5\xd7^\xb3\x87I)\t\x00\x00\xd4\xc3c]\x00\x00\x00\xc4\x06\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a5\xc7\xba\x00\x008\x07)e\x07\xfe/\xc6X\xa7W\xd21\xa8?n!\x00\x00\xe2\x8e\x94R\x08!\xa5d\x8c1\xc68\xef\xc8\x99z\xa7\xbcH\xc7\xa0\xfe\xcez\x91hc\x1d\x0b7\x00\xe8tV\xcb "M\xd3\xce|\xdc\xe7\xf3\t!\x18k\xef\xd1j\xcd==\x1e\xcf\x99\x0fZ\xcd\x88s\x1e\xbd\x99)\xea\xb7\xc4\xaa\xfe\x0e@\x00\x00\xc4\x9e\x94\xd24M]\xff\xe7\x19ycccii\xe9\x96-[\xfe\xf1\x8fOk\xeb\xea\xca\xcb\xcb\x0c\xc3&lt;\xdf\xd7\x1c2x\x88\xc7\xeb\x19;fl^^\xde\xb8q\xe3\xfa\xf4\xe9c=n\x18\x06\xe7\xbcs\'\xa4\xdd\xb2\xfe\xad[\xb7~\xfa\xe9\xa7uuu\xe5\xe5\xe5\xa6y\xde\xf5\x0f\x1e&lt;\xd8\xe3\xf1\x8c\x193\xa6\x0b\xea\xef0\x04\x00@\x8c\x99\xa6iM9\xc3\xe1\xf0\xfa\xf5\xeb\xd7\xacY\xbdm\xfb\xf6cG\x8fu\xe2[x\xbc\x9e1\xa3\xc7\xcc\xbeu\xf6\xf5\xd7]\x9f\x95\x95ED\x86ah\x9a\xd6)\xb3\xd1nW\xff\x9a\xed\xdb\xb7\x1f=z\xf4\xc2_\xb9\x95\xd7\xeb\x1d3f\xcc\xec\xd9\xb3\xaf\xbb\xee\xbaN\xaf\xffB \x00\x00b\xc6:\xfa\x18c&gt;\x9f\xaf\xb0\xb0p\xcdKk\xf6\xec\xde\xd3\xfa\xac+%)\xbd\xa7\'\xb5GJ\xf6\x80\x8c\x94\xb4$\xd3\x14\x8c\xce\xdd/$I\xc6\x98i\x98\'&gt;\xaf\n\xf8\x83\xd5\'\xea\x1b\x1b\x9aZ\x9f\xed\xd5\xab\xe7\xed\xb7\xcf\xbb\xeb\xae\xbb\x86\x0f\x1fNDB\x88\x0b\x99\x8av\xb3\xfa_z\xe9\xa5\xdd\xbbw\xb7&gt;\xebv\xbb\xfb\xf7\xef\xdf\xb3g\xcfa\xc3\x86\xa5\xa7\xa7\x1b\x86\xd1\xce~\xcd\x18\x8bD"\xbbw\xef\xae\xaf\xaf\xff\xe2\x8b/\xea\xea\xeaZ\x9f\xea\xdd\xbb\xf7m\xb7\xdd\xd6Y\xf5_8\x04\x00@l\xb4N&lt;W\xadZ\xb5\xec\x89e\xfb\xf7\xed\xb7\x1e\xef\xd1\xcb;|\xecE\xa3\xf2\x87\xf6\x1d\xde\xcb\xd3\xc3\xedp\xd95\x8d3\xce\x89\xce\xe7P\x95d\x1af$l\xf8k\x9b+\x0e\x9d\xdeW\xfaE\xd9\'_\x9c8Xi=\xe9M\xf7\xde\xf7\x83\xfb\xee\xbf\xff\xfe\xb4\xb44\xc30Z\x97&gt;\x94\xad\xff\x89\'\x9e\xd8\xb7o\x9f\xf5x\xff\xfe\xfd\xa7N\x9d:c\xc6\x8c\x9c\x9c\x9c\x9e={\xba\xddn]\xd7;0U\x8fD"\xa1P\xa8\xaa\xaa\xaa\xbc\xbc\xfc\xbd\xf7\xde+..\xfe\xec\xb3\xcf\xac\xa7\xd2\xd3\xd3\x7f\xf0\x83\x1f\\`\xfd\x9d\x02\x01\x00\x10\x03V\xf7\xa9\xa8\xa8X\xb0`AQQ\x91\xf5`\xdf!=\xbf3\xf7\xf2\xdc+F\xa4\xa6\xa7\x10\xc9H\xc80"\xa6\x10\xd2\x9a\xa9\xb2\xf3\xe9\xa0\x8c\x88\x18\xe3\x8ci6n\xb3\xdb\xb8\xce\x83M-\x9f\xef8R\xf2\xca\xc7e[\xbe\xb0^i\xf8\xf0\xe1+W\xae\xcc\xcf\xcf\xb7\xaep\x9eW\x8f\xeb\x96\xf5_r\xc9%\x8b\x17/\xbe\xe1\x86\x1b\xb2\xb2\xb2\xa4\x94---\xe1p\xd8Z\xfd\xef@\x9f\xb4v\xfe\xd8l\xb6\xa4\xa4$M\xd3\xfc~\xff\xe6\xcd\x9b\x9fy\xe6\x99\x92\x92\x12\xeb\x0f\\H\xfd\x9d\x05\x01\x00\xd0\xd5\xacI_QQ\xd1\x82\x05\x0b***\x88\xa8\xe7\x80\xcc\xab\xef\xc8\x1f;\xfdR\x97\xdb\x19l\x0e\x99\x11\x93\x88\x18\xef\x84\xa6 \xa5\x94\x92HJ\xaeq\xa7\xcb!\x84(\xdbr\xb0h\xf5\x87\xfb\xb6\x1d""\xbb\xdd\xbel\xd9\xb2\x82\x82\x82\xf3\xeaA\xdd\xa6\xfe;\xef\xbc\xf3\xe4\xc9\x93D4t\xe8\xd0\x07\x1ex\xe0\x96[n\xf1z\xbd~\xbf?\x1c\x0e[\xed\xbbS\xea\xb7\xf6\xff\xe8\xba\xeev\xbbM\xd3,..~\xea\xa9\xa7&gt;\xf8\xe0\x03"r8\x1c\xbf\xfc\xe5/\xcf\xb7\xfeN\x84\x00\x00\xe8RV\xf7),,\\\xb4h\x11\x111bSn\x19{\xfd\xf7\xafJ\xcdH\t\xf8\x83\xc2\x14\x9c\xf3v,\x95w\x84\x10\x82\x88\xb9\xdcNa\x8a\xf7\xd7my\xfbw\xef\x07\x9b[\x88h\xe1\xc2\x85+V\xac0M\xb3=-\xaf\x9b\xd5OD\xdf\xfb\xde\xf7\x1ey\xe4\x91\xec\xec\xec\xfa\xfa\xfa\xa8^\x9b5M\x931f-\xfb&lt;\xf7\xdcsK\x97.mll&lt;\xdf\xfa;\x17\x02\x00\xa0\xebX+\x0f\xad\xdd\'9\xd55\xf7\'\xd7L\xbc\xee\xb2@c\x8b\x1165\xbd+\xae\x07\nS0\xc6\xdc\xe9\xc9\x07w\x1e[\xfd\xe8\x9b\'&gt;\xaf\xa4/{\xd09\xe7\xa1\xdd\xac~\xaf\xd7\xfb\xcc3\xcf\xcc\x9f?\xdf\xe7\xf3\x85\xc3\xe1\xaeY\x8b\xb7b ##c\xcb\x96-w\xdf}\xb7u\xd9\xb9\x9d\xf5w:\x04\x00@\x17\xf9j\xf7ai\x19\xc9\xdf[&gt;w\xc4\xf8\xc1\r\xd5~\xaeu\xf5\xd4\xcf0\xcc\x94T\x97\xbf\xae\xe9\xb7\x05/\x1f\xd9{R\x92l\x9d\x87~\xedcP\xdd\xb4~\xca\xce\xce\xfe\xe3\x1f\xff8e\xca\x94\xd3\xa7Ow\xec2\xef\x85\x88D"^\xaf\xb7\xba\xba\xfa\xc6\x1bo,--\xa53\xce\x03\xceV\x7f4 \x00\x00\xba\x82u`\x97\x94\x94L\x9b6\x8d\x88\xdc\x1e\xd7OW\xdf\x9d\xd5/\xa3\xd9\x1f\xd0\xf4\xae;\xe0\xcf$La\xb3\xebL\xe3O\xdf\xf3\x87\xfd;\x0e\x13\xd1#\x8f&lt;\xb2d\xc9\x92o\xdc\x97\xd2\xcd\xea\xef\xd1\xa3\xc7\xe6\xcd\x9b\x07\x0f\x1e\\__o\xb3\xd9bP=\x91a\x18N\xa7S\xd3\xb4\x993gn\xda\xb4\x89\xda\xac?J\x10\x00\x00Qgm\xf7\xae\xaa\xaa\xca\xc9\xc99}\xfa\xb4\xcb\xed\\\xfc\xf4\xbc!\xb9\xfd\x9b\xfd-]\xb3l\xd2Fa6\xbb-\xd8\xd4\xf2\xcc\xbd\xab\x8f\xed\xafd\x8c\x8a\x8a\x8a\xa6M\x9b\xf6\xb5yh\xb7\xa9?77\xb7\xaa\xaa\xca\xe3\xf1\xbc\xf9\xe6\x9b\x13\'N\x8ca\xf7\xb7\x98\xa6\xe9t:}&gt;\xdfw\xbf\xfb\xdd\x9d;w2\xc6\xbe\xb1\xfe\xe8\x89\x8b\x8f#\x03to\xd6\x9d\x06\xe6\xcf\x9f_UUEDs~\xfc\xdd\x11\xe3\x077\xf9\x83\xb1\xed\x9eD\xc49\x0f\x87"\xee\xf4\xe4\xbb\x1e\x9f\x9d\x9c\xea\x94R\xce\x9f?\xbf\xb2\xb2\x921f\xdd\x15\xc7\xd2m\xea\xaf\xac\xac$\xa2\xa7\x9f~z\xca\x94)1\xef\xfeD\xa4iZ0\x18\xcc\xcc\xcc|\xe9\xa5\x97\xbc^/\x11\xddq\xc7\x1d\xffZ\x7f\xf4 \x00\x00\xa2\xcb\x9a\xcd\xad]\xbb\xb6\xb8\xb8\x98\x88&amp;\xdd0z\xd2\ry\r\xd5\x8dz\x8cVN\xbeF\xd3x\xb3?\xd8wH\xf6\xec\x1f\xfd\x1b\x11UUU=\xf4\xd0C\x9c\xf3\xd6\xb5\x81nV\xff\x82\x05\x0b\xee\xb8\xe3\x8e\xd3\xa7O\xc7\xbc\xfb[t]ohh\x185j\xd4SO=%\xa5\xac\xac\xac\xfcZ\xfdQ\x85% \x80(\x92RJ)\x1b\x1a\x1a\xc6\x8f\x1f\x7f\xe8\xd0\xa1\x1e\xbd\xbd\x0f\xbd|\xb7\xdd\xae\x9b\xa6\x88\xf9}`\xce$L\x91\x9c\xe6\xfa\xbf\xff\xfb\x95O\xdf/s8\x1c\x9b7o\x1e3f\x8cu+\xe3\xeeT\xff\xc0\x81\x03?\xfe\xf8c\xa7\xd3im\xc5\x89u\xd5\xff\x9fi\x9a\xe9\xe9\xe97\xdf|\xf3_\xfe\xf2\x973\xeb\x8f\xf6\x8d"p\x06\x00\x10E\xd6\xe6\xeeU\xabV\x1d&lt;xP\x08q\xf5\xbfOJ\xcbH\x89D\xe2\xab\xfb\x10\x111fF\xcck\x16]aw\xd8B\xa1\xd0\x92%K\xac\xd6\xd9\xcd\xea\x7f\xe0\x81\x07\xb2\xb3\xb3\xad\xcfy\xc5\xba\xe2\xaf`\x8c\x85\xc3\xe1\x87\x1f~\xd8\xe1p\x9cY\x7f\xb4\xdf\x17\x01\x00\x10-RJk\x91\xf7\xc5U/2\xc6z\r\xcc\x1c?\xf3[\xcd\xbe\xa0\xa6\xc5\xddq\xc79k\t\x84\x06\x8e\xe8\x9d\xf7\x9d\x91D\xb4q\xd3\xc6\xf2\xf2rM\xd38\xe7\xdd\xa0\xfeU\xabV1\xc6\x86\r\x1b6w\xee\xdc\xfa\xfa\xfa\x18\xde{\xe7l8\xe7\x8d\x8d\x8dyyy7\xddt\x13\x11m\xda\xb4\xc9\xaa?\xdaW\x02\xe2\xee/\x12\xa0\xdb\xb0&gt;\xd7SRRR\xf6Y\x99\x94\xf2\xca\xdb\'\xbaR\x9d\xa6\xd9\x15\x17\xf7:\x821#l\\5?\xdf\x91d\x0f4\x07^x\xe1\x05"\xe2\x9cw\x83\xfa?\xfb\xec3)eAA\x81\xc7\xe31\x0c#\xd6\x85~3\xceyKK\xcb\xfd\xf7\xdf\xefr\xb9\x9a\x9b\x9b\xad\xfa\x11\x00\x00\x89m\xd5\x1fV1\xc6\xbcYiy\xdf\x19\xd9\xd2\x14\xe2&lt;\xbe\x16\x1fZq\xceZ\x02\xe1\x81#\xfb\x0c\xcf\xbb\x881\xf6\xda\xeb\xaf555\x11\x915\xfdO\xdc\xfa\xad\xe9\x7f\xaf^\xbdn\xbc\xf1F\xbf\xdf\xdf\x95\x1f\xb3:/\x9c\xf3\xe6\xe6\xe6\xbc\xbc\xbc\xc9\x93\'3\xc6^\x7f\xfd\xf5@ \xa0\xebzT\x17\x82\x10\x00\x00Qa\xad\xff\xf8|\xbe\xd2\xd2R)\xe5\x88q\x83\xd2z\xa4\x18q\xb8z~\x06I\x8c1\xfa\xd6\xd4\x8b\xa5\x94\x15\'+\xca\xca\xca\x0c\xc3\xd8\xbauk7\xa8\xff\xca+\xaf\xcc\xca\xca\x8aD"q]\xbf\x94\x8c\xb1k\xaf\xbdVJYQQ\xb1k\xd7.\x8a\xf2I\x00\x02\x00 *\xac\xe3v\xfb\xf6\xed\'O\x9c$\xa2K&amp;\r\x95\x92(\x8e\xbb\x0f\x11qN\xe1\x96\xc8\xf0\xb1\x17\xb9R\x9c\xa6in\xda\xb4i\xcf\x9e=\xa7*NQ"\xd7o\xdd\xaft\xc6\x8c\x19\xf1\xbf\xe3\xd1\xbabt\xc5\x15W\xa4\xa6\xa6\x1a\x86\xb1~\xfdz\xea\xd0\x9d\xa8\xdb\x0f\x01\x00\x10\x15\xd6qk\xdd\xe6\xc5\xe9r\xf4\x1b\xd6+\x12\x8a\xc4w\xff$\xc6\x98\x1163zz\xb2\xfae\x10\xd1\xce];?\xfa\xe8#J\xfc\xfaSRRrrrZZZ\xe2\xe4\x9bx\xcf\x861\x16\n\x85\xfa\xf5\xeb7x\xf0`"\xda\xb6m\x1b\x11E\xb5\xe6\xb8\x1e\x0e\x80\xc4e-5l\xdf\xb1\x9d\x88z\xf4\xf6z3S\xcd\x88\x19\xe7\r\x94\x88\x84\x10\x8e$[\x9f\xa1\xd9D\xb4k\xd7\xae\xbf\xff\xfd\xefD\x94\xd1\xcb\x93\xa0\xf5\xbf\xfb\xee\xbbD\xd4\xbf\x7f\xff&gt;}\xfa\xc4\xf9\xfa\x8fE\x08\xe1r\xb9.\xbd\xf4R"*//ojj\x8a\xea\x87\xc2\xe2n;\x14@\xf7`\xed\xe3\xae\xae\xae&amp;"\xb77\xd9\x99\xec\x086\xb5\xb0x\xbd\x82\xdaJ\x121\xce&lt;Y\xa9DTW[+\x85\xa0D\xae\xdf\xfa\x12\xb2\xcc\xcc\xcc\x94\x94\x14\xbf\xdf\x1f\xe7g\x00Dd}\xf8\xabO\x9f&gt;D\xe4\xf3\xf9\x82\xc1`JJJ\xf4\xde\x0e\x01\x00\xd0\xf9\xac\xc3\xb8\xa1\xa1\xe1\xf3\xcf?\'\xa2\x9e\x17er\x8dI)\xdb\xf3\xad\xe8\xb1\xc5\x18\x13\xa6\xe8yQ&amp;\x11\x9d\xae\xae\xae\xad\xad\xa5D\xae\xbf\xae\xae\x9e\x88F\x8c\x18\xa1iZ\xfc_\x03 "\xc6\x98i\x9a\x17_|1\x11\xf9|\xbe\xf2\xf2\xf2\xcc\xccL!D\x946/!\x00\x00\xa2EJ\x19\x89D\x88(\xc5\xe3b\x9c%@\xfb!""))\xc5\xe3""\xc30\x04c\x94\xc8\xf5K!\x89(==\xbd\xcb\xee\xaes\xe1\xa4\x94\x19\x19\x19D$\x84\x88\xf6\xa7\x16\xe2\xfd\x84\x08 \xa1Y\x8b\xce\xc2\x88\xd7\x0fO\x9d\x85Up\xeb\xb7S%z\xfdq\xfb\xe1\xaf\xb3i-8\xda\x17-\x10\x00\x00\xd1\x17\xef\x0b\'\xff\x82\xb5\xf9\x9f\xf1\xef\xab\x05\xc7\xff\xb5\xdf\xaf\xe9\xb2\x82\x11\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J\x8fu\x01\xed"\xa5\xec\xc0\xff\xc5\x18\xeb\xf4J\xd4\x84\xf1\x07\xe8\x96\xe24\x00\xa4\x94B\x08)%c\x8c1\xc6yG\xceT:\xe5E\xd4\x84\xf1\x07PA|\x05\x80\xd52\x88H\xd34M\xd3Z\x1f\xf7\xf9|B\x08\xc6X;\xa7\xa2\xd6\xdc\xd3\xe3\xf1\x9c\xf9"V3\xe2\x9ccfz6\x18\x7f\x00\xa5\xc4K\x00H)M\xd3\xd4u\xddj\x19\x8d\x8d\x8d\xa5\xa5\xa5[\xb7l\xf9\xf4\xd3O\xeb\xea\xea\xca\xcb\xca\x0c\xc3`D\xed\\\x89\xb0Z\xd5\x90!C&lt;^\xef\x98\xb1c\xf3\xf2\xf2\xc6\x8d\x1b\xd7\xa7O\x1f\xebY\xc308\xe7\x98\x90\x9e\t\xe3\x0f\xa0\xa0\xb8\x08\x00\xd345M\xd3u=\x1c\x0e\xaf_\xbf~\xcd\xea\xd5\xdb\xb7m;z\xfc\xf8\x05\xbelMi)\x11\xad/*""oZ\xda\x98\xb1cg\xcf\x9e}\xdd\xf5\xd7gee\x11\x91a\x18\x9a\xa6a6J\x18\x7f\x00U\xc58\x00\xac%\x05M\xd3|&gt;_aa\xe1Kk\xd6\xec\xde\xb3\xa7\xf5Y\xb7\xd3\xd9\xd7\xed\xceJJ\x1a\xe2\xf1x\x9dNC\x88vv\x0b\xc6X\xc44?\xab\xabk\x08\x85\x0e\xfb|\xf5\x81@\xbd\xcfW\\RR\\R\xf2\xb3\x9f\xfd\xec\xf6y\xf3\xee\xba\xeb\xae\xe1\xc3\x87\x13\x91\x10B\xe5\xa9(\xc6\x1f@e\xb1\x0c\x00k\xe2ID\xabV\xadzb\xd9\xb2}\xfb\xf7[\x8f\xf7MK\xfbv\xef\xdeW\r\x180*##+99\xc5f\xd39\xe7\xe79U\x94R\x1aB\xb4\x98fu \xb0\xbf\xbe~\xd3\x89\x13\xffs\xfcxym\xed\xa9\xca\xca\'\x9f|\xf2\xc5\x95+\x7fp\xdf}\xf7\xdf\x7f\x7fZZ\x9aa\x18\xba\x1e\x17gB]\x0c\xe3\x0f\xa0\xb8\x98\x1dxV\xf7\xa9\xa8\xa8X\xb0`AQQ\x91\xf5\xe0\x88\x1e=\x16^z\xe95\x83\x06e\xba\\R\xca\x90i\x86M\xb31\x1c\x96\x1d\xda\x89\xc8\x18\xe3\x8ce\xba\\\xfd\xdc\xee\x19\x03\x07\xfa\xc3\xe1\x8f+*\x9e\xdf\xb5\xeb\x83\xe3\xc7\xeb\xea\xeb\x97.]\xban\xdd\xba\x95+W\xe6\xe7\xe7[W8\x95Z\x8e\xc0\xf8\x03@l\x02\xc0\x9a\xf4\x15\x15\x15-X\xb0\xa0\xa2\xa2\x82\x88\x86x\xbd\xf7\xe6\xe6\xde0t\xa8\xc7\xe1h\x0c\x87\xeb\x83Ab\x8c\x7f\xd9D\x88\x88:\xda\x1d"B\x84LSJ\xa9s~U\xff\xfeW\xf4\xeb\xf7\xc1\xf1\xe3\xbf\xf9\xc7?&gt;&lt;qb\xff\xfe\xfdW~\xe7;\xbf\\\xb6\xac\xa0\xa0\xc0\xda\xfd\xa2H\x0f\xc2\xf8\x03\x00\xc5\xe4\x93\xc0V\xf7),,\x9c1cFEE\x051\xf6\xbfF\x8d\xfa\xfb\xcd7\xff\xafQ\xa3\x18Qm0hJ\xa9q\xaeu\xd2\x94\x90\x11i\x8c\xe9\x9c\x13\x91/\x1cn\x8eD\xae\x1c0\xe0\x8d\xeb\xae\xfb\xefI\x93\xdc\x0eG(\x1c\xbe\xff\xfe\xfb\x17-Z\xc49\xb7\xf6)^\xf8;\xc69\x8c?\x00X\xba:\x00\xac\xbd\x86\x85\x85\x85\x8b\x16-""\x8f\xd3\xf9\xfcUW=\xfd\x9d\xef85\xad&amp;\x18$"\x9d\xf3\xe8M\x025\xc68c\xbeP\xa89\x12\xb9//\xef\xcd\xeb\xaf\xbf\xa4G\x0fb\xcc\xaaG\xd34)e\xf7\xeeA\x18\x7f\x00h\xd5\xa5\x01`\xad;\xff\xb3\xfb0\x96\xe5r\xbd\xf2o\xffv\xfb\xc8\x91\xa7\x03\x01SJ\xbd\xabv\x83Xm\xa8*\x10\xc8\xcd\xcaz\xfd\xba\xebFge\x11\xe7VU\xd6&lt;\xb4k\xca\xe8z\x18\x7f\x008S\xd7\x05\x80\xd5}JJJ\xac\xb9g\x86\xd3\xf9\xd7\x9bn\x1a\xdf\xabWes\xb3-\x9a\xb3\xce\xb3\xb1q\xde\xd0\xd2\xe2\xb6\xdb\xdf\xb9\xe9\xa6\xfc^\xbd\x88\xa8\xb0\xb0p\xe9\xd2\xa5\x9a\xa6\x19\x86\xd1\xe5\xe5D\x1d\xc6\x1f\x00\xbe\xa6\x8b\x02@\x08\xa1iZUU\xd5\xbcy\xf3\x18c\x1e\xa7s\xcd\xcc\x99\x83\xd2\xd2\x1aB![\xec\xb6\x81\xeb\x9c[\xd7\'_\x98&gt;\xfd\xd2\xccLbl\xe9\xd2\xa5\xc5\xc5\xc5\xba\xae\x9b\xa6\x19\xab\xaa\xa2\x01\xe3\x0f\x00\xff\xaa\x8b\x0e~\xebN\x03\xf3\xe7\xcf\xaf\xaa\xaa"\xa2\xc7\xbf\xfd\xed\xc9\xfd\xfa\xd5\x87B]\xb6\xecp6\x1acA\xd3\xec\x91\x94\xf4\xfbi\xd3&lt;\x0e\x87\x94r\xfe\xfc\xf9\x95\x95\x95\x8c\xb1\xee\xb4\x16\x81\xf1\x07\x80\x7f\xd5\x15\xc7\xbf\xb5\xf8\xb0v\xed\xda\xe2\xe2b"\x9a7b\xc4\xed#GZ+\x0f]\xf0\xee\xe7\xa43\xd6\x10\n\x8d\xec\xd1\xe3\xbf\xf3\xf3\x89\xa8\xaa\xaa\xea\xa1\x87\x1e\xe2\x9cw\x9b\xab\x91\x18\x7f\x00\xf8FQo\x01\xd6\xdd\x80\xeb\xea\xea\x1e}\xf4Q\xce\xd8Eii?\x9b8\xb1\xa1\xa5%\xe6s\xcf3\xd98\xaf\r\x04n\x1b1\xe2\x9a\xc1\x83\x89\xb1W_}u\xdb\xb6m\xdd\xe3\x82$\xc6\x1f\x00\xce&amp;\xea]\xc04M\xce\xf9\xaaU\xab\x0e\x1e&lt;(\xa4\\|\xd9eY.W\xd84\xe3\xed\x03?\x8c\xb1\xb0\x10\x0f\x8e\x19\xe3\xd4\xb4P(\xb4d\xc9\x92\xf6\xdf\xfd8\x9ea\xfc\x01\xe0l\xa2\x1b\x00RJM\xd3\x82\xc1\xe0\xaa\x17_d\x8c\r\xf1zo\x1e6\xac&gt;\xce\xa6\x9f\x16\xceXS8\x9c\x93\x95\xf5\xdd\xc1\x83\x89h\xd3\xc6\x8d\xe5\xe5\xe5\x9a\xa6%\xf4$\x14\xe3\x0f\x00m\x88n#\xb0\xee\xf1RRR\xf2YY\x99\x94\xf2\x9e\x9c\x9c4\x87\xc3\x88\xd7C\x9a3\x162\xcd\xef\xe7\xe4\xb8\xec\xf6\xe6@\xe0\x85\x17^ \xa2\x84n@\x18\x7f\x00hCW\xcc\x04\xff\xb0j\x15c\xac\xa7\xdb}\xcd\xe0\xc1\x8d\xe1\xb0\x16\x7f\xd3O\x0bg\xac9\x1c\xce\xc9\xca\x9a\xd8\xbb7c\xec\xf5?\xfd)\x10\x08\xe8\xba\x9e\xe8\x0b\x11\x18\x7f\x00\xf8FQ\xec\x05\xd6\xfa\x83\xcf\xe7+--\x95RN\xee\xd3\'\xcb\xe5\x8a\xc4\xdf\xea\xf3\x99$\x11gl\xe6\xc0\x81R\xca\x93\xa7N\xed\xda\xb5\x8b\x12v\x12\x8a\xf1\x07\x80\xb6E1\x00\xac\xe3v\xfb\xf6\xed\'N\x9e$\xa2i\x03\x06\x10u\xfc\xa6\x92]C\xe3&lt;h\x18\x93\xfa\xf4q;\x9d\xa6i\xbe\xfb\xee\xbb\xd4\xa1;!\xc7\x03\x8c?\x00\xb4-\xbag\x00DTZZJD\xc9\x0e\xc7%\x19\x19-\x86q\xbe\xdf+\xd2\xc5\x18Q\xc84\xfb\xb8\xdd\x17\xa5\xa5\x11\xd1\xf6m\xdb\x88(A\xbf\xb2\n\xe3\x0f\x00m\x8b\xe2\xa1e\xddLx\xc7\xf6\xedD\xd4?5\xb5WJJ\x9c\xaf?X\x84\x10.\x9b\xed\x92\xf4t"*/+kjjJ\xd0\x0f%a\xfc\x01\xa0m\xd1\r\x00)euu5\x11e8\x9d)v\xbb\x99\x08\x87\xb1$\xd2\x18\xeb\x95\x9cLD\r\r\r\xc1`0\xd6\x15u\x10\xc6\x1f\x00\xda\x16\xad\x00\x90Rr\xce}&gt;\xdf\xe7\xfb\xf7\x13\xd1p\x8fGO\x90\xcf\xf50\xc6\x0c!\x86y\xbdD\xe4oj*//\xa7\x04\xbc\x0e\x89\xf1\x07\x80s\x8a\xfa\x07\xc1"\x91\x08\x11y\x9dN\xceX\x02\xb4\x1f""\x92D\xe9N\'\x11\t!\x12\xfa\xd6\xc4\x18\x7f\x00hC\xd4/\xafY+\xd1F"\xcc=\xcf\xd4Zp\xa2\x7fK-\xc6\x1f\x00\xce\xa6\x8b\xf6W$\xdcA\x9cp\x05\xb7-\xe1~\x9d\x84+\x18 \x11a\x83\x1d\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d2c]\x80\x12\xa4\x94\x1d\xf8\xbf\x18c\x9d^\x89\x9a0\xfe\x00\xdf\x08\x01\x10\x15RJ!\x84\x94\x921\xc6\x18\xe3\xbc#gZ\x9d\xf2"j\xc2\xf8\x03\xb4\x07\x02\xa03Y-\x83\x884M\xd34\xad\xf5q\x9f\xcf\'\x84`\x8c\xb5s*j\xcd==\x1e\xcf\x99/b5#\xce9f\xa6g\x83\xf1\x078/\x08\x80\xce!\xa54MS\xd7u\xabe466\x96\x96\x96n\xdd\xb2\xe5\xd3\x7f|ZWWW^Vf\x9a\x06\x11#j\xe7Z\x04#\xa2\xc1\x83\x07{\xbc\xde1c\xc6\xe6\xe5\xe5\x8d\x1b7\xaeO\x9f&gt;\xd6s\x86ap\xce1!=\x13\xc6\x1f\xa0\x03\x10\x00\x9d\xc04MM\xd3t]\x0f\x87\xc3\xeb\xd7\xaf_\xb3f\xf5\xf6m\xdb\x8e\x1e;~\x81/[]SKD\xeb\xd7\x17\x11\x91\xd7\x936f\xcc\xd8\xd9\xb3g_w\xfd\xf5YYYDd\x18\x86\xa6i\x98\x8d\x12\xc6\x1f\xa0\xa3\x10\x00\x17\xc4ZR\xd04\xcd\xe7\xf3\x15\x16\x16\xbe\xf4\xd2\x9a\xdd\xbb\xf7\xb4&gt;\xebNv\x0e\xc8J\xcdNw\x8d\xe8\xe3IOs\x9a\xa6`\xd4\xae~\xc1\x18E\x0c\xf1\x8fC5\r\x8d\xa1\x83\xa7\x1aj}\x81\xfa\x06_qIIqI\xc9\x92%?\xbb\xed\xf6yw\xddu\xd7\xf0\xe1\xc3\x89H\x08\xa1\xf2T\x14\xe3\x0fp!\x10\x00\x1dgM&lt;\x89h\xd5\xaaUO&lt;\xb1l\xdf\xbe\xfd\xd6\xe3\xfd\xb3\xd3\xae\xcc\xed;s\xec\xc0\xcb\x06g\xf6\xceHv%\xd9Ic\xc4Y{\x97\x1fZ\x19\xc2\x08\x1b\x95\xf5\x81\xcf\x8e\xd5n\xf8\xf4\xf8\x86\x1d\xc7\xf6\x1e\xae\xa98U\xf9\xe4\x93O\xbe\xb8r\xe5\x0f\xee\xbb\xef\xfe\xfb\xefOKK3\x0cC\xd7U\xfc{\xc4\xf8\x03\\ \xfc\xc3\xed \xab\xfbTTT,X\xb0\xa0\xa8\xa8\xc8zp\xd4E\x99\xf7\xdd\x90sS\xfe\x90\x0c\xaf\x8b\xa44\xc3f\xc40\x9b\x9bC\xa2\xa3\xdb\x109c=\xbd\xae\xbe\xd9\xa9\xd3/\x1f\x1cl\x0em\xdcs\xe2Wo\xfc\xa3x\xc7\xb1\xba\xfa\xfa\xa5K\x97\xae[\xb7n\xe5\xca\x95\xf9\xf9\xf9\xd6\x15N\xa5\x96#0\xfe\x00\x17\x0e\x01\xd0\x11\xd6\xa4\xaf\xa8\xa8\xe8\xce\x05\x0bNVT\x10\xd1\xf0~\xe9?\xba%o\xce\x94\xe1)nG(\x10n\xf4\x07\x19c\x9c\x111\xc69\xe3\xed[y\xf8Fa\xc3l\x89\x98RJ]\xe33\xc6^4c\xf4\xc0\xa2\x1dG\x9f\xf8\xd3\xf6\xf7w\x1e\xdf\xbf\x7f\xff\x95\xdf\xf9\xce/\x97-+((\xb0v\xbf(\xd2\x830\xfe\x00\x9d\x02\xcb\x97\xe7\xcd\xea&gt;\x85\x85\x853f\xcc8YQA\xc4\xee\xbd6\xe7\xe3\xa7g\xdfum\x8e\xc6\xa8\xd1\x174M\xa9k\\\xe3\x9d3\'d\x8ci\x9c\xe9\x1a\'\xa2\xa6\xe6Ps0&lt;}\xdc\xc0\r\xcbnz\xfa\x9e)\xa9\xc9\x8eP8|\xff\xfd\xf7/Z\xb4\x88sn\xedS\xbc\xf0_0\xcea\xfc\x01:\x0b\x02\xe0\xfcX{\r\x0b\x0b\x0b\x17-ZDD\xe9\xee\xa4\xb5\x0f\xcd\xf8\xed\xff\xbe*\xd9\xae76\x04\x88H\xd7x\xf4f\x81\x1ag\x9c\xb3\xa6\xa6PK0\xf2\xc3[\xc7\xbe\xf7\xc4\xcd9\x832\x89\x98U\x8f\xa6iR\xca\xee\xdd\x830\xfe\x00\x9d\x08\x01p\x1e\xacu\xe7/\xbb\x0f\xeb\x95\x9e\xfc\xd7G\xaf\x9d;\xe3\x12\x7f}\xc0\x14\xd2\x9a$v\x01\xab\r\xf9\xeb\x9a\xc7\x0c\xcb.^v\xd3\xe5\x17g\x13q\xab*k\x1e\xda5et=\x8c?@\xe7B\x00\xb4\x97\xd5}JJJ\xac\xb9g\x8f4\xe7\x87\xbf\x9e=aT\x1f\x7fm\xb3M\x8f\xe2\xac\xf3ll:oljIs\xd97\xfdz\xf6\x159\xbd\x89\xa8\xb0\xb0p\xe9\xd2\xa5\x9a\xa6\x19\x86\xd1\xd5\xd5D\x1f\xc6\x1f\xa0\xd3!\x00\xdaE\x08\xa1iZUU\xd5\xfcy\xf3\x18c^\xb7\xf3\xad\xa5\xd7\r\xea\xedilj\xb1\xe91\x1bC]\xe3\xe1\x88)\xa5\\\xf7_\xd7\xe4\r\xc9"bK\x97.-..\xd6u\xdd4\xcdXU\x15\r\x18\x7f\x80h@\x00\xb4\x97i\x9a\xf3\xe7\xcf\xaf\xac\xaa"\xa2\xe7\xee\xbdb\xe2e\xfd\xfc\x8d-]\xb6\xecp6\x1ag\xe1\x90\x99\xe5MZ\xfb\xd0L\xaf\xdbAR\xde1\x7f~eee\xf7\xdb\x8e\x82\xf1\x07\xe8t\x08\x80v\xb1\xd9lk\xd7\xae-..&amp;\xa2\x853G\xcd\x9dq\x89\xb5\xf2\x10\xeb\xba\x88\x884\x8d\xf9\x1bC\xc3\x07\xf5x\xf6\x9e)\x92\xa8\xb2\xaa\xea\xa1\x87\x1e:\xf3.f\xdd\x00\xc6\x1f \x1a\xe2\xe2\x10\x8ag\xd6\xa6\x8e\xda\xda\xdaG\x1f}\x94s6\xb8\xb7\xe7\x97wNj\x89\x83\xb9\xe7\x99l:oj\x08\xcc\x9b~\xc9M\x93\x86\x12\xb1W_}\xb5\xb4\xb4\xb4\xf5\xd6\x98\t\r\xe3\x0f\x10=qt\x14\xc5\'\xeb\x82\xde\xca\x95/\x1c&lt;xP\x08\xf9\xd3[\xc6x\xd3]\x11\xc3\x8c\xb7S|\xc6\x98i\x98K\xe7\x8dw\xda\xb5P(\xb4d\xc9\x92\xf6\xdf\xfd8\x9ea\xfc\x01\xa2\x07\x01p\x0e6\x9bM\x08\xb1j\xd5*\xc6\xd8\xf0~\xe9s\xaf\x1c\x1e\x8c\xb3\xe9\xa7\x85s\x16\x0c\x84G\r\xcb\x9a\xf5\xed\xa1D\xb4i\xd3\xa6\x03\x07\x0e\xa4\xa4\xa4$\xfa$\x14\xe3\x0f\x10=qw \xc5\x9b\xd4\xd4\xd4\xcd\x9b7\xef\xdb\xb7_J\xf9\xa3\x9b\xf3\x92S\x1c\x86\x19\xa7\x874c\xcc\x0c\x9b\x0f\xce\xcaKv\xda\x03\x81\xc0\xca\x95/8\x9d\xceDo@\t?\xfe\xd8\x0e\x04q\x0c\x01p\x0e\x8c1k\xfa\xd9\xbb\x87\xfb\xe6ICB\x81\xb0\x16\xaf\xb7\xff\xe5\x9c\x05\x83\xe1o\r\xcb\x9e\x92\xd3\x971\xf6\xfak\xafUUU9\x1c\x8eX\xd7uA\x12}\xfc\xed\t&gt;\xfe\xd0\xbd\xc5\xe9\xb1\x14?N\x9e&lt;\xb9\xadt\xab\x94r\xdae\xfd\xbc^W$\x12w\xab\xcfg\x92D\xc4\xe8\x86\t\x83\xa4\x94\xc7\x8e\x1d\xdf\xb1c\x87+))\xd6E]\x90\x84\x1f\x7f\x97+\xd6E\x01\x9c\x15\x02\xa0-\xba\xa6}\xf2\xc9\'\x07\x0e\x1c \xa2k\xc6\r$"\x8a\xe7\xf6C\xa4qn\x84\x8c+s\xfa\xba]\x8e\x88a\xac_\xff\xae\xddn\x8fuQ\x1d\x87\xf1\x07\x88*\x04@[\xecv\xfb\xf6\xed\xdb#\x86\x99\xe4\xb0\xe5\x0e\xca4\xc3F\x0c\xee9p&gt;\x18\xa3p\xd8\xec\x97\xed\x1e\xda\xc7CD\xdb\xb7m\x8b$\xf2m\t\xba\xc3\xf8G"D$\xcf\xfb\xcbh\x00\xba\x02\x02\xa0-\xe1px\xfb\xf6mD40\xdb\xdd\xbbGJ\x9c\xaf?X\x84\x106\x87\xed[\x17e\x10QYYYUU\x15}\xb9\x9b&gt;\xe1t\x83\xf1?]UE\xd4\xee\xef\xa2\x07\xe8Z\x08\x80\xb6\x08!\xea\xeb\x1b\x88(\xdb\x93\x94\xec\xb2\x9b"\x01\x8ecID\x9c\xf5\xed\xe1&amp;\xa2\xc6\xc6\xc6\x96\x96\x96XW\xd4q\x18\x7f\x80\xa8B\x00\x9c\x83\xb5\xe5\xfc\x92\x01=\x88\'\xc6\xe7z\x18c$\xc4%\xfd\xd3\x89\x88q\x9e\xe87\xa5\xc1\xf8\x03D\x0f\x02\xa0]2R\x9d\xc4Y\x02\xb4\x1f\x8b\xa4\x8cT\'%\xec\xca\xcf\xbf\xc2\xf8\x03D\x03\x02\xa0]\x0c3\xc1\x8e\xe4\x84+\xb8m\t\xf7\xeb$\\\xc1\xa0&amp;\x04@\xbb$\xdcy|\xc2\x15\xdc\xb6\x84\xfbu\x12\xae`P\x13\x02\x00\x00@Q\x08\x00\x00\x00E!\x00\x00\x00\x14\x85\x00\x00\x00P\x14\x02\x00\x00@Q\x08\x00\x00\x00E!\x00\x00\x00\x14\x85\x00\x00\x00P\x14\x02\x00\x00@Q\x08\x00\x00\x00E!\x00\x00\x00\x14\x85\x00\x00\x00P\x14\x02\x00\x00@Qz\xac\x0b\x00\x00H\x0c\xf2\x0c\xad\x0f\xb23\xc4\xb0\xb6\x8eA\x00\x00\x00\xb4E\x08!\x84\xd04\xcdn\xb7\xdb\xedvM\xd38\xe7\x8c\xfd\xf3+\xea\x84\x10\xe1p8\x14\n\x19\x86\xc1\x18\xe3&lt;\x91\x96U\x10\x00\x00\x00\xdf@Ji\x9a\xa6\xae\xebn\xb7\xdbn\xb7755UTT\x1c;v\xac\xb2\xb2\xb2\xa6\xa6\xc6\xfa\xb6\xe7\xe4\xe4\xe4\xec\xec\xec\x81\x03\x07^t\xd1E\x19\x19\x19\x91H\xa4\xb1\xb1\x91\'\xceW\x81"\x00\x00\x00\xbeNJ\xe9p8\\.\x97\xcf\xe7\xdb\xb4iSQQ\xd1\xc6\x8d\x1b\x0f\x1c8\xd0\xd0\xd0\xf0\xaf\x7f\xd8f\xb3\r\x180\xe0\x8a+\xae\xb8\xed\xb6\xdb\xf2\xf3\xf3C\xa1PKK\x8b\xa6i]^\xf5yC\x00\x00\x00|\x85\x94R\xd3\xb4\xe3\xc7\x8f\xff\xf9\xcf\x7f\xfe\xe3\x1f\xff\xb8{\xf7\xee\xb6\xff|$\x129x\xf0\xe0\xc1\x83\x07\x0b\x0b\x0b\xe7\xcc\x99\xf3\xf3\x9f\xff\xbco\xdf\xbe~\xbf?\xfe3\x00\x01\x00\x00\xf0\x15\xa6iz\xbd\xde\xc7\x1f\x7f|\xd9\xb2e\xad\x0f2\xc6\x06\r\x1a4|\xf8\xf0\xc1\x83\x07gff&amp;%%I)\x1b\x1a\x1a\x0e\x1f&gt;\xbcs\xe7\xce\xf2\xf2r"\xd24m\xdd\xbau\x1f\x7f\xfc\xf1\xbau\xebF\x8f\x1e\x1d\xff\x19\x80\x00\x00\x00\xf8\n\xcey0\x18\x9c3g\xce\xf2\xe5\xcb\x85\x10#G\x8e\xbc\xe1\x86\x1b\xa6O\x9f&gt;b\xc4\x08\x8f\xc7c\xb3\xd9\x88\xc8\xba\x02\xcc\x183M\xd3\xef\xf7o\xdf\xbe\xfd\xd9g\x9f\xfd\xeb_\xffj\xb3\xd9\x8e\x1d;v\xfd\xf5\xd7\x7f\xf0\xc1\x07\x03\x07\x0e\x0c\x06\x83\xf1|Y\x18\x01\x00\x00\xf0\x15\x9c\xf3\x96\x96\x96a\xc3\x86\xfd\xf4\xa7?\x1d:t\xe8\x8d7\xde\x98\x96\x96\x16\n\x85\x82\xc1\xa0\xcf\xe7;s\x0f(\x111\xc64M\x9b2e\xca\x95W^\xf9\xfc\xf3\xcf\xff\xf0\x87?\xb4\xdb\xed\xd5\xd5\xd5\xf7\xde{\xef\xbb\xef\xbe\x1b\xab_\xa1\x9d\x10\x00\x00\x00_\xc7\x18kiiy\xe4\x91G\x18cMMM\xd5\xd5\xd5\xd6\xde\x9e\xb3-\xe9\xf8\xfd~)\xe5\xf7\xbf\xff})\xe5\xe2\xc5\x8bu]\xff\xe0\x83\x0f\xfe\xf6\xb7\xbf]\x7f\xfd\xf5\r\r\rq\xbb\x10\x14\xbf\xe7&amp;\x00\x001\xc4\x18\xf3\xf9|\r\r\rB\x08]\xd7\xdb\xde\xdc\xa9i\x9a\xa6i\xd5\xd5\xd5\xf7\xdcs\xcf\x95W^i}&amp;`\xed\xda\xb5q\xbe\x1f\x14\x01\x00\x00\xf0\xcd\xac\xb6\xde\xce&amp;n\xfd1)\xe5\x9dw\xdei\xfdPZZZ]]m\xb3\xd9\xbe\xb6j\x14?\x10\x00\x00\x00\x9dC\xd3\xb4`0\x98\x97\x97\x97\x9c\x9cLD\x95\x95\x95\'N\x9c\xb0\xdb\xed\x08\x00\x00\x80\xee\xcf0\x0c\xaf\xd7\x9b\x9d\x9dm\xfd\\[[\xabi\x1a\x02\x00\x00\xa0\x9b\xb3n\x10d\xb3\xd9\\.\x97\xf5H(\x14\x8a\xe7m\xa0\xf1[\x19\x00@b\x91R2\xc6\x84\x10\x91H\xc4zD\xd7\xf5\xb8\x9d\xfe\x13\x02\x00\x00\xa0\x13q\xce\x03\x81@}}\xbd\xf5\xb3\xc7\xe31M3n\xf7\x02!\x00\x00\x00:\x87\x94\xd2n\xb7\x1f;v\xac\xb6\xb6\x96\x88\xbc^o\xef\xde\xbd#\x91\x08\x02\x00\x00\xa0\x9b\x13B8\x9d\xce\xf7\xdf\x7f\xdf\x9a\xf5\x8f\x1a5\xaaW\xaf^\xe1p\x18\x01\x00\x00\xd0\x9dY\x97\x7fkjjV\xadZe\xfd\xe7\x8d7\xdeh\xb7\xdb\x85\x10\xb1.\xed\xacp+\x08\x00\x80N`\x18FVV\xd6\x03\x0f&lt;p\xf8\xf0a\xc6X\xbf~\xfdn\xbd\xf5\xd68\xbf!(\xce\x00\x00\x00.T$\x12\xc9\xca\xcaZ\xbdz\xf5\xaf\x7f\xfdk\xeb\xa3\xbf\x8f&gt;\xfahfff&lt;\xaf\xff\x10\x02\x00\x00\xe0BH)\xad\xb9\xff\xcb/\xbf\xbcp\xe1B\x9b\xcd\x16\x89D\xfe\xe3?\xfec\xde\xbcy\xf5\xf5\xf5\xba\x1e\xd7\xab,\x08\x00\x00\x80\x0e\x12B0\xc6233\x7f\xf5\xab_\xddq\xc7\x1dD\x14\x0e\x87\xbf\xfb\xdd\xef\xfe\xe67\xbf\xb1\xbe\x1c8\xd6\x05\x9eC\\\xa7\x13\x00@\xdc2\x0c#99Y\x08q\xcf=\xf7&lt;\xff\xfc\xf3\xd6\xdc\xff\x96[ny\xf1\xc5\x17M\xd34M3\xfe\x03 \xde\xeb\x03\x00\x88C\xd6=\x7f\x8e\x1f?&gt;s\xe6\xcc\xe7\x9f\x7f^\xd3\xb4H$RPP\xf0\xd2K/\x19\x86a\x18F\xfcw\x7f\xc2\x19\x00\x00\xc0\xf92\x0c#==}\xf3\xe6\xcd\xb7\xdf~{EE\x05\x11\xd9l\xb6\xdf\xfe\xf6\xb7w\xdf}w}}\xbd\x942!\xba?!\x00\x00\x00\xce\x8b\xf5\x95\xf1\xef\xbd\xf7\xde\xcd7\xdf\xdc\xd4\xd4DDC\x86\x0c\xf9\xc3\x1f\xfe\x90\x9f\x9f_]]\xadiZ\xa2t\x7fB\x00\x00\x00\xb4\x9f\x10"99y\xef\xde\xbd\xb7\xdezkss3\x11\xe5\xe7\xe7\xaf[\xb7.++\xeb\xf4\xe9\xd3\xd6\xf7\xc5\'\x10\x04\x00\x00@{q\xceM\xd3\xbc\xfb\xee\xbb\x1b\x1a\x1a\x88\xe8\xf2\xcb/\x7f\xfb\xed\xb7\x1d\x0e\x87\xcf\xe7K\xb8\xeeO\xb8\x08\x0c\x00\xd0N\xa6i\xa6\xa6\xa6\xbe\xf1\xc6\x1b\xa5\xa5\xa5\x9c\xf3\x9e={\xbe\xfc\xf2\xcbIII\x81@ \xce\xf7\xfb\x9f\r\x02\x00\x00\xa0]\xac{\xfd[_\xf5.\x84\xf8\xcf\xff\xfc\xcf\xc1\x83\x07766&amp;h\xf7\'\x04\x00\x00@{X\xf7z;u\xea\xd4\xce\x9d;\xa5\x94={\xf6\xbc\xe9\xa6\x9b|&gt;_\xe2v\x7fB\x00\x00\x00\xb4\xc7\xd7\xee\xf5\x7f\xf9\xe5\x97ggg\xc7\xf3\xbd\xfe\xdb\x03\x01\x00\x00pnRJ]\xd7O\x9f&gt;m\x9a&amp;\x11\x8d\x181"\xce\xbf\xee\xb1=\x10\x00\x00\x00\xed\xc29\xb76\xff\x10Q\xaf^\xbd\xaco\x00\x8eiE\x17*\x81W\xaf\x00\x00\xbaX(\x14\xb2&gt;\xe7\x95\x9a\x9a\x1a\xcf\xdf\xf4\xd2N\x08\x00\x00\x80va\x8c\x85\xc3a\xab\xefw\x83\xe9?!\x00\x00\x00\xda\x83s\xde\xd4\xd44}\xfa\xf4\xb7\xdez\x8b\x88F\x8c\x18\xd1\xdc\xdc\x9c@w}\xf8F\x08\x00\x00\x80sc\x8cE"\x91\xbe}\xfb\x0e\x192\x84\x88\x82\xc1`\xa2o\x01"\x04\x00\x00@;YK@---D\xc49O\xf4\xeeO\x08\x00\x00\x80\xf6c\x8c\xc5\xf3\x97\xbc\x9f\xaf\xc4^\xc0\x02\x00\xe8bR\xcan\xb0\xff\xc7\x82\x00\x00\x00h/!\x84\xddnw:\x9dR\xcaD\xff\x14\x18!\x00\x00\x00\xda\x891\x96\x92\x92RQQq\xe8\xd0!\x9b\xcdf\xb7\xdb\x13=\x03\x10\x00\x00\x00\xe7f\xdd\x0b\xe8\'?\xf9\xc9\xd8\xb1c\xc7\x8f\x1f\x7f\xed\xb5\xd7VWW\xdbl\xb6\x84\xce\x00\x04\x00\x00\xc09\x08!RRR&gt;\xf9\xe4\x93g\x9ey\xc6\xef\xf7\x87B\xa1\x8d\x1b7\xfe\xeew\xbfKII\xb1n\r\x94\xa0\xb0\x0b\x08\x00\xe0\x1c\xac;\xc1\xed\xdb\xb7O\xd34k\xf7\'c\xac\xbc\xbc\xdc4\xcd\x84\xde\x0c\x8a3\x00\x00\x80v\xb1\xe6\xfb\x9csM\xd3\x84\x10.\x97+\xd1?\t\x9c\xd8\xd5\x03\x00t\x01\xceyss\xf3\xe4\xc9\x93\xb3\xb3\xb3\xc3\xe1p(\x14\x92R\xde|\xf3\xcd\t\xbd\xfeCX\x02\x02\x008\'\xeb3\xc0={\xf6|\xfb\xed\xb7W\xaf^\x1d\x08\x04\xae\xbe\xfa\xeak\xaf\xbd\xb6\xb1\xb11\xa1?\x17\x86\x00\x00\x0087\xcey \x10\x185j\xd4o\x7f\xfb[\xeb\xb3`~\xbf?\xa1/\x00\x10\x02\x00\x00\xa0\x9d8\xe7\xc1`\xb0\xb9\xb9\xd9\xea\xfb\t=\xf7\xb7 \x00\x00\x00\xda\x8bs\x9e\xe8\x17~\xcf\xd4}~\x13\x00\x008/\x08\x00\x00\x00E!\x00\x00\x00\x14\x85\x00\x00\x00P\x14\x02\x00\x00@Q\x08\x00\x00\x00E!\x00\x00\x00\x14\x85\x00\x00\x00P\x14\x02\x00\x00@Q\x08\x00\x00\x00E!\x00\xda%\xe1\xee\xf8\x94p\x05\xb7-\xe1~\x9d\x84+\x18\xd4\x84\x00h\x97\x88!(\xa1\xbe\xf83l\x88X\x97\xd0\x990\xfe\x00\xd1\x80\x008\x07!\x04\x11}\xfa\xc5i2\x05O\x84y\x9d\x94\x924\xbe\xf3\x8bj"J\x80r\xcf\x05\xe3\x0f\x10=\x08\x80s\xb0\xd9\xecDT\xebo\t\x87\x8d\x84\xb9\xf7\xb7\x94U\r\x01"\xb2\xd9l\x89~\xe7B\x8c?@\xf4\xe0_g[\x9cNg\xde\xe8\xd1Dt\xb0\xc2WU\xd7l\xb7q\x19\xf7\x0b\x11\x9c1\x111w\x1d\xaa!\xa2\xe1\xc3\x87\xf7\xec\xd9\x93\x88\x12\xa6u~U7\x18\xff\xec\x9e=\x89p.\x00q\n\x01\xd0\x16\xc30\xf2\xf2\xf28\xa3\xa6@\xb8\xfcX\xbdf\xd7E|w )\xc9n\xd3N\xd75\xef?\xd1@D99\xb9INg\xac\x8b\xea\xb8\xee0\xfeIID\xc4\x90\x00\x10\x97\x10\x00m\x89D"\x13\'N\xec\xdb\xb7\xaf\x90r\xc3\xa7\xc7\x18\xe72\xbe\x1b\x90\x90Rw\xe8\x9f\x94W\xd644s\xce\xa7]}\xb5\x91\xc8_Z\xdd\r\xc6\xdf4\x8dX\x17\x05pV\x08\x80\xb6H\xa2\xa1C\x87^\x96\x97\xc7\x18\xfb\xdb\xb6#-\xcd!\x9b\x16\xd7#&amp;\xa5d\x1a\xff\xcb\xc7\x87$Qf\x8f\x8cI\x93&amp;\x05\x02\x81X\x17\xd5q\xdd`\xfc\x9b\x9b\x13x\xfc\xa1\xdb\x8b\xeb\xc3)\x1e\xe8\xba~\xeb\xads\xa4\x94\x9f\x9f\xa8\xff`\xd7\t\x87\xcbn\x8a8\x9d\x84JI\x0e\xbb~\xea\x94\xafh\xc7Q"\x9a&gt;cF\xdf\xbe}[ZZb]\xd7\x05I\xf4\xf1\x0f%\xf8\xf8C\xf7\x86\x008\x87\xa6\xa6\xa6\x1bn\xb8!33SJ\xb9\xec\xb5\x1dR\xc8\xb8]\xcd5\x85\xb0\xbb\xec\xcf\xbd\xb3\xbb\xaa\xbeY\xd3\xb4\x85\x0b\x17\xc5\xba\xa2N\x90\xf0\xe3\x9f\x98\x97\xdfA\x11\x08\x80s\x08\x06\x83III\xb7\xddv\x9b\x94r\xe3\xee\x13\xc5\xa5G\x92S\x1cq8\t\xb5\xa6\x9f\x95\x95\xfe\x15\xef\xeee\x8c\xe5\xe4\xe4L\x9a4\xc9\xef\xf7k\x9a\x16\xeb\xd2.\x08\xc6\x1f z\x10\x00\xe7\xa0i\x9a\x94\xf2{\xdf\xfb\x9e\xc7\xe3!\xa2\x9f\xffq\xbb0\xe3\xae\xfb\x10\x91i\n{\xb2\xe3\xd7\x7f\xfeGuC\x80\x88\x1e|\xf0A)\xa5\xf5)\xaa\x84\x86\xf1\x07\x88\x1e\x04\xc09p\xce\x19c\x17_|qAA\x81\x94r\xf3\x9e\x13\xcf\xfe\xf9\xd3\x14\xaf+\x12O\x9f\xf57L\x91\xe2vl\xddy\xfc\x99\xb7v2\xa2)\x93\'\xcf\x993\x871\xd6\r\xa6\x9f\x18\x7f\x80\xe8A\x00\xb4\x8ba\x18\x05\x05\x05\x83\x06\rbD?{i\xcb\xa7{*R\xddN\xd3\x8c\x8b\x1e$\xa4\xb4\xdb\xb5\xc6@\xf8\xae\xa7\xdf\x0bGLM\xd3\x9e|\xea\xa98\xdf.y\xbe0\xfe\x00\xd1\x80\x00h\x17)eZZ\xda\xda\xb5k5]o\x0cF\xfe\xfd\xc9\xa2\xea\x86\x80\xcd\xae\xc7|1ZJ\x92\x92\xecv\xdb\xf7\x9fy\x7f\xef\x91\x1a)\xe5\xf2\'\x9f\x1c=z\xb4\x99\xc8\xdb\xff\xff\x15\xc6\x1f \x1a\x10\x00\xed\xc297\x0cc\xfc\xf8\xf1\xcb\x97/\')\xf7\x1e\xa9\xbd\xe6\xbf\xfe\xc29s\xda53vK\xd2BJ!eJF\xf2}\xbfy\xff\x95\xf7\xf7\x11\xd1\xacY\xb3\n\n\n\x0c\xc3\xe8f\x8b\x0f\x18\x7f\x80h@\x00\xb4\x97\xae\xeb\xd6B\xc4\xc2\x85\x0b\x89h\xdb\xe7\xa7g&gt;\xf4f}S8%\xc5\x1e\x93\xf5h\xc3\x146]Kq\xd9\xef{r\xc3s\x7f\xddCDc\xc7\x8e]\xb1b\x85\x10\xa2[v\x1f\x8c?@\xa7C\x00\x9c\x07M\xd3\x84\x10+V\xacX\xb8p!\x91|o\xe7\xf1\x99\xff\xf5\xe6\xbe\xe3\xf5\xa9\x1e\x97iJ\xd1U\xcb\x11R\xca\x88!\xdc)\x8e`\xc4\xfc\xf7\'\x8a~\xf3\xd6.)\xc4\xd8\xb1c\x8b\x8a\x8a\xbc^/%\xec\xad\xdf\xce\t\xe3\x0f\xd0\xb9\x10\x00\xe7\x811\xc6\x183M\xf3\xcb\x1eD;\x0e\x9c\x9eT\xf0\xa7W6|\x96\xe2v\xb8\x9c6\xc3\x14QmCRJk\xe2\x99\xeau}Rvj\xea\x03\xaf\xad))\'\xa2q_v\x1f!D7\xbe\xff0\xc6\x1f\xa0s\xe1\x1f\xeb\xf9a\x8cq\xce\xady\xe8\x92G\x1e!\xa2Z\x7fp\xde/\x8b\xe6&lt;\xf6\xf7\xddGj\xdd\xa9I.\xa7\xcd\x14\xd20E\'\xee\x03\x91\x92\xac\xd7\xb4\xe9\x9a\xdb\xe3\xaa\xf6\xb7\xfc\xd7\x8a\xcdW\xfc\xe8\r\xeb[Gf\xcf\x9e\xbd^\x99\xee\x83\xf1\x07\xe8Dz\xac\x0bH&lt;\xd6\t\xbe\x10\xe2\x91%K&amp;\\~\xf9\x9d\x0b\x16\x9c\xac\xa8\xf8\xe3\xc6\xfdoo9|\xeb\x94\xa1?\xbc17wh\x161f\x86\x8cP\xe4\x9f3\xd2\x8e\xad\tX-\x8csf\xd75\x9bC\'\x8dW\x9c\xf2\xfd\xfe\xd5\xd2\x15\x7f\xff\xac\xb2\xae\x89\x88\x1cv\xdb/\x97=QPP`\xd5\xa3H\xf7\xc1\xf8\x03t\x16\x04@GXk\x11\x86aL\x9f&gt;\xbdt\xdb\xb6\xff\xf3\xf0\xc3k\xd7\xbe\x12\x0c\x85\xff\xb0\xe1\xb3?m:pU^\xbf\xeb\xc6\x0f\x9a\x9a\xd3w@\x96[w8Hcd}\xa5\xed\xf9v!\x8d\x93\x94\x141O\xd5\x05&gt;.?\xf5\xb7\xad\x87\xd7\xef8v\xaa\xa6\xd1zr\xda\xb4i\x8f=\xf6\xd8\xf8\xf1\xe3\x85\x10\xd6\xbc\xb8\xd3\x7f\xcd\xb8\x85\xf1\x07\xe8\x14\x08\x80\x8e\xd3u\xdd4\xcd\xde\xbd{\xaf|\xf1\xc5Ew\xdf\xfd\xf8\xe3\xbf(\xde\xb0!\x10ly\xfb\xe3/\xde\xfe\xf8\x8b\xd4\x94\xa4\x11\xfd\xbc#\xfb{\xfbe\xb9G\xf4\xf5\xa6\xa7:MS\xb4\xf3\x8bA\x18\xa3\xb0!v\x1e\xaa\xa9\xf1\x05w\x1d\xae)?V\x7f\xba\xbe\xa9\xf5\xd9\xfc\x89\x13\xef]\xbcx\xee\xdc\xb9Dd\x9a\xa6\xb2{N0\xfe\x00\x17\x08\x01pA\xac;\xd5\x08!\xc6\x8f\x1f\xff\x97\xbf\xbc\xb5w\xef\xde\xd5\xabW\xbf\xf1\xfak\x87\x8f\x1c\xf57\x05\xb7\x96\x07\xb7\x96Wt\xd6{ege\xce\x981\xf3\xf6y\xf3\xa6M\x9bF_~[\xba\xe2\xdd\x07\xe3\x0fp!\x10\x00\x17\xca\xba\xe5\x8b\x10BJ9j\xd4\xa8\xe5\xcb\x97/]\xbat\xd7\xae]\x1b6l\xd8\xb2\xe5\x93\xfd\xfb\xf6\xf9\xfd\xfe\xda\xba\xfa\x0e\xbc\xb2;%999y\xc4\xc8\x91\xb9\xb9\xb9S\xa7^\x91\x9f\x9f\x9f\x91\x91ADV\xcbC\xeb\xb1`\xfc\x01:\x0c\x01\xd09\xac%`!\x84\x10\xc2\xe5rM\x980a\xc2\x84\tD\x14\x0c\x06\x9b\x9b\x9b\xcb\xca\xca:po\x80!C\x86\xa4\xa6\xa6\xa6\xa5\xa5\xb5&gt;b\xbd\x88\xa6i\xe8&gt;_\x83\xf1\x07\xe8\x00\x04@g\xe2\x9cs\xce\xad\x19\xa2\x94\x92s\x9e\x94\x94\x94\x94\x944y\xf2\xe4\x0e\xbf\xa6\xd5\xd4\xac\xcb\x8c\xe8;m\xc3\xf8\x03\x9c\x17\x04@\xe7;\xf3&gt;\xc0\xd6V\xc2\x8e\xdd\x17\xde\xda\xebb5\xb5\xce\xac\xaf\xbb\xc3\xf8\x03\xb4\x13\x02 \xba\xac\x1d\xe8\x989\xc6\n\xc6\x1f\xa0\r\x98\xda\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ba(\x00X\xd7\xbcM\xe7I\xb8\x82\xdb\x96p\xbfN\xc2\x15\x0c\x90\x88\xa2\x1b\x00RJ!\x04\x11E\x84\x90Q}\xa7\xce\x16\x11\xc2\xfaA|\xf9C"\xc2\xf8\x03@\x1b\xa2\x15\x00\x8c1)ejj\xea\xd0\xa1C\x89hom\xad!\x04g\t0\xb1\x93R\xda8\xdf[[KD\xa9n\xb7U?K\x84\xca\xcf\x84\xf1\x07\x80s\x8a\xe2\x19\x80\x94R\xd7\xf5\x1e\x99\x99D\xd4\x10\n\xb5\x18F\xa2\x1c\xc6R\xca\x9a`\x90\x88\x92].\xaf\xd7K\x89\xd9\x800\xfe\x00\xd0\xb6(\x06\x80u\xf2\xfe\xad\x9c\x1c":\xec\xf3U57\xdb9\x8f\xff\x85\x08\xceX\x8biZ3\xd0\xa1\xc3\x87\'\'\'\x0b!\x12\xb1\x01a\xfc\x01\xa0mQ\x0c\x00\xeb\xa0\x1d3f\x0c\x11\xf9[Z\x0e648t]\xc8\xb8nA\x92\xc8\xaei\xa7\x9b</t>
        </is>
      </c>
    </row>
    <row r="190">
      <c r="A190" s="1" t="n">
        <v>188</v>
      </c>
      <c r="B190" t="inlineStr">
        <is>
          <t>rectangle_height_number</t>
        </is>
      </c>
      <c r="C190" t="inlineStr">
        <is>
          <t>What is the missing number of the part denoted with a question mark?</t>
        </is>
      </c>
      <c r="D190" t="inlineStr">
        <is>
          <t>[1, 3, 4, 2]</t>
        </is>
      </c>
      <c r="E190" t="inlineStr">
        <is>
          <t>3</t>
        </is>
      </c>
      <c r="F190" t="inlineStr">
        <is>
          <t>There are 7 rectangles in the image with varying lengths and numbers inside them. The numbers from left to right are [1, 2, 3, 2, 3, 1, '?']. The lengths from left to right are ['short', 'medium', 'long', 'medium', 'long', 'short', 'long'].</t>
        </is>
      </c>
      <c r="G190" t="inlineStr">
        <is>
          <t>We observe that the short rectangles are denoted as 1, the medium rectangles are denoted as 2, and the long rectangles are denoted as 3. Hence, the pattern is that the number in each rectangle corresponds to its length.</t>
        </is>
      </c>
      <c r="H190" t="inlineStr">
        <is>
          <t>Based on the pattern that the number in each rectangle corresponds to its length, the missing number of the rectangle with a question mark should be 3.</t>
        </is>
      </c>
      <c r="I190" t="inlineStr">
        <is>
          <t>b'\x89PNG\r\n\x1a\n\x00\x00\x00\rIHDR\x00\x00\x02\x00\x00\x00\x02\x00\x08\x02\x00\x00\x00{\x1aC\xad\x00\x00G\xa0IDATx\x9c\xed\xddyxT\xd5\xfd?\xf0\xcf9\xe7N2\x93ef\xb2\x11V\x17\x04\x01\x8b\xec\xfb&amp;\xa2\x08\xd6\x16\xb1"\xa2\x80\x0bK\xdc\xfd\x85\xb6\xdaZm\x01\xadu\x81\xd6\xda\xda\xd6\x12\xd9\xa4\xe2\x8a\xb5\xd5Vbp\x01\\ \x80\nB\xc2&amp;\x88b d\x9d%\xcb\xcc\xdc{\xce\xef\x8f\x0b)_e\t!\xc9\x9d\x99\xfb~=}\x9e\xea$NN&gt;9\xe7\xbe\xcf=\xf7\xdc;L)E\x00\x00`?\xdc\xea\x06\x00\x00\x805\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iV7\x00b\x80R\xaa\t\xff\x15c\xac\xd9[bO\xa8\xbf\xb5\xe2\xb8\xfe\x08\x008\x01\xa5\x94\x94R)\xc5\x18c\x8cq\xde\x943\xc5fy\x13{B\xfd\xade\x9f\xfa\xb3\xa6\x85\x1b\xc4%\xb3\xcb\x12\x91\x10\xe2\xf8\xd7}&gt;\x9f\x94\x92\xb1\xc6\xf6\x16s\xee\xe3\xf5z\x8f\x7f\xd1\x1c\x0c\x9c\xf3\x98\x98\x19Y\x02\xf5\xb7\x96\r\xeb\x8f\x00\x00""\xa5\x94a\x18\x9av\xf4\x8c0\x10\x08\x14\x16\x16n\xdc\xb8\xe1\xd3O?\xab\xac\xac,..\xd6\r\xbd\xf1\xef\xc6\x88)R].\xe8\xe2\xf5z\x07\x0c\x18\xd0\xaf_\xbfA\x83\x06u\xe8\xd0\xc1\xfc\xaa\xae\xeb\x9c\xf3\xe8\x9c\x10Y\x05\xf5\xb7\x96m\xeb\x8f\x00\x002\x0c\xc3\x9c\xf2\x84\xc3\xe1\xd5\xabW?\xff\xfc\xf3\x9b7o&gt;p\xe0@3\xfe\x88\xb4\xb4\xb4\x01\x03\x06L\x9e&lt;y\xc2\x84\tm\xda\xb4!"]\xd7\x85\x10Q5\x1b\xb2\n\xeao-;\xd7\x1f\x01`k\xe6_\x9f1\xe6\xf3\xf9\xf2\xf2\xf2V\xacX\xb1m\xdb\xb6\x86\xaf\xa6\xa4\xa6t&lt;\xa7CVvV\xe7\xae\xe7\xa7\xa7{u\xddhL\x7fU\xa48\xe3\x91H\xa4\xe8\x8b\xe2\xea*\xdf\x81}_WUV5|\xb5]\xfbvSo\x9c:k\xd6\xacn\xdd\xba\x11\x91\x942J\xa6B\x96@\xfd\xad\x85\xfa#\x00\xec\xaba\xe2\xb3t\xe9\xd2\'\x9f|r\xe7\xce\x9d\xe6\xeb\x1d;u\x186z\xe8\x98q\xa3/\xea\xd5#\xbbmVrJ\x8a\x10B\x08~f\x1dE\xa9HD\x0f\xd5\x87\xca\x8f\x94\xef\xde\xb9g\xfd{\x1f\xad[\xb3~g\xd1n\xf3\x8b\xe9\xe9\xe9\xf7\xdcs\xcf\x9c9s&lt;\x1e\x8f\xae\xeb\r\xa7\xde\xb6\x82\xfa[\x0b\xf5\'\x04\x80m\x99\xbd\xbf\xa4\xa4d\xc6\x8c\x19\xf9\xf9\xf9\xe6\x8b\xdd/\xea6\xe3\xae\x9b\xc7O\x18\x97\xd5&amp;C)U_\x1f\x8a\x84#\xd2\x90\x8a\xd4\x99\xf7\x13\xc6\x19c\x9c9\x1c\x8eDg\xa2\xa6i\x01\xbf\x7f\xc3\x87\x85y\x7fZ\xb2\xee\xbd\x0f\xcd\xef\xe8\xd6\xad\xdb\xe2\xc5\x8b\x87\x0f\x1fn^a\xb3\xfct\xb85\xa1\xfe\xd6B\xfd\x8f\xb6\x12\x01`C\xe6\xa4#??\x7f\xc6\xcc\x19%\xdf\x96\x10Q\xe7\xae\x9d\xef\x983\xfb\xc7\xd7^\xe5I\xf3\x04\xfd\xc1H$BD\xcd\xb2cA)%\xa5"\xa5\x84&amp;\x92S\x92\xa54\xd6\xae\xf9\xf0\xd9\xa7\x16}\xb4\xf6\x13"JLLx\xfc\xf1\'rssmu\x0cB\xfd\xad\x85\xfa7@\x00\xd8\x8e\xd9\xfb\xf3\xf2\xf2rrr\xccWn\xce\x99\xf6\xf3\xdf\xcc\xc9\xca\xce\xf2U\xf9\x0c\xdd\xe0\xa2\xa5v\xaa\x19\x86\xc1\x18s{R\r\xddX\xf2\xb7\xe7\x17&gt;\xf2T0\x10$\xa2\xd9\xb3g/Z\xb4\xc80\x8ch\xdb$\xd7\x12P\x7fk\xa1\xfe\xc7C\x00\xd8\x8by\xe6\xdb\xd0\xfb\xbdi\x9e\xdf\xfea\xdeu\xd3\'\xf9\xab\xfd\xe1p\xb8u\xd6"\xcda\x90\x91\x95\xb1\xf9\x93-?\xbf\xe3\x17E_\xec\xa4cc \xee\xe7\xa1\xa8\xbf\xb5P\xff\xef@\x00\xd8\xc8wz\x7fVv\xd6\xa2\x95\x7f\x19y\xe9\xf0\xc3\x87J5Mk\xe5a\x1f\x89D\xbci\xde\x8a\xb2\x8a[&amp;\xcd\xfel\xd3\xe7t\xdc&lt;\xe8;\xb7\xe1\xc4\r\xd4\xdfZ\xa8\xff\xf7!\x00\xec\xc2\xecXk\xd6\xac\x19;v,\x11\xa5g\xa4\xff{\xedk\xe7u&gt;\xaf\xba\xaa\xda\xe1pX\xd2$]7\x12\x9d\tB\x88\x1b\x7ft\xd3\'\xeb7\x12\xd1\xbcy\xf3\xe6\xce\x9d\x1b\x97\xfbRP\x7fk\xa1\xfe\'\x84\x00\xb0\x05s\xbbqiii\xef&gt;\xbd\x8f\x94\x1eq{\xdc\xcbV\xe5\r\x1c:\xc0W\xe5\xd3\x1cV\x0eu\xc30\x12\x9d\x89\x01\x7f`\xda\x84[\xb7o\xdd\xc1\x18\xcb\xcf\xcf\x1f;vl\x9c\xcdCQ\x7fk\xa1\xfe\'c\xdf{@l\xc5\xbc\xd3}\xfa\xf4\xe9\xa5\x87K\x89\xe8\x91?\xcc\x1dy\xe9\xf0\xea\xaajk{?\x11\t!\xea\xeb\xea3\xb32\x9eY\xf6Go\x9aG\x91\x9a~\xd3\xf4\xc3\x87\x0f3\xc6\xcc\xa7\xb2\xc4\x07\xd4\xdfZ\xa8\xff\xc9 \x00\xe2\x9f9\x9bX\xb9reAA\x01\x11\xddp\xcb\xe4)7_w\xf8P\xa9Ug\xbe\xdf\xa1iZu\x95\xafG\xcfn\xf3\x9e\xfc5)*=\\\xfa\xc0\x03\x0fp\xce\xe3\xe6\xdc\x14\xf5\xb7\x16\xea\x7f\nX\x02\x8asJ)\xa5Tuu\xf5\xe0\xc1\x83\xf7\xed\xdbw\xcey\x9d\xdeZ\xff\xcf\xc4\xc4Ds+\x82\xd5\xad\xfb\x1fC7\xbc\x19\xde\x99\xd7\xdd\xf6\xf6\xbf\xf3\x13\x13\x13\xd7\xaf_?`\xc0\x00\xf3\xe9\x89V7\xed\xac\xa0\xfe\xd6B\xfdO-\xb6\xff\xbapZ\xe6\xe6\xe2\xa5K\x97\xee\xdd\xbbWJy\xfb\x9c\xd9Y\xd9\x99\xe1p8\xaaz?\x111\xce"\xe1\xc8\x9c_\xdd\x93\x98\x98\x18\n\x85\xe6\xce\x9d\xdb\xf8\xa7\xefF3\xd4\xdfZ\xa8\xff\xa9!\x00\xe2\x99RJ\x08QWW\xb7t\xe9R\xc6\xd8\x05];_s\xfd\xd5\xd5\x95\xbe(\xdc\xe3\xc19\x0f\x06\x82\xbd\xfa]|\xd55\xe3\x89h\xdd\xbau\xc5\xc5\xc5B\x88\x98^\x89F\xfd\xad\x85\xfa\x9f\xfe\xe7\xb6\xe8\xbb\x83\xb5\xcc\xfbJ\xd6\xacY\xb3c\xc7\x0e\xa5\xd4\xec{gz\xbcn]?\x83\'\x9b\xb7&amp;\xcey(\x14\xce\xf9\x7f\xb3\x92\x92\\555\xcf=\xf7\x1c\x11\xc5\xf4\x01\x08\xf5\xb7\x16\xea\x7f\xfa\x1f\xda\xa2\xef\x0e\xd1`\xd9\xb2e\x8c\xb1\xecv\xd9?\x9c8.\xe0\x0fF\xed\xf6&gt;\xceyM\xb0\xa6W\xbf\x9eCF\x0ef\x8c\xbd\xf6\xdak\xb5\xb5\xb5\x9a\xa6\xc5\xfaB\x04\xeao-\xd4\xffT?\xb4\xe5\xde\x1a\xace\x9e\xff\xfa|\xbe\xc2M\x85J\xa9\x91\x97\x0e\xcfj\x93\x19\x89D\xa2m\xf5\xf3xJ)\xc6\xf8\x15?\x1a\xab\x94\xfa\xb6\xe4\xdb\xad[\xb7R\xccNBQ\x7fk\xa1\xfe\x8d\x81\x00\x88[f\xbf\xd9\xbcy\xf3\xc1o\x0e\x12\xd1\x98\xf1\xa3\xa3\x7f"\'\x84\xa8\xaf\xad\x1bv\xc9\x90\x14w\x8a\xa1\x1bo\xaf~\x9b\x8e}jG\xccA\xfd\xad\x85\xfa7\x06\x02 n\x99\xfd\xa6pS!\x11%\xa5$]\xd4\xabG\xa8.\x14\xe5\xbb\xfa\x18c\xa1P\xb8c\xa7\xf6\xe7w&gt;\x8f\x886o\xdaLDQ\xde\xe6\x93A\xfd\xad\x85\xfa7FT\x97\x03\xce\x86y\xaa\xbbe\xf3\x16":\xe7\xdcN\xed\xdagG\xf9\xf9\xafIJ\xe9Jr]tqw"*..\x0e\x06\x831zS\x12\xeao-\xd4\xbf1\x10\x00q\xcb\xdcG\\VVFD\x19\x99\xe9\xc9)\xc9\x86aX\xdd\xa8\xd3SJq!\xda\xb6oKD\xd5\xbe\xea\xba\xba:\xab[\xd4D\xa8\xbf\xb5P\xff\xc6@\x00\xc4\'\xf3\x1eB\x9f\xcf\xb7{\xf7n"\xea\xda\xbd\x8b\x88\x91\xed\x1c\x8c1C\xd7\xbbt\xbf\x80\x88\xfc&gt;\x7fqq1\xc5\xe0uH\xd4\xdfZ\xa8\x7f#!\x00\xe2\x99R*\xa2G\x88(-=-\x86N\xe4\x95Ri\xe9iD$\xa5\x8c\xda]\xdb\x8d\x81\xfa[\x0b\xf5?-\x04@\x9c3\x17=cn\x18748\xfa\x17mO\r\xf5\xb7\x16\xea\x7fj\x08\x00[\x88\xb9a\x1cs\r&gt;\xb5\x98\xfbub\xae\xc1\xa7\x16s\xbfN\xab5\x18\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xd2\xacn\x80-(\xa5\x9a\xf0_1\xc6\x9a\xbd%\xf6\x84\xfa\x03\x9c\x10\x02\xa0E(\xa5\xa4\x94J)\xc6\x18c\x8c\xf3\xa6\x9ci5\xcb\x9b\xd8\x13\xea\x0f\xd0\x18\x08\x80\xe6d\x1e2\x88H\x08!\x84hx\xdd\xe7\xf3I)\x19c\x8d\x9c\x8a\x9asO\xaf\xd7{\xfc\x9b\x98\x07#\xce9f\xa6\'\x83\xfa\x03\x9c\x11\x04@\xf3PJ\x19\x86\xa1i\x9ay\xc8\x08\x04\x02\x85\x85\x85\x1b7n\xf8\xf4\xd3\xcf*++\x8b\x8b\x8buCo\xfc\xbb1b\x8aT\x97\x0b\xbax\xbd\xde\x01\x03\x06\xf4\xeb\xd7o\xd0\xa0A\x1d:t0\xbf\xaa\xeb:\xe7\x1c\x13\xd2\xe3\xa1\xfe\x00M\x80\x00h\x06\x86a\x08!4M\x0b\x87\xc3\xabW\xaf~\xfe\xf9\xe77o\xde|\xe0\xc0\x81\xb3|\xdb\xf2\xb2r"Z\xbdz5\x11\xa5\xa5\xa5\r\x180`\xf2\xe4\xc9\x13&amp;Lh\xd3\xa6\r\x11\xe9\xba.\x84\xc0l\x94P\x7f\x80\xa6B\x00\x9c\x15sIA\x08\xe1\xf3\xf9\xf2\xf2\xf2V\xacX\xb1m\xdb\xb6\x86\xaf\xa6\xa4\xa6t&lt;\xa7CVvV\xe7\xae\xe7\xa7\xa7{u\xddh\xcc\xf1B\x91\xe2\x8cG"\x91\xa2/\x8a\xab\xab|\x07\xf6}]UYUUUUPPPPP\xf0\x9b\xb9\xbf\x99z\xe3\xd4Y\xb3fu\xeb\xd6\x8d\x88\xa4\x94v\x9e\x8a\xa2\xfe\x00g\x03\x01\xd0t\xe6\xc4\x93\x88\x96.]\xfa\xe4\x93O\xee\xdc\xb9\xd3|\xbdc\xa7\x0e\xc3F\x0f\x1d3n\xf4E\xbdzd\xb7\xcdJNI\x11B\x08\xc1\xcfl\'\x8aR\x91\x88\x1e\xaa\x0f\x95\x1f)\xdf\xbds\xcf\xfa\xf7&gt;Z\xb7f\xfd\xce\xa2\xdd\x87J\x0e-\\\xb8p\xc9\x92%\xf7\xdcs\xcf\x9c9s&lt;\x1e\x8f\xae\xeb\x9af\xc7\xbf#\xea\x0fp\x96\xd0q\x9b\xc8&lt;\xfa\x94\x94\x94\xcc\x981#??\xdf|\xb1\xfbE\xddf\xdcu\xf3\xf8\t\xe3\xb2\xdad(\xa5\xea\xebC\x91p$\xe0\x0b(Rg\xbe\x13\x91q\xc6\x18g\x99m2;\x9c\xd3a\xec\x0f/\x0f\xf8\xfd\x1b&gt;,\xcc\xfb\xd3\x92u\xef}XYY9\x7f\xfe\xfc\x97^zi\xf1\xe2\xc5\xc3\x87\x0f7\xafp\xdaj9\x02\xf5\x078{\x08\x80\xa60\'}\xf9\xf9\xf93f\xce(\xf9\xb6\x84\x88:w\xed|\xc7\x9c\xd9?\xbe\xf6*O\x9a\'\xe8\x0fVUV\x13\x91\xb9c\x84\x8b\xb3Z"\x88D"\xa1P\x98\x94\x12\x9a\xb8\xf4\x8a\xd1\x97\\&gt;r\xed\x9a\x0f\x9f}j\xd1Gk?\xd9\xb5k\xd7e\x97\x8dy\xfc\xf1\'rss\xcd\xdd/69\x06\xa1\xfe\x00\xcd\x02\xcb\x97g\xcc&lt;\xfa\xe4\xe5\xe5\x8d\x1f?\xde&lt;\xfa\xdc\x9c3\xed_\xef\xbf:}\xf6T\xc6XUy\x9599m\xae+\x84\x8c1!\xb8\xd0\x04\x11\xf9}\xfe\x9a`\xed\x98q\x97\xbc\xf8\xd6\xf3\xf3\x9e\xfcuJjJ(\x14\x9e3gNNN\x0e\xe7\xdc\xdc\xa7x\xf6?1\xca\xa1\xfe\x00\xcd\x05\x01pf\xcc\xbd\x86yyy999D\xe4M\xf3&lt;\xb3\xf4\xa9\'\xff\xfa\x98\xd3\xe9\xac(\xab "\xa1\xb5\xe0\xce\x10!\x04\xe7\xdcW\xed\xaf\xa9\xa9\xbd\xf3g\xb7\xbd\xf2\xf6\x0b\x17]\xdc\x9d\x88\xcc\xf6\x08!\x94j\xc2ZG,A\xfd\x01\x9a\x11\x02\xe0\x0c\x98S\xcb\x86\xa3OVv\xd6\xd2\xd7\xf2\xa6\xdc&lt;\xb9\xac\xb4\xcc&lt;0\xb5N3\xcc\xc3\xd0\x91\xc3Gz\xf5\xbb\xf8\xc5\xb7V\xf4\x1d\xd8\x87\x8e\x1d\x83\xccyh\xeb4\xa3\xf5\xa1\xfe\x00\xcd\x0b\x01\xd0X\xe6\xd1g\xcd\x9a5\xe6\xd1\'=#\xfd\x9f\xef\xbe&lt;p\xe8\x80\xc3\x87J\x1d\x0eG\xeb/\xfe:\x1c\x0e_\xb5?95\xf9\xf55/\x0f\x1d9\x98\x88\xf2\xf2\xf2\xe6\xcf\x9f/\x84\xd0\xf53\xb8\xe9)V\xa0\xfe\x00\xcd\x0e\x01\xd0(RJ!Dii\xe9\xb4\xe9\xd3\x18c\x1e\xafg\xf1+\xcf\x9e\xd7\xf9&lt;_\x95\xcf\xe1pX\xd5*M\x13\xe1PXJ\xf9\xb7\x7f\xfc\xb9g\xef\x1f\x10\xd1\xfc\xf9\xf3\x0b\n\n4M3\x0c\xc3\xaaV\xb5\x04\xd4\x1f\xa0% \x00\x1a\xc5|\xd2\xc0\xf4\xe9\xd3K\x0f\x97\x12\xd1#\x7f\x98;\xf2\xd2\xe1\xd5U\xd5\x9a\xc3\xe2mTB\x88\xfa\xba\xfa\xcc\xac\x8cg\x96\xfd\xd1\x9b\xe6Q\xa4\xa6\xdf4\xfd\xf0\xe1\xc3\xf1\xb7\x1d\x05\xf5\x07hv\x08\x80\xd33\x17\x1fV\xae\\YPP@D7\xdc2y\xca\xcd\xd7\x99+\x0fV7\x8d\x88H\xd3\xb4\xea*_\x8f\x9e\xdd\xe6=\xf9kRTz\xb8\xf4\x81\x07\x1e8\xfe)fq\xc0\xe1p\xa0\xfe\x00\xcd\x0e\x01p\x1a\xe6\xd3\x80+++\x1f~\xf8a\xce\xf9y\x9d\xcf\xfd\xd5o\x7f\xe1\xab\xf2G\xd5\xcd\x9f\x0e\x87\xa3\xa2\xacr\xf2M\x93\xae\x9c0\x8e\x88^|\xf1\xc5\xc2\xc2\xc2\x86Gc\xc64sSMEE\x05\xea\x0f\xd0\xec\x10\x00\xa7a\x18\x06\xe7|\xe9\xd2\xa5{\xf7\xee\x95R\xde&gt;gvVvf8\x1c\x8e\xb6s|\xc6Y$\x1c\x99\xf3\xab{\x12\x13\x13C\xa1\xd0\xdc\xb9s\x8f&gt;\xfd8\xc67%\x9a\x17T\x17/^\x8c\xfa\x034;\x04\xc0\xa9(\xa5\x84\x10uuuK\x97.e\x8c]\xd0\xb5\xf35\xd7_]]\xe9\x8b\xaa\xe9\xa7\x89s\x1e\x0c\x04{\xf5\xbb\xf8\xaak\xc6\x13\xd1\xbau\xeb\xf6\xec\xd9\x93\x92\x92\x12\xeb\x93P\x87\xc3!\xa5D\xfd\x01Z\x02\x02\xe0T\xccg\xbc\xacY\xb3f\xc7\x8e\x1dJ\xa9\xd9\xf7\xce\xf4x\xddQ\xbb\xc9\x8fs\x1e\n\x85s\xfe\xdf\xac\xa4$Wmm\xed\xe2\xc5\x8b\x9dNg\xac\x1f\x80\xdcn\xf7\xfa\xf5\xebw\xee\xdc\x89\xfa\x034;\x04\xc0\xe9-[\xb6\x8c1\x96\xdd.\xfb\x87\x13\xc7\x05\xfc\xc1\xa8\xbd\xbe\xc79\xaf\t\xd6\xf4\xea\xd7s\xc8\xc8\xc1\x8c\xb1W_{\xb5\xb4\xb4411\xc1\xeav\x9d\x15\xc6\x989\xfdG\xfd\x01\x9a\x1d\x02\xe0\xa4\xcc\xf5\x1f\x9f\xcfW\xb8\xa9P)5\xf2\xd2\xe1Ym2#\x91H\xb4\xad&gt;\x1fO)\xc5\x18\xbf\xe2Gc\x95R\xdf|\xfd\xf5\x96-[\\IIV7\xea\xac|\xfb\xed\xb7\x9b6mB\xfd\x01Z\x02\x02\xe0\xa4\xcc\x93\xf7\xcd\x9b7\x1f\xfc\xe6 \x11\x8d\x19?:\xfa\xaf\xe7\t!\xeak\xeb\x86]2$%%%\x12\xd1W\xaf^\x9d\x90\x10\xc33PM\xd3&gt;\xf9\xe4\x93\xdd\xbbw\x13\xea\x0f\xd0\x02\x10\x00\'en@,\xdcTHDI)I\x17\xf5\xea\x11\xaa\x0bE\xf9\xc7?1\xc6B\xa1p\xc7N\xed\xcf\xbb\xe0\\"\xda\xb4y\x93\x1e\xd1\x89(F7\xa3$$$l\xde\xbcY\xd7u\xa7\xcb\x89\xfa\x034\xbb\xa8\x1eN\xd62\x97\x1a\xb6l\xdeBD\xe7\x9c\xdb\xa9]\xfb\xec(_\x7f0I)]I.\xf3)\x95\xc5E\xc5\xa5\xa5\xa5D\x14\xa3\xc7\x9fp8\xbcy\xf3f"\xeatNG\xd4\x1f\xa0\xd9!\x00N\xca\xdc\xc7]VVFD\x19\x99\xe9\xc9)\xc91\xf1\x80\x17\xa5\x14\x17\xa2m\xfb\xb6D\x14\x08\x04\xea\xeb\xeb\xadnQ\xd3I)\xab\xaa\xaa\x88(\xb3\r\xea\x0f\xd0\xfc\x10\x00\'\xa6\x94\xe2\x9c\xfb|&gt;s\x01\xbak\xf7.B\xd3b\xe2Q\xef\x8c1C\xd7\xbbv\xefb\xfes\xf4O\x99O\xcd\xdc\xf2\x7fa\x8f\x0bQ\x7f\x80f\x87\x008\x15\xa5TD\x8f\x10QZz\x1a\xe7&lt;&amp;\x0e@D\xa4\x94J\xcbH\xa3c\x971\xe2\x00\xea\x0f\xd0\x12\x10\x00\xa7a\xce\xe0\xa2\xf6\xe6\xa3\x93\x89\xb9\x06\x9fZ\xcc\xfd:1\xd7`\xb0\'\x04@\xa3\xc4\xdc\x89|\xcc5\xf8\xd4b\xee\xd7\x89\xb9\x06\x83=!\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9a\xd5\rh\x14\xa5T\x13\xfe+\xc6X\xb3\xb7\x04\x00\xce\x14\xc6o\xd4\x8a\xd2\x00PJI)\x95R\x8c1\xc6\x18\xe7M9Si\x967\x01\x803\x85\xf1\x1b+\xa2+\x00\xcc?9\x11\t!\x84\x10\r\xaf\xfb|&gt;)%c\xac\x91S\ts\xee\xe0\xf5z\x8f\x7f\x13\xb33q\xce1\xb3\x00h\t\x18\xbf1\'Z\x02@)e\x18\x86\xa6i\xe6\x9f&lt;\x10\x08\x14\x16\x16n\xdc\xb8\xe1\xd3O?\xab\xac\xac,..\xd6\r\xbd\xf1\xef\xc6\x88)R].\xe8\xe2\xf5z\x07\x0c\x18\xd0\xaf_\xbfA\x83\x06u\xe8\xd0\xc1\xfc\xaa\xae\xeb\x9csL(\x00\x9a\x0b\xc6o\x8c\x8a\x8a\x000\x0cC\x08\xa1iZ8\x1c^\xbdz\xf5\xf3\xcf?\xbfy\xf3\xe6\x03\x07\x0e\x9c\xe5\xdb\x96\x97\x95\x13\xd1\xea\xd5\xab\x89(--m\xc0\x80\x01\x93\'O\x9e0aB\x9b6m\x88H\xd7u!\x04f\x13\x00g\t\xe37vY\x1c\x00\xe6)\xa1\x10\xc2\xe7\xf3\xe5\xe5\xe5\xadX\xb1b\xdb\xb6m\r_MIM\xe9xN\x87\xac\xec\xac\xce]\xcfOO\xf7\xea\xba\xd1\x98\xbf\xb7"\xc5\x19\x8fD"E_\x14WW\xf9\x0e\xec\xfb\xba\xaa\xb2\xaa\xaa\xaa\xaa\xa0\xa0\xa0\xa0\xa0\xe07s\x7f3\xf5\xc6\xa9\xb3f\xcd\xea\xd6\xad\x1b\x11I)1\x95\x00h\x1a\x8c\xdfXge\x00\x98\x13\x07"Z\xbat\xe9\x93O&gt;\xb9s\xe7N\xf3\xf5\x8e\x9d:\x0c\x1b=t\xcc\xb8\xd1\x17\xf5\xea\x91\xdd6+9%E\x08!\x04?\xb3\x9d\x04JE"z\xa8&gt;T~\xa4|\xf7\xce=\xeb\xdf\xfbh\xdd\x9a\xf5;\x8bv\x1f*9\xb4p\xe1\xc2%K\x96\xdcs\xcf=s\xe6\xcc\xf1x&lt;\xba\xaekZT\x9c\t\x01\xc4\x10\x8c\xdf8`Y\xe1\xcc\xdeSRR2c\xc6\x8c\xfc\xfc|\xf3\xc5\xee\x17u\x9bq\xd7\xcd\xe3\'\x8c\xcbj\x93\xa1\x94\xaa\xaf\x0fE\xc2\x91\x80/\xa0H\x9d\xf9N2\xc6\x19c\x9ce\xb6\xc9\xecpN\x87\xb1?\xbc&lt;\xe0\xf7o\xf8\xb00\xefOK\xd6\xbd\xf7aee\xe5\xfc\xf9\xf3_z\xe9\xa5\xc5\x8b\x17\x0f\x1f&gt;\xdc\xbcB\x85\xd3I\x80F\xc2\xf8\x8d\x0f\xd6\x04\x80\x19\xda\xf9\xf9\xf93f\xce(\xf9\xb6\x84\x88:w\xed|\xc7\x9c\xd9?\xbe\xf6*O\x9a\'\xe8\x0fVUV\x13\x91y\xc5\x9f\x8b\xb3:\xc5\x8bD"\xa1P\x98\x94\x12\x9a\xb8\xf4\x8a\xd1\x97\\&gt;r\xed\x9a\x0f\x9f}j\xd1Gk?\xd9\xb5k\xd7e\x97\x8dy\xfc\xf1\'rss\xcd\xdd\x0b\xe8C\x00\xa7\x85\xf1\x1b7,X&gt;3{O^^\xde\xf8\xf1\xe3\xcd\xdess\xce\xb4\x7f\xbd\xff\xea\xf4\xd9S\x19cU\xe5U\xe6\xe4\xa2\xb9\xae\xf00\xc6\x84\xe0B\x13D\xe4\xf7\xf9k\x82\xb5c\xc6]\xf2\xe2[\xcf\xcf{\xf2\xd7)\xa9)\xa1Px\xce\x9c9999\x9css\x9f\xd9\xd9\xffD\x808\x86\xf1\x1bOZ;\x00\xcc\xbdbyyy999D\xe4M\xf3&lt;\xb3\xf4\xa9\'\xff\xfa\x98\xd3\xe9\xac(\xab "\xa1\xb5\xe0\x95}!\x04\xe7\xdcW\xed\xaf\xa9\xa9\xbd\xf3g\xb7\xbd\xf2\xf6\x0b\x17]\xdc\x9d\x88\xcc\xf6\x08!\x94j\xc2\xb9*\x80]`\xfc\xc6\x99V\r\x00sj\xd0\xd0{\xb2\xb2\xb3\x96\xbe\x967\xe5\xe6\xc9e\xa5ef\xc7j\x9df\x98\xdd\xe8\xc8\xe1#\xbd\xfa]\xfc\xe2[+\xfa\x0e\xecC\xc7\xfa\x909\x8fh\x9df\x00\xc4\x16\x8c\xdf\xf8\xd3z\x01`\xf6\x9e5k\xd6\x98\xbd\'=#\xfd\x9f\xef\xbe&lt;p\xe8\x80\xc3\x87J\x1d\x0eG\xeb/\xde9\x1c\x0e_\xb5?95\xf9\xf55/\x0f\x1d9\x98\x88\xf2\xf2\xf2\xe6\xcf\x9f/\x84\xd0\xf53\xb8i\x05\xc0\x0e0~\xe3R+\x05\x80\x94R\x08QZZ:m\xfa4\xc6\x98\xc7\xebY\xfc\xca\xb3\xe7u&gt;\xcfW\xe5s8\x1c\xad\xd3\x86\xef\xd34\x11\x0e\x85\xa5\x94\x7f\xfb\xc7\x9f{\xf6\xfe\x01\x11\xcd\x9f?\xbf\xa0\xa0@\xd34\xc30\xacj\x15@\xb4\xc1\xf8\x8dW\xad\x14\x00\xe6\x9d\xe2\xd3\xa7O/=\\JD\x8f\xfca\xee\xc8K\x87WWUk\x0e\x8b7\xf0\n!\xea\xeb\xea3\xb32\x9eY\xf6Go\x9aG\x91\x9a~\xd3\xf4\xc3\x87\x0fc;\x01\xc0\xf10~\xe3Rk\x04\x80y\xf2\xb8r\xe5\xca\x82\x82\x02"\xba\xe1\x96\xc9Sn\xbe\xce&lt;sl\x85\x9f~Z\x9a\xa6UW\xf9z\xf4\xec6\xef\xc9_\x93\xa2\xd2\xc3\xa5\x0f&lt;\xf0\xc0\xf1O\xa1\x02\xb09\x87\xc3\x81\xf1\x1b\x97Z&lt;\x00\xcc\xa7\xb9VVV&gt;\xfc\xf0\xc3\x9c\xf3\xf3:\x9f\xfb\xab\xdf\xfe\xc2W\xe5\x8f\xaa\x9b\xf7\x1c\x0eGEY\xe5\xe4\x9b&amp;]9a\x1c\x11\xbd\xf8\xe2\x8b\x85\x85\x85\r\x8f6\x04\xb0-sSMEE\x05\xc6o\\j\xf1\x000\x0c\x83s\xbet\xe9\xd2\xbd{\xf7J)o\x9f3;+;3\x1c\x0eG\xdb9\x1a\xe3,\x12\x8e\xcc\xf9\xd5=\x89\x89\x89\xa1Ph\xee\xdc\xb9G\x9f^\x8bMe`c\xe6\x05\xd5\xc5\x8b\x17c\xfc\xc6\xa5\x96\r\x00\xa5\x94\x10\xa2\xae\xaen\xe9\xd2\xa5\x8c\xb1\x0b\xbav\xbe\xe6\xfa\xab\xab+}Q5}0q\xce\x83\x81`\xaf~\x17_u\xcdx"Z\xb7n\xdd\x9e={RRR0\x89\x00;s8\x1cRJ\x8c\xdfx\xd5\xb2\x01`&gt;\xa3c\xcd\x9a5;v\xecPJ\xcd\xbew\xa6\xc7\xeb\x8e\xdaMZ\x9c\xf3P(\x9c\xf3\xfff%%\xb9jkk\x17/^\xect:\xd1\x81\xc0\xce\xdcn\xf7\xfa\xf5\xebw\xee\xdc\x89\xf1\x1b\x97Z\xe3"\xf0\xb2e\xcb\x18c\xd9\xed\xb2\x7f8q\\\xc0\x1f\x8c\xda\xeb3\x9c\xf3\x9a`M\xaf~=\x87\x8c\x1c\xcc\x18{\xf5\xb5WKKK\x13\x13\x13\xacn\x17\x80e\x18c\xe6\xf4\x1f\xe37.\xb5`\x00\x98\xeb?&gt;\x9f\xafpS\xa1Rj\xe4\xa5\xc3\xb3\xdadF"\x91h[=&lt;\x9eR\x8a1~\xc5\x8f\xc6*\xa5\xbe\xf9\xfa\xeb-[\xb6\xb8\x92\x92\xacn\x14\x80e\xbe\xfd\xf6\xdbM\x9b6a\xfc\xc6\xab\x16\x0c\x00\xf3\xe4k\xf3\xe6\xcd\x07\xbf9HDc\xc6\x8f\x8e\xfe\xeb1B\x88\xfa\xda\xbaa\x97\x0cIII\x89D\xf4\xd5\xabW\'$`\x06\x016\xa5i\xda\'\x9f|\xb2{\xf7n\xc2\xf8\x8dS-{\x06@D\x85\x9b\n\x89()%\xe9\xa2^=Bu\xa1(\xff\xf8\x1e\xc6X(\x14\xee\xd8\xa9\xfdy\x17\x9cKD\x9b6o\xd2#:\x11a3\x01\xd8PBB\xc2\xe6\xcd\x9bu]w\xba\x9c\x18\xbfq\xa9\x05\xff\x9c\xe6\xa9\xe2\x96\xcd[\x88\xe8\x9cs;\xb5k\x9f\x1d\xe5\xe7\x8f&amp;)\xa5+\xc9e&gt;e\xb0\xb8\xa8\xb8\xb4\xb4\x94\x88\xd0\x7f\xc0\x86\xc2\xe1\xf0\xe6\xcd\x9b\x89\xa8\xd39\x1d1~\xe3R\xcb\x06\x80R\xaa\xac\xac\x8c\x8822\xd3\x93S\x92c\xe2\x01\x1dJ).D\xdb\xf6m\x89(\x10\x08\xd4\xd7\xd7[\xdd"\x00kH)\xab\xaa\xaa\x88(\xb3\r\xc6o|j\xa9\x00PJq\xce}&gt;\x9f\xb9\x80\xd8\xb5{\x17\xa1i1\xf1\xa8n\xc6\x98\xa1\xeb]\xbbw1\xff9\xfa\xa7&lt;\x00-\xc7\xdc\xf2\x7fa\x8f\x0b1~\xe3R\x8b\xdf\x08\x16\xd1#D\x94\x96\x9e\xc69\x8f\x89\x0eDDJ\xa9\xb4\x8c4:v\x19\x03\xc0\xe60~\xe3U\x8b_\xd21\x138jo\x1e9\x99\x98k0@\xcb\x89\xb9\xe1\x10s\r\xb6J+]\xd3\x8f\xb9\x13\xb1\x98k0@\xcb\x89\xb9\xe1\x10s\r\xb6JTo\xea\x02\x00\x80\x96\x83\x00\x00\x00\xb0)\x04\x00\x00\x80M!\x00\x00\x00l\n\x01\x00\x00`S\x08\x00\x00\x00\x9bB\x00\x00\x00\xd8\x14\x02\x00\x00\xc0\xa6\x10\x00\x00\x006\x85\x00\x00\x00\xb0)\x04\x00\x00\x80M!\x00\x00\x00l\n\x01\x00\x00`S\x08\x00\x00\x00\x9bB\x00\x00\x00\xd8\x14\x02\x00\x00\xc0\xa6\x10\x00\x00\x006\xa5Y\xdd\x00\x9b\xfa\xce\xa7\x95\xc6\xd6\x07\x18}\xff\xa3Vc\xab\xfd\x84\xfa\xc3\xd9\x89\xe9\xfes\xbc\xd8\x0e\x00iH\xa9\xa4\xf9\xcf\x8c\x98\xd0\x84\xb5\xed95\xa5\x94\x94\x92\x88\x04\x17\x9a\xa6q\xce\x19cJ)C\x1a\x86nHC2\xc6\xb8\x88\xd2s\xb2\xa3\x8dW\xc49\x17\x9a\xe0\x9c3\xce\x18\x91TJ\x1a\xd20\x0c\xf3W3\x7f)\xab\x1b{b\xa8\x7f\xb4\x89\xad\xf1+\xa5TR\x11cB\xf0c\xfd\x87\x94")\xa5a\x18\x86a\x10\x91\xe0\x82b\xa6\xfcD\xb1\x1b\x00J\x91\x94\x86\xdb\x9d\xeaHL E\xc4HI\xe9\xf7\x05\xbe?9\x8a\x06\xe6\xe8MHHHJNb\x8cjjj\x03\xbe@mm\x9d\x1e\x898\x12\x1cII\xc9\x1eo\xaa+\xc9\xa5G\xf4`\xb0FI\x15U\x87!\xb3\xdf\'$:\\I\xa9B\xf0\xfa\xfaP\xd0\x1f\xac\xad\xa9\xad\xaf\x0f)\xa5\x12\x13\x13\\I\xaeTO\xaa+\xc9%\rY[S\x1b\x89D\x84\x88\xae\x91\x8c\xfaG\x9b\x18\x1a\xbfJ)iH\xa1\x89\xe4\x94\xe4\x84\x84\x04C\xd7kjj\xfd&gt;\x7f}]}$\x12\xd14\xcd\x95\xe4r{\xdcn\x8f[J\x19\x0c\x04\r\xc3\x88\xfe\xfa7\x88\xc9\x00\x90Rr\xc6\xd23\xd2\xdfz\xfd\xbf\x9fo\xd9\xca9WR%\xa7$M\x9b5511\xc1\x9c\nE\x0fC7\x9cIN\x97\xcbUr\xb0\xe4\xbfo\xac\xfe\xf0\x83\x8f\x8a\xbf\xd8u\xb8\xe4pmm\xadaH!DJjJ\xfb\x8e\xed\xfa\x0e\xe8}\xd9\x95c\x86\x8e\x1c\xecHp\x04\xfc\x81h\xe8Cf\xd7w%\xbb\\.\xe7\xa1\x92\xd2wW\xbf\xff\xf1\xba\x8dE\xdb\x8a\x0f\x97\x1c\xf6U\xfb"\x11\x9d\x94\x12\x9a\x96\x92\x9a\xd2\xb6}\xf6\x0fz\xf5\x189f\xc4\x88\xd1\xc32\xb22|\xd5&gt;\x8a\x9a\xf3b\xd4?\xda\xc4\xd0\xf8\x95R&amp;&amp;&amp;&amp;%\xbb\xfc\xbe\xc0\x96\x8d\x9fnX_\xf8\xf9\x96\xad\x07\xf6}]~\xa4\xbc\xae\xae^\x1a\x06\xe3&lt;)\xc9\xd5\xb6C\xdb\x9e\xbd.\xba\xec\xca1\xa3.\x1b\xe1\xf6\xb8\xfd&gt;\x7f4\xf4\x9f\xc6\x88\xbd\x00\xd0u\xc3\xe5rr\xc1\x1f}\xf0\xf1?/\xf8k\xc3\xeb\x89\x89\x89\x93o\xba\xce\xe9LTJEI\xd7\x97R2\xc6\xd23\xd3\xf6\xec\xfc\xf2\xf9E\xff\xf8\xd7ko\x1d9|\xe4\xfb\xdfV\x13\xac)=T\xfa\xd9\xa6\xcf\x97\xfcm\xf9\xc0\xa1\xfd\x7f\xfa`\xee\xe8\xb1#\xab\xab|\x9c[9\x0f\x95R:\x1c\x8edor\xf1\xf6\x9d/-\x7f\xe5\xad\xd7\xff[r\xf0\xd0\t\xbf3\x18\x08\x1e.9\xfc\xf9\xe6\xad/,y\xe9\xbc\x0b\xce\xcd\xb9g\xe6\xd4\x997\x84Ca]\xd7-\xff\x15P\xffVn\xf6i\xc5\xd0\xf8UR%%\xbb\xbe\xfd\xba\xe4\x8dW\xde|\xeb\xf5\xff\x14}\xb1\xf3\x84\xdfV[S[^V\xb1\xfd\xf3\x1d/=\xff\xea\x0fz_t\xdfo~z\xc5U\x97\xfb\xaa-\xee?\x8d\x14c\x01\xa0\xeb\xba7\xcdSr\xf0\xf0}w=\xf0\xc1;k9\xe7\r+q\xe9\x99iQ\xd2oLJ\xa9\xa4\xe4$C7\xfe\xfc\xe4_\x9fY\xf8\xac9)\x13B\x98\r\x96R\x99\x18c\x9cs\xa5\x94"%\xa5\xdc\xf4\xc9\x96\x1b~4\xfd\x97\xf3\xef\xbb\xe7\xfe;\xfd&gt;\xbfU}H)\xe5t9\xfd\xd5\xfe\'\xe6-|a\xc9K\xb55\xb5D\xc4\x05\x17B0b\xf2\x18"\xe2\x9c\x0b\xc1\x89\x98TRI\xf5\xd5\x97\x07~\x95\xfb\x9b\x8f&gt;\xf8\xf8\x0f\x8b\x16h\x0e\xcd\xd0\r\xab\xfe(\xa8\xbf\xb5\xf5?\xa1\x18\x1a\xbf\x86!\xdd\x9e\x94\x97\x9f\x7f\xed\xe1_\xfe\xce\xec&lt;D\xa494\xce\xb8\xd9U\x94TD\xc4\x18k\xb8\x18\xa3\xa4\xda\xb1\xb5\xe8\x96kg=\xf8\xe8/\xef\xfc\xd9m\xfe*\x7fT\xad%\x9eP\xcc\x04\x80\x92J)\x95\x99\x95\xf1A\xc1\xba\x9f\xdd\xfe\x8b\x83_\x7f\xabi\xc20\xa4\xae\xebG/\xe5\xe9\x86\xd5m\xfc\x1f\xa5\x94\xa6i\xfb\xf6\xec{h\xce\xbc\x8f\xd6~BDB\x13\xa4H)\x15\x89D\xbe\xf3\xcd\xe6\xe5#\xf3DX\x08\xa1\x94z|\xee\x02M\x13w\xfd\xfc\xf6\xaa\x8a\xea\xd6\xbf2\xa6\xa4Jt&amp;\xee\xdf\xfb\xd5\xb4\x89\xb7\x96|Sb6\x9e\x113\x0c#b\xfc\xaf\xf1\x9cs"\xd5p$b\x9c\x91"\xc6\x99\x10\xe2?o\xac\x8eD\xf4E/\xfe\xd5\xaa?\n\xeaom\xfd\xbf/\xb6\xc6\xafI)\xcaj\x93\xe5\xab\xf69\x1c\x0e"\x92R\xea\x11\xfd\x04\xdfg\x10\x1d[p3\x8f\xf8\x8f&gt;\xf8xV\x9b\xcc\xc9\xd3\'UWUG\xf9ZPl\x04\x80a\x18\t\t\t\xae$\xd73\x0b\x9f\xfd\xddCO\x18\x86!4a\x182\n/\x195\xd0\x1c\xda\xcf\xefx`\xcb\xc6O\x1d\x0e\x87n\xe8\xa4\x94aH"\xea\xda\xbd\xcb\x88K\x87\xff\xa0W\x8f\xac\xec,\x87C\xf3\xfb\x02;\xb6\x16\xbd\xf5\xcf\xff\xee\xdf\xfb\x15\xe3\xcc0\x0cs\x0c?\xf6\x9b\x05\x83\x86\x0f\xec\xd3\xbfWMMm+\xcfC\x19c\x91H\xa4M\xdb\xac6\xd9\x99\x87\x0e\x1e\xd24M\xd7u\xb3\xd4]\xbbw\x19y\xe9\xf0\xde\x03z\xb5\xef\xd0.)9\x89\x88\xfc&gt;\xff\xee\xe2=o\xff\xfb\x9d\r\xeb7\x12\x11)\xd2\xa5\xeeph\xef\xfcg\xcd\xf2\xbf\xaf\xc8\xb9wVUe\x95%c\x00\xf5\xb7\xb6\xfe\xc7\x8b\xc5\xf1+\x04\x0f\x06\x82\x97]y\xe9\xc81#\xd6\xbf\xf7\xa1\xf9bfV\xc6\xc0a\x03z\xf7\xefu^\xe7s=^\xb7\x10\xa2\xa6\xa6\xf6\xcb\xdd\xfb\xde}\xfb\xfdO\xd6o "e(s#\xd6\xc3\xbf|t\xc4\xa5\xc3\xbc\xe9^=\xa2G\xd5\x99\xcdw\xc4@\x00\xe8\x11\xdd\xedM\xf5U\x07~v\xfb/\xfe\xf5\xea\x9b\xc4H\x08a\xce\x17\x12\x12\x13\xc2\xa1\xb0\xd5\r&lt;\x01\xb3g\xff\xe6\xb1\x07\xa6^}k]m\x9d\x92\xca \xd5w`\x9f;\x7fz\xdb%\x97\x8ft{\xdcRIiH"\xc5\x18\xbf\xe6\xfa\t\xf7\xdc\x7f\xc7\xef\x1fy\xfa\xef\x7fz\x8es.\xa5$A\x86a\xfc\xe9\xc9\xbf,_\xf5\x9c\x05c\x84\x91a\x18n\x8f\xfb\xe9\xc5\x7f\xf8\xf1%?\xf1W\xfb\x89h\xcc\xb8\xd13\xee\xbce\xd0\xb0\x01\xe6n\x07\xc30\xa4!\x89\x88\x0b&gt;z\xec%3\xee\xba\xe5\xc5\xa5/?4g\x9ey\xa82\x0c\xc9\x18\xfb\xfb\xd3\xcf]{\xc35\x89\xceD\xc3\x90\xad&lt;\x04P\x7fk\xeb\x7f\xbcX\x1c\xbf&amp;\xb3\x17\xddz\xfb\xf4\xf5\xef}8t\xd4\x90I7^s\xc9\xe5#\xdbuh\'\x840\x0cC)\xa9\x14q\xc6\xc4\x84+n\xcf\x9d\xfd\xea?V=p\xefC\xa1pX)\xc59\xaf\xac\xa8\xfa\xe7\xcb\xff\xba\xe7\xbe;+\xcb\xab\xa2y{k\xb4/Q)\xa52\xb22\xbe\xf8l\xc7O\xc6N\xfe\xd7\xabo\n!\x04\x17\xe69\xfb\x03\x8f\xdc\xdf\xb5[\x17:z.\x1c]8\xe7\xb55\xb5CF\x0ey\xec\xe9G\x0c\xc3p\xb9\x9cs\x9fxpU\xfe\x8bW]3^)UQ^Y]Y\xed\xf7\x05\x02\xbe\xa0\xaf\xdaW^V\xa1\x14=\xfa\xf4\xc3Sg\xdc \xa5\x14\x82\x9bW/\xd7\xbf\xf7\xd1\x9e\x9d_\xba\\N\xd9\xea\x07!\xcey\xc0\x1f\xe8v\xd1\x85\x0f&gt;\xf2\x8b\xee=\xbb-[\x95\xf7\xfc?\x97\x8c\x1e;J)UY^Y]U\x1d\x0c\x04kkkkkk\x83\x81`eEe\xa0:0\xfb\xce\x19\xbf\xfa\xed/\xa4\x94\x8c3)%1Vr\xf0\xd0\xe6\r\x9f\xba\x92\\\xaa\xd5\xf7u\xa0\xfe\xd6\xd6\xbfA\x8c\x8e_\x93\x10\xa2\xa6\xa6f\xd0\xf0\x81\xaf\xafyy\xe5\x9b\xcbo\xbcu\x8a7\xcd\xeb\xab\xf6U\x96W\xfa\xaa}\x01_0\x18\x08\xfa|\x81\x8a\xf2*_\xb5\xef\x96\xd97\xdd?\xefgJ*\xce\x19\x111\xc6\xd6\x16\xac\x8f\x84#\x8cG\xef\xf4\x9f\xa2&lt;\x00\x94R\x8e\x04\xc7\xcae/O\xbab\xca\xee\xa2=\xe6\x99\xaca\x18\x89\x89\x89\x7f^\xfa\xd4\x1dsr\xaa\xab\xaa\xadn\xe3I\t!*\xca+\x7fr\xc3\xc4_?\xf6\xab\xe5\xaf/\xbe\xe7\xfe\xbb\xc2\x91Hu\x95\x8f\x884M\x08!\x84\xe0\xe6e=M\xd3\xa4!}U\xbe{\xef\xbf\xd3\xedI5W*\x18g\xa1\xfa\xd0\xb6\xcf\xbeHt&amp;Z2\x805M\xf3U\xf9\xae\x99r\xf5\xeb\x05/\x8f\xfd\xe1\xe5\x01\x7f\xc0\xef\xf3\x13\x91\xd0\xcc\xa6\xff\x8f\xa6i\\\xf0\xd2#Gn\xbc\xf5\xfas;\x9f+\r\xc99\x17\x9c1\xc6\x8a\xb6\x17k\x0e\xad\xf5\x0f\xa0\x84\xfa[]\x7f\x8a\xf1\xf1kRR%$$\x0c\x18\xdc?T\x1f\xaa\xaa\xa8\xd2u]\x08q\xf4O \xb8y\x05\xde\xecNe\xe5e?\xb9abFV\x86\xd9\x7f\x94R\x07\xf6\x7f\xed\xab\xf6k\x9a\x88\xe6\x95\xae\xe8\r\x00i\xc8\x94\xd4\x94w\xdf~\xff\xa79\xf7\xd5\xd5\xd5s\xce\xcdS\xe3\x8e\xe7tX\xf9\xd6\xf3Sn\xba\xae\xf4Pi(\x14&amp;"EQZ_!\xb8\xdf\xe7\xbf=w\xf6\xe0\xe1\x03K\x0f\x1da\x8c\x9dl5\x96\x0b\x1e\n\x85\xdawj\xdf\xbb_/":\xba7\x82\xe8\xc0\xbe\xaf\xcd\xcb\x92\xad\xda\xee\xe3\x98WS\xcd=m\xa7XJf\x8c\x99\x7f\xaf~\x03{\xd3\xb1\x0bb\xe6t\x95\x94e\xb7F\xa2\xfe\x16\xd6?\x0e\xc6\xafI)USS\xc3\x18\x13\x9a8\xd9j&gt;cLJ\xe9\xf1x\xce=\xbf\x13\x11\x99\x15\x0f\x06\x82\xf5\xf5!\x16\xad\xe77\xa6\xe8m\x1c\x17\xbc&amp;X3\xea\xb2\x11\x97\\6R)%4a\xe8\xc6\xf0\xd1C__\xf3\xca\xa0a\x03*\xca+\x19\xe3G/\xcaGq\xff\xe1\x9c\xfb\xaa}\xb5\xb5uZ#\xd6\x015Mt8\xa7=\x91\xd9\x81\x18\x11\x05\x03A2o\x94\xb4\x8e\x94\xb2\x91W\x11\x19c\xde4/\xd1\xff\xdak\xf9\xe5/\xd4\xbf\xa5\x9au:\xf11~M\x8dY\xa4R\x8a\x88\x11c\x9c\x8e\x95\x9f\xc5\xc2c9\xa27\x00\x88HJ\x95\xe8L|*oA\x87N\x1d"\xe1\xc8\xadw\xdc\xbc\xe2\x9fK\xb2\xdad\xf8\xab\xfd\x0e\x87C)\x19U7\r\x9e\x8cy\xc2\xde\xc8o\xfe\xcewj\x0e\x07\x11Y;D\x1a\xdb\x89\x19)\xa5\x02\xfe\x80\xf9o\x8a\x881\xcaj\x93I\xcc\xe2\x01\x8e\xfa[\xd5\xfa\xf8\x18\xbf\x8d\xa2H\x08^[S[z\xa8\x94\xcc0 \xf2x\xdd\xae$\xa74$\x8b\xe2\xc7\x03E\xf5. \xceY]M]\xdb\xf6\xd9O\xfe\xe5w_\xee\xfe\xf2\xb6\xff7\xcbW\xe57\xa4a^UW\x8ab`\xf2p&amp;\xa4T\x95\x15UD\xe6Y\xb1"\xa2\xcc\xac\x0c\xa5T4w\xa0\x06\x9c\xf3\xba\xda\xba\xed[\x8b\x88HIe\xee\xa1\xe8qq\x0f=\xa2\xf3\xe8\xbe\x0e\xd6\x00\xf5o\xee&amp;\xd9e\xfc\x1a\x86\xe1Nu\xaf\x7f\xff\xa3o\xbf)i\xb8\x08\xdc\xb9\xcb\xf9n\x8f;\xe0\x0fD\xedUn\x8a\xf2\x00 "\xa1\t_\xb5\x7f\xd8%CF\x8f\x1dUYQ\xd5p\xdf\xa6\xd5\xedj~B\x88\x9a`\xcd\x97\xbb\xf6\x11\x91y\x93*\x11u\xb9\xb0\xb3\xae\x1b\x14\xf5\'\x92\xe1p$\xabM\xc6;o\xad\xd9U\xb4\xdb\xdc\xf6\xa0\x14u&lt;\xb7c\xbfA}jkj\xa3|#\x84\t\xf5o\tv\x18\xbfRJ\xa1\t=\xa2\xff\xfe\x91?*\xa5\xccU \xa5\xd4\xd8\xab.\x17B(\xa9\xa2y\x9d%\x8a\x9bv\x0c\xe7\xbc\xbe\xae\xde\xbc\x0e\x16\xfdkjM#\xa5t\xba\x9c\xbb\x8bv\xef\xdb\xbb\x9f1f\x1e\x82\xd22\xd2z\\\xdc\xbd\xbe\xbe&gt;Jf\xd0J\x1d=2607\xa4\xeb\xba\x91\x91\x99^r\xf0\xd0\xfc_&gt;J\xa4\x181\xf3\xc2i\xce\xbd3\xd33\xd2u]\x8f\xfe\x194\xea\xdfr\xe2{\xfc\x9a\xfb\x86SSS~y\xef\x83\x9b7l1\'\xfb\x86a\x9c\x7f\xc1y\x13&amp;\xfd(\xe0\x0fp\xab\xef\xc2;\xb5\x18\x08\x00:\xfa\xc0\x93\xa8\xae\xe3Y\x92\x86t:\x13_Z\xf1\x9aa\x18\x9css\xe7\xc0\xe8\xcbGu\xe8\xd4&gt;\x1c\nG\xc9\xb0\xe1\x9c5l=\x14Bh\x0e\xcd\x95\xe4JK\xf7z\xd3&lt;\x1f\xaf\xdbp\xfd\x0f\xa7}\xb9{\x1f\xe7\x82s\x1e\x89D\xc6^u\xd9M\xb3\xa7\xfa\xaa}1\xf1\x87C\xfd[\xb8\xe5\xf19~\xcd;\x9c\x1d\t\t\xf7\xce\xfa\xd9K\xcb_\x15B4\xechz\xe4\x0f\xf3\xdc\x9eT]\xd7\xa3\xa3\xef\x9cT\xb4/\x01\xd9\x81\xb9an\xeb\xa7_\xbc\xf6\xc2\xeb\xe6~2\xf3Ly\xfa\xec\x1b#\xd1t\x1f\xb9\xae\xeb\r;b\xa4!\xeb\xebCGJ\x8f\x14\x7f\xb13\xff\xcd\x82w\xfe\xb3\x86\x884\x87f\xee\xeb\x18?\xe1\x8a?\xe6-\xfc\xfeSw\xa2\x13\xea\x0fM\xa0\xebz\xaa;\xb5\xaa\xa2\xea\xde\x99?]\xbbf}\xc3va)\xe5\xa3\x7f|\xf8\xb2\xf1\xa3-y\x90\xd4\x99B\x00X\x8f1b\x9c\xcd\xbb\xff\x91\xfa\xbaz\xf34\xd90\x8c\xab\xaf\xfb\xd1\x90\x11\x83\xaa\xab\xac\x9f\xc1\x99[\xd1\x03\xfe\xc0\xad\x93r|\xd5&gt;\xc6\x99RJ\xd7\x8d` \xe8\xab\xf2\x1d\xbf\x91C\x8f\xe8\xed:\xb4\xbbc\xce\xec\x9br\xa6E"\x11=\x12\x8d\x8f#\xfe&gt;\xd4\x1f\xce\x94\xae\x1b\xde4\xef\x8e\xadEw\xdct\xcf\x97\xbb\xf7\x99s\x7f)%\xe7\xfc\x89\xbf&lt;z\xd3\xeci\x95\x15\x95\xd1\x7f\xf4\'\x04\x80\xe5t]\xcfj\x93\xf5\xbb\x87\x1e\xffx\xed\x06!\x84\xf9P_o\xba\xf7\x17\xf3\xef\xab\xaf\x0bE\xcb\xf4\x93\x91\x94r\xf7\xce=\xe6s\x89\x8f\'\x84 F\x82\x8bQ\x97\x8f\x9ct\xe3\xc4\xf1\x13\xc6yR=\x87\x0e\x1d"v\xf4\x01\x9cQ\x0e\xf5\x873e\xe8\x86\xd7\xeb\xde\xb0~\xe3\xcc)\xb7WW\x1e}\xde\xa74\xa47\xcd\xf3\xc7\xbc\x85\xe3\xaf\x1eWY^i\xf9\xbc\xa1\x91\x10\x00V\xd2#zf\x9b\x8c\x97\x9e\x7f\xe5\x8f\x8f?#\x84\x90Rr\xc1\r\xdd\x98\xbf\xe0\xd7\xe7_pn\xb4\x9dB&amp;%\'\x99\x0b\xe2\xc7vq\x1c]\x8f0/F\xee\xdb\xb3\xef\xf5\x17\xff\xb5\xb3h\xf7\xe8\xcbF\xf5\x1f\xd2O\xd7\xf5\xba\xda\xba(\x1f\x06\xa8?\x9c))erj\xf2\xf6mE\xb7^\x97\xd3\xf0\xc9_\x86at\xffA\xb7\xbf,\x7f\xbaG\xcf\xee\x15e\x15\x9a\x163\xc7U\x9c!ZF\x8f\xe8\xe9\x99i\xef\xe5\x7fp\xdf\x1d\x0fp\xce\xcc\x1b&gt;\r\xdd\x98y\xd7\xad\x93\xa7O\x8a\xb6\xa3\x8fR*\xe8\x0f\xea\xba\x1e\x89D\xf4\xa3\x8c\xa3\xffgH]7\xf6\xed\xd9\xff\xce\x7f\xd6\xfc\xf1w\x7f\xfe\xc9\xd8\xebsn\xbc\xf3\xab/\x0f\xb8=n\xf3\xb1_\xd1\t\xf5\x873\xa6\x88s\x1e\xaa\x0f\xe5\xce\xfa\xb9\xdf\xe7\x17\x9aP\xa4\x0c\xc3\x18v\xc9\xd0W\xf3Wv\xed~AUEU\x0c\x1d\xfd\tg\x00V\xd1#\xba7\xdd\xbbe\xe3g\xb7O\xbb;\x14\nq\xce\x84\xe0\xba\xae\x8f\x9fp\xc5\xdc\'\x1e\xf4E\xc1\xd2s\x03\xf393I\xc9IK^\xfd{$\xa23"E\xa4\xebzM\xa0\xa6\xecH\xf9\x81\xfd_o\xff|\xfb\xb6\xcf\xb6\x9b+\xce\x9cs]\xd7\xdf\xfeW\xfe\'\xeb7\xfee\xd9\xd3\xa3/\x1f\xe9\x8b\xca\xcfGE\xfd\xa1\t\x0ci\xa4\xa5\xa7-\xfd\xdb\xf2\xe2\xed;\x85&amp;\x94TR\xca\xa1\xa3\x86,_\xf5\x9c\x10"\xe8\xaf\xd1\x1c1vD\x8d\xb1\xe6\xc6\x07]\xd7=i\x9e\xe2\xed;o\xbd.\xc7W\xed7?\x17O\xd7\x8d!#\x06\xfdy\xc9\x1fB\xf5!\xa5TT\xdd&lt;e^\x87\x1cu\xd9\x88\xe3\xd6\xc4\x99\xb9U\x86H\xd5\xd5\xd6\xef\xdb\xbb\xff\xe5\xe7_]\xf2\xd7\xe5\xe6\x07&lt;\t\xc1\xab+\xabsn\xbc\xf3\x8d\xf7^\xed\xda\xbdK]m]T]\x8dD\xfd\xa1i\x18c\xe1p\xf8\xdf\xaf\xbd\xc5\x18c\x8cI%\xdbwl\xf7\x97e\x7f\xd4\x1cZ]m]T\x9d26\x12\xbaEk\xd3u\xdd\xedv\x7f\xb9\xfb\xcb\x9b\xae\x99QVZ\xc69g\x9c\xe9\xba\xd1\xbb\x7f\xaf\xe7^z\x96\x0b\x11\x9d\x9f\xe5\xad\x94\n\xf8\x82\xbej\xff\xb1\xff\xf9\xaa\xab\xaa+\xcb++\xcb\xabB\xf5\xa1\xce]\xcf\x7f\xf4\x8f\x0f/{-/\xd5\x9d\xca\x183\x0c\xa9iZM\xb0\xe6\xe1_&gt;\x1am\xbf\x0b\xea\x0fMc&gt;\xdd\xba\xfcH\xf9\x9e\x9d{\x95R\xe6\'\x8c\xce\xba{F\xc7s:\xd4\x04kb\xf44\x0b\x9d\xa3U\xe9\xba\xeev\xa7~\xb5\xff\xc0\xb4\xabo-9xH\x08\xc183t\xa3g\xef\x1f,_\xf5\\rJr\xa8&gt;\x14\xb5#\xd6|z\xfe\xff\xa1\t\xa1\t\xc6Y}]\xfd\xe1\x92\xc3?\xbcz\xfc\xaf~{\xbf\xf9\x99$\x86\xa1s\xce?|\xff\xe3\xcf7mMJN\x8a\x92\xc7~\xa1\xfe\xd0dJ)Mh\x95\xe5\x95~_\x80\x88\x0c\xc3\x10B\x0c\x1d9\xb8\xb6&amp;\x86/\xb6Gi_\x8fK\xban\xa4\xa6\xa6|\xf3\xf5\xc1\xe9W\xdf\xfa\xcd\x81\x83\xe6\x06&gt;C7.\xee\xd3s\xc5\x1bK&lt;i\x9e\xba\xbaX\xedI\x9cs\x87\xc3QVV~\xf5u?\xee\xd0\xa9\xbd4$c\xcc\xdc\xb1\xbe\xe1\xa3\x8dNg\xa2\x94\xd6oHD\xfd\xe1,1\xce\xea\xeaB\xe6\xa1\x9f1\x96\xe2NI\xcfL7\x0c#Z\xb6\x0b\x9f9\x04@+1t#%5\xb9\xe4\xdb\xc3\xd3\xae\xbe\xf5\xab}\x07\x1a\x8e&gt;}\xfa\xf7\xfe\xc7\xbf\x97y\xd3\xbd\xb1\xbei\xcf\xbc\x7f\xca\xedq\xf7\xe8\xd9\x9d\xe8\xe8\x83\xd1\x89h\xff\xde\xaf\xa4T\x96\x0f\x10\xd4\x1f\xce\x1e#2\x0c\xe3\xe8g2K\x19\xaa\x0b\x99\x1b\x81\xacnW\xd3\xe1"pk0\x0c#)%\xe9\xc8\xe1#\xd3\'\xde\xbao\xcf\xfe\x86\xa3O\xdf\x81}\x96\xbf\xfe\\\xaa;5\xd6\x8f&gt;\r8g)\xa9)G\xffE\x11\x11\x05\x835\x16~&amp;\xad\t\xf5\xb7\xb0Iq\x831\x16\n\x85\xcf\xeb|\xce\xf2\xd7\x17\x9b{\xb1\x1c\x0e-)\xc9e\x9eoY\xdd\xba&amp;B\x00\xb48\xc30\x92\x92\x92*\xca*\xa6O\x9c\xb1g\xe7\xde\x86\xa3O\xbfA}\x97\xafz.%5%n\x8e&gt;DLJ\x15\x0c\x04\x8f\x7f)1!\xc1\xda\xc7)\xa3\xfe\xd1\xff8\xeb\x98`&gt;\'*%5\xe5\xf2+/5_QJ\xd5\xd6\xd4\xc5\xf4\xd3\xad\x11\x00-\xcb0\x0cW\x92\xab\xba\xaa\xfa\xa6kf\xec\xdc\xb1\xab\xe1\xe8\xd3\x7fp\xdf\xe5\xab\x16\'\xa7$\xc7\xee\xba\xf3\xf7\t\xc1\x83\x81\x9a/w\x1f}\xa4&gt;\xe7\x8c1\x96\xdd\xae\x8d\x10\xdc\xaa1\x82\xfa[[\xff\xf8#\rYU\xe93O\xaa\x18g\x8e\xa3\x9f\x19\x17\xab\x10\x00-\xc80\x0c\x97\xcb\xe5\xf7\x05\xa6_3c\xc7\xb6bs\x9b\xb0\xa1\x1b\x03\x86\xf4_\xb6*/99)\xca\x8f&gt;\xe6\xd5\xadF\xee\x8a\xd1u\xdd\xe3\xf5\xac\x7f\xef\xc3\xaf\xf6\x1d0o\xac%\xe2J\xa9\x8bz]d\x18\xd2\x929(\xeaom\xfd\xe3\x92T2\xd5\x9d\x92\xe8Ld\xc4"\x91p0PCQ\xf0\xd9\xd7M\x86\x00h)\x86a8\x9d\xce`\xb0\xe6\x96\x9f\xcc\xfc\xe2\xb3\xedB\x08iH\xa5T\xdf\x81}\x16\xbf\xf2\xf7\xc4\xc4\xc4`\xa0FhB\xd7Oz\xb3&gt;;\xf6\xc9\xaeV\x1d\xa4\xbci\x9ep8RW[\xa7\xa4b\xdc\xbc\xf7\xe5\x04\x1d])e\xe8F\xa23Q\xd7\xf5\xdf\xff\xf6i\xa5\x14\xe7\x9c1RJy\xbc\xee\x81C\xfa[r#\x12\xeaom\xfd\xe3\x92R*%%\xf9\xd3\xc2\xcf?^\xbf!T\x1f\xea;\xb0\xcf%\x97\x8d\x0c\x87\xc3J\xaa\xa8\xff\xd0\xa3\x13C\x00\xb4\x08)\xa5+\xc9U[Sw\xcb\xb5\xb3&gt;\xdb\xbcUhB\x1a\x92\x88\xae\xf8\xd1\xe5K_]\xe4r\xba\xeaC\xf5nO\xea\xa9\xdfD\x1d\xddu \x1b&gt;\xe9\xbbuHCz\xd2\xdcO?\xf1\x97\xb2\xd2\xf2\x9bf\xdf\xd8\xb9K\xe7\x84DG8\x1c\t\x87\xc2\xba\xae\x7fgG9\xe7\xdc\x91\xe0\xf0\xa6y\xfc\xfe@\xee\xac\x9f\x99\x1f\x8ad\x18R\xd3\x84\xae\x1b?\xbe\</t>
        </is>
      </c>
    </row>
    <row r="191">
      <c r="A191" s="1" t="n">
        <v>189</v>
      </c>
      <c r="B191" t="inlineStr">
        <is>
          <t>grid_number</t>
        </is>
      </c>
      <c r="C191" t="inlineStr">
        <is>
          <t>What is the missing number of the part denoted with a question mark?</t>
        </is>
      </c>
      <c r="D191" t="inlineStr">
        <is>
          <t>['5', '3', '2', '1']</t>
        </is>
      </c>
      <c r="E191" t="inlineStr">
        <is>
          <t>1</t>
        </is>
      </c>
      <c r="F191" t="inlineStr">
        <is>
          <t>There is a 3x3 grid of numbers. The first row is [8, '?', 3]. The second row is [8, 2, 2]. The third and last row is [2, 7, 3].</t>
        </is>
      </c>
      <c r="G191" t="inlineStr">
        <is>
          <t>We observe that [8, 2, 2] sums to 12, and [2, 7, 3] also sums to 12. Thus, the pattern is that the numbers in each row add up to the same value.</t>
        </is>
      </c>
      <c r="H191" t="inlineStr">
        <is>
          <t>Based on the pattern that the numbers in each row add up to the same value, the missing number of the row [8, '?', 3] should be 1.</t>
        </is>
      </c>
      <c r="I191" t="inlineStr">
        <is>
          <t>b'\x89PNG\r\n\x1a\n\x00\x00\x00\rIHDR\x00\x00\x02\x00\x00\x00\x02\x00\x08\x02\x00\x00\x00{\x1aC\xad\x00\x00z\xa8IDATx\x9c\xed\xddw|TU\xda\x07\xf0\xe7\x9cs\xa7$\x93\xc9\xa4\x12B\xef\x88\x82 U\x8a\x82\x05\x0b\x8a\x05\x90\xa2\xa0RU\x14\x17]\xbb\xac`\xd9\xd7\xbakA\\\x17P\xb0aYt\xadH\x00EE\x14\x10\x94\x0e\x82t\x08\xe9\x99I\xa6\xde{\xcf9\xef\x1f\'\x19Y\x04iS\x98\xcc\xf3\xfd\xbc\xaf\x0b3I\x98\xfc\xe6\xce}\xee=\x95H)\x01!\x84P\xf2\xa1\xf1~\x01\x08!\x84\xe2\x03\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d2\xe2\xfd\x02N\x0bR\xcax\xbf\x848 \x84\xc4\xfb%\xd4\xc0\xfc\xe3\x0b\xf3OZIZ\x00\xa4\x94B\x08)%!\x84\x10Bi2\xde\t\xc51\x04\xcc\x1f0\xffx\xc3\x10\x00\x80$U\xf1Wo9\x000\xc6\x0e}\xdc\xe3\xf1\x08!\x08I\x964\xd4\xb5OFF\xc6\xa1\x0f\xaa\x0f\x03\xa54zWF\x98\xbf\x82\xf9\xc7W\xbc\xf2?\r%\xcb[.\xa5\xe4\x9ckZ\xcd\x1dOuu\xf5\xaaU\xabV\xac\\\xf9\xcb\xcf?WTTl\xd9\xb2\xc549\x10\x80\xa4\x08\x03\x80\x00\x00\xb4j\xd92##\xa3k\xd7\xae\x9d;w\xee\xde\xbd{\xc3\x86\r\xd5\x93\xa6iRJ#{A\x84\xf9\xff\x0f\xcc?\xbeb\x9e\xff\xe9K&amp;\x01\xd34\xd5\x1fB\xa1\xd0\'\x9f|2x\xf0\xe0\xa6M\x9b\xc6;\xf8\xd3Kfff\xff\xfe\xfdg\xcd\x9aU\\\\\xac\xb22\x0cC]\x13a\xfe1\x80\xf9\xc7WT\xf3?\x9d\xd5\xf1;\x00\xf5\xdb\x11B&lt;\x1e\xcf\xacY\xb3\xdez\xeb\xad\xf5\xeb\xd7\x87\x9fMs:\x1b4j\x9a\x9b\x97\xd7\xac\xe5\x19\x19Y\xd9\xdc4\x93\xe1\xeeO\x82\xa4\x84\x1a\x86\xbeu\xe3:\x8f\xbbr\xdf\xee\x1d\x95\x15\xe5\xe1g\xf3\xf3\x1b\xdcp\xc3\xf5\xe3\xc6\x8dk\xdb\xb6-\x00\x08!N\xe5R\x08\xf3\xff#\xcc?\xbeb\x99\xff\xe9\xaf.\x17\x00\xce\xb9j\xeb\x9c3g\xce3\xcf&lt;\xb3u\xebV\xf5x\x83FM\xce=\xff\xc2\xbe\x17_~F\xfbN\xf5\xf2\xf2\x1diN\xa6A\x9d~\x97\x8f@J0M\x08\x05C\xe5\xa5E\xdb\x7f\xdd\xfc\xc37\x8b\x97/]\xbcm\xcbF\xf5lVV\xd6\xa4I\x93\xee\xba\xeb.\x97\xcbe\x9af\xb8\xe9\xe0\x84`\xfe\x7f\x02\xf3\x8f\xaf\x18\xe4\x9f\x10\xeal\x01PG\x7faa\xe1\x981c\n\n\n\xd4\x83m\xda\xb5\xbf\xf1\x96I\xfd\xaf\xb86;7WJ\x08\x85tC7\x84\xe0R\x8a:\x1a\xc3Q\x11\x005\xf4\xc1b\xb1\xda\xec6M\x83\xea*\xff\xaa\x1f\xbe\x9d\xfb\xca\xf3\xcb\xbfY\xac\xbe\xa6m\xdb\xb6\xaf\xbd\xf6Z\xef\xde\xbdU\x0f\xe1\t]\x1eb\xfe\x7f\x0e\xf3\x8f\xafh\xe7\x9f(\xeaf\x01PE\xbb\xa0\xa0`\xcc\xd8\xb1\x85\x07\x0e\x00@\xf3Vm\xc6\xdeq\xcf\x15\xd7\x0eK\xcfH\xf7V\xfb\rC\x07 \x94RB\xa0\xa6K(YI)\xa5\x10RJ\xa6i\x8e\xb44\xce\xc5\xf2\xa5\x8bfO\x7ff\xc5\xb2\xa5\x00`\xb5\xd9\x9e~\xea\xa9\xc9\x93\'\x9f\xd0g\x00\xf3?~\x98\x7f|E#\xff\x04R\x07\x0b\x80:\xfag\xcd\x9a5a\xc2\x04\xf5\xc8\xf5c&amp;N~\xe8\xd1\x9cz9\x1e\xb7\x97\x9b&amp;e\xac\xee\xbd\x91\x11\xc19\'\x848\xd3\xd397\xdf\x9a\xf9\xf2KOM\xf5VW\x01\xc0\xf8\xf1\xe3g\xce\x9c\xc99?\x9eAr\x98\xffI\xc3\xfc\xe3+"\xf9\'\x96\xbaV\x00\xd4\x9do\xf8\xe8wed=\xf2\xcc\xf4A#\xae\xaf\xf2\xf8u]\xaf\xc3my\x11\xa4&gt;\x06\xd99\xe9kV\xfe\xf4\xf0\x9d\xe3\xb7nZ\x07\xb5\x9f\x81c^\x07a\xfe\xa7\x0e\xf3\x8f\xafS\xc9?\xe1\xd4\xa9\x02p\xd8\xd1\x9fS\xaf\xfe\xf4\xb9\xf3{\xf5\xed]RT\xc94\xad.\xbdm1`\x18FFffyi\xf1\xad\xd7_\xbdn\xcdJ8\xe4:\xe8\xb0iDa\x98\x7f\x04a\xfe\xf1u\x12\xf9\'\xa2\xbaS\x00\xd4\x1b\xb3d\xc9\x92\xfe\xfd\xfb\x03@fv\xce\x07\x05?6m\xd1\xcaSY\xa9Y,\xf1~u\t\x89\x9b\xa6\xd5nc\x94\x8d\x1e|\xe9\xaa\xe5\xdf\x00\xc0\xb4i\xd3\xa6N\x9dz\xc4q\x11\x98\x7f\xc4a\xfe\xf1uB\xf9\'\xa8:R\x00\xd4p\xdd\xe2\xe2\xe2\x8e\x1d;\x95\x94\x14\xa7\xbb2^\x9d\xf7i\x97s{{\xdcnM\xc3\xa3\xff\xe4q\xcemv\x9b\xd7\xe3\x19;\xf4\xf2\xcd\xeb\x7f!\x84\x14\x14\x14\xf4\xef\xdf\xff\xb0\xeb \xcc?J0\xff\xf8:\xce\xfc\x13W\x1d\x19\xfd+\xa5\xe4\x9c\x8f\x1a5\xaa\xb8\xb8\x08\x00\xfe\xf6\xd4\xf4^}\xfb\xb8+\xf1\xe8?U\x8c\xb1P \x98\x95[\xef\x9f3\xe7\xb922\xa5\x84Q\xa3n,**"\x84\xa8Ue\x14\xcc?J0\xff\xf8:\xce\xfc\x13W](\x00\xaa\x1a\xcf\x9b7o\xf1\xe2\xc5\x00p\xdd\xa8q\x83G\xdeP\\Ti\xc1;\xdfH`\x9a\xe6q\xbb\xdb\x9cy\xc6C\x7f\x7f\x01@\x16\x17\x17=\xf8\xe0\x83\x94\xd2\xf0\xbd#\xe6\x1fU\x98\x7f|\x1d3\xff\x84\x96\xf0M@jE\x0b\xb7\xdb\xdd\xa3G\x8f\x9d;w6j\xda|\xfe\x92U6\x9b]u\xe5\xc7\xfb\xd5\xd5\x1d\x9c\xf3\x8cL\xd7\xc4\x91\x83\x17}\xfe\x91\xcdf[\xb6lY\xd7\xae]\xa5\x94j\tI\xcc?\xda0\xff\xf8:Z\xfe\x89\xbePDb\xbfz\x00P\x83s\xe7\xcc\x99\xf3\xdbo\xbf\t!\xc6M\xba/\xa7^\x96\xae\xebx\xf4G\x16!\xc4\xd0\xcd\xdb\xef}\xc4f\xb7\x87B\xa1\xa9S\xa7\xaaS\x0f\xe6\x1f\x1b\x98\x7f|\x1d-\xffx\xbf\xaeS\x95\xd8\x05@J\xc9\x18\x0b\x04\x02s\xe6\xcc!\x844o\xd5v\xe0\x90\x11\x9eJo\x9d\xe9\xa3?}PJ\xbd^o\xfbN\x1d/\x1d8\x18\x00\xbe\xfb\xee\xbb-[\xb60\xc6(\xa5\x98\x7f\x0c`\xfe\xf1u\xb4\xfc\x13\xbd\' \xb1\x0b\x80\x9a\x97\xb1d\xc9\x92M\x9b6I)GO\xbc;\xdd\xe5\xe4\xa6\x19\xef\xd7U7QJ\xf5\x901\xe6\xf6{RR\x1d&gt;\x9fo\xf6\xec\xd9\xeaA\xcc?60\xff\xf8:b\xfeX\x00\xe2o\xee\xdc\xb9\x84\x90z\xf9\r.\xb9r\x90\xb7\xdaO\xeb\xc4\xf0\xac\xd3\x10\xa5\xd4\xe7\xf3\xb7\xef\xd4\xa9{\xef\xf3\t!\xf3\xe7\xcf\xf7z\xbd\x00\xa0.?1\xffh\xc3\xfc\xe3\xeb\x8f\xf9\xfb\xfd~M\xd3\x12\xba!(\x81\x0b\x80j\xff\xf1x&lt;\xabV\xfd$\xa5\xecu\xfe\xc59\xf5r\x0c\xc3\xc0\xd6\xcf(\x92\x92\x10\xb8\xe8\xf2k\xa4\x94\x07\x0e\x14n\xde\xbc\xd94\xcd\x95+Wb\xfe1\x82\xf9\xc7\xd7\xff\xe6\xbfn\xdd:H\xf0\x9b\x80\x04.\x00*\xf7\xd5\xabW\xef\xdf\xbf\x0f\x00\xfa\xf6\x1f\x10\xefWT\xf7Q\xc6\x02\x01\xfd\xdc&gt;\x17\xa49\xd397\xbf\xfb\xee\xbb\r\x1b6\x14\x16\x16\x02\xe6\x1f\x13\x98\x7f|\x1d\x96\xff\x97_.\x84\xda]w\x12T\x02\x17\x00\x95\xfb\xaaU?\x01@\xaa\xc3\xd1\xae}\xc7PPO\xf4QY\xa79B\x88\x1e\n\xe57j\xd2\xb4E+\x00X\xb7n\xdd\xf2\xe5\xcb\x01\xc0\xe1H\xc3\xfcc\x00\xf3\x8f\xaf\xc3\xf2_\xbd\xfa\'\x00H\xe8\xcc\x13\xf8\xa5\xab[\xdd5kV\x03@\xa3&amp;\xcd\xf3\xf2\x1b\xe2\xfdo\x0c\x08!RRmm\xcf:\x1b\x00\xd6\xad_\xbf\xe0\xcb/\x01\xa0A\x93\xa6\x98\x7fl`\xfe\xf1uh\xfe[\xb6l\xf1z\xbd\t=),\x81\x87\x8b\xa9q\xb8\xa5\xa5\xa5\x00\x90\x95\x93\x9b\x9a\xe6\xf4VW%t5N\x08RJ\xc6 /\xbf!\x00TVT\xa8\x86\xb8\xacl\xcc?F0\xff\xf8R\xf9\xd7\xcfo\x04\x00n\xb7\'\x10\x08\xa4\xa5\xa5\xc5\xfbE\x9d\xbcD-\x00j\x0e\x9e\xdb\xed\xde\xb6m\x1b\x00\xb4ls\xa6\xa6\xc9\xc4\xad\xc3\t\x84\x12b\x9a\xd0\xb2\xcd\x99\x00P\\\\\\VV\x06\x98\x7f\x0ca\xfe\xf1\xa5\xf2o\xd1\xa6\x1d\x00TUy\xb6l\xd9\x92\x9b\x9b+\x84H\xd0\xb5\xe1\x12\xb5\x00(RJ\xc30\x01 3+\x9b\xd2\xba01/!H\t\x99Y\xd9\x00`\x9a\xa6\xba\x02\xc5\xfcc\t\xf3\x8f\xafp\xfeB\x083\xc1g]$\xfc\r\xa3j\xf4L\xf4\xb7!\xe1\xa8\xc0\xc3\xbb#a\xfe1\x86\xf9\xc7W8\xf0D\xeftI\xf8\x02\xa0$\xfa\xdb\x90p\x0e\x0b\x1c\xf3\x8f1\xcc?\xbe\xeaL\xe0u\xa4\x00 \x84\x10:QX\x00\x10B(Ia\x01@\x08\xa1$\x85\x05\x00!\x84\x92\x14\x16\x00\x84\x10JRX\x00\x10B(Ia\x01@\x08\xa1$\x85\x05\x00!\x84\x92\x14\x16\x00\x84\x10JRX\x00\x10B(Ia\x01@\x08\xa1$\x85\x05\x00!\x84\x92\x14\x16\x00\x84\x10JR\x89\xbd\x1f@"\x92\xb5\x00$\xa8\xf5\xdb\t\xd4\xae\xecK\xea\xcc*\x83\xa7\xa7\xa3\x86\x0f@(\xc5\xf0\xa3MJ)\xa5\x90\x12\x8e\x90\xbf:\xf8\xf1-\x88-,\x001"\xa5\x14B\x10\x00\xcdb\xb5\xda\xac\x9a\xc6(UG?\x80\x04!\x80\x9bB\xd7u\xc3\xd0\xa5\x14\x942&lt;\x19E\x8a\x94R\n!AR\xca,V\xab\xc5be\x8c\x10Z{\xaa\x91 %p\x0e\x86\xae\xebzH\x08N)%\x04\xef\x8c#F\x1d\xf9\x00\x921\xcdj\xb5Y\xac\x16J\xc9\xa1\x07\xbf\x94 \x04\x18\x86a\xe8\xbaZg?Aw\xd7JDX\x00\xa2NJ)\x04\xb7Zm\xa9\x8e\x14!\xa0\xbc\xb4d\xdb\x96\xdd\x07\xf7\xef-/-\xf1\xfb}\x00\xd2\x9e\x92\x9a\x9dS\xaf~\x83F\r\x9b4\xcb\xcd\xabo\xb1P\xbf?\x14\n\x06\xb0\x0c\x9c"!\x84\x94\xc2b\xb1\xa68\x9d\x8c\x81\xdf\x17,-:XT\xb8\xbf\xb4\xa4\xa8\xb2\xbc,\xe0\xf7q\xce-\x16KFfVn\xfd\x06\x8d\x9b6\xcfo\xd8$%\xd5\x1a\x08\xe8\xc1\x80\x1f\xc3?uRJ\xc1\xb9f\xb5\xa69\x9d\x8cAu\xb5\xbfp\xff\x9e\x83\x07\xf6\x95\x95\x14\xbb+\xcbC\x81\x80\x94\xd2b\xb3\xa5\xbb2rr\xf3\xf2\x1b5\xc9o\xd8(#\xd3%\x04\xf8\xbc^\xce9\x96\x81\x18\xc0\x02\x10]j\xb3PW\x86\xb3\xa8\xb0\xe8\xf3\x0f\xdf]Z\xf0\xd9\x86_V\x17\x1f&lt;p\xc4\xdd\xfb\xb2s\xf3\xce\xec\xd0\xe9\xfc\xfe\x03.\xba\xec\xaa\xa6-\x9a\xf9\xbc\x01]\xd7\xf1cp\x12\xd4U\x7f\xaa#\xcdjce%\xe5?~\xf7\xd5\xf7K\x17\xff\xb2\xea\x87\xbd\xbb~\xab\xae\xf2\x1c\xf1[R\x1dim\xda\x9d\xd5\xf7\x92+\x07\\3\xacU\xdb\xd6\xd5U&gt;\xce9\xee\xb1~r\xd4\xa9\xdf\x9e\x92\x92\xe2\xb0\x95\x97V,\xffz\xd1\xb7\x8b\xbfX\xbbf\xe5\xbe\xdd;\x03~\xdf\x11\xbf\xc5f\xb37l\xd2\xacS\xb7s/\x1epm\xaf\xbe\x17\xb92\\Un\x0f\xb6\xcbE\x1b\x16\x80(\xe2\xdct8\xd2\x82\xc1\xe0+\xcf=\xf5\xcek3\x8a\n\xf7\x87\x9f\xa2\x94\x11\x02\xe1\xdb`)A\x08^^Z\xbc\xec\xeb\x82e_\x17\xccx\xf6\xb1\xc17\x8c\x1ew\xc7\xbdY9\xb9\xd5UUX\x03N\x88\x94\xd2f\xb7[,\x96\xf5?\xff\xf4\xd9\xfcy_-\xf8x\xff\xde\xdd\x87~\xc1\xe1\xe1\x03H!\xfc&gt;\xef\xda\xd5+\xd7\xae^\xf9\xfa\xcb\xcf\xdd0v\xe2-w=h\xb3\xdb\x83\x81\x00\x86\x7f\xa28\xe7V\xab\xd5\x91\xe9\xdc\xb5}\xe7\x7f\xdf{\xe3\xd3\xff\xbc\xbdo\xf7\xce\xf0\xb3\x84\x10B)\x01\xf8\xbd\r\x08@J\x19\n\x05wn\xdf\xbas\xfb\xd6\x8f\xe6\xcd=\xf3\xec\xce\xb7L\xbe\xff\xf2k\x86\xfa}&gt;\xc19\xc12\x1c5X\x00\xa2\x85s\xeeLwm\xdf\xba\xe9\x81\xdbGo\\\xbb\x1aj[6\x85\x90\x00R\xf5}\xd5~\x04\x08\x10\xa9\xaet\xd4g\xc3]Q\xfe\xda\xf4\xe7\x96|\xf1\xc9\xffM\x7f\xad{\xaf\xf3&lt;\x95n\xa6\xe1;u\\\xa4\x14V\xabu\xc7\xb6-/?\xfd\xe8W\x0b?\xe5j\xef\\J)\xa1R\nu\xe3U\xd3\x0f\xa9.-k\x1e\x91\xb5}\xf0\xb4\xba\xca\xf3\xea\xf3O\xae\xf8\xfe\x9b\x17^{/7\xaf~0\x10\xc4\xfb\x80\x13\x92\x91\xe9*)*~\xf9\x99\xc7\xde\x7f\xe3\xdf\x1ew%\x00\xa8n\x95\xdf\xf3\x17\x02\x08\x81\x9a^\xe0\x9a\x9e\xf9\xf0 \x08)\xe5\xe6\xf5?\xffe\xcc\xb0\xe5\xdf,\x99\xf2\xd4\x8b\x84\x10\xce9\xde\x07D\t\x1e\xd9Q!8Os:7\xae]s\xe3\xd5\x17m\\\xbbZ\xd34u\x1c\x0b!(%\xea\x06\x99s\x93\x9b&amp;7M\xceM\xc1\xb9\x94\x92R*\x85P\x87\xbb\xa6i{vn\x1f;\xe4\xb2e_/J\xcfpq\xce\xe3\xfd;%\x06)\xa5f\xb1V\x96\x97-\xfa\xfc#nr\xa6i\x84P)\x84\x10\x9c\x10B)\x83\xf0X !\xa4\x10\xea\x8f\x8c1B\x88\x10\x82s\x93\x10\xa2Y,k\x7f\xfaq\xfc\xd0\x01U\x1e\xb7\xc5b9b{\x1d:\x9a\xcf\xe6\xbf7\xf4\x92\x9e3_|\xca\xe3\xaedL#\x94\x8a\xdf\xf3\xa7\xb5\xd9\xffN\x1d\xf9\x94R!D\xedg\x842\xa6}\xf0\xe6\xac\xc9c\x863\xa6Z\x81\xf0-\x88\n\xbc\xae\x8c&lt;)\xa5\xd5f+-)\x9at\xd3\xe0\x8a\xb2\x12M\xd3\xd4\xd8\x06uu\xc39\xb7\xda\xec\xed:tl\xde\xb2\x8d+3\x1b@\xba+*v\xef\xd8\xb6u\xe3\xbaP(\x18\xfe2\xd34\x19c\xc1\x80\xff\xae\xb1\xc3?X\xb4\xa2Q\x93\xa6\xc1`\x08/E\x8f\x89R\xe6\xad\xae\xee\xdd\xef\xc2\x0b.\x1b\xf8M\xc1\xe7 %!@)\xe3\x9c\x87\x8b\xa8=%\xd5\x91\xe6\xb4\xdbS\x00\xa4\xcf\xe7uW\x94\xab\xa7\xd49HJi\x1a\x86f\xb1l\xdf\xbai\xea\xdd\xb7M\x7f\xe3?F\xb5\x81W\xa0\xc7$\xa5\xd4,\x96\x8a\xb2\x92\x07n\x1f\x1d\n\x055\x8bE]\xdc\x10B\x18\xfb\x9f\xfc\xb3\xb2s3\xb2\xb2\xec)\xa9\x00\xe0\xf3z\xcbJ\x8a|\xdej\xf5\x94:\xf8\x85\x10\x00\xc2b\xb1|\xbd\xf0\xd3\xa7\x1f\xb9w\xea\xb3\xd3\xdd\x95\x1el\x8b\x8b\x06,\x00\x91\'\x84HI\xb5?r\xf7C\x85\xfb\xf7\x1ev\xf6\xb7\xd9\xed\xa3o\xbb\xeb\xeaa76i\xd6\xc2f\xb7\xaa\xd1\x86R@(\xa8\xef\xdd\xbd\xf3\xd3\x0f\xde\x9e\xf3\xaf\xe7\x83\x01\x7f\xb8T0M\xf3\xb8+\x9f\x99z\xdf\xbf\xde\xf9o0\x18\x8a\xf3/\x96 \x08\x80\x10\xf2\xfa\xd1\x13\x97\x16|\x0e\x84\x08\xce\x01 %\xd5\xd1\xb5\xe7y=\xcf\xbf\xe8\xcc\x0e\x9d\xf2\x1b5Is\xba4\x8b\x06\x00\xa1`\xb0\xa4\xa8\xf0\x97\x9f~\xf8h\xde\xdc-\x1b\xd6\x12J\xa5\x10\x00`\x1a\x06c\xda\xa2\xcf?ZZ\xb0\xe0\xc2\xcb\xae\xa8\xf6TQ&lt;\x01\xfd)B\x88\x1e\n5l\xdcd\xcaS/\xfd\xed\xae\tRH\x00\x08\x9f\xfa\x1di\xce\x9e\xe7_\xd4\xe7\xc2K\xdbw\xec\x9c\xd7\xa0Q\xaa#\xcdb\xb1\x00\x80\xae\xeb\x9e\xca\xf2\xad\x9b\xd6}6\x7f\xde\xc2O\xe6\xab\xb6 u\xcbe\x98&amp;c\xec\xadY/_|\xc5\xa0s\xfb\x9c\xef\xf5z\xd5\r\x1c\x8a ,\x00\x11&amp;\x85HIM\xdd\xbaq\xe3\xe7\x1f\xbeK)UW=\x84R\x1027/\x7f\xfa\x1b\xf3\xcf\xed\xd3\xcb\xeb\xd5C\xc1` \x10P\r\xd0@\x08\xa5\xa4q\xb3\x16\xf7?\xf6\xc4\x85\x97\r\xbc\xe3\xa6\xc1\xc5\x07\x0f\xa86Sn\x9a\x94\xd2\xa5\x05\x9f\xaf[\xb3\xba}\xa7\xce~\x9f\x0fo\x02\x8e\x892\xe6\xad\xf6\xf6\xbe\xe0\xa2\xf6\x1d\xbbl\\\xbb\xba]\x87N\x03\x07_\x7f\xe1\xe5W5k\xd9\xc6b%\xa6\x01\x86\xa1\xab67\x00HIq\xe4\xd4\xab\x7fN\xb7n\xc3o\xbee\xc63\x8f\xbf\xfa\xfc\xff\xa9\xfb\x00\x00\x00\x90\x84\x90\xf7\xe6\xbez\xe1eW\xc4\xf77J\x14\x8c\xb1*O\xd5\x88\xd1\xe3\x7f\xf8v\xc9\x97\x1f\x7f\xc04\x8d\x9bfvn\xde\xf5\xa3o\x1dx\xdd\r\xcdZ\xb6\xa6\x0c\x8c\x107\x0cC\x88\x9a\x1b\x02M\xd3\xea\xe57l\xdc\xac\xc5eW]\xfb\xf5\xc2\x05\x0f\xdc&gt;\xba\xbc\xac\xa4\xa6\x06\xd4\xb6\xbc\xcdy\xe5\x1f=\xcf\xef\x87\x8d@\xd1\x80\x05 \xc2\x84\x10\xf6\x14\xcb\xb7K\x16\x18\x86\xce\x98&amp;\x84\xa9\x1e\xa7\x8c&gt;\xf9\xf2\x9cs\xfb\xf4*.\xaa\xb0h\x1a\xf9\xc3\xc5\x8c\x1e\x0c\x16{\xbd]{\xf5x\xea\xe5\xb9\xe3\x87]\xce\xb9:\x07\x01!\x94s\xf3\xbb%\x0b:\xf7\xe8\xe6\xab\x16\x80\x05\xe08H))%\x93\x1fz\xbc\xb4\xf8\xe0\x95\x83\x87\xa7\xa6\xa5\x04\xfc\xba\xcf[-\x85 \x94\xfc\xef&lt;/n\x18\xba\xcf+\x18c\x0f\xfd\xdf\xdf\xab\xab=\xef\xcc\x9eA)\x13\x82\xab\xe6\xa05+\xbe?\xb0woN\xbd\xfa\x86\xa1cC\xd01\x11\x02~_`\xea3\xd3\x7f\xf9\xe9\xc7\xa2\x03\xfbn\x9e8y\xf4mw7n\xda\xd8\xef\xd3\xab=\x1e\t\x92\x10Z3\xdf\x9d\x10\x00\x10B\x08]\x0f\x05\x83R\x88\xfeW\x0eHI\xfd\xcf\xb8\xa1\x97\x85B!\xf2\xfb\x0c2X\xf9\xfd\xd2\xdd;v4h\xdcD\x0f\x85\xf0-\x88,&lt;\x9bD\x1a!\x82\xc3\x86_~\x02\xa8\xe9\xb9\xa2\x8cI!z\xf6\xbd\xb8_\xffKKK\xdcV\xab\xf5\x88\xc3\xda\x08\xa5V\xab\xb5\xac\xb8\xf2\xbc\x8b.\xee\xd5\xaf\xbf\x94\xa2\xb6\xd1S\x02\xc0\xa6u?s\x13p\xa2\xfcq\xa2\x94\xfa\xbd\x81^}/\x1e2r\xb4i\xf2\xca2\xb7\x1e\nRJ\x99\xa6\xa9\x19^\x87\xa2\x94j\x9a&amp;\xa5tW\x04o\x9d\xfcPFf\x96\xea\xb1\x94R\xaaAA\xbb~\xfb\xd5j\xb3\xca\x9a\xdb\x02\xf4g\x08\xa1\x86\xaegfg?=\xe3\x8d\xd9\x1f|9\xed\xd9\xe7\xb3\xb2s\xcb\xcb\xdc\xba\x1e\xa2\x8c1\xa6Q5\xb4\xbf\xf6HVo\x01cL\xb3X\x8a\x0fV\x9cw\xe1\xf9Co\x1c/\x85\x08w\xd7SJ\x03~\xff\x96\x8dkm6\xab\xc0\xb7 \xd2\xb0\x00D\x18\xa5\xc40\xcc\xe2\xc2B5\xba\x1fj\x07{\xf6\xea{1!\xf2\x98\xe7o5\x10\xee\xdc\xf3.T\x7f\x81\xda\x9fRRT\xa8\x87tl\xff9~\x84\x92@\xc0\xefq{\x00@\x8d\x05\xfa\xf3\xaf\xa7\x94\xeaz\xa8^~\x83\x8e]\xcfU\x7f\x05\x005`\xbd\xa8p?c\x04[ \x8e\x13e\xcc[\xed\xeb\xd6\xeb\xbc&gt;\x17^ZV\xec6\x0cC\x8d\x82;\xe67j\x1a\xf3\xfb\xcd\x01\xd7\x0e\'\x94\x08Q\xd3c\xac\xae\x96\xf6\xed\xdeI\x19\x00\x0e\xc7\x8a4&lt;\xa1D\x1c\xe1\xa6\xa9\xeb\xaa\xc3\xf6\xf7U\xafr\xf3\xf2\x858\x8e\xb5\xae\x08\x11\x82\xd4\xcb\xcb\x87p\x01\x01\x00\x00]\x0f\x99&amp;\x8eE91\x94\xd2\x13\x1c:"\x19\x83\xfc\x86M\x00\xfe\xe7f\xcb\xe7\xf5\xaaZ\x1c\xd9\x97W\x87\xa9\xcbv\x9f\xb7\x9a\x1d\xdf\xa9_!\x84\x1a\xba\xd1\xb0q\xb3\x8c\xccl\xd5\x1b\x0c\xb5\xb3\xc5\xbc\xd5\x1eJ\xf0\r\x88&lt;,\x00\x11\'\x99\xa6Ym6\x00\xa8=z\x01\x0087\xe18?\x08\x04L\xd38\xec1\xab\xd5\xc64\r\x07\xa4G\xd9\xefsS\x0f\x85\x03\x10O\x82\x1a\xda\x7f\xa2\xdf%\xa5\xb4\xd9l\x8e4\'@\xed\x1d0\x00\x000\xc6$\x1c\xef\x07\x08\x1d?,\x00\x11&amp;\x84\xb4X4u\t\xaf.}\xd4\x85\xcc\xfe\xdd;\x19=\x8e{X)\x19\x85}{w\x85\xbf\x91\x10\x02@\xf2\xf2\x1b\xd8\xed6l\x03\x8d6.\xa0\xb4\xf8 @x\x860\x00@FV\xb6\x10\x80\xe7\x9fX \xc44\xcdP0\x00P{\xee\x97\x00\x00\x99\xd9\xb9R\xe0;\x10yX\x00"MJ\xca\xa0\xdd\xd9\xe7\x00\x80:`U\xe7\xe1\xb7K\x16\x84\x82\xe61W5!\x94\x86\x82\xe6\xf7_\x15\x84\xbfQu&amp;\x9f\xdd\xa5;\xb6\x81F\x95\x94R\xd34Oe\xe5\xa6\xf5?\x03\x80\x90\x02\x00Top\xa3&amp;\xcdLS`\xfb[\xd4Ii\xd1\xb4\xb2\xe2\xa2\xca\xf2r\xf5W\x00P\x9d\x01\xcdZ\xb6\xe6&amp;`\x05\x888,\x00\x11F(\xd5C\xbc\xcf\x05\x97\xa8\xa1\x84\x00\xa0\xa6\xb6o\xf8e\xf5\xc7\x1f\xbc\x9d\x9d\x9bn\xe8\xfa\xd1\xbe\xd70\xf4\xcc\xec\xf4\x82\xcf&gt;Z\xb7f\xa5\x1a\x8dN\x08\x91RX,\x96\x0b/\xbd*\x180\xb0\x138zL\xd3Lw9\x16\x7f\xf1Q\xd1\x81\xfd\x94R)\xa4\x1a\xaf\xd2\xa0q\x93\xe6\xad\xdb\x86\x82A\x8a\x05 \xca\xb8\xe0\xf6\x14\xcb\xca\xe5KM\xd3`\x8c\xa91\xa3\x00\x90\x99\x9ds\xc6Y\x1d\x83\xc1\x00\x1e\xff\x11\x87\x81F\x18\xa5\xd4\xef\xf3u8\xa7K\x9f\x0b/Q\x8b\xcc@\xcdZc\xf4\xef\x0fN\xfe\xf1\xdb\xefs\xebg\x99\xa6q\xd8\x98B)\xa5a\x18Y\xd9Y[7l~\xfc\x81;\t!\xe1\xa6O!\xc4UCG\xb5\xeb\xd0!\xe0\xf7\xe3\xb2\x88Q\xc2M3--m\xdf\xee}/=\xf9\x08\xf9}\x84"\x95R\xf6\x1fpmVv\xa6i\xe88\x067\xaa\x84\x10\x16\x8b\xb5\xca\xe3}w\xce\xabP;\x02B\xad\x1dt\xd1eW\xe57\xcc\xc7I\x00\xd1\x80\'\x94\xa8\x10\\\xfc\xe5\xc1\xc7,V\xab\xac]\x04\x02@z\xab=\xb7\x8c\x18\xf8\xd9\x7f\xe6g\xe7dZmv\xd34\xd5Q\xae\xa6\xfb\xe6\xe6e\xae^\xf1\xc3\xb8\xa1\x97\x97\x97\x16\x13B\xa4\x10\x8c1\xd34\xf3\x1b5\xbe{\xca\x13~\x1f\xaeI\x19-\xdc4SRS\xfd~\xdf_\xc6\x0c-&gt;X\xa8V\x85S\xf7^i\xce\xf4\x1b\xc6\xdd\x1e\xf0\x87p\x1d\x88\xe8\t\xaf|\xe5\xcat&lt;\xf5\xb7{wn\xdfJ)\xab}\x0b\xa4\xdd\x9e2z\xe2\xdd\xc1\xa0\x8eW?\xd1\x80\x99F\x1e\xa5\xd4\xe7\xf5u\xea\xda\xf5\xee)\x7f\x17\x9c3\xa6\xd5\xcc*\xa2\xb4\xca\xe3\xbes\xf4u\xf7\xde6\xe6`\xe1\xde\xec\x9c\x0c\x8b\xd5\n@2\xb33L\xd3\xf8\xe7\xe3\x8f\xdex\xd5\x85\x85\xfb\xf7\xaa\xc6\x1f\xc64\xce\xb9#-\xed\xf9Y\xefe\xe7\xe6\x19:^\xfeD\x85i\x9ai\xe9\xe9\x1ew\xe5\xf8\xa1W\xac]\xbdB\xddr\x01\x00\xd34!\xc4_\x1e|\xacE\xebV\xc1@\x00\xc3?\x15jS\xbcC\x16\x00\xe5B\xad\x10d\x9a\x9cs\xc6\xb4\xcc\xec\x0c)\xc5\x83\x93n{o\xee\xab\x941\xd5\xf5\xc2\x98&amp;\x04\xbfk\xca\xdf\xcfh\x7fV\xc0\xe7\xc7\x0b\xa0h\xc0\xa5 \xa2\x82i\xcc]Y5\xee\x8e{\x8a\x0b\x0b\xe7\xbe\xfa\xbcjMV\x175\x00\xf0\xe1;s\x16\x7f\xfe\xf1\xb0\x9b\'\x0c\xbbq|fv\xce\xbc9\xb3\xe6\xcc\xf8\xc7\xce\xed\xbf\x02\x00\xa1TJ\xa9\x16Q\xc9\xa9\x97\xf7\xfck\xefw9\xb7\x17\xee\x07\x10%\xa6idfen\xdb\xb2y\xd2\xcd\xd7\xed\xf8u3c\x1a\xe7&amp;\x00h\x9a\xc54\x8ckG\xdc|\xd3\xadw\xba+\xab0\xfcS!\xa5\xb4Z\xad\x16\xab5&lt;\x82\x81\x00\x10J(\x05J\xc14\xa1\xac\xa4h\xc1\x7f\xdf{}\xc6?\xb6o\xdd\xa4VDWK\xc8\x99\xa6q\xd3\xad\x93GO\xbc\x0b\xdf\x82\xe8\xc1X\xa3\x85\x10R]]\xfd\xf0\xff\xfd\xd3\x95\x99\xf9\xe2\x93\x8f\x00@\xf8\xfc\xc2\x18\xab\xf2T\xcez\xf1\xe9\x0f\xde\x98\x99\x91\x95\xbdg\xe7o\xeaA.\x04\x01\x10Rr\xd3&lt;\xf7\xbc\x0b\x1e\xfb\xe7\xbf\x9b\xb5l\xedq\xe3\xd9?\xf2\xd4:3\xd99\x99K\x0b\n\xee\xbd\xed\xc6\x8a\xb2\x12\xc6\x98Z\xbb\x982f\x9a\xc6\x15\x83\x86?\xf1\xc2\xbf}&gt;\x1f^\xfb\x9f\n)\xa5f\xd1\x0e\xec\xdb[T\xb8_\xd3\x98\xac\x19\xd8#B\xa1\x90\xbb\xbct\xdf\x9e][6\xae]\xb7zeIQ!\x00h\x16\x8b\x14R\x08\x93sn\xb3\xd9\xff\xf2\xd0c\xe3&amp;\xdd\xeb\xad\xae\xc6\xb7 z\xf0\xcc\x12-\xaa\xd9\xa7\xaa\xaa\xea\xce\x07\xff\xd6\xe6\xac\x0e\x8f\xdes\xbb:\xca\x01@m\xf9B)\xf5\xb8+=\xeeJ\xca\x18H\xa9\x1e\x14B\xa49\xd3o\xbbg\xcaM\xb7\xfc\x85\x10R\xe5q3\x86\xefQ\x84\xa9=I2\xb3\\s^\x99\xfe\xf7\x87\xef\x12\x9cS\xc68\xe7\x84PB\x80\x9b\xe6\x88\xd1\xb7&gt;\xf2\xcc\xf4P0$\x85\xc4\xb3\xcf\xa9\xe0\x9cgf9_~\xe7\xf5\x99/&gt;\xf5\'_\xa6\xd6\xcb2\r\x03\x00\x08!\x17\x0f\xb8\xe6\xb6\xbb\x1f&gt;\xbbk\x17Oe\x95Z,(V\xaf7\xe9\xe0\xc9%\x8a\xd4\xb1[QVy\xd1eWu\xe9\xd1{\xfa\xd3\x8f~\xf0\xc6L\xd3\xe4jo&lt;u\xc6\'\xb5\x0b\xd6\xab\x01\x0f\x97\x0c\x1c\xf4\xc4\xf33\xeb\xe5g\x97\x16WR\xca\xf0\xec\x1f\x05RJ\x99\x9e\x91\xfe\xec\xb4\x87^}\xfeIU\x89\x05\xe7\xb5\xbb\xc1\xc0\xddS\xfe\xef\xb6\xbf&gt;\xe8\xad\xf6J!\xb0\xe31"T\x13hxo\x0cP\xd3\x1b\xd5\x99]m\x10\xc69\xd3\xb4n=\xcf\xbf\xf0\xb2\x81\x17^6\xb0U\xdb\x96&gt;\xafQ^Zn\xb5\xda\xe2\xfb\xca\xeb&lt;&lt;\xbe\xa3Kpn\xb1X)\xa5\xd5\x1e\x8fZz2\xbc\xd2\x80\xfakxr\xaf\xba;\xde\xb2a\xed\xdb\xb3g\xec\xd9\xb9?3+\x13\x00p\xeao\xc4q.\\\x99\xe9\xcf?\xf1\xb7W\x9f\x7fR\xd5W!\x84\xea\xfbM\xcf\xc8\x9c\xfe\xc6\x87w\xdc\xf7`\x95\xc7\xa3:\xed\xe3\xfdb\xeb\x88?^\xc2\xabm!U\'p\xcdA.\xc14\xf4\x83\x07\xf6\xad\xfeq\xd9\xba\x9f\xd7\x11B2\xb3\xb2\x85\x10R\xe2G \x8a\xf0\x023\x8a\xb8i:\xd2\xd2B\xba\xfe\xf23\x8f\xce~\xe9Y\xbf\xdf\xa7\x1eWW\x9d\x9cs)9\xd4\x0e\xf6W\x05`\xdf\xee\x9d/=5\xf5?o\xcd\xbe\xe3\xfei\x83\xaf\xbf\xd94\x8c`0\x88k\xd1D\n\xe7\xa6+#\xe3\x93\xf7\xdf}\xe5\xb9\'\x98\xa6\xa9maT\x97c\x93\xe6\xad\xa6\xbf1\xbf}\xc7\x8e\xe5e\x95\x9af\x89\xf7+\xadS8\xe7j\xa3\xcd\xc3&amp;\xb2\xab\x0f\x02\xd4\xec\x7fg\xae^\xf1\xfd\xea\x15\xdf\x03\x80\xd5f\xeb\xd1\xe7\x82\x11\xa3o\xbd\xf0\xb2\x81\x86n\xe8\xa1 \x0e\xc3\x8d\x12\xbc\xc6\x89\x16n\x9a\xae\xcc\x8c\xed\xbfn\xbe\xf1\xaa\x0b^zj\x9a\xdf\xefS\xe7q\xc6\x98j\xff\xc9\xcd\xcb\xef\xd8\xa5;\xd4~&lt;\xd4\xb3j\xf4\xdb\xc1\x03\xfb\x1e\xbes\xec\xed\xa3\x06\x95\x95\x14;\xd3\xd3\xc37\xce\xe8TH)\xadV[\xf1\xc1\xc2\'\x1f\xbeK\xcd\xb4\x90R\xaa\xd6\xffv\x1d:\xbd\xf5\xe9\xd7g\x9cuvE9\x9e\xfd#LJ\x99\x92\x92\xeatedde;]\x19NW\x863\xdd\x95\xeaH\xd3,\x16\xf5A\xe0\xa6\xa9ZA-\x16\xab\xa6i\x8c1=\x14Z\xf6\xd5\xc2\x89#\xaf\x99t\xf3u\x95\x15\xa5\xa9\x0eGx?a\x14Yx\x07\x10\x15\x9c\x9b\x19Y\x19_-\xfc\xe2\xde[FVy\xdc\xeabS\xad\t\xc19\xcf\xcc\xca\x19u\xcb\xa4!7\x8c\xcd\xc9\xcd]\xb7f\xd5\xfcw\xe6,\xf8\xef{\x01\xbf\x1f\x08\x10B87\t\xa1\x94\x92\xaf\xbe\xfcd\xf3\xfa\x9f\xff9\xeb\xdd\xae={\xe3H\xd0S\'\x04Os:_{\xf9\xb9\xb2\xd2b5"K\xb5\xfe\xb7l\xd3n\xf6\xfb\x0b2sr\xab=\x1e&lt;\xfbG\x96\xa6iU\x1e\xff\x88\xb1\xb7\r\xbea4\x10R\xb3\xbc\x8f\x94\x86\xa1\x07|^wee\xd1\x81}\xbfn^\xbfv\xf5\x8a\xf5kV\x19\x86\x0e\xe1\x9d\x18\x18#\x00\x8b?\xffh\xdb\xe6\xf5\xb3\xde\xff\xa2Q\xd3\xe6\x01\xbf\x1f\xf7\x04\x8e8&lt;\xa7D\x1e\xe7\xa6\xcb\x95\xf1\xcd\xa2\x85w\x8c\x1ad\x18:c\x8c\x9b\xa6\xda\xe3WJ9h\xc4\xcd\x93\x1e\x98\xda\xb4y3ou0\x10\x08\x9d\xd3\xadW\xb7\xde}\xc6L\xbc{\xce\xbf\xfe\xf9\xe1;sD\xed h\xce\x81i\xda\xc1\x03\xfb\xc6\r\xbd|\xe6{\x9fw\xedy^uU\x15\xb6\x05\x9d\n\xc64\xaf7\xb0\xe8\xb3\x8fjw\xfb"R\xcaTG\xda?f\xce\xcb\xc9\xab_\xe5\xf1hXb\xa3@\xdd\x018\x1ci\x87\xae\xe7L\x08\xa1\x941\xc6\x98F(\x85`\xc0\xdc\xb9}\xcb\x7f\xdf{\xf3\xed\xd93B\xc1\x80*\xcc\x00\xa0i\x96=;\x7f\x9b8\xf2\xdaw\x17,\xb3\xda\xecj\xdcD\x1c\x7f\x97\xba\x07\x9b\x80"L\x08\x91\x92\x92\xbak\xc7\xf6\xbf\xder\x83a\xe8\xb5\xe3\x0b\x89\x94"%\xd5\xf1\xec\xbf\xde|\xf6\xd599\xf5\xf2\xcb\xcb\xdc\xa6iPJ|&gt;\xaf\xbb\xc2\xdd\xacU\x9b\xa7f\xbc\xf6\xe6\'_\x9f\xd1\xbe#\xe7\\\x9d\xe8\xb9i2\xc6|\xde\xea;o\xben\xdf\xee\x9d))v\xec\x13&gt;iR\n\xab\xd5V\xb8w\xcf\xce\xdf\xb6\xaa\x81\'\x941)\xe5\xf0\x9bo\xe9\xd4\xb5\x93\xc7\xed\xc6\xb3\x7f\xf4\x08\xc1\r\xc30\x8d\xdf\xe9\xba\x1e\x08\xf8\xbd\xde*w\xa5\xa7\xa2\xcc\x1d\x08\xf8\x9b\xb7&gt;c\xca\x93\xcf\xbe\xf3\xf97\x8d\x9b\xb5\x10B\xa8e\xe0L\xd3\xd0,\x96\xdf~\xdd&lt;\xfd\x99\xc7\xd2\x9c\xa9x\xfcG\x1c\x16\x80\x88#Lc\x8f\xdd?\xc9SY\xc1\x98&amp;j\xc7z\xa6:\xd2\xfe\xf5\xce\xc7CF\x8d\xaa(w\x1b\xa1Px\x93&lt;J)cZ0\x10p\x97\xbb{\xf4\xee\xf7\xee\x82e\x03\x06\r\xe7\x9c\xab^/5Q\xbe\xbc\xacd\xea_o\xa3\x8c\xe1r\xb8\'M\n\xa9Y\xb4\x83\x07\xf6\x85\x82A\x95\xbc\x1a\xfay\xf9\xd5\xd7\x05\xfc&amp;\xdeZE\x19\xf9#Ji\xedM\x80F)\r\x06\x02\xa5%\x95\x9d\xbav\xff\xf7\xbc\xcf2\xb2\xb2\x01jf`\xa8\x95\xb2\xe6\xbf\xfd\xda\xce\xed\xbf\xd9\xed)\xb8\'Rda\x01\x88$\xc1\xb93=mi\xc1\x82\xef\xbf.\xa0\x8c\xa9y\xbfjz\xd7\xd4gg\xf4\xeb\x7fqiq\x85\xa6i\x7f\x1c_\xa8\xf6+\xaf\xf2\xb8)e/\xcc~\xf7\xca\xc1\xd7\x8b\xdfk\x80\xc9\x98\xb6\xfc\x9b\xc5\x8b?\xff$\xdd\x95\x86\xbda\'G\x02PJ\xdc\x15\xe5P\xb3\xcd,\x91Rf\xe5\xe46l\xdcL\xd7q\xaf\xcd\xf8\xa3\x94Z,\x96\xf2\xb2\x8a3;\x9e9\xfe\xce\xfb\xd5v\xf0P\xb3\x92.\xf1\xfb\xbc\xdf.^\x90\x92j\r\xef\x15\x8c"\x02\x0b@\xa4\x11\xf8h\xde\xeb\x84\x10\xb5\x17\xbc\x1a\xe2y\xe1e\x03\x07\xdfpci\x89\xdbb\xb1\xfe\xc9\xb72M3M3\xe0\xf7?\xf1\xc2\xbf\xdb\xb4k/\x84\xa8\xed\xf5\x92\x84\x90\x0f\xdfyMJ\\\x93\xf8\xe4\x11\x02\xba\x1e\xd24M\xd34\x8bE\xd34-+\xa7\x9e=%E\x08\x81\xa1\x9e&amp;,\x16KuU\xe8\xd2+\x07\xa58\x1c\x87\xb4\xf8\x13B\xc8\x9a\x95\xcb\x85\x04\xbc\t\x8e,,\x00\x11#\xa5\xb4X\xad\xa5E%\xbf\xfc\xf4\xa3Zj\x06j\xa7w\xdd0\xf6v~|[JQJu]Os\xa6\xddv\xf7\xc3 \xa5\x9a5\xa6f\t\xac[\xb3\xb2\xe8@\xa1\xd5j\xc3\xbb\xe0\x93C\x08\x84\x82!\xd34\xf5PH\xd7u\xd34\xab\xab&lt;\x941\x00\xac\xab\xa7\x0bB\x88i\x18\xb9\xf5\xf3\x9b4k\t\xb53\xc8\xd4\xe8\x89\x03{w\x87\x82\xb8\'R\x84a\xc7W\xc4H)-V[\xe1\xbe\xdd\xe5\xa5%\x00 \xa5P\x8d?\xd9\xb9y\xed:t\n\x06B\xc7y\xec2\xc6|\xbe@\xb7\xde}3\xb3s*\xcb\xcb\xc2CV\xdc\x95\x15\x07\xf6\xed\xae\x97\x9f\xaf\xeb:6Y\x9c(Ji0\xa8\xb7;\xbb\xd3\xadw=D(\x91\x12@\xca\xac\xdczXMO7j\x18Ezz\x06\x00\x1cZ\x98}\xdej=\x14\xa0\x94I!\xb0`G\n\x16\x80\x88\x91R2F+\xca\xcbT\xf3exG\x8b\xfa\r\x1a\xa6\xa5\xbbL\xe3x\x1b\x9a\t!\xdc4\xd332\x1b4jZY^F\x08\x95R\x8d#\x92\xee\xcar\xca(\x9e\xb3N\x02!$\x14\x0c\xb5\xeb\xd0\xa9\xeb\xb9\xddU|\x04\x80s\xa8\xae\xf2\xc6\xf9\x95\xa1?\x10R\x98\xfc\x08\x93\x1f\xf1\xc0\x8f8,\x00\x91D\x08\xd4n\xf9K\xc2\xff\xb5X\xac\x8c2\x13\x8c\x13\xfaQ\x942\xcdr\xe8\xa4\xa4\x9a\x81+x\xe5s\xd2\x08!z(\x14\xf0\xfbI\xedzL\x84\x10\x1c\xffsz\x91\x921\xe6\xf7\xf9*\xcaJ\xd5_\xc3\xcf\xa4:\x1c6\x9b]\xc7\x9d\x91"\n\x1b\xd4"\x86\x00H\tV\xbbZ\xbfP\x86\xff[U\xe5\x0e\x85\x82\'r\xd4JBi(\xe8\xf7T\x96\x87\x7f\x88Z\x12+%5M\x08\xec\x05;yjMJ\xca\xd4\x08D\x8ag\xff\xd3\x8d\x04i\xb1Z\x0f\x1e\xd8W\xb8o\x0f\x00\x08)\xa1\xb6\'\xa0~\x83F6\xbb\x15\xa7\x02D\x16\x16\x80\xc8!\x84s\x9e\x95\x95C(=\xb4\x07\xf8\xc0\x9e\xddE\x85\xfb-V\xab8\xbeu\r\x85\x90V\x8b\xb5p\xff\xde\x03{\xf7\x00\x10!j\xe6\xacZ,\x96\xdc\xbc\xfa\xa6i\x02\xc5\x12p\x92Tw\xba\xd5fOu\xa4Ymv)\x04\x9eP"K\x9cZ\xa4\xdc\xe4\xa9\xa9\x96\xa5\x05\x9f\x19\x86\xce\x98V{\x07@\x00\xa0\xdd\xd9\xe7P\x86\xcd@\x11\x86\x05 b\x08!\x86\xae7h\xdc4;\'\x17\x00\x08\xa1j\x89\xb7P(X\xf0\xe9\xfc\xb44+7\x8ekM7n\x9a\x0e\xa7e\xc1G\xef\xabe$\xc23b\x1a4n\xd6\xa0qSC\x0fQ\x82\xef\xda\xc9\x10B\xa4\xa6:\xec\xf6\x94\xfd{v\xad_\xb3r\xff\x9e]\xf6\xd4\xd4\x94T\x07\xd6\x80H\x91R\xa6\xa4\xa6\xa6\xa4\xa6r\xce\xd5J\xab\'\xf4\xed\x9c\x9b)\xa9\xa9\x85\xfb\x8b\xde\x9e\xf52!$|\xc1\xa4\xb6\x08\xee\xd1\xe7\x02#\x84;4D\x18\xa6\x191\xaa\x00\xe4\xd4\xabwv\xe7\xee\x84\x10J\t\x00\xa8\xae\xe0\xb9\xaf\xbe\xb0u\xd3VWf\xa6a\xe8\xe1\xfd\x00\xfeHJi\xe8zVN\xd6\xba\xd5k\xdf\x9a5\x9d\x10\xa2\xa6\xbd\xa8\x83\xbe\xe7\xf9\x17fd\xa6\x9b\xe6\x89\xf5% E\x08\x91\xeaH\xdd\xb4\xfe\xe7\xb1\xd7]z\xed\x05]\x86]\xd6\xeb\xda\x0b\xba\x8c\x1f:`\xeb\xc6\xb5\xa9X\x03"A\na\xb3[\x7fY\xf5\xe3\x96\xf5k\xb3r\\N\x97\x8bR\xcay\xcd\x8a\xff\x7fR\x0c\xd4\x98i\xd34RRR\x99\xc6\xa6L\x1e_RT\xa8\x96k\x05\x005\x1d\xf2\xcc\x8e\x9d;v\xee\xee\xf7\xfbp\x18hda\x9a\x91$\x01\x08!W\x0e\xbe&gt;|\xb8\xab\x11\x9c\x9e\xca\x8a;G\x0f-\xdc\xbf\'\xa7^\x16\x00\xe5\xa6Y\xf3\xc1\xe0\\p\xc5\xe4\xdc\xa4\x94\xe5\xd6\xcf\xda\xb6e\xf3\x9d\xa3\xaf\xf3VW\xfd\xbef\x99\x90\x94\xb2A#F\xeb\xbaI\xf0\xf2\xff\xc4I)\xad6\xdb\xc1\x03\xfb\xc7\x0f\x1b\xf0\xe3w_\x07\xfc&gt;\x00\x08\xf8}\xcb\xbfY&lt;\xee\xba\xcb\x0b\xf7\xef\xb1\xdapv\xc5\xa9\x12B\xa4:l\xdf.^0\xfc\xf2\xdew\x8f\xbb\xf1\x9bE_\xe8\xba\x9e\x91\x95\x91\x91\xe9JIIU3"k\x0eu\xd34M3\xbc\x1b\x0ce,\xd5\x91\x96\x9d\x93YRTx\xeb\xf5\xd7,-\xf8\x9cR\x16.\xc9\xeaS0\xfa\xb6\xbb\xed)6\xac\xd3\x11\x87\xa3\x80"\x891\xe6\xad\xf6\xf6\xbf\xf2\xea\xf6\x1d\xbbl\\\xb7F\xad\xeb\xa9V\x81\xde\xb6y\xc3\x88\xcb\xcf\xbb\xeb\xe1\'.\x1apufv\x06\x00\x08\x01\xaaG\x97P\xa0\x14\xa4\x84\xb2\xd2\xd2\x0fg\xbc&gt;\xfd\xa9i\xee\xcarZ\xdb\x91\xc0\x183Ms\xd0\x88\xd1\x9d{\xf4pWz\xb0\xdf\xf2$\x08\xce\x1d\x0e\xdb\x9b\xff\xfd\xa0\xb2\xbc\xccb\xb5\x9a\x86\xa1*\xabf\xb1V\x94\x97~6\xff\xdd;\x1fx\xb8"\x10\xc0\x05\xb7O\x91\x14\x90\xeap\x18\x86\xfe\xf1\xfbo}\xfc\xfe[\x8d\x9b\xb6\xe8\xd6\xbbo\xf7^\xe7\xb7\xeb\xd0\xa9~\xc3\xc6\xe9\xe9\x19\x9a\x85Q\n5\xd70\x12\x84\x00\xd3\x14Un\xf7\xd6\rk\x97,\xf8x\xfe\xdb\xaf\xbb+\xcb)e\xe1\xf5\x1e\xd4.\x92}.\xb8\xf4\xcaAC=n\\\r7\xf2\xf0\x88\x8f0!\xb8EK\xf9\xdb3\xd3G\x0e\xecg\x1a\x86:\x8f\xab\x1aPT\xb8\xff\xfe\xdbon\xd2\xbce\xf7\xde\xfd\xce8\xeb\xec\xfa\r\x1a\xa7:\x1c\x12\xc0\xef\xf3\x16\xee\xdf\xb3e\xfd/+\xbf\xff\xe6\xe0\x81}\x00\x10&gt;\xfb\xab\x0f@\xf3Vm\xef\x7f\xeci\x9f/\x80\xf7\xbf\'\x89\x10!a\xd7o\xbf\x12B\x04\xafi\x8e\x90R\nn\x12Bvl\xdb"\x04\xe0\xdc\xa2\x88Pm\x9e\x16\xab\xd5\xd0\x8d}{v\xee\xdb\xb3\xf3\xa3ys\x98\xa6\xe5\xe57l\xd0\xa8I\xfd\x06\x8d2\xb3rRR\x1d\x84\x90P(\xe8\xa9\xac(*\xdc\xb7w\xf7\xce\x03{w\xabo\xff\xe3\xd9\xbfQ\x93\xe6\x7f\x7fi\x96ar|\x7f\xa2\x01\x0b@\x84Q\xca\xbc^o\x97\x1e=\xff\xef\xa5\xd7\xee\xbdu\x94\x94\x92i\x1a7\xb9\xfa`\x10B\xf6\xee\xda\xb1w\xd7\x8e\xa3~;cjh\x8a\x1a\xa2n\x9af~\xa3&amp;3\xde\xfa\xc8\xe9\xca\xf4\xfb|x\x05t\xf2$\x98\xa6\xf1\xc7v\x1e)%7\rl\xfe\x89\x14\xb5\xcc\xa7\xda\xcb\x97R\xaa6\xc1\xe6\xa6Y\xb8o\x8f\x1a\xd9y4\x8ciBpu\xf6W\x9b\xc8\x9b\xa6\xd9\xace\xebW\xde\xfe\xb8^\xfd\x06&gt;\xaf\x17\x0f\xfeh\xc0+\xca\xc8c\x8c\xb9+=\xd7\x0e\x1f9\xe3\xcd\x8f\xb2s\xebq\xd3\x04\x90\x8ci\xaa5S\xad\xff\xcc\x18\xa3\x94\x12JI\xcd\xa2\xb8\x9a\xda\x1aC\nA\x08eL\x93R\x9a\xa6\xd9\xb5\xe7yo}\xf2u\x8b\xd6m\xf1\xec\x7fJ\xa4\xa4\x14r\xea\xd5W58\xfc0!\x94\x10\x92\x9b\x97\xcfp|a$\x10\x02z(\xc497\r\x832\xa6\xb6\xc1\xa8\xb9\xf4\xa9]\xfb\x99i5\x98\xa6\xa9\x0f\x02\xa1\x14\x08QC}\x18\xd3\x08\xa1\xaa\xb7\xe0\xb2\xab\x87\xbc\xfd\xd97\xcd[\xb5\xc5\xb3\x7f\xf4`\x01\x88\n\xc6\x98\xbb\xd2}\xc9\xc0k\xdf_\xf8\xc3\xb5#n\xb2Z\xad\x9c\x9b\xb5c!\x08\x10\xb5\xbe!\xa5\xea\x0cD\x00H\xcd\xc3RJ!8\xe7f\xbd\xfa\xf9\xf7N{\xe6\xf5\xf9\x05\xf9\x8d\x9ax\xab\xf1\x03pJ\x08\xa5\xba\xce\xfb\xf6\x1f\xa06\x1fW\x1b\xcfj\x9a\xc6\xb9)\xa5\xbc\xf0\xf2\xabt\x9d\xe3\xf8\xc2SD\x19\xf5z\x83W\x0c\x1a6\xf8\x86\xd1Y9\xb9\xaa\xc3W\x1d\xf3\xa4\xe68\'\x00\x04d\x8d\x9a\x8aK\x88\xba\x0eRc\x8187\xa5\x14\x9d\xba\x9e\xfb\xd2\xdc\xff\xbc\xf0\xfa\x07\xae\x8c,?\x9e\xfd\xa3\t\x9b\x80\xa2\x851\xcd\xe3\xf6\xd4o\xd0\xf8\x99W\xe6\xdet\xcb_\xbe\xf8\xef\xfb\xdf.Z\xb0\xf3\xb7\xad\xa6a\xc0\xd1\xc72\xa4\xa4\xa6\x9e\xd5\xb1\xeb%W^{\xf95C\x1b4jP\xe5\xf1\x1a\x86\x81\x1f\x80SD)\xf5y}\xddz\x9dw\xc7}S_~\xe6Q\xd3\xac\x99\x90A\x08\xb9\xf3\x81G{\xf4\xe9\xeb\xf3\xe2\xf8\xc2SE\x085t\xa3y\xab3\x9e\x9e\xf1\xfa\xfe\xbd{W|\xb7t\xf9\xb7\x8b7\xfe\xf2\xd3\xfe\xbd\xbbk\xd7G\xf93\x9a\xc5\xd2\xa4Y\xcb\xae=\xcf\xbbt\xe0\xe0\xee\xbd\xfb\xdaS\xecU\x9e*Bj\x86\x81\xa2(\xc1\x02\x10E\x8c1]\x0f\x06\x83\x816gv\xe8p\xce9\xb7\xdf\xf3\xb7\xbd\xbbv\xfc\xf6\xeb\xe6\xdd;\xb7\x97\x16\x1d\xf4\xb8+B\xc1\xa0\x94\xd2f\xb7gdf\xe75h\xd8\xa2\xf5\x19m\xda\xb5o\xdc\xac\x85\xddn\xf1y\x83\x95\x15n\xd5R\x14\xef\xdf\xa3.\xa0\x94\x06|\xfeI\xf7O;\xb7\xcf\x05\xdf,\xfe\xa2\xac\xa48\xa7^\xde\x85\x97]\xd5\xb5g\x1fou5\x86\x1c\x11\x84\x90P(\x10\x08\xf8\xb3s\xea\r\x19y\xd3\x90\x917y*=\x85\x07\xf6\xee\xdd\xb5\xe3\xc0\xde=%E\x07\xdc\x95\xe5&gt;o\xb5\x1e\xd2\xa5\x14\x9afIIMuef\xe7\xe6\xd5o\xdc\xace\xf3\x96m\x1a7k\xee\xcaH7M\xf0y\xabC\xa1\x10^\xf7\xc4\x00\x16\x80\xe8"\x842\x06\x01\xbf\xdf\xef\x13\x8ci\xad\xda\x9e\xd9\xae\xc3\xd9\x8c\x81\x94 D\xf8&amp;\x18(\x05B\x80s\x08\x85\xf4P0\x18\xf0\xfbT\xc7@\xbc_~\xddB\x88\xb7\xba\xaak\xaf\xf3z\xf6\xeb+8P\x06FHTWyjw\xddA\x11\xa0\x0ex\xc30B\x95!\x00\xd04\xadE\xeb3\xda\x9e\xd9\x811 \xa4\xe6\x98\x0f\xf7\xb6\xa8\x01\xd0jYVC7u=TY\xe1&amp;@ToA&lt;\x7f\x8d\xa4\x81\xa7\x98X\xa0\x94\xaa\xee\x96@\xc0\xef\xf7K\x90\x12\x08\x84\x07\x1eJ\xf5\x1f\t\xa0\xba\x05\x08\xc5S\x7f\x94PJ}^o\xcd\x82\xf2R\xaa\x1e\xf8x\xbf\xa8:(\xbc\xcc\xaa\x14"\x14\x08\x04\xfc\xfe\xf0\x11\x0e\x87\xec\xe9\xa5F\xe3\xd6|\x03!\x94\x10&lt;\xf2c\x0c\xe3\x8e)lj\x88;J)\xe0\xbb\x103\x84\x10B\xb0\xc6\x9e\xb6\xf0\x93\x80\x10BI\n\x0b\x00B\x08%),\x00\x08!\x94\xa4\xb0\x00 \x84P\x92\xc2\x02\x80\x10BI\n\x0b\x00B\x08%),\x00\x08!\x94\xa4\xb0\x00 \x84P\x92\xc2\x02\x80\x10BI\n\x0b\x00B\x08%\xa9:R\x00\x08\xee\x17\x17[\x87\x05\x8e\xf9\xc7\x18\xe6\x1f_u&amp;\xf0\xc4.\x00j\x13\t\x000\x0c\x1d7t\x8a%\xc3\xd0\x01\xf3\x8f\x1f\xcc?\xbeT\xfe\x00\xa0\xf2O\\\x89Z\x00\xd4\xf6\x8a\xe9\xe9\xe9\xad[\xb7\x02\x80\xad\x1b\xd7\x19&amp;.\xb5\x16\x0bBJ\x8b\x05\xb6n\\\x07\x00yyy-[a\xfe1\x85\xf9\xc7\x97\xca\xff\xd7\x8d\xeb\x01 =\xdd\xd5\xbaukH\xe4\x1b\x82\x04&gt;b\xa4\x94\x9a\xa6\xe5\xe4\xe4\x00\x80\xdb]\xa1\x07C\x89\xfb6$\x16!\xa1\xbc\xac\x04\x00\x9cNg^^\x1e`\xfe\xb1\x85\xf9\xc7W8\x7f\x87#533\x13\xb0\x00\xc4\x85\xba\xf9:\xfb\xec\x8e\x00\xb0w\xe7oe\xc5\x07\xadV\xab\xc4;\xe1(\xa3\x94\x86\x82\\]\x81\xb6o\xdf\xfe\xd2K.\x01\x80}\xbbv`\xfe\xb1\x81\xf9\xc7\x97\xca\x7f\xcb\xc6\xb5\x00\xd0\xbauk\x87\xc3\xa1v\xbd\x8f\xf7\xeb:I\t\\\x00T\xe8]\xbbv\x01\x80\xea*\xcf\x8e\xed[\xad6\xabL\xf0&amp;\xb9\xd3\x9c\x94\xd2j\xb5\x96\x97\x14\xed\xde\xb1\r\x00\xdaw\xe8\xd0\xa7O\x1f\xc0\xfcc\x05\xf3\x8f\xaf\xc3\xf2\xef\xd4\xa9\x13\xa54\xa1\xbb\x01\x12\xb8\x00\xa8\x16\xcf\x9e={fee\t!\x96\x7f\xb3X\xd3\x88\xc0+\xa0h\x92B\xd8SlkW\xaf\xa8(+\xa5\x94\x9e\xd7\xa7O\xf7\xee\xdd3220\xff\xd8\xc0\xfc\xe3\xeb\xb0\xfc/\xb9\xe4\x12H\xe4\xf6\x1fH\xe8\x02@\x08\x11B\xe4\xe7\xe7w\xec\xd8\x91\x10\xf2\xed\xe2/\xaa&lt;~M\xc3=\xce\xa2HH\xc9\x18Y\xb2\xe0\x13)eFFF\x97.]RSS;u\xea\x84\xf9\xc7\x06\xe6\x1f_\x87\xe5\xdf\xbbwoH\xf0m\xfe\x12\xf8\xa5Cm7\xc0\xb0a\xc3\xa5\x94\xbbwl_\xb5|\xa9#\xcd\xc19\x8f\xf7\xeb\xaa\x9b\xa4\x94v\xbb}\xdf\x9e\xfd\xdf/-\x00\x80K/\xbdL\xf5\x80\r\x1f\x8e\xf9\xc7\x02\xe6\x1f_\x7f\xcc\xdf\xe5rq\xce\xf1\x0e n\xd4\xc6\xd3C\x86\x0c\xce\xcb\xcb\x93R\xce\x9e\xfelBw\xc8\x9c\xe68\xe7\x0e\xa7\xfd\xdd\xd7_)/-a\x8cM\x980^\r\xc6\x1d2d\x08\xe6\x1f\x03\x98\x7f|\x1d1\xffx\xbf\xa8S\x95\xd8\x05\x80\x10b\x9afvv\xf6\xc8\x91#\xa5\x94?\xfd\xf0\xddwK\x16\xa5\xa7;\xf1"(\xe2\xa4\x946\xbb\xfd\xc0\x9e\x03\xef\xbf9\x8b\x10r\xce9\xe7\xf4\xeb\xd7O\x08\xc19\xc7\xfcc\x00\xf3\x8f\xaf\xa3\xe5\xaf\xaeA\x13Wb\x17\x00\x00\xa0\x94J)\'L\x98\x90\x91\x91\x01\x003_x\x92\xe3EP\x14p\xd3LO\xb7\xbf\xf1\xea\x8b\x95\xe5e\x00p\xef\xbd\xf7\x02\x80\x94\x12\xf3\x8f\r\xcc?\xbe\x8e\x96\x7f\xbc_\xd7\xa9\xaa\x0b\x05@\x08\xd1\xa6M\x9b\xc9\x93\'K)W\xafX6\xf7_/f\xe7\xa4\x1b\x86\x11\xef\x97Vwp\xd3te\xb8V,\xfb\xe1\xcdY/\x01\xc0\xf9\xe7\xf7\x1d:t\xa8\xba\xfc\xc1\xfcc\x00\xf3\x8f\xaf?\xc9?\xde/\xedT\x91:P\xc4\xd4\x8a(^\xaf\xb7s\xe7\xce;w\xedr8\x1co~\xbc\xb4C\xe7.Un\x0f\xc3A\x11\xa7L\n\xa1Y,\xa6\xa1\x0f\xbf\xbc\xcf\xf6\xad\x9b(e+W\xae\xe8\xdc\xb9\xb3\xba\xfc\x04\xcc?\xca0\xff\xf8:f\xfe\t-\xe1\x7f\x01\x00 \x84\x10B\\.\xd7\xbcy\xf34\xc6\xfc^\xef\x03w\xdc\\QVj\xb5\xdb\xb01\xf4\x14I)\xa5\x94v\xbb\xed\x91\xbfN\xdc\xb6e\xa3\x94\xf2\xb9\xe7\x9e\xed\xd2\xa5\x8b\x10"|\xf4c\xfe\xd1\x83\xf9\xc7\xd7\xf1\xe4\x9f\xd0\xea\xc2\xef\x00\x00\x94R\xd34{\xf4\xe8\xf1\xec\xb3\xcfJ\x80\xed[7\x8d\x1fv%\xa3\xd4f\xb7s\xd3\x8c\xf7\xabKTB\x08)E\xbd|\xd7\xb4\xfb&amp;}\xfe\xe1&lt;\x00\x182d\xc8\xe4\xc9\</t>
        </is>
      </c>
    </row>
    <row r="192">
      <c r="A192" s="1" t="n">
        <v>190</v>
      </c>
      <c r="B192" t="inlineStr">
        <is>
          <t>triangle</t>
        </is>
      </c>
      <c r="C192" t="inlineStr">
        <is>
          <t>What is the missing number of the part denoted with a question mark?</t>
        </is>
      </c>
      <c r="D192" t="inlineStr">
        <is>
          <t>['16', '29', '20', '63']</t>
        </is>
      </c>
      <c r="E192" t="inlineStr">
        <is>
          <t>20</t>
        </is>
      </c>
      <c r="F192" t="inlineStr">
        <is>
          <t>There are three groups of numbers with a triangle arrangement in the image. The first group is [9, 1, 9], the second group is [4, 5, '?'], and the third group is [7, 2, 14].</t>
        </is>
      </c>
      <c r="G192" t="inlineStr">
        <is>
          <t>We observe that the number 9 is the product of 1 and 9. Similarly, the number 14 is the product of 2 and 7. Hence, the pattern is that the rightmost number in each group is the product of the other two numbers.</t>
        </is>
      </c>
      <c r="H192" t="inlineStr">
        <is>
          <t>Based on the pattern that the rightmost number in each group is the product of the other two numbers, the missing number of the group [4, 5, '?'] should be 20.</t>
        </is>
      </c>
      <c r="I192" t="inlineStr">
        <is>
          <t>b'\x89PNG\r\n\x1a\n\x00\x00\x00\rIHDR\x00\x00\x02\x00\x00\x00\x02\x00\x08\x02\x00\x00\x00{\x1aC\xad\x00\x00\xaf\xbfIDATx\x9c\xec\x9dwx\x14U\xf7\xc7\xcf\x9d\x99\x9d-)\xbb\x9bF/\x01\x02\x04\x08%\x10z\x94N\xe0EAA\xa4\x88\xd2Q"\n*U\xa5\x89"\x08\xc2+`\x01\x01Q@D\x10\x14\x94\x84\xae41\xf4\x84\x1e\x02\x84\x9a\xbe\xbd\xce\xdc\xfb\xfb\xe3\xc2\xfe\xf2\n"\xd9\x84d\x93\xdc\xcf\xc3\xc3\x03\xb3\xb3\xb3w\xcb\x9c\xef\xb9\xe7\x9e{\x0e"\x84\x00\x83\xc1`0\xca\x1f\\I\x0f\x80\xc1`0\x18%\x03\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n\x13\x00\x06\x83\xc1(\xa70\x01`0\x18\x8cr\x8aP\xd2\x03`&lt;q\x08!\xf4o\xfa\x0f\x0f\xe8&gt;%4.\x06\x83Q\xc2\xa0\xbf\x19\x05F\xd9\x80\x10\x821&amp;\x84 \x84x\x9e\x7f\xcc39\x8ecz\xc0`\x94\x1f\x98\x00\x94)\x08!\xb2,s\x1c\xc7q\xff\x1f\xdc\x93e\xd9l6\xdf\xbd{\xf7\xce\x9d;\x00\x08\xe0\xde7^\xa7N\x9d\x80\x80\x00\x9dN\x97\xff\n\xb2,\x03\x00S\x02\x06\xa3&lt;\xc0\x04\xa0\x8c\x801\xc6\x18\x0b\xc2\xbd\x98^nn\xee\xa9S\xa7\x0e\x1c8\xf0\xe7\x9f\x7f\xde\xbcy\xf3nF\x86\xc9dr9\x9d\xf9\x9f\x12\x10\x18\xa8R*k\xd7\xae]\xb5j\xd5\xf6\xed\xdb\xb7m\xdb\xb6a\xc3\x86\x1a\x8d\x86&gt;*I\x12\xcf\xf3L\x06\x18\x8c2\x0c\x13\x80R\x0f\x8d\xe1\xd08\x8f\xd9l\xde\xbau\xeb\xe6\x9f~:r\xf8HffFA/\x15\x1e\x1e\xde\xb1c\xc7\x01\x03\x06t\xea\xd4\x89^\x90\xce\'\x98\x0c0\x18e\x12&amp;\x00\xa5\x98\xfc\xa6?%%e\xcd\x9a5\x1b\x7f\xfc1\xfd\xfau\xcf\t\x01\x81\x81\xb5""+T\xaeR\xa7^C??\xffz\x8d\x9a`Y\xa2\xab\xbf\x92\xdb}.\xf9\x84\xc3n\xbfx\xf6\xf4\xdd\xdb\xb7\xae\xa7]v\xe6\x9b\x1f4m\xdat\xf0\xe0\xc1C\x86\x0c\xa9P\xa1\x02\x00\xc8\xb2\xfc\xe8\x85\x04\x06\x83Q\x1aa\x02PZ\xc1\x18\xd3@\xff\xad[\xb7\xa6O\x9f\xfe\xfd\xf7\xdf\xdb\xedv\xfaP\xe5\xaa\xd5[\xc7vz\xbak\\\xfdF\xcd\xaaT\xab\xa9T\x89\x82\x00\x98\x80,\xfd\xcf\x15\x04\x05\x00\x01I\x02\xab\xc5\x9c~55\xf9\xe4\xf1}\x89\xdb\x8e\x1d9`4\xe4\xd1\x13*V\xac\x14\x1f?v\xd2\xa4I\xa2(b\x8cY\xca\x10\x83Q\xc6`\x02P*\x91$I\x10\x04\xb7\xdb\xfd\xe5\x97_~\xf4\xd1Gw\xef\xde\x05\x00Q\x14c\xda==p\xe8\xab\xcd[\xb7\x0f\xab\x18\x8618\x9d.\x97\xd3y/\xc9\x07 \xbf\xf9&amp;\x00\x9e\x83\x1c/(\x95J\xa5J\x90$\xb8y\xfd\xca\xc1\xbd;7|\xf3\xd5\xf9\x94\xd3\xf4\xcc\xa8\xa8\xa8y\xf3\xe6\xf5\xe8\xd1\x03\xd8T\x80\xc1([0\x01(}P\xeb\x7f\xf9\xf2\xe5a\xc3\x86\x1d:t\x88\x1e\xec\xf9\xdc\x8b\xa3\xdf\x9cT\xafAcA!\xd8\xac6\xb7\xdb\x05\xf0\xf8i\x9d\x04cB\x08F\x80D\x95J\xa3Q\x9a\xcd\xb6\xe3G\xfe\xf8\xec\xe3\x99\xa7\x8f\x1f\xa5g\x8c\x1c9\xf2\xd3O?\r\x08\x08\xa0\xaf\xfe\xc4\xde\x1c\x83\xc1(&gt;\x98\x00\x94&amp;\xe8f.\x8e\xe36n\xdc\x18\x1f\x1f\x9f\x9d\x9d\r\x00\x8d\xa3[\xbe9uV\xbb\x8e\xdd\t!6\xab\x85\x9e\xe0u\xac\x86\x10\x82\xb1\xccq|@`\x80\xd5b\xd9\xb6\xe9\xfb%\xf3ff\xde\xbd\r\x00\xd1\xd1\xd1_\x7f\xfdu\xb3f\xcd\x98\x060\x18e\x03&amp;\x00\xa5\x06\x8f\xf5\x9f5k\xd6\xcc\x993\xe9\xc1\xd7\xdez\xf7\xd5\xb7\xde\xd5\xf8\xa9\x8d\x06#\xdd\xc9UT/G\xa3=Z\x9d\xff\x8dk\xd7?|\xf7\xad\x9d\xdb~\x02\x80\xa0\xa0\xa0/\xbe\xf8\xa2\x7f\xff\xfeL\x03\x18\x8c2\x00\x13\x80\xd2\x81\'\xe1g\xf4\xe8\xd1+V\xac\x00\x80\xd0\n\x15\xe7,Z\xd1\xed\x99^\x86&lt;\xcb\x93\x0b\xcdK\x92[\xad\xf6\x13E\xc5\xd7K\x16,\xfa\xe8=\xb7\xcb\x05\x00\xcb\x97/\x1f5j\x14\xd3\x00\x06\xa3\xb4\xc3\x04\xa0\x14@\xf7\xf7\n\x82\xe0\xb1\xfe\r\x1aG\x7f\xb1nK\xe5\xaa\xd5\ry\x86\'\xbd]\x0bc\x0c\x00A\xc1\x81\x07\xf7\xed\x8f\x7f\xf9y\x93!\x0f\x98\x060\x18e\x02&amp;\x00\xa5\x00jg_}\xf5\xd5\xaf\xbe\xfa\n\x00\x1a4\x8e^\xb5i\x87V\x17d\xb1\x98\x05AQ&lt;cp\xbb\xdd!\xa1\xfa\xbf\x0e\x1d\x1a=\xa0\x97\xc9h\x00\x80o\xbe\xf9\xe6\x95W^a\x1a\xc0`\x94^\x98\x00\xf8:\xd4\xc2._\xbe|\xcc\x981p\xdf\xfa\x07huv\xab\x8d/^\xcb+\xb9\xdd\xfa\x10\xfd\xb1\xc3\xf74\xc0\xcf\xcfo\xff\xfe\xfd-Z\xb4\xf0\xecH`0\x18\xa5\x0b&amp;\x00&gt;\r\xb5\xadG\x8f\x1em\xdb\xb6-\xc68\xa2~\xc3\xef~\xd9\x1b\xa0\xd5\xd9m\xf6\x12\xc9\xc7\x97\xdc\xee\xa0\x10\xfd_\x87\x0e\x8dx\xa1\xbb\xcdj\r\x0f\xafu\xfc\xf81ZN\x8e\xed\x11c0J\x1d\xccq\xf3]\xa86\xe7\xe4\xe4\x0c\x1a4\x88\x10\xa2\xd1\xf8}\xbc\xec\x9b\xa0\x90\x10\x9b\xd5VR\xbb\xb1\x04\x85"\';\xaf\xcd\xd3\xed&amp;\xcd\xfc\x04\x00\xae^M\x1b=z4]\xa0.\x91\xf10\x18\x8c\xc2\xc0\x04\xc0w\xa1\xee\xff\xdbo\xbf\x9d\x96\x96F\x08\x998\xeb\x93\xe8\x96-\x0cy\xc6\x92\x8d\xb9+\x14\x8a\xec\x0c\xc3\x90\xd1\xaf=\xfb\xc2K\x00\xb0i\xd3\xa6\xef\xbe\xfb\x8e\xe7yZG\x9a\xc1`\x94"X\x08\xc8G\xa1\x99\x9d\x07\x0e\x1c\xe8\xd8\xb1\xa3,\xcb\xddz=\xff\xe5\xfa\xcd\xb9\xd9\x86b\x8e\xfb?\x14B\x08\xcf\xf3n\x97\xeb\xf9N\xcdo\xa6_\x0b\x0b\x0b;w\xee\x9cV\xabe\xc5\x82\x18\x8c\xd2\x05\x9b\x01\xf8"\xb4?\x97\xd3\xe9\x9c0a\x82,\xcb\xba\xa0\xe0i\x1f.\xb2Z\x1d\xc87\xd6Z\x11Bn\x97K\xab\xd7M\x99\xb3\x08c|\xf7\xee\xdd\xe9\xd3\xa7s\x1c\xc7\x02A\x0cF\xe9\xc2\'\x0c\n\xe3o\xd0\xe0\xcf\x86\r\x1b\x8e\x1f?\x0e\x00\x83G\xc4\xd7\xa8U\xddaw\x14&amp;\xd9\x86n&amp;\xf0@H\xa1\x8c5/\x08&amp;\x83\xa9s\x8f^m\x9e\xea\x0c\x00_}\xf5\xd5\x85\x0b\x17\x98\x060\x18\xa5\x0b\x16\x02\xf2E\xa8\xb1n\xd2\xa4\xc9\x85\x0b\x17\xc2#\xeam\xda\xf5\x17 \x00L\xc0\xab\x00\x0b\x96e@H\xa9R\x89\xa2H\x15\x04\x13p9]N\x87\x03\x08\xe1\xbc]O\xc6\x18k4\x9a\x8b\xe7R\x06\xf6lo\xb7YG\x8e\x1c\xb9b\xc5\nV.\x94\xc1(E\x94|@\x99\xf17&lt;\xd1\xff\x0b\x17.`\x8c{\xbf0D\xa7\xf7\xcf\xce2x\xb7\xf6+\xcbr@\xa0\x96\x10|=-5\xed\xf2\x85\x9c\xacLBHPHh\xed\xba\x915kG \xc4\x99MF\xefL6\xc7qV\xab\xb5Q\xd3\xa61mc\xff\xd8\x9d\xf0\xcb/\xbf\xcc\x9d;788\x98\xc6\xaf\xbc\xb8 \x83\xc1(f\x98\x00\xf8(_\x7f\xfd5\xc6884\xec\x99~\x83-f\x87w6\x9a\x10\xac\xd5k\x0f\xee\xdd\xbd\xfa\xf3O\x8f\x1f9`\xb5Z&lt;\x0fi\xfc\xfcZ\xb4yj\xd8k\x13\xdaw\xeaj6\x99\xc1\xabD~\x04\x80e&lt;hx\xfc\xc1\xbd\xbb233\xb7l\xd9\xc2\xeaC0\x18\xa5\x08\x16\x02\xf2-\xa8\xfb|\xe7\xce\x9d\xfa\xf5\xeb\x9bL\xa6\xde\xfd\x87,\xfa\xfa\xdb\x9clo\xdc\x7fB\x88\x9f\xbf\xdf\x7f\xe7\xce\xfc|\xc1\x07\x8f8\xed\xd5\xb7\xa6M\x98\xf6\x81\xd5j\xf5\xd6mG\x1cB\xcfu\x8a\xbe\x9az\xa9U\xabV\xb4?\x01\xdb\x18\xcc`\x94\n\xd8\x8d\xea[\xd0l\xfa\x9d;w\x9aL&amp;\x00\xe8\xdc\xe3YY\xf6&amp;\xa2"\xcbr\xa06\xe0\x8bO?\xfa|\xc1\x07\x9ejq\xb5\xebE\xf6\xe8\xfd\xc23\xfd\x06E5kAO\xe3\x05\xe1\xcbO?\xfat\xce{\x81\xda\x00\xef\x12\xf9%\xc9\x1d\xa0\xd5\xc4v\xeeA\x089u\xeaTjj*[\nf0J\x0bL\x00|\x0bj\xa9\x7f\xff\xfdw\x00\xa8X\xb9j\x8b6O\xd9m\x05N\xfe\xc1\x18\xfb\xf9\xf9\x9d:\x96\xb4\xe4\xe3\x99\x82\xa0 \x84\xf8\x07\x04~\xf2\xe5\xb7[\xf6\x1e\xfb\xef7\x1b?]\xb1\xee\x87\x84#_o\xfc\xadr\xd5\xea\xb2$)\x14\xe2W\x8b\xe7\xeeK\xdc\x11\x18\x18\x80\x0b\xae\x01\x1cBn7\xee\x1c\xf7,\xcf\xf3\x0e\x87\xe3\xf0\xe1#p\xbf\x80(\x83\xc1\xf0q\x98\x00\xf8\x16\x1c\xc7\xb9\xdd\xee\xa3G\x8f\x02@\xc3&amp;\xcdC+\x84\xb9\\\xae\x82\xce\x00\x08\xc1\nQ\xf8\xf6\xab\xcf\xee;\xf5h\xde\xe7\xdf\x0e\x18:\xc4\xed\x96L\x06\xa3\xd1`\xb4\xd9\xac\x9d{\xf4\xf8j\xc3v\xadNO\x8d\xf5\x92y3]n\xb7\x17\xfb\x0c\x10\xc79\xec\x8ez\r\x1b\x87U\xaa\x0c\x00\x7f\xfc\xf1\x07\xb0\xba@\x0cF)\x81\t\x80\x0f\x811F\x08\xa5\xa6\xa6^\xb9\x92\x06\x00-\xda\xc4\xf2&lt;@\x01\x17i\x08!\nQ\x99y7\xe3\xf0\xef\xbb\x10B\x92\xe4n\xdf\xa9[\xf7g\x9e\xbds+\x8f\xe3\x10\x7f\x9f\xcc\xbb9Q\xcd\xa2^}k\x9a,K\xbc \x9c9\xf1\xd7\xf1?\x0f\xf9\xf9\xfba\\\xb0I\x00B\xc8\xedv\xeb\x83\x83\xa3\x9a\xc6\x00\xc0\x9f\x7f\x1eq8\n\xb5_\x81\xc1`\x14\x1b\xecF\xf5!\xe8\x82\xfc\xb5k\xd7\x9cN\x07\x00\xd4\xae\x1b)I\x05\xf6\xa6\t!JQy=-5;3\x83\xe3x\x00\x88\xed\x1cG\x80p\x08\x01\xfc\xff\xa5\x14\xa2h2\xd8\xff\xf3\xfc@\xad&gt;\x88F~\xfe\xd8\xf5\x9bB\xc1\x11\\\xe0\xa4\x00B\x88B\x01\xb5"\xea\x03\xc0\x9d;wM&amp;\x13B,\xb9\x80\xc1(\x050\x01\xf0!\xa8\xd1&lt;u\xea4\x00\x04j\xb5\xd5j\xd6r{\x13\xff!\xbc\xc0ee\xde\x05\x00\xc4!\x00\xa8Z=\x1c\xcb\x7f\xaf\xd2\x83\x10r\xbb]a\x15+5l\x1cM_\xf7\xcc\xc9$\xa7C\xe6\xf8\x02\xff$8\x84$\t""\x1b\x01\x80\xc9d\xbcx\xf1"\xb0e\x00\x06\xa34\xc0\x04\xc0\xe7\xb0Z\xad\x00\xc0\xf3\x82\xbf\x7f\x00\xc6\xd8\x9b\xdd\xbf\x08\x9c\x0e;\x00\x00\x01\x00P*U\x0fu\xc7\t\x01A@U\xab\xd7\xa4\xff\xbd}#\xddl2\xf2\xbc\xe0\x85\xf3N\x08\x04ju\x00\x801\xb6\xdb\xed\x05\x1e0\x83\xc1(\t\x98\x00\xf8\x104t~\xfc\xf81\x00\xa8V\xb3\x96V\x1f,I\x927\x0b\xaa\x04Tj\r\xc0\xbd\x90\x8f\xd5j\xe6\xb8\x87K\x00B\xc8s\xdch\xc8\xb5Z\xcd4jT hm\xb8\xaa\xd5\xc3\x03\x02\xb5\x00\x90\x94t\x0c\xee\xcff\x18\x0c\x86/\xc3\x04\xc0\xe7p\xbb\xdd\x00\xe0\x1f\x10\xa8T\xa9\xbc\x08\xa4 \x84$\t\x87U\xa8\x84\x10"\x18\x03\xc0\xc5\xb3gx\xfe\xde\xbf=\x10B8\xc4\xdb\xac\xce\x13\x7f\x1d\xa6G$\xc9\xedt8\x10\x87\xeeM\x1c\n\xf2\x92\x18\xe3\x80\xc0@Q\x14=\xe3g0\x18\xbe\x0f\x13\x00\x9f\x83\xba\xfcX\x96\xbds\xa2\x11B.\xa7\xa3f\xed\xba\x15*U\xa1\x11\xa4_\x7f\xda`2Y\x95*\x95\xe4v\xd3R\xa0\x92$\x11B\xc2*\x06|\xb7b\xc9\x95\x8b\xe7h\x9d\tB\x80\x10\x82\xc0\xcb\x0cN\xcf\x80Y\x0e(\x83QZ`\x02\xe0sP\x03\xeau\x00\x85\xae\xee\x86\x84\x05w\xfd\xcfs\x84\x10Q!^M\xbd\xf8\xc1\xe47x\x81\x0f\x0e\xd5kuZ\xadN\x1b\x1c\xa2S\xab\xd5\xcb\x16,Z0{\n\xdc\x0f\xd7\xf0&lt;\xa7P\x88\x84`\xf0J\x03&lt;\x03f\x02\xc0`\x94\x16X\xd1.\x9fC\x92$\x00\x10\x04\x81\xe3\xbc\xb4\xa4\x1c\xe2l6\xc7\xf0\xd7\xdf\xfe\xf5\xa7\r\xb99Y\nQ\xb9y\xdd\xaa\xb3\xa7O\xc4\xf5\xee[\xb5F- \xe4\xc6\xb5\xb4\xfd;\x7f=}\xfc\xa8(*\xa3b\xda\x1c\xff\xf3 \x00(Uj\x95Z\x8d\x0b\x9e\x06\n\x00\x84\x10A\x10\x10\xe2&lt;\xe3g0\x18\xbe\x0f\x13\x00\x1f\x82z\xe2\xc1\xc1\xc1\x00\x90q\xe7\xb6\xc9h\x14\x04\x81\xee\x0e+\xd0u\x10\xc79\x1d\xce\xcaU\xab}\xfa\xf5\xfaq\xaf\xf43\x9b\x8c\x1c\xc7]H9u!\xe5\xd4\xdf\xce\x9c\xf1\xc9\x92\x9c\xecl*\x00\x81Z\xbdJ\xad\xc6X.\xa8\xec\x10B\x14\n\xc5\xdd;\xb7l6\x8bg\xfc\x0c\x06\xc3\xf7a! \x1f\x82\n@\xc3\x86\x8d\x00 ;\xf3\xae\xddj\xf1\xba\xb9\n\xcf\xf3f\x93\xb9\xedS]\xd6n\xfb\xbdc\xf7^\x0fv}\x89\x8cj\xbap\xf9\xfa\xe1\xf1\xa3.\x9e=C\x8f\x84V\xa8\xe8\xe7\x1f \xcbr\x81\x13O\t\xe1\x05!\';\xcbn\xb3\x01@\xe3\xc6Q\xc0\x02A\x0cFi\x80\xcd\x00|\x0e\xbd^\x07\x00.\xa73;+#8\xac\x82\xdb\xe5\xf2\xae\x11\x18\xcf\xf3&amp;\x931"\xb2\xe1\x17\xeb~\xbe\x90r\xe6\xec\xe9\xe3wn\xa6\xcb\xb2\xac\x0f\x0e\xa9\xdb \xaaqtK\xff\x80\x80\xcc\x0c{\xfa\xd5Tz~x\x9d\xba\xa2\xc8[-\xb8\xa0n\x01\x01\xe08\xc8\xb8u\x03\x00DQ\xf4\xf7\xf7\x07&amp;\x00\x0cFi\x80\t\x80\x0fA\x8df\x93&amp;M\x00\xc0f\xb3\xde\xba\x91\xde\xa8i\xb4\x9d\x10\xafM)\xcf\xf3\xd4+\xaf\xdb\xa0Q\xa3\xa6Mi\x8a?\xc1 I\xc4j\xb1\xd8m\xb6\xac\x8c;W.]\xa0\x95\x1b\x1a5\x8b\xf1\xeeU\x08!&lt;\x0f\xd7\xae\\\x02\x80\x80\x80\xc0\x88\x88\x08`\x02\xc0`\x94\x06X\x08\xc8\x87\xa0F3&lt;&lt;&lt;  \x10\x00\xce\x9d&gt;\xce\xf3\x80\x0b\xb7\xa3\x8a\xe38\x8e\xe3\xec6\x9b!\xcf\x98\x9be\xc8\xc92\xe4\xe5\x1a,f\xb3,K~\xfe\x9a\xa4#\x07lV\x0b\x00\x88\xa2\xb2y\xcb\xf6\x0e\x87\x9b.\xe4\x16\xf4%\x1c\x0e\xf9\\\xf2)\x00\xa8U+\xdc\xcf\xcf\x8fu\x85d0J\x05L\x00|\x08\x8e\xe3\x08!\xd5\xaaU\x8b\x8c\x8c\x04\x80\x13\x7f\x1dr\xb9H\x91T\xd6\xe48\x8e\xe7y^\x10\x04A\xe0y\x81\xe38\x0eq\x92$o\xfcv9\xb5\xd4\xcdZ\xb6\xa9S\xaf\xbe\xc3n/\xe8\xcb\x11BDQ\xcc\xce\xb8K\xd7\x12\xda\xb7o\xafP(\xbc\xeb-\xc3`0\x8a\x19&amp;\x00\xbe\x85,\xcb\x1c\xc7\xb5i\xd3\x06\x00\xce\'\x9f\xbay\xfd\xaaR\xa9*\xda\xb2\n\x18c\xb7\xcb\x15ZQ\xbbv\xc5\xe7\'\xff:B\x8b\xff\xbc\xf8\xca\x18^\xe0\xbdx!\x8c\xb1J\xad&lt;u\xec\xcf\xbc\xdcl\x00\x88\x8d}\nX\xfc\x87\xc1(%0\x01\xf0-\xa8\xe9\xec\xd2\xa53\x00\x18\ry\x87\xf6\xefRkD/\x1auy\xaeF\x08\x91eI\x96$Y\x96dY&amp;\x84\xa8\xd4\xea\xb0JA?~\xb7~\xde\xf4w\x14\nQ\x92\xdc-Z\xc7\xc6=\xfb\xbc\xd9d\xf6.\xe9\x08qh\xf7\xaf[\t!Z\xad\xb6U\xab\x96P\xa2=\x81\xc9\x03\x94\xd4H\x18\x0c\xdf\x87\t\x80oAM\xe7\xd3O?]\xa5JU\x84\xd0\xde\x84\x9f\t\x01\xef\xb2\x80\x10 \xb7\xdb%*\x95\xfa ]P\x88N\x1f\xa4\xd3\xea\xb4\xa2(\xa6]:?\xed\x8d\xf8\xb7G\x0f\xc6\x04\xbb\xdd\xae@\xadn\xf6\xa2/\xc1\xab\xf2m4\xfe\x93\x93\x99s\xe4\xe0^\x84\xd0SO=U\xb9re/6.\x14\x06\x8c1-n!\xcb2}\xe9\xbf\xe19A\x92$\x8c1\x93\x04\x06\xc3\x03\xcb\x02\xf2-\x10B\x92$\x05\x04\x04\x0c\x18\xf0\xe2\xc2\x85\x0b\xff:\xf4\xc7\x99\xe3\xc7\xeb7jl/`t^\x96%]\x90\xf6\xabO\x97%n\xdb\\\xbfQ\x13\x8d\x9f?\x96\xe5\xbc\xdc\xec\xab\xa9\x17/\xa4\x9c\x91$7\xcf\x0b\xb2$\x05\xea\xf4K\xd7l\xaeS/\xd2d4y\xe1\xfecY\xd6h\x03\xb6lX\x93y\xe76\x00\x8c\x1e=\x1a\x8a\xab\x0e(\x9d\xcd\xf0&lt;\xff\xb7\x8f\xc5n\xb7;\x1c\x8e{\xe54\x08\xe18N\xab\xd5&gt;\xf8\\\x00\xe08\x8e\x85\xaa\x18\xe5\x1c&amp;\x00&gt;\x07\xb5h\xc3\x86\r\xfb\xec\xb3%v\x9bu\xeb\x0f\xdf\xcen\xfd_\xab\xc5Z\xb0\xb8\n\x01\x9eGFC\xde\x99\x13\x7f\x9d9\xf1\xd7\x83\x8f\xcb\xb2\xd4\xaa}\x87\xf7\xe6\xfe\xb7^\xc3\xc6&amp;\xa3\x81\xe7\xbd\xf9% \x8e\x93$\xbci\xedJ\x84P\xed\xda\xb5;w\xeeLm\xae\x17\x97zL\x08!\x18c\xba\xa6M\x8f\xdc\xb8q\xe3\xd8\xb1c\xc9\xc9\xc9g\xce\x9c1\x1a\x8dW\xae\\1\x9b-\x08\x01\x01\x00\x02\xbc\xc07\x88\x8cT\xa9T-Z\xb4\xa8U\xabv\xabV-#""\x04\xe1\xde\x9b\x95e\x19!\xc4\x1aX2\xca-L\x00|\x0e\x8e\xe30\xc6\r\x1b6\x8c\x8dm\xbfo\xdf\xbe_\xb7\xfc0\xf4\xb5\t\xa1\x15*\xba\xdd\xee\x02y\xac\x18\x83J\xa5z\xf0xphX\xd3\x16\xad{\xf7\x1f\xd2\xb9\xc7\xb3\x88\xe3LF\xa3w\xd6_\x96\xe5@m\xe0\xee_\x7f9w\xe6$!d\xc8\x90!j\xb5Z\x92$\x8fy-Z\xa8\xe9\xa7\r\x8d\x01\xe0\xf0\xe1\xc3[\xb6l9x\xf0\xe0\xb9s\xe7L&amp;\xd3#\x9e\x98q\xf7.\x00\xec\xd8\xb1\x03\x00\x94JeDD\xdd\x98\x98\x16\xbd{\xf7\x8e\x8b\x8bS*\x95\xc0d\x80Q\x8ea\xbd[}\x11Y\x96y\x9e\xdf\xbf\x7f\x7f\xc7\x8e\x1d\x01\xe0\xd9\x17\x06\xffw\xd5\xda\xec,C\x01l+!\x1c\xcf\x9b\x0cyW._\xc8\xcd\xce\xb2\x98M\x80P```h\x85\xca\xd5j\x86W\xa8T\x95\xe3\xc0l2\x17\xd2a\xe78\xaeO\x87fWS/\x85\x84\x84\xa4\xa4\xa4\x84\x86\x86\xd2\xb0\xbb\xd7\x17\xfc\'\xe8\x07\x02\x00\x19\x19\x19\xbf\xfc\xf2\xcb\x9ao\xbf=t\xf0`\xfe\x13t\xfa\xa0\xb0\x8a\x95C+T\x0c\t\xabT\xbdf\xb8\xdb-\x01\x00/\x08\x86\xbc\x9c\xab\x97/Z\xcc\xa6\x9b\xe9Ws\xb3\xb3\xf2?\xa5A\xc3\x86\xfd_x\xe1\xc5\x17_\xac_\xbf&gt;\x00H\x92\xc4\xf3&lt;\x0b\n1\xca\x15L\x00|\x14j\xf2\xfa\xf7\xef\xff\xe3\x8f?\x8aJ\xe5\x9a-{\xa3[\xb62\x9b\x0bR\x1d\x88\x00/\xf0J\x95\x9a\xe3\xee\xad"\x13\x02\xb2L\\.\xa7\xdb\xe5$\x04\xbc.4\x04\x00\x92\xdb\x1d\x1c\xa6\xffj\xd1\xc2y\xd3\xdfA\x08-X\xb0\xe0\xad\xb7\xde\xa2K\xac\x85\xb9\xec\x83\xd0L\x1e\x8e\xe3\x8cF\xe3\xa2E\x8b\x96/_~\xe7\xce\x1d\xfa\x90\xa8T6j\xda\xbcul\xa7\xa6-\xda\xd4\x8dl\x14\xa8\xd5\xf9\x07\x06"\x04\x82\x02\x08\xb9W\xd2\x1ac\x90%p8\x1cFC\xee\x8dkigN\x1cM:\xfc\xc7\xb1#\x07\x8c\x86&lt;z\x11\x8dF3`\xc0\x80\xc9\x93\'\xd7\xad[\x17\x00h|\xa9\x08\xc7\xcf`\xf82L\x00|\x14\x9a\xd0r\xf5\xea\xd5f\xcd\x9a\x99L\xa6\xc8FM\x7f\xdcu\xd8\xed\x96\x0b\xb4\xc9\x96\x10B\xc8\xffl%\xf6\xe4\xc6\x14jl\xb2\xac\xf6\xf3\xbb\x96z\xf9\x85n-\xed6\x1b\xc6\xb8~\xfd\xfa\x13\'N|\xf9\xe5\x97i\xf9R(\xa2LP\x8f\xe3\xbfa\xc3\x86Y\xb3f]\xb8p\x81\x1e\xaf\xd7 \xea\xd9\xfe\x83\xdbu\xe8\x1e\x11\xd9@\xad\x11%78\x1dN\x9a\xedJ\xfew\x15\x1a!@\x08q\x88\xe3\x15\nQ\x14E\x91\x93\xdc\x90~-\xf5\xe8\xc1\xdf\x7f\xdb\xfa\xc3\xa1}\xbb\xe8i\xfa\xa0\xa0\xb7&amp;L\x984i\x92(\x8a\x9e\x17e0\xca&lt;L\x00|\x17j\x89\xe6\xce\x9d;m\xda4\x00\x184|\xec\x87\xff]\x96\x9d\x99\'(\x14%8*B\x08\x02\x10\x14\xc2\xc0\xff&lt;\x95r\xf2\x18\xcd\xa5\xa1y5m\xda\xb4\x995kV\xd7\xae]\xa1("*t9\xe1\xf6\xed\xdb#G\x8e\xa4\x11|\x00h\xf3T\xa7\xc1#_o\x1d\xdb)8Dk\xb7I\x0e\x87]\x96e\x0e!D\x9b\'\xfc\xf3\xcb\xdd\xdb\x14\x801BH\xa9R\xa9\xfd\x94N\xbbt2\xe9\xd0\xa6u\xab\xb7nXCo\x82F\x8d\x1a}\xf9\xe5\x97\xed\xda\xb5\xf3\xa4\x93z=x\x06\xa3T\xc0\x04\xc0\xa7\xa1\xeb\x93qqq\xbbv\xed\x02\x80\x05_\xae}a\xc8\xe0\x8c;\xb9\nQ,\xa9!I\x92\xbbBE\xfd\x94\xd7\xe3\xd7\xaf\xfa\x1c\x00&gt;\xf8\xe0\x83\x9e={N\x992\x85\x8e\x10\x00\x06\r\x1a4u\xea\xd4F\x8d\x1a\xc1}#^\xd0\x97\xf0\x84}\x12\x13\x13\x87\x8f\x18q\xfb\xd6-\x00\x08\xafSw\xc4\xeb\xef&lt;7\xf0\x15\xa5R4\x9b\xac\x92\xe4\xa6e\x8e\xbcx\x0b\x84\x10,\xcb\x88\xe3\xfc\xfd\x03\x04\x05\xda\xbf+q\xc5\x7f\xe7\xfdy`\x1f\x00\x88J\xe5\xbc\x8f?\x1e?~&lt;\xb0p\x10\xa3\x1c\xc0\x04\xc0\xa7\xa16(##\xa3q\xe3&amp;\x99\x99\x19Z\x9d\xfe\xab\xef\xb7\xb5h\xdb./\xbbd\xe6\x01\x92$\x85\x86\xe9V.[:g\xca8B\xa0K\x97.;w\xee\xa4\x9e\xf2\x86\r\x1b\xe6\xce\x9d{\xe6\xcc\x19\x00\xd0h4o\xbf\xfd\xf6\xdbo\xbf\xad\xd5j\x0b\xba0\xe0\xb1\xfe\x8b\x17/\x9e0a\x02=8h\xf8\xd8\xf1\xd3f\x85\x84\x85\xe4\xe5\x9a\x08\xc1&lt;\xcf{\xd7\xb7\xf2o`,\x13L\x02u:Y\x96\xbe[\xbe\xf4\xb3\x8fgX\xcc&amp;\x00\x18&gt;|\xf8\xe2\xc5\x8b\x03\x02\x02\x98\x060\xca6L\x00|\x1d\x1a\x08:r\xe4H\xfb\xf6\xed1\xc6\x81Z\xdd\xf2\r\xdb[\xb4m\x97\x9b\x9d\xa7(N\r D\x92\xa4\xd0\n\xfaU\xcb\x96\xcd\x9e\xfc:\x00\x84\x87\x87\'%%\x05\x05\x05\xd1\x80\t\xc7q.\x97k\xfe\xfc\xf9\x9f\x7f\xfe9]\xa7\x8d\x8c\x8c\x9c8q\xe2\xb0a\xc3\xe0\xb1S-=\xb9\x9e\xa3G\x8f^\xb1b\x05\x00h\xf5A\xd3\xe7}\xf6\xfc\xc0\xc1&amp;\xa3\xcd\xe5r=\x89\x1cS:\xb6\xe0\x90\xc0\xe3G\x93\xde}s\xd4\x85\x94\xd3\x00\xd0\xb2e\xcb\x84\x84\x04\xbd^\xcf4\x80Q\x86a\x02P\n\xa0\x1a\xb0b\xc5\n\xba\xd5\x96j@\xab\xd8vY\x19\xc5\xa4\x01\x18c $\xb4\x82\xf6\xeb%\xf7\xac\x7fPPPbbb\x8b\x16-&lt;\xf6\xd1\xb3vz\xfb\xf6\xed\xf7\xdf\x7f\xff\x9bo\xbe\xa1\xab\xc1]\xbbv\x9d&lt;yr\xe7\xce\x9d\xe1\xdf\x16\x06&lt;\xbe\xbf\xc7\xfa7h\x1c\xfd\xe9\xf2\xb5\x11\x91\x91\xb99\x86\'\x9d\xa3)\xb9\xdd\x01Z\xad\xd5b\x9a=\xe9\x8d\x9f7~\x07\x00111\x89\x89\x89L\x03\x18e\x18&amp;\x00\xa5\x03\x1aL\xf7h\x80V\xa7\x9f\xff\xc5\xb7\xddz\xf5\xca\xcb5\x13\x829\xee\tf\xadH\x92\xa4R\xa9\x94*\xe5\x8a\xff~\xf2\xc9\xac\xc9\x00\x10\x14\x14\x94\x90\x90\x10\x13\x13\xf3\xb7\x84\x19B\x88,\xcb\xd4I\xdf\xb3g\xcf\xbcy\xf3\xe8\xc2\x00\xc7qC\x87\x0e\xf5\xa4Z\xfeS\x9a\r=\x9e\xdf\xfa\xaf\xda\xb4C\x1f\x1cb2\x18\x8b\'\xde%\xcb\x92(*\xd5\x1a\xf5\xa4\xb1\xc3\xb6|\xff\r\xdc\xd7\x00\x9dN\x07\xac\xc4)\xa3,\xc2\x04\xa0\xd4\xf07\r\x00\x80\xd7\xdez\xf7\x8d)\xb3\x08\x10\xab\xd9\xcc\x0bB\x91[(\x8c1\xc6\xb2&gt;H\x9fy\xf7\xee\xccw\xe2wn\xff\t\x00\x82\x83\x83w\xec\xd8\x11\x13\x13\xf3O\x0b\xbc\x9e0\x0e\x00\xac^\xbd\xfa\x93O&gt;9\x7f\xfe&lt;}\xe2\xb8q\xe3\xc6\x8f\x1fO\x17\x06\xe0\x7fSE\xe9\xd5&lt;q\x7fj\xfd\x03\xb4:\x9b\xd5\xf6\x84\xb6\x16?\x14\x8c1\xc7!?\x7f\xff\xc9\xf1\xc3\xa9\x06\xf4\xeb\xd7\xef\xc7\x1f\x7f|r;\x9c\x19\x8c\x12\x84\t@i\x82\x9a\xa1\xc4\xc4\xc4\x97^z);;\x1b\x00\xda&gt;\xdd\xe5\xdd\x8f\x167l\xd2\xd0h\xb0\xb9\\\xae\xa2\x8a\x93\x10\x8ce\x8c5\x1a?\xb5F\xb1\xfb\xb7\xed\x1fN\x9bp=-\x15\x00Z\xb6l\xb9v\xed\xda\x88\x88\x88\x7fM\x96\xf7\x04\xfd\x8dF\xe3\xe2\xc5\x8b\x97,Y\x92\x93\x93\x03\x00\x91\x91\x91\xd3\xa7O\x1f0`\x00\xdco~@\xb3Hy\x9e\xdf\xb5kW\xb7n\xdd\x00\xa0AT\xb3U\x9b\x13\x02\xb4:\xbb\xcd^\xfc)\xf9\x04c\xc4!\x7f\xff\x80Ic\x87n\xd9\xb0\x06\x00f\xce\x9c9c\xc6\x0c\xa6\x01\x8c\xb2\x07\x13\x80R\x06\xb5\x95\x97/_\x1e6l\xd8\xa1C\x87\x00@\xab\xd3\xbf4\xea\xf5\x97F\x8e\xabX9\xd4lr8\x9d\x8eB\xe5Gb\x0c\x00j\x8d\xc6\xcfOq\xf6t\xf2\xd7K\x16\xfe\xbc\xf1;zp\xe4\xc8\x91\x0b\x17.\x0c\x0c\x0c|\xfc\xadR\x9e3/]\xba4\x7f\xfe\xfc\xd5\xabW\xd3Ku\xeb\xd6m\xf6\xec\xd9\xadZ\xb5\x02\x00\xb7\xdb\xcd\xf3|fff\xd3\xa6\xcd22\xee\x06\xea\xf4\x1b\x13\x0e\x87\xd7\xa9k2\x99J\xca\xe0\xd2\x19\x8cB\xa1\x18\xd0\xa3]\xf2\xc9c\x08\xa1\xc4\xc4\xc4\xae]\xbb\xb2=b\x8c2\x06\x13\x80\xd2\x075Cn\xb7{\xd2\xa4I_|\xf1\x85\xd3\xe9\x04\x80\xf0:\xf5\x86\x8d\x1d\xfft\xd7\x9e\xd5jVw9\x89\xddf\x95%\t\xee\'\xde&lt;bZp\xbfo\n\x06\x00\x85B\xa9\xf1S#\x04\xe7SR\x12\x7f\xfe\xf1\xbb\x15Kh\xc9\x84\n\x15*\xcc\x993g\xe4\xc8\x91P\xf0\xec\xf8\xbf-\x0c\xbc\xff\xfe\xfbG\x8e\x1c\x01\x00\x95J5h\xd0\xa0\xd9\xb3gW\xa9R\x05\x00\xe2\xe2\xe2\x12\x13\x13\x11B\x9f|\xf1\xdds\x83\x06\xe7d\x15o\x8e\xd3\x03\xc8\xb2\xac\xd1h\xae\xa7\xa5\x0e\xe8\xd1\xceh\xc8\xabP\xa1\xe2\xf9\xf3\xe7\xb4Z-\xdb \xc6(K0\x01(\x95x\xac\xf0\xd1\xa3G\xdf{\xef\xbd\xdd\xbbw\xd3\xe3a\x15+\xf5\xea;\xa8c\xf7^\x8d\x9a\xb6\xd0\xea\xfce\x19\x9cN\x17m\x86\x02\xff[\x14\x02\x01 \x0e!@\x82B!(\x14\xa2R@\x00\x19w3O\xfcy`\xd7\xaf[wn\xfb\xc9n\xb7\x01\x00Bh\xd8\xb0a\x1f|\xf0\x81\xa7\xd3\x8bw\xe6\x0fc\x8c1\x16\x04A\x92\xa4\xef\xbe\xfbn\xc6\x8c\x197n\xdc\x00\x80\x8a\x15+N\x9e&lt;944\xf4\xa5\x97^\x02\x80\xfe/\x8f\x9a\xf7\xf9\xf2\xec\xcc\x82\x94\xbd{bHn)8T\xf7\xe3w\xdfN\x8e\x7f\x05\x00^\x7f\xfd\xf5%K\x96\xb0I\x00\xa3,\xc1\x04\xa0\xb4\x92\x7f\xadu\xd5\xaaU\x8b\x17/NNN\xf6&lt;Z7\xb2Q\x9b\xa7:5m\xd9\xb6aT\xb4V\x1f\xa4\x0b\nF\x08\xf2\xbb\xd4\x84\x80\xdb\r\xb2,\xe5\xe5deg\xdeM9u\xec\xc4\xd1#\x7f\x1e\xd8{\xeb\xc6u\xcf9\xdd\xbau\x9b4i\x12\xcd\xe0,\x12\xc3\xe7\xb9Hff\xe6\xd2\xa5K\x17.\\h\xb3\xdd\x93\x19\x84P\x95\xea57\xefIR*Ut\xfd\xa0\x90\xafU$\xc8\xb2\xac\xd3k\xc7\xbe\xd4w\xe7\xf6\x9f\x14\n\xc5\x91#G\x9a7o\xce\xb2B\x19e\x06&amp;\x00\xa5\x1b\x8fW\xeer\xb9\x12\x12\x12V\xad^\xbdk\xe7NjU)\xfe\x01\x81\xfa\xa0\xe0j5ki\xfc\xfc\xeb5l,\xcb2\x10\x00\x04\x92[\xba\x90r\xca\xe9t\\\xbfr\xc9`\xc8s9\x9d\x9e\xa7T\xaa\\\xb9W\xaf^C_y\xa5m\xdb\xb6\x90o\xa9\xb6H\x06\x9c?"\x94\x92\x922o\xde\xbc-[\xb68].\xc9\xed\xfe\xe0\xd3\xe5\x83G\x8e\xca\xc9.\n\xf7\x9f\x10\xef\xfah\xfe\r\x8c\xb1F\xa3\xbe|\xe1\\\xbf.\xad\\.\xe7\xd3Ow\xd8\xbf\x7f\x1f\x13\x00F\x99\x81\t@Y \xbf{~\xf1\xe2\xc5m\xdb\xb7\xefLL&lt;}\xfatff\xe6\xe3_$&lt;&lt;&lt;::\xbaW\xaf^={\xf6\x0c\x0b\x0b\x83\xff\x9dd\x14-\x84\x10I\x92\x14\n\x85\xc5b\xa9]\xbbvVvvL\xeb\xd8o\xb6\xec\xb4\xdb\x1d^\xdbV\xcf\n6]\x03\xa7\xff%\x04#\xe4\xe5\x928E\x92\xa4\xa0`\xdd\xc7\xefM^\xb1d&gt;Bh\xef\xde\xbd\x1d:t`\x81 F\xd9\x80\t@\x19\x81\xda\xbb\xfc\xe5\x16rssO\x9e&lt;\xf9\xe7\xd1\xa3WR\xaf\xdc\xb8q##\xe3\xee\x9d;w\x11\x02\xb3\xd9"I\x92 \xf0M\x9b6\xf5\x0f\x08\x88j\xd4\xa8F\x8d\x1am\xdb\xb6m\xd8\xb0\xa1F\xa3\xa1\xcf-\x86&amp;Y\x92$q\x1c\xf7\xf5\xd7_\x8f\x193\x06\x00\x96|\xb3\xa9G\x9f\xbe\x86\\\x03\xef\x95\xfb\x8fe\x99\x17\x04?\x7f?\x84\xc0\xe1p9\x1d\x0e\x8e\xe3\xd4\x1a?\x85\x029\x1d\x92\xcdf\xf5z\x12C\x1b\xdfg\xde\xbd\xf3Ll\x94\xd5b\x194h\xd0\xbau\xeb\x98\x000\xca\x06L\x00\xca\x1at\xb9\xf5\xc1LP\x8c\xb1\xc1`\xe08\xee\xb9\xe7\x9e\xdb\xbf\x7f\x7f\x87\x0e\x1d\xf6\xed\xdb\xf7\xb7\xe7z:\xad\x17C\x08\x9ez\xebm\xdb\xb6\xfd\xeb\xaf\xbfj\xd7\x8d\xfc!\xe1\x10G;\xb9\x14\x1cY\x96\x03\x02\x03\xad\x16\xf3\xbe\xc4_\x0f\xeeKL\xbbt\xc1b6\xf1\x82\x10\x1aV\xb1Y\xcb6]\xfe\xf3|\xa3&amp;M,f+\x8deyw}\xad.\xf0\x9d1\xaf\xfc\xbc\xf1\xbb\xc0\xc0\xc0\x0b\x17.T\xaaT\xa9@\x8d\x19\x18\x0c\xdf\x84\x852\xcb\x1a\x1c\xc7\t\x82@c \xb2,K\x92$\xcb2\x95\x84\xa0\xa0 \x9dNG\xd3+\x15\n\x05\x8d\xc3P&lt;\xa6_x\x02;\x8a\x1f\x84\xda\xe2\xa4\xa4\xa4c\xc7\x8e\x11B\x9e}\xe1\xa5\xa0P\x9d\xe4v{w)\xadN{\xe4\x8f=\x03{\xc6\xbe=z\xd0\x96\xef\xd7\x9c&gt;~\xf4\xca\xa5\xf3\x97\xce%\x1f\xda\xbfk\xe9\xfc\xd9\xfd\xbb\xb5\x9e=\xe9\rB\xb0(\x8aTu\n\n\x02\xc0\x98\xbc\xf0\xd2\x08\x8e\xe3M&amp;\xd3\xfa\xf5\xeb\xe9\xebzq)\x06\xc3\xa7`\x02PfA\x08Q\x83\xce\xf3\xbcG\x0fh\xce?\xd0\xbe.\x08Q\xb5\xa0\xe7\x14\xa7?K\xc7\xb0i\xd3&amp;Y\x96E\xa52\xb6s\x9c\xdd&amp;\xf1\x05w\xcf\xa9\xf5\xffm\xcb\x8f#\xfa\xc5]&lt;{F\x10\xee\xe59\xf1\xfc\xff\xcb\x98\xe4v}\xbb|\xc9\xab\x83z\xbb\\NA\x10\xbc\x98\xf2r&lt;o\xb3\xda\x1b4\x89\xaeY\xbb\x0e\x00l\xde\xbc\xd9\xeb\xc9\x04\x83\xe1S\xb0\x1fqy\xa1H\x9aA\x16\x15&lt;\xcf\xcb\xb2\xfc\xfb\xef\xbf\x03@\xc3&amp;\xd1u\x1b4r\xd8\xed\xa8\x80&amp;\x15c\xac\xd6\xa8/\x9d;;\xe5\xf5a\xb2,\x0b\n\x85$\xb9;\xf7\xec\xbdt\xcd\xe6\x1f\x12\x0foH8&lt;{\xe1\x17\xb5"\xeac\x8c\x95J\xd5\xd1\x83\xfb\xde\x1f?F\xa5Vy\x17\xf3\x94$\xb7N\x1f\xf0t\xd7\xff\x00@rr\xca\xdd\xbbw\xa9\xa6zq)\x06\xc3w`\x02\xc0(n\xe8b\xf5\xdd\xbbw/^\xbc\x08\x00mb;k4\no"*\x84\x88\xa2\xb8d\xfe,\xbb\xcd*(\x14\x92\xdb\xfd\xce\x8cy_\xff\xb0\xb5\xdb3\xcf7h\x1c\xdd\xb8Y\xccK\xa3^\xfdq\xd7\x91\xb6\x1d\xba:\x9d\x0eQT\xfe\xb6\xf5\x87\x9d\xdb\xb7\x06\x06\x06x\xf1Z\x1cB\x92D\xda&gt;\xdd\x05!d\xb1\x98\x93\x92\x8e\xc1\xfde\x0c\x06\xa3\xf4\xc2\x04\x80Q\xdcP\xc7\xf9\xcf?\xff4\x99L\x1c\xc75\x8di\xe3v\x13\xae\x80S\x13B\x88R\xadN\xbb|i\xff\xce\xed\x1c\xc7Knw\xa7\xb8g\xe2\xdf\x99\x94\x93m4\x19\x0cv\x9b\xd5f\xb3fg\xe5\xaa\xd5~\x0b\xbe\xfc\xaeB\xe5*\x92\xe4F\x08}\xf3\xc5"\xb7$\x15\xf4\xb5\x00\x00q\x9c\xd3\xe1\xac\x1b\xd9(8$\x14\x00\xf6\xee\xdd[\xd0+0\x18&gt;\x08\x13\x00FqC\x05 %\xe5,\x00\xf8\x07\x04\xd4\xa9\xd7\xc0\xe5ty\x11\xffQ\xa9\xc4\xd3\xc7\x8f:\xecv\x8e\xe7\x00\xa0\xef\xe0an7\x01BxA\xa0IP\n\x85h\xb1X*V\xa90d\xd4\x1bt\x19\xfcT\xd2\x9f\x17R\x92\xd5\x1aMA\x9dw\xba\xd5.\xacb\x95\xea\xe1u\x00\xe0\xfc\xf9s\xc0:\x040J?L\x00\x18\xc5\r]&gt;MN&gt;\x03\x00\x15+W\xd3\xe9\x83$I*\xb01%\x84\xe3\xe1j\xea%\x00\x90%I\xa9T\xd6\x8a\x88t\xb9$\xee\x7f\xd3\xf3\x05\x81\xb7\xdb\xdc\x1d\xba\xf6T(DB\x88,K\'\x8e\x1e\x14\x95\x02)x\xf4\x86\x10\xa2\x10\xb9\x1a\xb5#\x00\xe0\xca\x95+f\xb3\x19!\x96E\xcd(\xdd0\x01`\x94\x0c\x06\x83\x01\x00\xf4\xc1!~\x01\x81\xde,\x00  \x18\x8c\x86\\\x00 \x84\xa8\xfd\xfc\xfd\x03\x02\xf1C\xae\x83\xdc.W\xc5\xcaU+V\xa9J\xbd\xfe\x8bg\xcf\xd0\xa7\x17\x14B\x88 @\xc5JU\x01\xc0h4\xf9N\xc1"\x06\xc3k\x98\x000\x8a\x15\x9a~j6\x9b\xd3\xd2\xd2\x00\xa0b\xe5j\x1cG\xbc\xf6\xa3\xd1}C~/\xbd\xf5\x01\x83\x8c\x10"\x04\x8bJe\xa0VG\x8f\xdc\xbe\x99.I\x04\xa1\x02\xff\xf2\x11B\x92\x04\x15*W\x05\x00\x8b\xc5\x9c\x9a\x9a\n\xf7\xc3Y\x0cF)\x85\t\x00\xa3\xb8A\x08\xb9\xddn\x83\xc1\x04\x00\xd5k\xd6R(\xbc\n\xa4\x10@\x08tA\xc1t\xbb\x83\xd5l\xca\xcb\xcd\xe6y\xfeo{\x89\t!\x08q\x0e\xbb-;3\x83\x1e1\x9b\x8c\x92\xdb\xed\x85\xf3\x8e\x000\x86\xea5k\x01\x80\xcb\xe5\xa23\x18&amp;\x00\x8cR\r\x13\x00F\t\x80\x10\x12\x04\x1e\x00\xdcn\xb7\x97&amp;\x14!\x19C\xed\xba\xf5\t!\x1c\xcfK\x92\x94t\xf8\x0f\x8dF\xe1\xce\xb7\x9d\x98\x10\xe2v\xb9\xf4\xc1~\xbbw\xfc\x92q\xe7\x16\xdd&amp;&amp;InY\xc6^\xc7n&lt;\xd7\xf7\x85\x8e\x05\x0cF!a\x02\xc0(\x19\n\xe9;s\x1c\xe7\xb09\x9b\xc5\xb4\xf5\x0f\xd0\xca\x92LS&lt;\xef\xdc\xba\x1b\x12\x16\xec\xb9\xb8B\xa1\xa8X%\xf8\xaf\x83G\x17\xcc\x9c\x0c\x00\x04\x08\x00p\x1c\x8f8Tx\xbf\x9d\xf9\xfe\x8c2\x00\x13\x00F\xc9@\r\xa8\xd7~4B\xc8\xe9tT\x0f\xaf\xf1\xdc\xc0W0\x96\x15\xa2x\xf3\xfa\xd5\x11/\xf4&lt;\xb4\x7f\x9f$\xb9\x15\n\x05B(3\xe3\xce\xb2\xf9\x9f\x0c\xef\x17\x97\x9b\x93\xa5R\xdfK\xfdT\xaaT\x82\xa0\xf0\xda|{\x06\xcc\x04\x80Q\x06`\xd3XF\t\x80\x10\xa2\x96\xd4\x90\x97\x83\xb1\x97e59\x8e\xb3\x98m\xe3&amp;M?z`\xdf\xa5\xf3\xc9\n\x85x&gt;\xf9\xe4\xcb\xbd;U\xabQK\x1f\x1c\xe2r9o\xdf\xb8n2\x1a\x00`\xf0\x88\xf8[7\xae\xed\xdf\xf9+\x00huz\x9e\xe7\x00\xbc1\xdf\x08\x81!7\x07\x00\x10\xe2X\x08\x88Q\x06`3\x00F\xb1\x82\x10\xc2\x18k\xb5\xda\xc8\xc8\xfa\x00\x90z\xf1\x9c$yY\xa1\x08!$I\x92\x9f\x7f\xc0\xf2\r\xdbZ\xc7vr\xbb]\xf4\xf8\x8d\xebigN\xfcu!\xe54\xb5\xfe/\x0c\x19\xf1\xeeG\x9f\xe6d\xdd[\x04\x0e\xabX\x99\xe7\xbd\xf1\xdf1!\n\x05\xa4^&lt;\x07\x00z\xbd\xbeA\x83\x06p\x7fO\x03\x83QJa^\x0c\xa3\x04@\x08\xa9\xd5j\x00\xb0Y\xad\xb4y\x8bw\xd7\xe18\xce\xe1p\x84T\xa8\xb4\xe2\x87_\x13\x7f\xd9\x9c\xf0\xcb\xa6\xcb\x17\xce\x1a\r\xb9\x1c\xc7\x05\x85\x84E6j\xf2\xec\x0b\x83;v\xef\x99y7\xe3\xf6\x8dt\xfa\x94j5k\x03\xf2f\x02\x80\x10\x92eb6\x19\x01@\x14EE\xfe\x0e\xcb\x0cF\xe9\x84\t\x00\xa3\xb8\xa1U\x19\x9a4i\xbac\xc7\x8e\x1b\xd7\xae\x18r\xb3\xf5\xc1!n\xafR3\x01\x80\xe38\xa7\xc3\x81\x10\xd7\xfb\xc5\xc1\xcf\xf6\x1fl4\xe4\xd9m6\x84\x90\xc6\xcf?P\x1b(K\xd8\xe9t\xa7_\xbb\x92\x97\x9b\x8d\x10G\x08\xae\x1b\xd9Hr\x03\xe2\n\x9e\x06\x8a\x90\xdb\x8d._H\x01\x80\x88\x88:\x81\x81\x81\xac90\xa3\xb4\xc3\x04\x80Q2DD\xd4\x01\x00\x8b\xd9|3\xfdZX\xc5\xca.\x97\xcb\xeb\x8d\xb5\xd4\n\x1b\rF\x84@\xa1\x10\x95Aj\x00\xc0\xb2l4\x18eY\n\t\x0b&gt;q\xf40\xc6\x18\x10\xe8\xf4A\xf5\x1a6v:\x1d\x05\xdd\x08F\x08\x11\x04\xc1\x98\x97}\xfb\xc6u\x00\xa8U\xab\x16\x8dey7`\x06\xc3G`\xfe\x0b\xa3\xb8\xa1\xf6\xba}\xfb\xf6J\xa5\xca\xedv\x9dJ:"*\xb9\xc2\x1bS\x9e\xe79\x8e\xc7\x18Kn\xb7\xe4v\xd3v\xf6\x82\xa0p:\xdc\t?o\x04\x00\x04\xa8E\xdb\xa7*U\xa9\xecv:\x0b*6\x84\x10\xa5Ju\xe5\xd2\xf9\xdb7\xd3\x01\xa0c\xc7\x8e\xc0\x12\x81\x18\xa5\x1f&amp;\x00\x8c\xe2\x86\xb6R\xa9Y\xb3f\xadZ\xb5\x00\xe0\xaf\xc3\xbfKR\x91\xf5\xd7E\xf9p\xbb\x9cA!\x81\t?o&gt;s"\x89\x17\x04B\xc8\xb3\xfd^\x02\xaf\x12\x800\xc6\xa2\xc8\x1d;rP\x96e\xa5R\xd5\xbauk`+\xc0\x8c\xd2\x0f\xfb\x053J\x00\x8c\xb1(\x8a\xad[\xb7\x02\x80\xe3\x7f\x1eLOKS\xa9\xbc\xec\xd5\x05\x00X\x96\xb1,\x13\x82\t!\x84`\x8c\xb1,K\x92$\x85\x84\x05\x9f;s\xf6\xc3i\xe3y\x9e\x97%\xa9a\xd3\xe6\x1d\xe3\xfec6Y\xf9\xff\xad\x18\xfa8\xf0&lt;o\xb7\xb9\xf6$\xfc\x8c\x10\xaa]\xbbVxx8!\x84\t\x00\xa3\xb4\xc3~\xc1e\x19O_xOkx\x8c\xb1\xa7\'\xb0\xe78\xed\x15\\\xfc\xc3\xeb\xdb\xb7/\x00\x98M\xc6#\x07\xf6j\xfc\x94\x0f\xab\xe5\xf9\xef\x10B\xfc\x03\xb5\xfe\x81Z\xa5R-\x8a\xa2\xa8Ti\xfc\xfcuz\x9dN\xaf\xdb\x97\x980\xa2_\\NV\x06B\x88\xe3\xf9is&gt;U(\x14\x18\x17\xf8U\x08\xc6j\xb5:\xf5\xe2\xf9\x0b\xc9\xa7\x08!={\xf6\x14E\x915\x85g\x94\x01\xd8"pY\x83\xfa\xc0\xd4?\xe58\xeeAo\x97\xee`\xa2\xbd\xe0\xf3\x1f\xa72@\x9f\xf5\xa4\x07I\xa3@\x9d:u\x8a\x88\x88HMM\xdd\xbey}\xdfA\xaf\x14\xb4\'\x0c\xdc_\x9bM\xf8\xe5G?\xbf\x80*\xd5j(\x94J\xb7\xcbe\xc8\xcbI\xbdxn\xef\x8e_\xf6%n\x07\x00\xc4q\x92$\xbd?oI\xab\xf6O\x19\xf2\x8c^\xb8\xff\x18cQ)\xfc\xb6\xf5\x07\xa7\xd3)\x8a\xe2\xd0\xa1C\x81\xc5\x7f\x18e\x02\xd6\xd1\xa2\xec@\xfd\xfd\xfcf=\'\'\xe7\xec\xd9\xb3W\xae\\\xb9q\xe3Fzz\xfa\xb5\xeb\xd79\x84N\x9e&lt;\x99\x97\x97\xa7\xd7\xeb\x87\x0c\x19\xa2\xd5\xea\x1a7\x8e\xaaZ\xb5j\xc3\x86\r5\x1a\x8d\xe7:4\xc1\xf1\x89\xd6\xbb\x97$I\x10\x84\xe9\xd3\xa7\x7f\xf0\xc1\x07\x08\xa1\xef~\xde\x1f\xd3\xae\xbd\xc5d\xe6\nb\xa01\xc6\xfe\x01\x01\xfd\xbb\xb7=}\xecO?\xff\x00\x84\x10\x96e\x9b\xcd\x9a\xff\x1c\x95J=\xf5\xc3E\x83G\x8c1\xe6\x19\x0btq\n!\x84\xe7y\x87\xdd\xde\xab}\xa3\xec\xcc\x8c\x8e\x1d;\xee\xd9\xb3\x87%\x802\xca\x06l\x06P\x16\xa0.?\xcf\xf3\x82 `\x8c\x8f\x1e=\xbas\xe7\xceC\x87\x0e\x9d:}:+3\xf3\xa1O\xc9\xce\xce^\xb4h\x91\xe7\xbf\xe1\xe1\xe1\xd1\xcd\x9b\xc7\xb6o\xdf\xad[\xb7\xc8\xc8H\xea&amp;\xcb\xb2\xfc\xe4d\x80z\x1e\xe3\xc6\x8d\xfb\xec\xb3\xcf\x8cF\xe3\x8fkW\xb4\xed\xf0\x14&amp;\xa4\xe0\xb3\x00DWu\xad\x16\xf3\xdf\x1e\x11\x95\xca\x8e\xddz\xbd\xfa\xd6\xbbQ\xcd\x9ayg\xfd\x01@\x96e\x9d&gt;\xe0\xe7\x1f\xbe\xcb\xce\xb8K\x00F\x8e\x1c\t\xf7\xb72xq5\x06\xc3\xa7`3\x80\xd2\r\xf5\xd6\xa9\xbd\xbey\xf3\xe6\x86\r\x1b\xd6\xad[w\xea\xd4\xa9\xfc\xe7 \x04A\xc1\xa1*\xb5\xa6F\xad:t\x19\x00\x00dY\xbe\x9evYr\xbb\ry\xb9\xf9OV*\x95\x1d:t\x18&lt;xp\xef\xde\xbd\x03\x03\x03\xe9\x99^\x84M\x1e\x01\x1d\x00\xc7q.\x97k\xf9\xf2\xe53g\xce4[,\x92$\xad\xd8\xf0[l\xe7.&amp;\xa3\xf9\xf1_\x8e\x10\xa2R\xa9W-[x`o\x82\xc5d\xb2;l&lt;/\xf8\xfb\x07T\xa9\x1e\x1e\xd5\xacE\xeb\xd8N\x91QM$I\xb6Y\xcd&lt;\xef\x8d\xafCCL&amp;C^\x9f\x8e\xcds\xb22"""N\x9f&gt;-\x8a"\xcd2\xf2\xe2\x82\x0c\x86O\xc1\x04\xa0\x14\xe31\xcd)))\x8b\x16-\xda\xb2eK^^\x1e}H\xa9TFF5m\x1c\xdd*\xbae\xdb\n\x95\xabT\xadQK\x10\x14A!\xa1\xf4\xebF\x08\xb0\x8cs\xb23].gz\xda\xe5\x9b\xe9\xd7N\xfeu8\xe5\xd4\xf1K\xe7\x92=\xbf\x86\xea\xd5k\x0c\x1b6t\xec\xd8\xb1aaa\xb4\xdfV\xe1}\xde\xfcr\xb5c\xc7\x8e)S\xa6\x9c9s\x86&gt;\x84\x00\x9a\xb5j\xb7\xfe\xd7\xdf\xad\x16k\x81^\x88\x10\xe2\xe7\xefO\x08q:\x1c\x92$q\x1c\'*\x95\xa2\xa8\xe08p:$\xbb\xdd\n\x80\xbc\x1e\xb9\xe4v\x87V\xd0\x7f0e\xd2\xca\xa5\x9f\x00\xc0\xc6\x8d\x1b_x\xe1\x85"WD\x06\xa3\xa4`\x02P*\xf1XR\xa3\xd1\xb8`\xc1\x82\x85\x0b\x17\xda\xedv\xfaPt\xabv\x9d\xba\xf7\x8a\xed\x1cW\xa7^\x03\x95F\xc42\xc82v\xb9\\\x04\x13Ir\xe5o\x86\xabP\x88\x08!Q\xa9\xe4\x05@\x00&amp;\xa3%\xe5\xd4\xb1}\x89\xdb\xfe\xd8\xbd#\xf5\xe2yzN\xd5\xaaUg\xcf\x9e=l\xd80(\xdcT \xff\xfaDJJ\xca\xe4\xc9\x93\x7f\xfb\xed7\xfaP\xff\xfe\xfd\xabT\xa9B\xe3QS&gt;X\xf8\xea[oe\xdd\xcd\x13\nRi\x07c\x99Zy\xda\xa5\x9d~8\x00\x04\xa1B-h\xcb\x92\x14\xa8\r&lt;\xf1\xd7\x9f/\xf7\xe9\xe4v\xb9\xbav\xed\x9a\x98\x98\xc8\xac?\xa3,\xc1\x04\xa0\xf4\xe1\t@o\xdc\xb8q\xfa\xf4\xe9\x17/^\x04\x00\xa5R\x15\xd7\xbb_\xaf\xbe\x03\xdbu\xec\xa6T\nN\xa7\xe4\xb0\xdb\xb1,{vF\x01\xc0\xdf\xa2\x16\xf7\xf3Aib(\xe2y^\xad\xf1\x13E\x94\x97k\xd8\xb9}\xeb\xf6M\xeb\x0f\xed\xdfE\xcf\xec\xdc\xb9\xf3\xfc\xf9\xf3\xa3\xa3\xa3\xbd[\x15\xf0\x18\xcd\xcc\xcc\xcc\x0f?\xfcp\xc5\x8a\x15T\xae\x1a7n\xfc\xf1\xc7\x1f\xf7\xe8\xd1\x83\x10R\xbf~\xfd\xcb\x97/k\xfc\xfc\xbf\xdd\xba\xb7a\xd3f\x16\x93\x99\xf7\xa2\xde\xf2\xbd\xb6\xc0E\x10\x9c!\x04\xf3&lt;/I\xee\x81=b/_8\xcbq\xfc\xd9\xb3)u\xeb\xd6e\xe9\xff\x8c\xb2\x04\x13\x80R\x065\xa6\x92$M\x9c8q\xf1\xe2\xc5\xf4`\xdb\xa7\xbb\xbc&gt;iF\x9b\xa7\xda\xbb\\\xc4j6c\x8c\x91W\xd9\x9ct\x85@\xa1P\xf8\x07\xf8aL~\xde\xb8v\xf9\xe2y\x97/\x9c\x05\x00\xadV\xbb`\xc1\x82\x91#G\x16(\x1c\xe4\t\xf7\xbb\xdd\xee\xb5k\xd7\xce\x9c93==\x1d\x00*U\xaa4u\xea\xd41c\xc6\x88\xa2(I\x12\xcf\xf3G\x8f\x1e\x8d\x8d\x8d\x95$)\xa2~\xc3\x1f\x12\x0f\xf1\x82BrK%hjeI\n\n\xd1\x8d\x1f1\xe4\x97\x1f\xd7\x02\xc0\xa2E\x8b\xc6\x8f\x1f\xcf\xdc\x7fF\x19\x83\t@i\x82\x1a\xa0;w\xee\xbc\xf0\xc2\x0b\x87\x0e\x1d\x02\x80\xb0\x8a\x95\'\xce\x98\xd7\xfb\xc5\xc1\xb2L,f\x13\x87\x90w\xb9.\xff\x0b\x91e\x19!.P\x1bh\xb5X\xbfZ&lt;w\xe5\x92\x05.\x97\x13\x00\xc6\x8c\x19\xb3t\xe9R\x9ak\xf4h\xeb\x9c?\xe6\xb3k\xd7\xae\x193f\x1c9r\x04\x00T*\xd5\xe8\xd1\xa3\xdf}\xf7\xdd\xb0\xb00\xcf;\xa2\x7f/^\xbcx\xc2\x84\t\x00\xd0\xab\xef\xa0E_\xaf\xb3\x98\xcc\x84\x10/6\x07\x14\x1eI\x92\xc2*\xe8\x96\xff\xf7\xbf\x1fN\x1b\x0f\x00\xfd\xfa\xf5\xfb\xf1\xc7\x1f\x99\xf5g\x94=\x98\x00\x94\x1ah\xe2|RRR\x9f&gt;}n\xdf\xbe\r\x00m\x9f\xee\xf2\xe1g_W\xafY\xc3\x90k\x04\x04\x1cW\xc4\xe6I\x96%\x9e\x17\xf4A\xfe\x07\xf7\xee\x9f\xf6\xe6\xa8\xf4\xab\xa9\x00\xd0\xae]\xbbm\xdb\xb6\xe9\xf5\xfaGh\x00\x1d*\x00\xa4\xa4\xa4\xcc\x9d;w\xfd\xfa\xf5\xf4x\xb7n\xddf\xcf\x9e\xdd\xaaU+x \xc7\x94&gt;e\xe8\xd0\xa1k\xd6\xac\x01\x80\xe7\x06\x0e\x9d\xb7l\x95\xd5b-\xfe\x84KI\x92B\xc3t\xab\x96-\x9b=\xf9u\x00\x88\x8a\x8a\xfa\xfd\xf7\xdf\xb5Z-\xcb\xfca\x94=\x98\x00\x94\x0e\xa8\xfb\x99\x94\x94\x14\x17\x17\x97\x9b\x9b\x0b\x00\xaf\xbe\xf5\xee\x9bSf\xc9X\xb6\xdblO\xae=!!D\x96$\xad^\x9f\x93uw\xfa\xdb\xf1\xbb\xb6\xff\x04\x00111\x89\x89\x89\x0f\xd5\x00\x8fY\xcf\xcc\xcc\\\xbat\xe9\xc2\x85\x0bm6\x1b\x004n\xdcx\xea\xd4\xa9\x03\x06\x0c\x80\x7f\xd8^@#K\x0e\x87\xa3C\x87\x0eIIIp_\x03lV\x1b</t>
        </is>
      </c>
    </row>
    <row r="193">
      <c r="A193" s="1" t="n">
        <v>191</v>
      </c>
      <c r="B193" t="inlineStr">
        <is>
          <t>color_size_circle</t>
        </is>
      </c>
      <c r="C193" t="inlineStr">
        <is>
          <t>What is the missing color of the part denoted with a question mark?</t>
        </is>
      </c>
      <c r="D193" t="inlineStr">
        <is>
          <t>['light green', 'dark red', 'light red', 'dark purple']</t>
        </is>
      </c>
      <c r="E193" t="inlineStr">
        <is>
          <t>light red</t>
        </is>
      </c>
      <c r="F193" t="inlineStr">
        <is>
          <t>There are circles of various sizes and colors in the image. The circles are ['extra large', 'small', 'medium', 'large'] size, and their colors are ['very dark red', '?', 'medium red', 'dark red'].</t>
        </is>
      </c>
      <c r="G193" t="inlineStr">
        <is>
          <t>We observe that the largest circle is very dark red color, and the smaller circles change color from dark red to medium red. Hence, the pattern is that the circles become lighter as they become smaller.</t>
        </is>
      </c>
      <c r="H193" t="inlineStr">
        <is>
          <t>Based on the pattern that the circles become lighter as they become smaller, the missing color of the smallest circle denoted with a question mark should be light red.</t>
        </is>
      </c>
      <c r="I193" t="inlineStr">
        <is>
          <t>b'\x89PNG\r\n\x1a\n\x00\x00\x00\rIHDR\x00\x00\x02\x00\x00\x00\x02\x00\x08\x02\x00\x00\x00{\x1aC\xad\x00\x00\xcc\x1aIDATx\x9c\xec\x9dw\x9cT\xd5\xf9\xff?\xcf\xb9\xf7\xce\xcc\xce\x96\xd9\x0e\x0b\x0b\xcb"\xbd\x83\x80\x02\x8a `/Dc\xf9Z\xd0\x9f\xc6\x1eM4\x89\xc64\xcd7\xed\xab\x89\xd1\x14M\xa2\xd1\xd8b\x10{A\t\xa8 H\x11\x91\xdeA\x96\xb2\xb4\xed;;;;3\xf7\xde\xf3\xfc\xfe8\xccd\xa5\x18\x1b\xec\x99\xdd\xfb~\xf1\xc2\xb9\xeb\xb2{\xe6\xce\xb9\xcf\xe7\x9c\xa7\x1dbfxxxxxt&lt;D[\x0f\xc0\xc3\xc3\xc3\xc3\xa3m\xf0\x04\xc0\xc3\xc3\xc3\xa3\x83\xe2\t\x80\x87\x87\x87G\x07\xc5\x13\x00\x0f\x0f\x0f\x8f\x0e\x8a\'\x00\x1e\x1e\x1e\x1e\x1d\x14O\x00&lt;&lt;&lt;&lt;:(\x9e\x00xxxxtP&lt;\x01\xf0\xf0\xf0\xf0\xe8\xa0x\x02\xe0\xe1\xe1\xe1\xd1A\xf1\x04\xc0\xc3\xc3\xc3\xa3\x83\xe2\t\x80\x87\x87\x87G\x07\xc5\x13\x00\x0f\x0f\x0f\x8f\x0e\x8a\'\x00\x1e\x1e\x1e\x1e\x1d\x14O\x00&lt;&lt;&lt;&lt;:(\x9e\x00xxxxtP&lt;\x01\xf0\xf0\xf0\xf0\xe8\xa0x\x02\xe0\xe1\xe1\xe1\xd1A\xf1\x04\xc0\xc3\xc3\xc3\xa3\x83\xe2\t\x80\x87\x87\x87G\x07\xc5\x13\x00\x0f\x0f\x0f\x8f\x0e\x8a\'\x00\x1e\x1e\x1e\x1e\x1d\x14O\x00&lt;&lt;&lt;&lt;:(\x9e\x00xxxxtP&lt;\x01\xf0\xf0\xf0\xf0\xe8\xa0x\x02\xe0\xe1\xe1\xe1\xd1A\xf1\x04\xc0\xc3\xc3\xc3\xa3\x83\xe2\t\x80\x87\x87\x87G\x07\xc5\x13\x00\x0f\x0f\x0f\x8f\x0e\x8a\'\x00\x1e\x1e\x1e\x1e\x1d\x14O\x00&lt;&lt;&lt;&lt;:(\x9e\x00xxxxtP&lt;\x01\xf0\xf0\xf0\xf0\xe8\xa0x\x02\xe0\xe1\xe1\xe1\xd1A\xf1\x04\xc0\xc3\xc3\xc3\xa3\x83\xe2\t\x80\x87\x87\x87G\x07\xc5\x13\x00\x0f\x0f\x0f\x8f\x0e\x8a\'\x00\x1e\x1e\x1e\x1e\x1d\x14O\x00&lt;&lt;&lt;&lt;:(\x9e\x00xxxxtP&lt;\x01\xf0\xf0\xf0\xf0\xe8\xa0x\x02\xe0\xe1\xe1\xe1\xd1A\xf1\x04\xc0\xc3\xc3\xc3\xa3\x83\xe2\t\x80\x87\x87\x87G\x07\xc5\x13\x00\x0f\x0f\x0f\x8f\x0e\x8a\'\x00\x1e\x1e\x1e\x1e\x1d\x14O\x00&lt;&lt;&lt;&lt;:(\x9e\x00xxxxtP\xcc\xb6\x1e\x80\x87\xc71\x82\x99?\xe7w\x12\xd1Q\x1d\x89\x87\x87&amp;x\x02\xe0\x91\xc6\xa4l\xba\x94\xf2\xa0\xaf\x10Qk;~\xd0\xe5\x7f\xfd\xb1\xad\xd5\xa2\xf5e\xea\x87\x08!\x0e\xfa\x8a\x87G\xdaA\x9f\x7fY\xe4\xe1\xd1V\xa8Y\xaa\xac\xbcz\xad\x0cz\xca\n\x7f\x1e\xea\xeb\xeb\x89\xfe\xcb\x84W\xdf\x90\x97\x97\xf7\xf9\x7f\xac\x942\xa5\x10J\x0c\xd4\xa8&lt;a\xf0\xd0\x1fO\x00&lt;\xb4\x83[\x01\x80\x88\x0c\xc38\xecw\xba\xae\x1b\x0e\x87\xa5\x94\xeb\xd6\xads]\xd7q\x9c\xa5K\x97\xda\xb6MD;v\xec\xd8\xbe}{\xca\xe2G"\x91\xad[\xb7~\xce\x01\xf4\xea\xd5+++\x0bI=\xe8\xd1\xa3GYY\x193[\x965z\xf4h\xd34\r\xc3\x188p\xa0\x10"\'\'\xe73\xc6\xd6Z\xab\xbe\xd0\x16\xc4\xc3\xe3\xd8\xe0\t\x80G\xdb\xc3\xcc\xa9\xd5\xbd\x10\xe2\xd0u\xbd\xeb\xbaMMM[\xb6l\x89D"\xabV\xadjll\\\xb5jUCC\xc3\xfe\xfd\xfb\xf7\xee\xdd\xcbR646\x1e\xe31\xe7\x86B$DIII\xa7N\x9drss\x87\x0e\x1d\x1a\n\x85\x86\x0e\x1d\x9a\x95\x95\xd5\xbbw\xef\xec\xec\xecC\x85AJ)\xa5L\xed\x12&lt;=\xf0hs&lt;\x01\xf0h\x03Z\xaf\xf1\x0f\xb5\xf8---555[\xb7n]\xbdzuuu\xf5G\x1f}\xb4k\xd7\xae}\xfb\xf6\xd5\xd7\xd7\x1f\xf1\'\xa6~B\xeb\x1f\xd5zn3\xe3\xf3Ou"\xb4\xb6\xce\xad_\'\x83\r\xffyq\x08yyy\x9d;w\xee\xd6\xad\xdb\xa8Q\xa3\x8a\x8a\x8a\x86\x0c\x19\xd2\xabW\xaf\xc2\xc2\xc2\x8c\x8c\x8c\xd6\xdf\x96\xd2\x03o\x7f\xe0\xd1Vx\x02\xe0q\x8cP\xcb|f&gt;\xd4\xa5\xd3\xd8\xd8\xb8y\xf3\xe6\xca\xca\xca\xe5\xcb\x97/]\xbat\xc3\x86\r\xb5\xb5\xb5\xd1h\xf4\xe0\x1f\xa1\xec\xb22\xf1j\xde&amp;\xcdz\x80\xd9\x0fH\xa0\x1b\x90\r\xb8@6\xd0\x97(e\xa4\r`\x10`\x00\x0c\x1c\xc9\xd0\xaa\xff\xe5\x02k\x017\xf9E\x01lbn\x02\x0c\xa0\t\xd8\x05\x08 \x0e\xc4\x94\xbdNI\x85\xfa[\xca\xc3*M0\x18,((\xe8\xdf\xbf\xff\xe8\xd1\xa3G\x8c\x18QZZ\xda\xa7O\x9fP(\xd4\xfa{\x94\xcbH\x056&lt;1\xf086x\x02\xe0q\x149\x92\xd1w]w\xf3\xe6\xcd\x1b7n\\\xbe|\xf9\xe2\xc5\x8bW\xadZUSSs\xf0?\x16\xe2?\xb6\x9e\x19\xcc\x06s\x16\x90\x0f\x14\x03\xc5D\xdd\x80\x00\xd0\x0fp\x81\xee@\x16\xe0\x02y\x80\x1f`@\x00\x16\xd0zr;\x9f{\xd8\xads\xe3\x08\xb0\x01\t\x10\x10\x07\xea\x01\x03\x88\x00;\x01\x03\xd8\x08\xc4\x80]@\x15s\x15P\x07D\x00W\xa9BJ\x1b\xa4&lt;t\xbbPXX8t\xe8\xd01c\xc6\x8c\x181\xa2_\xbf~}\xfa\xf49\xe8\xfexb\xe0q\x0c\xf0\x04\xc0\xe3\xebG\x19}\x00\xad\x8dZ4\x1a]\xbbv\xed\xa2E\x8bV\xaf^\xfd\xe1\x87\x1fn\xde\xbc\xd9q\xfec\x93\x89\x88\x85\x00Q\xca\xdcg1\x17\x03\xc5@9Q7\xe08 \x1f\xe8\x04\x04\x80l\x80\x00\x13\x90\xc9\xa5z"i\xa3\xedVF_\x1e\xb2\xd8\xff&lt;\xa6\x94\x0f\xb9L9\x95()*\x02\xf0\x01\x00\x0c@\x00\x0e\xc0@\x13\x10\x03\xf6\x03u\xc0\'\xc0.\xa0\x82\xb9\n\xa8\x02"\xad%\x81\x99\x92\xf7Ga\x9af\x9f&gt;}N8\xe1\x84!C\x86\x8c\x1d;v\xd0\xa0A\xc1`0\xf5\x7f]\xd7U\xf7\xe7\x0b\xa5&lt;yx|\x1e&lt;\x01\xf0\xf8zH-\xf6[\xfb\xf4]\xd7]\xbe|\xf9\xc2\x85\x0b\x17,X\xb0l\xd9\xb2\x9d;w~\xea\xdf\x18\xc6\x01\x8b/%\x98\xf3\x80r\xa0\x1fQ_\xa0\x1b\xd0\x1d\x08\x01Y\x80Hzf\x1c\xc0I\x1a}Nzl\x94MOY\xf6\xa3\xbdZ\xe6O\xbfh=\x0c%\x06&amp;`&amp;}M\x12\x88\x00\x8d\xc0N`\x17\xb0\t\xd8\xc8\\\x01\xd4\x03\x07|Y\xea\xed\xbbn\xeb_\xd1\xbd{\xf7\x91#G\x9e|\xf2\xc9\xe3\xc6\x8d\x1b1bDJDS1\x03o[\xe0\xf1u\xe1\t\x80\xc7W"e\xf7M\xf3?\x8e\x93\xca\xca\xca\xa5K\x97\xbe\xf9\xe6\x9b\x1f.Y\xb2~\xc3\x86\xd4\xd7\x89\x88\x959\x93\x12\xcc!\xe6^@_\xa2\xbe@/\xa0\x14\xc8O:p\\ \x01\xb8I[\x8fO\x1bz=\x8d\x1f\x1f\xf2\xb7R\x05\x03\xf0\x01F\xd2\x89T\x07T\x02[\x81M\xc0&amp;\xe6\xad@c\xab\xd8\x06%\x93G\x15\x03\xfa\xf7?\xe1\xc4\x13\xcf9\xe7\x9c\xd1\xa3G\x97\x96\x96\xa6\xbe\xee8\x8e\xa7\x04\x1e_\x1dO\x00&lt;\xbe\x0c\x87\xda}\xb5\xd8\x7f\xff\xfd\xf7g\xcd\x9a\xf5\xd1\xd2\xa5\xe1\xa6&amp;\xf5\xf5\x03F_9v\xa4,\x01\x06\x00#\x88\xfa\x02\xe5@\'\xc0\x070\xe0\x00\x89\xe4\x02\x1f\xc95u\xfb\xb0m\x9c\xfc\x83\xe4\x16\xc1\x07\x98\x00\x01\t`?P\x01l\x02\x963\xaf\x07\xf6\x02\x07v\x06D\xad\xc5 \';{\xd4\xe8\xd1g\x9cq\xc6)\xa7\x9c\xd2z[\xe0)\x81\xc7W\xc1\x13\x00\x8f/\xc0a\xed\xfe\x87\x1f~\xf8\xca+\xaf\xbc\xf5\xd6[\xeb\xd7\xaf\xff\xcf\xb7*\xf7\x8e\x94\xad\x8d\xfe\x10\xe08 \x0f0\x92\x16?\xd1j\xb1\xdcn,\xfeg\xd3Z\x0f\x08\xf0%\xf5\xc0\x05\xea\x81O\x80\xd5\x07\x89\x81\x10\x07\xb9\x89\x06\x0c\x18p\xd6Yg}\xe3\x1b\xdf8\xe1\x84\x13&lt;%\xf0\xf8*x\x02\xe0\xf1\xb9P\x0e\xe8\xcf\xb6\xfb\xffY\xecK\x99\xc9&lt;\x08\x18C4\x12(\x07\xf2\x01\x03\xb0\x81x2d\xdaq,\xfeg\xc3\xad\x02\t&amp;\xe0\x07,\xc0\x05\xea\x80\n`\x19\xb0\x98y-\xd0\x9c\x8c\x19\xb4\xde\x16\x1cI\t\x0e[L\xe7\xe1q(\x9e\x00x|\x16j\xc9\x9fZW~\x96\xdd\x97\x12R\xf6\x04\x86\x10\x8d\x07\x06\x00\xdd\x01\xd33\xfa_\x84\xc3\x8a\x81\x03\xec\x04\xd6\x03\xf3\x81\xd5\xcc\xdbp`[\xf0\xd9Jp\xd0\x07\xe7\xe1qX&lt;\x01\xf08&lt;*\xfb0\xb5\xae\\\xbf~\xfd[o\xbd\xf5\xcc3\xcf\xac^\xbdZ}E\x10\xc9Vv\xffd\xa2S\x81\x81@6\xc0@\x1c\x88{F\xff+\xd0Z\x0c\xfc\x80\x1f \xa0\tX\x07\xbc\x07,h\xa5\x04\xc2ue\xf2)\x1e2d\xc8\x95W^y\xd6Yg\r\x180@}\xe5\xa0\xcf\xd1\xc3\xa35\x9e\x00x|\x8a\x83V\x8e\xe1p\xf8\xb5\xd7^{\xe6\x99g\xe6\xce\x9d\xab\xd2\xf6[\xdb\xfd\xa1\xc0$\xa2\x11@_ \x17H\x00-\xc9\xc4|\xe1\x19\xfd\xaf\x0fN\xc6\xc6\r \x03\xf0\x01\r*n\x0c\xbc\xcb\xbc\n\x07+\x81i\x9a\x13\'N\xbc\xf2\xca+\xcf?\xff\xfc\x9c\x9c\x1cx\x1b\x02\x8f#\xe0\t\x80\xc7\x01Tt7\xb5T\\\xb4h\xd1\x93O&gt;\xf9\xf6\xdboWVV\x02\x10\x804\xcd\x83\xd6\xfb\xc3\x81\x00`\'\xed&gt;y\'\xcc\x1d}$\xc0I%\xb0\x80\x18\xb0\xe2\xd0=\x81\xe3(\xc1(--=\xf3\xcc3\xaf\xbe\xfa\xea\xb1c\xc7\xaa\x7f\xee\xba\xaeWS\xe6\x91\xc2\x13\x00\x8fOy\tRK\xfe9s\xe6\xa8\xff+\x0cC\x02\x90\xb2\x13\xf3ID\xe7\x03\x03\x80\x1c\xc0\x06\xa2\xc9j[\xcf\x9c\x1c{d\xb2&amp;9\x08X@\x18X\x0f\xbc\x06|\xc0\xbc\x9fH\x1dJ \x93\xb9CS\xa6Li\xbd!\xf0\xfcB\x1e\nO\x00:.\x07\xb9\x056n\xdc\xf8\xfc\xf3\xcf\xff\xfd\xef\x7fWK~\x83\xc8\x15\x02R\xfa\x98\xc7\x02\x93\x89&amp;\x02\x85\x80\xe3\xad\xf75\xa3\xf5\x9e\xc0\x04j\x80\xb9\xc0;\xcc\x8b\x80\x04\x11\x840\xa4t\x99\x01\x94\x96\x96~\xeb[\xdf\xba\xe4\x92K\xfa\xf5\xeb\x07\xcf/\xe4\xe1\t@\xc7D=\xf9\xa9\x05\xe0\x9c9s\x9e}\xf6\xd9\xe7\x9f\x7f&gt;\x1e\x8f#\xb5\xe4w\xdd\x1e\xc0\x99Dg\x00}\x00\x014\x03\xb6g\xf75F)\x81\x05d\x02\x12\xd8\x0c\xcc\x02\xdef\xde\x0e\xc00R\x1b\x02\xbf\xdf\x7f\xc9%\x97\\q\xc5\x15S\xa6LQ\xff\xd0u]O\x06:&amp;\x9e\x00t,Z\x9b\xfeD"1k\xd6\xac?\xff\xf9\xcf\xca\xdb#\x00\x15\xdd\x15\xcc\'\x00\x97\x12\x9d\x08\xe4\x01q@\xf5e\xf6\xe2\xbaiA*b\x1c\x04\xfc@=\xb0\x04\x98\xce\xfc! \x95k\xc8u\xd57L\x992\xe5\xdb\xdf\xfe\xf6\x19g\x9c\xe1\xf3\xf9\xe0\xc9@\x87\xc4\x13\x80\x8e\xc2A\xa6\xff\x9f\xff\xfc\xe7\xef\x7f\xff\xfb\xb5k\xd7\x020\x89\x1c! e&gt;\xf3yDg\x01\x03\x00\x13h\x06\x1co\xc9\x9f\xb6\xa8\r\x81\td\x02\x0e\xb0\x1ex\x0bx\x9d\xb9\x8e\x08B\x98R:\xcc\x00\x06\r\x1at\xc7\x1dw\\~\xf9\xe5\x9e\x0ct@&lt;\x01h\xff|\x96\xe97\x0c\x07\x80\xeb\xf6\x02\xce\':\x0b(\x03Z\x80\x96\xa4[\xd9\xa3\x1d\xa0\x026\x19@\x06\xb0\x03x\x0bx\x8dy+\x00\xc30\x01\xc7u\xe1\xc9@G\xc5\x13\x80\xf6\xcc\x7f1\xfd\xcc\x90r\x0cp\x0e\xd1i@.\x10\x01\xe2\x80\xf0\x96\xfc\xed\x11\tH\xc0\x0fd\x01\r\xc0l\xe0M\xe6\xc5\x00\x840\x89&lt;\x19\xe8\x98x\x02\xd0nq]\xf7\xb0\xa6_\x18\x86L\x9a\xfe\xab\x89\xc6\x01\x16\x10\x01\xecd\xcbb\x8fv\x8cj\xb5m\x01Y\x80\r,\x04\x9eL\xca\x80 \x92G\x90\x01/a\xb4\xbd\xe2\t@;$U\xecs\x90\xe97\x0c\xc3e\xb6\xa4&lt;\x83\xe8\x1c`\\\xf2\x9c[\xcf\xdb\xd3\x01Q~!u~\xf2B\xe0M`\x16\xb3-\x84A\xe4\x1e"\x03\x07\x15\tz\xb4\x1b&lt;\x01hW\xb4~P\xa7O\x9f\xfe\xab_\xfdJ\x99~\xcb0lfS\xcas\x88\xae\x04\x06\x01.\x10\xf1L\x7f\x87G\xc9@\x16`\x00k\x81g\x807\x99\x1d!,";)\x03?\xfe\xf1\x8f/\xbd\xf4RxU\xc4\xed\x11O\x00\xda\t\xad\xdd\xfd\xef\xbe\xfb\xee}\xf7\xdd\xa7\x92;\x95\xe9\x87\x94g\x10\xdd\x00\x0c\x00\x12@\xd4\xcb\xed\xf1h\x85\xca\x17\n\x02&gt;`=\xf07`\x163Z\xc9\xc0\x94)S\xee\xba\xeb\xaeI\x93&amp;\xc1\x0b\x0c\xb4/&lt;\x01h\x0f\xa4\xbc\xb4k\xd7\xae}\xf0\xc1\x07\x9fx\xe2\t\x00\x96\x106\x90\xf2\xf5\x9f\x0cH\xa0\xd93\xfd\x1eG@\xc9@&amp; \x80\x05\xadb\x03\x16`K\t\xe0\x9ak\xae\xb9\xfd\xf6\xdb\x07\r\x1a\x04/0\xd0^\xf0\x04 \xbd\x91R\x02\x10B466\xfe\xeew\xbf\xbb\xff\xfe\xfb\x13\x89\xc4\x81\xbc~\xd7\x1d\x0c\xdcJ46\xe9\xeb\x87g\xfa=\xfe\x1b\xaaFL\xc5\x06\x16\x01\x7fb^\x03\xc00T\xdd\x80\xcf\xe7\xbb\xf3\xce;\xbf\xff\xfd\xef\x87B\xa1\xd4\xdck\xd3\xf1z|%&lt;\x01HWZ\xfb|\xa6O\x9f~\xcf=\xf7l\xde\xbc\xd9\x00\\\xc3\x80\xeb\x1e\x07L#:\x07\xc8\x04\xc2\x9e\xaf\xdf\xe3\x0b\xa2b\x039@3\xf0&amp;\xf04\xf3\'PY\x04\xae\x0b\xf4\xe9\xd3\xe7\xe7?\xffy*0\xe0y\x84\xd2\x17O\x00\xd2\x92\xd6&gt;\x9f;\xef\xbc\xf3\xed\xb7\xdf\x06`\x99\xa6\xed8y\xc0\xe5DW\x039@\x18p=\xd3\xef\xf1eQ\x93GM\xa4\'\x81\x7f2\xd7\'\xa7\x19\x803\xcf&lt;\xf3\xfe\xfb\xef\xf7&lt;Bi\x8d\'\x00iFj\xe1\xdf\xda\xe7\x93r\xf7\x9fO\xf4m\xa0\x07\xd0\xe8\x99~\x8f\xaf\t5\x91B\xc0v\xe0\xcf\xc0k*&gt;\x0c\xd8R\xb6\xf6\x08y[\x81t\xc4\x13\x80t\xc2q\x1cu,\xfb\xdbo\xbf\xfd\xdd\xef~\xb7\xb5\xcfg\x10\xf0]\xa2\xf1@\x14\x88\x01f[\x0f\xd5\xa3\x9d\xe1\x00\x01 \x08\xcc\x07\x1ebN\xd6\x95\x1c\xf0\x08=\xf4\xd0Cg\x9ey&amp;ZMQ\x8f\xb4\xc0\x13\x80\xf4 \xb5\xf0\xdf\xb3g\xcf\xf7\xbe\xf7\xbd\xe9\xd3\xa7\xa3\x95\xcf\xe7\x06\xa2K\x80\x00\x10\xf6zvz\x1c5T\x9f\xd1\x1c \x06&lt;\x0f\xfc\xed\xd3\x1e\xa1K/\xbd\xf4\x81\x07\x1e\xe8\xd2\xa5\x8b\xb7\x15H#&lt;\x01H\x03R\xab\xaa\xe9\xd3\xa7\x7f\xef{\xdf\xdb\xb3g\xcfA&gt;\x9f2\xcf\xdd\xefq\xacH\x05\x06v\x1c\xe2\x11\xea\xd2\xa5\xcb\x03\x0f&lt;\xa0\x82\xc3\xdeV -\xf0\x04@k\x0e\xbb\xf07M\xd3q\x9c\xee\xc0\xddD\x93\x81f \xee\x99~\x8fc\x8b\x0b\xf8\x81L\xe0\x1d\xe07\xcc;\x93\xd3\x12\xdeV \xad\xf0\x04@_R\x99\x15\xa9\x85\xbf\xcf0\x12R\x1a\xcc\xd7\x12]\x05\x14\x00\x8d\x9e\xcf\xc7\xa3\x8dP\x1e\xa1\x10P\x0b&lt;\x05&lt;\xce\xec\x12\xf9\x84H\xb8n\xeb\xad\x80\x97 \xa43\x9e\x00\xe8\x083\xbb\xaek\x9afmm\xed\xb7\xbf\xfd\xed\xd6\x0b\xffA\xc0\xddD\'\x00\xe1d\xffN\x0f\x8f6D\xf5\x16\xcd\x01&gt;\x04~\xc3\xbc\xf6\xd3[\x81?\xff\xf9\xcf\x05\x05\x05\x8e\xe3\x18\x86\xe1m\x054\xc4\x13\x00\xedP\xe7t\x03\xf8\xf7\xbf\xff}\xdbm\xb7m\xde\xbcY-\xfc\x05\xf3\xf5D\xd7\x03~\xa0\xc9k\xdd\xec\xa1\r\xaa\xc5t6\x10\x07\x1e\x05\x1ee\x96\xc9\xad@\x9f&gt;}\xfe\xf8\xc7?\x9e~\xfa\xe9h5\xb1=\xf4\xc1\x13\x00\xbdP\xa13\xc7q~\xf0\x83\x1f&lt;\xf4\xd0CHfY\xa8\x85\xffh/\xc1\xdfCWR\xe5\x02K\x93[\x81T\x82\xd0w\xbf\xfb\xdd\xdf\xfe\xf6\xb7jb{\x91a\xad\xf0\x04@\x17Rn\x9f-[\xb6\xfc\xbf\xff\xf7\xff\x16.\\\x98J\xf5\xb9\x9c\xe8\xfb\x80\xcf[\xf8{\xe8Mj+\x90\x00~\x07\xfc\xb3U\x82\xd0\xb8q\xe3\xfe\xf1\x8f\x7f\xf4\xee\xdd\xdbs\x07i\x85\'\x00Z\x90\xda\x1d\xcf\x981\xe3\xe6\x9bo\xae\xad\xad\xf5\x9bf\xdcq\n\x80_\x10M\xf6\xb2&lt;=\xd2\x87T\x9e\xe8;\xc0O\x99k\x81\x03\x93\xb9\xa0\xe0\x91G\x1e\xb9\xf8\xe2\x8b\xe1\xb9\x83\xb4\xc1\xfb\x0c\xda\x1e\xc7q\x84\x10\x8e\xe3\xdc~\xfb\xed\x97\\rImm\xada\x18q\xc7\x99B\xf4\x02\xd1\xa9@\xbd\xd7\xcd\xcd#}0\x00\x06\xea\x81S\x81\x17\x88\xa6\x10\xc5\x1d\xc70\x8c\xda\xda\xdaK.\xb9\xe4\xf6\xdboOM\xf8\xb6\x1e\xa9\x87\xb7\x03hk\x94W4\xe5\xf6I\xc5{\xef \xba\x06\xb0\x81\x98g\xfa=\xd2\x13\x17\x08\x00\x16\xf0\x04\xf0\xfbV\x91\xe1\xd6\xee /$\xd0\xb6x;\x806#\xe5\xf4\x9f1c\xc6\x981c\x16.\\\xe87\xcd\x84\xebvc\xfe\x07\xd1\r@\xc4\xab\xf0\xf2Hg\x0c \x0eD\x80\x1b\x80\x7f\x10ucN\xb8\xae\xdf4\x17.\\8f\xcc\x98\x193f\x98\xa6\xe9\xba\xae\xb7\x06mC&lt;\x01h\x1b\xd4\xf1\xaa\x86a\xfc\xfc\xde{\x0fr\xfb&lt;G4\x1a\xa8\x05\x84\xf7\xf1x\xa49j\x0e\xd7\x02\xa3\x81\xe7\x0eq\x07\xfd\xfc\xde{U@X\x1dC\xefq\xec\xf1\\@m\x80\xda\xf9\xd6\xd7\xd7\xdfx\xe3\x8d3f\xcc\xb0\x0c\xc3\x96\xd2`\xbe\x9d\xe8\x1a \xe1-\xfc=\xda\x1d\xaau\x84\x0fx\x02x\x90\xd9%\xb2\x84\xb0]\xf7\xe2\x8b/\xfe\xeb_\xff\x9a\x97\x97\xe7\xb9\x83\xda\x04O\x00\x8e5\xaa2~\xcb\x96-\x97_~\xf9G\x1f}\x14\xb0\xac\x98m\x17\x00\x0f\x10\x8d\x03\xea\x01x\x0b\x7f\x8f\xf6\x88:l2\x0fX\x08|\x8f\xb9\x16P\x93\x7f\xd4\xa8Q\xff\xfc\xe7?{\xf7\xee\xed5\x8d8\xf6x\x02pLQ\xcb\x9c\x85\x0b\x17\x9ew\xdeyuuu*=n(\xf0{\xa2\x12 \xec\xf5\xf1\xf7h\xef8@\x0e\xb0\x17\xb8\x83yU2C4??\xff\xf5\xd7_\x1f7n\x9c\xb7\x0f8\xc6xk\xcdcD*\xe4\xfb\xd8c\x8fM\x980\xa1\xae\xae\xce2\x8c\xb8\xe3\\H\xf44Q!\xd0\xe4Y\x7f\x8f\x0e\x80\t4\x01\x85\xc0\xd3D\x17\x12\xc5\x1d\xc72\x8c\xba\xba\xba\t\x13&amp;&lt;\xf6\xd8c^X\xf8\x18\xe3\xed\x00\x8e\x05\xa9\xb2\x97\xdbo\xbf\xfd\xa1\x87\x1e2\x88$\x11K\xf9c\xa2i@\x04p=)\xfe\x9a\xe0V\x7f\x1f\xf4\x82&gt;_\x115\'\xbfYq\xd0\x0b\xaf\x80\xf5kA\x02\x06\x90\x05&lt;\r\xfc\x8a\x99\x84\x10\xcc.\xf3w\xbf\xfb\xdd\x07\x1f|\x10^\xa5\xd8\xb1\xc2\x13\x80\xa3\x8e\x9a\xca\x8e\xe3\xdc|\xf3\xcd\x8f=\xf6\x98\xca\xf4\xcff\xbe\x9f\xe8T\xa0\xf1s\x1b&amp;\x8f\xd6\xa4\x0c=\xb72\xee\x04X\x00\x03\xbe\xa4\xa0\x1a\xad\x0c\xb7\x04\xec\xcf\xf1\x93-@\xb4\xfa\xf9*=E\x02\t\x80\x00\xfbp\xbf\x14\xde\'\xf8\xc5Q\xf70\x04\xbc\x07\xdc\xc9\xdc\x94\xac\x12\xb8\xee\xba\xeb\x1ey\xe4\x11\xd34=\r8\x06x\x02ptQq\xad\xfa\xfa\xfas\xcf=w\xe1\xc2\x85\x01\xd3\x8c9N7\xe0&gt;\xa2\xd1@\x8d\xe7\xf6\xf9\xdc\xa4\xcc.\x92\x86^$\r\xbd\x018I\x1b]\x07\x18\xc0\x0e\xa0\x190\x80M@\x13\x00\xc0\x00\x1a\x80-\xcc\xd4j[p\x10\xea\x7f\xf5&amp;\xcaM\xda\xfdl\xa0/\xe0\x02\x99@\x19\xe0\x02\xf9\xc9_j\x02n\xf2\x97\xca\xa40\xe0\xd3\xaa\xe0\xf1_q\x80B`)p\x17\xf3.@= \xe3\xc6\x8d{\xe3\x8d7\xf2\xf2\xf2\xbc\xb0\xf0\xd1\xc6\x13\x80\xa3\x88\x9a\xbe{\xf7\xee=\xff\xfc\xf3?\xfa\xe8#5\xb9\x07\x00\x8f\x12\xe5{!\xdf\xffFk\x8bo\x00\x16\xe0\x03\xcc\xa4\xcd\xad\x07\xc2\xc0^\xa0\x12\xa8\x06v\x01\xfb\x99\x9b\x81\x9d\x80\x00\x1aS?\xe5\xa0\xa6c\x9f\xa7\x07\xd9AOD\xf22\x04H\xa0;\x90\tt"\xea\x06\x14\x01\xa5@\t\x90\x03\xe4%\x85\xc1\x01\x12\x80\x9d\x94\x10O\x0f\xfe+*,\\\x07\\\xcf\xbc&gt;\xa9\x01\xa3F\x8dz\xed\xb5\xd7JJJ&lt;\r8\xaax\x02p\xb4P\xf9\x0c\x1f}\xf4\xd1\xf9\xe7\x9f\xbfw\xef^\xbfa\xc4]\xf7&lt;\xa2\x9f\x00~\xaf\xc1\xc3\x11\x90I\x8b\xafV\xf7\xbe\xe4B;\x02T\x01\xdb\x80M\xc0\x0e\xa0\x92y;\x10\x05bhe\xd3\x89\xfec\xbb\x8f\xc6\xac&gt;\xc2/\n\x00A\xa0\x07PJT\x06\xf4\x05z\x02\xc5@Vrk\x92H\xee\x12\x00\x90\x17\xec9\x1c\xaaiD\x1c\xf8%\xf0:\xb3zXJJJ^{\xed\xb5Q\xa3Fy\xa9AG\x0fO\x00\x8e\n)\xeb\x7f\xfa\xe9\xa7\xd7\xd7\xd7\xfb\x0c#\xe1\xba\xdf \xfa5\x10\x03l\xcf\n\xb4\x82\x93\xc6\xd1H\xd6\n\x11\xd0\x02\xec\x06\xb6\x01\x1b\x80M\xcc\xdb\x80=\xad\xcd}\xca\x04\x1fa\xf6f\x98f\xc04])\x8b\x83\xc1\x92\xac,GJ\x009&gt;\xdf\xc0\xc2B\xf9\x99\x13^\x10\xad\xab\xa9\t\'\x12\x00L!\xf6F"U\xd1\xa8!D\xccqZ\x8e\xd4\xbc\xec\x90!\x05\x80.@O\xa0/Q\x7f\xa0\'\xd0\x15\xc8\x008Y\xe5\xa76\x07\xdeY\x9e\xad\x91\x80\x05\x04\x80\x1f\x01\xaf0\xabG&amp;//\xef\xdf\xff\xfe\xb7\xa7\x01G\x0fO\x00\xbe~R\xc9\xfe\xe7\x9e{n}}\xbde\x18\xb6\xeb~\x8f\xe8\x1a\xa0\x05\x90\x9e\xf5\x07\x90\\\xec\x13\xe0\x07\xfc\x80\x014\x02;\x815\xc0\x16`%\xf3\xd6C-\xfe!s5\xdb\xe7\xcb\xf1\xf9z\x84B\xd9&gt;\xdf\x80\x82\x82L\xcb\x1aTX\xe82\x97\xe7\xe4d\xfb\xfd\xae\x94\xea\x1b$3\x88\x04`}\x0eg\x82\xed\xba\x12\x00\xb3 \n\'\x12M\x89\x84!DS&lt;^\x11\x0e\x1bDkkj\x9am{}mmS"\xb1\xbd\xb1Q}\xc3\xc1?\x82\xe8 =\xe8\x05\x0c#\xea\r\x0c\x06\xba\x03!\xc0\x05\xe2@&lt;y\x13\xbc)\x81\xe4\xa3\x91\x01&lt;\x01&lt;\xc0\xac\x1e\x9c\xbc\xbc\xbc7\xdex\xc3+\x118Jx\x02\xf05\xa3\xa6\xe9c\x8f=v\xf3\xcd7;\x8ec\taK\xf9\x13\xa2k\x80\x1a\xcf\x1d\x9c\xb4\xfb\x06\x90\x01X\x80\x03\xec\x04\xd6\x01+\x80\xc5\xcc\xdb\xd5\xea8e@?=9s|\xbe\xf2P\xa8kvv\xbf\xfc\xfc&gt;yyE\xc1`y(\x94iY\xf9\x81\x00\x01\x96a0\xb3#%\x88\x12\xae\xebJID\xae\x94\x0e\xb3\xba\xe7\x0c|\x9e\xd9N\xc9\xc3J\x180\x89\x0c!\x98\xd9\x10\xc2g\x18`6\x85 "\xdbu\x19\xa8\x8b\xc5\x9am\xbb\xa2\xb1\xb1:\x1a\xdd\\_\xbf\xb1\xaenwSSEcc\xf8 Ih\xf5v\x0c\xa0\x070\x86h80\x10\xe8\x0e\x98\x80\r\xb4\x00\xae\xa7\x04\xc9\xa8O!\xf0\x04\xf0Kf\xf5\xf8\x98\xa6\xf9\xc8#\x8f\\w\xddu\x9e\x06|\xedx\x02\xf0u\x92\xb2\xfe\xd7_\x7f\xbd b"\x96\xf2\xa7DWu\xf8\x84\x9f\xd6v\xdf\x074\x00\x9b\x80e\xc0b\xe6\xb5@3\x0eXIbn=!3L\xb3_~~\x9f\xfc\xfc\x01\x05\x05\x03\n\n\x8e\xcb\xcd\xed\x14\x0c\x06L\xd3\x14\xc2\x91R2\xc7]W*\xa3\x0f(\xdf\x8e\xb2\xde\x02\xffq\xd9\x7f\x15\xc5\xfd\xcfP\x98\xe5\x81\xff2\x00A\x04\xc0\x14B\x10\xf9\rC\x10\xa9!\xc5\x1cg\x7f4\xfaIC\xc3\xfa\xda\xda\xf5\xb5\xb5\x9b\xeb\xea6\xd6\xd5\xb5\xf6\x1d\x11\x11\'\xc5 \x13\x18\x04\x8c!\x1a\t\xf4\x05r\x81\x84\xa7\x04\x00\x92\xa9AO\x01\xbf`&amp;!\x88Y2?\xfa\xe8\xa3\x9e\x06|\xedx\x02\xf0\xb5\xd1\xda\xfa\xab\xfen*\xd9\x7f"\xd0\xd8QC\xbe\x07\xad\xf7\xc3\xc0:\xe0=`\x01\xf36\xb4\n\xab\xb6\x9a\x84\xb9~\xff\xc0\xc2\xc2\xd1%%\xc7w\xeat\\nnYNN\xc04\x05`K\x19w][J\xc9\xcc\xccj\x9dNH\x9a\xfc\xb6\x80q@\x10\xd4\xde\x82\x88\x04\x91%\x84\xdf0,!$\x10s\x9c\x1d\xe1\xf0\'\r\r\x1f\xef\xdf\xbft\xef\xdeu55\r\xf1\xf8\x7f\xfe}\xab\xb7\xdf\x138\x99\xe8T` \x90\xe3\xed\t\x00\x17\x08\x01s\x93%\x02\xaas\x9c\xa7\x01_;\x9e\x00|=\x1c\xd6\xfa\xff\x95\xe8\x84\x0e\xb9\xf6\xe7\xa4?7\x00\xf8\x0fk\xf7\x89H\xca\xd4\xcc\xcb\xb2\xaca\xc5\xc5\xa3:w\x1e]R2\xa0\xa0\xa0sf\xa6\xdf0\x1c\xe6\x84\xeb\xaa5&gt;3\x0be\xf1\xb5?KVmadR\x0f\xfc\x86\xe13\x0c\x93(\xee\xba\xfb\x9a\x9b\xd7\xd7\xd6.\xdd\xbb\xf7\xa3}\xfbVVUE\xec\x03ui\x04\xb0\x10j[p\x90\x12\xc4\x81X\xf2f\xea\xfe\xce\xbfn\xd4&gt;\xe0C\xe0FO\x03\x8e\x1a\x9e\x00|\r\x1c\xc9\xfa\x8f\x04\xea\x00\xab\xad\x87w,\x91\xc9B\xdcL \x0el\x05f\x03\xffn\xb5\xdeo=\xe1\xbafe\x9dTZ:\xa5\xaclHQQ\x8fP\xc8\xa7\xbc(\xae\x9bp\xdd\x03\x064\x1d,\xfeg\xc3\xcc\x12P\x02\xe63\x8c\x80a\x98B$\xa4\xdc\xde\xd8\xb8\xba\xbaz\xce\x8e\x1d\x1fTV\xee\x8eD\xd47\x13\xc0\xea\xfd2\xf7\x04N\':\r\xe8\x05\xf8\x81\xe6d)r\x87\xda\x10\xd8@&gt;\xb0\xcc\xd3\x80\xa3\x86\'\x00_\x95\xcf\xb0\xfe\xf5\x1di\xed\xaf\xfc\x15\x19\x80\x1f\xd8\x05,\x02\xdeb^\n\xb8\x87\xd8\xfd&gt;yy\x93\xca\xcaN\xef\xd1c@AAaF\x06\x80\x16\xc7\x89\xa7\x8c~\xba\x9b\xfc#\xa3v\x06J\x0c\xfc\x86\x91a\x9a\x00jZZ\xd6\xd7\xd6\xfe{\xfb\xf6ww\xec\xd8\\\xaf\xda\x81\xffG\t\x0c\xe6\xd1\xc0YDc\x81n@\x1ch\xe9`\x07D;@\x9e\xa7\x01G\rO\x00\xbe\x12\x9e\xf5W\xde\x1e\x13\xc8\x02l`\x030\x1d\x98\xc7\\\x8b\x03\xab\xf7\xd4\x04K\xd9\xfda\xc5\xc5\xb9~\x7fB\xca\x98\xe3\xd8RB\xf97\xda\xad\xd9?&lt;\x9c\x8c*[B\x04L\xd3\'DC&lt;\xbe\xb2\xaa\xea`% R\x91\x86\x02`\x02\xd1\xa5@\x7f\xc0\x02"\x80\xd3a\xfcB\x9e\x06\x1c=&lt;\x01\xf8\xf2\xa8\xc9\xf7\xf7\xbf\xff\xfd\xba\xeb\xae\xeb\x80\xd6_\x02\x12Pu\xb0\r\xc0\x1c\xe0M\xe6\x0f\x01\xa9\xf2p\x92\x06\xae$3\xf3\xfc\xde\xbd\xcfhe\xf7\xa3\xb6\xedH)\x88\xa8\xa3Y\xfd\xc3\xa1\x02\xc8\x92\xd9\x14"hY)%\x98\xb5}\xfbk[\xb6\xecmn\x06 Z\xdd\xd5\x13\x80s\x88\xa6\x00\xb9\xc9Z\xe8\x8ept\xe8a5\xe0\xb1\xc7\x1e\xfb\xd6\xb7\xbe\xe5i\xc0W\xc1\x13\x80/\x89\x9avK\x96,\x19;v\xacA\xe40w\x1c\xeb\xaf\x1c\xfdA \x03\xd8\x05\xcc\x00f1W\x00\xaa\xd8J\xa5c\xfa\x0ccb\xb7n\x97\xf4\xeb7\xa6K\x97\x92\xcc\xcc\xd6v_xf\xff\x08\xc8O+\xc1\xde\xe6\xe6\xc5{\xf6&lt;\xbfq\xe3\xdc]\xbb\x12\xae\x0b@\x10\xa9"\xb5r\xe0\x0c\xa2\x8b\x81n@\x0b\x10\xed\x00\xe1\x81\x834\xc0$r\x99\x17-Zt\xe2\x89\'z\x1a\xf0\xa5\xf1\x04\xe0\xcb\xa0\x1aT}\xf4\xd1Gg\x9cqFcC\x03\x01A)\xff\xd2\x01\xac\x7f\xca\xf4\xfb\x81U\xc0L\xe0u\xe6:\x00D&amp;\xb3Jw\xef\x95\x9b;\xb5w\xef\xf3z\xf5\x1aPP@@\xb3m\'\\\xd7\xb3\xfb_\x08\xa5\x04&gt;\xc3\xc8\xb4,\x06\xd6\xd7\xd6\xbe\xbeu\xeb\xab[\xb6lmh\x00`\x02\x0e\x11\x98\xf3\x81\xf3\x88\xce\x06\x86\x02\xf1\x0e \x03)\r\xb8\x899*\x04\x03\xa1\xdc\xdcY\xb3f\x8d\x1a5\xca\xeb\x19\xf7\xe5\xf0\x04\xe0\x0b\x93\xb2\xfe\xaa\xcf\x8f\xaa\x00\xfa\x0b\xd1\x14\xa0\xba\xfd\xe6\xfc\xa4L\xbf\x0fX\x0b&lt;\x03\xccd\xb6\x01\x10\xa5\xbc=\xe3KK/\xea\xdb\xf7\xec\x9e=\xf3\x03\x81\x16\xc7\x89:\x0e\x80v\x1c\xd4=\xdapr;\x154\xcd\x0c\xd3\xac\x8b\xc5fn\xdb\xf6\xc2\xa6M\xf3++\x91\xf2\x0b1[\xc0\xd9DW\x02\x83\x80D{\x97\x01\x1b(\x02\xe6\x0071\xabG/\xd5/\xc8\xd3\x80/\x81\'\x00_\x0cuHEuu\xf5\xc0\x81\x03\xab\xab\xabU\xbb\x92\x9f\x10]\x014\xb4\xd3\xb5\xbf\n\xf3\xb66\xfdo2;\x80A\xe4&amp;\xbd=\x17\xf4\xee}Y\xff\xfe\xa3:w\x0e\x98f8\x1e\xb7=W\xcf\xd7\x8a\xda\x10XB\xe4\xf8\xfd1\xc7\xf9h\xdf\xbe\xe76lxy\xcb\x16\xe5\x17R\x1f\x84\t\x9c\xf3i\x19h\xaf!b\x07\xc8\x05\x9eU\xbd"\x0c\xc3v\xdd\xa2\xa2\xa2u\xeb\xd6\x15\x15\x15yg\xc8|Q&lt;\x01\xf8\x02H)\x01444\x9cy\xe6\x99K\x97.UMk\x7fBt5P\xdb\x1e3\xf38\xd9\xa77\x00\xac;\x9c\xe9/\xcc\xc8\xb8j\xd0\xa0\xf3{\xf5\x1aXP \x99\x9b\x12\t\xd56\xa7\xad\x07\xdenQ\r\x8e\xb2}&gt;A\xb4\xae\xb6\xf6\xb5\xad[\x9fZ\xbb\xb6\xa6\xa5\x05\x87\xc8\xc0@ \x96\xec:\xde\xfed\xc0\x05\n\x80\'\x81_&amp;{G\x8f\x1e=\xfa\xed\xb7\xdf\xce\xcd\xcd\x05\xe0i\xc0\xe7\xc7\x13\x80\xcf\x0b\';\x10\x8c\x1b7n\xf1\xe2\xc5j\xda\xddAt+\xb0\xbf=\xae\xfd\x1d\xc0\x07d\x01{\x80\xbf\x01/\x1c\xce\xf4O\x1b8\xb0,\'\xa7\xc5\xb6\xa3\x8eC\xc9\x0e9\x1eG\x1b\xc9\xcc\xca/dY;\xc2\xe1\xa7\xd7\xad;T\x06."\xba\x01\xe8\x02D\x80D;\x9d\x9f\x9d\x80?\x01\xbfOj\xc0\x981c\x16.\\x\xa0M\x887\x15?\x1f\x9e\x00|.\x98\xd9u]\xd34\xaf\xbf\xfe\xfa\xc7\x1e{L\x1dZ4\x95\xe8\xd7@\xa4\xdd\xf9[%@@.P\x05&lt;\x0b&lt;\xcf\\w\x04\xd3\x1fI$b\x8e\xe3y{\xda\x04\xe5\x17\n\x98f\x96\xcfwX\x19\xc8\x07.!\xba\x02(\x06\x1a\x00n\x8f\x135\x0b\xf8\x11\xf0*\xb3z$\xaf\xbb\xee\xbaG\x1f}\xd4q\x1c\xc30&lt;\r\xf8&lt;x\x02\xf0\xb9Pyf\xb7\xdf~\xfbC\x0f=\xa4\xa6\xda\xd9D\x0f\x00\x91d?\xf7\xf6\x01\'\x1f*\x17x\x15x\x9cy\x07\xfe\x13\xe6=\xd4\xf4\x1bB\xb4\x9b\xf7\x9e\xa60\xe0Jy\xa8\x0c\xa4B\xc4e\xc0\xb5DS\x01#\xb9Xi7\x1f\x99z\xf4\xb2\x80\xef\x013\x93\x1a\xf0\xdd\xef~\xf7\xc1\x07\x1f\xf4\x12C?\'\x9e\x00\xfcwZ\x97\xfb\xfaM3\xee\xba\xfd\x99\x9f"\xb2\xda\xd7\xd9^n\xb2\x87\xcfR\xe0\x8f\xccK\x01\x10\x99\x80\xc3l\tq\xf3\xf0\xe1\xd7\x0e\x1e\xdc\xdd3\xfdZ\xd2Z\x06v\x86\xc3\x8f\xafY\xf3\xc8\x8a\x15\xb6\x94&amp;\x91\x03\x80y4p\x1b\xd1\xe8dO\xa1v\x13\xafR\xe7\x88\xd9\xc0U\xcc\x1b\x88\xfc\x86\x11w\x1c\xafH\xf8\xf3\xe3\t\xc0\x7fA\xe5\x96\xb5.\xf8\xea\xc2&lt;\x83(\x1b\x88\xb7\x17\xeb\xaf\x928C\xc0&gt;\xe0\xaf\xc0\x0cf\x17\xf0\x11%\x98\x01\\\xd2\xaf\xdf\rC\x87\x0e/.n\xb6m\xcf\xf4\xebLJ\x062-kEU\xd5\xdfV\xadz~\xe3F$?J\x03\xb8\x98\xe8F\xa03\xd0\x08\xa0\x1d\xcd^?\xd0\x04\\\xcc\xbc\xe7\xd3\x05b^b\xe8\x7f\xc5\x13\x80\xcfBe\x95UTT\x8c\x1c9R\x15|eJ\xf9\x17\xa2\xa1@\xa4\xbd,\xa3\x1c \x08\x98\xc0\xeb\xc0\x03\xcc\xd5\xad\xdc\xfd\xe3\xbav\xfd\xce\xf1\xc7O)+\x8b\xbbn$\x910\xbc\xd8Z:\xc0\xcc.s\x96\xcf\xe77\x8c9;v\xfc\xe1\xe3\x8f\x17\xee\xde\x8d\xe4\xc7Z\x04|\x8f\xe8&lt;\xc0\x01\xa2\xed%8\xec\x02Y\xc0*\xe0&amp;\xe6\xe6d\x81\xd8\xb2e\xcb\xca\xcb\xcb\xbd\xc4\xd0\xcf\xc6\x13\x80#\xa2\xeeLCC\xc3i\xa7\x9d\xb6l\xd92uJ\xb5*\xf8j\x1f-\xfeS\xc1\xde\r\xc0\xfd\xcc\x1f\x00 2\x98]\xa0Sf\xe6]\xa3G\xffO\xbf~\x96a4\xc4b^\x987\xedP!\xe2\xdc@\xc0v\xdd\x7fm\xdcx\xdf\xd2\xa5\xfb\x9b\x9b\r\xd5\x9c\x95\xf9$\xe0N\xa2\xfe\xed(8\xac\x0e\x0fP\x05b\xeaQ\x1d9r\xe4\xec\xd9\xb3Ub\xa8\xb7p9\x12\x9e\x00\x1c\x11\xe5C\xbc\xe8\xa2\x8b^|\xf1E\xbfi\xc6\x1d\xe7n\xa2\xab\xdbK\xb3\x07\x07\xc8\x04\x08x\x16\xf8\x13s3`\x11\xd9\xcc\x06\xd1U\x83\x06\xdd1rd\xd7\xac\xac\xfaX\x8c\x01\xc3{x\xd2\x16\x97\x99\x80\xbc@`w$\xf2\xfbe\xcb\x9eZ\xbb\xd6eV\x1ft&amp;p+\xd1\x15\x00\x03\xcd\xedeJ\xe7\x01O\x02\xbfaV\x0f\xec7\xbf\xf9\xcd\x17^x\xc1\x0b\x06|\x06\x9e\x00\x1c\x1e5i~\xfe\xf3\x9f\xdf{\xef\xbd\x01\xcb\x8a\xd9\xf67\x88\xee\x03\x1a\xd2\x7f\xb9\xa4&lt;\xfey\xc0\x06\xe07\xcc\x8b\xd5\xfa\x88\x99\x81\xe1\xc5\xc5\xbf:\xf9\xe41]\xba(w\xbf\xe9\xed\x9d\xdb\x05N20\xb0x\xcf\x9e\x1f/X\xb0\xa2\xaaJ\x1d\xa5\xc9\xccc\x80\xbb\x89\xfa\x03\xaa\xfdt\xba\x7f\xde\x12\xc8\x05\xee\x02^aV\x8f\xed\xbd\xf7\xde{\xcf=\xf7x\x1ap$&lt;\x018\x0c*v\xf4\xd2K/}\xf3\x9b\xdf\xf4\x99f\xc2q\x06\x03\xcf\x12\xd9\xe9\x9f\xf4\xa9*{M\xe0\x99\xe4\xc2\xdf\'DB\xca,\x9f\xef\x87\xa3G_5p\xa0\xdf4\xc3\xf1\xb8\xe7\xeeog\xa8\xc0@\x8e\xdf\x1fw\x9c\xa7\xd6\xad\xfb\xbf\xa5K#\x89\x84\xfa\xe8\xd5V\xe0J\xc0IV\x0e\xa7/\xea\xf1\xb4\x80+\x98\xd7\x00\xea\xe1}\xf1\xc5\x17/\xbc\xf0B/ |X&lt;\x018\x18)%\x11\xa9\xc0o\xb8\xa1\x81\x81\x10\xf3KD\x05\xe9\x9f\xf6\xa3\x9a\xa8\xec\x01~\x03\xccaN-\xfcO\xe9\xd6\xedW\'\x9d4\xa8\xa8\xa8!\x16s\x99=\x9fO{E}\xb8\xb9\x81\xc0\xda\xea\xea\x1f\x7f\xf0\xc1\xfb\xbbv\xa5\xb6\x02S\x88\xee\x06\xba\xa4\x7fK+\x95\x14T\x0b\\\xc8\xdcHD@N2 \xcc\xcc^@\xf8 &lt;\x01\xf8\x14\xcc\xac\x1a\xfe\x9ct\xd2IK\x96,\xb1\x0c\xc3u\xdd\xc7\x89N\x00\x9a\xd2yq\x94\x8a\xf7\xce\x01~\xca\\\x0b\xf8\x85\x88K\x99iYw\x9fp\xc2uC\x86H\xa09\x91\xf0|&gt;\x1d\x01G\xcaL\x9fO\x00\x8f\xad^\xfd\x9b\x0f?l\xb6m5\x19\n\x80_\x10MI\xff\xc8\xb0\x0bd\x03\x1f\x02\xd72\x1b\x86a\xbb\xee\x89\'\x9e\xf8\xc1\x07\x1f\x00\x10\xc2\xebN\xfb)\xd2\xf7S&gt;*\xa8}\xe2\xf7\xbf\xff\xfd%K\x96\xf8M\xd3v\xdd\xef\x12\x9d\x0c\x84\xd3\xd9\xfa\xbb\x80\x1f\x08\x00\xbf\x03nf\xae%\xb2\x88\xe2R\x0e+.~u\xea\xd4\xdbF\x8ch\xb6\xed\x16\xdb\xf6\xac\x7f\x07\xc1\x14\xa2\xc5\xb6\x9bm\xfb\xb6\x11#^\x9d:uXqq\\J\x8b\xa8\x96\xe8f\xe6\xdf\x01\x01\xc0\x0f\xb8m=\xce/\x8d\x01\x84\x81\x93\x81\xef\x12\xd9\xae\xeb7\xcd%K\x96|\xff\xfb\xdf7\x0c\xc3u\xd3\xf7m\x1d\x15\xbc\x1d\xc0\x7fh\xed\xfaWY\x04\xa7\x12=\x0c4\xa5\xb3N\xba@\x08\xa8\x04~\xca\xbc8\x99\xea\x03\xe0\xf6\x91#o?\xfex\xbfa\x84\x13\t\xcb3\xfd\x1d\x12[\xca\x1c\x9f/\xee\xba\x0f~\xfc\xf1\x83\xcb\x96!9=\xc6\x00\xbf *\x05\x1a\xd3y\xdd#\x81l\xe0\x16\xe0\xbddR\x90\x17\x0c8\x14O\x00\x0e\xd0\xda\xf5\xdf\xd4\xd8(\x99K\x98\x9f\'\xca\x04\x9c\xf4\x0c\xfc\xaa\xcf5\x04\xbc\xf3i\xb7Oq0\xf8\xe0\xc4\x89\xe7\x1cw\\\xbd\xe7\xf1\xef\xf0\xa8\t\x90\x17\x08\xbc\xf9\xc9\'\xb7\xcf\x9d[\x15\x8d\xb6v\x07MN\xd6\x0c\xa7\xe3\x14a\xc0\x04\x9a\x81K\x98\xf7\x12\t\xa2\xecP\xc8\x0b\x06\x1c\x84\'\x00\xc0\x11\\\xff\xff \x1a\x9d\xb6\xce\x1f\xd5#\xc5\x0f&lt;\x0e&lt;\xc0\x8c\xe4\xe2n|i\xe9\x1fN=\xb5,\'\xa7.\x16\xf3\x9a:x \xd9@"?\x10\xd8\x11\x0e\x7f\xe7\xbd\xf7\xe6WV\xa6\xb6\x89\xdf#\xba\x16\x88\xa7m\xcf+\x17\xc8\x01\x96\x02\xff\xcf\x0b\x06\x1c\x81t\xfcX\xbf~\x0e\xeb\xfa\x1f\x9b\xb6[`\x17\xc8\x00l\xe0n\xe0\x01f\x8b\x08\x80\xcd|\xfb\xc8\x913\xce;\xafSff],fz\xd6\xdf\x03\x00@\x80)D],\xd6)3s\xc6y\xe7\xdd&gt;r\xa4\x9d\\1&lt;\xc0|7`\x03\x19\xe9\x19\x120\x80F`\xac\x17\x0c82\xde\x0e\xe0\x80\xf5\x7f\xf7\xddw\'O\x9e\xdc\x0e\\\xff\x0e\x90\r\xec\x07\xbe\xcd\xbc\x1e\xf0\x13\xc5\x99C~\xff_\xa6L9\xbbg\xcf\xbaX\x8c\x99\xbd\xbe\x0e\x1e\x87"\x99\x89(?\x10\x98\xb9m\xdbMs\xe64\xc6\xe3j\xf2\x0c\x00\xfeL\xd4\thJ\xcf\x0c\xd1C\x83\x01\xef\xbc\xf3\xce\xa4I\x93\xbc`\x00&lt;\x01P\xe7|544\x8c\x1e=\xbab\xdb6\x10\xe5J\xf9\x12Q~zf\xfd\xab\x8e(K\x80\xef\xb4r\xfa\x0f)*\xfa\xeb\x94)\xfd\n\n\xeaZZ\xbcT\x1f\x8f\xcf\xc6\x912?#ccm\xed\x8ds\xe6\xac\xae\xaeN\x85\x04\xfe@tbzv\xc1R\x95\x01u\xc0\x85\xcc\rB\x80\xb9\xbcg\xcf\xa5K\x97\xe6\xe6\xe6zg\x87uts\xe0\xba\xae\x10\xe2\xa6\x9bn\xfa\xe4\x93OL!\xa4\x94\xbf$*\x01b\xe9vk\xd4\xf9\xbd\x85\xc0?\x81\xeb\x99k\x01\x95\xebyq\xdf\xbe\xafN\x9dz\\n\xaeg\xfd=&gt;\x0f\xa6\x10u--\xc7\xe5\xe6\xbe:u\xea\xc5}\xfb\x1e\xc8\x10\x05\xaeg\xfe\'P\x08\xb8\xc9\xfc\x82tA\x001\xa0\x04\xf8%\x91\x94\xd2\x14\xe2\x93O&gt;\xb9\xe9\xa6\x9b\x84\x10\x9e#\xa8C\xef\x00\xd4\x1ep\xc6\x8c\x19\x97\\r\x89\xaa\x1a\xbf\x94\xe8\x7f\x81\xfats\xfd\xab\x8f0\x07x\x1a\xf8U\xab\x12\xdf{\xc6\x8e\xfd\xf6\xf0\xe11\xd7M\xb8\xae\x97\xed\xe3\xf1\xf9q\x99}\x86\x110\x8c?\xafX\xf1\xf3E\x8bR\x05\xc3?&amp;\x9a\x06\x84\x01\xa4[j\x90\x0b\xe4\x01?\x03\xa63\xab\x87\xfd\xf9\xe7\x9f\xbf\xf8\xe2\x8b;\xb8#\xa8\xe3\n\x80J\xfb\xa9\xa9\xa9\x19&lt;xpmM\x8d\x0b\xf4\x95\xf2y"\'\xdd\x1a\xfeH@\x00A\xe0\xa7\xc0K\xcc\xea\xf4\x8fL\xcb\xfa\xc5I\']7dHu4\n\xef\xb8v\x8f/\x8ed\x06P\x14\x0c&gt;\xb6z\xf5O?\xf8\xa0\xd9\xb6\xd5\xd4\xba\x90\xe8\x17@49\xf1\xd2\x05\xf5P\x9b\xc0%\xcc\x9b\x840\x80\x82\xc2\xc25k\xd6\x14\x16\x16\x02\xe8\xb0Y\xa1\x1d\xf4m#y\xd8\xcb\xad\xb7\xdeZUU%\x88L)\x7fFd%\xbb&amp;\xa4\x0b*\xddS\x1d\x8d\x9d\xb2\xfe!\xbf\x7f\xc6\xb9\xe7~k\xf0\xe0}\xcd\xcd^+\x7f\x8f/\x87\x9a9\xfb\x9a\x9b\xbf5x\xf0\x8cs\xcf\r\xf9\xfd\tf\x1f\xd1K\xcc?\x02\xb2\x00+\xd9Y6-\xa0\xe4\xc3\xf23"SJATUUu\xeb\xad\xb7\n!\xd4Z\xb0c\xd2A\x05\xc0u]\xd34_x\xe1\x85\x193f\xf8L\xd3v\xdd\xffG4:\xdd2\x7fTk\xcff\xe0\xdb\xc0\xab\xcc\x01!\x12\xcc\x83\x8b\x8af}\xf3\x9b\xa3KJ\xf6G\xa3^\x89\xaf\xc7W\xc4\x12b\x7f4:\xba\xa4d\xd67\xbf9\xb8\xa8(\xc1\x1c\x10\xe2U\xe6o\x03\xcd@ \xad\xd2C\x05\xd0\x04\x8c\x06\xfe\x1f\x91\xed\xba&gt;\xd3\x9c1c\xc6\x0b/\xbc`\x9af\x87\r\x06tD\x17\x90*\xfa\xad\xae\xaen\xed\xfc\x99N\x94^S@%\xfb7\x01\xdfb\xde\xd0*\xe1g\xc6\xb9\xe7\xe6gd\x84\xe3q/\xe4\xeb\xf1u\xe1H\x99\xe3\xf7\xd7\xb5\xb4\\\xfc\xc6\x1b\xa9\xd4\xa0\xfe\xc0\xdf\x89\xb2\x81\x96t\x8b\x99\x19\xc0\xa5\x9fv\x04\x15\x15\x15u\xcc\xf2\xe0\x0e\xf7\x86\x0103\x11\xa5\x9c?\x96\x94?#\xf2\xa5\xd5~\xf6`\xebO\x14\x97r|i\xe9\xf4s\xcf\r\x05\x02\x9e\xf5\xf7\xf8z1\x85\x08\xc7\xe3\xa1@`\xfa\xb9\xe7\x8e/-\x8dK\xe9\'\xda\x00|\x8b\xb9)\xdd\xca\xc4$\xe0\x03~Fd\xb5r\x04\x11u\xc4\xa50:\xa0\x00\xa8\xa0\xff\x9c9sf\xcc\x98\xe13\x0c\xdbu\xafHv{N\x97{q\x98\xb5?\xf3\xa5\xfd\xfa\xbd&lt;uj\xb6\xcf\x17\xf5\xfazz\x1c\x05L!\xa2\xb6\x9d\xed\xf3\xbd&lt;u\xea\xa5\xfd\xfa\xc5\x99\xfdB\xa4\xa3\x06(G\xd0\t\xc0\x15\xca\x11d\x183f\xcc\x983gN\xc7,\x0f\xeeX\xba\xa7\xca\xbe"\x91\xc8\xf1\xc7\x1f_\xf1\xc9\'\x92\xa8\xab\x943\x88\x94+3-B\xa5\x87\xf5\xfc\\\xda\xaf\xdf\x9f\'O\x8e$\x12\xd2\xab\xf2\xf58\x9a\xa8\t\x96\xe5\xf3}\xfb\x9dw\xa6o\xdc\x98\xa6\xbe \x06\x0c \x06\\\xcc\xbc[\x08\xc1\\~\xdcq\x1f\x7f\xfcqVVVG+\r\xebXKE\x95\xf9s\xdf}\xf7m\xdd\xbaU\x08AR\xfe\x88(\x1f\xb0=\xeb\xef\xe1\xf19\x10D\x929\x92H\xfcy\xf2\xe4K\xfb\xf5\x8bK\x99\x8e\xfb\x00\x02l \x1f\xf8\x11\x11I)\x84\xd8\xbau\xeb}\xf7\xdd\xd7\x013\x82:\xd0\x0e@\xc5~7o\xde&lt;d\xc8\x10v][\xca\xb3\x81\x87\x80\xda4\xa9n\x97@\xc0\xb3\xfe\x1e\x1a\xf0\xd9\xfb\x80t\xa9\xa2w\x80\x02\xe0\xbb\xc0L\xc0\x12\x82\x0cc\xf5\xea\xd5}\xfa\xf4\xe9P\xd1\xe0\x8e\xf2&gt;\x91\x8c\xfd\xdev\xdbm\x89DB\x02\xd9\xcc\xb7\x03\xcdi\xb2iU)\xcc\x9e\xf5\xf7\xd0\x81\xcf\xde\x07\xa4K}\x80\x014\x03\xb7\x03\xd9\xcc\x12H$\x12\xb7\xddv[G\x8b\x06w\x14\x01P\xb1\xdf\x17_|q\xf6\xec\xd9\xaa\xdd\xff\x8dD\xdd\x81x:8\x7f\xb8U\xado*\xe7\xc7\xb3\xfe\x9f\x07\x06\x18\x90\xccn\xf2\x8f#\xe5g\xfcI}\x9bd\xe6tkzs,9\x8c\x06\x10m\x00~\n\x04\x01\x91\x0e\xb7\x8e\x808\xd0\x1d\xb8\x91\xc8u]\xcb0f\xcf\x9e\xfd\xe2\x8b/v\xa8hp\x87\x90\xbbT\xecw\xf8\xf0\xe1\xdb+*$Q?)\xa7\x139m=\xb0\xcf\x83\xfax\xb2\x80\xbb\x81W\x99\xbd\xb5\xff\x91`\xf5A\xab\xad\x1e\xa0\xa2y\x96\x10\x0c\xf8\rC\x10\x81\x19D\x9f]\x1cgK\xa9\xbeM2\xc7]\x97\x00[J5\x7fX\xfd\xcc\xe4\xdf\x1e8\x82/h*\xd1o\x80\x08\x80tX]\x010\x81K\x997\n!\x98{\x94\x97\xafX\xb1\xa2\xe3D\x83\xd3\xc2\xfb\xfdU\x91R\x1a\x86q\xdf}\xf7m\xdb\xb6\xcdg\x18\x8e\xeb~\x8f\xc8\x0f\xc4\xd3\xc1\xff#\x81&lt;\xe0\x87\xc9Z\xdf\x98\x94\xe3\xbav\xf5\xac?\x92\x16_2\x13 \x840\x85\xf0\x0ba\x08a\n!\x99\x1d)\xe3\xae[\xdb\xd2b\x10}\xd2\xd8\xd8l\xdb\x82\xc8v\xddU\xd5\xd5\xce\x11\x02}\xa6\x10C\x8b\x8a,\xc3\x90\xcc\x99\x96u\\(\xe42\x17dd\xf8\r\xc3\x14B\x109R\xbaR\xc6\xa5t\xa4\x94R2 :\x88\x9d8\x02\xad\xf7\x01\xbb\x9a\x9a\x16\xee\xde\x1d\x10\xe2U)\x05\xd1\xff\xa5ISE\x17\xc8\x04\xbeGt\x83\x94\xa6al\xdb\xb6\xed\xbe\xfb\xee\xfb\xd5\xaf~\xd5A\x9a\xc4\xb5\xff\x1d\xc0\xa7b\xbf\x8ec3\x9f\r&lt;\x98&amp;\xb3S\xf5\xf7\x7f\x1c\xf8M\xb2\xcf\xcf\xe0\xa2\xa2\x19\xe7\x9e\x9b\xe5\xf3\xd9\xae\xdb\x01\xad\xbf\xf2\xe7\xa83m|\x86\xe17\x0c\xb5\xc6\x8f\xd8vC,\xb63\x1c\xde\xd5\xd4\xb4\xa5\xa1\xa1&gt;\x16\xdb\\W\xd7\x94HT\x84\xc3\x02h\x88\xc7\xbf\xc4\xef\xca\xf5\xfb%P\x9e\x93\x93\xed\xf3\xf5\xc9\xcf\xcf\x0b\x04z\xe7\xe6v\xcb\xce\xee\x9e\x93\x93\x1b\x08dY\x96\xda\x1f\xc4]7\xe1\xba\xea4\x95\x8ey\xcc\xa0d\xb6\x0c#\x92H\\\xfc\xc6\x1bk\xaa\xab\xd5D\xbd\x9b\xe8\xda49?@5\n\xbd]E\x83\x89\xc84;N4\xb8\xfd\x0b\x80R\xf2\xab\xae\xba\xea\xe9\xa7\x9f6\x0c#\xcbu_"*L\x87\xd4O\'\xd9\xdf\xff\x9e\x94\xf5/,|\xe1\xfc\xf3C&gt;_\xd4q:T{ge\xf4\x89H\xf5(6\r#\xe18{\x9a\x9b\xb7\xd4\xd7o\xa8\xad]W[\xbb\xb1\xb6vgSS},v\x0c\x06\x93\x17\x08t\xcf\xce\xeeWP0\xb0\xa0\xa0\x7fAA\xef\xbc\xbc.\x99\x99&gt;\xd3t\\Wu\xde\xe6\xa4\x18\x1c\x83\xc1h\x82\xcb\x1c4\xcd\xc6D\xe2\xa2\xd7^[SS\xa3\xa6\xeb\xcf\x89.O\x07\r`\xc0\x02j\x80\x0b\x99#\x86\xe1\xba\xee\xb4i\xd3\x9ez\xea\xa9\x8e\xb0\th\xe7\x02\xa0\xce{Y\xb0`\xc1\xa9\xa7\x9e*\x00\xdbuo"\xba\x03\xa8\xd3~\xf9\xef\x02Y\xc0\n\xe0[\xcc6\x91d\xce\xf6\xfb\xff\xfd\xcdo\x1e\x97\x9b\xdbq:=Hf\xc9l\n\x110M\xbfa$\\w_s\xf3\xfa\xda\xda\xa5{\xf7.\xdd\xb7o]M\xcd\xe7\\\xda\x1bB\xe4ddHfC\x88\xbe%%\xa6a\x1c:\xed\x89\xc8q\xddM{\xf7\xbaR\n\xa2pK\x8b\xfb\xf9R\xc2s\xfd\xfe\x81\x85\x85\xa3;w\x1e]R2\xa0\xa0\xa0sf\xa6\xcf0\xe2\xae\x1bs\x1cG\xca\x8e\xd3\x8dU\xf5\x0b\xfa\xa4\xa1\xe1\xf4\x17_l\x8a\xc7\x05\x91\xc5\xfcw\xa2\xe1@$\x1d\x1e\xb7|\xe0\xf7\xc0_\x98-\xc3\x90\xc0{\xef\xbdw\xf2\xc9\'+\xefq[\x8f\xee(\xd2\xfe\x05\xc00\x8c\x89\x13\'\xce\x9b7O\x18F7\xd7}\x99H\xff7\xacR\xfek\x81o07\x02\x82\xc82\x8c\x17\xcf;\xef\x84\x92\x92\xc6\x0e`\xfdSv?hY&gt;!\x1a\xe2\xf1\x8a\xc6\xc6wv\xec\x98\xb7k\xd7\xfa\xda\xda\xd6\xcb|\xfat\xb6\x89!D~VV\xafN\x9d\n\xb2\xb3\x07\x96\x96f\x05\x02C\xbaww\xa5,\x0e\x85\xba\xe4\xe59\xae+\x88:\x85B\x82\xe8\xa0#\x1f\xd4\xa5d\xde\xdf\xd8(\x99M\xc3\xd8S__\xd5\xd8h\x08\xb1z\xe7\xceH,\xb6\xae\xb2\xb2\xb6\xa9i\xeb\xfe\xfdu\x91Hka8h\x00y\x81\xc0\x80\x82\x82\t\xdd\xbaM.++\x0f\x85r\xfd\xfe\x84\x94Q\xdb\xee J\xe0H\x19\xf2\xfb?\xdc\xbb\xf7\x9b\xaf\xbfn\xbb\xaed\x0e\x01\xaf\x10\x15\xa4Iq\x00\x01\x170\xef2\x0c\xe9\xba\x13&amp;L\x98;wn\xbb\xdf\x04\xb4g\x01P\x1f\xde\x0b/\xbcp\xf1\xc5\x17[\x86a\xbb\xee=D\x97k\xef\xfdg\xc0\x04l\xe0j\xe6\xf5\x80O\x88\x84\x94\x0fL\x98p\xdd\x90!\xed\xbb\xc33\xabRm\xa2\x0c\xcb\n\x18FC&lt;\xbe\xb2\xaa\xea\</t>
        </is>
      </c>
    </row>
    <row r="194">
      <c r="A194" s="1" t="n">
        <v>192</v>
      </c>
      <c r="B194" t="inlineStr">
        <is>
          <t>rectangle_height_color</t>
        </is>
      </c>
      <c r="C194" t="inlineStr">
        <is>
          <t>What is the missing color of the part denoted with a question mark?</t>
        </is>
      </c>
      <c r="D194" t="inlineStr">
        <is>
          <t>['yellow', 'green', 'blue', 'purple']</t>
        </is>
      </c>
      <c r="E194" t="inlineStr">
        <is>
          <t>yellow</t>
        </is>
      </c>
      <c r="F194" t="inlineStr">
        <is>
          <t>There are 7 rectangles in the image with varying colors and lengths. The lengths from left to right are ['long', 'long', 'short', 'medium', 'medium', 'short', 'short']. The colors from left to right are ['green', 'green', 'yellow', 'blue', 'blue', 'yellow', '?'].</t>
        </is>
      </c>
      <c r="G194" t="inlineStr">
        <is>
          <t>We observe that the green rectangles are of long length and the blue rectangles are of medium length. Hence, the pattern is that the color of each rectangle corresponds to its length.</t>
        </is>
      </c>
      <c r="H194" t="inlineStr">
        <is>
          <t>Based on the pattern that the color of each rectangle corresponds to its length, the missing color of the part denoted with a question mark should be yellow.</t>
        </is>
      </c>
      <c r="I194" t="inlineStr">
        <is>
          <t>b'\x89PNG\r\n\x1a\n\x00\x00\x00\rIHDR\x00\x00\x02\x00\x00\x00\x02\x00\x08\x02\x00\x00\x00{\x1aC\xad\x00\x00&gt;\xf0IDATx\x9c\xed\xddy|T\xd5\xfd7\xf0\xef9\xf7\xced2Yf&amp;!\t\xab(\xabP\x94\x08\x04\xc4 \xa2\x88`\xdd\x97"(\xd8\x96\n\xb4\x16\xdb\xf0\xf3\xb1\xad}|\n\xe8\xd3\xfa \xf8k\xeb\xcf\xfe\xf4\x07\x02\x05\x15i\xc5Z\x97\n!h\x05J\x85\x00JX\x126A\xb6\x90=\x99l\x93\x99\xb9\xf7\x9c\xe7\x8f[R\xc4-\x84$so\xce\xe7\xfd\xf2\x8f0\x033_3g\xce\xe7\xdcs\xcf=\x97I)\t\x00\x00\xd4\xc3c]\x00\x00\x00\xc4\x06\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a5\xc7\xba\x80\x16\x91R\xb6\xe2_1\xc6\xda\xbc\x92\xd6qz\xfd\x00\xd0)\xd94\x00\xa4\x94B\x08)%c\x8c1\xc6yk\x8eT\xda\xe4EZ\xc7\xe9\xf5\x03\x80\nX\xeb\x06\xa7\xed\xc4\xea\xf2\x88H\xd3\xb4s\x1f\x0f\x06\x83B\x08\xc6ZZ\xad5v\xf6\xfb\xfd\xe7&gt;hu\xa6\x9c\xf3\xf6\x1bY;\xbd~\x00P\x8a]\x02@Ji\x9a\xa6\xae\xff\xeb\x88\xa4\xae\xae.??\x7f\xdb\xb6m\x9f|\xf2qeUUQQ\xa1a\x98\x17\xfa\x9a\xfd\xfa\xf6\xf3\x07\xfcY#\xb2\x86\r\x1b6r\xe4\xc8\x1e=zX\x8f\x1b\x86\xc19o\xdb\x01\xb5\xd3\xeb\x07\x00\x05\xd9"\x00L\xd3\xb4\x86\xcc\x91Hd\xfd\xfa\xf5\xabV\xad\xdc\xb1s\xe7\x89\xe3\'\xda\xf0-\xfc\x01\xff\x88\xe1#&amp;\xdf7\xf9\x8e\xdb\xefHOO\'"\xc304Mk\x93\xd1\xb4\xd3\xeb\x07\x005\xc58\x00\xacwg\x8c\x05\x83\xc1\xa5K\x97\xaezy\xd5\xde={\x9b\x9f\xf5&amp;\xc6\xa7t\xf5\'wI\xcc\xe8\x9d\x9a\xe8\x8b7M\xc1\xe8\x9b\xfb;I\x921f\x1a\xe6\xa9C\xa5\x8d\xb5\xa1\xf2S\xd5u5\xf5\xcd\xcfv\xeb\xd6\xf5\x81\x07\xa6=\xf4\xd0C\x03\x07\x0e$"!\xc4\xc5\x0c\xa5\x9d^?\x00\xa8,\x96\x01\xd0&lt;p^\xb1b\xc5\xc2g\x16\x1e&lt;p\xd0z\xbcK\xb7\xc0\xc0\xac\xcb\x86d\xf7\xef9\xb0\x9b\xbfKR\x9c\xd7\xadi\x9cqNt!\xa5J2\r3\x1a1j+\x1b\x8a\x8f\x96\x1d\xc8\xff\xb4\xf0\xa3OO\x1d)\xb1\x9e\x0c\xa4\x04~\xf2\xc8O\xe6\xce\x9d\xeb\xf3\xf9\x0c\xc3h\x9e\xbaQ\xaa~\x00P\\\xcc\x02\xc0\xea=\x8b\x8b\x8bg\xcc\x98\x91\x9b\x9bk=\xd8\xb3_\xd7\x1b\xa6^\x9dy\xfd\xa0\xe4\x94D"\x19\r\x1bF\xd4\x14BZ#mv!=(#"\xc68c\x9a\x8b\xbb\xdc.\xae\xf3P}\xd3\xa1]\x9fm|\xf5\x9f\x85\xdb&gt;\xb5^i\xe0\xc0\x81\xcb\x96-\xcb\xce\xce\xb6\xce\xd0^\xd0t\x8a\xd3\xeb\x07\x00\x88M\x00X\x83\xd6\xdc\xdc\xdc\x193f\x14\x17\x17\x13Q\xd7\xdei7=\x98\x9d5\xf1\no\x92\'\xd4\x106\xa3&amp;\x111\xde\x06\x9d\x9a\x94RJ")\xb9\xc6=\xde8!D\xe1\xb6#\xb9+\xffq`\xc7Q"r\xbb\xdd\x0b\x17.\xcc\xc9\xc9\xb9\xa0&gt;\xd4\xe9\xf5\x03\x00PL\x02\xc0\xea=\x97.]:k\xd6,"b\xc4\xae\xfbN\xd6\x1d\x0f\xdf\x98\x9c\x9a\xd8X\x1b\x12\xa6\xe0\x9c\xb7`\xaa\xbc5\x84\x10D\xcc\x9b\xe4\x11\xa6\xf8`\xcd\xb6\xb7_\xf8 \xd4\xd0DD3g\xce\\\xb2d\x89i\x9a-Yd\xe9\xf4\xfa\x01\x00,\x1d\x1d\x00\xd6\xccIs\xef\x99\x90\xec\x9d\xfa\xf3[\xae\xb9\xfd\xaa\xc6\xba&amp;#bjzG\x9c\xcf\x14\xa6`\x8c%\xa5$\x1c\xd9}b\xe5\x93o\x9e:TBg\xfb\xd0o\x1cG;\xbd~\x00\x80f\x1d\x1a\x00\x9f\xef=\x99/5\xe1\x87\x8b\xa6\x0e\x1a\xd5\xb7\xa6\xbc\x96k\x1d=t5\x0c31\xd9[[U\xff|\xce+\x9f\xed;-I6\x8f\xa3\xcf\xbb\x8c\xab\xd3\xd4\x0f\x00p\xae\x8e\x0b\x00\xabc\xda\xb8q\xe3\x84\t\x13\x88(\xc9\xef\xfd\xc5\xca\xd9\xe9\xbdR\x1bj\x1b5=6\x1d\x960\x85\xcb\xad3\x8d\xff\xeeG\x7f&lt;\xb8\xeb\x18\x11\xcd\x9f?\x7f\xde\xbcy_\xba\xae\xc6\xe9\xf5\x03\x00\x9c\xa7\x83\x02\xc0Z\xae^ZZ:t\xe8\xd0\xb2\xb22o\x92g\xce\xef\xa6\xf5\xcb\xbc\xa4\xa1\xb6\xa9c\xa6M\xbe\xa60\x97\xdb\x15\xaao\xfa\xfd\x8fW\x9e8X\xc2\x18\xe5\xe6\xe6N\x980\xe1\xbcq\xb4\xd3\xeb\x07\x00\xf8\xa2\x0e\xea\xbc\xac\x9d\x12\xa6O\x9f^ZZJDS~v\xeb\xa0Q}\xebkC\xb1\xed=\x89\x88s\x1e\tG\x93R\x12\x1ezzrB\xb2GJ9}\xfa\xf4\x92\x92\x12\xc6\x98\xb5\xab\x8f\xc5\xe9\xf5\x03\x00|QG\xf4_\xd6ht\xf5\xea\xd5yyyD4\xe6\xce\xe1c\xee\x1cVS^\xa7\xc7h\xe6\xe4&lt;\x9a\xc6\x1bjC=\xfbeL\xfe_\xdf&amp;\xa2\xd2\xd2\xd2\xc7\x1f\x7f\x9cs\xde|l\xe4\xf4\xfa\x01\x00\xbeT\xbbO\x01I)\xa5\x94555\xa3F\x8d:z\xf4h\x97\xee\x81\xc7_\x99\xedv\xeb\xa6)l\xb5XE\x98"\xc1\xe7\xfd\xef\xffx\xf5\xe3\x0f\n\xe3\xe2\xe2\xb6l\xd92b\xc4\x08k+fG\xd7\x8f\x8d"\x00\xe0\xab\xb4{\xef`-N_\xb1b\xc5\x91#G\x84\x107}w\x8c/51\x1a5m\xd5{\x12\x111fF\xcd[f]\xef\x8es\x85\xc3\xe1y\xf3\xe6Y]\xbf\xd3\xeb\x8fuY\x00`_\xed\x1b\x00RJM\xd3B\xa1\xd0\xf2\x15\xcb\x19c\xdd.M\x1bu\xf3\x95\r\xc1\x90\xa6\xd9nX\xca9kj\x0c_:\xa8\xfb\xb0\x1b\x06\x13\xd1\xa6\xcd\x9b\x8a\x8a\x8a4M\xe3\x9c;\xba~\x9c\t\x00\x80\xaf\xd2\xbe\x1d\x99u]\xd2\xc6\x8d\x1b\x0b\xf7\x17J)\xc7?p\x8d7\xd9c\x9av\xed\x92\x183"\xc6\x8d\xd3\xb3\xe3\xe2\xdd\x8d\r\x8d/\xbd\xf4\x12\x11q\xce\x1d]?\x02\x00\x00\xbeJG\x8cdW\xfcq\x05c,\x90\xee\x1bv\xc3\xe0\xa6\xfa0\xe76\x9b&lt;9\x8bs\xd6\xd4\x18\xb9tp\x8f\x81\xc3.c\x8c\xbd\xbe\xf6\xf5\xfa\xfaz"\xb2\x86\xffN\xac\xbf\xb1\xb1Q\xd7uL\x04\x01\xc0\x97j\xc7\x00\xb0\xe6\x7f\x82\xc1`~~\xbe\x94r\xd0\xc8&gt;\xbe.\x89\x86\rg\xcf\xcf!\x891FW\x8e\xbb\\JY|\xba\xb8\xb0\xb0\xd00\x8c\xed\xdb\xb7;\xb4\xfe\x82\x82\x02\xc2A\x00\x00|\x85v\x0c\x00\xab\xdf\xd9\xb9s\xe7\xe9S\xa7\x89\xe8[c\xfaKId\xe3\xde\x93\x888\xa7HSt`\xd6e\xdeD\x8fi\x9a\x9b7o\xde\xbbw\xef\x99\xe23\xe4\xcc\xfa\xd7\xad[Gg\xefZ\x03\x00p\x9e\xf6=\x02 \xa2\xfc\xfc|"\xf2x\xe3z\r\xe8\x16\rG\xed\xdd\x7f\x12c\xcc\x88\x98\xa9]\xfd\xe9\xbdR\x89hw\xc1\xee\xad[\xb7\x92c\xeb\xdf\xb1s\x07\x11a%(\x00|\xa9v\xec\x1a\xac\xa9\x92\x9d\xbbv\x12Q\x97\xee\x81@Z\xb2\x195m\xde\x81\x12\x91\x10".\xde\xd5\xa3\x7f\x06\x11\x15\x14\x14\xbc\xf7\xde{D\x94\xda\xcd\xef\xc4\xfa\x8b\x8a\x8a\xea\xeb\xebqQ\x18\x00|\xa9\xf6\r\x00)eyy9\x11%\x05\x12&lt;\tqBX\xf7\xc5\xb25I\xc48\xf3\xa7\'\x13QUe\xe5\x89\x13\xc7\xc9\x81\xf5\x07\xd2}DTSS\x13\n\x85b]\x11\x00\xd8T{\x05\x80u\rj0\x18&lt;t\xe8\x10\x11u\xbd,\x8dk\xce\xb8.\x891&amp;L\xd1\xf5\xb24"*+/?r\xe4\x089\xb2\xfe.DTW[WTTD8\x0f\x0c\x00_\xa6}7\r\x96RF\xa3Q"J\xf4{\x19g\x0e\xe8&gt;\x89\x88HJJ\xf4{\x89\xc80\x0c\xc1\x189\xb0\xfe\x04\xbf\x97\x88\x84\x10\x86a\xc4\xba\x1c\x00\xb0\xa9v?=h\x9d\t\x10\x86\xc3F\xa0V\xc1\xcdw\xd7rh\xfdt\xf6\xf7\x0f\x00\xf0E\x1d\xb5&gt;\xc4q\xbd\x10\xfb\xda?\xda\x9f\xe3\n\x06\x80\x0e\x87\x05\x82\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J\x8fu\x01\x00\xedNJ\xd9\x8a\x7f\xc5\x18k\xf3JZ\xc7\xe9\xf5\x83m!\x00\xa0\x13\x92R\n!\xa4\x94\x8c1\xc6\x18\xe7\xad9\xd2m\x93\x17i\x1d\xa7\xd7\x0fN\x81\x00\x80\xce\xc3\xea\xf2\x88H\xd34M\xd3\x9a\x1f\x0f\x06\x83B\x08\xc6X\x0b\x87\xd2\xd6\xd8\xd9\xef\xf7\x9f\xfb"Vg\xca9o\xbf\x91\xb5\xd3\xeb\x07\xc7A\x00@g \xa54MS\xd7u\xab\xcb\xab\xab\xab\xcb\xcf\xcf\xdf\xb6m\xfb\xc7\x9f|\\UYUXTd\x18\x06c\xd4\xc2\xa9\x14\xc6\x18\x91\xec\xdb\xb7_ \xe0\xcf\x1a1b\xd8\xb0a#G\x8e\xec\xd1\xa3\x87\xf5\xaca\x18\x9c\xf3\xb6\x1dP;\xbd~p(\x04\x008\x9ei\x9a\x9a\xa6\xe9\xba\x1e\x89D\xd6\xaf_\xbfr\xd5\xaa\x1d;v\x9e&lt;q\xfc"_\xb6\xb2\xa2\x82\x88r\xd7\xaf\'"\x9f?\x905b\xc4\xe4\xc9\x93\xef\xb8\xe3\xf6\xf4\xf4t"2\x0cC\xd3\xb46\x19M;\xbd~p.\x04\x008\x985%\xa2iZ0\x18\\\xbat\xe9\xaa\x97_\xde\xbbgO\xf3\xb3\x9e\x84\xa4\xe4\xb4\x1e\t\xfe\xf4@\xf7\xbe\x9e\xa4\x80\x10\x06\xa3\x96\xf5w\x8c\t#Z\xfeYaS}M\xb0\xe4\xb3\x86\xda\xea`M\xf5\xc6\x8dy\x1b7\xe6\xfdj\xde\xaf\xa6=\xf0\xc0C\x0f=4p\xe0@"\x12B\\\xccP\xda\xe9\xf5\x83\xd3!\x00\xc0\xa9\xac\x813\x11\xadX\xb1b\xe13\xcf\x1c&lt;p\xc0z\xdc\x9f\xde\xb3\xd7\x15\xd9\x97\r\x1f\x9fv\xe9\xb7\x12S\xd2\xdd\xf1\x89\x8ck\x9ck\x92$\xb5\xb0\x03%")\x85\x195"\xe1\xc6\x9a\xf2\x8a\x93\x87N\x14l9\xbe\xfb\xc3\xb2\xe3\x07J\xce\x9cY\xbcx\xf1\xb2e\xcb\x7f\xf2\x93G\xe6\xce\x9d\xeb\xf3\xf9\x0c\xc3\xd0\xf5\xd6|\x8f\x9c^?t\x02\xf8\xe0\xc1\x91\xac\xde\xb3\xb8\xb8x\xc6\x8c\x19\xb9\xb9\xb9\xd6\x83i\xbd/\x1fv\xebC\xfd\xaf\xbe\xd9\xebO#)\x8dH\x93iD\xc3\ru\x92dK\xa7\xcf\xcf\xc1\x18g\x8cy\xfdi}\xd2{\xf5\x1byS\xb8\xa1\xee\xe4\xfe\x8fv\xbd\xbd\xe4\xf8\xeeM\xd5\xd5U\x0b\x16,X\xb3f\xcd\xb2e\xcb\xb2\xb3\xb3\xad3\xb4\x174\x9d\xe2\xf4\xfa\xa1s@\x00\x80\xf3X\x83\xd6\xdc\xdc\xdc\x193f\x14\x17\x17\x13Qj\x8f\xbe#\xee|\xf8\xf2k\xef\x88K\xf0E\x1a\xebB\xb5\xd5\x8c\x111n\xad\x7f\xbc\x98\x8e\xcd4\xa2f4,\xa5\xe4\x9a\xdeg\xf8\r\x97]5\xee\xb3\xdd\x9b\xf2\xdf\xfc\xc3\x89=[\x0f\x1e&lt;x\xc3\r\xe3\x17.\xfc\x7f999\xd6\xea\x9d\x16\xf6\xa1N\xaf\x1f:\r\x04\x008\x8c\xd5{.]\xbat\xd6\xacYD\xc4\x88\x86\xde\xfc\xbd1\x0f\xfc,\xc1\x9f\xdeT_\x13\xaa\xad\xe4\x9a\xc6\xcfY\xfex\x91\x18c\xc44\xab_\x0c7\xd4\x12\xb1\xcb\x86\xdd\xd0;\xf3\xbaO\xde]\xb6\xf5\xb5g\xc2\x8d\xf5s\xe7\xce-,,\\\xb2d\x89i\x9a-Yd\xe9\xf4\xfa\xa13\xc1\xf9\x1fp\x12k\xadds\xef\x19\x9f\xe4\xff\xf6\x7f\xfc\xf7\xc49\xcf\xea.Oc\xb0\x82\x88\xb8\xa6_\xc0D\xf9\x05b\\c\x9c75\x04\xa3\xa1\x86\x91w\xcf\x99\xfc\xd4\xda\xf4K\x07\x13\x91U\x8f\xa6iR\xca\xaf_\xaa\xef\xf4\xfa\xa1\x93A\x00\x80cX\xf3\xe6Vo\xc5\x88\x12\x02\xe9w\xfd\xefUW\xdc8\xb5\xb1\xbaL\n\x93k\x1dt8\xcb\xb9\xc68o\xa8.\xed\xda/\xf3;O\xfe\xb9\xdb\x80a\xecl\x1f\xca9\xb7\xe6R:e\xfd\xd0\xf9 \x00\xc0\x19\xac\xdes\xe3\xc6\x8d\xd6\xd8\xd9\x93\x9c2\xf5\xe9\xb7z\x0c\xcaj\xa8*\xe1\xba\x8b:|\xe2\x82\xeb\xae\xa6\xfa\x1aw|\xe2\xd4\xa7\xff\xdas\xc8h"Z\xbat\xe9\x82\x05\x0b4M3\x0c\xa3\xf3\xd5\x0f\x9d\x12\x02\x00\x1c@\x08\xa1iZii\xe9\xb4i\xd3\x18c\x9eD\xdf]\xbf\xfcc\xa0\xdbeM\xf5A\xae\xbbbU\x15\xd7t3\x1a\x96B\xde\xfe\xd8\x92\x8c&gt;C\x18\xd1\x82\x05\x0b\xf2\xf2\xf2t]7M\xb33\xd5\x0f\x9d\x15\x02\x00\x1c\xc0\xda)a\xfa\xf4\xe9\xa5\xa5\xa5D4~\xe6\xaf/\x19zmS]u\x87M\x9b|\x15\xc653\x12\x8a\xf7u\xb9\xf5\xd1\x17\xe2\x12\xfdR\xca\xe9\xd3\xa7\x97\x94\x940\xc6\xce\x9dKqz\xfd\xd0Y!\x00\xc0\xee\xac\xc9\x93\xd5\xabW\xe7\xe5\xe5\x11\xd1\x157\xde\x7f\xc5\x84\xfb\x1b*Kb8v&gt;\x17\xd3\xf4p}M\x97\xde\x83n\xf8\xc1\x93DTZZ\xfa\xf8\xe3\x8fs\xce\x9b\xcf\xa6:\xbd~\xe8\xc4\x10\x00`k\xd6n\xc6UUUO&gt;\xf9$\xe3&lt;\xd0\xed\xd2\xeb\xbe\xfbDS]M\xcc\xc7\xce\xe7\xe2\xba\xab1X9\xe4\xc6)\x03F\x7f\x9b\x11\xbd\xf6\xdak;v\xec\xb0N\xa8:\xbd\xfeX\x97\x06\xed\x0b\x01\x00\xb6f-N_\xb1b\xc5\x91#G\xa4\x10Yw&gt;\xec\r\xa4\x9bF\xa4\xe3\xcf\x9a~=\xc6\x98\x19\x8d\x8c\xbe\xef?4w\\8\x1c\x9e7o\x9e\xb5{\xb3\xd3\xeb\x8fu]\xd0\xbe\x10\x00`_RJM\xd3B\xa1\xd0\xf2\x15+\x18c\xa9=\xfa\x0e\xba\xeen;L\x9d\x7f\x11\xe3&lt;\x12\xaa\xcf\xe87t\xc0\xe8[\x89h\xd3\xe6\xcdEEE\x9a\xa6q\xce\x1d]?\x0e\x02:7\x04\x00\xd8\x97\xb5G\xcd\xc6\x8d\x1b\x0b\xf7\xef\x97R\x0e\xbf\xe3\x87q\x89&gt;a\xdat\x91"c\xdc\x8c\x84G\xdc\xf9C\xb7\xc7\xdb\xd8\xd0\xf0\xd2K/\x11\x11\xe7\xdc\xd1\xf5#\x00:7\x04\x00\xd8\xdd\x8a\x15\x7fd\x8c%\xa7v\x1d0\xfa\xdb\x91\xc6:\xce\xdbl\x9b\x84\xb6\xc58\x8f\x84\x1a\xba\xf6\x1b\xda\xeb[\xa3\x19c\x7f~}m}}=\x11\xadX\xbe\xc2\xa1\xf5766\xea\xba\x8e\x89\xa0N\x0c\x01\x006e\xcd\xff\x04\x83\xc1\xfc\x1d\xf9R\xcaK\xae\xbc\xd6\xebO3\xa3Q\xbb\xcd\x9e\x7f\x9e$b}GM\x94R\x9e)&gt;]XXh\x18\xc6\xb6\xed\xdb\x1dZ\x7fAA\x01\xe1 \xa0SC\x00\x80MY\xfd\xce\xce\x9d;O\x9f:ED\x97\r\x1fO\xd2\xde\x9d\'\x11\xe7\x9a\x11\x0e]r\xc5\x18\x8f7\xc94\xcd\xcd\x9b7\xef\xdd\xbb\xf7\xcc\x99brf\xfd\xeb\xd6\xad\xa3\xb3w\xad\x81N\t\x01\x006e\xf5;\xf9\xf9\xf9D\x14\x17\x9f\x90~\xd9\xb7\x8ch\x13c\xf6n\xb1\x8c\x99\xd1pRZ\x8f@\xf7K\x89hwA\xc1\xd6\xad[\x89(.\xde\xeb\xc4\xfaw\xec\xd8ID\xb8eX\'\x86\x8f\x16l\xca\xda\x97x\xe7\xce]D\xe4K\xef\x95\x98\xda\xcd\xf6\xf3\'DDB\x08W\\|\x97\xde\x83\x89\xa8\xa0`\xcf\xdf\xde{\x8f\x88\x92\x9dY\x7faQQ}}=.\n\xeb\xc4\x10\x00`S\xd6:\xf4\xf2\xf2r"\xf2\xfaR\xdd\xf1\tR8b\x83\x1a\xc9\xb8\x96\x90\xda\x8d\x88*+\xabN\x9c8AD\xf1\xc9\x0e\xab?1\xb5\x1b\x11\xd5\xd4\xd4\x84B\xa1X\xd7\x03\xed\x08\x01\x00v$\xa5\xe4\x9c\x07\x83\xc1\x83\x87\x0e\x11QJ\xcf\x01\x8c;c9\ncL\x98F\x97\x9e\xfd\x89\xa8\xbc\xbc\xf4\xc8\x91O\x89(\xd5i\xf5\xa7\xf6\xecOD\xf5u\xb5EEE\x84\xf3\xc0\x9d\x97\xed.H\x01h&amp;\xa5\x8cF\xa3D\xe4I\n0\xce\x89\x1c\xd0\x81\x12\x11I\xe9IJ!"\xc30\x18\x13\xe4\xd8\xfa\x85\x10\xd8\x1a\xbas\xc3\x11\x00\xd8\x9au&amp;@\n\x87uCV\xc1\xcdwZwh\xfd\x84\xbb\x04wv\x08\x00p\x04\xc7uC\xeck\xffh\x7f\x8e+\x18Z\x03\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f4X\x17\x00\x0e \xa5l\xc5\xbfb\x8c\xb5y%\xe0DNo?N\xaf\xffk \x00\xe0KH)\x85\x10RJ\xc6\x18c\x8c\xf3\xd6\x1c)\xb6\xc9\x8b\x80\x139\xbd\xfd8\xbd\xfe\x96C\x00\xc0\xbfYM\x96\x884M\xd34\xad\xf9\xf1`0(\x84`\x8c\xb5p(d\x8d}\xfc~\xff\xb9/b}\x198\xe7\x8e\x18\x19A+8\xbd\xfd8\xbd\xfeV@\x00\x00\x11\x91\x94\xd24M]\xd7\xad&amp;[WW\x97\x9f\x9f\xbf}\xfb\xb6\x8f?\xfe\xb8\xaa\xaa\xaa\xa8\xa8\xd04\x8c\x0bx9\xc6H\xca\xbe\xfd\xfa\x05\xfc\x81\xe1#\xb2\x86\r\x1b6r\xe4\xc8\x1e=zXO\x1a\x86\xc19\xb7\xe7\x80\x08Z\xc7\xe9\xed\xe7+\xea\xdf~\xb6\xfe"\xd34/\xf45\xfb\xf6\xed\xeb\xf7\xfbG\x8c\x18a\xe7\xf6\x8f\x00\x002MS\xd34]\xd7#\x91\xc8\xfa\xf5\xebW\xadZ\xb9s\xe7\x8e\xe3\xc7O^\xe4\xcb\x96W\xe4\x13\xd1\xba\xf5\xb9D\x94\x12\xf0\r\x1f\x915y\xf2\xe4\xdbo\xbf#==\x9d\x88\x0c\xc3\xd04\xcdV\xa3!h\x1d\xa7\xb7\x9f/\xd4\xbfj\xe7\xce\x9d\xc7\x8f\x1f\xbf\xd8\xfa\xcb\xcb\x89h\xfd\xfa\xf5D\x14\x08\x04F\x8c\x181y\xf2\xe4\xdbo\xbf\xddV\xed\x1f\x01\xa04\xeb\x90V\xd3\xb4`0\xb8t\xe9\xd2\x97_^\xb5g\xcf\xde\xe6g\x93\x13=\xbd{&amp;e\xa4\xc5\x0f\xe9\xe3\x0f\xa4x\xa4!Z\xd2\\\xa5$\xc6Y4j\xee,\xac\xaa\xa9\t\x1f&gt;\x1e\xac\xacn\xac\xaa\x0e\xe6\xe5m\xcc\xcb\xdb8\xefW\xbf\xba\xff\x81i\x0f=\xf4\xd0\xc0\x81\x03\x89H\x08a\x93\xa1\x10\xb4\x82\xd3\xdb\xcf\x17\xea\x7fy\xcf\x9e=\xcd\xcf&amp;%%]r\xc9%]\xbbv\x1d0`@JJ\x8aa\x18-\xec\xaf\x19c\xd1ht\xcf\x9e=\xd5\xd5\xd5\x9f~\xfaiUUUuuu^^^^^\xde\xbcy\xf3\xee\xbf\xff~\xfb\xb4\x7f\x04\x80\xba\xac\x81\x0f\x11\xadX\xb1\xe2\x99g\x16\x1e8p\xd0z\xbcwO\xdf\xf8k\xba\xdfzC\xef\xe1\x83S{d$h\t.\xd28i\x8c.l)\x84\xa4\xa8\xa0\xb0YQ\xd1Xp\xa8z\xfd\x96S\xeb7\x9f\xdcw\xa0\xb2\xf8L\xc9\xe2\xc5\x8b\x97/_\xf6\xc8#?\x99;w\xae\xcf\xe73\x0cC\xd7\xd1\x0e\x9d\xc7\xe9\xed\xe7\xf3\xf5?s\xe0\xc0\x01\xeb\xf1K.\xb9d\xdc\xb8q\x93&amp;M\x1a:th\xd7\xae]\x93\x92\x92t]o\xc5P=\x1a\x8d\x86\xc3\xe1\xd2\xd2\xd2\xa2\xa2\xa2\xf7\xdf\x7f?//o\xff\xfe\xfd\xc5\xc5\xc5\x8b\x17/^\xbe|\xf9#\x8f&lt;b\x87\xf6\x8f/\x9e\xa2\xac\xd6_\\\\&lt;c\xc6\x8c\xdc\xdc\\\xeb\xc1+/\xef\x923\xe3\x8a{&amp;\xf5IN\xf3\x92\x94\xd4dR\xd4\x14u\x11!\x89.|%\x1c\xe7\x8c1\xd6\xa5\x8bw|\x8f\xa4\xf1\x13.}\xba.\xf2\xf7m\xc5\xcf.-\xc8\xdd|\xb2\xaa\xaaz\xc1\x82\x05k\xd6\xacY\xb6lYvv\xb6u\x86-\xe6\x87\xc3\xd0rNo?_Z\xff\xb7\xbe\xf5\xad9s\xe6\xdcy\xe7\x9d\xe9\xe9\xe9R\xca\xa6\xa6\xa6H$\x12\x0c\x06\xa9U+A\xad\x95?\xe9\xe9\xe9\xbd{\xf7\xbe\xe5\x96[jkk\xb7l\xd9\xf2\xfb\xdf\xff~\xe3\xc6\x8dUUU6i\xff8\xfaV\x915\xff\x98\x9b\x9b;2+\xcbj\xfd\x97\xf7\t,_t\xfd\x8e\xbf\xde\xfd\xfd\xe9C\x92\xe3u\xb3:d\xd6\x84E\xc4\x90D\x9c3]c\xba\xce/\xf4?k\xbd\x83\x8c\n\xb36bT\x85t!\'\\\x7f\xc9\xfaWn\xdd\xf0\xf2\xad7f\xf7$\xa2\x83\x07\x0f\x8e\x1f\x7f\xc3\xef~\xf7;\xce\xb9\x94\xb2u\xab\xad\xa1\xe39\xbd\xfd\xfc\xbb\xfe\x91#\xad\xfa\xfb\xf7\xef\xff\xe2\x8b/n\xde\xbcy\xf6\xec\xd9\xf1\xf1\xf1\x95\x95\x95\xd5\xd5\xd5\xe1p\x98\xce\xae\x08\xd2/\x9c5\xc5\x1f\x8dFkjj***\x84\x10\x93&amp;Mz\xf7\xddw\xdfy\xe7\x9dq\xe3\xc6\x9d\xad\x7f|l\xdb?\x02@9\xd6!\xe7\xd2\xa5K\'M\x9at\xba\xb8\x98\x88=\xf2\xdd!\xdb\xde\xba\xe7\xfb\xd3\x87\xb8\x19\x99\xd5!iJM\xe3\x9a\xc6\xdad\xc1\x1ac\xa4iL\xd7\xb8$2k#\xa2!:\xe1\x86\xdey\xaf\xdd\xfe\xdc\xfc1\xfe\xc4\xb8p82w\xee\xdcY\xb3fq\xce\xadurm\xf0\x7f\x08\xed\xc9\xe9\xed\xe7s\xf5\x9f&gt;MD?\xfc\xe1\x0f\xb7l\xd92{\xf6l\xc6XEEE\xf3r\xa06\x19\x923\xc6\xac\xfc \xa2\x9a\x9a\x9a\xfa\xfa\xfaI\x93&amp;\xad[\xb7n\xf1\xe2\xc5III\xe1p8\xb6\xed\x1f\x01\xa0\x16\xabq/]\xbat\xd6\xacYD\x94\xea\xf7\xfc\xe9\xf9\x1b\x9f{\xe6\x06\x9fG3*C\x92H\xd3x;\x1d\x892"Mc\x9c33\x18\x16\r\xd1G\x1e\x1e\xf6\xc1\x9f\xef\x186\xb8\x0b\x11\xb3\xea\xd14\r\xc7\x016\xe7\xf4\xf6s^\xfd\x81@`\xd5\xaaU/\xbc\xf0\x82\xc7\xe3\xb1\x16\xed\xb4n\xba\xbf\x854M\xe3\x9c\xd7\xd4\xd4444&lt;\xfa\xe8\xa3\x1b6l\xb8\xf2\xca+\x89(\x86\xed\x1f\x01\xa0\x10k\xde\xf3l\xebg\xdd\xd3\xbc\xebV|{\xf2\x94\xc1\xd1\xf2FiJ]\xe7\x1d3\x07i}\x8d\x8d\xb2\xc6\xab\xaeL\xdf\xf8\xda\xed\xd9W\xa5\x13q\xab*k\x1c\xd4!U\xc0\x05sz\xfb\xf9|\xfd\x94\x91\x91\xf1\xe6\x9boN\x9f&gt;\xbd\xac\xac\xcc\n\x86\x0e)\xff_1PVV6|\xf8\xf0u\xeb\xd6\x8d\x1c9\x92\xcef@\xc7\xb7\x7f\x04\x80*\xac\xd6\xbfq\xe3F\xab\xf5\xa7\xa7x\xb6\xbdywVV7\xa3\xa4\xc1\xe5j\xafQ\xdb\xd7\xd0]\xdc\x0c6\x05\x12\xdc\x1f\xfe\xe5\xee\x1bGw#\xa2\xa5K\x97.X\xb0@\xd34\xe3\x82.\x1a\x82\x0e\xe1\xf4\xf6s^\xfd]\xbat\xf9\xf0\xc3\x0f\xaf\xb9\xe6\x9a\xb2\xb22\x97\xcb\xd5\xf1\'`].WMMMRR\xd2\xdf\xff\xfe\xf7\xb1c\xc7~c\xfd\xed\x04\x01\xa0\x04!\x84\xa6i\xa5\xa5\xa5\xd3\xa7Mc\x8c\xa5\xf8&lt;\xef.\xbb\xb9\xd7\xa5&gt;#\x18\xd6]1k\x03\x9a\xceE\xc4\xd4\x85\\\xf3\xc2\xc4\x11C\xd2\x88\xd8\x82\x05\x0b\xf2\xf2\xf2t]o\xc5\x85\x97\xd0~\x9c\xde~\xfe]\xff\xf4\xe9\x8c\xb1@ \xb0v\xed\xda\xbe}\xfbVWW\xbb\\\xaeX\xd5\xaf\xebz8\x1c\x16B\xac^\xbd:33\x93\x88:\xbe\xfd#\x00Ta\x9a\xe6\xf4\xe9\xd3KJK\x89h\xc9S\xd7f]\xdb\xcb\xa8\t\xebz\x8c\x1b\x00\xd7\x98\xd9d\xa6v\x89\xff\xf3\xf3\x13R\xfcq$\xe5\x83\xd3\xa7\x97\x94\x94`I\xa8\xdd8\xae\xfd\x9c;\x97b\xed\xf40}\xfa\xf4\x92\x92\x12"\xfa\xdd\xef~w\xddu\xd7\xc5\xb6\xf7\xb7h\x9a\x16\n\x85\xd2\xd2\xd2^~\xf9\xe5@ @D\x0f&gt;\xf8\xe0\x17\xebo?\x08\x00%\xb8\\\xae\xd5\xabW\xe7\xe5\xe5\x11\xd1\xc3S\x07\xdd3ep\xb4\xa4!\x86c\xb7si:3j\xc2\x97\r\xea\xf2\xe2\xfclITRZ\xfa\xf8\xe3\x8f\x9f\xbb\x8b\x16\xc4\x9c\xe3\xda\x8f\xb5\xb0\xd2\xfa\x0b\xd6\xe4Os\xfd3f\xccx\xf0\xc1\x07\xad\x99\x9f\x98\x16\xfe/\xba\xae\xd7\xd4\xd4\x0c\x192\xe4\xd9g\x9f\x95R\x96\x94\x94\x9cW\x7f\xbb\xb2\xc5G\x08\xed\xc7jF\x95\x95\x95O&gt;\xf9$\xe7\xac\xff\xa5\xbe\xa7\x7fy\x8d\x19l\x8a\xf9\xd8\xed\\\xba\x8b\x1b\x95\x8d\xdf\x99&lt;h\xf2\xcd}\x89\xd8\x9a\xd7^\xcb\xcf\xcfo\xde\x9a\x11b\xc8\xa1\xedg\xc7\x8e\x1d\xcd\x0b+\x19cUUUO&gt;\xf9$\xe7\xbcO\x9f&gt;\xbf\xfe\xf5\xaf\x83\xc1\xa0\xad.&gt;w\xb9\\\x15\x15\x15\xdf\xfd\xeew\xef\xbc\xf3N"z\xed\x9c\xfa\xdb\xfb\xadm\xf4)B{\xb0N(-[\xf6\xd2\x91#G\x84\x90O\xfc\xf0\xaa\xa44\xaf\x8c\x98v\x9bb\xe1\x8c\xc9\xa8\xf8\xbfsGx\xe2\xb4\xa6px\xde\xbcy-\xdf}\x17\xda\x8f\xd3\xdb\x8fi\x9a\x9c\xf3\x15+V\x1c9rD\x08\xf1\xe8\xa3\x8ffddD"\x11\xbb\xcd12\xc6"\x91\xc8\x13O&lt;\x11\x17\x17\x17\xee\xc0\xf6\x8f\x00\xe8\xe4\\.\x97\x10b\xc5\x8a\x15\x8c\xb1\xcb\xfb\x06\xee\xbbk\x80\xa8i\xd2\xec4|\xb3p\xceD}\xa4\xff\x95\xe9Sn\xe9KD\x9b7o&gt;|\xf8pbb"\x0e\x02b\xcb\xb1\xedgSQQ\x91\xb5\xe02\x14\nY\xf5\x0f\x180`\xea\xd4\xa9\xd5\xd5\xd5\xb6\x1a\xfe[8\xe7uuu\xc3\x86\r\xbb\xfb\xee\xbb\x89h\xf3\xe6\xcdV\xfd\xed\xdd\xfem\xf7AB\xdbJNN\xde\xb2e\xcb\x81\x03\x07\xa5\x94\x8f\xcf\x1c\x1a\xe7\x8b\x93\x86\xb0\xd7\xe0\xe7,\xc6\x99\x0c\x9b\xbf\x9854\xc1\xebnll\\\xb6\xec%\x8f\xc7\x83\x00\x88-\x87\xb6\x9f\x86\x86\xc6\x97^z\x89\x888\xe7\x1b7n\xdc\xbf\x7f\xbf\x942\'\'\xc7\xef\xf7\xdbv\x911\xe7\xbc\xa9\xa9i\xee\xdc\xb9^\xaf\xb7\xa1\xa1\xc1\xaa\x1f\x01\x00\x17\x851f\r\x7fzd$\xdd\xf3\xed\xbe\xb2.\xc25\x9b~\xe8\x9c3\xd1\x10\x19xe\xfa\rWwg\x8c\xad}\xfd\xf5\xd2\xd2\xd2\xb8\xb8\xb8X\xd7\xa54\x07\xb7\x9f\xb5\x7f\xae\xaf\xaf\'"\xab\xfen\xdd\xba\xddu\xd7]\xb5\xb5\xb5\xb6]_\xc09ohh\x186l\xd8\xd8\xb1c\x19ck\xd7\xaemll\xd4u\xbd]\'\x82l\xfaYB[9}\xfa\xf4\x8e\x1d\xdb\xa5\x94\x13\xaf\xed\x91\x90\xe6\x15Q\xdb\xcd\xde\x9eKJ\x92\x8c\xdds\xd3\xa5R\xca\x13\'O\xee\xda\xb5\xcb\xeb\x8d\x8fuQJsn\xfb)&gt;}\xa6\xb0\xb0\xd00\x8c\xed\xdb\xb7K)\xc7\x8f\x1f\x9f\x9e\x9e\x1e\x8dF\xed6\xfb\x7f.\xeb\x94\xf5m\xb7\xdd&amp;\xa5,...((\xa0v&gt;\x08@\x00tf\xba\xae}\xf4\xd1G\x87\x0f\x1d&amp;\xa2\xdbo\xe8M\x92\x88\xec\xdb\xfa\xc9\xdaI\xa6\xc9\x98pM\x8f\xe4\xc4\xb8h\xd4X\xbf~\x9d\xdb\xed\x8euQ\xea\xd2t\xdd\xb1\xed\xc7c\x98\xe6\xe6\xcd\x9b\xf7\xee\xdd[\\\\LD\x93&amp;M\xb2\xff\x9a\x02\xeb\xb2\x80\xeb\xaf\xbf&gt;99\xd90\x0c\xebnb8\x02\x80Vr\xb9\xdd;w\xee\x8c\x1a\xa6\xd7\xe3\x1a&gt;8\x95\xc2\x06\xef\xa0\xfdZZ\x891\x92a3\xa3gR\xffK}D\xb4s\xc7\x8eh\xd4 \xba\xc0[\x89@\x1bq\xbb\x9c\xda~\x06\\\xe6#\xa2=\x05\xbb\xb7n\xddJD\x89\x89\x89C\x87\x0emjj\xb2\xf9\xed\xe7\x18c\xe1p\xb8W\xaf^}\xfb\xf6%\xa2\x1d;v\x10Q\xbb\xd6l\xeb_\x07\\\xa4H$\xb2s\xe7\x0e"\xba\xacWbZ\xb7Di\xef\xe3w\x8b\x10B\x8bw]58\x85\x88\n\x8b\nKKK\x89Zs;\x11\xb8x\x91\xa8S\xdbO\xe6\xa0\x14"*\xd8S\xb0n\xdd:"\xba\xe4\x92Kz\xf4\xe8a\xf3\xf9\x1f\x8b\x10\xc2\xeb\xf5^q\xc5\x15DTTTT__\xdf\xae\x17\x85!\x00:3!Duu\r\x11et\x89\x8fKpK\xd3\x01\xdd\xa8\x94D\x9c\xf5\xea\x9a@DuuuMMM\xb1\xaeH]No?\x95U\x95\'N\x9c \xa2\xb4\xb4\xb4\xc4\xc4DGl0%\xa5\xe4\x9c\xf7\xe8\xd1\x83\x88\x82\xc1`(\x14j\xd7\xb7C\x00tr\xd6\x15\x9bW\x0cH!\xcd\x19\xd7U1\xc6\xc8\x14C\xfa\xa7\x10\x11k\x9b{\x8a@\xeb9\xb6\xfd\x04\x88\xa8\xac\xb4\xfc\xc8\x91#D4h\xd0 k\xb7\xfdXW\xf7\xcd\x18c\xa6i^~\xf9\xe5D\x14\x0c\x06\x8b\x8a\x8a\xa8=\xcf\x03\xdb\xee\x82\x08h\x0f]\x02\x1e\xe2\xcc\t\xed\x9f\x88\x88$u\tx\xc8:\xfd\x85\xfe\xdf\x06\x1c\xda~\x0c\xc3\x10B\x12QJJJ\x87\xed\xaes\xf1\xa4\x94\xa9\xa9\xa9D$\x84h\xef\xab\x16p\x04\xa0\x04\xc3pF\xd3o\xe6\xb8\x82;7\xc7}\x1cV\xc1\xcdwZ\xb7\xed\xc5__\xa5\xb9\xe0\xf6&gt;\x02F\x00(\xc1q\xf3(\x8e+\xb8ss\xdc\xc7q^\xc1\x8e\x9bH\xec\xb0\x82\x11\x00\x00\x00\x8aB\x00\x00\x00(\n\x01\x00\x00\xa0(\x04\x00\x00\x80\xa2\x10\x00\x00\x00\x8aB\x00\x00\x00(\n\x01\x00\x00\xa0(\x04\x00\x00\x80\xa2\x10\x00\x00\x00\x8aB\x00\x00\x00(\n\x01\x00\x00\xa0(\x04\x00\x00\x80\xa2\x10\x00\x00\x00\x8a\xc2\xfd\x00\x00\x00ZD\x9e\xa3\xf9Av\x8e\x18\xd6\xd6:\x08\x00\x00\x80\xaf#\x84\x10Bh\x9a\xe6v\xbb\xddn\xb7\xa6i\x9cs\xc6\xfeu\x8b4!D$\x12\t\x87\xc3\x86a0\xc6l~\xdf\xf9\xf3 \x00\x00\x00\xbe\x84\x94\xd24M]\xd7\x93\x92\x92\xdcnw}}}qq\xf1\x89\x13\'JJJ***\xac\xbbU\'$$ddd\\z\xe9\xa5\x97]vYjjj4\x1a\xad\xab\xab\xb3\xe2!\xd6\xe5\xb7\x08\x02\x00\x00\xe0|R\xca\xb8\xb88\xaf\xd7\x1b\x0c\x067o\xde\x9c\x9b\x9b\xbbi\xd3\xa6\xc3\x87\x0f\xd7\xd4\xd4|\xf1/\xbb\\\xae\xde\xbd{_\x7f\xfd\xf5\xf7\xdf\x7f\x7fvvv8\x1cnjj\xd24\xad\xc3\xab\xbe`\x08\x00\x00\x80\xcf\x91Rj\x9av\xf2\xe4\xc9\xbf\xfc\xe5/\x7f\xfa\xd3\x9f\xf6\xec\xd9\xf3\xf5\x7f?\x1a\x8d\x1e9r\xe4\xc8\x91#K\x97.\x9d2e\xca\xaf\x7f\xfd\xeb\x9e={\xd6\xd6\xd6\xda?\x03\x10\x00\x00\x00\x9fc\x9af \x10x\xfa\xe9\xa7\x17.\\\xd8\xfc c\xacO\x9f&gt;\x03\x07\x0e\xec\xdb\xb7oZZZ||\xbc\x94\xb2\xa6\xa6\xe6\xd8\xb1c\xbbw\xef.**""M\xd3\xd6\xacY\xf3\xcf\x7f\xfes\xcd\x9a5\xc3\x87\x0f\xb7\x7f\x06 \x00\x00\x00&gt;\x87s\x1e\n\x85\xa6L\x99\xb2h\xd1"!\xc4\xe0\xc1\x83\xef\xbc\xf3\xce\x89\x13\'\x0e\x1a4\xc8\xef\xf7\xbb\\."\xb2\xce\x003\xc6L\xd3\xac\xad\xad\xdd\xb9s\xe7s\xcf=\xf7\xee\xbb\xef\xba\\\xae\x13\'N\xdcq\xc7\x1d\x1f~\xf8\xe1\xa5\x97^\x1a\n\x85\xec|Z\x18\x01\x00\x00\xf09\x9c\xf3\xa6\xa6\xa6\x01\x03\x06\xfc\xe2\x17\xbf\xe8\xdf\xbf\xff]w\xdd\xe5\xf3\xf9\xc2\xe1p(\x14\n\x06\x83\xe7\xae\x01%"\xc6\x98\xa6i\xd7]w\xdd\xf8\xf1\xe3_|\xf1\xc5\x9f\xfe\xf4\xa7n\xb7\xbb\xbc\xbc\xfc\xc7?\xfe\xf1\xbau\xebb\xf5\xbf\xd0B\x08\x00\x00\x80\xf31\xc6\x9a\x9a\x9a\xe6\xcf\x9f\xcf\x18\xab\xaf\xaf///\xb7\xd6\xf6|\xd5\x94Nmm\xad\x94\xf2\xe1\x87\x1f\x96R\xce\x993G\xd7\xf5\x0f?\xfc\xf0o\x7f\xfb\xdb\x1dw\xdcQSSc\xdb\x89 \xfb\x1e\x9b\x00\x00\xc4\x10c,\x18\x0c\xd6\xd4\xd4\x08!t]\xff\xfa\xc5\x9d\x9a\xa6i\x9aV^^\xfe\xa3\x1f\xfdh\xfc\xf8\xf1\xd65\x01\xabW\xaf\xb6\xf9zP\x04\x00\x00\xc0\x97\xb3\xba\xf5\x16v\xe2\xd6_\x93R\xfe\xe0\x07?\xb0~\xc8\xcf\xcf///w\xb9\\\xe7\xcd\x1a\xd9\x07\x02\x00\x00\xa0mh\x9a\x16\n\x85\x86\r\x1b\x96\x90\x90@D%%%\xa7N\x9dr\xbb\xdd\x08\x00\x00\x80\xce\xcf0\x8c@ \x90\x91\x91a\xfd\\YY\xa9i\x1a\x02\x00\x00\xa0\x93\xb36\x08r\xb9\\^\xaf\xd7z$\x1c\x0e\xdby\x19\xa8}+\x03\x00p\x16)%cL\x08\x11\x8dF\xadGt]\xb7\xed\xf0\x9f\x10\x00\x00\x00m\x88s\xde\xd8\xd8X]]m\xfd\xec\xf7\xfbM\xd3\xb4\xedZ \x04\x00\x00@\xdb\x90R\xba\xdd\xee\x13\'NTVV\x12Q \x10\xe8\xde\xbd{4\x1aE\x00\x00\x00trB\x08\x8f\xc7\xf3\xc1\x07\x1fX\xa3\xfe!C\x86t\xeb\xd6-\x12\x89 \x00\x00\x00:3\xeb\xf4oEE\xc5\x8a\x15+\xac?\xdeu\xd7]n\xb7[\x08\x11\xeb\xd2\xbe\x12\xb6\x82\x00\x00h\x03\x86a\xa4\xa7\xa7?\xfa\xe8\xa3\xc7\x8e\x1dc\x8c\xf5\xea\xd5\xeb\xbe\xfb\xee\xb3\xf9\x86\xa08\x02\x00\x00\xb8X\xd1h4==}\xe5\xca\x95\xbf\xfd\xedo\xadK\x7f\x9f|\xf2\xc9\xb4\xb44;\xcf\xff\x10\x02\x00\x00\xe0bH)\xad\xb1\xff+\xaf\xbc2s\xe6L\x97\xcb\x15\x8dF\xbf\xf7\xbd\xefM\x9b6\xad\xba\xbaZ\xd7m=\xcb\x82\x00\x00\x00h%!\x04c,--\xed?\xff\xf3?\x1f|\xf0A"\x8aD"\xb7\xdez\xeb\x7f\xfd\xd7\x7fY7\x07\x8eu\x81\xdf\xc0\xd6\xe9\x04\x00`[\x86a$$$\x08!~\xf4\xa3\x1f\xbd\xf8\xe2\x8b\xd6\xd8\xff;\xdf\xf9\xce\xf2\xe5\xcbM\xd34M\xd3\xfe\x01`\xf7\xfa\x00\x00l\xc8\xda\xf3\xe7\xe4\xc9\x937\xdf|\xf3\x8b/\xbe\xa8iZ4\x1a\xcd\xc9\xc9y\xf9\xe5\x97\r\xc30\x0c\xc3\xfe\xbd?\xe1\x08\x00\x00\xe0B\x19\x86\x91\x92\x92\xb2e\xcb\x96\x07\x1ex\xa0\xb8\xb8\x98\x88\\.\xd7\xf3\xcf??{\xf6\xec\xea\xeaj)\xa5#z\x7fB\x00\x00\x00\\\x10\xeb\x96\xf1\xef\xbf\xff\xfe=\xf7\xdcS__OD\xfd\xfa\xf5\xfb\xe3\x1f\xff\x98\x9d\x9d]^^\xaei\x9aSz\x7fB\x00\x00\x00\xb4\x9c\x10"!!a\xdf\xbe}\xf7\xddw_CC\x03\x11egg\xafY\xb3&amp;==\xbd\xac\xac\xcc\xba_\xbc\x83 \x00\x00\x00Z\x8asn\x9a\xe6\xec\xd9\xb3kjj\x88\xe8\xea\xab\xaf~\xfb\xed\xb7\xe3\xe2\xe2\x82\xc1\xa0\xe3z\x7f\xc2I`\x00\x80\x162M399\xf9\x8d7\xde\xc8\xcf\xcf\xe7\x9cw\xed\xda\xf5\x95W^\x89\x8f\x8foll\xb4\xf9z\xff\xaf\x82\x00\x00\x00h\x11k\xaf\x7f\xebV\xefB\x88_\xfe\xf2\x97}\xfb\xf6\xad\xab\xabsh\xefO\x08\x00\x00\x80\x96\xb0\xf6z;s\xe6\xcc\xee\xdd\xbb\xa5\x94]\xbbv\xbd\xfb\xee\xbb\x83\xc1\xa0s{\x7fB\x00\x00\x00\xb4\xc4y{\xfd_}\xf5\xd5\x19\x19\x19v\xde\xeb\xbf%\x10\x00\x00\x00\xdfLJ\xa9\xebzYY\x99i\x9aD4h\xd0 \x9b\xdf\xee\xb1%\x10\x00\x00\x00-\xc29\xb7\x16\xff\x10Q\xb7n\xdd\xac;\x00\xc7\xb4\xa2\x8b\xe5\xe0\xd9+\x00\x80\x0e\x16\x0e\x87\xad\xeb\xbc\x92\x93\x93\xed|\xa7\x97\x16B\x00\x00\x00\xb4\x08c,\x12\x89X\xfd~\'\x18\xfe\x13\x02\x00\x00\xa0%8\xe7\xf5\xf5\xf5\x13\'N|\xeb\xad\xb7\x88h\xd0\xa0A\r\r\r\x0e\xda\xf5\xe1K!\x00\x00\x00\xbe\x19c,\x1a\x8d\xf6\xec\xd9\xb3_\xbf~D\x14\n\x85\x9c\xbe\x04\x88\x10\x00\x00\x00-dM\x01555\x11\x11\xe7\xdc\xe9\xbd?!\x00\x00\x00Z\x8e1f\xe7\x9b\xbc_(gO`\x01\x00t0)e\'X\xffcA\x00\x00\x00\xb4\x94\x10\xc2\xedv{&lt;\x1e)\xa5\xd3\xaf\x02#\x04\x00\x00@\x0b1\xc6\x12\x13\x13\x8b\x8b\x8b\x8f\x1e=\xear\xb9\xdcn\xb7\xd33\x00\x01\x00\x00\xf0\xcd\xac\xbd\x80~\xfe\xf3\x9fgee\x8d\x1a5\xea\xb6\xdbn+//w\xb9\\\x8e\xce\x00\x04\x00\x00\xc07\x10B$&amp;&amp;~\xf4\xd1G\xbf\xff\xfd\xefkkk\xc3\xe1\xf0\xa6M\x9b^x\xe1\x85\xc4\xc4Dkk \x87\xc2* \x00\x80o`\xed\x04w\xe0\xc0\x01M\xd3\xac\xd5\x9f\x8c\xb1\xa2\xa2"\xd34\x1d\xbd\x18\x14G\x00\x00\x00-b\x8d\xf79\xe7\x9a\xa6\t!\xbc^\xaf\xd3\xaf\x04vv\xf5\x00\x00\x1d\x80s\xde\xd0\xd00v\xec\xd8\x8c\x8c\x8cH$\x12\x0e\x87\xa5\x94\xf7\xdcs\x8f\xa3\xe7\x7f\x08S@\x00\x00\xdf\xc8\xba\x06\xb8k\xd7\xaeo\xbf\xfd\xf6\xca\x95+\x1b\x1b\x1bo\xba\xe9\xa6\xdbn\xbb\xad\xae\xae\xce\xd1\xd7\x85!\x00\x00\x00\xbe\x19\xe7\xbc\xb1\xb1q\xc8\x90!\xcf?\xff\xbcu-Xmm\xad\xa3O\x00\x10\x02\x00\x00\xa0\x858\xe7\xa1P\xa8\xa1\xa1\xc1\xea\xf7\x1d=\xf6\xb7 \x00\x00\x00Z\x8as\xee\xf4\x13\xbf\xe7\xea&lt;\xff\'\x00\x00pA\x10\x00\x00\x00\x8aB\x00\x00\x00(\n\x01\x00\x00\xa0(\x04\x00\x00\x80\xa2\x10\x00\x00\x00\x8aB\x00\x00\x00(\n\x01\x00\x00\xa0(\x04\x00\x00\x80\xa2\x10\x00\x00\x00\x8aB\x00(\xc1q;V9\xae\xe0\xce\xcdq\x1f\xc7y\x05;n\xcb\xb6\x0e+\x18\x01\xa0\x84HT\x90\xa3n\\\x1a\x89\x8aX\x97\x00\xff\xe6\xd0\xf6c\xed\xd9ID\xd1h\xd4Yw\xee\x8dF\xa3\xd6\x0fV\xfd\xed\x07\x01\xd0\xc9Y\rh\xd7\xfe\n2\x04\xe7\x0e\x18\x07I)I\xe7\x1f\x17V\x90\x03\x07\x9e\x9d\x8fc\xdbO%\x11ed\xa4\xf7\xeb\xd7\x8f\x88\xf6\xec\xd9c\xdd\xc9+\xd6\xd5}3\xeb\xde\x93\x05\x05\x05D\xe4\xf3\xf9\xfa\xf7\xefO\xedy@\xe0\x80\xdf\x08\\\x0c\x97\xcbMD\x15\xd5MF\xd8p\xcc\x81\xb0\x94\xa5\x15!"r\xb9\\\x8e\xf8\xd2vbNm?\x95!"JNJ\xce\xc8\xc8 \xa2\xaa\xaa\xaa\xa6\xa6&amp;\xa7\xd4/\xa5,//\'"\xaf\xd7\x1b\x08\x04\x08\x01\x00\xad\xe3\xf1x\x86\r\x1bND\x87\x8f\xd5V\x97507\xb7\xffq0\xe7L\x86\xcd]\x85\x95D4p\xc0\xc0\xae]\xbb\x12\xe1X 6&lt;qNm?\x9f\x14V\x12\xd1\x90!Cn\xba\xe9&amp;":z\xf4hII\x89\xdb\xed\xb6\xffD\x10\xe7&lt;\x1c\x0e\xef\xd9\xb3\x87\x88\xfa\xf7\xef\x9f\x90\x90 \x84@\x00@k\x98\x861l\xd80\xceX]C\xa4\xf0H\r\xc5\xe9B\xd8\xfa\x0b %q\xb7VS\xdep\xf0h\x90\x88\x86\x0e\xcd\x8c\x8f\xf7\x10\x11\xba\xff\x980L\xa7\xb6\x9f\x03G\x83D4\xe4\x8a+\xc6\x8c\x19CD\xc1`\xf0\xc0\x81\x03qqq\xed=\xa5~\x91\xa4\x94n\xb7\xbb\xb4\xb4\xf4\xf0\xe1\xc3D\x94\x99\x99\xc99o\xd7\x9a\x11\x00\x9dY4\x1a\xbd\xe6\x9akz\xf5\xea!\xa4\\\xb7\xe5$i\xdc\xe6# !\xa4\xf4\xe8\x1f\xed*-\xafl\xe0\x9cO\xb8\xe9&amp;\xc3p\xf6M\xb7\x1d\xcd\xb9\xed\xa7\xac\xb2\x9es6f\xcc\xb5#G\x8e\xf4\xfb\xfdB\x88\x8d\x1b7\xea\xban\xfb\xfaE||\xfc\xb6m\xdb\xca\xcb\xcb9\xe7\xd6\xe1K\xbb\xce\\!\x00:3)\xa9\x7f\xff\xfe\x99W\rc\x8c\xbd\xfd\xc1I\xa36\xac\xe9\xf6\xfe\xc4\xa5d:_\xbb\xe13I\x94\xd6%u\xcc\x981\x8d\x8d\x8d\xb1\xaeIaR:\xb5\xfdH\xf2\xfb\xfd\xc3\x87\x0f\xf7z\xbd\x99\x99\x99\x8c\xb1\xf5\xeb\xd7\xd7\xd6\xd6\xea\xba\xad\xef\x81h\x9d\x01~\xe7\x9dw\xa4\x94~\xbf?;;\x9b\x88\xda\xf54\x98\xbd?N\xb8h\xba\xae\xdfw\xdf\x14)\xe5\xa1\xa3\xd5[&gt;:\xc5\x12\xdd\xa6i\xd3A\x90\x94\xc4=z\xe5\xf1\xe0{\x9bN\x12\xd1\xc4I\x93z\xf6\xec\xd9\xd4\xd4\x14\xeb\xba\x94\xe6\xdc\xf63i\xe2$\xeb\x0c\xea\x94)S\xa4\x94\x87\x0f\x1f\xde\xb4iSRR\x92i\xda\xf4\x98RJ\xe9\xf1x\x8e\x1d;\x96\x97\x97GD\x93&amp;M\xf2\xf9|\xa6i\xe2\x08\x00Z\xaf\xbe\xbe\xfe\xce;\xefLOK\x13R\xfe\xdf\x17w\x93\x90\xb6\x9dP7M\xc1\x12\xdd\xcf\xbf\xbc\xaf\xb4\xa2A\xd3\xb4\x993g\xc5\xba"pj\xfb\xd15m\xe6\xacY\x8c1)\xe5\xbd\xf7\xde\x9b\x91\x91!\xa5\\\xbcxq{\xf7\xa7\x17\xc34\xcd\xa4\xa4\xa4\xff\xf9\x9f\xff)++\xd34m\xe6\xcc\x99\x1dP*\x02\xa0\x93\x0b\x85B\xf1\xf1\xf1S\xef\xbf_J\xf9\xf7m\xc5\x1f\xfe\xfd\xb8\x96\x1cg\xc3A\x9c5|\xab:Y\xfb\x87W\x8b\x18cC\x87\x0e\x1d3fLmm\xad\xa6i\xb1.Mi\x0em?\x99We\x8e\x1b7N\x08a\x9afjj\xea\xb4i\xd3\xa4\x94\xff\xf8\xc7?rss\xadau\xac\xeb=\x9f5\xfc?~\xfc\xf8\xb2e\xcb\x18cW]u\x95U\x7f{\xb7\x7f\x04@\'\xa7i\x9a\x94\xf2\x87?\xfc\xa1\xdf\xef\'\xa2\xf9\xcf\x7fL\xa6\x94\xf6\x1b\x03\x99\x86\xe0I\xee\xff|\xa9\xa0\xbc\xaa\x91\x88\x1e{\xec\xb1\xe6\xcb8!\x86\x1c\xdb~~FDRJ\xce\xb9\x94r\xd6\xacYV\xfd\xcf&lt;\xf3\x8c=\x0f\x02\x0c\xc3HJJz\xee\xb9\xe7***\x88\xe8\xb1\xc7\x1e#\xeb\xa2\xb6v\x86\x00\xe8\xe48\xe7\x8c\xb1\xcb/\xbf&lt;\'\'GJ\xb9)\xbf\xf8\xbf_\xda\xadw\xf1\x1av\xdak\xc14\x84\xee\x8f\xdb\xfd\xcf\xd3\x8b\x97\xefeD\xd7\x8d\x1d;e\xca\x14\xc6\x18\x86\xff1\xe7\xd0\xf63y\xf2dk\xf8l-\xa3\x1c0`\x80U\xff\xd6\xad[\x9f{\xee\xb9\xd4\xd4\xd4\xe6\xbd\x16\xec\xc00\x8c@ \xb0y\xf3\xe6?\xfc\xe1\x0fDt\xddu\xd75\xd7\xdf\xdeo\x8d\x00P\x82a\x18999}\xfa\xf4a\x8c~\xf1\xec\x8e\xbd\xf9\xc5\xba\xdfc\x1a\xb6\xf8\x0eK!Y\x9c\xdeX\x17\xf9\xee\xcf?\x8cDMM\xd3\x16?\xfb\xac\xcd\x97\xeb\xa9\xc6\xd1\xed\x87sn\x9a\xe6\xd9\xfa\xd9\x93O&gt;\xb9m\xdb\xb6@ `\x18F\x0c\xcbn&amp;\x84\x88\x8b\x8b\xab\xad\xad}\xf8\xe1\x87#\x91\x88\xae\xeb\x8b\x17/\xee\xb0\xf6\x8f\x00P\x82\x94\xd2\xe7\xf3\xad^\xbdZ\xd3\xf4\xba\x86\xe8\xb4\xb9\xefWU\x86X\x9c.b=\x99+%\x19\x92\xb8G\xfb\xf1\xe3\x9b\xf6\x1c\xac\x94R.Z\xbcx\xf8\xf0\xe16\x9c\xa5U\x99\xe3\xda\x8f\x10\xa2y\xf5$c\x8c1v\xb6~\xad\xbe\xbe\xfe\x07?\xf8Ayy\xb9\xc7\xe3\x89y3\x93RJ)\xe3\xe3\xe3\xe7\xcc\x99\xb3\x7f\xff~)\xe5\xa2E\x8b\xce\xab\xbf]!\x00\x94\xc097\x0cc\xd4\xa8Q\x8b\x16-"\x92{\x0eU\xdd\xfa\xe0;Lc\xdc\xa3\xc5\xf0\x84\x9e\x14RH\xe9\xea\x9a0\xf7\x7fo\xfa\xe3_\x0f\x11\xd1\xbd\xf7\xde\x9b\x93\x93c\x18\x06&amp;\x7fl\xc5\xe9\xed\xe7\xf3\xf5Saa\xe1\xed\xb7\xdf\xaei\x9a\xc7\xe3\x89\xe1q\x80\x10BJ\xd9\xa5K\x97\x9f\xfc\xe4\'k\xd6\xac\xa1X\xb4\x7f\x04\x80*t]\xb7\x0e\xe4g\xce\x9cID\x1f\x15\x94O\x9a\xf6NumDKv\xc7d&gt;\xd74\x04siZ\xa2{\xee\x7f\xbc\xff\xfb\x97\x8b\x88(++k\xc9\x92%\x1d3\xf5\t\x17\xca\xe9\xed\xe7\xbc\xfaw\xed\xdau\xcb-\xb7\x04\x83A\xbf\xdf\x1f\x93\xf3\x01\x86a\xb8\xdd\xee\xa4\xa4\xa4\x87\x1f~x\xc9\x92%\x14\xa3\xf6\x8f\x00P\x88\xa6iB\x88%K\x96\xcc\x9c9\x93Hn\xd8zj\xe2\xf4w\x0e\x1f\xa9\xd6\xbb\xc4\x9b\xa6\xec\xb0m^\xa4\x94FTh\xbe\xb8\xba\xa8\xf9\x83\x9c\x8d\xbf\xfb\xe3^)\xcc\xac\xac\xac\xdc\xdc\xdc\xf6\xde\xfb\x10.\x86\xd3\xdb\xcf\xe7\xeb\xa7\x0f?\xfc\xf0\xb6\xdbn;x\xf0`zz\xbai\x9a\x1d\xb6\xe4LJ\x19\x8dF\xfd~\x7f$\x12\x991c\xc6\x0b/\xbc \x84\x88U\xfbG\x00(\xc4\x9a\x0c5M\xb3\xf9;\xb0coy\xf6]o\xae\xf9\xf3\x01\xcd\x1f\xc7\xbd.\xd3\x10\xed\xfa5\x96\x92\x0cC0]\xd3\xd3\xbc\xdbw\x95\x8c\xbb\xe7\xcd\xe5o\x1c$\xa2\x91#\xff\xd5\xfa;l\xea\x13Z\xc1\xe9\xed\xe7\x8b\xf5\x7f\xf2\xc9\'\xd7]w\xdd\xca\x95+\x03\x81@BB\x82a\x18\xed\x1a\x03RJ\xc30\\.Wzz\xfa\xb6m\xdbn\xb8\xe1\x86W_}\x95\x88F\x8e\x1c\x19\xab\xf6\x8f/\x9bZ\x18c\xd6\xc2\xb8%K\x96\xcc\x9b?\x9f\x88\xca\xabCS\x7f\xb2\xf1\xfe\xd9\xb9\xfb\x0eVi)\xf1\xdc\xeb2Mi\x98R\xb4\xdd:\x04)\xc94\xa5i\x08\xe6\xe2z\xaa\xb7\xac\xa6\xe9WOm\x1d\xf7\x9d\xb7\xac\xbb\xbeL\x9e&lt;y\xfdz\xf4\xfe\xce\xe0\xf4\xf6sn\xfd\xf3\xe7\xcf\'\xa2\xaa\xaa\xaa\xef}\xef{S\xa6L\xd</t>
        </is>
      </c>
    </row>
    <row r="195">
      <c r="A195" s="1" t="n">
        <v>193</v>
      </c>
      <c r="B195" t="inlineStr">
        <is>
          <t>shape_size_hexagon</t>
        </is>
      </c>
      <c r="C195" t="inlineStr">
        <is>
          <t>What is the size of the missing shape denoted with a question mark if it is a pentagon?</t>
        </is>
      </c>
      <c r="D195" t="inlineStr">
        <is>
          <t>['medium', 'large', 'small']</t>
        </is>
      </c>
      <c r="E195" t="inlineStr">
        <is>
          <t>small</t>
        </is>
      </c>
      <c r="F195" t="inlineStr">
        <is>
          <t>There are 7 shapes with different sizes in the image, of which there is a missing pentagon in the center. The other shapes are arranged around the center, which are ['hexagon', 'pentagon', 'triangle', 'hexagon', 'pentagon', 'triangle'] in anti-clockwise order. Their corresponding sizes are ['medium', 'small', 'large', 'medium', 'small', 'large'].</t>
        </is>
      </c>
      <c r="G195" t="inlineStr">
        <is>
          <t>We observe that the hexagons are medium size, the pentagons are small size, and the triangles are large size. Hence, the pattern is that each shape appears with a distinct size.</t>
        </is>
      </c>
      <c r="H195" t="inlineStr">
        <is>
          <t>Based on the pattern that each shape appears with a distinct size, the size of the missing pentagon should be small.</t>
        </is>
      </c>
      <c r="I195" t="inlineStr">
        <is>
          <t>b'\x89PNG\r\n\x1a\n\x00\x00\x00\rIHDR\x00\x00\x02\x00\x00\x00\x02\x00\x08\x02\x00\x00\x00{\x1aC\xad\x00\x00^\xbcIDATx\x9c\xed\xddyxU\xd5\xb9?\xf05\xecs\x02\x81L\xcc \x8229E+\xa1*\x88$\x11\x19\xe2P\xc1\xcb \x83\x02\xde\xa2\xd8B!\x10P\x86\x06\x0cH\x01\tS\xb5\xfd\x95JE\xa4\x04\nh\xf5\xaam\xa1\x15I\x10\xc5jb[\x91\x16b\xd0k\xaf%\x80d&amp;$\xe7\xec\xb5\xd6\xef\x8f7\xd9\x8dL\x052\x9ca\x7f?\xcf}\xfa\\\x99\xb2\xcf\xb0\xd6\xbb\x86w\xad\x97\x1bc\x18\x00\x00\xb8\x8f\x08\xf4\x03\x00\x00@` \x00\x00\x00\xb8\x14\x02\x00\x00\x80K!\x00\x00\x00\xb8\x14\x02\x00\x00\x80K!\x00\x00\x00\xb8\x14\x02\x00\x00\x80K!\x00\x00\x00\xb8\x14\x02\x00\x00\x80K!\x00\x00\x00\xb8\x14\x02\x00\x00\x80K!\x00\x00\x00\xb8\x14\x02\x00\x00\x80K!\x00\x00\x00\xb8\x14\x02\x00\x00\x80K!\x00\x00\x00\xb8\x14\x02\x00\x00\x80K!\x00\x00\x00\xb8\x14\x02\x00\x00\x80K!\x00\x00\x00\xb8\x14\x02\x00\x00\x80K!\x00\x00\x00\xb8\x14\x02\x00\x00\x80K!\x00\x00\x00\xb8\x14\x02\x00\x00\x80K!\x00\x00\x00\xb8\x14\x02\x00\x00\x80K!\x00\x00\x00\xb8\x14\x02\x00\x80K\x19c\xb4\xd6\x81~\n\x08$n\x8c\t\xf43\x00\x00@\x00`\x06\x00\xe0:\xc6\x18cLaa\xe1\xa1C\x870\x0fp3\x04\x00\x00\xd7QJq\xce\x9f{\xee\xb91c\xc6p\x8ee\x00\xf7B\x00\x00p\x17\xad\xb5\x94\xf2\x8b/\xbe\xd8\xb8q\xe3\xa7\x9f~\xfa\xea\xab\xafJ)\x95R\x81~.\x08\x00\x04\x00\x00w1\xc6p\xce\x9fz\xea\xa9\x92\x92\x12!\xc4\x9c9sJKK\xe9\xd7\x03\xfdh\xd0\xd4\x10\x00\x00\\D)%\xa5\xcc\xce\xce\xde\xb9s\xa7\x94R\x08\xf1\xc5\x17_\xac]\xbb\x16\x93\x00w\xc2\xf2\x1f\x80[\xd0\xde\xaf\xdf\xef\xef\xdf\xbf\x7f^^\x1e\xad\xfe\x0b!Z\xb6l\x99\x97\x97w\xed\xb5\xd7\xd2\x7f\x06\xfa1\xa1\xe9\xe0\xc3\x06p\x0b\xad\xb5\x10b\xdb\xb6m\xb9\xb9\xb9B\x08\xad5\x8d\xffJKK\x9f~\xfai\xec\x06\xbb\x10&gt;r\x00W\xa0\xe1\x7fii\xe9\x8d7\xdex\xe2\xc4\t\xc6\x98\x93\xfdI\xeb?{\xf7\xeeMJJ\xa25\xa2\x80&gt;)4\x1d\xcc\x00\x00\\\x81\x86\xff\xe9\xe9\xe9\x85\x85\x85\x9cs\xad5\xe7\\\x08\xcej\xb7\x85\xd3\xd2\xd2\xaa\xab\xab1\x0fp\x15|\xd8\x00\xe1\x8f\xba\xfb#G\x8e\xc4\xc7\xc7k\xad\xcf=\xf9E\x93\x80\x97_~y\xe2\xc4\x89\x98\x04\xb8\x07\x02\x00@\xf8\xa3&gt;}\xe8\xd0\xa1\xbbw\xef\x96RR\x00\xe8\xd6\xe5\xaa\x8e\xed\xdb\xbc\xf7\xe7\xbf\x08!h\x12\xd0\xae]\xbbC\x87\x0e\xc5\xc4\xc4p\xce9\xe7\x81~jhtX\x02\x02\x08s\xd4\xfb\xef\xde\xbd\x9bz\x7f\xa5\x14\xf5\xf8\xcf\xce\x9d\xba\xfdW\x99\x94\xf6C\x01\xa0\xb0\xb00==\x9d\xf6\x87\x03\xfd\xd4\xd0\x14\x10\x00\x00\xc2\x19\xf5\xec\xb6mO\x9f&gt;\xdd\xc9\xfb\xd4Z\'\xdcr\xc3\x83\x0f\x0c\xeexm\xd7)\x8f\x8e\xa0\xb3\xc1\x14\x18\xd6\xaf_\x7f\xf8\xf0a\xc4\x00\x97@\x00\x00\x08g\xb4\xf7[\xb7[\xa70\x90\xb9pfdtK\xbb\xac|\xc9\xfc\xe9\xed\xdb\xb5\xa68qV\xa8\x08\xf4\xb3C\xa3C\x00\x00\x08[\xd4\xdd\xd7]\xd8\xa1\x91\xfe\xc8\x07\x06%\x0f\x1a\xe0/-S~\x7f\xeb\xce\x1d~2w\x1a\xc5\tg\xb1h\xc7\x8e\x1d8\x1b\xec\x06\x88\xf3\x00a\x8b:\xf4\xc7\x1e{\xec\xe5\x97_\xb6,\xcb\xb6m)\x84\xb4\xe4\xdf\xf6\xec\xb8\xee\xc6\x9e\xfe\xd3\x95B\x08\xc3\x8c-\xe4\x9dC\xc6~\xf2\xe9?\x9c\xfd\x80\x1e=z\x1c&lt;x\xd0\xb2,\xec\x06\x877\xcc\x00\x00\xc2\x13\r\xeasss\xb7n\xdd*\x84\xb0m[J\xa9\xb4\x9e5\xe5\x91\xebz\xdf\xe4+\xaf\xa0\xee^+\xdd\xacE\xf35\x19\xb3\xa5\x14t&gt;@J\x99\x9f\x9f\x9f\x99\x99\x89\x9d\x80\xb0\x87\x19\x00@x\xa2\xe1\x7frrrvv\xb6\x94\xd2\x18m\x0c\xeb\xd6\xb5\xf3\xc7{\xb6\xb7l\xde\x8c)\xe5\x0c\xed\x95m{\xdb\xb4ztb\xea\xafw\xbeMI\xa2\x9c\xf3\xd8\xd8\xd8\xcf&gt;\xfb\xac}\xfb\xf6\xb8 (\x8c\xe1s\x05\x08C\xd4\xfb\xef\xdc\xb9\x93z\x7f\xa5\x14\xe7\xc2\x18\xf3\xe3\xd4\xc9\xb1\x1d\xda*\x9f\xaf\xee\xc2\x0e\x17R\x9f\xa9Z\x98\xf6dLt\x14\x8d\x089\xe7EEEs\xe7\xce\xc5npxC\x00\x00\x087\xe7^\xf1&amp;\xa5PJ\r\xe8\x9b\xf0\xe8##\xfc\xa7\x8a-\xcb\xaa\xfb\xe7\x85\xe0\xfe\x8a\xca\x9e\xbdo\x9a1y\xac\xd6\x9a\xfe\xb0\x94r\xf3\xe6\xcd999\xd8\r\x0ec\x08\x00\x00\xe1\x86\xba\xef\xb5k\xd7\x1e=z\xb4\xf6\xdc/\x17B,\x9e\xf3\x03\xe9\xb1\xce;\xa2\x97\x96\xb4\x8bKR\xa7N\xba\xb6\xebUJ\xe9\x9a\xed\x01\xad\xd3\xd3\xd3\xd1\xfb\x871\x04\x00\x80\xb0B\xbb\xb8\x05\x05\x05k\xd6\xacq2;\x95R\x8f\x8c\xb8/9%\xd9WRz\xde{~8\xe7\xda\xe7\x8fk\xdfv\xf9\xfc\xe9t&amp;\x80\xfebNNNVV\x96\x94\xd2\xb6\xed\xa6\x7f-\xd0\xd8\xb0\xc0\x07\x10Vl\xdb\xb6,k\xe2\xc4\x89\xaf\xbc\xf2J\xcd\x8e.c\xb1\xb1\xd1\x07\xb3_k\xdf\xa1\x8d\xf2\xf9\xc5\x85\xd3:\xb5R\x9e\x98\xe8\xa4\x94\xf19\x1f\xe4J)\xe9\x06\xe9n\xdd\xba\xe5\xe5\xe5\xb5l\xd9\x12)\xa1\xe1\x073\x00\x80\xf0\xa1\x94\xb2,k\xdf\xbe}[\xb6l\xa1\x81\xbf\x14B\x1b3\xf3\xf1\xf1\x1d{t\xf5\x9f\xa9\xbaH\xef\xcf\x183\x9c\x1b\xa52\x17\xcd\xf2z=\xc6\x18J$-((X\xb1b\x05RB\xc3\x12f\x00\x00a\xc2\xa9\xf8x\xe7\x9dw\xe6\xe5\xe59\xa7\xba\xba_s\xf5\xc1\xfd\xafKc\x98a\xffq\x04\xafl\xdb\xdb\xb6\xcd\xc4\x89\xa9\xaf\xecx\xd3\xb2\xa4mk)\x85\x94\xf2\xe0\xc1\x83=z\xf4@Jh\x98\xc1g\t\x10&amp;\x9c\x8a\x8fyyyN:\xbf1\xe6\xd9\xa7\x7f\x18\x11\xd5B\xdb\xeaR\xd6o\xb8\x94\xaa\xbc|Yzj\\l\xb4\xd6\x9a\xfe\x8a\xcf\xe7[\xb0`\x01RB\xc3\x0f\x02\x00@8\xa0\x9d[J\xde\xaf\xbd\xf6G(\xa5\x06\'\xf5}x\xecp\x7fI\x99\xb4.\xa9\xc6\x8b\xe0\\U\xf9:u\xef\x921\xfbI\xad\x8d\xb3\x8d\xbcc\xc7\x0e\xe76\xe9\xc6~-\xd0d\x10\x00\x00\xc2\x01\r\xffW\xaf^M\x15\x1f\x8d1\xc60\xcb\x92\xeb\x96&lt;e.3\x81GX\xd2.)\x9b\xf2\xfd\xb1\xbd\xbaw\xa5\x7f\x96\xa2\xcb\xf4\xe9\xd3m\xdb\xc6&lt; \x9c \x00\x00\x84&lt;\xea\xa6\xf3\xf3\xf3W\xae\\)\x84PJ\xd3\x12\xd0\x13\x8f\x8c\xb8\xa1w\xbc\xbf\xa2\xf2\xb2\x16\xee9cZ)od\xf3u\x8b\xe7\x18c8\xaf\xf9\xf7\x0f\x1f&gt;\xbc~\xfdz\xec\x06\x87\x13\x04s\x80\x90G\xab4\xa3G\x8f\xa6k\x9ci\xf5?&amp;\xbae\xfe\x81\xb7\xe2\xe2\xa2\xb5\xdf\xbe\x82\xf4M\xad\x94\'6z\xd4\xb8i;\xdf\xfa\x93SE266\xb6\xa0\xa0\x005#\xc3\x06f\x00\x00\xa1\xed\xdcK\xfci\x90\x9e\x91\xf6d\xeb\xce\x1d\xec*\xdf\x15\xf6\xd4\x9c\x1b\xdb~v\xee4J\t\xa5\xfc\x9f\xe2\xe2b\xd4\x8c\x0c\'\x98\x01\x00\x840\xea\x9a\xb5\xd6\xf1\xf1\xf1G\x8e\x1c\xa1\xbe\xde\x18\xd3\xfb\xe6\xeb?\xf8\xe3Va\xabKI\xfd\xbc\x10\xba%t\xfe\xdce\xcb\x9e\x7f\xc9\t-B\x88\x03\x07\x0e$$$ %4\x0c\xe0\xf3\x03\x08a\x17\xa9\xf8\xe8m\xdeL\xabKJ\xfd\xbc\x10!\xa5\xae8=k\xea\xa4\xf6\xedZ\xd3\xbfL5#\xd3\xd2\xd2\xb0\x15\x1c\x1e\x10\x00\x00B\x15%\xe7\xd0\xb2\x8cS\xcb\xe5\xdf\x15\x1fK\xca\xce{\xed\xcf\xa5\xe3\x9c\xfb\xab\xaa\xdb\\\xddq\xd9\xbc\x1f\xd1x\x9f\x96\x9b\xb2\xb3\xb3w\xee\xdc\x89\x94\xd00\x80\x00\x00\x10\xaah\xf8\x9f\x9e\x9e^\\\\L\xc9\x9a\xc6\x18\xaf\xd7\xf3\xec\xdci\\\xeb+_\xfa\xa9\xc3\xb2,\x7fQ\xc9\x84\t#\x07\xf4MPJIY\x93\x12\xfa\xf4\xd3O\x97\x96\x96\xb2\xda\xab\xa7!D!\x00\x00\x84$\xa7\xe2#\xa5f\xd2\xd8\\k\x9d6\xe5\xd1\xba\x15\x1f\xeb\xcf\x18#-k\xf1\x9c\x1f\x08!\x18\xab\x99g\x1c=zt\xed\xda\xb5\x98\x04\x84:,\xe4\x01\x84\xa4\xb3*&gt;RZN\xbb\xb6\xad\x0e\xe6\xfc\xb6\xd5\x95\xa6~^\xf0g\xd9\xb6\xb7M\xab\x89\x93f\xbe\xb2\xe3-\'\xcd4***77\xb7[\xb7n\xd8\r\x0e]\xf8\xd8\x00B\x8fs=\x83S\xf1\x91\x96\x80\x96\xcd\xfbQ\x9b\xab;\xfa\xab\xaa\x1b6I\x9fK\xa9OW.O\x9f\xd9*.\xc6h\xcd\x18\xe3\x9c\x97\x96\x96.^\xbc\x98\xf6\x1e\x1a\xf0gASB\x00\x00\x0814k\xa7\x0b\xda\xe8?\x9d\x8a\x8f\x13&amp;\x8c\xf4\x17\x95\x9cU\xf1\xb1\xfe\x04\xe7\xfe3U\x1d{t\x9d\xf9\xf8xm\x8c\xac]q\xda\xb2e\xcb\xbe}\xfb,\xcb\xc2BP\x88B\x00\x00\x081\xb4\n\x9f\x99\x99\x99\x9f\x9foY\x16U|\x94R,\x9e\xf3\x03i\x9d\xbf\xe2c\xfdIi\xd9\xc5\xa5sR\'\xf7\xb8\xb6\x8b\xaa\xbd H)\x95\x9a\x9aZ]]\x8d\xac\xd0\x10\x85\x00\x00\x10J\xce*\xd2\xa2\x94\xb2,\xa9\x94\x1a\xfb\xd0\xbd\xc9)w_\xa8\xe2c\xfdq\xce\xb4\xad"\xa2Z&lt;\xfb\xf4\x0f)\x11\x88\xe2P^^\xde\xb6m\xdbp68D!n\x03\x84\x12Z{\xa1\x8a\x8f\xb4\xf6\xc29o\xd9"\xf2\xe3?n\xed\xde\xe3\x1au\xa6Z\x88F\xbc\xa2Gk\xed\x89\x8e\x1a\xf2\xe0\xa4?f\x1f\x90Rhm8\xe7\xed\xda\xb5;t\xe8\x10.\x08\nE\x98\x01\x00\x84\x0c\xa7P;U|\xb4m[J\xa1\xb5\x9e\xf3\xc3\t=\xbfs\xa3\xffte\xa3\xf6\xfe\xc4\xd8\xf6\xba%OY\x964\xa6\xe6$Zaa!.\x08\nQ\x98\x01\x00\x84\x0c\x1a\xef\xdf}\xf7\xdd999T\xb4]k\xdd\xa3[\x97\x83\xef\xbd.\x8da\x8c5\xc1\xf0[\xd9\xca\xdb:v\xea\xb4\x1f\xff\xfc\xe5\xedu/\x08:x\xf0`\xaf^\xbd\x90\x12\x1aZ\xf0Q\x01\x84\x06\x1a\xfeo\xde\xbc\x99z\x7f\n\x06\x8c\xb1g\x9f\xaa\xad\xf8\xd8$\x8f!\xa4\xd0\xa7+\x17\xcf\xfbQ\xfbv\xadi\x06@\x17\x04M\x9f&gt;\x1d[\xc1!\x07\x01\x00 \x04\xd4\xad\xf8X\xf7\xda\x9f\xc4~}\x1e\x1e7\xdc_Rz\x89\x15\x1f\xeb\x8f.\x08j\xdd\xb9\xc3O\xe6N\xa3\x1di\xe7&gt;j\xd4\x8c\x0c9\x08\x00\x00!\xa0n\xc5G\xe7\xda\x1f\xcb\x92\x99\x8bf\x19[\x99\xa6X\xfb\xf97iYvI\xe9\xb8\xb1\xc3\x12n\xb9\xe1\xac\x9a\x91&gt;\x9f\x0f\xf3\x80\x10\x82\x00\x00\x10\xech\xbc\x7f\xde\x8a\x8f\xb7%\xde\xe1/?-\x9bv\xd9\x9d3\xa6\x95n\xd6\xa2Ef\xfa\xcc\xba)\xa1\x87\x0f\x1f\xce\xcc\xcc\xc4np\x08A\xac\x06\x08v\xe7V|d\x8c\xc5\xc6D\xe5\x1fx+6.\xda4\xe8\xb5?\x97N+eEG\x8d\x1a?\xed\xd5\xb7\xdfq.\x08\x8a\x8d\x8d\xfd\xec\xb3\xcf\xda\xb7o\x8f\xdd\xe0\x90\x80O\xc8\xd5\x94R\x18\x01\x049\xe7\n\xfe\xba\x15\x1f\x8d1\x19\xb3\x9fl\xdd\xb9\x83\xba\xe2\x8a\x8f\xf5\xc79Sj\xf9\xc2\x991\xd1Q\x8cr\x90\xea\xecR\xe0{\x15\x12\x10\x00\\\x8a\x16\x91\xa5\x94\xb8\xcc+\x98\xd1\x02K\xdd"\\\xb4\xc0\xd2\xab{\xd7)\xdf\x1fk\x97\x96\x8b\xc69\xf7{)\x84\x10\xbe\xf2\xd3=\xbes\xe3\x8c\xc9c\x95\xd6t\x1f\xd1YyJ\x81z6\xb8D\x08\x00nD\x19\x84\x9c\xf3w\xdf}\xb7\xaa\xaa\x8a\x129\x02\xfdPp\x1eN\xc5\xc7\xdc\xdc\xdc\xda\x8a\x8f\xcc\x18\xb3n\xc9\x1cod\xf3zV|\xac?iI\xbb\xb8$u\xea\xa4k\xbb^\xa5\x94\xa65\x1f\xaduzz:\xbeQ!\x01\x01\xc0ul\xdb\x96R\x96\x96\x96&gt;\xf1\xc4\x13\x03\x07\x0eLNN\xce\xcb\xcb\xa3\xf1\x1a\xa6\xedA\x85\xc6\xfbT\xf1\x91z\x7f)\x85RzpR\xdf\x94\xfb\xee\xf1\x97\x957\xd2\xb5?\x97\x8es\xae}\xfe\xb8\xf6m\x97\xcf\x9fN\x93\x15\xe7\xacrVV\x16\x9dU\x0e\xec\x13\xc2\xc5!\x00\xb8\x88\xd6Z)eY\xd6\xfe\xfd\xfbo\xbf\xfd\xf6\x17_|QJ\xf9\xe1\x87\x1f&amp;\'\'o\xd8\xb0\x81\x96\x830p\x0b\x1e\xb4\xadJ\x15\x1fi\xfd\xc7\x18\xe6\xf5z\xd6=\xfb\x94\t\x9a\x8fIZ\x96\xbf\xa8x\xf4\x98a\x89\xfd\xfaP\xefO\x91 ##\xa3\xac\xac\x8c\xb6+\x02\xfd\x8cpA\x08\x00nA\x9b\x87R\xca\xb5k\xd7\xde}\xf7\xddG\x8e\x1c\xa1Q\xbf\x94\xb2\xbc\xbc\xfc\xf1\xc7\x1f\x1f;v\xec\xa9S\xa70j\x0b\x12\xb4\xf8s\xf8\xf0\xe1s+&gt;\xde\x90p\x8b\xbf\xe2t\xf0\xe4\xd8\x18\xce\x8dR\x99\x8bfy\xbd\x1e\xba\x9d\xa2\xee}\xa5\xd8a\nf\xd8\xac\x0f\x7fto\xbbeY\xc7\x8e\x1dKMM\xdd\xbe};c\xacvI\xa1&amp;\xa7\x90\xba\x98^\xbdz\xbd\xf4\xd2K\xfd\xfb\xf7w~1\xc0\x8f\xeeb\xd4\xe3\x0f\x1d:\x94\x8e\xd7\xd2l\xa0m\x9b\xb8\x839\xaf\xb5\x8a\x8bi\xd8\x8a\x8f\xf5\xa7l\xdb\xdb\xb6\xcd\xc4\x89\xa9\xaf\xecx\xd3\xb2\xa4mk)\x85\x94\xf2\xe0\xc1\x83={\xf6\xa4\x90\x10\xe8g\x84\xf3\xc0\xa7\x12\xe6\xa8\xe3\xb0,k\xd7\xae]}\xfa\xf4\xd9\xbe};\x95\x8brVl\x9d\xff\xc7\xb2\xac#G\x8e$\'\'gdd\xd0\xf5^\x98\n\x04\x8aS\xf1\xd1\xb9\\\x81\x02\xf6O\xe6Nks\xf5U\r^\xf1\xb1\xfe\xb8\x94\xaa\xbc|Yzj\\l4\xedT\xb3o\xd7,\x0b\xf0\xf3\xc1\x05 \x00\x843\xdb\xb6\xa9\x1f\x7f\xe6\x99gRRR\x8e\x1d;fY\x16m\x02S\x1a\xe8\xb0\xfb\x07\xc5EGi\xad-)\xcf\xfa\xc3Tm\xca\xb6m\xb4\xde&amp;F!\x99zO\'\xf5S)\xd5\xfb\xe6\xeb\xc7\x8d\x1dn\x97\x94\xc8\x86\xae\xf8X\x7f\x82sU\xe5\xeb\xd4\xbdK\xc6\xec\'\xb56\xce\x9aU\xdd\xaa\xc5\x81~F8\x0f\x04\x80\xf0d\x8c\xb1m\xdb\xb2\xac\xfc\xfc\xfc\xb3\x06\xf5TE\xa4Ul\xf4\xd6_&gt;\xf7\xfak\x1b&gt;\xd8\x9du\xe7m\xb7\xda\xb5\xc7\x8b\x18\xab\x99.\xf4\xeb\xd7\x8f\xa6\x0b8(\xd0\xc4h\xc1\x84*&gt;:\x8b?R\x8a5\x19\xb3\x9b\xb5h\xae\x95\x0e\xae\xc1\x7f-aI\xbb\xa4l\xca\xf7\xc7\xf6\xea\xde\xb5\xee\x05Aiii\xb6m\xe3hXpB\x00\x08C\xce\xb2\xcf\xf6\xed\xdb\xfb\xf5\xeb\xb7\x7f\xff\xfe\xda\xca\xb1\x8cb\xc0\x90\xe4~\x1f\xec\xca\x1a3\xfe\xa1\xaa\x7f\x15^\xd7\xf3\xda\xbdo\xbe&lt;\xe3\x89G\xb4\xd6\xc6\x18K\n\x9a"\x9c:u\xea\xe1\x87\x1f\x9e&gt;}zyy9\x96\x83\x9a\x0cu\x9d\x85\x85\x85\xabV\xadr\xc6\xd1T\xf11ih\x92\xaf\xb8\xb1*&gt;\xd6\x1fgL+\xe5\x8dl\xben\xf1\x1cc\x0c\xe75\xaf%77\x97\xf6\xb11\x8c\x08B\x08\xcb\xe1\x86\xc6\xf8\xe5\xe5\xe5\x0b\x16,x\xfe\xf9\xe7\x19c\xd4\x83XR\xdaJ1\xc6\x16\xce~2c\xde4\xc6Xu\xc5i\xcbci[\x0b)dL\xf4\x1f\xde\xfe\xd3\x7f\xff(\xfd\xd8\x89o\xe8Or\xce\xa9\x03JHHx\xf1\xc5\x17\x13\x12\x12h%:\xd8V\x9f\xc3\x0c\xf5\xf8\x93&amp;M\xda\xb4i\x933\xfc\x8fj\xd9\xe2\xa3]Y\xdd{6z\xc5\xc7\xfa\xd3Jyb\xa3G\x8d\x9b\xb6\xf3\xad?9\xcf\x1f\x13\x13SPP\x80\x9a\x91A\x083\x80\xf0\xe1d\xfb\xe4\xe5\xe5%\'\'?\xff\xfc\xf3Nj\xbfeI[\xa9\x1e\xd7^\xfd\xfb\xed\xbf\xc8X&lt;\xdb&gt;S\xe5\xaf&lt;cY\x163LHa\x8c\xa9&gt;U\x9cr\xef\xc0\x8f\xdf\xdd1\xea{\x83\xed\xdas\xc2\x17\xfa\xd7\x02\xfdB\xc3\x96s\x8aj\xf3\xe6\xcd\xb5I\xbaBk=c\xf2\xd8\x9e\xbdo\xf2W4E\xc5\xc7\xfa\xe2\xdc\xd8\xf6\xb3s\xa7QJ(\xad\x02\xd5=\xcb\x16\xe8\xe7\x83o\xc1\x0c LP\xdf\xc1\x18\xdb\xb0a\xc3\xacY\xb3\xca\xcb\xcbi\x0b\xd7\xb9;~\xd4\xf7\x06\xff|\xf5\xa26\x1d\xdaU\x17\x15[\xe7\xdbE\xb4m\x15\xd1\xbc\x19\xf3zV\xff\xf4\xa5\xa73V\xd9J\xd7\xcd?a\x8c\x8d\x1e=\xfa\xe7?\xffy\xeb\xd6\xadi\x8d\x08C\xb9\x06G\xc1u\xe0\xc0\x81N\xc5Gc\xcc5]:\xe5\xee\xd9\x11\x15\xd9\x8c)\x1d\x12\xef\xb9\xb2mo\x9bV\xf3\xe7.[\xf6\xfcKukF\x1e8p !!\x01\xb7\x84\x06\x15|\x12\xe1\xc0Y\xb5\x1f;v\xec\xe3\x8f?^^^^[1\\j\xad\xa5\xe0\xab\x16\xcf\xd9\xbe\xf9\xa7m\xa2[^\xa8\xf7g\x8cY\x96\xf4WW\xfb\xcb+f\xcdzb\xdf\x1f\xb6\xf4\x8e\xbf\xbe\xee\xc1N\xdaQ\xb8\xf3\xce;w\xed\xda\x85\x9d\xe1\xc6@\x9fWVVV\xdd\x8a\x8f\xc6\x98\xe5\xf3\xa7\xc7\xb5o\xab}\xfe\x90\xe8\xfd\x19cBJ]qz\xd6\xd4I\xed\xdb\xb5\xa6%\xa0\xb3\xee\xb3\x0b\xf4\x03\xc2\xbf!\x00\x846\xad\xb5\xd6\x9anw\xb8\xf3\xce;\xb7m\xdb\xe6\\\xf0I\x9dH\xef\xf8\xeb\xf7\xfda\xcb\xacYO\xf8\xcb+\xfc&gt;\xff\x85z\x7fB#\xb5\xeaSE}o\xbbu\xef\xef^\xf9\xfe\xf8\xff\xa2\x83\x02\x82s\xdaZ8r\xe4HJJJFF\x86\x933\xdad\xaf4\xbc\xd1\xb8\xb8\xac\xac,##\x83zI\xa7\xe2\xe3\xe81\xc3\xfcE\xc5A\x98\xfay!T3\xb2\xcd\xd5\x1d\x97\xcd\xfb\x91\x93\xc3z\xd6\x8d\xd6\x81~F\xa8\x81\x00\x10\xc2\x9c\xc9uFFFrr\xf2\x91#G(\xc5SpN\xfb\x01\xdf\x1f\xff_{\x7f\xf7J\xdf\xdbn\xad&gt;UD\x7f\xf2R\xfeY\xcb\xb2|e\xe5Q^\xcf\x86\x9f\xff$\xeb\x97\xcf\xb5\x8a\x8dVZ;\x0bJB\x88g\x9ey&amp;99\x99\x0e\n\xe0\n\xb9\x06A\t3+V\xac(((\xa057c\x8c\xd7\xeb\xc9\\4\xcb(eBd\xec\xef\xb0,\xcb_T2a\xc2\xc8\x01}\x13h\'\x83\xbe$\x0b\x16,\xf0\xf9|\x0cG\xc3\x82\x06\x02@H\xa24\x7f)\xe5\xb1c\xc7RRR\x9ey\xe6\x19gHnI\xa9\xb4\x8en\xd9\xe2\x97k\x9e\xd9\xf0\x8b\xe5-=\x1e_Y\xf9\xc5\x07\xfe\xe7\x92R*[\xf9J\xcb\xc6\x8e\x7f\xe8\x83\xdd[\xef\xbc\xed;\xf4\xef3\xc6\x9c\tG\xbf~\xfd\x9c\t\x07\xc6t\xf5\xe1T|\xcc\xcc\xcc\x94R*\xa5-Kj\xad\xc7\x0cK\xb9-\xb1\xaf\xbf\xbc\xa2\x89+&gt;6\x08c\x8c\xb4\xac\xc5s~ \xa5`\x8c\xd3\xd7\xc6y\x8dX?\x0c\x12X\x92\x0ba\xbbv\xedz\xec\xb1\xc7j\xcf\xf7*\xce\x19-\xfe\xdcy\xdbw^za\xe9u7\xf5\xf2\x15\x95\xd43q\xd3\xb6\xed\x88\x96-\xfc&gt;\xff\xb3\xab\xd6/\xce\xfc\x05c\x8c\x92D\x9d\x89\xfc\xe4\xc9\x93W\xaf^\x1d\x15\x15E[\x05\r\xf6\xda\xdc\xe4\xdc\x8a\x8f\x9c\xb3\x98\xe8\xa8\x839\xbfm\xdf\xbe\xb5\xf6\xdb"4\xdfXe\xdb\xde6\xad\x1f\x9d8\xe3\xd7;\xdf\xb6,\xa9\x94\xe6\x9c\xb7l\xd92//\xaf[\xb7n\xd8\r\x0e\x06\xf8\x00B\x8f\xd6\xfa\xf4\xe9\xd3\xb3f\xcd\xa2\xdb\x1dj\xf7{\x05]\xc48\xe3\x89G\xf6\xbe\xb9\xe9\xba\x1e\xd7T\x9f*\xae\x7f\xae\x8eeY\xfe\xd3g\x84\xd6\x19\x8bg\xff~\xfb/z\\{\xb5\xad\x14\x1d+\xe3\x9cK)7l\xd8\x90\x9c\x9c\xfc\xe1\x87\x1f\xd2nDC\xbdF\xf78o\xc5G\xadM\xc6\xec\';u\xef\xa2\xaa|!\xda\xfb3\xc6\xb8\x90\xfa\xcc\x99\x85\xb3\x9f\x8c\x8ej\xa9\xb5a\x8c\xd1&gt;\xc7\xe2\xc5\x8b\x91D\x10$0\x03\x081\xd4_&lt;\xfe\xf8\xe3\x1b6l\xa0\x8e\x98\xfabcL\xc7vm^z~I\xca\xfd\x83Ti\x99VZ\xc8\x06\x8b\xee\xb4\xa3\x10\xd1*\xee\x9b\xc2\x13?L\xcb\xd8\xf1?\x7ft~\x8b\xf6\x06&lt;\x1e\xcf\xdf\xfe\xf6\xb7\xeb\xaf\xbf\x1e\xf7&gt;^\x16J\xf4\xf4\xfb\xfd\xfd\xfb\xf7\xcf\xcb\xcb\xa3hm\x8c\xe9\xd9\xad\xcb\xa7\xef\xbd.\xb4f\x8c\x85j\xf7\xcf\x18\xa3\x19d\xbb6\xcf&gt;\xb3*}\xc5\xcf-K\xdavM\xb2\xf2\xbb\xef\xbe;`\xc0\x00\'w\x19\x02\x05m5\xc4P\xc0\xbe\xfd\xf6\xdb\x9d\x15yJ\xb3K\xb9\xbb\xffG\xef\xfc&amp;\xe5\xbe\x81\xd5\xa7\x8a\x8d1\r\xd8\xfb3\xc6(\r\xb4\xba\xa8\xb8Mt\xd4\xf6W\xd6\xad\xfd\xc9\xdc\xf6m[\xd3\xe2\x12\xf5\xf8\xd7\\sM\xd7\xae]\xb1\nt\xb9\xe8\xdd\xdb\xb6m\xdb\x05+&gt;\x06\xfa\t\xebIZ\x96]T2g\xc6\xe4\x1e\xd7v\xa1\x9a\x914\x98HMM\xad\xae\xaeFVh\xc0!\x00\x84\x18\x1a1=\xf8\xe0\x83-Z\xb4\xa0;\xb6\xe8t\xfds\xe93\xae\xea\xd6\xe5\xcc7\xc5\x96\xd5XG\xb4,\xcb\xb2}\xfe\xea\xd2\xf2\x19s\xa7\xf5\xbf\xfdV\xea\xbc\xa8\xdbz\xe8\xa1\x87\x9a7oN\xa9\xeb\x8d\xf1\xa3\xc3\x92sJv\xee\xdc\xb9\xc1Y\xf1\xb1\xfe8c\xdaV\x11Q-\x9e}\xfa\x87\xf4zi\xc7;//o\xdb\xb6m8\x1b\x1cp\x08\x00!\x86\x9aP\xfb\xf6\xed\x93\x92\x92XM\xe6&gt;WJ\xffn\xcf\xfe\xa6\xd8U\xe3\xcc\xe3\xf5\x16\x1d9\xfa\xc1\xc7\x7fe\x8c\x19\xa3\xa9=\xff\xd7\x7f\xfd\x17=[\xe3\xfe\xf4\xf0B\x114==\xbd\xb0\xb0\xd0\xa9\xf8hYr\xdd\x92 \xaa\xf8X\x7f\xd2\x92\xfe\x92\xb2\x87\xc7\x0e\x1f\x9c\xd4\xd7\xb9\xdcB\x081w\xee\xdc\xa2\xa2"L\x02\x02\x0b\x01 \xf4\xd0\xa0i\xd0\xa0A\x8c1\xa7\xfd\xfc\xf6w{LU\xb5\x94\x8d\xdb\x05k\xadE\x8b\xc8\xfd\x1f\xe6\x1d;\xfe\x8d\x10\xd2\x18F\xd1\xe8\xe6\x9bof\xa8 v9.T\xf1\xf1\x89GF\xdc\x90\x10\xef\xaf\xa8\x0c\xb37\xd3\xd8\xf6\xba%OY\x964\xa6f\xeaSXX\xb8z\xf5jL\x02\x02+\xac\xbed.A]\xc3\xd0\xa1C\xbd^\xafRJk\xc39\xcf\xfb\xf4\xef\x87\x0f\x1d\xb1\x9a7\xa7t\x8b\xc6\xfc\xf1\xfc\xd5\xb7\xdfa\x8c\tQ\xb3\x1e5x\xf0\xe0\xc8\xc8H\xac\xff\\\x16\xea\x04\xa7O\x9f\xee\xac\xe3\x19c\xda\xb7k\xbdx\xde\x8f\xf4\xe9\xca\x86\xdd\xc2\t8!\x84\xbf\xa2\xf2\x86\xde\xf1O&lt;2\xa2\xf6\x8c\xba\x16B\xac\\\xb9\xf2\xf0\xe1\xc3\x88\x01\x01\x14V\xdf3\x97\xa0\x06s\xddu\xd79WkI)\xfd~\xfb\xcd?\xe6\xb0f\xcd\xb4n\xac\xd5\x03c\x8c\xc7\xeb)=vb\xd7\xde\xf7\x19cJi\xe7\x92\xb8F\xfa\x89\xe1\x8a\xc6\xfb\xbbw\xef&gt;\xb7\xe2c\xeb\xce\x1d\x82\xb0\xe2c\xfd\t)te\xe5\xe2\xb9\xd3\xe2b\xa3\xa9Z\x00U=\x9b&gt;}:V\x81\x02\x08\x01 $Q\xf2\xcf\x88\x11#X\xcd*\x90f\x8c\xbd\xf6\xf6\x1e}\xe6\x8cl\xb4\xc1\xa3\xd6\x9aGF\xe6\xbc\xffq\xe1\x89SBH\xfa\x95\x0e\x1d:\xdcu\xd7]\x0c\xeb?\x97\xcc\xa9\xf8\xe8\xf4}\xd4\xfb\'\xdcr\xc3\xb8\xb1\xc3\xec\x92\xd2\x10\xba\xf6\xe7\xd2q\xce\xed*_\xeb\xce\x1d2\xd2\x9e\xa4\xe5\xafs\xa3`\xa0\x9f\xd1\x8d\xd0hC\x12\xf5\xb6\x0f&gt;\xf8\xe0Y\xab@\xff8x\xb8qW\x818\xdf\xf9\xed\xf5\x9f\x94\x94\x94\xe8\xe8h\xac\xff\\:\xa7\xe2\xe3\xe1\xc3\x87\x9d\x92)\xc6\x98\xcc\xf4\x99\xcdZ\xb4\x08\xda\x8a\x8f\xf5\'\xa4\xb4K\xcb\xa7&lt;1.\xe1\x96\x1b\xea\xd6\x8c\x9c&gt;}\xba\xcf\xe7\xc3&lt;  \x10\x00B\x12\x8d\x19{\xf4\xe8\xd1\xbbw\xef\xba\xab@\xbb\xb2\x0f4\xd2*\x901\xc6\xe3\xb1*N\x9e\xfac\xf6\x01Vg\xfdg\xd4\xa8Q\r\xfe\xb3\xc2\x18u\xf7\xe7V|\x1cq\xff=\xc9\x83\x07\xf8K\x82\xb7\xe2c\xfdq\xce\xb4R\xde\xe6\xcd2\xd3g\xd6M\t=|\xf8pff&amp;v\x02\x02\x02\x01 T\xd1\x18\x8a\xfa_g\xf4\xb4\xe7\xbd?3\xdb\xdf\x18u\xa3\xb46\xbcY\xb3\xbf}v\xf8\xc4\xc9S\xce\x11\xb0N\x9d:a\xfd\xe7\xb2P\xb4\x9e7o^QQQ\xcd\x9bfLLt\xd4\xf2\x853\x99R,\xdcgQRJ\x7fIY\xf2\xe0\x01#\xee\xbf\xc7\t~B\x88U\xabVQ.,b@\x13C\xbb\rU\xb4\xe4\x92\x9c\x9cL\x03Ij9\xd9\x1f|\xfc\xf5\xd1\x7fz""\x1a|6m\x8cf^\xefk\xbf\xdb\xa3\xb4v.\x98\xbb\xed\xb6\xdb\xb0\xfes\xe9\x9c3PYYYtu\xab\x94Bi=c\xf2\xd8\x1e\xdf\xb9\xd1W~\xda\x15q\x94s\xa6\xd4\xf2\x853c\xa2\xa3\x98\xa9\xb9 \xa8\xa8\xa8h\xde\xbcy\xb4(\x14\xe8\xe7s\x17\x17|\xe1\xc2\x14\xd5\xea\x8a\x8f\x8f\xef\xd1\xa3\x07M\xa8\xa5\x94\xe5\x15\x95\xbb\xf6\xbe\xcf"#\x95j\xe0\x91\x94\xc7cU\x17\x97\xbe\xb9;\x9b1\xe6,1\r\x1f&gt;\x9c\xe1n\xf7K\xe6\xdc\x82@K\xdet\x82\xaf\xfb5W\xa7N\x9dd\x17\x97H+l\x17\x7f\xea\x12B\xf8\xcaO\xf7\xf8\xce\x8d3&amp;\x8fUZK)\xe8\xa6\xf1\xac\xac\xac\xbc\xbc&lt;\xdc\x14\xdd\xc4\x10\x00B\x98R*""b\xd8\xb0a\xac\xce"\xcc\xabo\xbf\xc3\x94j\xd8E \xa5\xb4\x88\x8c\xcc\xcd\xfb[\xfe\xd1\xaf\x84\x10\xc60\xa5TTTTJJ\n\xab\xbd\x9d\x02.\x8eV&lt;\xb2\xb2\xb2\xf6\xed\xdbW[\xb7G\x18c~\x9c:9\xaec;\x15:\x15\x1f\xebOZ\xd2..I\x9d:\xa9\xfb5W+\xa5\x85\xe0\x94\x16\x95\x9a\x9a\x8a\xfaBM\x0c\x01 \x84Q\x971b\xc4\x08\xda@\xa3\xa1\xd3\xbe\x03\xb9\xff:\xfa\x95\xa7Y\xb3\x06lH\xc6h\xe6\xf5\xfc\xf6\xf7\xef\xd2\x126\x05\x9b\xc4\xc4\xc4\x0e\x1d:\xd0\xaefC\xfd\xa0pES\xb4\xd2\xd2R\xaa\xf8H\xd7\xfe\xd8J\xdduG\xefG\x1f\x1d\xe1?u\xc1B\xcda\x89s\xae|\xfe\xb8\x8e\xed~\x9c:\xd9\x18#\xb8PJY\x96\xb5o\xdf\xbe\xac\xac,\xba\xde&lt;\xd0\xcf\xe8\x16\x08\x00!\x8cV\x81z\xf7\xee\xdd\xa3G\x0f\xe7\x82\xfe\xf2\x8a\xca\xdf\xbf\xbb\x9fE6k\xc0U \x8f\xc7\xaa:U\xf2?\xdf^\xff\xa1\xfdgL\xd8/\x05mu\xae]\xbb\xb6\xa0\xa0\x80V9\x8ca^\xafgM\xc6l)\x84\x0b\x87\xbc\x96e\xf9O\x15?\xfa\xe8\x88\xbb\xee\xe8m\xd7^\x10\xc49\xcf\xc8\xc8(++\xc3f@\x93A\x00\x08mJ)\xaf\xd7{\xd6*\xd0\x9b\xbbs\x98n\xb0:\xb2Zk\xd1\xbc\xf9\xdf&gt;\xfd{\xfe\xd1\xaf8\xe7\xce\xfa\xcf\xd0\xa1C\x19\xd6\x7f.\x01\xed\xfd\x16\x14\x14\xacY\xb3\x86v\xec\x9d\x8a\x8f\xdfM\xec\xeb++o\xbc\xb3{\xc1\xcc\x18&amp;\x85X\x931\xdb\xeb\xf5\xd0\xa5RB\x88\x82\x82\x82\x15+V %\xb4\xc9\xb8\xf1\x9b\x17N\x9cU\xa0\xdaq\xa5f\x8c\xfd\xf9\x93\x83\xa5\xc7Oz\xbc\x9e\x06\x19Fi\xad\x99\xd7\x93} \xd7\x18#\xa5\xa40\x93\x94\x94\x84\xf5\x9fKD\xef\xd2\xe2\xc5\x8bKKK\xe9\xed\xd2Z\xb7\x8a\x8bY\x96&gt;C\x95Wp\xb7FP)\x85\xaf\xac\xfc\xbb\x89}\xc7\x0cK\xd1ZS\xcdH)efff~~&gt;v\x83\x9b\x06\x02@h\xa3\xee\xf8\xe6\x9bon\xdf\xbe=-,\x08!\x8f\x1d?\x99\xf3\xfe\xc7&lt;2\xb2A\x9a\x90\x94B\x9f\xa9z\xf5\xadw\x18c\xc6\xd4\xf4\xf8t\x17)\x9a\xe8\x7f\xe4\xacno\xd9\xb2\x85\xd2\xde\xa5\x10Z\x9b\x99\x8f\x8f\xef\xd4\xe3\x1aUU\x15\xba\x15\x1f\xeb\x8fK\xa9\xca\xcb\x97\xa5\xa7\xc6\xc5FS1\x1c\xc6\x98\xcf\xe7[\xb0`\x01CvY\x93@\x00\x08m\x9cs\xa5Tdd\xe4\xe0\xc1\x83\x19cRJZ\x07z\xf5\xedwXCd\x02im\xac\xe6\xcd\x0f\x1f:\x92\xf7\xe9\xdf9\xe7Z\x1bZt\xa2\xf5\x1fW\xe4\xad\xd7\x03\xed\xfdVWW;\xf9-B\x08\xa5u\xaf\xee]\xe7\xa4N\xb6\x8bK\x85t\xd1\xde\xef\xb9\x04\xe7\xaa\xca\xd7\xa9{\x97\x8c\xd9Ojm\x9c\xa3\xd1;v\xec\xc8\xce\xce\xc6\x05AM\x00\r8L\xd0\x95\x9cZk\xda\xfb\xdd\xb5\xf7\xfd\xd2c\'\xea\xbf\n\xa4\xb5b\xcd\x9a\xbd\xf9\xc7\x1c\xbf\xdf\xa6\xf5\x1fcLBB\xc2u\xd7]\x87\xf2\xbf\xff\x91S\xf1\xd1\xc9pw*&gt;F\xb4\x8c\xd4J\xb9x\xf4_CX\xd2.)\x9b\xf2\xfd\xb1\xbd\xbaw\xad{APZZ\x1a]\x94\x8dy@\xa3B\x03\x0ey\xd4\x0b\xdfu\xd7]\xb4(\xcf\x18\x13B\x16\x9e8\xd5 \xab@R\n}\xe6\xccko\xefau\xd6\x7fF\x8c\x18\x81S\xfb\xff\x11udEEE\xe7\xaf\xf8X\x1a\x0e\x15\x1f\xeb\x8f3\xa6\x95\xf2F6_\xb7d\x0e]\x13Ma 77\x97J\xe5\xe0k\xd6\xa8\x10\x00B\x1e\xad\x02EGG;\xc7\xb2h\\\xbe\xf3\xedw\x0c3tk\xdb\x95\xb1m%""\xfe~\xf0\xf0Y\xeb?\x0f&gt;\xf8 \xc3\xfa\xcf\x7fB\x1d\xd9\xea\xd5\xab\xc3\xbb\xe2c\xfdI)\xfde\xe5)\xf7\xdd38\xa9\xafR\xda\xa9\x19\x99\x9e\x9e^\\\\\x8cI@\xa3B\x1b\x0e\x1fNb&gt;\xad\x02\xfd1\xfb\x80*\xafl\xde:\xd6\xd32\xd2\xd3\xb2\xc5\x15\xfc_Dd3\xd1\xa6\xf5\x9f\xf6}Xw\xfd\xc79v\x80\x00p\x11N\xc5\xc7\x95+W\n!(\xbf\xa5\xa6\xe2c\xef0\xac\xf8X\x7fF\xa9u\xcf&gt;E)\xa14y*..NOO\xc7$\xa0Q!\xba\x86\x03j0eee7\xdcp\xc3\xbf\xfe\xf5\xaf\x9a\x05\x07!\xfa~\xf7\x96\x08\xaf\xf7\x8a\x935\x8d\xd1\xdc\xe3)\xf8\xfc\xcb\xaf\xbe.\xa4Sf\xb6mgff\xd2\xfa\xac\xab\x0e\xaf^.\xda\xcc\x1c:t(U;\xa1\x8f &amp;\xbae\xfe\x81\xb7\xe2\xe2\xa2\xb5\xdfF\xfa\xecY\x94m{\xdb\xb4\x9e?\xf7\'\xcb\x9e\x7f\xc9\xb9%T\x08q\xe0\xc0\x01\xa7\xf2]\xa0\x9f1\x0c!\x00\x84\t\xeaq\x86\x0f\x1f\xfe\xc6\x1bo4R\xfa\x04\x95\xae\xfd\xf3\x9f\xff\xdc\xa7O\x1f\xfaq\r\xfe#\xc2\x83S\xebj\xe8\xd0\xa15\xa9\x9fR*\xa5~\xba\xe4\xa9\x1f\xcd\x9c\xec;\xe5\x96{\xdf.\x8b1Fx\xac\xa2\xe2\xb2\xf8\xc4\x87N\x9c,b\x8cQRPRR\xd2\xde\xbd{\xf1}k$\x08\xaaa\x82\x029]\xcf\xe9\x90R\xc8z\xa3DuZ\xff\xe9\xd1\xa3G||&lt;\x9d\x08\x0b\xc8\xcb\x0c~4\x1b\xb3m\xfb\xdc\x8a\x8fS\x9e\x18g\x97\x96\x0b\xbcu\xe7\xc39\xf7WU\xb7\xb9\xba\xe3\xb2y?\xaa\xc9\x97UJJ\x99\x9d\x9d\xbdc\xc7\x0e\xa4\x846\x12\x04\x800Q\xb7@#\xab\xd9\n\x16\xb4\x9cZO\x8cs!\x84eY\x9c\xf3a\xc3\x86EDD\xa0)^\x04\xad\xfe\xaf_\xbf\xfe\xf0\xe1\xc3\xd4\xf5\xd7T|\\8\xd3\xdb\xbc\x19R?/\xc2\xb2,\x7fQ\xc9\x84\t#\x07\xf4MPJIYs#\xd0\x82\x05\x0b|&gt;\x1f\xc3\xd1\xb0F\x80\x00\x10&amp;(\x17\xa8C\x87\x0e\xfd\xfb\xf7WJ\xa9\xfad\xff\x9c\x8f\xcf\xe73\xc68e\xe8\x03\xfdr\x83\x94\xae\xad\xf8\xe8\xec^\xd2\xd0u\xe4\x03\x83\x92\x07\r\xf0\x97\x94a\xe6tq\xc6\x18iY\x8b\xe7\xfc@J\xc1\x18\xd7Z[\x96\x95\x9f\x9f\x9f\x99\x99\x89\xcb!\x1a\x03\xf6\x00\xc2\x07-&gt;\xfc\xf3\x9f\xff\xfc\xfc\xf3\xcf\x1b&lt;y\xce\x18\xe3\xf5z\xef\xbc\xf3N\xec\xc5]\x04\xadZ&lt;\xf6\xd8c/\xbf\xfc\xb2eY\xb6mK!\xa4%\xff\xb6g\xc7u7\xf6\xf4\x9fF\xf2\xcf\x7fF\xbb\xc1\x8fN\x9c\xf1\xeb\x9do\xd3\x05A\x9c\xf3\x96-[\xe6\xe5\xe5u\xeb\xd6\r\xbb\xc1\r\x0b\x01\x00\xa0a\xd0\xf0?//\xaf\x7f\xff\xfe~\xbf\xdf\x19\xfe\xcf\xfd\xd1c\xcb\x96\xcf\xf7}S$\x917u\t\xb46\xb2yD\xc1\xe7_~w\xf0\xd8\x8a\xd3\x95\xb4\xe1d\xdb\xf6\x84\t\x136m\xda\x84\xdd\xe0\x86\x85\x00\x10n\xb4\xd6\x8d\xf7\x99\xa2\xed]\x04\xf5M\xc9\xc9\xc9t\x8f\x8d1\xda\x18\xd6\xadk\xe7\x8f\xf7lo\xd9\xbc\x19C\xe5\xe4Kf\xdbvD\xbb6\xcf&gt;\xb3*}\xc5\xcf-K\xdavM\xa7\xbfg\xcf\x9e\xc4\xc4D\xc4\x80\x06\x84\x00\x00\xd0\x00\xa8W\xda\xb9s\xe7\xa8Q\xa3\xea\xa6~n\\\x9b1\xe9\x89\xf1\xd5\'O\xe1\xd8\xc4\xa5\xa3.Iq\x1e\x7f\xd7\xf0\xcf\x8f~%\x84\xa0-\xae\xc4\xc4\xc4w\xdf}\x17Ih\r\x08\xabi\x00\xf5E\xa3\xa8\xd2\xd2\xd2\xa7\x9f~\x9av_\xa4\x14J\xa9\x01}\x13\x1e}\xc4u\x15\x1f\xeb\x8f3\xa6m\x15\x11\xd5\xe2\xd9\xa7~\xc8j\x13\x1c\xa4\x94999\x9b7oFJh\x03B\x00\x00\xa8/\xea\x9e\xd6\xae]{\xf4\xe8\xd1\xdad\x15.\x84X&lt;\xe7\x07\xd2ca\x92}\x05\xa4%\xfd%\xa5\x0f\x8f\x1b\x9e\xd8\xaf\xe6\xd4!m\xb1\xcc\x9d;\xb7\xa8\xa8\x08\x17\x045\x14\x04\x00\x80z\xd1\xe7T|\xa4!\xea##\xeeKNI\xf6\x95\x94b\xbd\xe2\xca\x18\xc6\x8d\xad2\x17\xcd\xb2,IGR\x84\x10\x85\x85\x85\xabW\xaf\xc6\x05A\r\x05\x01\x00\xa0^(\xfb\xb6n\xc5G\xa3u\xab\xb8\x98\xe5\xe93\xf5\xe9J\xd7V|\xac?)\x84\xbf\xfc\xf4m\x89w&lt;\xf1\xc8\x88\xda\x94*-\x84X\xb9r\xa5s\xc8.\xd0\xcf\x18\xf2\x10\x00\x00\xae\x9c\xb36\xfd\xad\x8a\x8f\xc6\xcc|||\xc7\x1e]\xfdg\\]\xf1\xb1\xfe\x84\x14\xaa\xbcb\xf1\xdciq\xb1\xd1T-\x80s\xee\xf3\xf9\x9ck6\x02\xfd\x80!\x0f\x01\x00\xa0^\xb4\xd6\xe9\xe9\xe9\xb4-)\x84\xb0\x95\xeaqm\x17\xaa\xf8(\xdd]\xf1\xb1\xfe8\xe7\xaa\xca\xd7\xbas\x87\x8c\xb4\'\xe9\x8e\r\xe7\xa2=\xbaf\x15\xbb\xc1\xf5\x84(\np\x85\xa83\xda\xb4i\xd3\xa4I\x93\xea\xa6~n\xf9\xd9O\xc6\x8c\x7f\xa8\xba\xb8\x04\x01\xa0\xfe\x0c3\x8c1cY}\x07\x8f\xf9\xebgG\xe8\x18\xb01\xa6W\xaf^\x07\x0f\x1e\xa4\x0cQ\x1c\xb0\xb8b\x08\x00\x00W\x82\xb6%KJJn\xba\xe9\xa6\xe3\xc7\x8f\xb3\xda\xeb\x8b\xef\x1f&lt;\xe0\xad]Y\xac\xb4\x8c\t\xac\xfe7\x10\xa5Xlt\xee\x1f\xf7\xf5\xbd\xffQ\xad\x8ds\xc4\xfa\x85\x17^\x98:u*\xce\x85\xd5\x07F(\x00W\x82\xba!\xaa\xf8H\xfd\x911\xc6\xb2\xe4\xc0\xfe\xb7\xefy\xfb\x1d\x1b\xd7\xfe4(c\x8cl\x16\xf1\x9d\x9b\xae\xcb\xfd\xeb!\xda\xfe\xa5\x9a\x91#F\x8ch\xd7\xae\x1d\xea\xd3]1\xcc\x00\x00.\x1b\xe5\xa4\x7f\xfe\xf9\xe7\xf1\xf1\xf1\xb6m\xd7\xdc\x9b\r\x8d\xac\xee\xc6/\x05\xddI\x93&amp;m\xdc\xb8\x11\x93\x80+\x86\x00\x00p\xd9\xa8\xc7\x19=z\xf4\xb9\xb5J\xb0$\xddx\xea\xe6}\xd2\xfblY\xd6\x07\x1f|\x90\x90\x90\x80I\xc0\x95A\x00\x00\xb8&lt;\xd4\xfb\xef\xd9\xb3\xe7\x9e{\xee\xf1z\xbdHD\t\x14\xba%\x94.\x08B\x00\xb82\x08\x00\x00\x97\x81\xdaKyy\xf9\xf5\xd7_\x7f\xec\xd8\xb1@?\x0e0\xc6\x18v\x83\xaf\x186\x81\x01.\x03]H\xf0\x97\xbf\xfc\xa5W\xaf^7\xdex#\x0e\xa3\x06\x16\x95\xaa\xfe\xeb_\xffj\xdb6z\xff+\x80\x19\x00\x00\x84&lt;\xba\x90#\xd0O\x11z0\x03\x00\xb8\x12\x18\xfb\x07\x0fl\xbc_1\xcc\x00\x00\x00\\\n\xfb\xe6\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e\x05\xfa\x01.\x9b\xd6Zk\x1d\xe8\xa78?!\x84\x10\x88\xa9\x00\x8d\x05\xcd\xbfaqcL\xa0\x9f\x01\x00\x00\x02 \x94f\x00Zk\xce\xf9\xa1C\x87v\xee\xdc\xc9yp\x85.z\x9e\x91#G\xdex\xe3\x8d\xc6\x98\x90\x1b\x08\x00\x0494\xff\xc6\x10\\\xef\xe3\xc5)\xa5\xa4\x94III999\x81~\x96\xf3KLL\xcc\xce\xce\xa6\xe7\x0c\xf4\xb3\x00\x84\x154\xff\xc6\x102\x01\x80\xde\xd6\x1d;v\x8c\x1e=:""B)\x15\xe8\':\x9b\x94\xb2\xba\xbaz\xfb\xf6\xed\xa3F\x8d\n\xad/\x01@\x90C\xf3o$\xa1\x11\x00\x8c1\xc6\x18\xdb\xb6\xe3\xe3\xe3\xf3\xf3\xf3\x85\x10Zk)\x05\xe7\x821\xc3\x18\x0f\xe0\xa31\xc6\x8d\xd1Jiz\xaa\x9e={\x1e&lt;x\xd0\xb2,\xce9\xe7\x01|0\x800\x81\xe6\xdfxBc\x0f@k-\xa5\xcc\xcc\xcc\xcc\xcf\xcf\xb7,\xcb\xb6m\xce\xb9R\x9a\xb1`\xc9\x07\xe0\x9ck\xad-\xcb\xca\xcf\xcf\xcf\xcc\xcc\x9c?\x7f~\x08\x8d\x02\x00\x82\x19\x9a\x7f\xe3\t\x81\x19\x00e}\x9d8q\xe2\xa6\x9bn*))1\xc6\xd0\xdb}\xff=w\xdd\xd67\xc1\xae&lt;\x13\xc0-\x17\xad\xb5\x15\xd9\xfc\xa3\x03yo\xbf\xf3\x9e\x10\x82\x9e-66\xf6\xb3\xcf&gt;k\xd7\xae\x1dc,\x84\xb6\x83\x00\x82\x10\x9a\x7f\xa3\n\x81\x00@\xb1\xf4\xb1\xc7\x1e{\xf9\xe5\x97\xa5\x94\xc6h\xc6\xf8\xb5]\xae\xfa\xdb\xbe\xd7"\xdb\xb7e~?\x0b\xe0T\xcb\x18\xe6\xf1T\x1e?y\xcb\x80\xff\xfa\xe2\xab\xaf\x193\x9c\x0b\xa5\xd4\xa4I\x936n\xdc\x18*\xa3\x00\x80\xa0\x85\xe6\xdf\xa8\x82=\x00P\xeeW^^^\xff\xfe\xfd\xfd~?M\x06\x95R\x1b\xd7fLz|\xdc\xe9\xc2\x93\x96e1\x16\xc0\x97\xc0m\xdbn\xd1\xa1\xed\xcb/f=\x96\xba\x88\x9eM\x08\xe1\xf1x\xf6\xef\xdf\x9f\x90\x90\x10Z9a\x00A\x05\xcd\xbf\xb1\x05{\x00\xa0(\x9a\x9c\x9c\x9c\x9d\x9d-\xa5d\xcc(\xa5\x07\xf4Mx\xf7\xadW\xf4\x99@\xce\xfe\xea\xd2Z\x8b\xe6\xcd\xef~`\xc2\xbe\x03yR\n\xc6\xb8R*))i\xef\xde\xbd!1\n\x00\x08Nh\xfe\x8d-(\xde\xc1\x0bqr\xbf\xe8\xe3WJ1\xc6\xa5\x14\x8b\xe7\xfc@z\xac\xe0\t]\xc6\x18\xe9\xb1\x16\xcf\xf9\x81\xf3\xf1K)\xb3\xb3\xb3w\xec\xd8Q\xfb\xd8\x00py\xd0\xfc\x9b@\xf0\xce\x00\x8c1Zk\xa5\x94\x93\xfb\xc59WJ=2\xf2\xfe\xcd\x9b\xd6\xf9\xbe9%\xad JaR\xb6\xedm\xd3\xfa\xd1\x893~\xbd\xf3m)%=&lt;\xe5\x84I)\xe9\xe1\x03\xfd\x8c\x00!\x03\xcd\xbfi\x04\xef\x0c\xe0\xac\xdc/\xca\x05\x8e\x89\x8eZ\x98\xf6\xa4&gt;s\x86\x8b\xe0\x9aXq!\xf5\x993\x0b\xd3\x9e\x8c\x89\x8e\xa2Gur\xc2\xa4\x94A{}\x15@pB\xf3o\x1aA\x1a\x00\xb4\xd6B\x88\x82\x82\x82\x15+V\x08!\x94RR\n\xad\xf5\x8c\xc9c{\xf6\xbe\xc9_Q)DpET!\xb8\xbf\xa2\xb2g\xef\x9bfL\x1eK\xa7Th;h\xc5\x8a\x15\x05\x05\x05tH$\xd0\xcf\x08\x10\x1a\xd0\xfc\x9bL\x90\x06\x00\xca\xa8]\xbcxqYY\x19\x1d\xa9SJ_\xdb\xf5\xaa\xd4\xa9\x93\xec\xe2\x12i\x05W\xfc\'\xd2\x92vqI\xea\xd4I\xd7v\xbdJ)\xcd9\xe3\x9c\x97\x95\x95-^\xbc8\xd8\xee\xae\x02\x08fh\xfeM&amp;\x18\x03\x00\xed\xa2\xe4\xe4\xe4l\xd9\xb2\x85vQ8\x17\xc6\x98\xe5\xf3\xa7\xc7\xb5o\xab}\xfe\xe0\\P\xe3\x9ck\x9f?\xae}\xdb\xe5\xf3\xa7\x1bS\x93\x11,\xa5\xdc\xb2eKNNN\xf0o\x07\x857\x9a\x98\xd3\xb2\xb2}\x0e\xa5\x94\xd6:h[\xa9\xab\xa0\xf97\xa5`\x0cM\xf4N\r\x1c8\x90\xde8\xca\xfdJ\xec\xd7\'\xfb\x0f[\xfc\xa5e"\xb8\xd3\xaa\xb4R\x9e\x98\xe8\xa4\x94\xf19\x1f\xe4:Y\x01\x89\x89\x89{\xf6\xeca\x8c\x05yNX\xf8\xa1\xfa!\x9c\xf3K|\xe7\xe9\xcf\x87be\x8f\xb0\x81\xe6\xdf\x94\x82.\x00P\xd8\xdc\xbcy\xf3\x84\t\x13\x9c\x83\x15\x96%\xdf\xfb\x9f\x97\xbf{\xfb\xad\xfe\xd3\x952\xb8[\xa6\xd2\xda\xd3"\xf2\xe3?\xff\xe5\xae\x07\'\xd9\xb6r\x8e\xae\xbc\xf2\xca+\x8f&gt;\xfah\xf0\xe7\x05\x87\x07\xea\xc7\xado\'\x8a\x9c8q\xe2\xeb\xaf\xbf&gt;y\xf2\xe47\xdf|SVV\xe6\xf3\xf9\x8c1^\xaf7&amp;&amp;\xa6]\xbbv\x9d;w\xee\xd2\xa5Kdd\xa4\xf3/\xb0P8\xca\x1ff\xd0\xfc\x9bXp\x05\x00\x9a\xa7\x97\x97\x97\xf7\xe9\xd3\xe7\xe8\xd1\xa3t\xa3\x9eRj\xc2\xa8\xefm\xda\xb4\xd6w\xf2\x9b\xa0\xca\xfd\xba\x10e\xdb\xde\xb6m&amp;NL}e\xc7\x9b\x94\x13f\x8c\xe9\xd6\xad[nnnTTT\xa8\\\x13\x18\x8ah\x91\x87s\xeet\xdc\x87\x0e\x1d\xda\xb7o\xdf{\xef\xbd\xf7\xe9\xa7\x9f~\xf9\xe5\x97\xa5\xa5\xa5\x17\xfa\xbb\x96eu\xec\xd8\xf1\xd6[o\x1d&lt;x\xf0}\xf7\xdd\xd7\xbd{w\xc6\x18u@\xf8\xbc\x9a\x06\x9a\x7f\xd3\x0b\xae\x00`\xdb\xb6eY\x19\x19\x19\xcf&lt;\xf3\x8ceYJ)\xceXll\xf4\xa7\xd9\xaf\xb6o\xdfV\xfb\xfd"\x98\xde\xbb\x0b\xd1\xc6\x08\x8f\xe7\xf8\xf1\x937\'\x8d())3\x8cI)m\xdb~\xe6\x99g\x16-ZD\xaf1\xd0\xcf\x18\x86\xea\x0e\xaf\xfe\xfe\xf7\xbf\xbf\xfa\xea\xabo\xbc\xf1\xc6\'\x9f|r\xd6\xda+\xfd\x99\xba\x8d\xd0\xd9\x1ep~%22\xf2\xc1\x07\x1f\x9c={v\x9f&gt;}XmRJS\xbc\x06wC\xf3ozA\xf4\xb5\xa6\xe9RAA\xc1\x9a5kjr\xbf\x84\xd0\xc6\xcc|||\xa7\x1e\xd7\xa8\xaa\xaa\x90\xf8\xf8\x19c\x82sUU\xd5\xa9\xc753\x1f\x1f\xaf\x8d\x91\xa2&amp;\'l\xcd\x9a5\x05\x05\x05A\x9e\x17\x1c\xa2\x8c1\xf4\xc6\xbe\xfe\xfa\xeb\xf7\xddw\xdf-\xb7\xdc\x92\x9e\x9e\xfe\xf1\xc7\x1f+\xa5,\xcb\xb2,\xcb\x19\xc8+\xa5\xce\xda\x07\xa6\x1d`\x9a7H)-\xcb\xaa\xac\xac\xdc\xb6m[\xdf\xbe}\xe7\xcc\x99S]]\x1d\xcci|a\x03\xcd? \x82h\x06@#\xb8\x89\x13\'\xbe\xf2\xca+\xcei\xba\x1e\xd7v9\xb8\xffui\x0c3\x81\xbc\xf5\xefr\x19\xc3\x18g\x8a\xf3\xf8\xfe\xc3?\xff\xe2+\xe7\x1c\xe3\x84\t\x136m\xda\x14\x84K\x81!\x8d\xbe\xc3[\xb7n]\xb5jU^^\x1e\xfd\xa2eY\x94\xd8s\x05\xdfp\n\x06\xf4\xd7\x07\x0c\x18\xb0}\xfb\xf6\x0e\x1d:`\x1e\xd0\xa8\xd0\xfc\x03"X\xbe\xd0\xe7\xcb\xfd\xe2\x8c\xb1g\x9f\xfeaDT\x0bm\xab\x10\xfa\xf8\x19c\x9c3m\xab\x88\xa8\x16\xcf&gt;\xfdC\xc6\x18}\xfc\xc1\x9f\x13\x16\xa2(m|\xe3\xc6\x8dyyy^\xafWJ\xc99\xb7m\xfb\xdc\xccNg\x98_\xd7\xb9\xab\xfc\xc6\x18\xfa\x80&lt;\x1e\xcf\xbe}\xfb\x86\x0c\x19\xf2\xcd7\xdf\x04s6w\xa8C\xf3\x0f\x94`\xf9N_0\xf7k\xd7\x16\x7fi\x99\x08\xb2\x93\xdf\x97Hk\xe5\x89\x89N\x1a\x1a29a!\x8aZ\xd7\x81\x03\x07\xee\xba\xeb\xae\xb3V\xf3Ym\xa7O\x8d\xf0"\xdfvg\xd4y\xd6\xaf{&lt;\x1e\xbf\xdf?h\xd0\xa0]\xbbv\xd1\xed\xbeA\xb5\x89\x17\x1e\xd0\xfc\x03%(\x02@\xa8\xe7~]H\xc8\xe5\x84\x85.Z\x9fILL\xdc\xb7o\x9f3\xc2\xa2\xb7\xb7\xeeh\xabU\xabV\x9d:uj\xdd\xbauTT\x94\xd7\xeb\xf5\xfb\xfd\xa5\xa5\xa5\xff\xf7\x7f\xff\xf7\xd5W_\xd9\xb6M\x7f\xe5\xdcy\x03\xc5\x80U\xabV\xcd\x9a5\x0b\x9fZ\x83C\xf3\x0f\xa0\xc0\x07\x80\xf0\xc8\xfd\xba\x90\xd0\xca\t\x0b]\x94\\\xf1\xc6\x1bo\x0c\x1f&gt;\xdcY\x02\xa2\xdf\x8a\x89\x89IJJ\x1a:t\xe8\xed\xb7\xdf\xde\xad[\xb7\xb8\xb8\xb8\xb3\xde\xf3\xea\xea\xea/\xbe\xf8\xe2\x9dw\xde\xd9\xb8qcnn.c\xec\xac\xd5\x1eZ\xfa\x8f\x89\x89\xf9\xc7?\xfe\xd1\xb6m[\xf6\xed$"\xa8\x0f4\xff\xc0&gt;a\xe0C+\x05\xfc\xb5k\xd7\xd2\x169e\xe4\xb5\x8a\x8bY\x96&gt;C\x95W\xf0 \x08\x92\xf5\xc1\xa5T\xe5\x15\xcb\xd2g\xb4\x8a\x8b1ZS\xb2JAA\xc1\xda\xb5k)\xd5!\xd0\x0f\x18&amp;\xe8\xc2\xc8\xfb\xef\xbf?&gt;&gt;\x9e\x92|\x18c\x03\x06\x0c\xf8\xc5/~q\xf0\xe0\xc17\xdex\xe3\x87?\xfc\xe1w\xbf\xfb\xddV\xadZQEYUKk\x1d\x11\x11q\xfd\xf5\xd7O\x9d:\xf5\xc3\x0f?\\\xb7n\x9d\xd7\xebe\xdf\xee\xe2izQ\\\\\xbci\xd3&amp;\xea\x9e\x02\xf6:\xc3\x0e\x9a\x7f`\x058\x00\x84M\xee\xd7\x85\x84VNXH\xa3\x8c\xcf\xe9\xd3\xa77k\xd6\xec\xb1\xc7\x1e\xd</t>
        </is>
      </c>
    </row>
    <row r="196">
      <c r="A196" s="1" t="n">
        <v>194</v>
      </c>
      <c r="B196" t="inlineStr">
        <is>
          <t>color_size_circle</t>
        </is>
      </c>
      <c r="C196" t="inlineStr">
        <is>
          <t>What is the missing color of the part denoted with a question mark?</t>
        </is>
      </c>
      <c r="D196" t="inlineStr">
        <is>
          <t>['light green', 'light yellow', 'dark yellow', 'dark purple']</t>
        </is>
      </c>
      <c r="E196" t="inlineStr">
        <is>
          <t>light yellow</t>
        </is>
      </c>
      <c r="F196" t="inlineStr">
        <is>
          <t>There are circles of various sizes and colors in the image. The circles are ['small', 'extra large', 'large', 'medium'] size, and their colors are ['?', 'very dark yellow', 'dark yellow', 'medium yellow'].</t>
        </is>
      </c>
      <c r="G196" t="inlineStr">
        <is>
          <t>We observe that the largest circle is very dark yellow color, and the smaller circles change color from dark yellow to medium yellow. Hence, the pattern is that the circles become lighter as they become smaller.</t>
        </is>
      </c>
      <c r="H196" t="inlineStr">
        <is>
          <t>Based on the pattern that the circles become lighter as they become smaller, the missing color of the smallest circle denoted with a question mark should be light yellow.</t>
        </is>
      </c>
      <c r="I196" t="inlineStr">
        <is>
          <t>b'\x89PNG\r\n\x1a\n\x00\x00\x00\rIHDR\x00\x00\x02\x00\x00\x00\x02\x00\x08\x02\x00\x00\x00{\x1aC\xad\x00\x00\xe7\xc8IDATx\x9c\xec\x9dwx\x1c\xc5\xf9\xc7\xdf\x99\xd9\xdd+\x92\xeetjnr\x91m\xc9\xbd`\\\xc0\xe0\x02\xc6\xf4\xde\x8bm\xc0\x94\x10Z(I\x80\x1fI\x80\x10\x12J\xc0\x84\x92P\x8d1\xbd\xf7fc\xdc\xb0q\xefU2\x96\x8b\xdc\xd4NWtewg\xde\xdf\x1fs&gt;\x84m\x08\x10l\xcdI\xfbyxx\xb4g\x95\xbd\xbd\x99\xf7;\xf3\xb6!\x88\x08\x0e\x0e\x0e\x0e\x0e\xad\x0f\xda\xdc7\xe0\xe0\xe0\xe0\xe0\xd0&lt;8\x02\xe0\xe0\xe0\xe0\xd0Jq\x04\xc0\xc1\xc1\xc1\xa1\x95\xe2\x08\x80\x83\x83\x83C+\xc5\x11\x00\x07\x07\x07\x87V\x8a#\x00\x0e\x0e\x0e\x0e\xad\x14G\x00\x1c\x1c\x1c\x1cZ)\x8e\x008888\xb4R\x1c\x01pppph\xa58\x02\xe0\xe0\xe0\xe0\xd0Jq\x04\xc0\xc1\xc1\xc1\xa1\x95\xe2\x08\x80\x83\x83\x83C+\xc5\x11\x00\x07\x07\x07\x87V\x8a#\x00\x0e\x0e\x0e\x0e\xad\x14G\x00\x1c\x1c\x1c\x1cZ)\x8e\x008888\xb4R\x1c\x01pppph\xa58\x02\xe0\xe0\xe0\xe0\xd0Jq\x04\xc0\xc1\xc1\xc1\xa1\x95\xe2\x08\x80\x83\x83\x83C+\xc5\x11\x00\x07\x07\x07\x87V\x8a#\x00\x0e\x0e\x0e\x0e\xad\x14G\x00\x1c\x1c\x1c\x1cZ)\x8e\x008888\xb4R\x1c\x01pppph\xa58\x02\xe0\xe0\xe0\xe0\xd0Jq\x04\xc0\xc1\xc1\xc1\xa1\x95\xe2\x08\x80\x83\x83\x83C+\xc5\x11\x00\x07\x07\x07\x87V\x8a#\x00\x0e\x0e\x0e\x0e\xad\x14G\x00\x1c\x1c\x1c\x1cZ)\x8e\x008888\xb4R\x1c\x01pppph\xa58\x02\xe0\xe0\xe0\xe0\xd0Jq\x04\xc0\xc1\xc1\xc1\xa1\x95\xe2\x08\x80\x83\x83\x83C+\xc5\x11\x00\x07\x07\x07\x87V\x8a#\x00\x0e\x0e\x0e\x0e\xad\x14G\x00\x1c\x1c\x1c\x1cZ)\x8e\x008888\xb4R\x1c\x01pppph\xa58\x02\xe0\xe0\xe0\xe0\xd0Jq\x04\xc0\xc1\xc1\xc1\xa1\x95\xe2\x08\x80\x83\x83\x83C+\xc5\x11\x00\x07\x07\x07\x87V\x8a#\x00\x0e\x0e\x0e\x0e\xad\x14G\x00\x1c\x1c\x1c\x1cZ)Zs\xdf\x80\x83\xc3!\x02\x11\x7f\xe2w\x12B\x0e\xea\x9d88(\x82#\x00\x0e\x19L\xda\xa6\x0b!\xf6y\x85\x10\xd2\xd4\x8e\xefs\xf9_\x7fmS\xb5hz\x99\xfe%\x94\xd2}^qp\xc88\xc8O_\x16984\x17r\x94J+/\xbf\x96\x06=m\x85\x7f\n\xc1`\x90\x90\xff2\xe0\xe57\x04\x02\x81\x9f\xfek\x85\x10i\x85\x90b \xef\xca\x11\x06\x07\xf5q\x04\xc0A9\xb0\t\x00@\x08a\x8c\x1d\xf0;9\xe7\xe1pX\x08\xb1v\xedZ\xce\xb9m\xdb\x8b\x16-\xb2,\x8b\x10\xb2u\xeb\xd6-[\xb6\xa4-~4\x1a\xdd\xb4i\xd3O\xbc\x81\xee\xdd\xbbggg\xc3^=\xe8\xd2\xa5K\xe7\xce\x9d\x11Q\xd7\xf5\xa1C\x87j\x9a\xc6\x18\xeb\xd3\xa7\x0f\xa5\xd4\xe7\xf3\xfd\xc8\xbd5\xd5\xaa\x9f\xb5\x05qp848\x02\xe0\xd0\xfc bzuO)\xdd\x7f]\xcf9\x8fD"\x15\x15\x15\xd1ht\xe5\xca\x95\xa1Ph\xe5\xca\x95\r\r\r{\xf6\xec\xd9\xb5k\x17\n\xd1\x10\n\x1d\xe2{\xce\xf5\xfb\t\xa5\xed\xda\xb5k\xd3\xa6Mnn\xee\x80\x01\x03\xfc~\xff\x80\x01\x03\xb2\xb3\xb3KKKsrr\xf6\x17\x06!\x84\x10"\xbdKp\xf4\xc0\xa1\xd9q\x04\xc0\xa1\x19h\xba\xc6\xdf\xdf\xe2\xc7\xe3\xf1\xda\xda\xdaM\x9b6\xadZ\xb5\xaa\xa6\xa6f\xf1\xe2\xc5\xdb\xb7o\xdf\xbd{w0\x18\xfc\xe1_I\x9a\xfc?\xf5G\x00~\xad\xb1M\xf6\xfb\xcd\xf0#\xbf&lt;\x10\x08\xb4m\xdb\xb6c\xc7\x8eC\x86\x0c),,\xec\xdf\xbf\x7f\xf7\xee\xdd\x0b\n\n&lt;\x1eO\xd3oK\xeb\x81\xb3?ph.\x1c\x01p8D\xc8e&gt;"\xee\xef\xd2\t\x85B\xe5\xe5\xe5UUU\xcb\x96-[\xb4h\xd1\xfa\xf5\xeb\xeb\xea\xeab\xb1\xd8\x81~M\xda\x16\x8b\xa6\xafz\\\xd4\xed\xa2B`\xb7b\x97?[\xb39\xe6\xe6\xb0\xfe\xa5\x1e\xbe\xf7\xbb4F\x0e\xef\xe5\xd54\xf2\xe3\xe3\x9d\x10\xb0m\\\xba&gt;f\xf3\xd4\xf71\n\xab*\xe2\r\x11\xae1\x12\x8a\xda\xdfV%)%\x89\xa4\x88\'\xc5\xf7\x7fTj\xd8\x81U\xc7\xeb\xf5\xe6\xe7\xe7\xf7\xea\xd5k\xe8\xd0\xa1\x83\x06\r*...++\xf3\xfb\xfdM\xbfG\xba\x8cd`\xc3\x11\x03\x87C\x83#\x00\x0e\x07\x91\x1f2\xfa\x9c\xf3\xf2\xf2\xf2\r\x1b6,[\xb6\xec\x9bo\xbeY\xb9remm\xed~?\xbd\xafIe\x8c\xf8\xb2XQ\x9e\xd6\xae\xd0\xe8P\xa0\x97\x14\xbb\xbc.:\xb0\x87\xd7\xe6\xd8\xad\xd8\xe5\xcbf\x9cCA\xae\xe6vQ\x81\xc8\x08\xa1z\x133\x8a 8\xfe\xa4-\x01\x01\xcaH\xd3\x15\xbf\xb0\x90#RB\x12IQ\xdb`3\x06\xe1(\xff\xb6*\xa91\xb2bc,\x96\x14\x95U\xc9\x1d\xb5\xd6\xae\x1a\xb3\xba\xde\x0e7r\xce\xf1\xbb\xdfu \xb9\x02\x80\x82\x82\x82\x01\x03\x06\x1cy\xe4\x91\x83\x06\r\xea\xd9\xb3gYY\xd9&gt;\xcf\xc7\x11\x03\x87C\x80#\x00\x0e\xbf&gt;\xd2\xe8\x03@S\xa3\x16\x8b\xc5\xd6\xacY3\x7f\xfe\xfcU\xabV-\\\xb8\xb0\xbc\xbc\xdc\xb6\xed\xf4\xbf\x12B\x10\xbfg+}Y\xac]\xa1\xde\xbe\xd0\xe8\xd1\xd9\xdd\xad\xd8\xd5\xab\xab\xbb0\xa0\xb7/4\xbcn\xe2\xcf\xd6(\x01\xa2\x11\x10(8\x00\x81\xa4\x99J\x04\xb5l\x14\x88\x04\x08\xee\x97\xf7\xff\xd3\r\xe9\xfe?(\x7f!%D\xd7\xa4\x07\x1f\\\x06\x05\x04\xca\x00(A\x1b\x05B(j\xc7\x12\xb8\xb3\xc6\xac\tZ\xeb7\'\xbe\xadJn\xdc\x9a\xd8Yc\xee\xaa\xb1\xc2\x8d|\xef/\x93\tB\xdfK3\xd54\xad\xac\xacl\xd8\xb0a\xfd\xfb\xf7\x1f&gt;|x\xdf\xbe}\xbd^o\xfa_9\xe7\xf2\xf9\xfc\xac\x94\'\x07\x87\x9f\x82#\x00\x0e\xbf\x0e\xe9\xc5~S\x9f&gt;\xe7|\xd9\xb2e\xf3\xe6\xcd\x9b;w\xee\x92%K\xb6m\xdb\x96\xfe~\x02\x80\xa95~\xca\xe2\x17\x04\xb4\x1e\x9d\xdd\x03\xca\xbc\xfdK\xbd%\x1d\\\xdd\x8a]y~\xcd\x97\xc5\x18\x03 D\xd8hq\xb4m\xe4\x02\xa5\x7fF\x8e\\i\xd6\xd3\x1e\xf4\x83\xbd\\\x96\x7f\x14\xf7f\xa36\xbd\x07\x8d\x11F\x89\xa6\x11\x9d\x11\xaa\x11@\xe4\x1c\xc2\x8d\xbc&gt;d\x7f[\x95\xac\xdc\x91\\U\x11[Y\x1e\xdb\xb85Q\x1bL+\x1f\x05\x00\x02\xa2\xe9$\xec\xd4\xa9\xd3\xe0\xc1\x83G\x8c\x18q\xd4QG\r\x1a4(-\xa2\xe9\x98\x81\xb3-p\xf8\xb5p\x04\xc0\xe1\x7f"m\xf75\xed\xbb\xa2\xc2\xaa\xaa\xaaE\x8b\x16}\xfc\xf1\xc7\x0b\x17,X\xb7~}\xfa\xf5\xbd\xcb\xfc\x94W\'\xe0\xd3\xfat\xf5\xf4/\xf3\xf4/\xf5\xf6\xea\xea\xee\xda\xc1U\x14\xd0\r\x83\x00\x00\xe7\x984\xd1\xe6h\xa7r)S\xcbpB\x00\xbe\xe7\x9eQ\x08\x04\x00\x04DHo&gt;\x08\x01\x8d\x11\x8d\x11\x97A\x18#\x00`\x9aX\x1d\xb46\xefH\xae\xdf\x9cXU\x11[U\x1e_\xbb9\x1e\x0cK= {\xf3N\xbf\x9b\x92\xbd{\xf5\x1av\xc4\x11\xa7\x9ez\xea\xd0\xa1C\x8b\x8b\x8b\xd3\xaf\xdb\xb6\xed(\x81\xc3\xff\x8e#\x00\x0e\xbf\x84\xfd\xed\xbe\\\xec\xcf\x9e=\xfb\xf3\xcf?_\xbcxQ8\x1c\x91\xaf\xef5\xfa\xa9e~\xc7\xb6\xc6\xa0\x9e\xde\xa3\x06\xe4\xf4/\xf5\xf4\xe8\xe2\xe9P\xa4\xeb:\x01\x00\xcb\xc2\xa4\x85\x96\x8dB\xc8\xdcy\xa0\xd2\xe47\xc7\xbb\xfb\x15\x91\xaa \xf6ZuJ\x89\xae\x11\x97N\xd2\xefzG\xb5\xb5qK|UE|\xde\xca\xc8\xb2\r\xb1\xed\xbb\xcd\xbd?J\x9b\x8a\x81\xcf\x973d\xc8\xd0\x13O&lt;q\xd4\xa8QM\xb7\x05\x8e\x128\xfc/8\x02\xe0\xf038\xa0\xdd_\xb8p\xe1{\xef\xbd\xf7\xe9\xa7\x9f\xae[\xb7\xae\xc9\xf7\xd2\xf4J\xbfc[cP\xcf\xac\xa3\x06d\x0f\xeb\x97\xd5\xb3\x8b\xa7 \xa0QF\xb8\x8d\x89\xa40-\x14\x88\x00@\t!\xe4\xa0;pT\x00\x11\x10!\xfd\xae\r\x9d\xb8]\x94iDp\xac\r\xda\x1b\xb6\xc4\x17\xaen\x9c\xb72\xbalC\xe3^1\x90\x91\xe4\xef\xc2\xc8\xbd{\xf7&gt;\xf9\xe4\x93\xcf:\xeb\xaca\xc3\x869J\xe0\xf0\xbf\xe0\x08\x80\xc3OB:\xa0\x7f\xdc\xee7]\xec\xe7d\xb1\xc3{y\x8f\x1b\xe6\x1f9(\xbbG\xe7\x94\xd1\xb7L\x910\x85e#bj\x8d\xef\x18+\xdc\xbb? \x04t\x8d\xb8\r\xaa\x1bT\x8a\xc1\xc6\xad\xf19\xcb\xa2_.\x0c-]\x1f\x8b\xa4\xc2\xc8\xdf\xdb\x16\xfc\x90\x12\x1c\xb0\x98\xce\xc1a\x7f\x1c\x01p\xf81\xe4\x92?\xbd\xae\xfc\xafv\xbfg\x89{h\x9f\xec\x13\x8f\xf2\x0f\xea\xe9\xedV\xec\xd24bY\x986\xfa\xadg\x99\xff\xcbHo\x0e\xbe\x13\x03\x9d\xd86~[\x95\\\xb6!\xf6\xf9\xbc\xd0\xa2\xb5\xd1\r\x95\t\x00\xf8\xafJ\xb0\xcf\x07\xe7\xe0p@\x1c\x01p802\xfb0\xbd\xae\\\xb7n\xdd\xa7\x9f~\xfa\xd2K/\xadZ\xb5J\xbeB\t\x11M\xec\xfe\x89\xc3\xfd\xa7\x8d\x0c\x1c\xde\xcb\xeb\xcfa\x88\x90H\x8aD\x12\x05\xa2c\xf4\x7f\x19i1\xa0\x84\xb8]\xc4\xed\xa2\x84@(\xc2\x97\xae\x8f}4\'\xf8\xf9\xfcPZ\t(I\xb9\xd1\x00\xa0\x7f\xff\xfe\xe3\xc7\x8f?\xf9\xe4\x93{\xf7\xee-_\xd9\xe7stph\x8a#\x00\x0e\xdfc\x9f\x95c8\x1c\xfe\xe0\x83\x0f^z\xe9\xa5\x993g\xca\xb4}J\x89\x10)\xbb\x7fD\xbf\xec\xd3G\xe5\x1e50\xbb\x7f\xa97\xd7\xaf\xd9\x96h\x8c\x0bY\x06\xe5,=\x7fE\x10A\xc6\xc6\x19#Y\x1e\xaa\xe9\xb4!d\xaf\xaa\x88\xcd[\x11\xfdpv\xc3\x82\xd5Q\x00\x00\xa0\x94\xa6B\xe8\x9a\xa6\x1ds\xcc1\xe3\xc7\x8f?\xe3\x8c3|&gt;\x1f8\x1b\x02\x87\x1f\xc0\x11\x00\x87\x142\xba\x9b^*\xce\x9f?\x7f\xca\x94)\x9f}\xf6YUU\x15\x00P\x02\x02\xa9\xb4\xfb\xbdJ&lt;\'\x0c\xf7\x9d62w\xf8\x80l\xb7\x9bY\xa6\x88\'\x84\xc5\x91\x12\xa0\xd4\xb1/\x07\x17!P \xe8\x8cx\xdcT7h"\xc1\xe7\xaf\x8c~4\xa7\xe1\x8b\xf9\xe1\xf5\x95q\x00Hi4\x02\x00\x14\x17\x17\x9ft\xd2I\x97]v\xd9\xf0\xe1\xc3\xe5\x8fs\xce\x9d\x9a2\x874\x8e\x008|\xcfK\x90^\xf2O\x9f&gt;]\xfe+\xa5L\x08\x0e\x00\x1d\x8a\x8c\x13\x8e\xf4\x8d;\xa5`PO\xaf\xdf\xa7\xd9\x96\x88\xc6\x04\x17H\tq\xec\xc9\xa1G\x08\x10\x88\x8c\x92l/\xd5t\x1a\n\xdb\xcb6\xc4^\xfe\xa4\xf6\x8bo\xc2;\xaaMh\xf2\xc1\x01\xc0\xd8\xb1c\x9bn\x08\x1c\xbf\x90\x83\xc4\x11\x80\xd6\xcb&gt;n\x81\r\x1b6\xbc\xf1\xc6\x1b\xcf=\xf7\x9c\\\xf2k\x8c\xda\x1c\x00\x84\xcb c\x87\xf9\xcf8&amp;\xf7\xd4\x11\x81\xb6\xf9\x9a\xcd\xb11.lg\xbd\xaf\x0crO\xa0I\xef\x10#\xbb\xeb\xec\x8f\xe7\x06?\x98\xd90}a(i"\x00\xd5\x18\xd8\\\x00@qq\xf1\x95W^y\xc1\x05\x17\xf4\xec\xd9\x13\x1c\xbf\x90\x83#\x00\xad\x139\xf3\xd3\x0b\xc0\xe9\xd3\xa7\xbf\xfc\xf2\xcbo\xbc\xf1F2\x99\x04\x00\xca\x98\xe0\x1c\x00\xca:\xbb\xcf\x1b\x9bw\xdeq\x81\xbe\xa5^F \x1a\x13\xa6%\x80\x00s\xec\xbe\x92p\x81\x80`\xe84\xdbK9\xc2\x9a\x8a\xd8[_\x06\xdf\x9a^_\xbe5\x01M&gt;V\x97\xcbu\xc1\x05\x17\x8c\x1b7n\xec\xd8\xb1\xa9\x1f\xe4\xdc\x91\x81\xd6\x89#\x00\xad\x8b\xa6\xa6\xdf4\xcd\xcf?\xff\xfc\x89\'\x9e\x90\xde\x1eJA\x08\x06\xc0\x19\x85\xd1\x83}\xd7\x9c[t\xcc\x90\x9c\xfc\x80\x96L`c\x82\x03:q\xdd\xcc \x151&amp;\x90\xe5f.7\xa9\x0b\xda3\x17G\x9ez\xbbz\xd6\x920\x17\x00\xc0(\xe5\xb2q\xde\xd8\xb1c\xaf\xbf\xfe\xfa\x13O&lt;\xd10\x0cpd\xa0U\xe2\x08@ka\x1f\xd3\xff\xca+\xaf&lt;\xf2\xc8#k\xd6\xac\x01\x00M\xa3\xb6\r\x00\xa2(O\xbf\xe4\xa4\xbc\x0b\x8e\xcf?\xac\x97W\xd7H\xa4\x91[6RJ\x9c\x15\x7f&amp;"\x10\x84@]#9Y\xcc\xb2q\xf9\xfa\xd8\x1b\xd3\xea^\xf9\xac\xbe\xba\xde\x02\xa0\x9a\x06\xb6-\x00\xa0o\xdf\xbe\xb7\xdcr\xcb%\x97\\\xe2\xc8@+\xc4\x11\x80\x96\xcf\x8f\x9a~f\xdb\x1c\x00zw\xf5\x8c;%\xff\xc2\xe3\xf3J:\xb9\x93\t\x11\x8b\x0bD\xa4\xcc1\x03\x19\x0f\x02\x08\x8e\x84\x10\xaf\x87\xba\xdc\xb4r[\xe2\xf5i\xf5/\x7fR\xb7ns\x1c\x9a\x0c\x00G\x06Z\'\x8e\x00\xb4d~\xc4\xf4\xeb\x1a\xb3l\x0e\x00c\x86\xfa.&gt;)\xff\xccc\x03y\xb9Zc\x94\'L\xe1d\xf5\xb4Hd\xd6\x90\xdb\xa0Y\xd9\xac\xbe\xc1~\xff\xab\xe0\xab\x9f\xd5\xcdX\x14\x86&amp;\x83\xc1\x91\x81\xd6\x86#\x00-\x16\xce\xf9\x01M\x7f:;p\xccP\xdf\xcd\x97\xb4=\xfeH\x9f\xae\x93p\x94[62g\xb2\xb7t\x10\x81\x0b\xd45\xe2\xcbf\x96\x85\xd3\xbe\tOze\xb7\x94\x81\xf4\xc0\xd8_\x06\x9c\x84\xd1\x96\x8a#\x00-\x90t\xb1\xcf\xbe\xa6\x9f1\xc1\xb9\xa1\x93s\x8f\xcb\xbb\xe8\xc4\xfc\x13\x8e\xf41JBQ.\x10\x99\xe3\xediM \x00\xe7H\t\xf1g3.\xf0\x8bo\xc2\xaf}^\xf7\xf6\x97\xf5\xa6\x85\xe9d\xa1\xa62\xb0O\x91\xa0C\x8b\xc1\x11\x80\x16E\xd3\x89\xfa\xfa\xeb\xaf\xdfw\xdf})\x87\x8f\xce,\x8b\xeb\x1a\xb9\xe8\xc4\xfc\x1b.j3\xb8\xb7\x97s\x08G9\x02:9\x9d\xad\x19.\x90\x00\xf1e3\xc6`\xc9\xba\xd8\xe3\xaf\xedy\xed\xf3:\xcbF9`\x00\xa0o\xdf\xbew\xdey\xe7\x85\x17^\x08N\x15qK\xc4\x11\x80\x16BSw\xff\x8c\x193\x1ex\xe0\x01\x99\xdc\xa9\xeb\x9ae\xd9\x00p\xdeqy\xb7Ol7\xa8\xa77ia4\xc6\x89\x93\xce\xef\xb0\x17.\x10\x11\xb2\xbd\xcc\xa5\x93e\x1bb\xf7O\xde\xf5\xd6\x97\xf5\xd0d\xf0\x8c\x1d;\xf6\xb6\xdbn\x1b3f\x0c8\x81\x81\x96\x85#\x00-\x81\xb4\x97v\xcd\x9a5\x93&amp;M\x9a&lt;y2\xec]\xf5\xc3^_\xff\t\xc3}\x02!\xd2\xc8\x9d\x18\xaf\xc3\x01\x91Q\xe2\x9c,F\t|1\xff\xbb\xd8@z M\x9c8\xf1\xe6\x9bo\xee\xdb\xb7/8\x81\x81\x96\x82#\x00\x99\x8d\x10\x02\x00(\xa5\xa1P\xe8\x9f\xff\xfc\xe7\x83\x0f&gt;h\x9af:\xaf\x7fH\x9f\xac\xbb\xaf\xe90v\x98\x8fQ\xd2\x10\xb5\t8\xcd\x1b\x1c\xfe\x0bB \x02\xe4fk\\\xe0\xf4\x85\xe1\xbb\x9f\xda\xb1xmc\xban\xc00\x8c?\xfe\xf1\x8f\xbf\xff\xfd\xef\xfd~\x7fz\xec5\xf7-;\xfcr\x1c\x01\xc8T\x9a\xfa|^\x7f\xfd\xf5\xbb\xee\xba\xab\xbc\xbc\x9c1\xe0\x82\x01\xf2^%\x9e\xdf]\xdc\xe6\xc2\x13\xf3|^\xd6\x10q|\xfd\x0e?\x0f\x19\x1b\xc8\xcda\xe1\x18\x7f\xfd\xf3\xfa\x7f\xbd\xbag}e\x1c\x08c\x94s\x0eeee\xf7\xdcsO:0\xe0x\x842\x17G\x002\x92\xa6&gt;\x9f?\xfe\xf1\x8f\x9f}\xf6\x19\xec\xf5\xd8\x16\xe4j\xd7\x9d_t\xf3\xb8\xb6\xfe\x1c\x16\x8ap\xce\x911gr:\xfc\x12\xe4\xe0\x91\x03i\xd2\xcb\xbb\x9f|\xb3\xba\xb6\xc1N\x07\x06N:\xe9\xa4\x07\x1f|\xd0\xf1\x08e4\x8e\x00d\x18\xe9\x85\x7fS\x9fO\xdaK;\xfe\xd4\xfc\xbf\\\xdd\xa1{\'w8l[\x1c5\xc7\xf4;\xfc\xcf\xd8\x1cuF|&gt;m\xd3\xb6\xc4_\x9f\xd9\xf1\xd2\xc7u\xb070\xd0\xd4#\xe4l\x052\x11G\x002\t\xdb\xb6\xe5\xb1\xec\x9f}\xf6\xd9M7\xdd\x94\xf2\xf9p\n \x06\xf7\xce\xba\xf7\xda\x0e\'\x1e\x95\x1b\x8b\xf3xR8y\xfd\x0e\xbf"\xb2n\xc0\xe3\xa2^\x0f\xfb|^\xc3\x9f\xff\xbdc\xc9\xba\xc6t\x83\xd1\xb2\xb2\xb2G\x1f}\xf4\xa4\x93N\x82&amp;C\xd4!#p\x04 3H/\xfcw\xee\xdcy\xeb\xad\xb7\xbe\xfe\xfa\xeb\xd0\xc4\xe7s\xc7\xc4vW\x9dS\x94\xe5\xa6\xc1\xb0\xedT\xf3:\x1c$d\x15q\xc0\xa75&amp;\xc4\xb3\xefT\xffc\xf2\xae\xa6\x1e\xa1\x0b/\xbc\xf0\xe1\x87\x1fn\xdf\xbe\xbd\xb3\x15\xc8 \x1c\x01\xc8\x00\xd2\xab\xaa\xd7_\x7f\xfd\xd6[o\xdd\xb9s\xa7\xa13\xd3\x12\x008\xfe\x94\xfc\xbf\xfc\xa6C\xf7\x8e\xeeP\xc4v\xdc\xfd\x0e\x87\x80\xbd\x81\x01m\xd3\xf6\xc4_\x9f\xde\xf1\xd2\'u\x00\xc4\xd0\xa9i\xf1\xf6\xed\xdb?\xfc\xf0\xc328\xecl\x052\x02G\x00\x94\xe6\x80\x0b\x7fM\xd3l\xdb\xee\xde\xd1\xf5\xf0\xad\x9dN\x1f\x1d\x88\xc5\x1c\x9f\x8f\xc3!\xe5;\x8f\x90\x97}8+x\xeb\xc3\xdb6mO\xcaa\t\xceV \xa3p\x04@]\xd2\x99\x15\xdf_\xf8s\xc6\xe0\xf7\x13\xda\xdd|I\x9b\xa2\x80^\xef\xf8|\x1c\x9a\t\xe9\x11\xca\xf3i\xd5Ak\xd2+{\xfe9u\x17\xe7 \x87h\xd3\xad\x80\x93 \xa42\x8e\x00\xa8\x08"r\xce5M\xab\xab\xab\xbb\xfe\xfa\xeb\x9b.\xfc\x07\xf7\xcez\xe4\xd6N#\x06\xe7D"\xb6i9y&gt;\x0e\xcd\x8c\xcd\xd1\xd0IN\x8e6wI\xe4\x96\x87\xb7-Y\xd7\xd8t+\xf0\xc4\x13O\xe4\xe7\xe7\xdb\xb6\xcd\x18s\xd6)\n\xe2\x08\x80r\xc8s\xba\x01\xe0\x8b/\xbe\xb8\xf1\xc6\x1b\xcb\xcb\xcbS\x0b\x7f\n\xb7]\xde\xfe\x8e\xcb\xdb\xb9]$\x14\xe1\xce\x84rP\x04D\xe0\x1c\xfd9,\x91\xc4\x7f\xbc\xb0\xeb\x81\x17vr\x91\xda\n\x94\x95\x95=\xf6\xd8c\'\x9cp\x024\x19\xd8\x0e\xea\xe0\x08\x80Z\xc8\xd0\x99m\xdb\x7f\xf8\xc3\x1f\x1e}\xf4Q\x000t\xcd\xb4\xe4\xc2\xbf\xe3\x88\xc3}\xa1\xb0\xcd\x85S\xd6\xeb\xa0\x1crX\xfa}\xda\xdc\xa5\xe1[\x1e\xde\xbed]\xa3\x1c\xba\x00p\xd3M7=\xf4\xd0Cr`;\x91a\xa5p\x04@\x15\xd2n\x9f\x8a\x8a\x8a\xcb/\xbf|\xde\xbcy\x86\xceL\x0b\x01\xc4u\x17\x14\xdd\x7fcG\xb7\xe1,\xfc\x1d\x94\xe6\xbb\xad\x80\x89\xb7?\xb6\xfd\xc97\xaa\x01\xa8\xa1\x13\xd3\xe2G\x1du\xd4\x0b/\xbcPZZ\xea\xb8\x83\x94\xc2\x11\x00%H\xef\x8e\xdf|\xf3\xcdk\xaf\xbd\xb6\xae\xae\xce\xe5\xd2\x93I\xabM\xbe\xfe\xcc\x9f\xba\x9c&gt;:\xe0dy:d\n\xe9&lt;\xd1\x0fg\x05\xaf\xfe\xdb\x96=u\x96\x1c\xcc\xf9\xf9\xf9\xff\xfe\xf7\xbf\xcf?\xff|p\xdcA\xca\xe0\x08@\xf3\xb3\xbf\xdbGc\xcc\xe6\xfc\xacc\x03\x8f\xdc\xd2\xa9s;\xc3I\xf5q\xc8,\xd2\tB[w\x99\xb7&lt;\xb2\xed\xbd\xaf\x82rH\x83\xe3\x0eR\x0cG\x00\x9a\x199\r\xbes\xfb\x18\xcc49\xa3p\xdf\xf5\x1do\x9d\xd0\xd6\xb2D,!\x9cT\x1f\x87L\xc4\xe6\xe8uS]\xa7\x0fO\xdd}\xe7\x13\xdb\xb9\x009\xbc\x9b\xba\x83\x1c\rh^\x1c\x01h6\xd2E^i\xb7\x8f\xdb\xa5\'\x92V\xd7b\xd7\xb3\x7f.9v\x98/\xd8`\x018\x87\xb78d0B\x00\x00\x06r\xf5\xaf\x16\x86\xaf\xba\xb7rsUR\x0e\xf2\xb4;\xc8)\x16k^\x1c\xeb\xd2&lt;\xc8\xe3U\x19c\xf7\xdcs\xf7\x05\x17\\PWW\xc7\x18K$\xad\xb3\x8e\r\xcc\x9d\xdck\xd4\xe19u\xf5\x16\xa5\x8e\xf5w\xc8l(\x05JI]\xbd5\xea\xf0\x9c\xb9\x93{\x9dul \x91\xb4\x18cuuu\x17\\p\xc1=\xf7\xdc-\x03\xc2\x9c\xf3\xe6\xbe\xd3V\x8a\xb3\x03h\x06\xe4\xce7\x18\x0c^s\xcd5o\xbe\xf9\xa6\xae3\xcb\x12\x8c\xe1}\xd7\x15\xdf:\xa1]2)\x12\xa6\xe3\xf6qhQ\xd8\x1c\xdd\x06u\xb9\xe8\xc3Sw\xdd\xf9d\x15\xe7D\xd7\xa9e\xf1\xf3\xcf?\xff\xa9\xa7\x9e\n\x04\x02\x8e;\xa8Yp\x04\xe0P#+\xe3+**.\xb9\xe4\x92\xc5\x8b\x17\xbb\xddF"a\xb6\xc9\xd7_\xb9\xaf\xeb\x98#\xfd\xc1\xa0\xe3\xf6qh\x99\xa4\xdcA\x01}\xc67\xa1K\xee\xdc\xbc\xa7\xce\x92\x83\x7f\xc8\x90!\xaf\xbc\xf2Jii\xa9\xd34\xe2\xd0\xe3\x08\xc0!E.s\xe6\xcd\x9bw\xfa\xe9\xa7\xd7\xd7\xd7\xcb\xf4\xb8a\xfd\xb2^\xfbG\xb7Nm]\ra[\xd3\x9c\x85\xbfCK\xc6\xb61\xd7\xa7m\xdb\x9d\xbc\xe8\x8eo\x17\xaen\x94S //\xef\xc3\x0f?&lt;\xea\xa8\xa3\x9c}\xc0!\xc6Yj\x1e"\xd2u^\xcf&gt;\xfb\xec\xe8\xd1\xa3\xeb\xeb\xeb\r\x9d%\x93\xd6\xc43\x0b\xbez\xbag\xdb|\xbd!\xe2X\x7f\x87\x96\x8f\xa6\x91\x86\x88\xdd6_\xff\xea\xe9\x9e\x13\xcf,H&amp;-Cg\xf5\xf5\xf5\xa3G\x8f~\xf6\xd9g5M\xe3\x9c;\xab\xd2C\x86\xb3\x038\x14\xa4\xcb^n\xbe\xf9\xe6G\x1f}\x941"\x04A\x14\xff\xfaC\xa7\x1b/n\x13\x8ap!\x90:\xdd\x1d~\r\xe4pF\x04\x04L_\xa6\xa1?!\xdbD|\xffg\xe4O\x10H%\xaa8\xe9*\xbf\nr\xc0\xfbs\xd8c\xaf\xee\xf9\xddC\xdb\x08\xa1\x94"\xe7x\xd3M7M\x9a4\t\x9cJ\xb1C\x85#\x00\x07\x1d9\x94m\xdb\xbe\xf6\xdak\x9f}\xf6Y\xd9 \xc5\x9f\xcd\xa6\xfe\xad\xeb\xe9#s\x83aN\x88cV~6\x88\x80\x00\xb8\xd7\xd2\x13\x00 @\t\xd15\x02\x00.\x83PJ\x00\x81j\x00\x84\xa4\xbeC\xa0m\xff\xf7\xd1\xaei\x04\xe8\xde\x1fA\x146\x00\x01!0i"\x00X6\x8a\xef\xffQB\x08q\x84\xe1\xe7\x83\x08\x88\x10\xf0\xb1\x0f\xe74L\xf8\xd3\xe6P\x94\xcb\xa9q\xd5UW\xfd\xfb\xdf\xff\xd64\xcd\xd1\x80C\x80#\x00\x07\x17\x19\xd7\n\x06\x83\xa7\x9dv\xda\xbcy\xf3R\x99\xfe\x1d\\S\xee\xed:\xe2\xf0\x9c\xda:Kw\xdc&gt;?\rD\x10\x88\x88@\x00\x08%\xbaF\x18\x05\x97N)\x05`\x04m\x14\x08\x89\xa4\xa8m\xb0\x19\x85\x8a\xed\xc9h\x8ck\x8c\xac,\x8f\x85\xa2\x1c\x00\x18%\xf5a{\xed\xb7\xf1\xff\xfa\x87\xfat\xf3\xe4\xf94.\x10\x00\xfc\xd9l@\x99\xd7\xe6\x98\xede\xa5\x1d]\\@A\xae\xe6vQJ\x80h\x048\n\x01IKp\x01\x96\x8d(\x10\x01\x08\x01J\x9c\xbc\xf6\x9f\x8aecA\xbe&gt;wi\xe4\xb2?o\xde\xbc#U%p\xd4QG}\xf4\xd1G\x81@\xc0\t\x0b\x1fl\x1c\x018\x88\xc8\xe1\xbbk\xd7\xae3\xce8c\xf1\xe2\xc5rp\x0f\xea\xe9\xfd\xf8\xb1\xb2\xc2\x80\xde\x10\xb1\x1d\xeb\xff#4\xb5\xf8\x8c\x11C\'.\x83R\x8d\x00\xc7\xa4\x85u\rv0lo\xdbcVV%w\xd5Y\x95;\x92;\xaa\xcdH\xa3\xd8\xb4=A)\t\x86\xed_\xfd~\x02&gt;M\x08\xec\xde\xd1\x9d\x93E;\x14\x19%\x1d\\\xed\xf2\xf5\x92bW\xa76F\xc0\xa7\xe5\xe7j.\x9d\x00#\xc2\xc6\xa4)L\x0b9w\xf4\xe0\'a\xd9\x98\x9b\xa3\xd5\x04\xadSo,_\xb6!&amp;\xa7\xc9\x90!C&gt;\xf8\xe0\x83v\xed\xda9\x1apPq\x04\xe0`!\xf3\x19\x16/^|\xc6\x19g\xec\xda\xb5\xcb\xed\xd2\x12I{\xdc\xc9\xf9\xff\xfacg\x8f\x8b8\r\x1e\x0e\x88@\x90\xebhF\x89\xcb .\x83RFP`8\xcaw\xd6X\x1b\xb6\xc4WU\xc47mKl\xde\x91\xac\xd8\x96\x88\xc6D&lt;)\x9a\xfb\x96\xc1\xe3\xa2\xd9^Z\xda\xc9\xdd\xb5\x83\xab{\'w\xffRO\xcf.\x9e\xf6\x85\xba/\x9b\x11J\x04\xc7\xa4)\x92&amp;r\x81r\xef\xe2\xc4z\xf6G6\x8d\x88\'\xf1w\x0fn}\xf9\xd3:9Y\xda\xb5k\xf7\xc1\x07\x1f\x0c\x192\xc4I\r:x8\x02pPH[\xff\x13N8!\x18\x0c\x1a\x86f\x9a\xf6\xa5\xa7\x15L\xbe\xbb$\x16\x17\xa6-\x9c\x86\xfei\x10A\x08D\x00\x8d\x11\xb7A].\x02\x04\xe2q\xb1e\xa7\xb9aK|\xc5\xc6\xd8\xca\x8a\xf8\xc6\xca\xf8\xb6\xddf,\xf1S\xcd\xbd\xd7\xad\xb9\xdc\x1a\nlW\xe8i\xdb6\x1b\xb8\x00\x80\xdc\x1cc@\xef\x02\xe4\xf8C\xebqD \x8c\xac\\W\xdb\x101\x01\x00\x18\xdd\xbd;\xba\xab&amp;N(I&amp;\xecX\xe2\xa7\xee*\xbcn\xda\xa9\xad\xd1\xa3\xc43\xa0\xd43\xb0\x87\xb7g\x17O\x97\xf6\x86\xc7C\x01!\x99\xc4\x84)l\x8e\x04\xc0\xe9\x80\xd0\x14.\xd0\xd0\xa8\xd7C\'\xde]\xf9\xe2G\xb5r\xca\x04\x02\x81/\xbe\xf8\xc2\xd1\x80\x83\x87#\x00\xbf&gt;\xe9d\xff\xd3N;-\x18\x0c\xea:\xb3,\xfe\x8f\x1b\x8bo\x1d\xdf.\x16\xe7B\x80\x13\xd9\x02\x00!@ RB\xdc.\xe26(a\xa4!l\x7f[\x95\\\xb2\xb6q\xcd\xa6\xd8\x82\xd5\x8dk7\xc7\xe3\xff\xcd\xe2\xfbs\x0c\x7f\x8e\xd1\xad\xb3?\x90c\xf4\xef\x95\xef\xcf\xd2\xa5\x89/\xed\xec\xcb\xf1\xb9\xd0\x16\xfe\x1c\x83\xfa\x0c\xe0\x08\x84\x00\x010\x18\xfc\xf8x\'\x00&amp;\x97\xf1e`D\x84\xcdP\xc4$\x1a\x8d\x84\x93\x15[\xc3R\x1eB\x8d\xd6\xaa\xf5u\xc1\x88\xf9\xed\xd6P(b\x86\xa4Z\xfc0\x1e7\xed\xd3\xd5sD\xbf\xac\xbe\xdd\xbd\x83\xfbdu+v\xe5\xfa4\xe4\x980E"\x89\xf2!8C\x02\x00\xe4\xd4\xf0z\xd8\xc3/\xed\xba\xe3\xb1*9q\x02\x81\xc0G\x1f}\xe4\x94\x08\x1c$\x1c\x01\xf8\x95\x91\xc3\xf4\xd9g\x9f\xbd\xf6\xdak\xb9mk\x1a\xb3l\xfe\xd8\x1f;\xdd0\xbe]\xb0\xcer\x12~\x84@\x81\xa03\xe2qS]\'\xb6\x8d\x9b\xab\x92K\xd7\xc7\xe6\xaf\x8a\xccX\x18\xae\xd8\x96\xb4\xf9\x0f\x0eH\x7f\x8eQ\xd6\xc5\xdf\xb1CN\xbf\x1ey\xfd\xbb\x07\n\n\xbc\xbdK\xfcY^\xdd\x93\xe7\x06\x000\x18\x08\x04[\x00!`r\xe0\x02\x08\x01.\xc4\xde_\x88\x00(\xfe\xfbh\'MrE)#\xc0( \x02\xa3`0@\x04\x8d\x02%`r\x00\x88\xd7\'\x1ac\xd6\xba\xcaPmml\xd5\xa6\xe0\xea\x8d\xf5\xdbwD\xca\xb7\x84~D\x124FJ;\xb9\xc6\x0c\xf3\r\xef\x9fsx/o\xd7b\x97\xa6\x11\xcb\xc2xBX\x1c)\x81V\x9e\r\x9cJ\r\xca\xd7\x1f\x7fi\xd7\x8d\x0fn\xd35f\xdb\x9ci\xda\xbf\xff\xfd\xef\xab\xae\xba\xca\xd1\x80_\x1dG\x00~M\xd2\xd6\xff\xea\xab\xaff\x94\x08$\x88\xe2\xb1?v\xbea\\\x9b\xdaZK\xd3Z\xaf\xf1\x97v_c$\xcbC5\x9d6\x84\xec\xd5\x9bbs\x96E\xbf\\\x18Z\xba.\x16\x89\xa5z\x81\x11\xf2\xbd\x01\xe9\xf5h}\xcb\xf2z\x97\xe6\r\xe8\x95\x7fX\xaf\xfc&gt;]s\x0b\n\xbd\xe0\xd1\x80Q\xe0\x02\x04B\x92\x83@a\x8b\x94q\'@dr&amp;M}\x01\xff[\x82f\xfa^\x10\x10E\xea\x0b\xc0\x94HP)\x06.\x06\x94\xa4n)n\xd7\xd6\xc4\xd6nnX\xbe\xben\xe5\xfa\xbau\x15\xf5k\xca\xebc\xf1\xef|GM\xdf`\x8e\x97\x1d\xde\xdb{\xdc0\xff\xc8A\xd9\xfd\xba{s\xfd\x9am\x89\xc6\xb8\xb0[\xb7\x12 \x80mcA\x81\xfe\xf8\xcb{n|p+!\x94\x12\xe4\x02\x9fy\xe6\x19G\x03~u\x1c\x01\xf8\xd5hj\xfdu]\xb3,\xee\xcf\xa62\xd9\xbf&gt;d\xb7\xce\xc3\xbc\xa4\x9f\'m\xf7Ca{\xe9\xfa\xc6\x8f\xe64|&gt;?\xb4\xa12\xb1\xf7\xbb\x084\xf1\xcb\xe4\xe5\xba\x06\xf6*\x189\xa4\xdd\xf0\xc3\xda\xf4\xec\x9a\xdb\xb1\x93\x0f\xdc\x1a\x10\x00[@\x92\xa3%\x84@D$\x84\x00\x01J\x00\xa0\xd9&lt;\xe9\x88\x90\xdaT \xc8[\xa2\x94\x10\x9d\x82\x8b\x81F\x01\x01\x12\xf6\xf6m\xe1\r\x9b\x1b\xe6/\xdf3g\xf1\xae\x15\xebk\xeb\x1b\x92M~\xc1wo\xbcg\x89\xfb\xc4\xe1\xfe\xd3F\xe6\x1e\xde+\xcb\xefk\xaa\x04\xad\xd4;\xc49\xe6\xf9\xb5\xbd%\x02B\xd7\x99e\xd9\x8e\x06\xfc\xea8\x02\xf0\xebp@\xeb\xff\xd1\xbf\xcaF\x0cn\x8d\xc9\xfe\xf2@(J\x89\xd7M]\x06\rERv\xff\x8b\xf9\xe1\xf5\x95\xa9L|B\xbe[_\xe7d\xe9C\x06\x14\x8d8\xbc\xed\xc8\xc1\xed\x06\xf6\xce\xcfk\x93\x05.\x066\x82\xc91\xc9\x85@\x04$\x84P\xd2|\xc6\xfe\'\x83\x88B\xea\x01\x10J\tq10\x18h\x04\x92\xbc~O\xe3\x8auus\x96\xec\x9a\xbbt\xf7\xe2\x95\xd5\x91FK\xfeH\xd3G\xd1\xab\xc4s\xc2p_J\tr\xb4\xa4)b\t!\x04\xb6\xc2#\xe1R%\x02K"\xa7\xfd\xae\xdc\xd1\x80\x83\x84#\x00\xbf\x02?h\xfd\x0f\xcb\xaemh]\xc9\xfer\xc9\xef6h\x96\x97&amp;L\\\xbf9\xfe\xce\x8c\xe0\xbb3\x82i\xbbO\t\xa4\xfd\xf0\x9d:d\x8f9\xb2\xf8\xd41\x9d\x87\xf6+,\xee\xec\x07\x9d\xcae\xbe0\xb9\x10H\x08!\xf4\'5oP\x19\x81\x88\x02\x10\x91RB\r\x96\xda\x1cX\xa2jkh\xd1\xea\x9a\x8fgl\x9d\xf1M\xd5\xb6\x1dQ\xf9\xcdM\x1fN\xaf\x12\xcf\xd9c\x02\xe7\x8c\t\xf4\xea\xeaq\x1b\xa41&amp;\x12\xa6hm\x1b\x02\xcb\xc6\x82\\m\xee\xf2\xa8\xa3\x01\x07\tG\x00\xfeW\x1c\xeb\x0f\x00\x08\xc09RB\xb2&lt;\xd40H\xe5\x8e\xe4\x97\x0b\xc2oL\xaf\x9f\xbd$"\x83\xba\x94\x90t\x8f\x9d\xde\xa5\x81\x93Gw&gt;\xeb\xf8.\x03{\xe6{\xf3=\x00\x00\t[$SF\xbf\x05\'G\xa6\x12^\xa5\x18\xb8\x18\xb85\x00\x88\xd5\xc5Wl\xa8{o\xda\x96Ogm]W\x11\x94\xdf\x99~\\\x1a#\xa3\x06\xe7\\06\xef\xb8#|%\x1d\\\xa6\x89\x8dq!\x10\x19k\xa9\x0fi_\x1c\r8\xa88\x02\xf0?\xe1X\x7f\xe9\xed\xd15\xe2\xcbf\xa6\x85\xcb7\xc6\x9ey\xa7\xfa\xe39\xa1\xeaz\x0b\xf6\xb7\xfb\xc7t&gt;kl\x97a\xfd\x8b\x98\xdf\x05\x96\x80\x84\xcd-\x01\x00-`\xa5\xffs\x91;\x03\x00`:\x05\xb7\x06:\xe5\xa1\xe4\xc2U\xd5\xefM\xdf\xf2\xe9\xcc\x03(AQ\x9e~\xeaH\xff\xd5\xe7\x14\x1d\xd6\xc3k\xe8$\x1c\xe5\x96\xddZ\xfcB\x8e\x06\x1c&lt;\x1c\x01\xf8\xe5\xc8\xc1\xf7\xdcs\xcf]u\xd5U\xad\xd0\xfa7\xf5\xf6\xd4\x87\xf8\xfb3\x83\xaf~V7kI\x84\x0b\x04 \x94\xa4R.\x8b\xdbf]xZ\xe9Y\xc77\xb1\xfb1\xcb\xb6\x05\xa1\xc4\xe9\x91\x00\xe9\x8e\x17\x025\x8d\x82W\xffN\t\xa6my\xfd\xa3\x8a\xaa\xdd\x8d\x90r\r\x11\x00d\x94\x8c\x1e\x9cs\xf1I\xf9g\x1e\x13\xc8\xf3\xb3\xd6\xe3\x17:\xa0\x06&lt;\xfb\xec\xb3W^y\xa5\xa3\x01\xff\x0b\x8e\x00\xfcB\xe4\xb0[\xb0`\xc1\xf0\xe1\xc3\x19\xa3\xb6-Z\x8f\xf5\x17\x02\x101\xcb\xcb\\n\xba\xb5*\xf9\xec{5oM\xaf/\xdf\x9a\x00\x00J\x89\x10\x08\x00.\x83\x9d0\xaa\xe3\x15\xe7\xf6&lt;\xe6\x88\xf69m\xb2\xbeg\xf7[\xdbj\xff\xa7\x81\x00B|O\t"{\x1ag.\xd8\xf9\xfc\xdb\x1b\xbe\x98\xbd=irh\xf2x\xcb:\xbb\xcf\x1b\x9bw\xd5Y\x85\x9d\x8b]\xc9\x84h\x8cq\xd2\xd2e`\x1f\r\xd04\xca\xb9\x98?\x7f\xfe\x11G\x1c\xe1h\xc0/\xc6\x11\x80_\x82lP\xb5x\xf1\xe2\x13O&lt;1\x1cj\x00\x029^\xf2\xc1\xa4\xd2\x11\x87\xe5\xb4l\xeb/W\xfd\xd9^\xe62\xc8\xe25\x8d\xaf~^\xf7\xeag\xf5\xd2\xdb\xa31"\xdd\xfd=\xbb\xe5^pZ\xe9\x85\xa7v\xef\xd9+\x1f\x00 f\xd9&amp;w\xec\xfeO\xe7;%0\x18xu\x00\xd8\xb0\xbe\xee\xf5\x8f7\xbd\xf1Q\xc5\x86o\x1b\xa0\xc9\xa3.\xca\xd3/&gt;)\xef\xe2\x13\xf3\x87\xf4\xcdJ\x9a\x18\x8d\xf1\x96\xbd\x1b\xd8\xab\x01\x913n\xae\x88\xc4\x10\x10|\xfe\xdc\xcf?\xff|\xc8\x90!N\xcf\xb8_\x86#\x00?\x9b\xb4\xf5\x97}~t\x8dY6\xff`R\xe9\xe9\xc7\x06j\xea,\xa3\x85Z\xff\xa6\xa6\x7f\xc9\xba\xd8\xe3\xaf\xedy\xfd\x8b:\xd3B\x00B)\n\x01\x000\xf6\xe8\xe2\xf1g\xf78\xff\xa4\xae\xae\x80\x1b\x12\xb6\x88\xd9\xe8t\xbc\xf9\x1f\x90Ac\x02@\xbd\x1a\xb8\xb5d0\xf1\xe6g\x9b_zw\xe3\xf4\xaf\xab\x00\x80R\x10\x82\x00\xa0\xa1\x93\x0bO\xc8\xbf\xe1\xa26\x83{{[\xbc\x0c\x986\x16\xe6\xeb\x1f~\x15&lt;\xe3\xe6\n9\xf5\xd2\xfd\x82\x1c\r\xf8\x058\x02\xf0\xf3\x90\x87T\xd4\xd4\xd4\xf4\xe9\xd3\xa7\xa6\xa6F\xd75\xcb\xb2\x1f\xfbc\xa7\xeb/lS\xdf\xd02\xcft\x94f(\xab\x89\xe9\x7f\xed\xf3:\xcbF\xc6\x08\xe7)o\xcf%g\x94^qa\xaf\xe1\x87\xb7\x05\x97\x06\x91$\xb7\x85\xcc\xe7i\xee{o!\xc8\xdc!\xa6Q\xc8qA\xd2\x9e\xbft\xf7\xf3\xaf\xaf\x7f\xe5\x83\n\xe9\x17\x92\x1f\x84\xae\x91\x8bN\xfcN\x06\x1ac\xbc\xa5J\xafmc^\xae\xf6\xc4\xeb{n|p\x9b\x9c\x80\x85\x85\x85k\xd7\xae-,,t\xce\x90\xf9\xb98\x02\xf03\x10B\x00@CC\xc3I\'\x9d\xb4h\xd1"\x97KK&amp;\xed\xc7\xfe\xd8\xe9\x86qm\xeb\xeb\xac\x96W\xeb+3|\xdc.\xeau\xd3\xa5\xeb\x0f`\xfa\xdb\x14x~;\xae\xef\x05\xa7v\xef\xd9;\x1f8b\xd4\x14\x88\xd4\xe9tzp@\x00\xc1\x05%\x84d\x1b\xc0\xc8\x86uuo|\xbc\xe9?/\xaf\xd9S\x1b\x87\xfdd\xe0\xf0^\xdeXB$\x92\xa2Ef\nq\x8ey\xf9\xfa\xe3/\xef\xbe\xf1\xc1mr\x1a\x0e\x1d:\xf4\xb3\xcf&gt;\xcb\xcd\xcd\x05\x00G\x03~:\x8e\x00\xfcT\x10S\x1d\x08\x8e:\xea\xa8o\xbe\xf9F\x1e[\xf1\xf7\xeb\x8b\xef\xb8\xa6Cm\xb5\xd9\xf2\xfc\xfe6GC\xa79\xd9l\xfb\xae\xe4?&amp;\xefz\xee\xbd\x9a\xfdM\xff5\x97\xf4i\xd3\xc9\x07q\x8b\xc7l\xd2\x8a\xdb\xd7\x1cb\x84@D`^\r&lt;\xfa\x9em\xe1\xa7^Y\xbb\xbf\x0c\\yV\xe1\x1d\x13\xdbul\xe7\x8aD\xb9i\xb5\xc0\xc3\',\x1b\x0b\x8a\x8c\x7f&lt;\xb5\xe3\xff\x9e\xa8\x92\x93\xf1\xc8#\x8f\x9c7o\x9e\x9c\xa4-P\xf4\x0e\x0e\x8e\x00\xfc$\x10\x91s\xaei\xda\xd5W_\xfd\xec\xb3\xcf\xba\xddF"aN8\xb5\xe0\xf9\xbbJ"\x8d\x9cPhI\xc3\x8d\x0b$\x84\x04\xfc\xda\xee\x1a\xf3\x897\xaa\x9fy\xa7\xba&amp;h\x1f\xd8\xf4GM;aS\xeax{\x9a\x01!P\x08\xd4\xdc\x1ad\x1b\x07\x94\x81\xc2\x80v\xf59E\xd7_P\xd4\xb6\xd0\x08\x86lDlI{3\x04@\x019Y\xec\x8a{*\xa7~\\+\xa7\xe4UW]\xf5\xcc3\xcf\xd8\xb6\xcd\x18s4\xe0\xa7\xe0\x08\xc0OB\xe6\x99\xdd|\xf3\xcd\x8f&gt;\xfa\xa8\x1cj\x17\x9d\x98\xf7\xf2}\xdd"\x8d\x1c\xb1\xe5tx\x96&gt;\x1f\x7f6\xb38\xbc\xf4q\xedC/\xee\xda\xb4=\x99\x0e\xf3\xb6\xc9\xf7\xfcv\xfc\xf7L?cNfO3\x83\x08\x9c\x8b\xef\xc9\xc0Kk\xf6\xd4\xc5\xd3!\xe2\xee\x1d]\x7f\xb8\xb4\xdd\xf8S\x0bt\x06\xa1(oI\x1e!9\xf5r\xb2\xd8\xb8;\xbf}\xed\xf3z91o\xba\xe9\xa6I\x93&amp;9\x89\xa1?\x11G\x00\xfe;M\xcb}].=\x99\xb4\x0e\xeb\xe9\xfd\xf2\xa9\x9e\x86F,[\xb4\x98\xc5\xaf\xcd\xd1m\xd0\xac,6gI\xf8\xae\xa7v\xccZ\x12\x01\x00]#\x96\x8d\x86N\xff\xf8\x9b\xc3n\xb8\xac_Q\xb1\x0f\x1a\x1d\xd3\xaf\x1c\xdf\xc9@\x96Q]\x15~|\xca\xea\x07\x9f^nZB~|\x000zp\xce=\xd7t\x189\xd8\xd7\xd8\xc8\x13f\xcb\xf1\x08\t\x81\xbaFM\x1b\x8f\xbbf\xc3\xf2\r19=\x9d"\xe1\x9f\x8e#\x00\xff\x05\x99[\xd6\xa4\xe0\x8bwng|3\xb5wn6\x8b\'[\xc8\xc9\x8eB\x00\x00\x06|\xda\xf6j\xf3\x1f\xcf\xefz\xe6\xdd\x1a\xce\xd1e\xd0\xa4)\x00`\xe2y=o\xber@\xdf\x01E\xd0h9\xa6_e\x9a\xc8\x80\xbefe\xf5\xa4\xe7VN~k\x03\x00\xc8\x8f\x921r\xf5\xd9\x85w\\\xd1\xaec\x91\x11\x0c\xdb\x00-$U\x94\x0b\xf4\xb8hC\x94\x1f9a\xdd\xd6]\xa6\xa6\xb1t\x81\x98\x93\x18\xfa_q\x04\xe0\xc7\x90Ye\x95\x95\x95\x83\x07\x0f\x0e\x85\x1a\x08\x01\x9f\x97|\xf0h\xd9\x11\xfd\xb2CQ\xbbe,\xa3l\x8eY\x1e\xa6k\xe4\x95O\xebn\x7fl\xfb\xaeZ+\xed\xee\x1f3\xbc\xc3\x1d\xd7\x1d&gt;fLgHp\xdehR\xe6\xc4\xd62\x00D\x14\x1cY\x96\x01n6c\xc6\xd6\x7f&lt;\xb9t\xc6\xfc\x1d\xb070\xd0\xae@\xbf\xff\xc6\x8e\x97\x9c\x9co\xd9\xd8\x18\xe7-f\x0c\xfb\xb3\xb5\x05\xab\xa3g\xdcT\x1e\x8e!"\xf8\xfd\xb9K\x96,)))q\x12C\x7f\x1cG\x00~\x10\xf9d\x1a\x1a\x1a\x8e?\xfe\xf8%K\x96\xc8S\xaae\xc1W\xcbh\xf1/\x04\x02!\x01\xbf\xb6jc\xec\x0f\x8fn\x9f\xf6M\x08\xf6\x9a\x89\xf6EY\x7f\xbbu\xe8\xe5\x17\xf4\x04\x9d\xf1\x86\x04q\xc2\xbc\x99\x86\xac%f\xb9n\xb0\xf8\x0bol\xf8\xd3\xc3\x8bvV7\xa6\xa5\xfd\xf8#\xfd\x0f\xdd\xd4\xb1\x7f\x0fo0d\x03b\x0b\xf8p\xe5\xe1\x01\xb2@LN\xd5\xc1\x83\x07O\x9b6M&amp;\x86:\x0b\x97\x1f\xc2\x11\x80\x1fD\xfa\x10\xcf;\xef\xbc\xb7\xdf~[\xfa\x16\x1f\xb9\xb5\xd3\xcd\x97\xb4i\x19\xcd\x1el\x1b\xb3\xb3\x18\x00&lt;\xf9\xc6\x9e\xbb\x9f\xde\x19i\xe4\x86NMK\xe8\x8c\\3\xae\xef\x9fn\x1c\\\xd4!\x1b\x1b\x12B@\xcb\xaboh=p\x8e\x94\x02\xc9uW\xef\x88\xfe\xed\xb1%O\xbd\xbc\xc6\xe2(?\xe8\x9c,v\xf7o\xda_wA\x1b\x00\x886\xf2\x16P\xc3(\x1bELze\xcf-\x0fo\x93\x13\xf6\xdcs\xcf}\xeb\xad\xb7\x9c`\xc0\x8f\xe0\x08\xc0\x81\x91\x83\xe6\x9e{\xee\xb9\xfb\xee\xbbev\xc1\xa5\xa7\x15L\xf9k\xd7`\xc8\xce\xf4\r\xa5l\xdb\x10\xc8\xd5Vo\x8c\xdd\xfc\xf0\xb6\x19\x8b\xc2\x84\x10\xb9\xe1\x196\xb0\xe8_w\x8f\x18vD{\x88Zv\xd2\xd6\xb4\x0c\x7f\xab\x0e\x00\x00`\xdbBsi\x90\xad/\\\xb0\xf3ww\xcf]\xb8\xa2\x9a\x10\x90s\x7f\xccP\xdf\xa4[;\xf5\xeb\xe1\r6\xd8\x00\xd0\x02\xc6v\xc0\xaf]\xf6\x97\xcd/~\x94J\x0c\xbd\xfb\xee\xbb\xef\xba\xeb.G\x03~\x08G\x00\x0e\x80\x8c\x1d\xbd\xf3\xce;\xe7\x9e{\xae\xcb\xd0\x93\xa65\xa4O\xd6\xec\xe7z\x9a\x16fz\xd2\xa7\xcd\xd1\xeb\xa6\x9aF\x1f\x7fm\xb7\\\xf8\xcb\x08\xa1?\xdb\xb8\xf7\xf7C\xaf\x19\xd7Gwi&lt;\x9ct\xdc\xfd-\x8cT`\xc0\xe7\xb2\x92\xf6S/\xaf\xfd\xf3?\x17\x85\xa2\xa6\xfc\xe8\xe5V\xe0\x86\x8b\xda\xda\xb6\x88%2;AHNOC\'\xa3\xae\xdc\xb0xm\xa3\x9c\xbco\xbf\xfd\xf69\xe7\x9c\xe3\x04\x84\x0f\x88#\x00\xfb"\x84 \x84\xc8\xc0o8\x1cB\xc4|?[\xf4R\x9f\xa2&lt;-ibF/\x91l\x1b\xf3\xfc\xda\xd6]\xe6-\x8fl{\xef\xab`z\xe1\x7f\xc2\x88\x8e\x8f\xddstY\x9fBhH\x08\x8e4\x93M\x80\xc3\x8f\x90\xfaps\xdd\xe5kkn\xbc\xeb\xeb/\xe6nOo\x05\xce:6\xf0\xc8-\x9d:\xb73\xeaC\x99\xdd\xd2J\x08p\x19\xa4\xba\xde\x1e:~m]\x88\x13B|&gt;\xbf\x0c\x08#\xa2\x13\x10\xde\x07G\x00\xbe\x07"\xca\x86?G\x1f}\xf4\x82\x05\x0bt\x9d\t\xce?\x7f\xb2\xc71C|\r\x91\x0cN\xfb\x11\x02\x08\x81\\\xbf\xf6\xe1\xcc\xe0\xd5\x7f\xdb\xb2\xa7\xcer\xbbh")r\xb2\xf4\xfb\xfe0\xec\x86\xcb\xfb\x03\x82\xddh:&gt;\x9f\xd6\x80m\x0b-\xcb\x00\x02\x8f\xbf\xb0\xea\xce\x87\x16F\x1aS\x83\xa1M\xbe\xfe\xcc\x9f\xba\x9c~L\xa0!d#f\xb0;\xc8\xe6\x98\x9b\xa3\xcd\\\x1c&gt;\xf1\xba\x8d\x941\xcb\xe2G\x1cq\xc4\xd7_\x7f\r\x00\xb4\xa5v\xc8\xfb\xa5d\xec\x87|p\x90\xfb\xc4\xdf\xff\xfe\xf7\x0b\x16,p\xb9t\xcb\xe2\xf7^[|\xdcp\x7fF[\x7f\x9b\xa3\xdbE\xbcnz\xe7c\xdb\xcf\xb8\xb9bO\x9d\xa5\xeb4\x91\x14\xc3\x06\x14\xcdz\xf3\xcc\x1b\xae\x1b$b\x96\x88[\x8e\xf5o%h\x1a\x15qK\xc4\xac\x1b\xae\x1b4\xeb\xcd3\x87\r(J$\x85\xae\xd3=u\xd6\x197W\xdc\xf9\xd8v\xaf\x9b\xba]\xa9#\x072\x11\x8d\x91\x86\x88}\xdcp\xff\xbd\xd7\x16[\x16w\xb9\xf4\x05\x0b\x16\xfc\xfe\xf7\xbfg\x8cq\xce\x9b\xfb\xee\xd4\xc2\xd9\x01|\xc7\xf7\\\xff.=\x99\xb4N\x1f\x95\xfb\xee#\xa5\xe1\x08\xcf\xe8\xd5P\xbe_\xab\xdc\x91\xbc\xea\xde-3\x16\x85u\x8dZ\xb6\x00\x80\xbbn\x1c\xfc\xa7\x1b\x0f\xd7\x0cfG\x9c\x85\x7f+\xc5\xb6\x85\x96c\xd8&amp;\xff\xdbcK\xefyl\t\x00\xc8\xe11f\xa8\xef\xd9?w)\xe9\xe0\xaa\x0be\xf0\xbaG\x08\xf0\xe5\xb0\xb3o\xa9\xf8pv\x83\x9c\xceN0`\x7f\x1c\x01H\xd1\xd4\xf5\x1f\x89\x84\x84\xc0Nm\x8d\xf9Sz\xf9\xb2\x98ic&amp;\xe6I\x0b\x04\x02\x90\xeb\xd3&gt;\x9c\xf5=\xb7O\xbbB\xef\x0b\x0f\x1ds\xc2\xc9\xdd \xe8x\xfc[;\xa9\x01\x10p\x7f\xf1\xe9\xb7\x97\xffa\xe6\xae\x9a\xd8\xf7\xdcA\xa3\x03\ra\x1b\x012t\xfc\x1b\x1a\t7\xf2\xe1\x97\xad\xdf\xb6\xdb\xa4\x94\xe4\xe48\xc1\x80}q\x9e\x02\xc0\xdeV\xcfB\x88K.\xb9$\x18\x0c\x12B\x08\xe0\xf3wu)\xca\xd3\x13\xa6\xc8\xc4\xd1\xcf\x05\xea\x1a\xc9\xf6\xb2\x07^\xd8\x99r\xfbh$\x91\x14\'\x1c]\xbc\xf4\xe3sO8\xbe\xc4\xae\x89!\x82c\xfd[9\x94\x11D\xb0kb\'\x1c_\xb2\xf4\xe3sO8\xba8\x91\x14\xbaF\xa4;\xe8\x81\x17vf{\x99\xae\x11.2o\x99H\t$LQ\x94\xa7?\x7fW\x17\x02H\x08\t\x06\x83\x97\\r\x89\x90\xc7\xeb8\x0b_\x00p\x04@r@\xd7\xff\xb1G\xf8\x1b\xc2\x19\xb9\x05\xb69z\xdd\xcc\xb4\xc4\xe5wo\xbe\xfd\xb1*]\xa3\x00`\xd9x\xf7\x8d\x83?\x7f\xe5\xf4v\x85Y&lt;\x98\xd04\xa7\xa5\x8f\x03\x00\x00!\xa0i\x94\x07\x13\xed\n\xb3&gt;\x7f\xe5\xf4\xbbo\x1c,\xfb\xc7\xe9\x1a\xbd\xfd\xb1\xaa\xcb\xef\xdelZ\xc2\xebf\x99\x18\x12\xd0\x18i\x08\xdb\xc7\x1e\xe1\x04\x03~\x10\xc7\x05\x94\xb2\xfe3f\xcc8\xee\xb8\xe3Z\x80\xeb\xdf\xb217\x87UU[\xe7\xdcZ\xb1lC\xcc\xedb\x89$\xcf\xf7\xbb^yl\xec\t\'v\x15\xc1D\xcb(\xfdw\xf8\xd5\x91\xadAh\xc0\xfd\xc5\xe7\x9b/\xb9qz]()\x07\xcf\xa0\x9e\xdew\x1e.-.\xd2\x1b"&lt;\x13k\xe0\xf7\x0f\x06|\xf9\xe5\x97c\xc6\x8cq\x82\x01\xe0\x08\x80\xdc\x0c644\x0c\x1d:\xb4\xb2r3\x00)\xc8\xa5\x0b_\xeaS\x14\xc8\xc8\xac\x7f\xdb\xc6\xfc|}\xce\xe2\xf0\xf9\x7f\xfcvO\xbd%\'\xf0\xd0~\x85/?&gt;\xb6\xb4G\xbe]\x1fw\xe2\xbd\x0e?\x8em\x0b-\xcfS\xb1\xb1n\xdc\r\xd3\x17\xad\xae\x91C\xa8M\x9e\xfe\xe6\x83\xddF\x0e\xf1\xd5\xd5Y\x19W%\x90\xaa\x0c\x08\xda\xc3\xc6\xaf\xadm\x10\x00XR\xd2u\xd1\xa2E\xb9\xb9\xb9\xce\xd9a\xad\xdd\x1cp\xce)\xa5\xbf\xfd\xedo\xbf\xfd\xf6[]cB\x88g\xfeT\xd2\xb9\xad\x11O\x8a\xcc\xb2\xfe\x88\xc09\xe6\xe7\xebO\xbfY}\xca\r\xe5{\xea-C\xa7\x89$\x9fxn\x8f/\xdf&lt;\xb3\xb4k\xaec\xfd\x1d~\n\x9aF\xed\xfaxi\xd7\xdc/\xdf&lt;s\xe2\xb9=\x12In\xe8tO\xbdu\xca\r\xe5O\xbfY\x9d\x9f\xafs\x9ea\x8bFJ!\x9e\x14\x9d\xdb\x1a\xcf\xfc\xa9D\x08\xa1k\xec\xdbo\xbf\xfd\xedo\x7fK)u\x1cA\xad\xda"\xc8S\x1e\xdf|\xf3\xcd7\xdf|\xd30\xf4\xa4i_sn\xd1\x19\xc7\x06\xea3\xcd\xf5/\'d^\xae\xf6\xd8\xcb\xbb\xaf\xb9oKc\x02\t\x01\xd3\x12\x93\xee\x1c\xfe\xfc\xa4\xe3rt\xc6\xa3N\x9a\xbf\xc3OE\xd3(\x8fZ9:{~\xd2q\x93\xee\x1cnZ\x82\x10hL\xe05\xf7my\xec\xe5\xddy\xb9\x1a\xec\x1dr\x99\x82\xc6H}\xd8&gt;\xe3\xd8\xc05\xe7\x16%M\xdb0t9\xeb5Mk\xe5\x1a\xd0z]@\xb2\xe2\xb7\xb6\xb6\xb6_\xbf~uu\xb5\x9cc\xffR\xcf\xfc\x17{\xd9v\x865\xfc\x11\x02)%Y^\xf6\x9b\xbfUN~\xbf6\xd5\xeb\xd1\xab?z\xf7\xd1\x13/\xef\xcfkc\x14\x808N\x7f\x87\x9f\t\n\x14\x00\xac\xc0;\xf9\x85U7\xdd\xfdu$f\xc9\xa15\xf1\xcc\x82\xa7\xffT\xd2\x18\xe3r\xe05\xf7m\xfeT\xe4\xa4\xd642\xfc\xd2\xf5\xab*\xe2\x8c\x91\xfc\xfc\x82\xd5\xabW\x17\x14\x14\x00@\xab\xcd\nm\xa5o\x1b\xf6\x1e\xf6r\xc3\r7TWWSJt\r\x9e\xb8\xbd\xb3\xa1\x13.0\x83\xac?\x17h\xe8\xd4\x97\xcd\xae\xbc\xa7r\xf2\xfb\xb5.\x83\x9a\x96\xc8\xf3\xb9f\xbcr\xda\xc4\xcb\xfaY{\x1a\x19%\x8e\xf5w\xf8\x05\x10J\x18%\xd6\x9e\xc6\x89\x97\xf5\x9b\xf1\xcaiy&gt;\x97i\t\x97A\'\xbf_{\xe5=\x95\xbelf\xe84\x83\xd2C\t\x91\x93\x85&lt;q{g]\x03JIuu\xf5\r7\xdc@)\x95k\xc1\xd6I+\x15\x00\xe9\xfcy\xeb\xad\xb7\xde|\xf3M\x97\xa1Y\x16\xbfe\\\xdb\x11\x83s\xc2\x11\x9eA\xa7&lt;r\x8e^7\x0b\xc7\xf8\xd9\xb7nz\xf1\xa3Z\xb7\x8b%M1\xa4o\xe1\x82\x8f\xce\x1d2\xb8\x9d]\x13\xd3\xf5V\xfa\xf9:\xfcZ\xe8:\xb5kbC\x06\xb7[\xf0\xd1\xb9C\xfa\x16&amp;M\xe1v\xb1\x17?\xaa=\xfb\xd6M\xe1\x18\xf7\xba\x19\xcf\x9c\xf4PFI8\xc2G\x0c\xce\xb9e\\[\xcb\xe2.C{\xf3\xcd7\xdfz\xeb\xad\xd6\xec\x08j\x8d. Y\xf4[SS\xf3\x9d\xf3\xa7\xcc3\xef\x85^\x9c#\x02d\x8a\xf9\xe7\x1c\xbd\x1e\xd6\x10\xb1O\xbe\xa1|\xf9\x86T\x01\xe7\x90\xbe\x85_\xbcrZ \xcf\xc3\xc3I\</t>
        </is>
      </c>
    </row>
    <row r="197">
      <c r="A197" s="1" t="n">
        <v>195</v>
      </c>
      <c r="B197" t="inlineStr">
        <is>
          <t>shape_size_hexagon</t>
        </is>
      </c>
      <c r="C197" t="inlineStr">
        <is>
          <t>What is the size of the missing shape denoted with a question mark if it is a hexagon?</t>
        </is>
      </c>
      <c r="D197" t="inlineStr">
        <is>
          <t>['large', 'small', 'medium']</t>
        </is>
      </c>
      <c r="E197" t="inlineStr">
        <is>
          <t>large</t>
        </is>
      </c>
      <c r="F197" t="inlineStr">
        <is>
          <t>There are 7 shapes with different sizes in the image, of which there is a missing hexagon in the center. The other shapes are arranged around the center, which are ['triangle', 'hexagon', 'pentagon', 'triangle', 'hexagon', 'pentagon'] in anti-clockwise order. Their corresponding sizes are ['medium', 'large', 'small', 'medium', 'large', 'small'].</t>
        </is>
      </c>
      <c r="G197" t="inlineStr">
        <is>
          <t>We observe that the triangles are medium size, the hexagons are large size, and the pentagons are small size. Hence, the pattern is that each shape appears with a distinct size.</t>
        </is>
      </c>
      <c r="H197" t="inlineStr">
        <is>
          <t>Based on the pattern that each shape appears with a distinct size, the size of the missing hexagon should be large.</t>
        </is>
      </c>
      <c r="I197" t="inlineStr">
        <is>
          <t>b'\x89PNG\r\n\x1a\n\x00\x00\x00\rIHDR\x00\x00\x02\x00\x00\x00\x02\x00\x08\x02\x00\x00\x00{\x1aC\xad\x00\x00S\xecIDATx\x9c\xed\xddy|T\xd5\xdd?\xf0s\xcf\xb93!\t\xc9$\x80\x80\xd6\x95@\xa8\x88\xb4\x04\x17\xa8\x10\x82U\x88\xb6U,\x9b\xa0\x08\xfe\\\xf0\x11\x8a\xac\x02b@\x08 (KT\xf0)\x96\xa7\x8a(P\x16\x97\x8aVP\xf6\xa2\xb8$V\x05\x110hm-\x91-+Kf\xee9\xe7\xf7\xc7\x97\xdcFp\x81df\xee\xcc\xbd\x9f\xf7\xeby\xf5\xf5$\xc4\xe4\xce\xcc=\xe7{\xce\xf7\x9c{\xbe\x86\xd6\x9a\x01\x00\x80\xf7p\xa7/\x00\x00\x00\x9c\x81\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08\x00\x00\x00\x1e\x85\x00\x00\x00\xe0Q\xa6\xd3\x17\x00\xff\xa5\x94\xd2Z;}\x15\x11\xc797\x0c\xc3\xe9\xab\x00\x00fx\xa1\xc7\x89\x0bZkt\x8b\x00\x10M\x98\x01\xc4\x04\xea\xfd\x0b\x0b\x0b\xcb\xcb\xcb]\x1f\x06\xb2\xb2\xb2RSS\x19c\xae\x7f\xa5\x001\x0e3\x00\xe7)\xa5\x0c\xc3\xf8\xe2\x8b/.\xbd\xf4R)\xa5\xd3\x97\x13q\x83\x07\x0f~\xf6\xd9g\xa5\x94B\x08\xa7\xaf\x05\xc0\xd3\x10\x00\x9cG]a\xdf\xbe}W\xae\\\xe9\xf3\xf9\\\x1c\x03\x0c\xc30\x0c\x83s\xfe\xee\xbb\xeffee)\xa58\xc76\x04\x00\xc7 \x008\x8cz\xffu\xeb\xd6\xf5\xe8\xd1C\x08A\xbd\xbf\x10\x9c1\xb7\xa5G\xb4VJiz\x8d]\xbat\xd9\xb8q#c\x0c\x93\x00\x00\x07!\x008Ik\xad\xb5VJ\xb5m\xdbv\xcf\x9e=\x86aP:\xc8\xad\x1f\x8a\xc1\x98f\xcc4M\xcb\xb2\x9e\x7f\xfe\xf9\x81\x03\x07"\x11\x04\xe0 \xd7\xf65q\x81\xba\xbf\x05\x0b\x16\x0c\x1b6\x8c\x86\xc6\xd4Ev\xbe\xf2\x97\xfe\x04?\x05\x03\xa7\xaf1\x0c\x94R&lt;\xc1\xbf{\xd7\x17\xff\xf9\xf6 e\x81\xb4\xd6-Z\xb4(,,LII\xa1\xef8}\x8d\x00^\x84\x00\xe0\x18\x1a\xfe\x97\x97\x97gdd\x94\x95\x951\xc68\xe7R\xca\xde\xbf\xbdn\xe5\x8a?\xb2\x13\xd5\xcc5\xdd\xa2R\xaca\xf2\x87\x1b\xdf\xb9\xe6\xa6\xc1\x96%\x95R4\tx\xe4\x91G&amp;O\x9elY\x96ib7\x1a\x80\x03\x10\x00\x1cC\xc3\xffa\xc3\x86-X\xb0\x80\x86\xff\x9cs\xd3\x14\x9flX\x99yi\xcb\xea\xca\xa3B\xb8g\x81TZV\x83fM\x07\r\x1a\xf1\xfc\xca\xd7LSH\xa98\xe7\r\x1b6,**\xba\xe4\x92K\xb4\xd6X\r\x06\x88&gt;\x04\x00gPz\xa7\xa8\xa8\xa8c\xc7\x8eJ)\xa5\x14\xc5\x80\t\x7f\xf8\x7f3fN\x08\x1e:"\xdc5(VZs\x9f\xef\xdbo\x0f^\xde\xb5WYy\x85\xd65\xd3\x9d\xde\xbdW\xae\\\x89\x95\x00\x00G`\xd8\xe5\x0cz\xf2k\xf4\xe8\xd1\x96eQ\x12\\)\xd5\xaci\xe3QC\x07\xab\xaa\xa3\xdcu\xbd!7\x0cy\xe2\xc4y-/\x1ey\xcfmJi\xc19u\xfa\xabV\xad\xda\xbcy\xb3\xbd\xfd\t\x00\xa2\t\x01\xc0\x01\xd4\xf7\xad\\\xb9\xd2\xee\xfb8\xe7Z\xebG\'\xfc\xa1\xc9\x05\xe7\x86NT\xbbrQ\x94\x0b\xd3*-\x1f;\xe2\xee\xcc\x8c\x8b\xa4R\xf4\x92)\nVWW\xbbx\xef\x13@\xccB\x00\x886\xea\xe6\x82\xc1\xe0\xc4\x89\x13\xe9K!\xb8\x94\xb2K\xc7\xac;\xee\xe8\x1d:R\xe6\xd6\x15Q\xc3`J\xca\x84\x86IO\xe4\x8f\xd5Z\x1b\x06\xa3\x07\xc1\n\x0b\x0b\x97/_\xce9WJ9}\x8d\x00\xde\x82\x00\x10m\x94\xee\x9f={\xf6\xde\xbd{M\xd3TJ1f\x08\xc1\xa7\x8e\xfd\x1fa\x9a\xee\x1e\x05\x0b!B\xe5\x95\xb97\xfe\xfa\xfa\xae\x1d\xa5TBp\x8a\x01\xe3\xc7\x8f/--\xc5$\x00 \xca\x10\x00\xa2\x8a\xfa\xbb\xe2\xe2\xe2Y\xb3f\xd1*\xa8i\n)e\xff[n\xc8\xc9\xed\x16,+\xf7\xc2Z\xa8\x96\xf2\x89\xfc\x07MSh}r-\xa4\xa4\xa4$//\x0f\x93\x00\x80(C\x00\x88*\xea\xef\xa6N\x9dZQQA\x1b\x1f\x95\xd2\xa9)\r\'\x8d\xb9O\x1d?np\xf7\xf7\xfe\x9c\xf3P\xd5\xb1K\xb3\xda\xde{{/{\xef\x13\xe7|\xe1\xc2\x85\xbbw\xefF\x0c\x00\x88&amp;\x04\x80\xe8\xa1\xb5\xdf-[\xb6\xbc\xf8\xe2\x8bB\x08\xcb\xb2(\x072\xf6\xfe;Z\xfd\xa2M\xe8\xe81\xce]\xb8\xf6{:.\xb8:zl\xea\x84?4k\xda\x98"\xa2a\x18\x96e\r\x1f&gt;\x1cY \x80hB\x00\x88*\xa5T^^\x1emy\xe4\x9c[\x96l\xd9\xe2\xc2\xb1\x0f\xdcm\x1d)s\xd9\xc6\xff\x1fa\x18F\xe8Du\xe3\xf3\x9b\xcf\x18?\x8crb\xf6\x89x\xeb\xd6\xad\xc3\x96P\x80\xa8A\x00\x88\x12\xea\xe3\x96,Y\xb2e\xcb\x96\x93\xc7\xfe\x18\x06cl\xda\x83\xf7\'\xa4$+Kzb\xf0_C\x98\xa6UV&gt;\xa0\xff\xcdY\xed.U\xb5\xb6\x84\x0e\x1f&gt;&lt;\x18\x0cb\x1e\x00\x10\x1d\x08\x00\xd1@\xbd\xdb\x91#G\xc6\x8f\x1fO\xcf|Q\x0c\xc8\xee\xd4\xa1\xdf\x80\x9e\xa1\xb2ra\xba?\xfb_\x9b\xc1\x98\x92\xaaAr\xf2\xec\xbc\x91\xf4\xe6\xd0{\xb2{\xf7\xee\xd9\xb3gc%\x00 :\x10\x00\xa2\x81\x06\xb9s\xe7\xce-))\xa1\xd1\xae\xd6\xda4\xc5\xec\xc9\xa3\xb4%\xb5\xeb\x8e\xfe?\x13B\x88PYy\xce\xf5]z\xfd\xe6\xd74=\xa2\xd5\xe09s\xe6\x94\x94\x94PHp\xfa\x1a\x01\\\x0e\x01 \xe2\xa8\xf7\xdf\xbbw\xef\xe3\x8f?\xce9\x97R\t!\x94R\xf7\xde\xde\xeb\xca\xec\xabC\x95G\x85g\xcfA3\x0c&amp;\xe5\xccI#\x03\xa9)Lk\xc6\x18\xe7\xfc\xc8\x91#\x13&amp;L\xa00\xe9\xf4\xf5\x01\xb8\x9cW\xbb\x9e(\xa2\x14\xc7\xc4\x89\x13)\xbbMO\xc0\xa6\xa7\xa5N\x1d?LVVq\x17\x1d\xf9y\xb68\xe7\xc1\xca\xa3-\x7f\xd1\xe6\x81\xbb\xfbK\xa5\x84\xe0\x96eq\xce\x97.]ZTTDa\xd2\xe9k\x04p3\xef\xf6&gt;\xd1a\xefoY\xb9re\xedc\x7f\xa6\x8c\xb9\xaf\xf1\xf9\xcd\xe5\x89\xa0+\x8f\xfd9s\xc2\x14Vi\xd9\x88\xa1\x833.\xbe@J\xc5\xb9a\x18F0\x18\x1c1b\x84\x94\x12\x93\x00\x80\x88B\x00\x88 \x1a\xfb\xd7\xde\xe1N\xcb\x9b\x99\x19\x17\r\xb9\xab\xbfU^\xe9\xbeS?\xcf\x96a\x182\x18J?\xb7\xe9\xc3#\xee\xd6Zs\x83\x9e\x8e6\xb7n\xdd\xbat\xe9Rl\t\x05\x88(\x04\x80\x08\xa2\xec\x7f\xedg\\\r\x83i\xad\x9f\x98:\xd6\x9f\x94\xa8\xa4\xf4\xf6\xe8\xff$\xd34C\x87K\x07\x0e\xec\xd5\xf9\xea\xf6\x96\x94\xf4p\x9ca\x18S\xa6L)//\xc7\x96P\x80\xc8A\x00\x88\x14\x1a\xfe\x97\x96\x96\xe6\xe5\xe5\xd5\xda\xfa\xa9z\xff\xf6\xba\xdc\xdf]\x17*\xaf\xf0\xc2\xb1?gHk&amp;8\x9f7e\x8c\xdf\xef\xd3\xfa\xe4yy\xc5\xc5\xc5\x05\x05\x05\xf4\x98\x98\xd3\x17\x08\xe0N\x08\x00\x91B\xc3\xff\xbc\xbc\xbc\xd2\xd2R{\xeb\xa7\xdf\xef\x9b6~\x98\xb6,\xf7\xd4\xfb\r\x07!x\xb0\xa2\xf2\x8a\xec\x8e\xb7\xde\x9c\xab\x94\xa2\x03\xf2\x84\x10\xf3\xe6\xcd\xdb\xb7o\x1fV\x83\x01"\x04\x01 "\xec\x93\xee\x17.\\h\x1fu\xa0\x94\x1a=d`\xeb\xf6\x97\x85*\x8f\xa2\x04\xee)\x0c!de\xd5\xa3y\x0f4J\x0f\xd8\xdd}yy\xf9\xb8q\xe3\x90\x05\x02\x88\x10tC\x11\xe1\xb5\x8a\x8f\xf5\x87\x9a\x91\x00\xd1\x87\x00\x10~\xde\xac\xf8X\x7f\xa8\x19\t\x10e\x08\x00a\xe6\xd9\x8a\x8f\xf5\x87\x9a\x91\x00Q\x86\x00\x10f^\xae\xf8X\x7f\xa8\x19\t\x10M\x08\x00\xe1\x84\x8a\x8fa\x81\x9a\x91\x00\xd1\x81\x00\x10N\xa8\xf8X\x7f\xa8\x19\t\x105\x08\x00a\x83\x8a\x8f\xe1\x82\x9a\x91\x00\xd1\x81\x00\x10N\xa8\xf8\x18\x16\xa8\x19\t\x10\x1d\x08\x00\xe1\x81\x8a\x8f\xe1\x85\x9a\x91\x00Q\x80\x00\x10\x06\xa8\xf8\x18v\xa8\x19\t\x10\x05\x08\x00a\x80\x8a\x8f\x91\x80\x9a\x91\x00\x91\x86\x00P_\xa8\xf8\x18A\xa8\x19\x19IJ)\x04Q\x8fC\xdfT_\xa8\xf8\x189\xa8\x19\x1994\x9d\xc2i\xdb\x1e\x87\xee\xa9^P\xf11\xd2P32\xec\xb4\xd6\x96e\t!\xbe\xfa\xea\xab\xf7\xde{\x8f\xe2(B\xa97!\x00\xd4\x1d*&gt;F\x01jF\x86\x17U[3Ms\xed\xda\xb5\x1d;v\xec\xd4\xa9\xd3\x94)Sh*`Y\x96\xd3W\x07\xd1\x86\x00Pw\xa8\xf8\x18\x1d\xa8\x19\x19.\x94@\xb3,k\xe4\xc8\x91\xb9\xb9\xb9\xdf~\xfb-c\xec\x91G\x1e\xc9\xcd\xcd\xdd\xbf\x7f\xbfi\x9a\x96e\xe1\xcd\xf4\x14\x04\x80:B\xc5\xc7hB\xcd\xc8z\xd2Z\xd3\xcci\xef\xde\xbd999\xf4\xbeQ\xec\xa4\xd9@\x87\x0e\x1dV\xacXAG\xd5"\x1d\xe4\x1d\x08\x00u\x84\x8a\x8f\xd1\x84\x9a\x91\xf5A\x8f%\n!\x96/_\xde\xa9S\xa7m\xdb\xb6\xd19\xb5\x86a\xd0\xba\xba\x10b\xff\xfe\xfd\xfd\xfa\xf5\x1b9r$\xadc!\x1d\xe4\x11\x08\x00u\x81\x8a\x8f\xd1\x87\x9a\x91uC\xfd{ee\xe5=\xf7\xdc\xd3\xbf\x7f\xff\xc3\x87\x0f\xd7&gt;\xa8JJE\xc5\xd7h\x19\xa0\xa0\xa0\xa0s\xe7\xceEEE\xa6ib\x8d\xdd\x0b\xd0O\xd5\x05*&gt;F\x1fjF\x9e-\xad\xb5R\xca4\xcd\xf7\xde{/\'\'g\xd1\xa2EB\x08\xbaWM\xd3\x94R]\x96\xd9\xe2\xd7\xd9W\xcb\x9ahZ\xfb\x87\x9fz\xea)\xfaa\xbc\xab\xee\x86\x00p\xd6P\xf1\xd1)\xa8\x19y\xe6(\xedS{Po\x1fQE\xdb@\xfb\xdc\xd4}\xcb\x1bK\xde^\xf3\xfc\x9c)cL!hY\xc5\x9e.\x0c\x1f&gt;\xbc_\xbf~\xf6t\xc1\xe9W\x03\x91\x82\x00pvP\xf1\xd1A\xa8\x19y\x86\xa8\x1f?|\xf8p\xed\xb4&gt;\x95\'RJ\xa5$\'=\xf1\xe8\x84\x15\x8b\x0b\xd2\x1b&amp;\x07\xcb\xcaG\x8d\xbdo\xe3_\x9fm\xd5\xe2B;\x93I\xfbDW\xacX\xf1\xab_\xfdj\xed\xda\xb5\xb4`\x80\xf7\xd6\x95\x10\x00\xce\x0e*&gt;:\x0b5#\x7f\x1c\xf5\xd4\xb4\xb1\xa7S\xa7N\xb4\xb1\x87v(\x08\xc1-K\xb6\xbf\xfc\xe7\x1b\xd7,\x1e&gt;\xe2\xee`\xe5Q\x19\xb2\x84\x10\xd5\x07\x0fw\xbe\xe6\xca\xf77\xae\xbc\xeb\xb6\xdfS\xde\x9f\x1b\x86eY\xa6i\xee\xd9\xb3\'77\x17\x0f\n\xb8\x18\x02\xc0Y@\xc5\xc7\x18\x81\x9a\x91\xdf\x8b\xb6\xf9s\xce\xa7L\x99\x92\x9b\x9bKc\x14Z\xef\xd5ZK\xa9\x86\xdd\xdd\x7f\xd3k\x8b;\xb4\xbf\xac\xfa\xdbCBp\x83\x1b\x8c1\xd34\x83\x15\x95\x81\x04\xff\xa2\xa7g,}\xe6\xb1Fi\xa9R)\xfa\x0f\xe9\xb7\xd1\x83\x02\xf6o\xf3x\x88u\x19\xaf\x8f\x98\xce\n\xcd\x91\x07\r\x1a\xf4\xfc\xf3\xcf\xd36\t\xc30\x1a&amp;\'}\xf8\xd6\xb2\x8c\x96\x17\xcb\xe3\xd5\xa8\xf9\x15\x1d\xd2\x92\xfe\xc6iC\x87=\xfc\xf4s+\xece\x18\xce\xf9\x8e\x1d;233\xe9\x91l\xa7\xaf1\xaa\xecm\xfe\xfb\xf7\xef\xbf\xf3\xce;\xd7\xae][S\x91\xf4dW\xde(-\xf5\xe9\xd9y\xfd\x06\xdc\xa2\xcb+B!\xeb\xf4\x91\n\xad\x18\xfb\x1b\xa7\xef\xd9\xb9\xe7\xce\xa1\x0f\xbd\xf3\xc1\xc7\x9cs\xa6\xb5\xd2\x9a~C\xe3\xc6\x8d\x9f~\xfa\xe9\xbe}\xfb\xb2\x9a\x86\xe0\xc0\xeb\x84p\xf3V;\xa9\x0fT|\x8c\x1d\xa8\x19Y\x1bMz(k\xdf\xa1C\x07;k\xcf\xb4\xa6\xbc\xcd\xaf\xae\xfc\xc5\xbb\xeb\x96\xf5\xeb\xdf\xb3\xfa\xe0a:\xad\xf6\xf4_B\x0f\nT\x1f:\x92\x99q\xd1\xa6\xbf&gt;7i\xcc}J)\xa5\xb5Y\xb32L+\n\xc3\x87\x0f\xaf\xac\xac\xc4\xca\xb0kx\xae\xb5\xd4\x19\x8d\xf7\xbbu\xebF5\xbfh\xc4\xd4\xb2\xc5\x85;\xfe\xfe\x8a\xd0\x9a1\x9c\xfa\x1fU\x96e%4i\xf4\xe7\x85/\xdc5j\nM\x02\xe8\x7f\xd7\xae]\xdb\xbd{w\xef\x0cQ\xe9\x95Z\x965v\xec\xd8\x82\x82\x02\xc6X\xedw\x8316i\xcc}\x0f\x8f\x1e\xe2\xf3\xfb\xaa\xab\x8e\x9e\xc9\x0e\x05%\x15\x17\\\xa4\x07\xde|\xed\xad\xff\xf7\x87\xbc\xfd\x07\x0e\x99BX5{\x8a\xa4\x94YYYO?\xfd\xf4\xd5W_M\x81\xc7k\x93-\x97\xc1\x87wFP\xf11\xd6\xa0f$\xa5}\x84\x10EEE\x9d;w\xa6\xd3\x1dN.M\t!\xa5&lt;\xb7i\x93\xbf\xfd\xe5\x7f\xa7L\x1d\xc3\x95\n\x1d=~\x86\xfb\xd3\xb8\xe0Z\xeb\xea\x83\x87so\xb8\xf6\xc3\x8d+\xfb\xfc\xeez\xea\xfd\xe9\x99\x00\xd34O\xffs\x91~\xa5\x109\x08\x00?\r\x15\x1fc\x90\xc7kF\xda\xa7;,Z\xb4(\'\'\xe7\xbd\xf7\xde\xab\xd9\x93\xc6\x18c\x96\x94\xdds:}\xb8\xfe/\xb97^[}\xf0\xb0\xd6\xfa\xac\xeaR\xd06\xd0\xea\xd2\xf2\xf3\xcei\xbcb\xc9\x93s\xa6\x8e\x15\x9c\x1e\x1f\x13\xb42,\xa5\x1c9rd\xbf~\xfd\xf6\xef\xdfO\xf3\x0f\xd7\x87[\xb7B\x00\xf8i\xa8\xf8\x18\x9b&lt;[3Rk-\x84(//\xbf\xe7\x9e{\xee\xb9\xe7\x1e;)O\xbb\xf8M!\xe6L\x1d\xbb\xf6\xe5\xff;\xaf\xd99\xd5G\xcaM\xd3\xac\xdb\x93\x89\xa6)B\xd5\xd5\xa1\xca\xaaQ\xa3\xee\xdd\xfa\xe6\x8b\xed/\xff\xb9eI\xdaPDG\xc8\xd5^r\xc0\xc3\x8fq\n\x01\xe0\'\xa0\xe2cL\xf3^\xcdH\xa5\x94\xd6z\xdb\xb6mW]uU\xed\xd3\x1d\xe8\x81\xc4V-.\xdc\xf8\xd7gG\x8d\x19\x12\xaa:\x1a\xaa\xae6\xeb77\xa5$O\xf5\xe1#\x1d\xaf\xfa\xe5\xa6\xd7\x16\x0f\xbb\xbb\xbf\x94\x8a\xc2\x0f=(\xb0\x7f\xff~zP\xe0\xe8\xd1\xa3\xae|\xb7]\xcf\xfd\xa9\xd2z\xa2\xa1e\xdf\xbe}\xa9\xe6\x17\r*\xd3\x02){\xb7\xafIKO\xd5!\x0bc\x1fgY!+\xa1\xf99\x93\x1f\x9a9u\xee3\xa6),Kr\xceM\xd3|\xf7\xddw\xb3\xb2\xb2(~;}\x8daC/\xe7\xf3\xcf?\xff\xc5/~\x11\x0c\x06i\x83\xa6\xfd\xafw\xdd\xf6\xfb\xd93\xc6\xa5\x05R\xab\xcb+\xc2\xfbD\xba\x94\xd2\xe73\x8d@\xea_\x96\xbe|\xff\x98iG\xca\xca\xed\nH\xb4\xd1\xe8\xee\xbb\xef\xfe\xd3\x9f\xfe\xe4\x9d\xb5w\xd7pO\xdb\x88\x04T|\x8c}\x9e\xaa\x19I\xdd\xeeE\x17]t\xd1E\x17\xd5\xd4 28\xe7\xcd\xcei\xfc\xcc\xdc\xc9\x8b\xfe83\xd5\xef\x0fVT\x86\xfd&lt;\x12\xaauQ}\xf0p\xbf\xfe=\xdf}\xf3\x85\xdcn\xd7\xd0\xfblo\x04\xba\xea\xaa\xabX\xcdA)\x10G\x10\x00~\x10*&gt;\xc6\x05O\xd5\x8c\xa4\xad8\x89\x89\x89\xb7\xdcr\x0b\xcd\x06\xe8\x9e\xbc\xe6\xaa_\xde\xf3\xc0]\xd5GJU\xc4\xc6\xe0\xb42|\xfc\xc0\xe1\xcc_\xb4y,\xef\x01\xfa\x0e5\x90\xe4\xe4\xe4\x9bn\xba\x891\x86\xe1\x7f\xdcA\x00\xf8A\xa8\xf8\x18/&lt;U3\x92&amp;\x9d\xbf\xff\xfd\xef)!\xa9\xb5b\x8c\xbd\xfb\xe1\xc7G\xbe\xf8\xca\xef\xf7G\xfa\xafs\xce\x95%\xdf\xd8\xb0\x8d&amp;[\x94^\xeb\xda\xb5k\xb3f\xcd\xe8=\x8f\xf4\x05@x!\x00|?T|\x8c/\xde\xa9\x19I}\xee\xe5\x97_N}\xae\xd6\x8cs\xb1\xff\xdbC\xdb\xb6\x17\x19\xc9I\x91\xde\xf8$\x84\xc1\xaa\xab_~c\x03\xabi#\x8c\xb1\xeb\xae\xbb\x8e\xa1\x90d|B\x00\xf8~\xa8\xf8\x18_\xbcS3\x92\xb2@III\xd7_\x7f=cL\x88\x93\xdb\xd0V\xbf\xbe\x9eE\xf80\x12\xa5\xb4\x99\x98\xb8\xfb\xb3=E\x9f\xee2\x0cC)-\xa5\xf4\xfb\xfd=z\xf4`x$8&gt;\xe13\xfb\x1e4~,**B\xc5\xc78B5#g\xe6\x8dH\x0f\xa4Z\xd6\xc9!\xbf\x8bkF\xd2\xb9lT\xd6\x911\xb6v\xd3;\xe5\xfb\x0f\xf8\xfc\xbe\xc8\xbdR\xa5$k\xd0\xe0\xb5\xb7\xb6\xd0qr40\xca\xca\xcaj\xdd\xba\xb5\xcbv[y\x07&gt;\xb3\xef\x17\x0c\x06G\x8e\x1cY\xbb\xe2\xe3\xc5\x17\x9e7\xf2\xfeA\xa8\xf8\x18\xb3\xa8f\xe4\xb9\x19\x17&gt;8l0\xa5\xa7\xed\x9a\x91k\xd7\xaeu\xd3j0u\xb5\x9d;wn\xde\xbcy\xcd&gt;\x1cQr\xe0\xf0\x96w&gt;4\x92"\x98\x05\x12\x82\xab\xe3\xc7_z\x9d\xf2?\'3\xfe\xbdz\xf5r\xf13w\xae\x87\x00p*\xda\xeds\xe0\xc0\x81\xf7\xde{\x8f\xd6~\xe9\xe8\xb7\xdf^\x97}\xce\xc5\xe7\x87\x8e\x9f\xc0JW\xcc2\xb8P\xc7\x8e\xdf\xde\xeb7\x89\r\x1a\xd0\x9a$}Xk\xd6\xaca.\xda\xa4HY\xa0\xd4\xd4\xd4\xdc\xdc\\V+\x0b\xb4\xea\xf5\xf5\x91KNR\xfe\xe7\xf3\x1d\xbbO\xc9\xff\xd0\xfe\x1f\x0c\xff\xe3\x14&gt;\xb6SQ\xeb:\xff\xfc\xf3\xfb\xf7\xefO\x13[\x9a\x07\xfc\xdf\xd2\x97?/\xfc$!5\x05\x83\x9d\x98\xa5\x95\xe4\xc9I\x0f\xcf\x9c\x7f\xf4\xd8q\xfb@|\xbf\xdf\x7f\xff\xfd\xf737vR}\xfa\xf4a\xb5\xb2@om\xde^u\xf0\xb0\xcf\x17\x91\xcat\x94\xffY\xbby{\xed\xfcO\xfb\xf6\xed[\xb6l\x89\xfcO\xfc\xc2\xc7\xf6=h\xd8\xf8\xe8\xa3\x8f\xa6\xa7\xa7\xd3V\x07\xce\xf9\xf1\x13\xd5y3\x17h\xce\x99[\x06\x92.#\x95\xf2\xa54\xfc`\xcb{\xcb^~\x93\xf2?4\x81\x1b3f\xcc\xa5\x97^J_:}\x8dacg\x81\xce;\xef&lt;\xfbq\xb0\x03\x07\x0f\x7f\xb2s\xb7\xd1\xa0\x81R\xe1\xbfE97\x98\x15\xda\xf0\xf7\xf7Y\xad\xfd?}\xfa\xf4q\xfd\xb9{\xee\xe6\x9e&amp;\x11F\xd4}4o\xde&lt;??\x9fF7\'\xb3\xc9k\xde\xde\xf4\xf6V_Z\xaak\xb2\xc9nbhm\x081f\xca\xdc`(D\x1d\xa2R*##c\xdc\xb8q\xee\x1b\xa2\xdaY\xa0+\xaf\xbc\x92\xbe\xe4\x9cK\xa5^zc\x03\xf3\xfb\xe9\xe1\x800\xd2Z\xfb\x12\x12\xbe\xd9\xf7\xaf\xcd\xef~\xc8N\xce9$\xe7&lt;\'\'\x87\xd5\x0c\x98 \x1e\xb9\xaaU\x84\x11u\x1fC\x86\x0c\xb1w8\xd0\xa8g\xcc\xd4y\xc1\xe3\'\xb8\x10\x98\x06\xc4\x14iY\xbeF\xe9+\x96\xbf\xba\xe5\xddB\xbb`\x83\xd6z\xf2\xe4\xc9\xa9\xa9\xa9\xae|F\x89\xf2&lt;={\xf6\xa4/\x95\x92\x8c\xb1\xd7\xd6m\xae.-\xf7\xf9\xc2|\x14\x84\x94\x8a%%\xad\xdd\xf4Ne\xd51:~Nk\xdd\xb2e\xcb\xb6m\xdb\xd2\xd9p\xe1\xfds\x105\x08\x00\xdf\x8fnq\xd34\x9f|\xf2I\xfb\xb8y\xcey\xd1\'\xbb\x16&gt;\xb3\xd4\x0c\xa4(L\x02b\x86\xd6\x9a\xfb}\xa5\xdf\x1e\x1c?\xe3I\xfa\xe0N\x16l\xc8\xce\x1e0`\x00\x9d\x0c\xe1\xf45\x86\x1fu\xbb\xb9\xb9\xb9)))RJ\xad\x19\xe7|\xef\xbe\xaf\x0b\x8b&gt;\xe1II\xb4*\x10.\xdc`L\xca\xd5\xaf\xaf?\xf9%\xe7\x8c\xb1\x9bo\xbe9!!\x01\xb3\xe1\xb8\x86\x00\xf0\x83\xa8\x13\xe9\xde\xbd\xbb]b\x90b\xc0\xe49\x7f&lt;\xfc\xef\x12\xb3\x81\xdf5\xbbJ\xe2\x9d\xb4\xa4\x99\x9eV\xb0\xe0\xb9/\xff\xf9\r\x9d\x03\xc1\x18\xe3\x9c\xe7\xe7\xe7\xbbxpJ\x83\x92\xe6\xcd\x9bggg\xb3\x9a\xa3\x9b\xb5\xd6/\xffm#\xf3\xfb\xc2\x98\x05\xd2Z\xfb\x1a4\xf8\xcf\xbe\xaf\xb7n/d\x8c)\xa5\xa8!\xf4\xea\xd5\x8b!\xff\x13\xe7\x10\x00~\x0c\r\'\x9f|\xf2I\xbf\xdf\xaf\xb5\xd6\x9a\x19\x86QZV1i\xe6|\x9e\x94\xa4\xc2:\xc8\x82\xbaQJ\xfb\x1a&amp;\xed\xfdh\xe7\x13\x8b\x96\xd9\x05\x1b\xa4\x94\x03\x07\x0e\xcc\xce\xcev\xf7\x01\xc5\x14\xeah/\x10\xab\xc9\x02\xfdu\xdd\xe6\x13\x87\xcb\xc2\x98\x05\x92R\xb1\xa4\x06\x7f\xdb\xb8\xcd\xce\xff(\xa5Z\xb6l\xd9\xbe}{\xe4\x7f\xe2\x1d\x02\xc0\x8f\xa1\x95\x80\xd6\xad[\x8f\x1d;\xd6\xae\xb9\xc19\x7f\xe6\x85\xd5\xbb&gt;\xda\xe1k\x18\xf1\xa3W\xe0\'i%yb\x83\xa9s\xfeX^QI\xa3Q\xadu\xa3F\x8df\xce\x9cioVq+\xea|{\xf4\xe8ag\x81\x0c\xc3\xd8\xbb\xef\xebO&gt;\xdd\xc5\x13\x13\xc3us\x1a\x06cJ\xbf\xb6n\x0b}i\xe7\x7f\xfc~?\xf2?\xf1\x0e\x01\xe0\'P\x0c\x185jT\xf3\xe6\xcd\xa9C1\x0cfY\xf2\x81\xbc\xc7\x0c7f\x96\xe3\x8b\x94\xd2\x9f\x1e\xd8\xbcv\xf3\xb2\x97\xffF\x03\xff\x93\x87v\x8c\x1eMO\xc9\xbal\xf3\xcf)\xec,P\xd7\xae]\x19c\x9cszhq\xf3\xf6B\xe6\xf7\x85%\x00h\xad}~_\xf9\xb7\x07\xdf\xffh\x07cLkE\x8fF"\xff\xe3\x0enn\x1eaAY \x1aQ\xd6l\tUB\x88\xb76o\xff\xcb\xb2W|i\xa9\xd2\xc2 \xc8\x19\x9a1.\xf8\x89\xa3\xc7GN\x9eM\xa5\ni\xc3n\xabV\xad\xc6\x8c\x19\xe3\xfa\xde\x9fP/O\xe7q\x1a\x86A\xa9\xff\xd5k\xd6\xab\xe3\'\xc4\xd9\x14\x82\xff\x91\xdfo$%my\xe7\xc3\xfd\xdf\x1e\xe4\\\xd0I\xab\xcd\x9a5\xbb\xfc\xf2\xcb\x99\x1b\x9f\xad\xf3\x1a|~?\x8d&amp;\x01\xb7\xdezkVV\x96]\x14\xcc0\x8c\x87g=]]y\x94\x9b\xd8\x12\xea\x0ciYfZ\xda\xd2e\xaf|\xf4\xe9\xe74\xf0\xa7h=}\xfatZ\xb3\xf1\xc2\xf8\x94\xba\xe0\x1e=zPBF)m\x18F\xd1\xa7\xbbv\x7f\xb6\xc7LL\x0c\xcf\x13a\xdc\xa0\xfd?\x9c\x9fL:]\x7f\xfd\xf5III\xb4\xd76\x0c\xbf\x1f\x9c\x83\x00\xf0\xd3\xa8[IHH(((\xf8o\rn\xce\xbf\xf8\xf2\xeb\xc7\x0b\x16\x99\xe9\x01)\xad\x9f\xfe-\x10VZk_\x83\x84C\xff\xfa\xe6\xa1\x99\xf3\xed#\x9bh\xd7V\x9f&gt;}\xdc\xbd\xf6[\x9b\xbdL\x95\x95\x95Es !D(d\xbd\xf6\xd6\x16\xd6\xa0\x01-\x0b\xd7\xd9\xc9\xfc\xcf\xfe\x03k7\xbd\xc3\x18\x93R\xd1\x84\x83\x0e"\x05\x17@\x008#B\x08\xcb\xb2\xbat\xe9r\xdbm\xb7Q\xe7"\x95\xe2\x861\xefO/\xee\xff\xe2\x9f\xbe\xc4\x06\n\xb3\x80\xe8RR\xf2\x86\r\xe7.X\xfc\xed\x81\xc3\x14\xa1Oyn\xc3\xe9\x0b\x8c\x1e\x9a\xfa\xd8Iy\xca\x02\xbd\xf4\xfa\x06u\xfcx=\xb3@v\xfe\xa7\xe4\xc0a\xce\x05}\xa7y\xf3\xe6\x9d;wf\xc8\xff\xb8\x02&gt;\xc23E\x99\x9fI\x93&amp;\x05\x02\x01z\x02\xc0\xe0\xfcHi\xf9\xf8\xfcy&lt;9Ic;D\x14)\xa5|\r\x93w\x15}2g\xe1\x92\xda\x05\x1bj?\xb9\xed\xf45F\x0f\xbd\xd8\x9bn\xba\xe9\x94,\xd0\xae\x1d\xbbyB\x82eIUWR*\xcd\xf4\xaa\xef\xe6\x7frssSSS\x91\xffq\x07\x0f\xb5\x93z\xa2\x8e&amp;##c\xe4\xc8\x91v\xc2A\x08\xf1\xc2\xea76\xbd\xb9\xc9\x9f\x16\xc0\x96\xb8h2\x84x\xe0\xe1\xc7\x82\xc1\x90a\x9c\xcc\xd1\xa5\xa7\xa7\xe7\xe7\xe7S\x1a\xc4\xe9\xab\x8b*\xca\x02\xd9\x1b\xf3\xed,\xd0\xdb[\xdf\xe3M\x1a\'$5\xf05L\xae\xd3\xff%%6N\x93\x95\xc7\xde\xda\xbc\x9d\xd5\xca\xff\xd8\x8f\x1d\x80\x0b\xb8\xb0RR\xe4h\xad\x95RUUUYYY_~\xf9%m\t\x95Ru\xe9\x98\xb5q\xcd\xf3\xea\xf8q\xafu=\x8e\x90R\xfa\x03\xa9o\xbe\xfe\xf6\r\x03\x86\t\xf1\xdf\'\xbf\xe6\xcf\x9f?t\xe8P\xefd\xffk\xb3,\xcb4\xcd9s\xe6\x8c\x193\xc64M)\xa5\xd6\xfa\xc2\x9f5\xcfhy\xb1\x0e\x85\x0c\xa3.\xb7%\xc5\x92\xea`p\xfb\x87\x9fH\xa5(\xcc\x9cw\xdey\xbbv\xedJMM\xf5Z\x9e\xcd\xad\x10\x00\xce\x8e]d\xaaO\x9f&gt;\xf6$@J\xf9l\xc1\x94\xc1\xf7\xdeV}\xf0\xb0+\x8f\x9d\x89\x1dt\xb3*\xce/\xef\xdcs\xef\xbe\xaf\xed\'\xbf\xb2\xb2\xb2\xb6o\xdf\xce9\xb7\x8b\xc0x\n\xdd\x87\x85\x85\x85W]u\x15-\x87\x84\xfdO\xd0}~\xf3\xcd7\xbf\xf2\xca+\xde\x8c\xb2\xae\x84\x11\xeb\xd9\xa1f\xd0\xbbw\xef\xae]\xbbR3\xa0\xdax\xd3\n\x16\x95\x95\x1c\x14~\x1c\x10\x14Y\xca\x92fZ\xea\xc2\xff[\xb6\xa7\xf8\x9f4&amp;\xa5\xfc\xcf\x9c9sL\xd3\xf4\xec\xb0\x94\x9e\xffj\xdb\xb6m\xcb\x96-\xed$\x187\x0c\x11\x06\xdf\xe9"\xe8\xf0Q\xdc\xe4\xae\x81\x00p\xd6\xec\x1e\'!!Ak\xad\x94\xe6\x9c\x17\x7f\xf5\xafY\xf3\x9e1S\x1b\xe2\x94\xd0\xc8QZ\x8b\x06\xfe\xff\x14\x7f=y\xf6\x1f97\xec\x95\x98&gt;}\xfa\xd8\xf1\xd8\xe9kt\x8c\x942!!\xe1\xe6\x9bo6\x0c\xc34M\xce9\xab\xd9\x1cU?\'\x1f0f\x8c\xd5.B\xe9\xf4\xcb\x85\xf0@\x008k4\xf0\xec\xd0\xa1\x03\xd5\x8c\xa4\x94\xab\xe0|\xee\xc2\x17v\x7f\xb4\xd3\x9f\xd2\x10\x07\x04E\x88\x96R\xa4\xa4L\xc8/(-\xab\xe0\x9c\xd30\xd4\xef\xf7O\x9f&gt;\x9dy\xfeX\x02\xbbD\xbb\xd6:\x18\x0c\xd6y\xe7\xcf\x0fl\x07\x92R\xcak\xae\xb9\xa6y\xf3\xe6\xd8\xff\xe3&amp;X\x03\xa8\x0b\xea\xe2\x0f\x1c8\xd0\xa6M\x9b\xf2\xf2r\xfb\x10\x82\xde\xbf\xbdn\xc5\x0bOY\x15\x95\x1cC\xa4p\x93J\xf9\x92\x93&gt;|\xff\x1f\x9do\x1aL[\x1bi\xf8\xff\xd0C\x0fM\x9f&gt;\xdd\xe3\xc3\x7f\x9bR\xea\x9dw\xde\t\x06\x83\xe1\xed\xa3\xed\n0\x17\\p\x81g\xf3l\xae\x84\x00PG\xd4\xe3,X\xb0`\xd8\xb0a\xb5W\x837\xacz\xa6[\xf7\xec`Y\x05\xfa\xa3\xf0RR\xfa\x02\xa9]so\xa3\x9a_\x94\x9eh\xd1\xa2EQQQ\xc3\x86\r\xbd\xb9\xf6\x0bPO\x08\x00uD\x1d\x90R\xaam\xdb\xb6{\xf6\xec\xb1\xb7\xa3\xb4\xbf\xfc\xe7\xef\xbe\xb5\x8c[\x92i\x86\x1e)\\\xa4e\xf9\x1b7Z\xf1\xe2K\xfd\x86\x8c\xab\x1dn\x9f\x7f\xfe\xf9\x81\x03\x07\xd2&amp;H\xa7\xaf1VD\xeey\x14\xaa&lt;\x1c\xa1_\x0e\x8e@\x00\xa8;\xea\x86\xd6\xad[\xd7\xa3G\x8f\xda\xbd\xd2\x93\xf9\x0f\xfea\xe4\xdd\xc1\xc3e\xc2\xc4$ \x0c\xb4\xd6L\xf0\xcac\':\\\xdb\xe7\xab\xaf\xffC\x83}\xaa\xf8\xb8a\xc3\x06\x865I\x80\xbaB&lt;\xaf;\xd4\x8c\x8c\x0eoV|\x04\x88\x02\x04\x80zA\xcd\xc8H\xf3r\xc5G\x80HC\x00\xa8\x17\xd4\x8c\x8c4/W|\x04\x884\x04\x80\xfaB\xcd\xc8\xc8\xf1x\xc5G\x80HC\xfb\xa9/\xd4\x8c\x8c\x10T|\x04\x8844\xa10@\xcd\xc8H@\xc5G\x80HC\x00\x08\x03\xd4\x8c\x0c;\x8d\x8a\x8f\x00\x91\x87\x00\x10\x1e\xa8\x19\x19^\xa8\xf8\x08\x10\x05\x08\x00a\x83\x9a\x91\xe1\xa2P\xf1\x11 *\xd0\x90\xc2\x065#\xc3\x08\x15\x1f\x01\xa2\x00m)\x9c\xa8\xd3\x1f1bD\x8b\x16-h5\x981\xad\x94\x9a\xf4\xf8\xff\xca\x90\x85\xc4\xc5\x99\x90R\xfaRS\xde|c\xfd[\x9b\xb7S\xc5GZ\x03\xc8\xcf\xcfOOO\xa7\xa5`\xa7\xaf\x11\xc0%\x10\x00\xc2\x89\xfa\xa6@ 0k\xd6,JU\xd3\x96\xd0\xad\xdb\x8b\x96\xbc\xb0\xda\xd78\xdd\xb2\xb0\x1a\xfcc4c\\\x88\xe0\xb1\xe3\x0f\xe4=n\x18\x06U#\xa1\xea\x0bC\x86\x0cA\xf2\x07 \xbc\xd0\x9c\xc2\x0c5#\xeb\x03\x15\x1f\x01\xa2\t\x01 \xfcP3\xb2nP\xf1\x11 \xca\x10\x00\xc2\x0f5#\xeb\x06\x15\x1f\x01\xa2\x0c\x01 "\xe8Y\xb0G\x1f}\xf4\xbf\xeb\x96\x86\x11\x0c\x86\x1e\x9e9_s\xce\x90\x05:\x8dT\xca\x97\xd2\xf0\x83-\xdb\x97\xbf\xfa&amp;\xe7\xdc\xb2$\x9d\xac7f\xcc\x98V\xadZ\xd5\xac\xa8\x03@8\xa1QE\x04=\x13\xd0\xbcy\xf3\xfc\xfc\xfc\x9a\x03\x82\xa4\x10b\xd5\x9a\xb77\xbd\xbd\xd5\x97\x96\x8a-\xa1\xa70\xb46\x84\x183en0\x18\xa2\xcaSJ\xa9\x8c\x8c\x8cq\xe3\xc6a\xed\x17 B\xd0\xae"\x85\xba\xb0\xda\xcf.\xd1\x1a\xe6\x98\xa9\xf3\x82\xc7Op\x81\x03\x82\xfeKZ\x96\xafQ\xfa\x8a\xe5\xafR\xbd_)%\xad\xa3L\x9e&lt;955\x15[?\x01"\x04\x01 R\xa8\x0b\xab}z\x01\x85\x81\xa2Ov-|f\xa9\x19H\xc1j0\xd1Zs\xbf\xaf\xf4\xdb\x83\xe3g&lt;Io\x1a\xc5\x80\xec\xec\xec\x01\x03\x06H)Q\xef\x17 B\x10\x00"\x085#\xcf\x04*&gt;\x028\x05\x01 \xb2P3\xf2\xc7\xa1\xe2#\x80\x83\x10\x00"\x0b5#\x7f\x1c*&gt;\x028\x08\x01 \xe2P3\xf2\x87\xa0\xe2#\x80\xb3\xd0\xc0"\x0e5#\xbf\x17*&gt;\x028\x0em,\x1aP3\xf2t\xa8\xf8\x08\xe08\x04\x80h@\xcd\xc8S\xa0\xe2#@,@\x00\x88\x12\xd4\x8c\xac\r\x15\x1f\x01b\x01\x02@\xf4\xa0f$A\xc5G\x80\x18\x81\x96\x16=\xa8\x19iC\xc5G\x80X\x80\xc6\x16U\xa8\x19\x89\x8a\x8f\x00\xb1\x03\x01 \xaa&lt;^3\x12\x15\x1f\x01b\n\xda[\xb4y\xb9f$*&gt;\x02\xc4\x14\x04\x00\x07x\xb3f$*&gt;\x02\xc4\x1a\x04\x00\x07x\xb3f$*&gt;\x02\xc4\x1a\x04\x00g\xfcx\xcdH\xad\x94v\x17\xcb\x92\xa8\xf8\x08\x10k\x0c\xed\xde\x8cs\x8c\xa3\xa4\xc7\x82\x05\x0b\x86\r\x1bfo\t\x95RnX\xf5L\xb7\xdf\xfcZ\x95\x96s!\x18s\xcb\xa7\xa34k\x98\xdc\xb5{\x7f\xaa\xf9EQ\xa1E\x8b\x16EEE\r\x1b64\xe8\x84&lt;\x00\x88.\x04\x00\xc7P\'\xa8\x94j\xdb\xb6\xed\x9e={\xec\xc3\x90\xdb_\xfe\xf35\x7f\xf9\xa3O+\xc6\x98\xc1\xdc\xd0-J)\xfd\x81\x94W_~s\xf0\x03\x93j\x87\xba\xe7\x9f\x7f~\xe0\xc0\x81\x96e\xa1\xe6\x17\x80#\x10\x00\x9cD]\xe1\xbau\xebz\xf4\xe8A}"}?59I\xf8L\xf7|4\x9a1\xc1\xcb\xcb*\xe8\x15\xd9\x15\x1f7l\xd8@_:}}\x00\x1e\x85\x00\xe00\x8a\x01=z\xf4X\xb7n]\xedz\xe8N_W\x04Q\nh\xe3\xc6\x8d\xa8\xf9\x05\xe0,\x97\xf75\xb1\x8fV\x80\xf7\xec\xd9\xd3\xae];)%\xe5\x85\xdc\x9a\x10\xd7Z\x9b\xa6\x19\n\x85\x06\r\x1a\xf4\xdcs\xcf\xa1\xf7\x07p\x16\x02\x80\xf3\xa8\x1f|\xf8\xe1\x87iC\xa4\xeb5j\xd4h\xe7\xce\x9d\xcd\x9a5\xd38\xf9\x07\xc0Q\x08\x00\xce\xa3\x8f\xa0\xb4\xb4\xb4c\xc7\x8e\x87\x0e\x1drq\n\x88\xce\xc4\x1e7n\xdc\xf8\xf1\xe31\xfc\x07p\x9ck\xfb\x9axt\xfc\xf8\xf1\x13\'N\xb88\x00Pj+--\xcd\xc5i.\x808\xe2\xda\xbe&amp;\xee\xa0O\x04\x80(C\x00\x88!\x1e\xf9,\x10\xe7\x00b\x04\x02\x00\x00\x80Ga\x0f\x06\x00\x80G!\x00\x00\x00x\x14\x02\x00\x00\x80G!\x00\x00\x00x\x14\x02\x00\x00\x80G!\x00\x00\x00x\x14\x02\x00\x00\x80G!\x00\x00\x00x\x14\x02\x00\x00\x80G!\x00\x00\x00x\x14\x02\x00\x00\x80G!\x00\x00\x00x\x14\x02\x00\x00\x80G!\x00\x00\x00x\x14\x02\x00\x00\x80G!\x00\x00\x00x\x14\x02\x00\x00\x80G!\x00\x00\x00x\x14\x02\x00\x00\x80G!\x00\x00\x00x\x14\x02\x00\x00\x80G!\x00\x00\x00x\x14\x02\x00\x00\x80Gy=\x00h\xad\x9d\xbe\x04\x00p\x06\x9a\xbf\x81\xb7\x00\x00\xc0\x9b\xbc&gt;\x03(--E\x08\x04\xf0&amp;4\x7f\x8f\x06\x00\xad\xb5RJ)u\xed\xb5\xd7\xee\xd8\xb1\x831\xa6\x94r\xfa\xa2\x00 \x1a\xd0\xfcm\x1e\r\x00J)\xce\xf93\xcf&lt;\xf3\x8f\x7f\xfcc\xc6\x8c\x19\x0c\xd9@\x00\xcf@\xf3\xb7yq\r\x80\xa2\xfd\x81\x03\x07\xda\xb4iSYYiY\xd6\xa6M\x9b\xbav\xed*\xa5\x14B8}u\x00\x10Ah\xfe\xb5yq\x06\xa0\xb5\xe6\x9cO\x980\xa1\xb4\xb4\x94sn\x18\xc6\xe8\xd1\xa3-\xcb2\x0c/\x86C\x00OA\xf3\xaf\xcds\x01\x80f\x7f\x85\x85\x85\xcb\x96-\xe3\x9c\x07\x83A\xfar\xe1\xc2\x85\x9cs\xcf\xa6\x02\x01\xbc\x00\xcd\xff\x14\x9e\x0bz4\xd1\xcb\xc9\xc9\xd9\xbcy\xb3\x10BJi\x18\x86a\x18\x81@\xa0\xb8\xb88--\x8d1f\x18\x86\xd3\x97\t\x00\xe1\x87\xe6\x7f\no\xcd\x00\xe8\xe3_\xb5j\x95\xfd\xf13\xc6\xb4\xd6\x86a\x94\x96\x96\xe6\xe5\xe5\x19\x86\xe1\xc1Q\x00\x80\x17\xa0\xf9\x9f\xceC3\x00\xda\xfbUUU\x95\x95\x95\xf5\xe5\x97_\xd2\x87M\xf3&gt;\x1a\x05p\xcew\xec\xd8\x91\x99\x99IYB\xa7\xaf\x17\x00\xc2\x06\xcd\xff{y\xe5u\xb2\x9a\xf8_PP\xb0o\xdf&gt;!\x04}\xf0\x14\xf0i\x14`Y\xd6\xf0\xe1\xc3\xbd\xb9\x16\x04\xe0nh\xfe\xdf\xcb+\xaf\x96&gt;\xef/\xbf\xfc2++\xab\xaa\xaa\xca\xfe\xe0/\xcbl\xb1{\xdf\xd7RZZ3\x9a\x15\xae]\xbb\xb6{\xf7\xee\xde\xdc\x13\x06\xe0Jh\xfe?\xc4+3\x00\n\xf2\xe3\xc6\x8d+//\xb7\xbf\x19Hm\xb8\xf1\xf5%}o\xba\x9e&gt;~\xfa\x99\xe1\xc3\x87\x07\x83A\xaf\r\x04\x00\\\x0c\xcd\xff\x87x"\x00P&lt;\xdf\xbcy\xf3\xaaU\xab(\xce\x0b\xce\xb5\xd6#\xef\xbd\xfd\x9c\x96\x17O\x18~\x97\xdf\xefcZk\xad\x84\x10\xbbw\xef\x9e={\xb67\xf7\x84\x01\xb8\x0f\x9a\xff\x8fp\x7f\xa0\xd3Zk\xadC\xa1\xd05\xd7\\STTD{\xbc\xb4\xd6\xadZ\\\xf8\xc9\xd6\x97Y\xc8Jh\x9c&gt;a\xc2\x8c\x99O=kg\x06\xd3\xd2\xd2v\xee\xdc\xd9\xb4iS\xc6\x98w\x96\x83\x00\xdc\x07\xcd\xff\xc7\xb9\xfc\xe5\xb1\x9aG?\x96/_^XXX\xb3\xe8\xcf\xb4\xd6O\xe4\x8fMh\x98\xc4\x98\x96UU\xe3F\xde\x9bq\xf1\x05\xf4O\x86a\x1c9rd\xc2\x84\t\x9cs\xd7GG\x00wC\xf3\xffq.\x0f\x00\xf6&amp;\xdf\xf1\xe3\xc7\xd3\xc7/\x04\x97R]\xdf\xb5c\xee\x8d\xbf\x0e\x95W\x9a\xa6iU\x07\xd3\x9a\x9f\xf3\xf0\x88\xbb\xb5\xd6\x86\xc1\xa5\x94\x9c\xf3e\xcb\x96\xd9w\x8c\xd3/\x02\x00\xea\x02\xcd\xff\'\xb9&lt;\x00P\xfc\xcf\xcb\xcb+))\xa1\x85\x1d\xad\x99i\x8a\'\xf2\x1f\xd4R\xd2\xcf\x98\xa6\x19:\\:\xf0\xf6^]:fI)\x85\xe0\x86aTWW\x8f\x1e=\xda;kA\x00\xee\x83\xe6\xff\x93\xdc\x1c\x00\xe8\xe3\xdf\xbd{7\x1d\xf4AkAJ\xa9{o\xefuiV\xdbP\xd51;\xc1\xa7\xb5\x16&gt;s\xea\xd8\xff\x11\x823f\x9c\xbej\xe4\xec\x0b\x01\x80\xb3\x85\xe6\x7f&amp;\xdc\x1c\xe2\xe8\x83\xec\xd1\xa3\xc7\xbau\xeb\xec\x15\x9es\x9a\xa4\xef\xdc\xfaJzZ\x8a\nY\xb5\x0f\xfd\x90\x96\xe5o\xd2x\xe0\xa0\x07^X\xf5:\xed\t\xd3Z_r\xc9%EEE\r\x1b6\xa4S\x03\x1d|-\x00pV\xd0\xfc\xcf\x84kg\x00\xf4\xf1\xaf[\xb7\x8e&gt;~J\xed)\xa5f\x8c\x1f\xd6\xf8\xfc\xe6\xa1\x13\xd5\xa7|\xa2\x06\x17\xea\xf8\xf1Ic\xeeKMiH\x1f\xbf\x10b\xdf\xbe}\x05\x05\x05\xae\x1f\x05\x00\xb8\x0c\x9a\xff\x19r\xe7\x0c\x80&gt;B\xcb\xb2\xda\xb5k\xb7g\xcf\x1e{\xefW\xfb\xcb\x7f\xbem\xed\x8b\xa6R\x8c}O@\xb7,+\xa1i\x93i\x8f\xcc\xc9\x9b\xf5\xb4i\n)\x95a\x18)))\x85\x85\x85-Z\xb4\xf0\xd4\t!\x00\xf1\x0b\xcd\xff\xcc\xb9\xf0%\xb1\x9a\xf4\xdf\xec\xd9\xb3w\xef\xdem\xcf\xfe\xb4\xd6\xb3\xf3F6HNVR}\xeftN\x98\xa6u\xa4l\xec\x03w\xb7lq\xa1e\x9d&lt;\'\xb6\xbc\xbc|\xea\xd4\xa9^X\x0er7\xea\x14\x94RRJ\xeb4RJ\xa5\x14&gt;bw@\xf3?s.\x0c\x00\xf4\xf1\x97\x94\x94\xcc\x993\xc7^\xfc\x91R\xf6\xfa\xcd\xafs\xae\xef\x12*+\xff\xa1S&gt;\x0c\xc6\x94%\x13R\x92\xa7=x?c\xcc0N.\x07\xbd\xf8\xe2\x8b[\xb6lq\xf7L\xd0\xad\x94R\xd4\xbf\xdb\'&gt;\n!\xcc\xd3\x08!(\xcfK?\xef\xfa\xcd\x7f.\x86\xe6\x7fV\\\x18\xd9\xe8c\x1b&lt;x\xf0\xe2\xc5\x8b)\xfes\xc3h\xd80\xf9\xc3\xb7\x96e\xb4\xbc\xd8:v\xfc\xc7\xa7rJI_ \xb5k\x8f\xdb\xb6\xbc[h\xef\n\xc8\xce\xce\xde\xb8q#e\x06\xa3\xf6B\xa0\xce\x94RJ)\xd34k\x7f\xf3\xc0\x81\x03\xdf|\xf3\xcd\xc1\x83\x07\x0f\x1d:TQQ\x11\x0c\x06\xb5\xd6~\xbf?\x10\x084m\xda\xf4\xfc\xf3\xcf\xbf\xf0\xc2\x0b\x93\x92\x92\xec\xdf\xc0&lt;\xf0 \xa8\xfb\xa0\xf9\x9f\x15\xb7\x05\x00\xfa\xf8\xb7l\xd9\xd2\xad[7\x8a\xe1\xa6),KN\x1au\xef\x94\x19\xe3\xabK\x0e\x9a&gt;\xf3\'~\x83R\xbe\xe4\xa4\x0f\xdf\xffG\xe7\x9b\x06[\x96TJQ\xf0\x7f\xee\xb9\xe7\x06\r\x1a\xe4\x9dc\x02\xe3\x11%yh\xa4O\xdf\xf9\xec\xb3\xcf\xb6n\xdd\xfa\xf7\xbf\xff\xfd\xd3O?\xfd\xea\xab\xafj\x9f\x05v\n\xd34\xcf=\xf7\xdc_\xfe\xf2\x97\xd7_\x7f\xfd\x8d7\xde\x98\x91\x91\xc1\x18\xa3\xc5C\xb7\xee\x00q\x1f4\xff\xb3\xe5\xc2\x00\xc0\x18\xbb\xf6\xdaki\xd6F\x99\xdf\x8b/&lt;\xafp\xc3\xca\x94\xa4\x06L\xaa3i\xcc\xd2\xb2\xfc\xe74\x194h\xc4\xf3+_\xa3A\x04c\xacY\xb3f;w\xeeLKK\xa3dB\xc4_\t\x9c\xa5\xda\x8ds\xd7\xae]\xabW\xaf~\xf5\xd5W?\xfa\xe8\xa3Sf\xee\xf43\xb5?A{y\xc0\xfeNRR\xd2M7\xdd4f\xcc\x98\x0e\x1d:\xb0\x9a\xacB4^\x03\xd4\x0f\x9a\xff\xd9r\xd5mmY\x96\x10b\xe9\xd2\xa5v\xce\x8eVof&gt;4&lt;\xbd\xd99*\x18:\xc3O\xce\x10BVV&gt;\x9a7"=-\x95\x02$e\x15\xe7\xce\x9d\xeb\x85\xa7\xc3\xe3\x11M\xcf\x95R\xaf\xbc\xf2\xca\x8d7\xde\xd8\xae]\xbb\xbc\xbc\xbc\x0f?\xfcPJIY~{ /\xa5&lt;e\x1d\x98V\x80k\xaf\x10\x1c;vl\xf9\xf2\xe5\x1d;v\x1c;vluu5&gt;\xf4\xb8\x80\xe6_\x07\xee\x99\x01P\xb4\xa7\x92o\xfb\xf6\xed\xa3@-\xa5\xcc\xee\xd4a\xf3\x9b/\x86\xca+\xf8\xd9\xcc\xdd\xa4%\xfdM\xd2\x9f\x9a\xf7\xa7\xe1\x0f?fo$0Ms\xc7\x8e\x1d\xadZ\xb5\xc2\x900\xa6\xd0=\xbcl\xd9\xb29s\xe6\x14\x15\x15\xd17M\xd3\xa4\x8d=u\xb8\xc3)\x18\xd0\x7f\xde\xa5K\x97\x15+V4o\xde\x1c\x1fz,C\xf3\xaf\x1b\x97\xbc\x0cV3O\x9f5kVqq\xb1\xddz\xfd~\xdf\xec\xc9\xa3\xb4\x94\xfa,gm\xdc\x14VY\xc5\x90\xbb\xfagf\\dW\r\r\x06\x83\x13\'Nd5=\x0e\xc4\x08:\xf3\xeb\xd9g\x9f-**\xf2\xfb\xfdB\x08\xaa\xf0w\xfa\xceN{\x98_\xdb\xe9Y~\xad5%\x13|&gt;\xdf\xd6\xad[\xbbw\xef~\xe8\xd0!\x17\xef\x05t\x014\xff\xbaqI\x00\xa0\xb5\x9a\xbd{\xf7\xce\x9e=[\x08!\xa52M\xa1\x94\xba\xf5\xe6\xdc+\xb3;\x86*\xab\xc4YFl\x831%\xa5?)\xf1\x89\xfc\xb1Zk\xc38\x99b^\xb9r\xe5\xe6\xcd\x9b\xdd\xba\',NQ\x83\xcc\xcf\xcf\x17BPJ\xa7v\x135\x0c\x83\x12;\xd4\x83\xd3\xa3\x00\xb5QgA\x91\xe0\x94_\x1b\n\x85|&gt;\xdf\xa7\x9f~\xda\xbf\x7f\x7f\xfao\xdd\xd4\xf8]\x03\xcd\xbf\xce\\2\xa8\xa1\x8f\xa7o\xdf\xbe+W\xae\xac\x99\xb2\xb1@j\xca\x8e-/7k\xd6X\x85,^\xa7u\x1b\xa5\x94/\xa5a\xf7\x9b\xef|k\xf3v!\xb8\xd6Lk\x9d\x95\x95\xb5m\xdb6\x9f\xcf\xe7\xb2\xe5\xa0\xb8F\x03\xc0\xec\xec\xec\xad[\xb7\xda\xed\x93\xd6{k\xb7\xd5F\x8d\x1a\x9dw\xdey\x8d\x1b7NII\xf1\xfb\xfd\xa1P\xa8\xbc\xbc\xfc\xdf\xff\xfe\xf7\xd7_\x7fmY\x16\xfd\'\xa7\xf7\xf2&gt;\x9f/\x14\n\xcd\x993g\xd4\xa8Q\xee\xdb\x07\xe2\x02h\xfeu\xe6\x86\x00`\x9f\xde\x97\x93\x93s\xb2\xe4\x9b\x10R\xca\'\xa7=\xf8\x87\x91\xf7\x04\x0f\x95\n\xb3\x8e-V)e&amp;%~\xbesO\xbbk\xfb(\xa5]\xbf\',~Y\x96e\x9a\xe6\xab\xaf\xbe\xda\xb3gO;\x05D\xff\x14\x08\x04\xbav\xed\xda\xa3G\x8f\xab\xae\xba\xaaE\x8b\x16\xe9\xe9\xe9\xa7\xb4\xdb\xea\xea\xea/\xbf\xfcr\xfd\xfa\xf5\xcf&gt;\xfblaa!c\xec\x94l\x0f\xcd\x0c\x02\x81\xc0\xe7\x9f\x7f~\xce9\xe7\xb0\xefn"\x02g\xa1\xf9\xd7G\xdc\x07\x00{\x0f_\xc7\x8e\x1dO)\xf9\xf6\xe9\xdf_\xe1J1\xc6\xea\xd3X\xa5%\xfd\x8d\xd2\x86\xfe\xe1\xe1\xa7\x9f[a/\x075m\xda\xf4\xb3\xcf&gt;\x0b\x04\x02\xee\x18\x05\xb8\x03%\xee\xdb\xb7o\xbfc\xc7\x0e\xfaN\x97.]n\xbb\xed\xb6\xdf\xfc\xe67\xe7\x9f\x7f~\xed\x9f\xac=\xc6\xaf\xfd\xd0\x80\x94r\xc1\x82\x05c\xc7\x8e\r\x85B\xec\xbb\xa9^\xd34-\xcbz\xec\xb1\xc7\xc6\x8e\x1dK\xc1&amp;\x1a/\t~\n\x9a\x7f=\xc5\xfd\x1a\x00\xcd\xfd\x17.\\xz\xc97\x7fR\xa2\x92\xb2\x9e\x9f\x0f\x17\\\x1d;6u\xfc0{O\x98a\x18%%%yyy\xee\xdb\x13\x16\xd7h\xc7\xe7\xf0\xe1\xc3\x1b4hp\xe7\x9dwn\xdb\xb6m\xcb\x96-C\x86\x0c9\xff\xfc\xf3\xed\x03\x1e\xa8\xbf\xa8\xbd\x0eL\x95\xff\xe8\x078\xe7\xc3\x87\x0f_\xbdz5-\x18\x9c\xf2\xac\x80a\x18+V\xacp\xe5\xe3\xa0\xf1\x0b\xcd\xbf\x9e\xe2{\x06@\x17_VV\x96\x91\x91Q^^\xae\xb5\xe6\xdc\xa0\x92o\xeb^}6TY\x15\x96\xddZ\xd2\x92\xfe\xc6iO\xcd[4&lt;\xef1\xfbhY\xce\xf9\x8e\x1d;233\xddzL`\x9c:z\xf4\xe87\xdf|\x93\x99\x99\xc9j\xe6\x04\x94\x11:\x93\xff\x96V}\xfd~\xff\xa4I\x93hI\xd9^?\xa0\xa4PBB\xc2\xee\xdd\xbb/\xba\xe8"7m\x04\x8c_h\xfe\xf5\x17\xc7\x97\xce\x18\xa3\x19Y^^^ii\xa9]\xf2\xcd\xef\xf7=1\xed\xbf%\xdf\xea\x8f\x0ba\x95W\x0e\xb9w@V\xbbK\xa9\xe5S\x8ay\xf8\xf0\xe1\xd8\x1a\x18k\x92\x93\x93333\xedg\xbbh,\x7f\x86\xff-\xfd\xbcRj\xd4\xa8Q\x8d\x1b7\xa6\'\x89\xe8\x9f\xa8\x9dWWW\xef\xdc\xb9\x93\xb9k#`\xfcB\xf3\xaf\xbf8\x0e\x00?T\xf2m\xf4\x90\x81\x97f\xb5\x0bU\x1d\rWd6\x0c\xa6\xa4\xf4\'6\x98=i$\xa5\x02N/7\x11\x96?\x04\xf5G\xf9\x9c\xd3\xf7t\x9e!\xca\x08\xa5\xa5\xa5egg\xb3\x9a}D\xf6?1\xc6\xbe\xfa\xea+\x86\x00\x10\x03\xd0\xfc\xc3"\x8e\x03\x00}\x18\xc3\x87\x0f\xb7,\x8b2\xb6Z\xebfM\x1b\x8f\x1a:HUU\x9d\xd5\x83\x7f?I\x08\x11*\xab\xc8\xb9\xaeK\xef\xdf^G\x1f\xff)\x7f\x1d=B\x8c\xa8\xbd\xa8[7\xb4N\xd0\xb6m\xdb\xef\xfd\xd7#G\x8e\xd4\xe7\x97C\xb8\xa0\xf9\x87E\xbc\x06\x00\xfb\xb9\x8c\xd3K\xbe5\xb9\xe0g\xa7\x97|\x0b\x03\xc30\x94\x9a6~\x98\xdf\xef\xa3\xad\x07\xb5\x07 .X\x0e\x02\x9ba\x18\x81@\xe0{\xff\x896\x08\x81\xb3\xd0\xfc\xc3%.\x03\x00\xc5[z2\x9b\xc2/\xcd\x01\xdb_\xfe\xf3\x01\xfd{Zee"\x02\xbb\xf48\xe7\xc1\xca\xaa\xd6\xed/\x1b=d\xa0R\x8asA\x93\xd0\xbc\xbc\xbc\x92\x92\x12\xaa%\x12\xf6?\nN\xf9\xa1\x8e\xde\xef\xf7G\xf9J\xe0\x14h\xfea\x14\x97\x01\x80\x92\xbc\xb3g\xcf\xde\xbbw\xaf\xbd9W\x08&gt;o\xca\x98\x06\xc9\x89?T\xf2\xad\xfe\xb8\x10\xaa\xea\xe8\xa8\xa1\x83\x9b5mL\x9f\xb7a\x18\xa5\xa5\xa5\x13&amp;L\xa0\xdcqd\xfe,D\x9b\xd6z\xff\xfe\xfd\xdf\xfbO\x8d\x1b7\x8e\xf2\xc5\xc0)\xd0\xfc\xc3(\xfe\x02\x00\x05\xde\xe2\xe2\xe2Y\xb3fQ\xe47M!\xa5\xec\x7f\xcb\r]{t\r\x96\xfe`\xc9\xb7\xfa3\x0c#t\xa2\xba\xc9\x05\xe7&gt;:\xe1\x0f\xf6\xb8\x83s\xbel\xd92{\x1br\x84\xfe4D\rm\xf3\xf8\xf8\xe3\x8f\xd9w\x17{\xe9\xc3\xbd\xf8\xe2\x8b\x19\x9e\x04v\x0e\x9a\x7fx\xc5_\x00\xa0\xe5\x97\xa9S\xa7VTT\xd0r\x9fR:5\xa5\xe1\xa41\xf7\xa9\xe3\'\x0c\x1e\xd9\x87tL\xd3\x0c\x1d)\xbb\xe3\x8e\xde]:fI)\x85\xe0\x86aTWW\x8f\x1e=:\xae\xd7\x82\x80\xd0p\xf2_\xff\xfa\xd7\x07\x1f|P{^O\xff\x7f\x83\x06\r\xda\xb4i\xc3\x10\x00\x9c\x83\xe6\x1f^q\x16\x00\xec\x92o/\xbe\xf8"\x1d\xfd(\x04WJ\x8d\xbd\xff\x8eV\xbfh\x13:z\x8c\xf3\x88\xb7L\xad\xb50\xcd\xa9c\xff\xc7.\x19JG\x91\xd0ATq\xbd\'\x0c(\x00\x14\x14\x14\x1c;v\x8c6{\xd0\xf7iZ\xd0\xae]\xbb\x0b.\xb8 \xde\x9f\xfd\x89_h\xfea\x17gQ\x8b\x9e\xcd\xe9\xd6\xad\x9b]\xf2M)\xd5\xb2\xc5\x85;\xfe\xfe\x8a\xa0\x07\xb5\xa3s\x19\x96\xe5o\xd2x\xe0\xa0\x07^X\xf5\xba}\x19\xadZ\xb5\xda\xb1c\xc7\xf7\x9e/\x0fq\x81\x0e\xf9\xf9\xf0\xc3\x0f;w\xee\x1c\n\x85j\x17\x93\xa1\xb6=o\xde\xbc\x11#F\xe0, \xa7\xa0\xf9\x87]&lt;\rd(\xd8.Y\xb2\xa4v\xc97\xc6\xd8\xb4\x07\xefOHIVV}\xcf\xfd8s\x06\x17\xea\xf8\xf1I\xa3\xef\x0b\xa4\xa6P7a\x9a\xa6}\x1cy&lt;\xa6\x02\x81\x8e\x12\xfa\xf6\xdboo\xbd\xf5\xd6\xea\xeajVk\x01\x80\x96\xf8\x9a6m:h\xd0 \x9c\x05\xe4\x144\xffH\x88\x9b\x00@\xb9\xbf#G\x8e\x8c\x1f?\x9e\x12\xb2t\x13dw\xea\xd0o@\xcfPYy\x9d\x0f}\xad\x03\x</t>
        </is>
      </c>
    </row>
    <row r="198">
      <c r="A198" s="1" t="n">
        <v>196</v>
      </c>
      <c r="B198" t="inlineStr">
        <is>
          <t>rectangle_height_color</t>
        </is>
      </c>
      <c r="C198" t="inlineStr">
        <is>
          <t>What is the missing color of the part denoted with a question mark?</t>
        </is>
      </c>
      <c r="D198" t="inlineStr">
        <is>
          <t>['green', 'blue', 'purple', 'orange']</t>
        </is>
      </c>
      <c r="E198" t="inlineStr">
        <is>
          <t>orange</t>
        </is>
      </c>
      <c r="F198" t="inlineStr">
        <is>
          <t>There are 7 rectangles in the image with varying colors and lengths. The lengths from left to right are ['medium', 'short', 'long', 'short', 'medium', 'long', 'short']. The colors from left to right are ['blue', 'orange', 'green', 'orange', 'blue', 'green', '?'].</t>
        </is>
      </c>
      <c r="G198" t="inlineStr">
        <is>
          <t>We observe that the green rectangles are of long length and the blue rectangles are of medium length. Hence, the pattern is that the color of each rectangle corresponds to its length.</t>
        </is>
      </c>
      <c r="H198" t="inlineStr">
        <is>
          <t>Based on the pattern that the color of each rectangle corresponds to its length, the missing color of the part denoted with a question mark should be orange.</t>
        </is>
      </c>
      <c r="I198" t="inlineStr">
        <is>
          <t>b'\x89PNG\r\n\x1a\n\x00\x00\x00\rIHDR\x00\x00\x02\x00\x00\x00\x02\x00\x08\x02\x00\x00\x00{\x1aC\xad\x00\x00=\xefIDATx\x9c\xed\xdd{|\x14\xd5\xdd?\xf0\xef93\xbb\xd9\xecf\x93]B\x12\xae\xa2\\E\xd1`\xb8\x89\xa1\x80"\x82\xb5^\xab\x11\x14l_(\xd8*\xb5\xf1\xf1\xb1Om\xfd=\x88\xbeZ\x8b\xe0\xd3\xd6\xb6\x8f&gt; RP\x91V\xac\xf5\xd2B\x08Z\x81\xaa\x90\x80\x02\x02\x01A@.!\xf7d7\x97\xcd\xee\xce\x9c\xf3\xfbc\x94\xa2m5\xe4\xb63{&gt;\xef\xbf\xe8\xc6.\x87\x93\xef\xcc\xe7\x9c3gf\x98\x94\x92\x00\x00@=&lt;\xd1\r\x00\x00\x80\xc4@\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f4D7\x00\x1c@J\xd9\x8e\xff\x17c\xac\xd3[\x02N\x84\xfa\xb1-\x04\x00\xfc\x0bRJ!\x84\x94\x921\xc6\x18\xe3\xbc=3\xc5N\xf9\x12p"\xd4\x8fS\xb0\xf6\x853$%\xeb\x90#"M\xd3\xce\xfc&lt;\x14\n\t!\x18kk\xb5Xc\xb7@ p\xe6\x87\xd6\xc1\xcc9\xc7\xc8.Y\xa1~\x1c\x07\x01\x00DDRJ\xd34u\xfd\xb3\x19acccII\xc9\xd6\xad[?\xfc\xf0\x83\xda\xba\xba\xb2\xb2}\x86a\x9e\xedw\x0e\x1e48\x10\x0c\x8c\x19=&amp;//o\xec\xd8\xb1}\xfb\xf6\xb5&gt;7\x0c\x83s\x8e\x01]2A\xfd8\x14\x02\x00\xc84Mk\xc8\x16\x8b\xc5\xd6\xaf_\xbfj\xd5\xca\xd2\xed\xdb\x8f}z\xac\x13\xff\x8a@00z\xd4\xe8\x82[\x0b\xae\xbf\xee\xfa\xec\xecl"2\x0cC\xd34\x8c\xe6\x92\x00\xea\xc7\xb9\x10\x00J\xb3~\xfb\x8c\xb1P(\xb4l\xd9\xb2U\xcf\xaf\xfah\xf7G\xa7\x7f\xeaMK\xed\xd1+\x90\xde3-g@fZF\xaai\nF_\x7f\xbcI\x92\x8c1\xd30O|\\\xd9\x12\x8eT\x9f\xa8olh:\xfd\xd3\xde\xbd{\xdd~\xfb\xac\xbb\xee\xbak\xd8\xb0aD$\x84\xc0P\xce\xb9P?N\x87\x00P\xd7\xe9\x81\xdb\x8a\x15+\x16=\xb1\xe8\xc0\xfe\x03\xd6\xe7={\x07\x87\x8d9oD\xfe\x90~\xc3z\x07z\xfaS\xbcnM\xe3\x8cs\xa2\xb3)\x15I\xa6a\xc6cF\xb8\xb6\xb9\xfcp\xd5\xfe\x92O\xf6\xbd\xff\xc9\x89C\x15\xd6\x0f\x83=\x82\xf7\xfd\xe0\xbe\xfb\xef\xbf?##\xc30\x8c\xd3K\x07\xe0 \xa8\x9f$\x80\x00P\x94u\xf4\x96\x97\x97\xcf\x993\xa7\xa8\xa8\xc8\xfa\xb0\xdf\xe0^W\xcc\xbct\xe4\xe5\xc3\xd3{\xa4\x11\xc9x\xd40\xe2\xa6\x10\xd2\x1a\xe9\xb1\xb39\x82\x19\x111\xc6\x19\xd3\\\xdc\xe5vq\x9dG\x9aZ?\xdeqt\xe3\x8b\xef\xed\xdb\xfa\x89\xf5M\xc3\x86\r[\xbe|y~~\xbeu\x85\x10\xd3y\x07A\xfd$\x07\x04\x80\x8a\xacASQQ\xd1\x9c9s\xca\xcb\xcb\x89\xa8\xd7\x80\xac\xab\xee\xc8\x1f3\xed"\xaf\xdf\x13i\x8e\x9aq\x93\x88\x18\xef\x84\x83JJ)%\x91\x94\\\xe3\x1eo\x8a\x10b\xdf\xd6CE+\xff\xbe\xbf\xf40\x11\xb9\xdd\xeeE\x8b\x16\x15\x16\x16\xe2\x18v\x10\xd4O\xd2@\x00(\xc7:z\x97-[6o\xde&lt;"b\xc4&amp;\xdd2\xe6\xfa{\xaeL\xcfLk\tG\x84)8\xe7mX\xaam\x0f!\x04\x11\xf3\xfa=\xc2\x14o\xaf\xd9\xfa\xfa\xd3oG\x9a[\x89h\xee\xdc\xb9K\x97.5M\x13\x9b\xfc\xec\x0f\xf5\x93L\x10\x00j\xb1f\xee\xa7\x8f^_\xbaw\xe6\x7f]s\xd9u\x97\xb44\xb6\x1a1S\xd3\xbb\xe3z\x9a0\x05c\xcc\xdf\xc3wh\xe7\xb1\x95\x8f\xbez\xe2\xe3\n\xfa\xfc\x18\xc68\xce\xe6P?I\x06\x01\xa0\x90/\x1e\xbd,#\xd3\xf7\xbd\xc53\x87\x8f\x1b\xd4P\x1d\xe6Zw\x0f\x9d\x0c\xc3LK\xf7\x86\xeb\x9a~[\xf8\xc2\xd1=\'%\xc9\xd3\xe3\xb8/\xddF\x046\x81\xfaI&gt;\x08\x00UX\x07\xc6\xc6\x8d\x1b\xa7N\x9dJD\xfe\x80\xf7\xc7+\xef\xce\xee\x9f\xd9\x1cn\xd1\xf4\xc4\x1c0\xc2\x14.\xb7\xce4\xfe\xab\xef\xff\xfe\xc0\x8e#D\xf4\xc8#\x8f,X\xb0\x00\xfb:l\x08\xf5\x93\x94\x10\x00J\xb0\xb6KWVV\xe6\xe6\xe6VUUy\xfd\x9e\xf9\xbf\x9a5x\xe49\xcd\xe1\xd6\xee\x99\xb6\x7fE\xc3\\nW\xa4\xa9\xf5\xd7\xf7\xae&lt;v\xa0\x821***\x9a:u*\xc6q\xb6\x82\xfaIV\xb8\x87B\t\xd6\x9d\xfa\xb3g\xcf\xae\xac\xac$\xa2\x19?\xfa\xd6\xf0q\x83\x9a\xc2\x91\xc4\x1e\xbdD\xc49\x8fE\xe3\xfe\x1e\xbe\xbb\x1e/\xf0\xa5{\xa4\x94\xb3g\xcf\xae\xa8\xa8`\x8cYO\x95\x01;@\xfd$+\x04@\xf2\xb3FC\xabW\xaf...&amp;\xa2\t7\x8c\x9apC^Cu\xa3\x9e\xa0\x99\xfb\x97h\x1ao\x0eG\xfa\r\xce)\xf8\xcfo\x12Qee\xe5C\x0f=\xc49\xc7\xdc\xd4&amp;P?I\x0cK@INJ)\xa5lhh\x187n\xdc\xe1\xc3\x87{\xf6\t&gt;\xf4\xc2\xddn\xb7n\x9a\xc2V\x9b%\x84)|\x19\xde\xff\xfd\x8f\x17?x{_JJ\xca\x96-[F\x8f\x1em=\xfd1\xd1MS\x1a\xea\'\xb9\xa1w\x92\x9c\xb59z\xc5\x8a\x15\x87\x0e\x1d\x12B\\\xf5\x9d\t\x19\x99i\xf1\xb8i\xab\xa3\x97\x88\x8813n^3\xefrw\x8a+\x1a\x8d.X\xb0\xa0\xedO\x0f\x86\xae\x83\xfaIn\x08\x80d&amp;\xa5\xd44-\x12\x89&lt;\xb7\xe29\xc6X\xefs\xb3\xc6]}qs(\xa2i\xb6\xfb\xbds\xceZ[\xa2\xe7\x0e\xef\x93w\xc5\x05D\xb4i\xf3\xa6\xb2\xb22M\xd3\xb0\x92\x9b@\xa8\x9f\xa4g\xbb_$t"\xeb\xbe\x98\x8d\x1b7\xee\xdb\xbbOJ9\xe5\xf6\xcb\xbc\xe9\x1e\xd3\xb4\xeb!\xc1\x98\x113\xae\x9c\x9d\x9f\x92\xeaniny\xf6\xd9g\xe9\xb3\x9b?!1P?I\x0f\x01\x90\xfcV\xfc~\x05c,\x98\x9d\x91w\xc5\x05\xadMQ\xcem6y\xff\x1c\xe7\xac\xb5%v\xee\x05}\x87\xe5\x9d\xc7\x18{y\xed\xcb---\xba\xaec"\x9fX\xa8\x9f$\x86\x00HZ\xd6\xfc=\x14\n\x95\x94\x94H)\x87\x8f\x1d\x98\xd13\xcd\xb0\xe1\xea\xed\x19$1\xc6\xe8\xe2\xc9\xe7K)\xcbO\x96\xef\xda\xb5\x8b0\x88K\x10\xd4\x8f\n\x10\x00I\xcb\xaa\xfb\xed\xdb\xb7\x9f&lt;q\x92\x88.\x9c0DJ"\x1b\x1f\xbdD\xc49\xc5Z\xe3\xc3\xc6\x9c\xe7M\xf3\x98\xa6\xb9n\xdd:\xfa\xfc\xad#\xd0\xcdP?*@\x00$-\xab\xeeKJJ\x88\xc8\xe3M\xe9?\xb4w&lt;\x1a\xb7\xf7\xf1K\x8c1#ff\xf6\nd\xf7\xcf$\xa2\xd2\xed\xa5D\x84\x9d|\t\x81\xfaQ\x01\xba&amp;iYS\xf5\xed;\xb6\x13Q\xcf&gt;\xc1`V\xba\x197m~\x00\x13\x91\x10"%\xd5\xd5wH\x0e\x11\x95\x95\x95555\xe1\xa6\x9e\x84@\xfd\xa8\x00\x01\x90\xb4\xac}\xd0\xd5\xd5\xd5D\xe4\x0f\xfa&lt;\xbe\x14!\xac\xf72\xd9\x9a$b\x9c\x05\xb33\x88\xa8\xa1\xa1!\x12\x89$\xbaE\x8aB\xfd\xa8\x00\x01\x90\x9c\xac{ C\xa1\xd0\xc7\x1f\x7fLD\xbd\xce\xcb\xe2\x9a3\xee\x8ba\x8c\tS\xf4:\xaf\'\x115\x86\x1b\xcb\xca\xca\x08\xd7\xf1\xba\x1d\xeaG\x11\x08\x80d&amp;\xa5\x8c\xc7\xe3D\x94\x16\xf02\xce\x1cp\xf8\x12\x11\x91\x94\xe4\x0bx\x89H\x08a\x18F\xa2\x9b\xa3.\xd4O\xd2C\x00$9k%W\x18\x0e\x1b\x01\x9dn\xb0\x9d7\x1d\xaa\x00\xf5\x93\xdc\x10\x00jp\xdcQ\xe0\xb8\x06\'7\xc7\xfd:\x1c\xd7\xe0\x04A\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d1\rh\x13)e;\xfe_\x8c\xb1No\t@\xf7C\xfdC\x17\xb1i\x00H)\x85\x10RJ\xc6\x18c\x8c\xf3\xf6\xccT:\xe5K\x00\xba\x1f\xea\x1f\xba\x87\xbd\x02\xc0*Y"\xd24M\xd3\xb4\xd3\x9f\x87B!!\x04c\xac\x8dC!k\xec\x13\x08\x04\xce\xfc\x12\xeb`\xe0\x9ccd\x04\xf6\x84\xfa\x87nf\x97\x00\x90R\x9a\xa6\xa9\xeb\xbaU\xb2\x8d\x8d\x8d%%%[\xb7n\xfb\xe0\xc3\x0f\xeaj\xeb\xf6\x95\x95\x19\x86\xc1\x18\xb5q*\xcc\x18#\x92\x83\x06\r\x0e\x06\x03cF\x8f\xce\xcb\xcb\x1b;vl\xdf\xbe}\xad\x9f\x1a\x86\xc19\xc7\x80\x08\xec\x03\xf5\x0f\ta\x8b\x000MS\xd34]\xd7c\xb1\xd8\xfa\xf5\xebW\xaeZUZ\xba\xfd\xf8\xb1O;\xf8\xb5\xb555DT\xb4~=\x11e\x04\x82cF\x8f.((\xb8\xfe\xfa\xeb\xb2\xb3\xb3\x89\xc80\x0cM\xd30\x1a\x82\x84C\xfdC\xa2$8\x00\xac)\xad\xa6i\xa1Ph\xd9\xb2e\xab\x9e\x7f\xfe\xa3\xdd\xbbO\xff\xd4\xe3\xf3\xa7g\xf5\xf5\x05\xb2\x83}\x06y\xfcA!\x0cFm\xabW\xc6\x84\x11\xaf&gt;\xba\xaf\xb5\xa9!Tq\xb49\\\x1fj\xa8\xdf\xb8\xb1x\xe3\xc6\xe2\xff^\xf0\xdf\xb3n\xbf\xfd\xae\xbb\xee\x1a6l\x18\x11\t!0\x14\x82DA\xfdCb%2\x00\xac\x81\x0f\x11\xadX\xb1b\xd1\x13O\x1c\xd8\xbf\xdf\xfa&lt;\x90\xdd\xaf\xffE\xf9\xe7\x8d\x9a\x92u\xee\x85i=\xb2\xdd\xa9i\x8ck\x9ck\x92$\xb5\xf1\x00 ")\x85\x197b\xd1\x96\x86\xea\x9a\xe3\x1f\x1f\xdb\xb5\xe5\xd3\x9d\xefT}\xba\xbf\xe2\xd4\xa9%K\x96,_\xfe\xdc}\xf7\xfd\xe0\xfe\xfb\xef\xcf\xc8\xc80\x0cC\xd7m1\x13\x02\xa5\xa0\xfe!\xe1\x12\xf6\x8b\xb7\xaa\xbf\xbc\xbc|\xce\x9c9EEE\xd6\x87Y\x03\xce\xcf\xfb\xd6]C.\xbd\xda\x1b\xc8")\x8dX\xabi\xc4\xa3\xcd\x8d\x92d[\x97?\xcf\xc0\x18g\x8cy\x03Y\x03\xb3\xfb\x0f\x1e{U\xb4\xb9\xf1\xf8\xde\xf7w\xbc\xbe\xf4\xd3\x9d\x9b\xea\xeb\xeb\x16.\\\xb8f\xcd\x9a\xe5\xcb\x97\xe7\xe7\xe7[W\xd80\x1d\x86n\x83\xfa\x07;HL\x00X\x83\x8e\xa2\xa2\xa29s\xe6\x94\x97\x97\x13Qf\xdfA\xa3o\xb8\xe7\xfco\\\x9f\xe2\xcb\x88\xb54F\xc2\xf5\x8c\x111n\xed_\xebHa\x9aF\xdc\x8cG\xa5\x94\\\xd3\x07\x8e\xba\xe2\xbcK&amp;\x1f\xdd\xb9\xa9\xe4\xd5\xdf\x1d\xdb\xfd\xee\x81\x03\x07\xae\xb8b\xca\xa2E\xbf(,,\xb4v_\xe0\x18\x80n\x80\xfa\x07\x9bH@\x00X\xd5\xbfl\xd9\xb2y\xf3\xe6\x11\x11#\xca\xbd\xfa\xbb\x13n\xff\x91/\x90\xdd\xda\xd4\x10\t\xd7rM\xe3gl_\xeb \xc6\x181\xcd\xaa\xebhs\x98\x88\x9d\x97w\xc5\x80\x91\x93&gt;|s\xf9\xbb/=\x11mi\xba\xff\xfe\xfb\xf7\xed\xdb\xb7t\xe9R\xd34\xb1I\x0e\xba\x1a\xea\x1f\xec\xa3\xbb\xaf\xffX{\xddNW\x7f\xaa?\xf0\xcd\xff\xf8\xdfi\xf3\x9f\xd4]\x9e\x96P\r\x11qM?\x8b\x85\xce\xb3\xc4\xb8\xc68om\x0e\xc5#\xcdco\x9a_\xf0\xd8\xda\xecs/ "\xab=\x9a\xa6I)\xdbw\xd7%@[\xa0\xfe\xc1V\xba5\x00\xacuO\xab\xda\x18\x91/\x98}\xe3OW]t\xe5\xcc\x96\xfa*)L\xaeu\xd3t\x84s\x8dq\xde\\_\xd9k\xf0\xc8[\x1e\xfdc\xef\xa1y\xec\xf3c\x80sn\xcd\x85\x01:\x1d\xea\x1f\xec\xa6\xfb\x02\xc0\xaa\xfe\x8d\x1b7Zc\x1fOz\x8f\x99\x8f\xbf\xd6w\xf8\x98\xe6\xba\n\xae\xbb\xa8\xdb\'\x9e\\w\xb565\xb8S\xd3f&gt;\xfe\xe7~#\xc6\x13\xd1\xb2e\xcb\x16.\\\xa8i\x9aa\x18\xdd\xdc\x18Hz\xa8\x7f\xb0\xa1n\n\x00!\x84\xa6i\x95\x95\x95\xb3f\xcdb\x8cy\xd22n\xfc\xc9\xef\x83\xbd\xcfkm\nq\xdd\xd5=m\xf8g\\\xd3\xcdxT\ny\xdd\x83Ks\x06\x8e`D\x0b\x17.,..\xd6u\xdd4\xcdD\xb5\n\x92\x0f\xea\x1f\xec\xa9\x9b\x02\xc0\xba\xd3}\xf6\xec\xd9\x95\x95\x95D4e\xee\xcf\xce\xc9\xfdFkc}\xb7M{\xff\x1d\xc653\x16I\xcd\xe8\xf9\xad\x07\x9eNI\x0bH)g\xcf\x9e]QQ\xc1\x18\xc3\\\x18:\x8b\x13\xeb?\xb1\r\x83\xee\xd1\x1d\x01`M~W\xaf^]\\\\LD\x17]y\xdbESok\xae\xadH\xe0\xd8\xe7LL\xd3\xa3M\r=\x07\x0c\xbf\xe2\xceG\x89\xa8\xb2\xb2\xf2\xa1\x87\x1e\xe2\x9c\xe3j\x18t\n\'\xd6\xbf\xd6y\xdb\x90\xc0\xce\xba&lt;\x00\xac\xa7\xd1\xd6\xd5\xd5=\xfa\xe8\xa3\x8c\xf3`\xefs\'}\xe7\xe1\xd6\xc6\x86\x84\x8f}\xce\xc4uWK\xa8v\xc4\x953\x86\x8e\xff&amp;#z\xe9\xa5\x97JKKqA\x0c:\xce\xa1\xf5_RRr\xfa\xd1\xa4\x90\xc4\xba&lt;\x00\xac\xcd\xc5+V\xac8t\xe8\x90\x14b\xcc\r\xf7x\x83\xd9\xa6\x11\xeb\xfe\xab^_\x8d1f\xc6c\xe3o\xfd\x0f\xcd\x9d\x12\x8dF\x17,X\xd0\xf6\xa7\xef\x02\xfc;\xa8\x7f\xb0\xb3\xae\r\x00)\xa5\xa6i\x91H\xe4\xb9\x15+\x18c\x99}\x07\r\x9ft\x93\x1d\x96&gt;\xff\x19\xe3&lt;\x16i\xca\x19\x9c;t\xfc\xb7\x88h\xd3\xe6\xcdeee\x9a\xa6a\x10\x04\xed\xe6\xdc\xfa\xdf\xbcy\xf3\xc1\x83\x07\xd3\xd2\xd2P\xff\xc9\xadk\x03\xc0z\xc6\xc8\xc6\x8d\x1b\xf7\xed\xdd+\xa5\x1cu\xfd\xf7R\xd22\x84i\xd3Mf\x8cq3\x16\x1d}\xc3\xf7\xdc\x1eoKs\xf3\xb3\xcf&gt;KD8\x00\xa0\xdd\x1c\\\xff--\xcf._\xee\xf1x\x04\xb6\x03%\xb5\xee\xb8\x08\xbcb\xc5\xef\x19c\xe9\x99\xbd\x86\x8e\xfff\xac\xa5\x91s\x9b^_b\x9c\xc7"\xcd\xbd\x06\xe7\xf6\xbfp&lt;c\xec\x8f/\xafmii\xd1u\x1d\x13a\xe8\x08\x87\xd6\xff\xcb/\xbf\\YY\xe9NIIt\xbb\xa0\x0bua\x00X\xf3\xdfP(TRZ"\xa5&lt;\xe7\xe2ox\x03Yf&lt;n\xb7\xd5\xcf/\x92Dl\xd0\xb8iR\xcaS\xe5\'w\xed\xdaE\x98\x04@\xbb8\xbd\xfe\x8f\x1f;\xbec\xc7\x0e\xaf\xd7\x9b\xe8&amp;A\x17\xea\xc2\x00\xb0\xce\x9b\xdb\xb7o?y\xe2\x04\x11\x9d7j\nI{\x17?\x11\xe7\x9a\x11\x8d\x9cs\xd1\x04\x8f\xd7o\x9a\xe6\xbau\xeb\xe8\xf3\xb7v\x00\x9c\x15G\xd7\x7f\x8a7\xcd0\xe2\xeb\xd6\xafw\xbb\xdd\x89n\x14t\xa1\xae\x9d\x01\x10QII\t\x11\xa5\xa4\xfa\xb2\xcf\xbb\xd0\x88\xb72f\xef\xd7\x0f1f\xc6\xa3\xfe\xac\xbe\xc1&gt;\xe7\x12Qi\xe9v"\xc2+\x93\xa0\x1d\x1c]\xff\x81\xde\xe7\x12Qiii&lt;\x1e\'"I\x18\x03%\xa7.,G\xebf\xc2\xed\xdbw\x10QFv\xff\xb4\xcc\xde\xb6\x9f\xff\x12\x11\t!\\)\xa9=\x07\\@D\xfb\xca\xca\x9a\x9a\x9apS\x18\xb4\x83\xa3\xeb?\xcb\xaa\xff}eU\x95\x95D\x84\xf3\x7f\xb2\xea\xda\x00\x90RVWW\x13\x917#\xd3\x9d\xea\x93\xc2\x11;\n$\xe3ZZfo"jhh\x88D"\x89n\x0f8\x92\xa3\xeb\xdf\x9f\xd9\x9b\x88\x1a\x1b\x1b[[[\x13\xdd\x1e\xe8B]\x15\x00RJ\xcey(\x14:\xf0\xf1\xc7D\xd4\xa3\xdfP\xc6\x9d\xb1\x9d\x861&amp;L#\xb3\xdf\x10"jj\x0c\x97\x95\x95\x11\xae\x03\xc3Yr|\xfd\xf7\x1fJD\x9c\xe3=\x91I\xae\xcbo\x04\xb3\xd6\x10=\xfe \xe3\xdc13I)=\xfe\x1eD$\x84\xc0\xa3q\xa1\xdd\x9c^\xff\x8eH,\xe8\x88.\xbf$e\x8d \xa4p\xd8i\xf4t\x831\x02\x82\x8epz\xfdCr\xeb\xb6=\t\x8e;\x8d:\xae\xc1`g\x8e+\'\xc75\x18\xda\xc3\xde\x9b\xd2\x00\x00\xa0\xcb \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a5\'\xba\x01J\x90R\xb6\xe3\xff\xc5\x18\xeb\xf4\x96\xa8\t\xfd\x0f\x1d\x91\xc4\xf5\x83\x00\xe8\x12RJ!\x84\x94\x921\xc6\x18\xe3\xbc=3\xadN\xf9\x125\xa1\xff\xa1#\xd4\xa9\x1f\x04@g\xb2~\xe5D\xa4i\x9a\xa6i\xa7?\x0f\x85BB\x08\xc6X\x1b\x87\x12\xd6\xd8!\x10\x08\x9c\xf9%V1q\xce\x1d1\xb2H\x08\xf4?t\x84\x82\xf5\x83\x00\xe8\x1cRJ\xd34u]\xb7~\xe5\x8d\x8d\x8d%%%\xdb\xb6n\xfd\xe0\xc3\x0f\xea\xea\xea\xca\xf6\xed3M\x83\x88\x11\xb5q.\xc9\x88h\xd0\xa0A\x81`p\xf4\xe81yyyc\xc7\x8e\xed\xdb\xb7\xaf\xf53\xc308\xe7\xf6\x1cP$\n\xfa\x1f:\xe2_\xd7\xcf\xb6m\x1f|\xf0A]]]YY\x99i\x9ag\xfb\x9d\x83\x06\r\n\x04\x02\xa3G\x8f\xb6s\xfd \x00:\x81i\x9a\x9a\xa6\xe9\xba\x1e\x8b\xc5\xd6\xaf_\xbfj\xd5\xca\xed\xa5\xa5\x9f\x1e;\xde\xc1\xaf\xad\xae\xa9%\xa2\xf5\xeb\x8b\x88(\x18\xc8\x18=zLAA\xc1u\xd7_\x9f\x9d\x9dMD\x86ah\x9af\xab\xd1D\xa2\xa0\xff\xa1#\xfe\xa9~Vm\xdf\xbe\xfd\xd3O?\xed\xe0\xd7VWW\x13\xd1\xfa\xf5\xeb\x89(\x18\x0c\x8e\x1e=\xba\xa0\xa0\xe0\xba\xeb\xae\xb3U\xfd \x00:\xc4\x9a\x12j\x9a\x16\n\x85\x96-[\xf6\xfc\xf3\xabv\xef\xfe\xe8\xf4O\xfd&gt;\xcf\x80\xec\xf4\x9c\x1e\xde\xe1}\x03=2&lt;\xa6)\x18\xb5\xe9\xf7\xcd\x18\xc5\r\xf1\xe1\xe1\x9a\x86\xc6\xe8\xa1S\r\xb5\xa1\x96\xfa\x86P\xf1\xc6\x8d\xc5\x1b7.X\xf0\xdf\xb7\xdd&gt;\xeb\xae\xbb\xee\x1a6l\x18\x11\t!l2\x94H\x08\xf4?t\xc4?\xd5\xcf\xf3\xbbw\xef&gt;\xfdS\xbf\xdf\x7f\xce9\xe7\xf4\xea\xd5k\xe8\xd0\xa1=z\xf40\x0c\xa3\x8d\xe7k\xc6X&lt;\x1e\xdf\xbd{w}}\xfd\'\x9f|RWWW___\\\\\\\\\\\xbc`\xc1\x82\xdbn\xbb\xcd&gt;\xf5\x83\x00h?k\xe0@D+V\xacx\xe2\x89E\xfb\xf7\x1f\xb0&gt;?\'\'c\xca\xc8~W\x8f9\xf7\x92AY}2}\xdeT7i\x8c8k\xeb\xf2\xc3i\x860bFE}\xcb\xdec\xb5\x1b&gt;8\xbea\xc7\xb1=Gj\xcaOU,Y\xb2\xe4\xb9\xe5\xcb\x7fp\xdf}\xf7\xdf\x7f\x7fFF\x86a\x18\xba\xae\xe2\xef\x11\xfd\x0f\x1d\xf1\xc5\xfayb\xff\xfe\xfd\xd6\xe7\xe7\x9cs\xce\xe4\xc9\x93\xa7O\x9f\x9e\x9b\x9b\xdb\xabW/\xbf\xdf\xaf\xebz;\x86\xea\xf1x&lt;\x1a\x8dVVV\x96\x95\x95\xbd\xf5\xd6[\xc5\xc5\xc5{\xf7\xee-//_\xb2d\xc9s\xcf=\xf7\x83\x1f\xfc\xc0\x0e\xf5\x83\xc2m\'\xabz\xca\xcb\xcb\xe7\xcc\x99STTd}8\xe2\xbc\xac\xfbn\xc8\xbd)\x7fpf\xd0KR\x9a13n\x98\xcd\xcdQ\xd1\xdemd\x9c\xb1^Ao\xbf\x9c\xf4i\x97\x0e\x8a4G7}t\xe2\x7f^\xf9\xb0x\xc7\xb1\xba\xfa\xfa\x85\x0b\x17\xaeY\xb3f\xf9\xf2\xe5\xf9\xf9\xf9\xd6\x15\xaa\x84O\'\xbb\x13\xfa\x1f:\xe2_\xd6\xcf\x85\x17^8\x7f\xfe\xfc\x1bn\xb8!;;[J\xd9\xda\xda\x1a\x8b\xc5B\xa1\x10\xb5k\'\xa8\xb5\xf3\';;{\xc0\x80\x01\xd7\\sM8\x1c\xde\xb2e\xcb\xaf\x7f\xfd\xeb\x8d\x1b7\xd6\xd5\xd5\xd9\xa4~\x10\x00\xeda\x85vQQ\xd1\x9ds\xe6\x9c,/\'\xa2a\xfd{\xfc\xe7-y3&amp;\rK\xf3\xa7D[b\x8d\xe1\x08c\x8c3"\xc68g\xbcm+\x0f\xffR\xcc0[\xe3\xa6\x94R\xd7\xf8\xf41\xe7M\x1fun\xd1\x8eO\x9f\xf8\xe3\xf6\xb7w\x1e?p\xe0\xc0\x94+\xae\xf8\xc5\xa2E\x85\x85\x85\xd6\xee\x05E\xceA\xe8\x7f\xe8\x88\x7f\xd4\xcf\x9dw\x9e&lt;y\x92\x88\x86\x0c\x19\xf2\xc0\x03\x0f\xdcr\xcb-\xc1`0\x1c\x0e\xd7\xd6\xd6Z\xa7o\xc6\xd8\x99;y\xda\xc1\x9a\x07H)u]\x9f&gt;}\xfa\xd4\xa9S\x8b\x8b\x8b\x9f|\xf2\xc9w\xdey\xe7\xc0\x81\x03S\xa6L\xf9\xc5/~\x91\xc0\xfa\xc1\xf2\xe5Y\xb3\xaag\xd9\xb2e\xd3\xa7O?Y^N\xc4\xee\xbd6\xf7\xbd_\x15\xdcum\xae\xc6\xa81\x141M\xa9k\\\xe3\x9d\x93\xe9\x8c1\x8d3]\xe3D\xd4\xd4\x1cm\x8e\xc4\xa6\x8d=w\xc3\xa2\x9b~\xf5\xfdI\xe9\xbe\x94h,v\xff\xfd\xf7\xcf\x9b7\x8fsn\xed3\xeb\xf8?\xd0\xe6\xd0\xff\xd0\x11_\xa8\x9f\x93\'\x89\xe8{\xdf\xfb\xde\x96-[\xee\xbe\xfbn\xc6XMM\xcd\xe9\xed@\x9dr:\xb6"\xc4Z\xe4ihhhjj\x9a&gt;}\xfa\xbau\xeb\x96,Y\xe2\xf7\xfb\xa3\xd1hb\xeb\x07\x01pv\xac\xe2X\xb6l\xd9\xbcy\xf3\x88\xa8\x87?u\xf5C\xd3\x7f\xfb\x1fW\xfa\xdczcC\x0b\x11\xe9\x1a\xef\xba\x14\xd78\xe3\x9c55E[#\xf1\x1f\xde:\xe6\xad\'\xbe\x9d;0\x8b\x88Y\xed\xd14MJ\x99\xdc\xe7 \xf4?t\xc4\x97\xea\'\x18\x0c\xaeZ\xb5\xea\xe9\xa7\x9f\xf6x&lt;\xd6\xa6\x9d\xf6-\xf7\xb7\x91\xa6i\x9c\xf3\x86\x86\x86\xe6\xe6\xe6\x07\x1ex`\xc3\x86\r\x17_|1\x11%\xb0~\x10\x00g\xc1Z7\xfc\xbczX\xef\x1e\xbe7\x1f\xbdv\xe6\xf4\x0b\xc3\xf5-\xa6\x90\xd6 \xb1\x1bX\xa7\xa1p]\xf3\xe8\xa19\xc5\x8bn\xba\xf4\xfc\x1c"n\xb5\xca\x1aGtO3\xba\x1f\xfa\x1f:\xe2\x8b\xf5C999\xaf\xbe\xfa\xea\xec\xd9\xb3\xab\xaa\xaa\xac`\xe8\x9efX1PUU5j\xd4\xa8u\xeb\xd6\x8d\x1d;\x96&gt;\xcf\x80\xee\xaf\x1f\x04@[Y\xd5\xb3q\xe3F\xabzzfx\xfe\xfe\xcb\x82\xf1#\xfa\x86k\x9b]z\x17\x8e:\xff\x1d\x97\xce\x1b\x9bZ3\xbc\xee\xcd\xbf,\xb8&lt;\xb7\x0f\x11-[\xb6l\xe1\xc2\x85\x9a\xa6\x19\x86\xd1\xdd\xad\xe9z\xe8\x7f\xe8\x88/\xd7O\xcf\x9e\xef\xbc\xf3\xcee\x97]VUU\xe5r\xb9\xba\x7f\xf1\xdd\xe5r544\xf8\xfd\xfe\xbf\xfd\xedo\x13\'N\xa4\x04\xd5\x0f\x02\xa0M\x84\x10\x9a\xa6UVV\xce\x9e5\x8b1\x16\xf4{^[x\xdd\xc0&gt;\x81\xc6\xa6V\x97\x9e\xb0&gt;\xd45\x1e\x8b\x9bR\xca5?\xbd&amp;op6\x11[\xb8paqq\xb1\xae\xeb\xed\xb8q\xd1\xce\xd0\xff\xd0\x11\xff\xa8\x9f\xd9\xb3\x19c\xc1`p\xed\xda\xb5\x83\x06\r\xaa\xaf\xafw\xb9\\\x89j\x95\xae\xeb\xd1hT\x08\xb1z\xf5\xea\x91#G\x12Q\xf7\xd7\x0f\x02\xa0\xadL\xd3\x9c={vEe%\x11\xfd\xee\xde\xcb/\xbb\xa4\x7f\xb8\xb1\xb5\xdb\x96\x1d\xfe\x1d\x8d\xb3X\xd4\xcc\x0e\xa6\xae~\xe8\xea\xa0?\x85\xa4\xbcc\xf6\xec\x8a\x8a\x8a\xe4\xdb\x8e\x82\xfe\x87\x8e\xf8\xac~**\x88\xe8W\xbf\xfa\xd5\xa4I\x93\x12{\xf6\xb7h\x9a\x16\x89D\xb2\xb2\xb2\x9e\x7f\xfe\xf9`0HDw\xdcq\x87U?\xdd\xb3\x16\x84\x00h\x13\x97\xcb\xb5z\xf5\xea\xe2\xe2b"\x9a{\xf5\x88\x99\xd3/\xb4V\x1e\x12\xdd.""Mc\xe1\xc6\xe8\xb0\x81=\x9f\xfa\xfe$ITQY\xf9\xd0C\x0fup\xef\x9a\xdd\xa0\xff\xa1#\xce\xac\x9f9s\xe6\xdcq\xc7\x1d\xd6\xcaO\xa2\xdbED\xa4\xebzCC\xc3\x88\x11#\x9e|\xf2I)eEE\xc5C\x0f=\xc49\xef\x9e\xab\xc1\xb68\x84\xec\xcc\xfa5\xd4\xd6\xd6&gt;\xfa\xe8\xa3\x9c\xb3A}\x02\xbf\xb8sB\xab\r\xc6\x9egr\xe9\xbc\xa9\xa1e\xd6\xb4\x0bo\x9a0\x84\x88\xbd\xf4\xd2K%%%\xa7\x1fm\xe8h\xe8\x7f\xe8\x88/\xd6\x0f\x1f8p\xe0\xcf~\xf6\xb3P(d\xab\x9b\xb7].WMM\xcdw\xbe\xf3\x9d\x1bn\xb8\x81\x88^z\xe9\xa5\xd2\xd2\xd2\xee\xb9 l\xa3\xa3\xc8\x9e\xac\x0b2\xcb\x97?{\xe8\xd0!!\xe4\x8fo\x19\x1d\xec\xe1\x8d\x1b\xa6\xdd\xa6\xf8\x8c1\xd30\x17\xce\x1a\xe7qk\xd1ht\xc1\x82\x05m\x7fz\xad\x9d\xa1\xff\xa1#&gt;\xaf\x9f\xe5\x87\x0e\x1d\x12B&lt;\xf0\xc0\x03999\xb1X\xccnkt\x8c\xb1X,\xf6\xf0\xc3\x0f\xa7\xa4\xa4tg\xfd \x00\xbe\x86\xcb\xe5\x12B\xacX\xb1\x8216\xac\x7f\x8f\x99S\x86El6\xfc\xb4p\xce"-\xb1\x11C\xb3o\xfe\xc6\x10"\xda\xbcy\xf3\xc1\x83\x07\xd3\xd2\xd2\x9c&gt;\x08E\xffCG\x9cY?C\x87\x0e\x9d9sf}}\xbd\xad\x86\xff\x16\xceyccc^^\xdeM7\xddDD\x9b7o.++\xd34\xad\xab\xeb\xc7v\x07\x92\xdd\xa4\xa7\xa7o\xd9\xb2e\xff\xfe\x03R\xca\xff\xfcv\x9e/-\xc50mzH3\xc6\xcc\x98\xf9\xe0\xcdy&gt;\x8f\xbb\xa5\xa5e\xf9\xf2g=\x1e\x8fp\xf8v\x14\xc7\xf7?\x02 \xa1&gt;\xaf\x9f\xfdR\xca\xc2\xc2\xc2@ `\xdbM\xba\x9c\xf3\xd6\xd6\xd6\xfb\xef\xbf\xdf\xeb\xf5677?\xfb\xec\xb3D\x84\x00H0\xc6\x985|\xe8\xd3\xd3\xff\xed\t\x83\xa3-1\xcd\xae\x8f\xff\xe5\x9cE"\xb1\x8b\x87\xe6L\xca\xed\xc7\x18[\xfb\xf2\xcb\x95\x95\x95\xee\x94\x94D\xb7\xabC\x9c\xde\xff)\x0e\xef\x7f\xa7;]?\xbd{\xf7\xbe\xf1\xc6\x1b\xc3\xe1\xb0m\xaf\xcfs\xce\x9b\x9b\x9b\xf3\xf2\xf2&amp;N\x9c\xc8\x18[\xbbvmKK\x8b\xae\xeb]\xba\x10d\xd3c\xc9&gt;N\x9e&lt;YZ\xb2MJ9\xf5\x92\xfe\xc1\xa07\x1e\xb7\xdd\xea\xf3\x99$\x111\xbaa\xfc@)\xe5\xb1c\xc7w\xec\xd8\xe1\xf5z\x13\xdd\xa8\x0eq~\xff\xa7&amp;\xbaQJ;y\xf2dii\xa9\x94r\xca\x94)\xd9\xd9\xd9\xf1x\xdcn\xab\xffg\xb2^ |\xed\xb5\xd7J)\xcb\xcb\xcbw\xed\xdaE]&lt;\t@\x00|\x15M\xd7\xdf\x7f\xff\xfd\x83\x07\x0f\x12\xd15c\xcf%"\xb2q\xf5\x10\x91\xc6\xb9\x115\xa6\xe4\xf6\xf3{S\xe2\x86\xb1~\xfd:\xb7\xdb\x9d\xe8F\xb5\x9f\xaek\xe8\x7fh\xb73\xebg\xfa\xf4\xe9\xf6\xbf&amp;o\xdd\x16p\xf9\xe5\x97\xa7\xa7\xa7\x1b\x86a\xbdM\x0c3\x80\x84q\xbb\xdc\xdb\xb7o\x8f\x1bfj\x8ak\xe4\xc0,3f$\xe0\x99\x03g\x831\x8a\xc5\xcc\xfe9\xfe!}\x03D\xb4\xbd\xb44\x1e\x8f\x13\x91&lt;\xeb\x97\xa1\xd8\x82\xcb\x9d\x04\xfdoP\x9b\xdfD\x0c\x9d\xeb\xb3\xfa\x89\xc7SSSsss[[[m\xfe\xfa6\xc6X4\x1a\xed\xdf\xbf\xff\xa0A\x83\x88\xa8\xb4\xb4\x94\x88\xba\xb4\xcd\xb6\xee\x8e\x84\x8b\xc5c\xdb\xb7\x97\x12\xd1\xb99\xfe&gt;=\xd3l\xbe\xfe`\x11B\xb8R\\\x17\x9f\x97ID\xfb\xf6\xed\xab\xaa\xac$r\xea\x19(\x16s|\xffW~\xd6\xff\xce\xfc\x058\\,\x16\xdb\xbe};\x11\r\x180\xa0o\xdf\xbe6_\xff\xb1\x08!\xbc^\xefE\x17]DDeeeMMM]zS\x18\x02\xe0\xab\x08!\xea\xeb\x1b\x88(\'\x90\xea\xf3\xbaM\xe1\x80\xc3X\x12\x11g\xfdz\xfa\x89\xa8\xb1\xb1\xb1\xb5\xb55\xd1-j?\xf4?t\x84\x10\xa2\xbe\xbe\x9e\x88\xb2\xb3\xb3\xd3\xd2\xd2\x1c\xf1\x80&amp;)%\xe7\xbco\xdf\xbeD\x14\n\x85"\x91H\x97\xfeu\x08\x80\xafam9\xbfp@O\xe2\xce\xb8\xaf\x871FB\\xN\x0f"b\x9c\xdb\x7f\xc8\xf3\xd5\xd0\xff\xd0\x11\xd6\x96\xff\xe1\xc3\x87[O\xdbOts\xbe\x1ec\xcc4\xcd\xf3\xcf?\x9f\x88B\xa1PYY\x19u\xe5u`\x04@\x9bd\xa6{\x883\x07\x94\x8fERf\xba\x87\xba\xf8\xf2QwB\xffCGdffv\xdb\xd3u:NJ\x99\x99\x99IDB\x88\xae\xbek\x01\x01\xd0&amp;\x86\xe9\x8c\xd29\xcdq\r\xfej\x8e\xfb\xe78\xae\xc1\xc9\xcd\xb67\x7f\xfd;\xa7\x1b\xdc\xd53H\x04@\x9b8n\x1e\xef\xb8\x06\x7f5\xc7\xfds\x1c\xd7\xe0\xe4\xe6\xb8\x85\xb8nk0\x02\x00\x00@Q\x08\x00\x00\x00E!\x00\x00\x00\x14\x85\x00\x00\x00P\x14\x02\x00\x00@Q\x08\x00\x00\x00E!\x00\x00\x00\x14\x85\x00\x00\x00P\x14\x02\x00\x00@Q\x08\x00\x00\x00E!\x00\x00\x00\x14\x85\x00\x00\x00P\x14\x02\x00\x00@Qz\xa2\x1b\x00\x00\xe0\x0c\xf2\x0c\xa7?dgH`\xdb\xda\x07\x01\x00\x00\xf0U\x84\x10B\x08M\xd3\xdcn\xb7\xdb\xed\xd64\x8ds\xce\xd8g\xaf\xa8\x13B\xc4b\xb1h4j\x18\x06c\xcc\xe6\xef\x9d\xff\x12\x04\x00\x00\xc0\xbf \xa54MS\xd7u\xbf\xdf\xefv\xbb\x9b\x9a\x9a\xca\xcb\xcb\x8f\x1d;VQQQSSc\xbd\xed\xd9\xe7\xf3\xe5\xe4\xe4\x9c{\xee\xb9\xe7\x9dw^fff&lt;\x1eoll\xe4\xcey\x15(\x02\x00\x00\xe0\xcb\xa4\x94)))^\xaf7\x14\nm\xde\xbc\xb9\xa8\xa8h\xd3\xa6M\x07\x0f\x1elhh\xf8\xe7\xff\xd8\xe5r\r\x180\xe0\xf2\xcb/\xbf\xed\xb6\xdb\xf2\xf3\xf3\xa3\xd1hkk\xab\xa6i\xdd\xde\xea\xb3\x86\x00\x00\x00\xf8\x02)\xa5\xa6i\xc7\x8f\x1f\xff\xd3\x9f\xfe\xf4\x87?\xfca\xf7\xee\xdd_\xfd\xdf\xc7\xe3\xf1C\x87\x0e\x1d:th\xd9\xb2e3f\xcc\xf8\xd9\xcf~\xd6\xaf_\xbfp8l\xff\x0c@\x00\x00\x00|\x81i\x9a\xc1`\xf0\xf1\xc7\x1f_\xb4h\xd1\xe9\x0f\x19c\x03\x07\x0e\x1c6l\xd8\xa0A\x83\xb2\xb2\xb2RSS\xa5\x94\r\r\rG\x8e\x1c\xd9\xb9sgYY\x19\x11i\x9a\xb6f\xcd\x9a\xf7\xde{o\xcd\x9a5\xa3F\x8d\xb2\x7f\x06 \x00\x00\x00\xbe\x80s\x1e\x89Df\xcc\x98\xb1x\xf1b!\xc4\x05\x17\\p\xc3\r7L\x9b6m\xf8\xf0\xe1\x81@\xc0\xe5r\x11\x91u\x05\x981f\x9af8\x1c\xde\xbe}\xfbSO=\xf5\xe6\x9bo\xba\\\xaec\xc7\x8e]\x7f\xfd\xf5\xef\xbc\xf3\xce\xb9\xe7\x9e\x1b\x89D\xec|Y\x18\x01\x00\x00\xf0\x05\x9c\xf3\xd6\xd6\xd6\xa1C\x87\xfe\xf8\xc7?\x1e2d\xc8\x8d7\xde\x98\x91\x91\x11\x8dF#\x91H(\x14:s\x0f(\x111\xc64M\x9b4i\xd2\x94)S\x9ey\xe6\x99\x1f\xfe\xf0\x87n\xb7\xbb\xba\xba\xfa\xde{\xef]\xb7n]\xa2\xfe\tm\x84\x00\x00\x00\xf82\xc6Xkk\xeb#\x8f&lt;\xc2\x18kjj\xaa\xae\xae\xb6\xf6\xf6\xfc\xbb%\x9dp8,\xa5\xbc\xe7\x9e{\xa4\x94\xf3\xe7\xcf\xd7u\xfd\x9dw\xde\xf9\xcb_\xfer\xfd\xf5\xd7744\xd8v!\xc8\xbes\x13\x00\x80\x04b\x8c\x85B\xa1\x86\x86\x06!\x84\xae\xeb_\xbd\xb9S\xd34M\xd3\xaa\xab\xab\xbf\xff\xfd\xefO\x992\xc5\xba\'`\xf5\xea\xd56\xdf\x0f\x8a\x00\x00\x00\xf8\xd7\xac\xd3z\x1bO\xe2\xd6\x7f&amp;\xa5\xbc\xf3\xce;\xad?\x94\x94\x94TWW\xbb\\\xae/\xad\x1a\xd9\x07\x02\x00\x00\xa0sh\x9a\x16\x89D\xf2\xf2\xf2|&gt;\x1f\x11UTT\x9c8q\xc2\xedv#\x00\x00\x00\x92\x9fa\x18\xc1`0\'\'\xc7\xfasmm\xad\xa6i\x08\x00\x00\x80$g= \xc8\xe5ry\xbd^\xeb\x93h4j\xe7m\xa0\xf6m\x19\x00\x80\xb3H)\x19cB\x88x&lt;n}\xa2\xeb\xbam\x87\xff\x84\x00\x00\x00\xe8D\x9c\xf3\x96\x96\x96\xfa\xfaz\xeb\xcf\x81@\xc04M\xdb\xee\x05B\x00\x00\x00t\x0e)\xa5\xdb\xed&gt;v\xecXmm-\x11\x05\x83\xc1&gt;}\xfa\xc4\xe3q\x04\x00\x00@\x92\x13Bx&lt;\x9e\xb7\xdf~\xdb\x1a\xf5\x8f\x181\xa2w\xef\xde\xb1X\x0c\x01\x00\x00\x90\xcc\xac\xcb\xbf555+V\xac\xb0\xfe\xe7\x8d7\xde\xe8v\xbb\x85\x10\x89n\xda\xbf\x85GA\x00\x00t\x02\xc30\xb2\xb3\xb3\x1fx\xe0\x81#G\x8e0\xc6\xfa\xf7\xef\x7f\xeb\xad\xb7\xda\xfc\x81\xa0\x98\x01\x00\x00tT&lt;\x1e\xcf\xce\xce^\xb9r\xe5/\x7f\xf9K\xeb\xd6\xdfG\x1f}4++\xcb\xce\xeb?\x84\x00\x00\x00\xe8\x08)\xa55\xf6\x7f\xe1\x85\x17\xe6\xce\x9d\xebr\xb9\xe2\xf1\xf8w\xbf\xfb\xddY\xb3f\xd5\xd7\xd7\xeb\xba\xadWY\x10\x00\x00\x00\xed$\x84`\x8ceee\xfd\xcf\xff\xfc\xcf\x1dw\xdcAD\xb1X\xec[\xdf\xfa\xd6o~\xf3\x1b\xeb\xe5\xc0\x89n\xe0\xd7\xb0u:\x01\x00\xd8\x96a\x18&gt;\x9fO\x08\xf1\xfd\xef\x7f\xff\x99g\x9e\xb1\xc6\xfe\xb7\xdcr\xcbs\xcf=g\x9a\xa6i\x9a\xf6\x0f\x00\xbb\xb7\x0f\x00\xc0\x86\xacg\xfe\x1c?~\xfc\xea\xab\xaf~\xe6\x99g4M\x8b\xc7\xe3\x85\x85\x85\xcf?\xff\xbca\x18\x86a\xd8\xff\xecO\x98\x01\x00\x00\x9c-\xc30z\xf4\xe8\xb1e\xcb\x96\xdbo\xbf\xbd\xbc\xbc\x9c\x88\\.\xd7o\x7f\xfb\xdb\xbb\xef\xbe\xbb\xbe\xbe^J\xe9\x88\xb3?!\x00\x00\x00\xce\x8a\xf5\xca\xf8\xb7\xdez\xeb\xdb\xdf\xfevSS\x13\x11\r\x1e&lt;\xf8\xf7\xbf\xff}~~~uu\xb5\xa6iN9\xfb\x13\x02\x00\x00\xa0\xed\x84\x10&gt;\x9fo\xcf\x9e=\xb7\xdezkss3\x11\xe5\xe7\xe7\xafY\xb3&amp;;;\xbb\xaa\xaa\xcaz_\xbc\x83 \x00\x00\x00\xda\x8asn\x9a\xe6\xddw\xdf\xdd\xd0\xd0@D\x97^z\xe9\xeb\xaf\xbf\x9e\x92\x92\x12\n\x85\x1cw\xf6\'\\\x04\x06\x00h#\xd34\xd3\xd3\xd3_y\xe5\x95\x92\x92\x12\xcey\xaf^\xbd^x\xe1\x85\xd4\xd4\xd4\x96\x96\x16\x9b\xef\xf7\xffw\x10\x00\x00\x00mb=\xeb\xdfz\xd5\xbb\x10\xe2\'?\xf9\xc9\xa0A\x83\x1a\x1b\x1b\x1dz\xf6\'\x04\x00\x00@[X\xcfz;u\xea\xd4\xce\x9d;\xa5\x94\xbdz\xf5\xba\xe9\xa6\x9bB\xa1\x90s\xcf\xfe\x84\x00\x00\x00h\x8b/=\xeb\xff\xd2K/\xcd\xc9\xc9\xb1\xf3\xb3\xfe\xdb\x02\x01\x00\x00\xf0\xf5\xa4\x94\xba\xaeWUU\x99\xa6ID\xc3\x87\x0f\xb7\xf9\xeb\x1e\xdb\x02\x01\x00\x00\xd0&amp;\x9csk\xf3\x0f\x11\xf5\xee\xdd\xdbz\x03pB[\xd4Q\x0e^\xbd\x02\x00\xe8f\xd1h\xd4\xba\xcf+==\xdd\xceozi#\x04\x00\x00@\x9b0\xc6b\xb1\x98u\xdeO\x82\xe1?!\x00\x00\x00\xda\x82s\xde\xd4\xd44m\xda\xb4\xd7^{\x8d\x88\x86\x0f\x1f\xde\xdc\xdc\xec\xa0\xa7&gt;\xfcK\x08\x00\x00\x80\xaf\xc7\x18\x8b\xc7\xe3\xfd\xfa\xf5\x1b&lt;x0\x11E"\x11\xa7o\x01"\x04\x00\x00@\x1bYK@\xad\xad\xadD\xc49w\xfa\xd9\x9f\x10\x00\x00\x00m\xc7\x18\xb3\xf3K\xde\xcf\x96\xb3\x17\xb0\x00\x00\xba\x99\x942\t\xf6\xffX\x10\x00\x00\x00m%\x84p\xbb\xdd\x1e\x8fGJ\xe9\xf4\xbb\xc0\x08\x01\x00\x00\xd0F\x8c\xb1\xb4\xb4\xb4\xf2\xf2\xf2\xc3\x87\x0f\xbb\\.\xb7\xdb\xed\xf4\x0c@\x00\x00\x00|=\xebY@\xff\xf5_\xff5f\xcc\x98q\xe3\xc6]{\xed\xb5\xd5\xd5\xd5.\x97\xcb\xd1\x19\x80\x00\x00\x00\xf8\x1aB\x88\xb4\xb4\xb4\xf7\xdf\x7f\xff\xd7\xbf\xfeu8\x1c\x8eF\xa3\x9b6mz\xfa\xe9\xa7\xd3\xd2\xd2\xacG\x039\x14v\x01\x01\x00|\r\xebIp\xfb\xf7\xef\xd74\xcd\xda\xfd\xc9\x18+++3M\xd3\xd1\x9bA1\x03\x00\x00h\x13k\xbc\xcf9\xd74M\x08\xe1\xf5z\x9d~\'\xb0\xb3[\x0f\x00\xd0\r8\xe7\xcd\xcd\xcd\x13\'N\xcc\xc9\xc9\x89\xc5b\xd1hTJ\xf9\xedo\x7f\xdb\xd1\xeb?\x84% \x00\x80\xafe\xdd\x03\xdc\xabW\xaf\xd7_\x7f}\xe5\xca\x95---W]u\xd5\xb5\xd7^\xdb\xd8\xd8\xe8\xe8\xfb\xc2\x10\x00\x00\x00_\x8fs\xde\xd2\xd22b\xc4\x88\xdf\xfe\xf6\xb7\xd6\xbd`\xe1p\xd8\xd1\x17\x00\x08\x01\x00\x00\xd0F\x9c\xf3H$\xd2\xdc\xdcl\x9d\xf7\x1d=\xf6\xb7 \x00\x00\x00\xda\x8as\xee\xf4\x0b\xbfgJ\x9e\x7f\t\x00\x00\x9c\x15\x04\x00\x00\x80\xa2\x10\x00\x00\x00\x8aB\x00\x00\x00(\n\x01\x00\x00\xa0(\x04\x00\x00\x80\xa2\x10\x00\x00\x00\x8aB\x00\x00\x00(\n\x01\x00\x00\xa0(\x04\x00\x00\x80\xa2\x10\x00m\xe2\xb8\'&gt;9\xae\xc1_\xcdq\xff\x1c\xc758\xb99\xee\x91m\xdd\xd6`\x04@\x9b\xc4\rA\x8ez\xf1g\xcc\x10\x89nBgB\xffCG\xc4\xe3qg\xbd\xb97\x1e\x8f[\x7f\x10\xa2k\x0b\t\x01\xf05\xac_\xc0\x07\x9fT\x91)\xb8\x13\xc6\x11RJ\xd2\xf8\xceO\xaa\x89\xc8\x01\xcd\xfd:\xe8\x7f\xe8\x08\xab~v\xee\xdci\xbd\xc9+\xd1\xcd\xf9z\xd6\xbb\'w\xed\xdaED\x19\x19\x19C\x86\x0c\xa1\xae\x9c\x108\xa0G\x12\xcb\xe5r\x13Qm\xb85\x163\x1c3\x91\x94\xb2\xb2\xa1\x85\x88\\.\x97#\x8a\xfe+\xa0\xff\xa1#\\.\x17\x11\xd5\xd5\xd5\xb5\xb6\xb6:\xa5~\xa4\x94\xd5\xd5\xd5D\xe4\xf5z\x83\xc1 !\x00\x12\xc5\x93\xe2\xc9\x1b5\x8a\x88\x0e\x95\x87*\xeb\x9a\xdd.n\xffy$gL\xc4\xcd]\x87k\x88h\xd8\xb0a9\xbdz\x119u,\xea\xf18\xbe\xff{}\xd6\xff\xce\xfc\x058\x9c\xc7\xe3\xc9\xcb\xcb#\xa2O&gt;\xf9\xa4\xa2\xa2\xc2\xedv\xdb\x7f!\x88s\x1e\x8dFw\xef\xdeMDC\x86\x0c\xf1\xf9|B\x08\x04@b\x18\xa6\x91\x97\x97\xc7\x195\xb5\xc4\xca\x8e\xd5kn]\xd8\xbb\x80\xa4$\xb7K\xab\xaak&gt;p\xa2\x81\x88rsG\xa6\xa6\xa6\x12\x11sf\x02\x98F\x12\xf4\xbf\x87\x9c\x9a\xbf\x8e\xf7Y\xfdp\xde\xd4\xd4\xb4\x7f\xff\xfe\x94\x94\x94\xae^R\xef )\xa5\xdb\xed\xae\xac\xac&lt;x\xf0 \x11\x8d\x1c9\x92s\xde\xa5mF\x00|\x95x&lt;~\xd9e\x97\xf5\xeb\xd7OH\xb9\xe1\x83c\x8cs\x9b\x8f \x84\x94z\x8a\xfe~YEMC3\xe7|\xeaUW\x99\xa6\x91\xe8F\xb5_\x12\xf4\xbfa8\xfb\xa5\xe1\x8e\xf6\x8f\xfa\x11b\xe3\xc6\x8d\xba\xae\xdb\xbd~\x84HMM\xdd\xbaukuu5\xe7\xfc\xaa\xab\xae\xa2.\xde\x11\x84\x00\xf8JR\x0e\x192\xe4\x92\xbc&lt;\xc6\xd8_J\x8f\xb66G]\x9a\xad{LJ\xc94\xfe\xe7\xf7\x0eK\xa2\xac\x9e\x99\x13&amp;LhnnIt\xa3\xdaOJrz\xff\xb7\xb48\xb8\xff\x9d\xee\xb3\xfa\xb9\xe4\x12\xc6\xd8\xfa\xf5\xeb\xc3\xe1\xb0\xae\xdb\xfa\x1d\x88\xd6\x15\xe07\xdexCJ\x19\x08\x04\xf2\xf3\xf3\x89\xa8K/#\xd9\xfap\xb2\x03]\xd7o\xbdu\x86\x94\xf2\xe3\x13\xf5\xef\xec:\x91\xe2u\x9b\xc2\xa6\x83\x08))\xc5\xad\x9f:\x15*\xda\xf1)\x11M\x9b&gt;\xbd_\xbf~\xd1\xd6\xd6D\xb7\xabC\x9c\xde\xff\xad\x0e\xef\x7f\xa7\xd3u\xfd\xd6[o\x95R\x1e&lt;xp\xd3\xa6M~\xbf\xdf4m:\'\x93Rz&lt;\x9e#G\x8e\x14\x17\x17\x13\xd1\xf4\xe9\xd3322L\xd3\xc4\x0c \x91\x9a\x9a\x9an\xb8\xe1\x86\xac\xac,)\xe5\xa2\x97wH!m\xbb\x9ek\n\xe1\xf6\xba\x7f\xf7\xc6\xee\xca\xfafM\xd3\xe6\xce\x9dG\xe4\xf8\xcb\x8f\x8e\xef\x7fH\xa83\xebg\xc9\x92%]}&gt;\xed\x08\xd34\xfd~\xff\xff\xfd\xdf\xffUUUi\x9a6w\xee\xdcnh*\x02\xe0kD"\x91\xd4\xd4\xd4\xdbn\xbbMJ\xb9i\xf7\x89\xe2\x92\xa3\xbe\xb4\x14\x1b\x0eB\xad\xe1gEEx\xe9\xba=\x8c\xb1\xdc\xdc\xdc\t\x13&amp;\x84\xc3aM\xd3\x12\xdd\xb4\x0eA\xffCG\x9cY?\x7f\xff\xfb\xdf\x8b\x8a\x8a\xacau\xa2\xdb\xf5e\xd6\xf0\xff\xd3O?]\xbe|9c\xec\x92K.\x99&lt;y\xb2\x10\xa2\xab\xeb\x07\x01\xf054M\x93R~\xef{\xdf\x0b\x04\x02D\xf4\xb3?l\x17\xa6\xed\xce&gt;Dd\x9a\xc2\xedK\xf9\xe5\x9f&gt;\xacnh!\xa2\x07\x1f|PJi\xf3=\x0fm\x81\xfe\x87\x8e\xf8R\xfd&lt;\xf1\xc4\x13\xf6\x9c\x04\x18\x86\xe1\xf7\xfb\x9fz\xea\xa9\x9a\x9a\x1a"z\xf0\xc1\x07\xc9\xba\xa9\xb0\x8b!\x00\xbe\x06\xe7\x9c1v\xfe\xf9\xe7\x17\x16\x16J)\xb7|t\xe2\xa9?}\x90\x16\xf4\xc6\xedt\xaf\xbfa\x8a4\x7f\xca\xb6\x9d\xc7\x7f\xfd\xdaNF4i\xe2\xc4\x193f0\xc6\x92`\xf8\x89\xfe\x87\x8e\xf8R\xfd\xbc\xfb\xee\xbbO=\xf5Tff\xe6\xe9g-\xd8\x81a\x18\xc1`p\xf3\xe6\xcd\xbf\xfb\xdd\xef\x88h\xd2\xa4I\x05\x05\x05\xdd0\xfc\'\x04@\x1b\x19\x86QXX8p\xe0@F\xf4\xdf\xcfo\xfd\xe0\xa3\xf2t\xbf\xc74mq\x0e\x12R\xba\xddZcK\xec\xae_\xbd\x15\x8b\x9b\x9a\xa6-y\xf2I\x9bow;[\xe8\x7f\xe8\x88\x7f\xd4\x0fc\x8f&gt;\xfa\xe8\xd6\xad[\x83\xc1\xa0a\xd8b\x87\xb4\x10"%%%\x1c\x0e\xdfs\xcf=\xb1XL\xd7\xf5%K\x96t[\xfd \x00\xdaDJ\x99\x91\x91\xb1z\xf5jM\xd7\x1b#\xf1\xef,)\xaanhq\xb9\xf5\x84/FKIR\x92\xdb\xed\xba\xe7\xd7o\xef9Z#\xa5\\\xbcd\xc9\xa8Q\xa3l\xb8\xca\xd9\x11\xe8\x7f\xe8\x88\x7f\xd4\x8f\xa6555\xddy\xe7\x9d\xd5\xd5\xd5\x1e\x8f\'\xe1\xbf&amp;)\xa5\x94255u\xfe\xfc\xf9{\xf7\xee\x95R.^\xbcx\xd4\xa8QB\x88\xeey\x88\x08\x02\xa0M8\xe7\x86a\x8c\x1b7n\xf1\xe2\xc5$\xe5\x9e\xa3\xb5\xd7\xfc\xf4\xcf\x9c3\x8f[3\x13\xb7$-\xa4\x14R\xa6e\xfa\xee\xfb\xcd\xdb/\xbe\xbd\x9f\x88n\xbe\xf9\xe6\xc2\xc2B\xc30\x92l\xf1\x01\xfd\x0f\x1d\xf1\x85\xfa!\xda\xb7o\xdfu\xd7]\xa7i\x9a\xc7\xe3I\xe0&lt;@\x08!\xa5\xec\xd9\xb3\xe7}\xf7\xdd\xb7f\xcd\x1aJD\xfd \x00\xdaJ\xd7uk"9w\xee\\"*\xfd\xb8\xea\xea\x87^\xado\x8a\xa5\xa5\xb9\x13\xb2\x1em\x98\xc2\xa5ki^\xf7}K6\xfc\xee\xcd\x8f\x88h\xcc\x981K\x97.\xed\x9e\xa5\xc3\xee\x87\xfe\x87\x8e\xf8R\xfd\xec\xd8\xb1\xe3\x9ak\xae\t\x85B\x81@ !\xd7\x03\x0c\xc3p\xbb\xdd~\xbf\xff\x9e{\xeeY\xbat)%\xa8~\x10\x00gA\xd34!\xc4\xd2\xa5K\xe7\xce\x9dK$\xdf\xday\xfc\xea\x9f\xbe\xba\xffx}z\xc0k\x9aRt\xd7r\x84\x942n\x08\x7fZJ$n~\xe7\x89\xa2\xdf\xbc\xb6K\n1f\xcc\x98\xa2\xa2\xa2\xae~v`b\xa1\xff\xa1#\xbeX?\xf4\xce;\xef\\{\xed\xb5\x07\x0e\x1c\xc8\xce\xce6M\xb3\xdb\xb6lI)\xe3\xf1x \x10\x88\xc5bs\xe6\xccy\xfa\xe9\xa7E\xe2\xea\x07\x01p\x16\x18c\x8c1\xd34O\xd7\xd0\x8e\x83U\x13\n\xff\xf8\xe2\x86\xbdi\xfe\x14\xaf\xc7e\x98\xa2KOCRJk\xe0\x99\x1e\xf4\xbe\xbf\xef\xd4\xe4\x07^^\xb5\xb1\x8c\x88\xc6~^=\xdd\xb6t\x98\x10\xe8\x7f\xe8\x88\x7f\xae\x9f\x0f?\xfcp\xd2\xa4I+W\xae\x0c\x06\x83&gt;\x9f\xcf0\x8c.\x8d\x01)\xa5a\x18.\x97+;;{\xeb\xd6\xadW\\q\xc5\x8b/\xbeHDc\xc7\x8eMT\xfd\xa0X\xcf\x0ec\xccz&gt;\xdf\xd2\xa5K\x17&lt;\xf2\x08\x11\xd5\x86#\xb3~Q4\xe3\xb1\xbf\xee&gt;Z\xebOO\xf5z\\\xa6\x90\x86):\xf1:\xbe\x94d}\xa7K\xd7\xfc\x01ou\xb8\xf5\xa7K\xb7\\\xfe\x9f\xafXo\x1d)((X\xaf\xcc\xd9\x07\xfd\x0f\x1dqf\xfd&lt;\xf2\xc8#DTWW\xf7\xdd\xef~w\xc6\x8c\x19{\xf7\xee\xcd\xcc\xcc\xf4z\xbd\xa6i\x9a\xa6\xd9\xa9\xf5#M\xd3\xb4N\xfdYYYuuu?\xfe\xf1\x8f\xaf\xbc\xf2J\xeb\x99\xcf\x05\x05\x05\xeb\xd7\xafOT\xfd\xd8\xfa\xd1H\xf6dM\xd0\x84\x10\x8f,X0\xfe\xd2K\xef\x9c3\xe7dy\xf9\x1f6\x1dx}\xeb\x91[\'\r\xf9\xe1\x8d#G\x0e\xc9&amp;\xc6\xcc\xa8\x11\x8d\x7f6"m\xdf\x9c\xce*A\xce\x99[\xd7\\):i\xbc\xfcT\xe8\xff^*Y\xfa\xd7\xbd\x15uMD\x94\xe2v\xfdb\xd1\x13\x85\x85\x85V{\x149\xfb\xa0\xff\xa1#N\xd7\xcf\x82\x05\x0b.\xbd\xf4\xd2;\xef\xbc\xf3\xe4\xc9\x93k\xd7\xae}\xf3\xcd7\x0b\n\n\xe6\xcf\x9f\x9f\x97\x97\xc7\x18\x8bD"\xd1h\xd4\xbaN\xdb\xb1\xfa\xe</t>
        </is>
      </c>
    </row>
    <row r="199">
      <c r="A199" s="1" t="n">
        <v>197</v>
      </c>
      <c r="B199" t="inlineStr">
        <is>
          <t>shape_size_grid</t>
        </is>
      </c>
      <c r="C199" t="inlineStr">
        <is>
          <t>What is the size of the missing part denoted by a question mark?</t>
        </is>
      </c>
      <c r="D199" t="inlineStr">
        <is>
          <t>['medium', 'small', 'large']</t>
        </is>
      </c>
      <c r="E199" t="inlineStr">
        <is>
          <t>large</t>
        </is>
      </c>
      <c r="F199" t="inlineStr">
        <is>
          <t>There are 9 shapes arranged in a grid with different sizes in the image, of which there is 1 missing shape. The first row is ['small triangle', 'medium triangle', 'large triangle'], the second row is ['small hexagon', 'medium hexagon', '?'], and the third row is ['small square', 'medium square', 'large square'].</t>
        </is>
      </c>
      <c r="G199" t="inlineStr">
        <is>
          <t>We observe that the columns contain small shapes, medium shapes, and large shapes respectively. On the other hand, the rows contain triangles, hexagons, and squares respectively. Hence, the pattern is that the shapes within each row are the same, while each column progresses the size of the shapes.</t>
        </is>
      </c>
      <c r="H199" t="inlineStr">
        <is>
          <t>Based on the pattern that the shapes within each row are the same, while each column progresses the size of the shapes, the size of the missing hexagon should be large.</t>
        </is>
      </c>
      <c r="I199" t="inlineStr">
        <is>
          <t>b'\x89PNG\r\n\x1a\n\x00\x00\x00\rIHDR\x00\x00\x02\x00\x00\x00\x02\x00\x08\x02\x00\x00\x00{\x1aC\xad\x00\x00G\xd2IDATx\x9c\xed\xdd{\\\x95U\xbe?\xf0\xe7\x06\x06l\xd8\x1bE\xd0\xe9\xa2@\xd6\x19!3h*%/xJ\xbb\x1ckt\xc4\x9a\xcaKu\x1c\xca{\x82\t!\x89\xa9\xa9yc\x9a\x9a\xc9\xa9\x99R\x8ffjY\xf9k*\xe7\x8c\xd7\xccj\x82&lt;\r6c\x08Z\xcd\x05Qao\xf6\x06\xc4\xfd&lt;k\xfd\xfe\xf8\xea3;P\x12\xd8\xf7\xf5y\xff\xe1+\xa9\xd8k\xdf\xd6g\xdd\x97\xcc9\x97\x00\x00@&lt;J\xa0\x0b\x00\x00\x00\x81\x81\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P\x08\x00\x00\x00A!\x00\x00\x00\x04\x85\x00\x00\x00\x10\x14\x02\x00\x00\x02\x83s\xce\x18\x0bt)\x84&amp;s\xce\x03]\x06\x00\x00\x08\x00\xf4\x00\x00\xc0\xdf\x18c\x9c\xf3C\x87\x0e\xbd\xf9\xe6\x9b\x92$\x19\x86\x11\xe8\x12\t\n=\x00\x00\xf07]\xd75M\x1b7n\xdc\x9e={jjj\x14E\x91eY\x96\xe5@\x97K8\xe8\x01\x00\x80_\x19\x86\xa1i\xda\xfe\xfd\xfb\xdfy\xe7\x9d\xd3\xa7O?\xf7\xdcs\x8a\xa2`2  \xd0\x03\x00\x00\xff\xe1\x9cs\xce\xddn\xf7\xe0\xc1\x83\xcb\xcb\xcb\x15E\xb1\xd9l\x87\x0f\x1fNLL\x94$IQ\xd0$\xf5+\xbc\xdc\x00\xe0?\x8c1EQ6o\xde\\^^\xae\xaa\xaa\xa2(uuu\x85\x85\x85\x8a\xa2\xa01\xea\x7f\xe8\x01\x00\x80\x9fP\xf3\xdfn\xb7\xa7\xa5\xa5\xd5\xd6\xd6\xd2OdY\xd64\xed\xe0\xc1\x83\x19\x19\x19\x14\x0f\x81.\xa6@\xf0Z\x03\x80\x9fP\xfd\xbez\xf5\xea\x9a\x9a\x1aY\x96i-\x90,\xcbg\xcf\x9e\x9d={\xb6a\x18h\x8f\xfa\x19z\x00\x00\xe0\x0f\x8c1Y\x96\x8f\x1e=\x9a\x9e\x9e\xae\xeb:\xf5\x06\xe8_i\x9a\xa6\xeb\xfa\xfa\xf5\xeb\'L\x98`\x18\x86\xaa\xaa\x81-\xaa8\xd0\x03\x00\x00\x7f\xa0\xc6~QQ\xd1\xd9\xb3geY\xa6\xbf\xd2\xd2O\xca\x86\x85\x0b\x17:\x1c\x0e\xfaW\x81.\xac(\x10\x00\x00\xe0s\xd4\xae\xdf\xb9s\xe7\xd6\xad[UU\xa5\x9d_\xd4\t\xa0\xb1 UU\xab\xaa\xaaJKK\x15E\xc1\xbe0\xbfA\xd8\x02\x80oQE\xcf\x18KOO\xff\xfa\xeb\xaf\xa9\xd5\xcf9\xbf\xee\x86\xf4\xac\xe1\x83~\xb3\xfa\xb7\xaa\xaaR\' 66\xb6\xac\xac,%%\x85s\x8e\xd9`?\xc0K\x0c\x00\xbeEs\xbfk\xd7\xae=r\xe4\x08\xed\xf9\xa2q\x9e\xd9\x853\x16,-\xba\xb2\xcf\x15\x8c\x194\x1c\xe4p8\x9ey\xe6\x19\x8c\x02\xf9\r\x02\x00\x00|\x88\xda\xf2\xf5\xf5\xf5\xc5\xc5\xc5\xe6h\x8fa\x18w\xdc3\xf2\xb6;G\xe8\xba\x9e7\x7f6\xe7\x92,\xcb4L\xb4q\xe3\xc6}\xfb\xf6\x99\xc3D\xe0S\x08\x00\x00\xf0!j\xef\x17\x17\x17\xd7\xd7\xd7\xd3n/\xceyDd\xc4\x9c\xa2Y\x9cs\xbb\xdd\x913\xe1g7\r\xba\xd1\\\xfcc\x18Fqq1j\x7f\xff@\x00\x00\x80\xaf\xd0\xe0\xcf\x91#G\xd6\xae]K\xb3\xbb4\xdc\xff\xe8\xd4\xc9\x032\xaes9]\xaa\xaa\x1a\xbaQ\xb0hndd$\xe7\x9c\xfe\x83}\xfb\xf6m\xda\xb4IUU]\xd7\x03\xfd\x0c\xc2\x1c\x02\x00\x00|\x85\x16\xf9\xcc\x9c9S\xd7u\x1a\xe5\xe7\x9c\xf7LL\x982\xe3\x91Fg#\x1d\x05\xe1lp\xde\x9a=\xf8\xee1w\xd2\xe8\x10\xfd/\x0b\x17.lhh\xc0\xf9\x10\xbe\x86\x00\x00\x00\x9f\xa0\xe6\xfc\xd6\xad[w\xee\xdcIc\xfa4\x03&lt;\xa7h\xd6\x15W]~\xe6\xcc\x19Z\x0e\xa4\xaa\xaa\xb3\xc15\xaf$\xcfj\x8bc\x9c\xd1\x9cAUU\xd5\xf2\xe5\xcbqJ\xa8\xafa\xb6\x1d\x00\xbc\x8f\xc6\xfau]OOO?z\xf4\xa8\xb9\xe1+m@\xff\xb7wmmU\xad\xeb\xba\x9e\xd0\xb3\xc7\x0b+~\xb3\xe8\xa9\xa54F\xa4(\x8a\xaa\xaa\x15\x15\x15\xfd\xfa\xf5\xc3\x01A\xbe\x83\x97\x15\xc4\xe5y\x1a\x01x\x17\xd5\xda+W\xae\xac\xac\xac4\x97\xf9+\xaa\xf2\xd4\xe2y\xd1\x96\xe8Vs\xbc\x9a\xa6\xd9\xeb\x1d\x13s\x1fJ\xbe\xba/-\t\x95$\xe9\xec\xd9\xb3EEE\x92$\xe1=\xf2\x1d\x04\x00\x88\x0b\xb7P\xf9\x08\xd5\xfe555\xabV\xad2\xe7~\r\xc3\x18=\xf6\xee\xdb\xee\xcc\xb6\xd7\xd9\xdb\x9e\xf6c\x18Ftt\xd4\xfc%\x85\x9eKB\xb7n\xdd\xbaw\xef^,\t\xf5\x1d\x04\x00\x08\x8as\xde\xd2\xd2\xe2r\xb9\xd0\x0f\xf0:\x9a\xc8-((\xa8\xab\xab3\xf7\xfd\xc6\xc6\xc5\xce\x9c7\xad\xb9\xa9\xf9\x82\xe39\xaa\xaa68\x9c\xa3F\xdf\x965|0\xd5\xfe\xf4K\xf2\xf2\xf2ZZZ\xb05\xccG\x10\x00 "Z\x94\xb2v\xed\xdaI\x93&amp;\xd1\xee\xa4@\x97(|\x98K97l\xd8@\x8dw\x1a\x02\x9a\xf4\x8b\x87\x06d\\\xe7r5\xb63\xa0o\x18\xacxi\xa1\xa6itt\x84\xa2(eee\x9b7o\xc6l\xb0\x8f WA8\xd4\xe4w\xb9\\7\xdcpCuuuyy\xf9\xc0\x81\x03q\xf8\x8c\xb7\xd0p\xcd\x88\x11#hC/\xbd\xdaW\\u\xf9{\x1f\xbd\x1d\x15\x15e\x18F;\xc3n\xbantO\xb0\xe5?V\xb0\xf1\xf7\x9b\xcd\x99\x83\xc4\xc4\xc4\xc3\x87\x0f\xdbl6\x0c\xd9y\x1d&gt;\xf1 \x1cjZ&gt;\xf7\xdcs\xd5\xd5\xd5\x92$=\xf1\xc4\x13\x18a\xf0\x16j\xefo\xda\xb4\xc9&lt;\xce\x81^\xdb\xfc\xe2\'\x12\x93z\xd2A\xd0\xed\xfc\xef\xaa\xaa4\xb9\x9a\xe7\xcc\x9fe\xb5\xc5Q\x93_\x96\xe5\x9a\x9a\x9a\xd5\xabW\xa3\x13\xe0\x0b\xf8\xdc\x83X\xa8\xf6\xaf\xac\xac\xa4kIh\xbeq\xcb\x96-999\xb8\x8a\xa4\x8b\xa8\xb1\xeft:333\xab\xab\xab\xa9\xc1n\x18\xc6M\x83n\xdc\xbek\x8b\xc3\xdep)/\xaf\xae\xeb\xdd\x13\xe2\x7f\xbdr\xad\xb9$\x94\xee\x8c\xac\xa8\xa8\xb8\xfa\xea\xab\xd1Q\xf3.\xbc\x94 \x16j\xf1x^K\xd2\xf6\xaf\xd09\xb4\xd5\xab\xb4\xb4\xb4\xaa\xaa\x8a\xean\xceyddd\xc1\xa2\xb9\x86\xc1.q\xf4F\xd5T\xa7\xc3y~I(\xa3\x14\xa1%\xa1x\x83\xbc\x0e\x01\x00\x02\xa16\xfe\xde\xbd{\xcdkI\xe8\xf8\x81\xca\xca\xca\x95+Wb\x90\xa1+\xe8\x95\xac\xae\xae^\xb3f\r\xbd\xb6\x9a\xa61\xc6\xee\x1es\xe7\xad\xd9\x83\x9d\r\xceKl\xb9\xcb\x92\xac\xeb\xb4$\xb4\x80\x16\x02\xb5\xddQ\xec\xeb\xe7"\x0e$*\x88\x82\x06(\xdcnwVVVyy\xb9\xb9\xf8\x87\xda\x986\x9b\xed\xf0\xe1\xc3III\x18d\xe8\x1c\xaa\xa6srr\xb6m\xdbF\xcd\x7fI\x96\xac\xd6\xb8\xf7?\xde\x91\xd8\xab\xa7\xfb\xac\xbbC\xf3\xb7\x86aX\xe3\xad\x8f\x8e\xcf\xfd\xe0\xdd\x9d\xe6L\xf25\xd7\\SQQ\xa1(\nf\x83\xbd\x05\x1ft\x10\x05\x8d\xfeo\xde\xbc\xb9\xac\xac\xcc\xbc\x96DV\xce]N[WWWPP\x80A\x86\xce1\xbbVT\xfb\xd3X\x10g|\xf2c\x13S\xfb%\x9fi&gt;\xd3\xd1\xfaZ\x96e\xdd\xad\xcf)\x9a\x15\x11\x19A\xb5\xbf\xe7\xa9\xa2\xe8\xa8y\x0b&gt;\xee \x04\xaaD\x1c\x0eG\xff\xfe\xfdkkk\xdbn\xfe\xa2f\xe6\xee\xdd\xbb\x87\x0e\x1d\x8a\xd9\xe0\x0ei\xdb\xb5\xa2\x1f\xf6M\xed\xf3\xe1\xc1\x1d\x9c\x9f\xdb\x17\xd6\xd1_\xab\xebz\x8f\x9e=J\xe6.z\xa9\xf4\xe5s]\nI\xb2\xd9lUUU6\x9bM\x92$t\x02\xba\x0e=\x00\x10\x025\xff\x8b\x8b\x8bkjj\xa8\x99/\xcbr\x8c%\xe6\xaa\xbeWJ\xe7\xab\x12\xc6\x18\xae"\xe9\x84\x0bv\xad8\xe7\xf3\x97\x14\xc6X,\xed/\xfco\x87\xaa\xaa\x8d\xce\xc6)3\x1e\xe9\x99\x98@i\xdd\xeaf1o?\x0f\x11!\x00 \xfc]\xf0Z\x12\xce\xf9\xcf\'\x8f\x7f\xe5\x8d\x974M3g\x1a\xcd\xabH\x10\x03\x97\xc8s\x00\x8dj\x7fz\xf5\xb2\x86\x0f\x1e5\xfa\xb6\x06\xc7%-\xfd\xbc Y\x96\xcf\x9c9s\xc5U\x97\xcf)\x9aE\xef \x8d,y\xde-\xec\xdd\xe7" \x04\x00\x84\xbf\x0b^K\x92\x90\x98\xf0\x8b\x99\xff}\xe3M\x99m\xaf"q8\x1c\x98\x0c\xb8DT5\xaf^\xbd\xda\xecZq\xce5M+^Zh\x18]\xad\xa0\xe9\x94\xd0q\x0f\x8eI\xbb\xbe?=\x90,\xcb\xba\xae\xcf\x9c9\x13o\x90W \x00 \xccQ\xd3~\xe7\xce\x9d\xad\xae%\xc9+\x9aue\xdf+N\x9e&lt;Y\xf8\xcc\\[\xbc\x95\xae"QU\xb5\xaa\xaa\xaa\xb4\xb4\x94\xda\x9b\x81.{\xb03\xbbV+V\xac\xf0\xbc\xf1\xf1\xbe\x89\xe3\xae\xcf\xbc\xce\xe5l\xef\xd8\x9fKd\x18F\x8c\xc5RP\x92\xef\xb9$\xd4\xf3\xdd\xf4\xca\x13\x11\x16R\x14\xc2\x99y-\xc9\x80\x01\x03\xbe\xfe\xfaks~\xb2\xff\x80\x1f\xbf\xfd\xa7-\x8cq\xb7\xdb\x9d\x98\xd4\xf3\xd9\xf9\xcf\x95.\xfb\x95\xb9\xef466\xb6\xac\xac,%%\x05KB\xdbG\xd5\xf1\xa8Q\xa3\xa8:&gt;\xf7\xea\xc5Yv\x95\x7fh\xb3\xd9\xdc\xee\x8e-\xfdl\xe7Q\xe2\xac\xb1\xff}\xff\xe3X\x12\xeau\xf8pC83\xaf%9r\xe4\x88YCq\xce\x0bJ\xf2i~2""\xa2\xbe\xce&gt;5/\xb7oJ\x1f\x9a\xae\x94e\xd9\xe1p&lt;\xf3\xcc3\x18dh\xdf\xc5\xbaV3\x9f\x9c\xf6\xa3+z\x9b7&gt;v\x9d,\xcb\xcc`X\x12\xea\x0b\xf8\x88C\xd8\xa2\xaa\xa1\xb6\xb66--\xcdn\xb7S\xc5a\x18\xc6\xa8\xd1\xb7\xff\xee\x8d\x97\x1a\x1cN\x9a\x9f\xd4u=\xbeG\xfc\x96\xf5\xdbfO\xc97\x8f/\x96$i\xd7\xae]X\x12z1T\x113\xc6\xd2\xd3\xd3[u\xad\xde\xdd\xbdM\xd7\r.qY\xf2Z\xc3\x9c\x96\x84.\xc8\x7ff\xed/_1\x83\xdcj\xb5~\xf5\xd5W\x89\x89\x89\x92$\xa1\xa3\xd69x\xd5 lQ\x8d_XXXWWG\x15\x04]KR\xb00_\xd7\xff\xbd6Q\xd34G\x9d#g\xc2\xd8\x9b\x06\xddhV\xf7\x86a`Ih;\xa8k\xe5\xb9 \xc7\xecZEEG\x19\x86\xe1\xc5\xda_:wq\xbcs\xfa\xdc\xc7\xfb$_e\x1e\x10T___XX\xa8(\nZ\xb1\x9d\x86\x00\x80\xf0d^\'\xf2\xfa\xeb\xaf+\x8a\xa2\xeb\xbay-I\xfa\xc04\x97\xd3\xf5\xbd6\xa3,\x19:+X4722\x92s\x8e%\xa1\xed\xa3*\xb8\xa6\xa6\xa6\xb8\xb8\xd8s\xe9\xe7\x1d\xf7\x8c\xcc\x1e5\xcc^\xef\xf0z\x9fI\x96\xe5\xb3-g\x13{%N\x9d\x93k\xce\x06+\x8a\xf2\xfa\xeb\xaf\x9b\x9b\x0f\xbc\xfb\x88\x82@\x00\x04\x12u\xa2\x03]\x8a\xf0\xd4\xeaBA\x1a\xfc\xe9\x93|\xd5/f&gt;j\xafsh\x9a\xe6\xf9\x1f+\x8a\xe2lp\xde\x9a=\x18KB/\x85\xd9\xb5\xaa\xaf\xaf\xa7\x068\xe7&lt;"2bN\xd1,v\xc9\xa7~v\x94\xa6iu\xa7\xea\xee\x9b\x94\xf3\x93A\x99\x94\xd0\xb2,\xb7\xb4\xb4\xe4\xe5\xe5\xe1\r\xea4\x04@ Q\xc5\x14\xe8R\x84!\xaa \xb6m\xdbf^)Nu\xc4\xd49\xb9I?J\xba\xe0\xb5$\xaa\xaa:\x1b\\O\x96\xe4aIh\xfb.\xd6\xb5z\xe4\xf1I\x032\xaes\xb6\xeaZy\x15\xe7&lt;"B\x9bU0CQ\x15\xe9Bg\xbb\xfa\xe8q\xc3\x18j\x9f\xc0\xa0\xa3\xd2\x0f\x1d:\xf4\xe6\x9boJ\xe7o\xd1\x03\xaf\xa0\xc6\xa0\xc3\xe1\x987o\x1e\xd5\xfbT;\xfcdP\xe6}\x93r\xeaN\xd5\xb5j\xfe\x13Y\x96\xcf4\x9fI\xed\x97&lt;9w"g\xdc\\\xd5\xbef\xcd\x9a\xea\xeaj\xf3,\x1ah\xdb\xb5b\x8c\xf5I\xbej\xfa\xdc\xc7\x9d\rN\x9fN\x98\xab\xaaj\xafw\xdc~\xd7\x88\xd1c\xef6\xb7sK\xb8\xce\xa1\x0b\x10\x00\x81A\xa3\xa8\x8b\x17/\xce\xcd\xcd\xa5\xed\xa9\xf8\xecz\x0bU\r\xa5\xa5\xa5\x9e\x15\xb7\xa2(\xb3\nfDDh\xed\xbc\xce\xaa\xaa\x9aKB\xe9\r\x92\xbe\x1f$\xfe{\x0e\xc1\xca&lt;\x9a\xbfm\xd7*\xb1W\xe2\xd9\x96\x1f\xb8\xf1\xb1\xeb\x14Einj\x9e9oZl\\\xac\xb9\xeb\x18\xd79t\x1a\x02 \x00\xe8\xae\x8c\xfd\xfb\xf7\xbf\xf3\xce;\xa7O\x9f~\xee\xb9\xe7\xf0\xd9\xf5\x16\x1a\xc1\xaf\xaa\xaaZ\xb3f\x8d\xd9\x8a7\x0c\xe3\xde\x9c\xff\xba\xfd\xae\x11\xed\xcfO\xd21\x03\x968\xcb\xec\xc2\x19\x9e\xfbN=\x87\x92\xfc\xf9\\\x82\rE ]\xceE\x7f\xbd\x94\xae\x95w)\x8a\xe2r5\x0e\xc8\xb8n\xd2/\x1e2\'\x9f\x15EY\xb5j\x15\x9dE\x81\xefQ\x87 \x00\xfc\x8dj\x96\x96\x96\x96\xd9\xb3g\xeb\xba\x8e\xcf\xaew\xd1\xcb\xfb\xcc3\xcf\xd0\xe4\xad$I\x8c3[\xbcu^I~\xa3\xab\xe9\x07\x07(4Ms\xd4;r\x1e\x1a\x9b5|\xb09\xc8\xe09\xe2!r?\x80*\xdc\x95+WVVV\xd2m_\x92$)\xea\x0fw\xad\xbcK\xd34{\x9d\xfd\x173\x1f\xed\x93|\x95\xb9w\xaf\xae\xae\x0eKB;\x01\x01\xe0o\xe6\xd9\xb9\xe5\xe5\xe5\xaa\xaa*\x8a\x82\xcf\xae\xb7\x98\xcb77n\xdc\xf8\xbdkIr\'\xa6\xf4Knnn\xbe\xc4\x01\n]7\x8a\x97\x16j\x9aF\xcb\xb4h\xces\xf3\xe6\xcd"w\xd4\xe8u\xa8\xaa\xaaZ\xbe|9u\xad4M3\x0cc\xf4\xd8\xbb\x7f\xb0k\xe5]tEp\xd2\x8f\x92Z-\t\xdd\xb4i\x13}\xa7\x84}\x8f:A\xe8\x16\x8d\xff\xd1\xa8\xa5\xddnOKK\xab\xad\xad\x95\xce\xb7X#""\x0e\x1c8\x90\x91\x91\x81\xc3g\xba\x82\xda\x83\xd9\xd9\xd9\xfb\xf6\xed\xa3\xc6;c\xacoJ\x9f\x9d\x9f\xbeG\xaf\xfc\xa5\x07@\xf7\x04[\xfec\x05\x1b\x7f\xbf\xd9\xdcw\x9a\x98\x98x\xf8\xf0a\x9b\xcd&amp;\xe6\xe13\x14\xae\x93&amp;MZ\xbf~=U\xfd\xb2,G\xc7D\xbf\xb3{[j\xbf\xe4\xe6\xe63~\xfe\xdc2\xc6\xa2\xa2\xa3\xc6\x8d\xfc\xf9\xe7\x9f\x94\x99{\xf7\x86\x0c\x19\xb2{\xf7nI\x92\xb0y\xfb\x12\xa1\xae\xf1\xabVg\xe7\xd2Z ,g\xf6\n\xaa\xa16l\xd8@\xb5\xbfy\x0f\xc9\xec\xc2\x19\x968\x0b\xcd\xb4_\xe2\xafRU\xa5\xc9\xd5&lt;g\xfe,\xab-\xce\xbc7\xb8\xa6\xa6f\xf5\xea\xd5bv\x02Zu\xadt]WT\x851\xf6\xdf\xd3\x1f\xbe\xee\x86\xf4\xc6\xc6&amp;\xff\xb7Zh\x06\xa2h\xf1\xbc\xc8\xc8\x08\xda\xbbG\xf3j\xd8\xbb\xd7!\xa8q\xfc\x87\x1a\x92G\x8f\x1eMOO\xd7u\xdd\xf3VB\xfa\xc8n\xd9\xb2%\'\'\x07\x87\xcft\x82g\xd7\xea\xc4\x89\x13\x92$\xd10\xc5M\x83n\xdc\xbe{kC}\x03\xad\x1c\xbft\xba\xaewO\x88\xff\xf5\xca\xb5\x8b\x9eZjv\x024M\xab\xa8\xa8\xe8\xd7\xaf\x1f\x05\xb9o\x9eJ0\xa2\xfat\xc4\x88\x11\x17\xecZ\x05\xaaT\xba\xae\xf7LJ\xc8}`\xfa\xf67\xde1O\tMII)++\x8b\x8d\x8d\x15\xb3\xa3\xd6Q\x02}\x88\x03\x8e\x1a\xfb\x9ek\x96\xcd\xcf(\x963w\x91g\xd7\xca\xdc\x9b\xaaiZ\xc1\xa2\xb9\x86nt\xe2X\x1aUS\x9d\x0e\xe7\xc4\xdc\x87\x92\xaf\xee\xcb\xd8\xb9\x99F\xcf\x050\xde\x7f\x0e\xc1\x8a\xb6zm\xda\xb4\xe9b]\xab@\x15\x0c{\xf7\xba\x0e\x01\xe0\'\xe6\xd9\xb9\x9e\xbb\x16\xcd\x81i\xc6\x18\x963w\x1a\xd5\xfe\x95\x95\x95m\xaf%\xc9\x1a&gt;\xc8\xd9\xe0\xecDk]\x96d]7\xa2\xa3\xa3\xe6/)\xe4\\2\x97\x84z.\x81\xf7\xc5s\t64)\xd5\xd0\xd0\xb0p\xe1B\xcf]u7\r\xba1g\xc2\xcf\x1cm\x0e\xd5\xf0\xa7\x0b\xee\xddS\x14e\xcd\x9a5UUU\x98\r\xbe\x14\x08\x00\x7f\xa0Z\xde\xf3*;\xba\xc8\xe2\xfa\xcc\xeb\xa6\xccx\xc4\xfcRaIh\xe7\xb4\xeaZ\xd1\xabg\xb5\xc5\xcd\x99?\xcb\xd5\xd0\xd8\xe9\xf14UU\x1b\x1c\xceQ\xa3o\x13yI(\x85\xeb\xf2\xe5\xcb\xab\xaa\xaa\xa8i\xd2\xc5\xae\x95wy\xee\xdd\xc3u\x0e\x9d\x80\x00\xf0\x87\x8b\x9d\x9d\xfbD\xe1\xcc\xa7\x16\xcf\xbb\xb2\xcf\x15\xe6\t\xb7X\x12\xdaQm\xbbV\xf4\xeay\xebZ\x12\xc3`\xc2.\t\xa5\x85\xff\xd415oJ\xe8b\xd7\xca\xbb&lt;\xf7\xee\xd1_\xa9\x90\x1b7n4\x07\xac\x02[\xc2 \x87\x90\xf49\x1a\xe7q8\x1c\xa9\xa9\xa9v\xbb]:??y\xc7=#\xd7n|122b\xddo\xff\xa7`\xc6|\xb3\xf2\xc2\x92\xd0Kw\xb1kI\xfa\xa6\xf6\xd9\xf9\xe9{\x9c1\xc6\xbbz-\x89\xc8KB\xa92\x1d?~&lt;\x85+\x05^\x9c5\xd6\xbb7&gt;v\x1d3X\\|\xec\x98\xec\xf1\x9f\x1d\xfc\xdc\\\x12:t\xe8\xd0]\xbbvIX\x12\xda.\xd4/&gt;G\xcd\xc6\xe2\xe2\xe2\xb6g\xe7J\x92Tw\xba\xfe\xfeI\xe3q\xc2m\xe7\\\xack5\x7fIAtt\x94\xae{\xe1Z\x12a\x97\x84\xb6=k\xd3\xbb]+oj\xf7:\x87\x00NS\x07?\x04\x80o\x99\x83\x06t\x7f\xa9\xd9\x89~t\xea\xe4\x01\x19\xd7\xb9\x9c.Y\x96q\xc2m\xe7P\x0f\xa9\xbe\xbe\xbe\xb8\xb8\x98\xc6\xfd\xcdkI\xee\xb8w\x94\xc3\xde\xe0\x95\xa6\x9f,\xcbg\xce\x9c\xf9\xd1\x15\xbdg&gt;9\x8d\x1e\x91\xde\xd3\x15+V\x98\xa9\xd3\xf5G\t6\xe6\xac\x95\xd9\x16Q\x14\x851#\xf9\xea\xbe\x13s\x1fr:\x9c\xaa\x16D\xcd\xeav\xaeshhh\xc0\x80j;\x10\x00\xbeeN\x1b\xd2F$\xaa\xa7\x12\x12\x13\xa6\xccx\xa4\xd1\xd9\xa8\xaa*N\xb8\xed4j\xef_\xb0k\xa5\xbb;\xb0\xed\xeb\x07}\x7fI(3\x97\x84\x9aS\xfa\xdez\xa0\xe0av\xad\xcc\xfb\xb6dY\xe6\\\x9a\xbf\xa4\xd0[]+\xef\xa2%\xa1\xf3J\xf2\xac\xb68Z\x12\xeaypEX\x86\xb4W \x00|\xa8\xed\xc2A\xaa\xa7\xf2\xe6\xcf\xbe\xe2\xaa\xcb\xcdN4N\xb8\xed\x04\xaa\xa1\x8e\x1c9r\xb1\xae\x95\x17\xa7O&lt;\x96\x84\x16x\x9e\x12\xbas\xe7\xce\x9d;w\x86_G\xcd\xb3k\xe5y\xe3c\xd6\xf0\xc1\xa3F\xdf\xd6\xe0\xf0\xed\xa1\xff\x9dCKB\x93\xaf\xee;\xf3\xc9i\xb4$\xd4\xf3\xe8:,\t\xbd\x18\x04\x80\xafPMq\xc1\xb3s\x1fxx|\xdd\xe9zs\x015N\xb8\xed\x04zyg\xce\x9civ\xad8\xe7==\xbaV\xde}8UU\x1d\xf6\x86;\xee\x1du\xc7=#=\x97\x84\x9a\x05\x08\xa7~\x80g\xd7\x8a\x9e\x1au\xad\x8a\x97\x16\x1aF\xf0~\x145M\xb3\xd7;&lt;\xf7\xeeI\xdf?\xbc:\xd0\x05\x0cF\x08\x00_\xa1&amp;\xea\x05\xcf\xce\xa55\x85\x9e\xff1N\xb8\xed\x10\xb3ke6\xc0\xa9\xc57\xa7h\x96g\xd7\xca\xbbdY\xd6\xdd\xfa\x9c\xa2Y\x11\x91\x11T\'zvA\xc2&amp;\xa4\xdb\xe9Z\xddp\xe3\xf5\xde\xedZy\x9da`\xef^\xc7\x84U\xcb%xP\x1b\xea\xc4\x89\x13iiiv\xbb\x9d\x9a\xff\xba\xae\xdf\x9b3\xfa\xb7\x9b^&lt;u\xf2t\xdb\xfd\x93\xba\xae\'$&amp;\xbc\xf6\x9b\xf5\xf3f\x14aIh;\xa8\xf2\xd5u===\xfd\xe8\xd1\xa3\xe7\x0e\xfdg,m@\xff\xb7wm\xf5iE\xac\xebz\x8f\x9e=J\xe6.z\xa9\xf4esT\xc1f\xb3UUU\xd9l6I\x92\x82haLgQ\xa59j\xd4(\nW\xfa$\xf7H\xe8\xfe\xc1\xc1\x1d\xb6\xf8 Z\xfay1\x8c\xb1\xd88\xcb}wM8\xb0\xe7c\xf3\x80\xa0\x8c\x8c\x8c\x03\x07\x0eDDD\x84\xf7\xb2\xddN@\x9d\xe2\x134&gt;PPPPWWg\xd6P\x96X\xcb\xccy\xd3\x9a\x9b\x9a/X\x95k\x9aVw\xaa\xee\xbeI9X\x12\xda&gt;\xcf\xae\x95YC)\xaa\xf2\xd4\xe2y\xd1\x96h\x9f\xb6\xf2TUmt6N\x99\xf1H\xcf\xc4\x04zGZ-C\xf2\xddC\xfbG\xdb\xb9\r?t\xad\xbcN\xe4\xbd{\x1d\x85\x00\xf0&gt;s\x19\xf2\x86\r\x1b\xce}\x8b.\xed\xec\\\xce9\x96\x84\xb6\x8f\xbe\xcf555\xabV\xad\xf2\xbc\xf1q\xf4\xd8\xbbo\xbb3\xdb^g\xf7\xe9\xfc$-\t\xbd\xe2\xaa\xcb\xe7\x14\xcd\xa2\x92P\x15\xe9\xb9\x11\xc1w\x8f\xeek\xe6\xac\x95\xe7\x81%\x8c\xb1\xb4\xeb\xfb\x8f{p\x8c\xbd&gt;\x90\xc7\xfe\\:EQ\\\xce\xc6\xeb3\xaf\xbbo\xe28\x9aQ\xa3w\xcal\x8d\xa1-\xe5\t\x01\xe0\x13\x86a\x14\x17\x17\x9b\xd7\x91\x1b\xba\xd17\xa5\xcf\xd49\xb9\xf5\x1es\xbfmaI\xe8\x0fj\xdb\xb5\xe2\x9c\xc7\xc6\xc5\xb6\xd3\xb5\xf2.\x9ai\x1c\xf7\xe0\x98\xb4\xeb\xfbS\xcd\xd2\xea\x94\'_\x17\xc0w\xcc\xae\xd5\x91#G\xcc\xae\x15\xe7\xbc\xa0$?\xc6b\t\xa1\xf6\x87\xb0{\xf7:\x01\x01\xe0e]&lt;;\x17KB\xdb\xd1\xb6kE\xf5\xd4\xa4_&lt;4 \xe3:\x97\xab\xd1?\xd3$\x86a\xc4X,\x05%\xf9\xe1\xb4$\x94\xaa\xfb\xb6]\xabQ\xa3o\xcf\x1e5\xcc^\xef\xdb\xae\x95w\xb5\xb3w\xaf\xb2\xb2\x12\xdf#O\xa1\xddf\t6Te\xbb\\\xae\x8c\x8c\x8c\xea\xeaj\x9aq:\x7f-\xc9\x96\x86z\xe7\xa5\\K\xe2v\xbb\x93z\'-|r\xf1\x0b+\x7fc\xde\xbdg\xb3\xd9\x0e\x1f&gt;\x9c\x98\x98(I\x92\xb0\xb3\xc1m\xaf%\xe1\x9c_q\xd5\xe5\xef}\xf4vTT\x94\x99\xb5\xfe)I\x9c5\xf6\xbf\xef\x7f\xfc\x83ww\x9a%\xb9\xe6\x9ak***\xa8O\x10\x12c\xe5\x9e\xa8\xc6\x7f\xf8\xe1\x87_{\xed5\xf3S\x17c\x89yw\xcf\xb6\xe4\xab\x93\xfd\xd3\xbb\xf2".qE\x96eE\x19y\xf3\xdd\xc7\xab\xbe1\xbf\x89999[\xb6l\xc1\x9dK\xa6PzS\x83\xdf\x05\xcf\xce\x8d\x8c\x8c,X4\xd7\xd0\xd9%\xee\x9d\xc4\x92\xd0\x0b\xa2/m\xab\xae\x15\xe7&lt;\xbf\xf8\x89\xc4\xa4\x9e4D\xe6\xb7\xc2\xc8\xb2\xcc\x0c\x166KBi\xac\xbc\xbc\xbc|\xd3\xa6M\x8a\xa2P/\x96\xbaV\xe9\x03\xd3\x82|\xe9\xe7\x05]l\xef\x9e\xe7\xd2\xe1@\x971(\xa0\x07\xe05\xe6\xb5$\xe9\xe9\xe9\x86a\xd0%\xa5\xba\xae\x8f\xb9\xef\xde\xb5\x9b^8y\xe2\xd4\xa5\xcf\xa1aIh+T\xc9:\x9d\xce\xcc\xcc\xcc\xd6]\xab][\xbcu\xecO\x87\xb4\xb3$\xd4j\xb5\x86V\'\x80j\xc3\xec\xec\xec\xfd\xfb\xf7\x9b\x1d\x9a\xab\xfa^\xb9c\xef[Q\xd1~\xedZy\x97a\x18\xd6x\xeb\xa3\xe3s\xc3\xa6\xa3\xe6ub\xd5#&gt;\xe59a+\xd1\xd1\xe4\xcc\xb0\xda\xe2\xe6\x95\xe49\x1b\\\x1d\xaa\xa1\xb0$\xb4\x15\x8a\xc0\xd2\xd2R\xf3\xa6\xa7\x7fw\xad\x0c\x16\x90\xafq;KBC\xab\x13`v\xad\xf6\xef\xdfo\x0e\xfep\xce\xa7\xce\xc9M\xfaQ\x92\x9f\xbbV\xde%\xc8\xde\xbd\xae@\x00x\xc7\x85\xcf\xcee|\xe6\x93\xd3\x92\xaf\xee{\xa6\xb9\xc3\x0b\xa8\xb1$\xd4D\x03\x14\xd5\xd5\xd5k\xd6\xac\xa1\xe7N;\xab\xef\x1es\xe7\xad\xd9\x83\x03u-I;KB\xcd\x03\xd4\xfc_\xaa\x8e\xa2\xe1\x11\x87\xc3A7&gt;\x9a\'\x91\xdcxK\xe6}\x93r\xeaN\xd5\x85\xc4\xd2\xcf\x8bQ\x14\xc5\xe5t\r\xc8\xb8\xee\xd1\xa9\x93\xe9=j{\x80`\xa0\xcb\x18`\x08\x00/h\xff\xec\xdc\xce-\xa0\xc6\x92P\x13\xbd\xbc\xf3\xe6\xcds8\x1c\xf4\x13\x83\x19\xb6x\xeb\x93\x1d\xefZy\xd7\xf9%\xa1c\xd3\x06\xf4\xa7\xda\xbf\xd5\xc7 P\x05\xbbt\x17\xe9ZE\x14-\x9eg~\xe4BZ\xd8\xef\xdd\xeb"\x04\x80\x17\xb4\x7fvn\xa7[\xebX\x12*yt}\xb6m\xdb\xe6\xd9\xb5\x9a\xfc\xd8\xc4\xd4~\xc9\x9d\xe8Zy\xbdx\xd1\x96\xe8\xa7\x16\xcfST\xc5\x9ci\x0c\x95\x8e\x1a\xb5\xf7\xab\xaa\xaa\xd6\xacYC=\x98\xf3]\xab\xbb\xb2\xb2\x0758\x020\xb3\xe2u\xe1\xbdw\xaf\xebB\xa3\x9d\x12\xcc\xe8\x05\xb4\xdb\xed\xa9\xa9\xa9\x0e\x87\x83\x9a\xff\x86a\x0c\x1e6\xe8\x8d?lp6ti\x05\x85\xdb\xad\'\xf5N\\\xf8\xe4\xe2\x17W\xbd$\xe0\x92P\x8a=\xb7\xdb\x9d\x95\x95U^^.{\xdc\xf8\xf8\xe1\xc1\x1d\x9c\x9f\xeb\x1c\x04\xb6\x90\xba\xae\'\xf4\xec\xf1\x8b\x07\xa6\xbd\xb3u\x07\xb5\x9a\x19c\xfd\xfa\xf5\xab\xa8\xa8\xd04-\x98g\x1au]\xd74m\xd2\xa4I\xeb\xd7\xaf7\xe7\xb1\xad\xb6\xb8\xf7?\xde\x91\xd8\xab\xa7\xfbl\xb0\x1f\xfb\xd3!\x8a"\xff\xf4?\xc7\x7f\xf5\xe5_\xcd\x15\x04#G\x8e\xfc\xf0\xc3\x0f\x05_\x12\x1a\xce\xd5\x87\x7f\xb4:;\x97~\xd2\xed\xb2n\x8bV&gt;\xad(\x8a\x16\xa1EtAT\xd4e.\xa7kj^n\xca\xd5\xc9\xe6\xb9\xc7\xe2,\t\xa5&amp;\xdb\xe6\xcd\x9b\xbf\xdf\xb5\xe2\xf3\x97\x14\xd2\xde\xd4`\xa8\xa1B\xb4\xa3F\xed\xfd\xfd\xfb\xf7o\xdc\xb8\xd1\xf3\xb2\x8a\xc9\xb9A\xd1\xb5\xf2\xae\xb0\xdc\xbb\xe7\x15\xe8\x01t\tUI_\x7f\xfduzz:\x8d\x9fR\xf3\xff\xe1\xc7&amp;\x16,\x9a[w\x8a\x0e~\xe8\xca+,\xeb\xba;\xa1g\x8f\xf5/oZT\xf8\xac\xb9A_\x84%\xa1T\x99\xda\xed\xf6\xb4\xb4\xb4\xda\xdaZ\xf3\xb5\xcd\x1a&gt;\xb8\xeb]+\xef\n\xb9\xbd{f\xd7j\xf0\xe0\xc1\xe5\xe5\xe5T&lt;\xcey\x9f\xe4\xabv~\xfa\x1e\xfd\xdbp\n\x00)\x1c\xf7\xeey\x05\x02\xa0KZ\x9d\x9dk6%l\xf16\xc6\x99\xc4\xb9\xe4\x9d\x9b\xf3\xb8$\xcb\r\xf6\x06\xfa\x0b=\xd0\xb0a\xc3\xf6\xec\xd9\x13\xc6\x1dXzj\xf3\xe7\xcf_\xb2d\x89\xd9DU\x14\xe5\xff\xed\xdf\xfe\xe3\xf4\xffh\xba\xf8\x99z\xfe\xc79WU\xb5\xb9\xa9y\xf4\xb0\xb1\xdf\x1e\xff\xce\x1cd\x98&lt;y\xf2\xab\xaf\xbe\x1a\x84\xef\x11\x15i\xdd\xbau\x93\'O6\x0f\xd50\x0c\xa3\xf4\xe5\x95\xe3\'\x8ek\xff\xc4\xaa\x10\xc5\x18\x8b\x89\x89\xfe\xdbW_\xdf=\xe4\xa7\x86n\x98\xed\x89\x17^xa\xda\xb4iA\xf8\x1e\xf9\x07\x02\xa0\xf3\xcc\x8e\xe4\xa8Q\xa3\xfc\xdc\x91\xa4\x87\xdb\xb2eKNNNX~v\xcd\xae\xd5\x80\x01\x03t]7\x97\'&gt;\xf8\xc8\xfd+_ZVw\xca\xae\x05\xd3\xa5\xe4RH\xed\xddk\xa7k\xb5\xe5\xfd\xffip\x04fY\xad\x1f\xd0\xde\xbd\x05\xf9\xcf\xac\xfd\xe5+fg\xdaj\xb5~\xf5\xd5W\xc1\xd9Q\xf3\x03\x04@\'\xd1\xb7\xc80\x8c\x01\x03\x06|\xfd\xf5\xd7\xad\x96\x94\xf9\xa2;\xe9\xf9N\xd1\xe02\xcd4\xd26\xb10\xeb\xc0^\xf0Z\x92\xd88\xcb\xae\xf2\x0fm\xb6 \xbd\x96\x841\x16\x15\x1d\x953\xea\xe7\x7f&gt;XF\x91\x1c\x9c\x1d\xb5\x10\xeaZy\x17\xe7\\\xd5\xd43\xcdg\xfek\xc8\x98\x90\xe8\xa8\xf9Ax\xbe\xd3~@\xf3\x93\xcf&gt;\xfb\xec\xdf\xfe\xf67\xc6\x98a\x18\xdc\x03\xf3\x01\xcf\xdfO\x0f\xf7\xf5\xd7_?\xfb\xec\xb3\xc1&lt;\xd3\xd89\x17\xbb\x96d\xe6\x93\xd3~tE\xef\xa0\xbd\x96$$\xf6\xee\x99\x07\x96\xacX\xb1\xc2\xf3\xc6\xc7\xfb&amp;\x8e\xbb&gt;\xf3:\x97\xd3O\'\xaa\x06\x84,\xcbg[\xce&amp;\xf6J\x9c:\'\xd7\x9c\rV\x14\xe5\xf5\xd7_\x0f\xa1\xbd{\xde\x85\x1e@g\xd0\xa7\xe7\xe4\xc9\x93\x83\x06\r\xaa\xaf\xaf\x97\x02q\xe54U\x82\xf1\xf1\xf1\x07\x0f\x1e\xec\xd9\xb3g\xd8\xcc\xda\x99\t\x9a\x9e\x9eN]+\xfaa\xff\x01?~w\xf76]7\xb8\xc4e\xef\xcc\xacx_\xf0/\t\xa5\x1a\x7f\xfc\xf8\xf1\x14KT\xe5\xc5Yc\x83\xb9k\xe5]\xa1\xd2Q\xf3\x0f\x04@\xe7\xb5\xb4\xb4466\x06p9&amp;\x8d;\xc5\xc4\xc4t\xeb\xd6- \x05\xf0\x05\xfa\x12\xbe\xf8\xe2\x8b\xd3\xa7O\xf7\x9c\x9f\xdc\xb0\xfd\xf7\xffyg\xb6\xbd\xde\x11\xcc_Q\xc6XT\xd4eU\x95\xc7~:"\xa7\xd1\xd5\xc8\xcf\xdf\x05\xbdd\xc9\x92\xa7\x9ez*\xe0\xf5K\xdbY+\xfa\xb3\xf8\xd9\xc2\xa9\xf9\xb9\xe7\x17\xad\x859\xc30\xac\xb6\xb8\xdd;\xf7M\x1c\xfb\x88,\xc9\xe6\x8b\x10\xc63j\xed@\x00@\x10\xa1\x06immm\xff\xfe\xfd=w\xd5\xddq\xcf\xc8W6\xff\xa6\xc1\xe1\x0c\xfe/g;KB\x93\x92\x92\x028\x1b|\xb1\xaeU\xdf\xd4&gt;;?}\x8f3\xc6x\xf0v\xad\xbc+\xf8;j~\x13\xb6\xe3}\xfe\xc1\x83@\xa0_\x03o\xe2\x9c+\x8aRXXh\x9e\xd5\xc59\x8f\x88\x8c\x98S4\x8b\x05\xe8\xd4\xcf\x8e\xd24\xcd^W?e\xe6\xa3W%_\xe9y\x9dCAAA`\x0f\x082\x0f,1\x8f@8\xbf\xab\xae ::J\xd7\rAj\x7f)d\xf7\xee\xf9\x02z\x00\x10,\xa8J*//\xcf\xca\xcar\xbb\xdd\xe6\xd2\xcf)3\x1eY\xb8\xf2\xe9\xd3\'O\x87\xca\x00\x85\xb9$\xb4pV\xb19\xd2\xc29\xdf\xbd{\xf7\xd0\xa1C\x032\xc8@\xd5\x9c\xc3\xe1HMM\xb5\xdb\xed\x12]Um\x18w\xdc3\xf2w[\xd6:\x82{`\xcd\x17Bn\xef\x9e\x8f \x00 XP\xcd8|\xf8\xf0\xbd{\xf7\x9a\x1d\xf3\xffH\xbb\xf6\xbd\xfd\xdb/\x8b\x8a2\x0c=$z\x00\xb4\xef\x9bq\x1e\x15}Y\xce\xc8\x07\xf6\xfei\xbf9\xd38t\xe8\xd0]\xbbvI\x92\xe4\xff\xda\x96^\xdb\xe9\xd3\xa7\xbf\xf8\xe2\x8b\xe6\xc2*US\xdf\xdb\xff\xf6\xb5\xfd\xaf\t\xe3\xa5\x9f\x17\xc3Cm\xef\x9e\x8f \x00 (\x987\xf6\x8d\x1f?\xde\xf3\xc6\xc7+\xae\xba"\xa5_\xdf3\xcdgB\xab\x86b\x8cw\xbb,\xf2\xef\xdf\xfc\xe3X\xd5qz"\xf4\xa4\xd6\xaf_?a\xc2\x04?\xd7/f\xd7\xea\x96[n\xa1%\xc5T\x98\xc7fO)YQ\x1cB]+\xef\xba\xe0\xde=M\xd3\x0e\x1e&lt;\x98\x91\x91A#f\x81.\xa3\xcf!\x00 \xf0\xa8\xb1o\x18FzzzeeeX\x8e\xc3\xd2\x94FJJJYYYll\xac?g\x1a[u\xad\xe8\xb5\xed\xd1\xb3\xc7\x87\x07w\xd8\xe2\x85X\xfay1\xb4$t\xdc\xc8\x9f\x7f\xfe\xc9\xbf\x97\x84\x0e\x192d\xf7\xee\xddR :j\xfe\x17\xfe\x11\x07\xc1\x8f\xda\xa4+W\xae\xac\xac\xac\xa4#\xe9\xcd\x7f%\xcb\xb2\x1a\xb2&lt;+Vv\xfe\xf0\xfd\xd2\xd2R\x1a\x7f\xf7\xcfkkv\xad\xa8\xf67O\xfd\xcc\x9b?\xfb\x8a\xab.\x0f\xda]u\xfeA=\xb3\xa2\xc5\xf3"##8\xe7\xe6\t\xa9\x9b6mR\x83f\xef\x9eO\xa1\x07\x00\x01F}\xedc\xc7\x8eeff:\x9dN\xe9\xfcb\xd0\xf0#\xcb\xb2\xa2(\xb1\xb1\xb1\x9f\x7f\xfeyrr\xb2\x1f\x06\x19h\xeeW\xd7u\xb3kE#\xdd?\x19\x94\xb9m\xe7\xebM\x8d\xcd"\x8cr\xb4O\xd7\xf5\x9eI\t\xb9\x0fL\xdf\xfe\xc6;\xea\xf9SB\x03\xd2Q\x0b\x08\xd1\xdf~\x088\x1a\xff\xc9\xcf\xcf\xaf\xaf\xaf\xd7u\x9d\x8e~\x0bK\x86a\xb8\xdd\xee\xba\xba\xba\xfc\xfc|\xc6\x98\x1f\xda^\x8c1EQZu\xad\x14U\x99U0C\xd344\xfe$IRU\xd5\xd9\xe0z\xb2$\xcf\x16oe\x9cQ\x9f\xc0\xff\x1d\xb5@A\x0f\x00\x02\xcf0\x8c\x8f&gt;\xfa(\xfc\xb65\\\x105*o\xbd\xf5V\xd5\xc7C\xcc\x8c1Y\x96O\x9c8\x91\x96\x96f\xb7\xdb\xf9\xf9]u\xf7\xe6\x8c\xfe\xed\xa6\x17O\x89:\xf7\xdb\x96\xae\xeb=\x13\x13\x9e\x9d\xff\\\xe9\xb2_\xa9\xe6\xc9\x83\xb1\xb1eee)))&lt;\x98Nr\xf5:\x04\x00@x\xa2\xd1\xff\xc9\x93\'\xaf[\xb7\xce\xac\xd7b,1o\xef\xda\x9a\xda/\xb99\xd4\x16V\xf9\x0e\xe7\x9cRy\xe4\xcdw\x1f\xaf\xfe\xc6\x1c(\x9b8q\xe2\xbau\xeb\xc2{I(\x02\x00\x82B\xd8\xf7\xb5[\xf1u\x9dB\xd5\xd6\xbe}\xfb\xb2\xb3\xb3\xa9:\xd34M\xd7\xf5\xe9\xf9\x8f/xn\xfe\x89\x7f\x9d\x88\x88\x88\xf0i\x01B\x8b\xae\xeb\xf1=\xe2\xb7\xac\xdf6{J\xbez~\xef\x9e$I\xbbv\xed\n\xd4\xde=\xff@\x00\x00\x84!\n\xd4\x11#F\xec\xdb\xb7O=\xbf\xab\xae\xf7\xe5\xbd\xde\xfb\xe8\xed\xa8\xa8(\xc3`a=\xb5\xd9\x19\xcc`\xd6\xf8\xb8\x9ff\xe7\x94\xff\xf9\x90\x1a\x04{\xf7\xfc\x03\x01\x00\x10n\xa8\xc5\xbaa\xc3\x86\x89\x13\'\x9a\xedYUU_y\xe3\xa5\xf1?\xfd\xd9\xe9\x96\xba\x08M\xc3\xd7\xbe\x15f\x181\x911\xe5\x87\xbe\xb8g\xf88\x97\xd3eN\x99\xd0\xde=]\xd7\xc3r\xca\x04\x01\x00\x10Vh.\xdd\xe9tfffVWW\xd3&gt;d\xcey\xf7\x1e\xf1\x93r\'\xb8\xcf\xbaeY\x0e\xe6;\x15\x02\x82^\x10\xc6XtL\xd4\xc6\xdfo\xfe\xe7\xdf\xffE\xb3\x02\xb4$\xb4\xbc\xbc\xdcb\xb1\x84\xe5\x92P\x04\x00@X\xa1\xb6\xea\xc2\x85\x0bKJJh\xdc?\xd0%\na\xd4\x7fz\xea\xa9\xa7\x96,Y\x12\x963\x01\x08\x00\x80\xf0AK}\x8e\x1d;\x96\x91\x91\xe1r\xb9Z\xed6\xd04UB\xc3\xff\x87\xd0}\xab\xf4\xcf\xb4wOU\xd5\x8a\x8a\x8a~\xfd\xfa\xb1\xb0; (\xac\x9e\x0c\x80\xe0hE\xe3\xfc\xf9\xf3\x9dN\xa7\xa6i\xaa\xaaj\x1eP\xfb_\n\xcf\x17\x8d\xfe\xd90\x8c\x05\x0b\x16H\x81\xb8\xf9\xd5\xd7\xd0\x03\x00\x08\x134F\xb1}\xfb\xf6\xb1c\xc7\x06\xba,a\xe8\xad\xb7\xde\x1a3fL\x98\r\x04\x85\xe1\xbc6\x80\x98h\x8a\xd20\x8c\x92\x92\x12\xba/:\xfc&amp;-\xfd\x8f\x96\x03\xd1Qq\xd2\xf9\x179l\xa0\x07\x00\x00 (\xf4\x00\x00\xc2\n\x1d&lt;\x17\xe8R\x84!EQ\xc2l\x06XB\x0f\x00\x00@X\xe1\x16h\x00\x00p\x89\x10\x00\x00\x00\x82B\x00\x00\x00\x08\n\x01\x00\x00 (\x04\x00\x00\x80\xa0\x10\x00\x00\x00\x82B\x00\x00\x00\x08\n\x01\x00\x00 (\x04\x00\x00\x80\xa0\x10\x00\x00\x00\x82B\x00\x00\x00\x08\n\x01\x00\x00 (\x04\x00\x00\x80\xa0\x10\x00\x00\x00\x82B\x00\x00\x00\x08\n\x01\x00\x00 (\x04\x00\x00\x80\xa0\x10\x00\x00\x00\x82B\x00\x00\x00\x08\n\x01\x00\x00 (\x04\x00\x00\x80\xa0\x10\x00\x00\x00\x82B\x00\x00\x00\x08\n\x01\x00\x00 (\x04\x00\x00\x80\xa0\x10\x00\x00\x00\x82B\x00\x00\x00\x08\n\x01\x00\x00 (\x04\x00\x00\x80\xa0\x10\x00\x00\x00\x82B\x00\x00\x00\x08\n\x01\x00\x00 (\x04\x00\x00\x80\xa0\x10\x00\x00\x00\x82B\x00\x00\x00\x08\n\x01\x00\x00 (\x04\x00\x00\x80\xa0\x10\x00\x00\x00\x82B\x00\x00\x00\x08\n\x01\x00\x00 (\x04\x00\x00\x80\xa0\x10\x00\x00\x00\x82B\x00\x00\x00\x08\n\x01\x00\x00 (\x04\x00\x00\x80\xa0\x10\x00\x00\x00\x82B\x00\x00\x00\x08\n\x01\x00\x00 (-\xd0\x05\x00\xe8$\xcey\xa0\x8bp\x8e,\xcb\x81.\x02@g\xc8\xc1\xf3-\x02\x00\x00\x7fB\x0f\x00B\x0f\xe7\\\x96e\xbb\xdd.\x05\xba\x1f@m\x7f\x9b\xcdFE\n`I\x00:\x01\x01\x00!\xc60\x0cUU\x97-[\xb6|\xf9rM\xd3\x0c\xc3\x08`aTU\xd5u}\xde\xbcy\x05\x05\x05T\xb0\x00\x16\x06\xa0\xa30\x04\x04\xa1\x841&amp;IRmmmZZZ]]]\xa0\x8bsN\xf7\xee\xdd\x0f\x1f&gt;\x9c\x98\x98(I\x92\xa2`a\x05\x84\x0c|X!\x94p\xce\x15E),,\xac\xab\xab\x8b\x88\x88\x90eY\t(Y\x96#""\xea\xea\xea\n\x0b\x0b\x15EAs\nB\x0bz\x00\x102\x18c\xb2,\x97\x97\x97gee\xb9\xddn\xea\r\x04\x03EQ"""\x0e\x1c8\x90\x91\x91A\x11\x15\xe8\x12\x01\\\x12\x04\x00\x84\x0c\x1ad\x1f&gt;|\xf8\xde\xbd{UU\xa5\xd1\x7fEQ\xe2\xac\xb1\x8c1I\xf2\xe7\x1c,W\x14\xa5\xc1\xe1\xa4\x10\xa2\xc2\x0c\x1b6l\xcf\x9e=\x98\t\x80\x10\x82\x00\x80\xd0@\x15\xeb\xb6m\xdbrrr\xa8\xc2\xa5\x86\xf6\xaf\xd7??$;\xcb\xe5t)\xaa\xff\xda\xdd\xcc`\x96X\xcb\xfe\xdd\x07\xa6N\x9c)I\x12c\x8c\x8a\xb4u\xeb\xd6q\xe3\xc6!\x03 T \x00 \x04p\xce\x19c.\x97+##\xe3\xd8\xb1c\xb2,\xcb\xb2l\x18\xc6\x98\xf1\xf7\xfcv\xf3o\xeaO\xd7\xfb\xbf\xc25\x0c#\xbeG\xfc/\xee\x7f|\xfb\x96wUU\xe5\x9cs\xce\x93\x93\x93\xcb\xcb\xcb-\x16\x0bM\x0f\xf8\xb9H\x00\x1d\x85\x00\x80\x10\xa0\xeb\xba\xa6i\x0b\x17.,))9\xb7\xf4S\x96\xac\xd6\xb8\x0f&gt;\xde\xd13\xa9\xe7\xd9\x96\xb3\xb2\xe2\xef\xda\x963\x1e\xd9-\xf2\xe4\x89\x93w\x0c\x1e\xedp4H\xfc\xdc\x92\xd0\x92\x92\x92\x05\x0b\x16P\x81\xfd\\$\x80\x8e\xc2l\x15\x04;\x1a`\xa9\xaa\xaaZ\xb3f\x8d\xa2(4\xf8\xc3\x19\x9f\x9c;1\xa5_\xf2\x993g\x14U\x91\xfdNQ\x953g\xce\xa4\xf4K\x9e\x9c;\x913n\x16l\xcd\x9a5UUU\xaa\xaa\x06\xcf\x1c5\xc0\xc5\xa0\x07\x00\xc1\x8e\x86\xd4\'M\x9a\xb4~\xfdz\x1ala\x8c\xf5M\xe9\xb3\xf3\xd3\xf7h\xe0%P\x83-\xf4\xd0\xb2,\x8f\xbc\xf9\xee\xe3\xd5\xdf\xd0\xb0\x8fa\x18\x13\'N\\\xb7n\x1df\x02 \xf8\xa1\x07\x00A\x8d\xaa\xd1}\xfb\xf6m\xdc\xb8\x91&amp;Z\xa9\xba\x9f]8\xc3\x12g\xd1u=\x80C\xed\xb2,\xeb\xban\x89\xb3\xcc.\x9cA\x7f\xa5\xd2n\xdc\xb8q\xdf\xbe}\xe6:%\x80\xa0\x85\x1e\x00\x045\xaaCG\x8c\x18AU*\xfd\xe4\xa6A7n\xdf\xbd\xa5\xa1\xde\xe9\xcf\x95?\x17\xc3\x0c\x16\x17\x1f;&amp;{\xfcg\x07?7K8t\xe8\xd0]\xbbvI\x92\x84N\x00\x04\xb3\xc0\x7f\x7f\x00.\x86\x1a\xd4\x9b6m2\x1b\xd4\x9c\xf3\xc8\xc8\xc8\x82Es\r\x9d\xf9u\xdd\x7f;d\xc9\xd0Y\xc1\xa2\xb9\x91\x91\x91\x9cs\xb3\xcb\xb2i\xd3&amp;t\x02 \xc8!\x00 H\xd1\x08\xbb\xc3\xe1X\xb8p\xa1,\xcb\x9cs\x9aY\xbd{\xcc\x9d\xb7f\x0fv68\x83d\xc3\xad\xa2(\xce\x06\xe7\xad\xd9\x83\xef\x1es\'\xcdWS\xc9\x17.\\\xe8p8\xa8\xe4\x81.#\xc0\x85\x05\xc5W\x08\xa0-ZTSZZJ\x8bj8\xe7\x8c3[\xbc\xf5\xc9\x92&lt;g\x83+\xa8\x86VTUu6\xb8\x9e,\xc9\xb3\xc5[\x19g\x94UUUU\xa5\xa5\xa5\xb4:(\xd0\x05\x04\xb80\x04\x80\xaf\x18^\x15\xe8g\xe3o\xd4\x94\xae\xae\xae^\xb3f\x8d\xb9\xef\x973&gt;\xf9\xb1\x89\xa9\xfd\x92\xcf4\x9f\t\xe0\xdco[\xb2,\x9fi&gt;\x93\xda/y\xf2c\xff^\x12\xaa\xaa\xea\x9a5k\xaa\xab\xab\xb1$\x14\x82\x16\xfa\xa7\x10\x8c\xa8\x02\xcd\xc9\xc9\xd9\xb6m\x9b\xb9\xcf\xb6oj\x9f\x0f\x0f\xee\xe0\\\n\xc2\xdbW\xce/\t\x95F\r\x1a}\xbc\xea\x1bZ\x1ej\x18\xc6\xb8q\xe3\xb6n\xdd\x8a%\xa1\x84\x96\xf0Jm\xae\xf1\x91e\x19{\xa7\x03\x02\x01\xe0}\xf4)?p\xe0\x80\xb7Z\xee\xaa\xaafee\x89\xf3\r\xa1\xear\xef\xde\xbd\xc3\x87\x0f\xa7\xe6?\xfd\xf9\xbb7\xd6\xdeq\xcfH\x87\xdd\x11\x9c\x95\xa9a\x18V\x9b\xf5\x83ww&gt;z_\xaeg\xb1\xf7\xec\xd93l\xd80a3\x80\xbe\x0e4,\xd6\xfe\x07\x98\xa6\xd0\xe9\x9cm\xbf\x15Op\x08\x00/\xa3\xef\xf9\x86\r\x1b&amp;N\x9c\xe8\xc5_\xbb~\xfd\xfa\t\x13&amp;\x88P\x89Pc\xdf\xedvgee\x95\x97\x97\x9bM\xe9\xac\xe1\x83\xdf\xf8\xc3\x06g\x83+\x98k\x07\xc6Xl\x9c\xe5\xbe\xbb&amp;\x1c\xd8\xf3\xb1\xd9q\xc9\xc8\xc88p\xe0\x00\xdd^ H\x84\x13\xb3\xde7\x7fr\xf2\xe4\xc9o\xbe\xf9\xa6\xa6\xa6\xe6\xe4\xc9\x93\x8d\x8d\x8d\x86aDDD\xf4\xe8\xd1\xe3\xf2\xcb/OMM\xed\xdd\xbb7\xfdg\x14\x03B\xbdV\x81\x82\x00\xf0&amp;\xfa\xc2;\x9d\xce\xcc\xcc\xccc\xc7\x8e)\x8a\xd2\xf5\xc1_\xfa%\xc9\xc9\xc9eee\xb1\xb1\xb1a_\x89P\xc8\xad[\xb7n\xf2\xe4\xc9\xe6\xe8\xbf\xa2(\xffo\xff\xf6\x1f\xa7\xffGScS\x90\x07@tL\xf4_+\xfe\xf6_C\xc60\xc6\xccSB_{\xed\xb5I\x93&amp;\x89\x90\xdf\x84\xbe\x08\xf4N555}\xf4\xd1G\xef\xbf\xff\xfe\x81\x03\x07*++\xe9&amp;\xe7\xb6bcc\xd3\xd3\xd3\xef\xbd\xf7\xde\x07\x1ex\xe0\xca+\xaf\x94$\x891\x16\xcc\xefux@\x00xS\xab3\xcbh\x9fjW&gt;\xc4\xd4\x86\xa2_%\xc2)cTq\xd8\xed\xf6\xb4\xb4\xb4\xda\xdaZ\xaaD\x0c\xc3x\xf0\x91\xfbW\xbe\xb4\xac\xee\x94]\xd3\x82\xbd\x02\xd5u\xa3{\x82-\xff\xb1\x82\x8d\xbf\xdfL\xd3\xbf\xb2,\'&amp;&amp;\x1e&gt;|\xd8f\xb3\x85}~{\xfa\xf2\xcb/\xd7\xaf_\xbf}\xfb\xf6\xea\xeaj\xf3\x87\xe67\xc2|\x1d\xe8M7\x9bJ6\x9bm\xe6\xcc\x99EEE\x91\x91\x91\xc8\x00_C\x00x\r}\xd5\xab\xab\xab333\x9dN\'}\xac\xbd\xf2\x9b\xa9\xd6\x88\x8d\x8d-++KII\t\xe3;\xa7\xa8\x8d&lt;\x7f\xfe\xfc%K\x96\x98\x8bg\xe2\xac\xb1\xbb\xca?\xb4\xd9ln\xb7;\xf8kO\xceyDD\x84\xddn\x1f\x911\xaa\xc1\xe1\x94$\x892\xac\xa8\xa8h\xf1\xe2\xc5a\xdf\t\xa0o\xc1\x91#G\x8a\x8b\x8b\xdf~\xfbm]\xd7%I\xa2&gt;\x1c\xb5f\xcc\xff\x92\xdeJ\xfa\tM\xa1\xd3\xb0\x0f\xfd/\xb7\xdez\xeb\x96-[z\xf7\xee\x1d\x84\x13\xfe\xe1\x04\x01\xe05\xad\xce,\xa3\x8f\xbb%\xd6r}\xe6\x00\xbd\xe35\x17\xe7\\\x8b\x88\xf8\xbf\xb2/]N\x17}7\xc2\xfe\x941j\xeeUVV\xa6\xa7\xa7\xeb\xban6\xff\x8b\x9f-\x9c\x9a\x9f[w\xaa&gt;T\xba&gt;\xba\xaewO\x88\xff\xf5\xca\xb5\x8b\x9eZjv\x024M\xab\xa8\xa8\xe8\xd7\xaf_x\xb7j\xe9\xc3\xf9\xe9\xa7\x9f\xder\xcb-\x92$i\x9aFCaf\xfdN\xdb\xb9[\xfd_\xe6\x19\x7f\x92$\xd1k\xe5v\xbb\x07\x0c\x18\xb0w\xef\xde\xb8\xb88\xa1\xbaM~\x86\x00\xf0\x0e\xf3\x00\x80\x11#F\x98\x7f5\x0cc\xcdoWL\x9e2\xd1\xe1t\xa8\x1d&lt;\xb5\xc60\x985\xd6\xfa\xda\xcb\xeb\x9f\xf8\xc5\\sI\x89$I\xbbv\xed\x1a:thXf\x00=\xa9\xf1\xe3\xc7o\xdd\xba\xf5\xfc\x0c*\xeb\x9b\xdaw\xe7\xa7\xef\xd1:\x129X\x0e\x7f\xf8\x01\\\xe2\x8a,\xcb\x8a2\xf2\xe6\xbb\x8fW\x1d\x97\xe5s\x15_NN\xce\x96-[\xc2\xf2\xbd\xf3D\t7v\xec\xd8\xb7\xdf~\xdb\xcc?\xcf\x15q\xd1\xd1\xd1\xb1\xb1\xb1\xd1\xd1\xd1\x92$9\x9d\xceS\xa7N\xd1\xcf=O\xce\x88\x88\x88p\xbb\xdd\xf7\xddw\xdf\xe6\xcd\x9b\xc3\xfe\x15\x0b \x04\x80w\x18\x17=\xb3l\xab\xbd\xce\xde\xb9\x16\x1fc\xcc\xd6\xdd6&amp;;G\x84S\xc6\xda]\xfay\xbb\xc3\xde\x10Z\xcf\xd70\x0c\xab-\xee\x83w\xff(\xe0\x92P\xb314|\xf8pj\xcbK\x92\x14\x13\x133l\xd8\xb0Q\xa3Feff\xf6\xe9\xd3\xc7j\xb5FFFJ\x92\xd4\xdc\xdc\xfc\xed\xb7\xdf\xee\xdf\xbf\xff\xd5W_-++\xf3\\7AS_\x7f\xfa\xd3\x9fF\x8c\x18\x11\xde\xafX\x00!\x00\xbc\xc0s\xe9\xa7\xb9pE\xd3\xb4\xcd\x7f\xd8p\xe3-\x99.g\'\xcf-0\x0c\xc3\x12k\xf9\xfc\x93\xb2\xfb\xef\x9a\xa0\xeb\xba\xb9\xa4$\xfc\x96\x84\x9a\xd3\x80\xb7\xdcrK\xc8-\xfd\xbc\x98\x8b-\t\xfd\xe4\x93Oh0$\x8c\x875\xa8\x13p\xf3\xcd7\x7f\xf6\xd9g\x19\x19\x19\x0f=\xf4\xd0\x981c\xfa\xf6\xed\xdb\xce\xffb\x18\xc6\xe2\xc5\x8bKJJ\xcc~\x00]\xfdv\xcf=\xf7\xbc\xfd\xf6\xdb\xe1=n\x16@\x08\x80\xae\xf2\\\xfaY]]mV^c\xee\xbbw\xed\xa6\x17N\x9e8\xd5\x95\x91k]\xd7{&amp;%\xe4&gt;0}\xfb\x1b\xef\x98\x95HJJJ\x98-\t\xa50{\xf1\xc5\x17\xa7O\x9fn&amp;\xa8\xaa\xa9;\xf6\xbe\x15\xfcK?/\xc6\\\x12:z\xd8XC7\xcc\xfc~\xe1\x85\x17\xa6M\x9b\x16N\xf9\xdd\x16=\xbb={\xf6\xfc\xeb_\xff\xba\xff\xfe\xfb\xe9SjN\x06\xb4\xfa\xdcR\xf6\xd3D\xf1\x13O&lt;QZZj^\xfc\xc09\xb7\xd9lG\x8f\x1e\xed\xd1\xa3\x07f\x83}\x01\x01\xd0U\x17\xbb\xae\xf6\xfd\x8fw$\xf6\xea\xe9&gt;\xdb\xa5\x85+\x9c\xf3\x88\xc8\x88\xda\x9a\x93w\x86\xef\xc5\xb3\xf4\t\xb4\xdb\xed\xa9\xa9\xa9\x0e\x87\xc3\x9c\xfb}l\xf6\x94\x85+\x8aO\x9d&lt;\x1d\xba\xcfQ\xd7\xf5\x84\x9e=\x16\xcc]\xf4R\xe9\xcb\xe6h\xb8\xd5j\xad\xaa\xaa\xb2\xd9l\x92\xc7R\xc8\xf0\xa6\xeb\xfa\x0f\xee\xef\xa5\x91\x9f\x86\x86\x86\xab\xaf\xbe\xfa\xf4\xe9\xd3T\xfb\xd3\x9f\xfb\xf6\xed\x1b2dHxGf\xa0\x84^\xc3*\xa8\\\xf4\xcc\xb2\\\xef\x9cY\xf6\xefS\xc6r\xc3\xf6\x941\xaa\x16\x8b\x8b\x8b\xeb\xeb\xeb\xcd\xa5\x81=\x13\x13\xa6\xccx\xc4\xe5l\x0c\xe9\xef\xbc\xaa\xaa.g\xe3\x94\x19\x8f\xf4LL\xa0\x9c\x93e\xb9\xbe\xbe\xbe\xb8\xb8X\x96\xe50x\xef\xda\xc7\x18\xa35?\x9a</t>
        </is>
      </c>
    </row>
    <row r="200">
      <c r="A200" s="1" t="n">
        <v>198</v>
      </c>
      <c r="B200" t="inlineStr">
        <is>
          <t>color_grid</t>
        </is>
      </c>
      <c r="C200" t="inlineStr">
        <is>
          <t>What is the color of the missing part denoted with a question mark?</t>
        </is>
      </c>
      <c r="D200" t="inlineStr">
        <is>
          <t>['yellow', 'purple', 'orange', 'red']</t>
        </is>
      </c>
      <c r="E200" t="inlineStr">
        <is>
          <t>orange</t>
        </is>
      </c>
      <c r="F200" t="inlineStr">
        <is>
          <t>There are circles with different colors arranged with a grid formation in the image. The colors in the first row are ['green', 'orange', 'green'], the colors in the second row are ['orange', 'red', '?'], and the colors in the third row are ['green', 'orange', 'green'].</t>
        </is>
      </c>
      <c r="G200" t="inlineStr">
        <is>
          <t>We observe that the circles at the corners are green, while the circles directly adjacent to the center are orange. Only the center circle is red. Hence, the pattern is that the circles alternate in color depending on if they are at the corner or adjacent to the center.</t>
        </is>
      </c>
      <c r="H200" t="inlineStr">
        <is>
          <t>Based on the pattern that the circles alternate in color depending on if they are at the corner or adjacent to the center, the missing color of the part that is adjacent to the center should be orange.</t>
        </is>
      </c>
      <c r="I200" t="inlineStr">
        <is>
          <t>b'\x89PNG\r\n\x1a\n\x00\x00\x00\rIHDR\x00\x00\x02\x00\x00\x00\x02\x00\x08\x02\x00\x00\x00{\x1aC\xad\x00\x00q\x93IDATx\x9c\xed\xddy|T\xd5\xf9?\xf0\xe7\x9c\xbb\xcc\x92L\xf6\x90\x04\xc2\x16\x08\x01\x02I@\x02\n\x8al\xa2\xd8Rk\xdd\xb0B)(\xe2W\xad\x15\xeb\xd7j\xeb\xb7\xb5XkAT\xeaO\xd4jE\xeb^)B\x15\x0b\x01q\x05Q\x81\x00!\x10H\xd8\t\xd9\xb7\xc92\xeb\xbd\xe7\xfc\xfe\xb8d\x88\t\x84 \x99dr\xcf\xf3\xfe\xc3\x17%i\x98|\xe6s\xe79\xf7\xce\xbdw\x08\xe7\x1c\x10B\x08\x89\x87v\xf7\x03@\x08!\xd4=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p\x00 \x84\x90\xa0\xe4\xee~\x00"\xe2\x9c\x9f\xf5\xef\t!]\xfcH\x10\xeaz\xd8\xff\xd0\x81\x03 \xb8x\x0b\x00@)\r\xfc\xb7-\xc6X\xe0\xbf\xa4\x85.|\xbc\x08u&amp;\xec\x7f\x88#\xe7\x9a\xc6\xe8\x073\xea\xce\x18#\x84H\x92\xd4\xf6\x1b\x18cN\xa7\x93\x90\xd3\xe1\x1b\x7f\xb0Z\xad6\x9b\xed\xac\xdfl\xfc(J)n\x0c(\xf4a\xff{\x10\x1c\x00\x9d\xc6(=\xe7\\\x96\xcf\xecW\xe9\xba^RRr\xe8\xd0\xa1\xbc\xbc\xbc\xaa\xaa\xaa\xed;\xb6k\x9aVVVVVVF\x08\x18\xd9\x13\x00\x0e\x10\x1e\x1e\x9e:x0\x07\xc8\x1892..~\xcc\x981}\xfb\xf6\xed\xdf\xbf\xbf\xddno\xf9\xd3\x00\x00\xb7\x04\x14\x82\xb0\xff=\x11\x0e\x80N\xc09\xd7u=\xd0{]\xd7\x0b\x0b\x0bsrr\xb6l\xf9\xea\xe0\xc1\x83\xc7\x8e\x1folh\xfc\x01?VQ\x95\xde\xbd{\x0fM\x1bz\xd9e\x97M\x9f&gt;=333\xb01h\x9aF)=\xd7\xae4B]\t\xfb\xdfs\xe1\x00\xb8(\xc6\x92\xc4\xd8\xcf\xd5u\xfd\xdbo\xbf]\xb3v\xcd\xfa\xf5\xeb\x0b\x0b\x0b\xfd&gt;\x7f\xcb\xef\xb4\x85Y\xadvK\xaf~\xb1T"V\xbb\xa5Oj\x02c\x8c\x00\x01\x00\xce\xb9\xa4HU\xa7j\xeb\xca\xeb\xa9D+NV{\x1a\xbd\r\xce\xa6V\xff\xd6\x80\x01\xfd\xa7L\x99r\xddu?\x9d4iRDD\x044\xaf\xb9pA\x84\xba\x0b\xf6\xbf\xa7\xc3\x01\xf0\x03\xe9\xba\x1eh^qq\xf1{\xef\xbd\xf7\xd6\xdbo\xed\xd9\xbd\'\xf0\r\x94\xd0\xd8\xdeQ}\xd3\x92\xfa\x0eIL\x1e\x92\x988 \xce\xe6\xb0\x86G\x85\x19\xff\'I\x91\x01Z&amp;O\x98\xce\x98\xce\x80@c\xad\xcb\xeb\xf6U\x9c\xa8.&gt;T^r\xa8\xe2x\xc1\xa9\xca\x135^\xaf/\xf0\xad\xfd\xfa\xf5\xbb\xf9\x96\x9b\xe7\xcc\x9e\x93\x91\x91\x11x0g=\xd8\x8aP\x90`\xff\xcd\x01\x07\xc0\x053\x0et\x1a\x85\xfb\xfa\xeb\xaf_}\xf5\xd5\xd5\x1f\xacv\xd69\x8d\xaf\x86G\xd8\xfb\x0eM\x1a66%u\xf4\x80\xc4\x01q\xe1\xd1a\x92Du\x9di&gt;\x8d1\xaek:p\xe0\xdf?\x13\xce8\x06J\x8cw\xc3\x00$\x99RJdU\x96d\x89s\xeen\xf0T\x16\xd7\x1c\xcb?\xb5o[\xd1\xf1\x82\xd2\xaa\x92\x1a\xe3\xff\xa5\xa8\xca\xe4I\x93\xef\xbe\xfb\xee\x193f\xa8\xaaj\xac\x86p3@\xc1\x86\xfd7\x13\x1c\x00\x17\xa0\xe5\xb1\xce\xcd\x9b7/Y\xbad\xd3\xc6M\xc6\x97\x08\x90AY\xfd2\xaeH\xbb\xe4\xaa\xf4\xf8&gt;1\x92L5\xbf\xee\xf7iF\xe3\x81\x18\xe78wlW\x95\x0376\x10\xe3\xcc9\x89*\x16YVd\xceyCMS\xde\x97\x07v\x7f~\xe0\xc0wG&lt;n\xaf\xf1\xed#G\x8e\\\xb4h\xd1\xbcy\xf3\xe0\xfb\xeb2\x84:\x17\xf6\xdf|p\x00t\x94q\xb4\x11\x00\n\x0b\x0b\x97,Y\xb2\xf2\xb5\x95\xc6.\xac\xc5\xaa\x8e\x99&gt;b\xfcOF\xa5\x8c\xec\xab\xdaT\xaf\xdb\xa7y5\xce\xf9\xe9S\x98;\xa3\x8a\x9cq\xce9\x10\x90e\xc9b\xb7p\xceO\x15\x95\xef\xf8$\x7f\xcb\x9a\x9du\x95\xf5\xc6\xf7L\x9b6\xed\xe1\x87\x1f\x9e:u*\xe0\x1e1\n\x02\xec\xbf)\xe1\x00\xe8\x10M\xd3dY\xf6\xf9|K\x97.}\xe6\x99\xa7kk\xeb\x00 &lt;\xc2&gt;\xfe\xbaQc\xaf\xc9\x188"Y\xd7\x98\xc7\xe5\xe5\x8c\x13\x1a\xccKW80\xc6\x80\x80\xc5\xaa\xaa6\xa5\xe2D\xcd\xf6\x8d{\xb7\xfe\'\xb7\xecX\xa5\xf1\xf5\xf9\xf3\xe7?\xfe\xf8\xe3\xbd{\xf7\xc6\xa5\x10\xeaD\xd8\x7f\xb3\xc2\x01p\x1e\xc6u\x89\x94\xd2\xad[\xb7\xdeu\xd7]\xf9\xf9\xf9\x00\xa0Z\xd41\xd3\xd3\xa7\xff\xe2\xf2\xfe\xc3{{\x9a|&gt;\xb7\x0f\x08\xa1\xb4\xeb\xda\xc69g\x8c+\xaalwXk\xcb\xeb?}\xef\x9b\xaf\xd6\xecpV5\x00@BB\xc2\x9f\xff\xfc\xe7;\xee\xb8\x03p)\x84.\x1a\xf6\xdf\xdcp\x00\xb4\'P\xa0\xc7\x1e{\xec\xc9\'\x9f\xf4\xf9|\x0004;\xe5\xba\xff\x99\x9a\x96=\xd0\xeb\xf6{]^J)\xe9\xc2\xea\xb7\xc49g:\x97U\xc9\xee\xb0\x95\x1f\xaf\xfa\xe8\xef\x9f~\xf3\xf1\x1ec\x8b\x9d5k\xd6\xf3\xcf?\x1f\x1b\x1bk\xac\xdd\xba\xe5\xe1\xa1\x9e\x0e\xfboz8\x00\xce\xc9h\x7fii\xe9\xbcy\xf3rrr\x00\xc0\xee\xb0\xcd\\8y\xca\xacK\x81\x10w\xa3\x87\x12\xd2]\xd5o\x89s`:S\xad\xb2\xd5n\xd9\xf5Y\xc1\xfbO\xaf/?Q\x05\x00C\x86\x0cY\xb9r\xe5\x84\t\x13p\x1d\x84~\x00\xec\xbf\x08p\x00\x9c\x9d\xb1p\xd8\xbau\xeb\xcd7\xdf\\RR\x02\x00\x832\xfa\xfd\xe2\x0f?\xed;$\xb1\xd1\xe9\xe2\x1c\xbar\x87\xb7#\x8c\x9d\xe2\xb0\x08[S\xbd{\xd5\xd3\xeb\xb7~\x98\x0b\x00\xaa\xaa&gt;\xf7\xdcs\x0b\x17.\xc4C\xa2\xe8\x82`\xff\x05\x81\x03\xe0,\x8c\xf6\xbf\xf2\xca+\xf7\xdcs\x8f\xdf\xef\'@&amp;\xdf2\xee\x86\xfb\xaf\x96d\xeai\xf2Ir\xe8^\x80\xcet&amp;+\xb2%L\xfd\xfc\xfdo?\xf8\xdb&amp;W\xa3\x1b\x00\x16.\\\xf8\xd2K/\xe16\x80:\x08\xfb/\x0e\x1c\x00\xad\x05\xda\x7f\xe7\x9dw\x02\x80-\xccz\xe3\xa2\xab\xa7\xcc\xba\xb4\xb1\xce\xc5\x18\x0f\xb5\x85O[\x9cs\xcexDl\xf8\x81\xedGV\xfe\xdf\xea\xca\xe2\x1a\x00X\xb0`\xc1\xcb/\xbf\x8c\xdb\x00:/\xec\xbfPp\x00|O\xab\xf6\x87E\xd8\xee]&gt;{\xe8\xd8\x14gU\xa3$\xd1N9\xa9\xb9k\xe8\x9an\x8f\xb05\xd44=\xf7\xab7\x8e\x17\x94\x00n\x03\xa8\x03\xb0\xff\xa2\xc1\x01pF\xab\xf6\xf7\x1f\xda\xfb\xf6\xbf\xdc\x948 \xceU\xef\x96\xe4\x9e\xf7&amp;\x92\xae3\x8bU\xf1{\xb5w\x96\xac\xfb\xe6\xe3\xdd\x80\xdb\x00j\x17\xf6_@8\x00Nk\xdb\xfe_\xaf\x98\x1b\x1eew5z$)t\x0fz\xb6\x8f1.+\x92jU^\xfb\xc3\xea\xaf?\xda\x05\xcd\xdb\x80\xf1\t\x1b\xb8\r\xa0\x00\xec\xbf\x98p\x00\x004\x9f\xf1\x16h\x7f\xbf\xa1\xbd\xef_1\xd7\xee\xb0z\xdc\xbe\x9e\xdb~\x83qq\xa65\xcc\xb2\xf2\xffVo[wf\x1b\xc0s\xe3P\x00\xf6_X8\x00N\xb7\x7f\xdb\xb6m\x13.\x9f\xc0\x19\xb7;l\x0f\xff\xf3\xce\xc4\xfeq=z\xed\xd3\x12g\x9cJTR\xa4%\xbf|\xf9\xd8\xfeS\x00\xf0\xec\xb3\xcf\xde\x7f\xff\xfdx\x8d\x0c\x02\xec\xbf\xd8D\x1f\x00\xc6\xce`EEEFFFEE\x85\xc5\xa6\xfez\xc5\xdc\xc1Y\xfd\\\r&amp;i\xbf\xc1\xd8\x17\xf6\xba|\xcb\x16\xbcZr\xa4\x12\x80o\xdc\xb8\xf1\xaa\xab\xae\xc2u\x90\xe0\xb0\xff\x82\xf7\xdf&lt;\xcf\xf1\x0fc\\8&gt;g\xce\x9c\x8a\x8a\n\x00\xb8\xe9\x81\x19\xc3\xc6\xa6\xb8\xeaM\xd5~\x00\xa0\x94\xf8}\x9a#\xda&gt;\xef\xf1\x1b\xec\x0e+\x00\xcc\x993\xa7\xbc\xbc\x9cRj$\x80\xc4\x84\xfd\x17\xbc\xff\xa6z\x9a/\x94\xb1\x0f\xb8x\xf1\xe2M\x9b6\x01\xc0\xa4\x9b\xc6N\xfb\xf9e\xce\xaa\xc6P\xbe\xd4\xe5\x07\x93$\xdaX\xef\x1e\x9c\xd1\xef\xd6\xdf\xfe\x18\x00\xca\xcb\xcb\xe7\xcc\x99C\x88\xe8\xbb\x80"\xc3\xfec\xffM\xf8Lw\x10cL\x96\xe5o\xbe\xf9\xe6\x89\'\x9e\x00\x80\x01\xc3\xfb\xdc\xfc\x9bk\x1bj\x9b\xa8d\xdas\x03dYrV7N\xb8n\xf4\xa4\x9b\xc6\x02\xc0\xa6M\x9b\x96/_.I\x92\xf1\xc9\xaeH(\xd8\x7f\xec?\x08\xfb\x1e\x80\xf1\x01r\xba\xae\x8f\x189\xa2\xa8\xb0\xc8j\xb7&lt;\xf2\xc6\xc2\xc4\xfeq\x1e\xb7/\xf4\xafu\xbc\x18\xc6\'uH\xb2\xf4\xe4/^*.*\xa7\x94\xee\xdb\xb7o\xc8\x90!\x9cs\xe3\xe3&gt;\x90\x08\xb0\xff\xd8\x7f\x83\x88\xbf3\x00\x18\x1f\x1f\xbal\xd9\xb2\xa2\xc2"\x00\x98\xb9pJ\xdf\xb4Dw\x93\xd7\xdc\xed\x07\x00B\x08cLV\xa4\x9f?2SV$\x9d\xe9\xf7\xddw\x1f\xee\x08\x8b\x06\xfb\x8f\xfd7\x888\x00\x8c\x0f\xb7;|\xf8\xf0\xd2\xa5K\x01`pV\xff\xabf\x8fo\xacu\x99\xf2\xd0g[\x94RW\x83ghv\xca\xe4[.\x05\x0e\x1b7n\\\xb5j\x95\xe0;\xc2B\xc1\xfec\xff\x03\x84x\xca[1v\x03\x17/^\xect:U\x8b\xf2\xb3_M\x07\xc1\x16\x00T\xa2\xaez\xf7\x8cyW\xf4\xea\x1bK\x08y\xf4\xd1G}&gt;\x9f\xc8\xeb \xa1`\xff\xb1\xff\x01\xc2\r\x00\xe3\xcc\xdf/\xbf\xfc\xf2\xed\xb7\xdf\x06\x80Q\x93\x87\x0f\x1b\x97\xe2j4\xff\xceoK\x84\x80\xdf\xafG\xc6;\xa6\xff\xe2r\xceyaa\xe1\xb2e\xcb\xf0\x948\x11`\xff\x01\xfb\xdf\x82p\x03\xc08\x08\xf8\xc7\xc7\xfe\xa8\xebzx\xa4}\xc6\xed\x13=.\x9f\x89\xcf|8\x17I\xa2MN\xf7\xb8k3\x07\x0c\xefC\x08y\xe6\x99g***(\xa5\x02.\x82\x84\x82\xfd7`\xff\rb\r\x00\xe3F\x80\xb9\xb9\xb9\x9f\x7f\xfe9\x00\x8c\xbb6s@z\x1f\xaf\xcb\'\xe6m\xa1t\x9d\xd9\xc3-\xd7\xcc\x9b\xc89\xaf\xae\xae~\xeb\xad\xb7\x08!b\x1e\t\x15\x04\xf6\xbf%\xec?\x886\x00\x0c+^X\x01\x1c\x14U\xbe\xf4GY\x9eF\xaf\x80\xcb\x1f\x83$Qw\x83g\xd8\xb8AI\x03\xe2\t!\xaf\xae|\xd5\xedvK\x92$\xda"H4\xd8\x7f\x03\xf6\x1f\x84\x1a\x00\x9cs\xe3C\xae\xff\xbd\xea\xdf\x000\xe6\xaa\x11)\x19}\xbdnA\x97?\x06Mg\xe1Q\xf6\xa9\xb7\x8d\xe7\x9c\xef\xdf\xb7\x7f\xf3\xe6\xcd\xc6!\x82\xee~\\\xc1\xc5\x9b1\xc6\x8c?t\xf7#\xea\n\xd8\xff\xb6\xc4\xec\x7fK\x02\r\x00c\xe7\xee\xddw\xdfmll\xa4\x12\x9d\xf0\xd3Kt\xbf\x0e\x02\xb7\x1f\x00(%\x9eF\xcf\xe8\xa9\xc3czE\x12B^~\xf9e\x000\xe5+\x82\xf1r\xafi\x9a\xae\xeb\xa4\x99\xf1\xc1 \xc6\xe9\x1f\xc6\x97L&lt;\x0c\xb0\xffm\x89\xd3\xffs\x11h\x00H\x92\xe4\xf3\xf9^{\xfd5B\xc8\x80a}\x06e\xf4\xf3\xb8\xc4:\xf9\xa1-B\x88\xdf\xafG\xc69FOK\xe7\x9co\xde\xbc\xb9\xa8\xa8\xc8d\xa7C\x18/\xee\xc6\xcb\xbd,\xcb\xc6\xdd\x1f\x1b\x1a\x1a\xca\xcb\xcbO\x9e&lt;YVV\xd6\xd0\xd0@\x081\xbed\xe2\xa3\xc0\xd8\xff\xb6D\xe8\x7f\xfbD\x19\x00\xc6\xbaoW\xee\xae}\xf9\xfb8\xe7\x99W\x0e\xb5\xd8\x15\xc6L\xbb\xdc\xeb8B\x88\xee\xd73\xaf\x1cJ)u\xb9\\k\xd7\xae\x85\xe6\x9bD\x9a\x80q\xce\xbbq\xdb\xf7\xdc\xdc\xdc\xa7\x9f~\xfa\xc6\x1bo\xcc\xca\xcaJMMMMM\x1d:t\xa8\xf1\x87\xec\xec\xec\x85\x0b\x17\xae[\xb7\xce8K\xd2|3\x00\xfb\x7f.\xe6\xee\xffy\x892\x00\x8c]\xfb\xd5\x1f\xac\xe6\x9c\x87G\xda\xc7L\x1f\xe1m2\xf9mO:\x88R\xe2uy\x07\x8f\xea\x9f2\xb2/!d\xcd\xda5\xc6\x95\xa2\xdd\xfd\xb8:\x81\xf1\xea_RR\xb2d\xc9\x92Q\xa3F]r\xc9%\x0f&gt;\xf8\xe0\xea\xd5\xab\xf7\xec\xd9S^^\xde\xd0\xd0\xe0r\xb9\x1a\x1b\x1b\xcb\xcb\xcbw\xec\xd8\xf1\xf2\xcb/\xcf\x9c9s\xdc\xb8q\x1b7n4\xdf\x0c\xc0\xfe\x9f\x8b\x89\xfb\xdf\x11\xa2\xfc\x9e\xc6\xfe\xef\xba\x8f\xd7\x01@rjb|r\x8c\xdf\xa7\tu\xb0\xaf\x1d:\xe3\x16\x9b2\xe4\x92\x01\x9c\xf3\xdc\xdc\xdcC\x87\x0e\x99`/\xd8X\xf3\xbe\xfd\xf6\xdb#G\x8e|\xf8\xe1\x87w\xef\xde\r\x00\x8a\xa2X,\x16UU\x8d\x03&gt;\x94RI\x92\x14EQ\x14\xc5\xf8\x9b\x9d;w^}\xf5\xd5\xe6\xbbI$\xf6\xbf\x1d\xa6\xec\x7f\x07\t1\x00\x8c\x8f=:r\xe4\xc8\x91\xc3G\x00`\xe8\xd8\x14I\xa1\xcc\xbco\xf7](B\x88\xe6\xd3\xd3\xc6\xa6H\x12\xf5z\xbc[\xb7n\x05\xb3\xec\x05\'\'\'\xd7\xd4\xd4\xa8\xaa\xaa(\x8a$I~\xbf\xdf\xeb\xf5\xfa|&gt;\xe3-_\xe3\x8e\x98~\xbf\xdf\xef\xf7\x1b\xffS\x92$I\x92\x16-Z\xf4\xfe\xfb\xef\x9bf\x06`\xff\xdbg\xe2\xfe\x9f\x97(\x03\x00\x00\xd6\xaf_\xef\xf5z%\x89\xa6^2@\xf73\\\xfe\x04\x10\x02~\x8f\xbf_ZRt\xafH\x00\xf8\xf0\xc3\x0f\xa1\xe7\x9f\x0b!I\x12c\xec\xca+\xaf\xbc\xe6\x9ak|&gt;\x9f\xf1\x12\x9f\x90\x90p\xd3M7=\xfd\xf4\xd3\x1f}\xf4\xd1W_}\xb5m\xdb6\xe3\xa6\xf0S\xa6L1\xce\x075N\x04"\x84\xdc{\xef\xbd\xd5\xd5\xd5\xe6\xb84\x14\xfb\xdf&gt;S\xf6\xbf\x83\x84\xf8Ld\xe3\xb94\x06{T|d\xd2\x80x\xbf\xc7/\xc6\xf3\xdb!\x84\x10Mg\x8e({\xf2\x90\xc4\xaa\xd2\xda\xdc]\xb9.\x97\xcbn\xb7\x1b/\x85\xdd\xfd\xe8~8\xe35}\xd1\xa2E\x1b6l\x98:u\xea/\x7f\xf9\xcb\x193f\xc4\xc6\xc6\xb6\xfa\xb6i\xd3\xa6\xfd\xfa\xd7\xbf~\xef\xbd\xf7\xe6\xcf\x9f\xef\xf5z\x8d\xf3\xe5+++\xdf~\xfb\xed\xfb\xee\xbb\xcf\x04\x1f\x1d\x8e\xfdo\x9fY\xfb\xdf\x11B\xec\x01PJ}&gt;\xdf\xfe\x82\xfd\x00\xd0\x7fXRDL\x98\xa6\xe3\n\xe8{8\xe7D\xa2\x83G\xf5\x07\x80\x8a\xf2\x8a\x93\'O\x02\xf4\xf8{D\x1a\xa7uN\x9a4i\xe7\xce\x9d\x9f|\xf2\xc9\xec\xd9\xb3cccu]7\x8e\xff\x04h\x9a\xa6i\xda\xacY\xb3\x9ez\xea)\xe3\r@c\xcb\xff\xf8\xe3\x8f\x01\xc0\x04\xef\x07b\xff\xcf\xcb\x94\xfd\xef\x88\x1e_\xee\xf32\x0e\x80\x96\x96\x96\x9e8q\x02\x00\x92\xd3\x92\xa8l\x86\xfd\xfa\xceE\x08\xd15\x96&lt;$\x91\x10\xe2\xf1x\xf2\xf2\xf2\xc0,\x1b\x80\xaa\xaa\xa3G\x8f\x0e\x1c\xde\x91$\xc9x\xbf7@\x96eJ\xa9\xae\xeb\xf3\xe6\xcdKHH0\x8e\xfbs\xce\x0f\x1d:\xe4\xf3\xf9z\xfaQ \xec\x7fG\x98\xb8\xff\xed3\xff\x000\x9e\xc5\xa3G\x8f656\x01@\x9f\xd4\x04\x1d\x97?m\x10\x02\xba\xcf\xdf\xabol\x98\xc3\x06\x00\x05\x05\x05`\xa2\r\xc0x\x114v\x08\xce\xfa\r\x94RJ\xa9\xddn\x1f&lt;x04\x1f3q:\x9dn\xb7\xbbK\x1fh\x10`\xff;\xc2\xdc\xfdo\x87(\x03\xc0\x18\xe9\xf6p[\xd2\xc0x\xcd\xaba\xff[!\x84h~\x16\x15\xef\xe8\xd57\x16\x00\xf6\xe6\xef\x05\x13\xbd\x0f\xd6\x91\xc38FOZ\xfe\xca\xc6\x8d"\x82\xf8\xb0\xba\x04\xf6\xbf#\xcc\xdd\xffv\x98\x7f\x00\x18\xca\xca\xca\x00\xc0bUl\xe1V\xa6\x9b\x7f\xb0\xff\x00\x9csE\x95\xc3"m\x00P^^.\xc2;`\x01\xc6g\x82\xfb\xfd\xfeS\xa7N\x05\xfe2::\xdan\xb7w\xe3\xa3\xeaD\xd8\xff\xf3\x12\xb3\xff\xe6\x1f\x00\xc6\xea/wW.\x00\xf4\xea\x1f\x17\x11\x1d\xa6k\xba\x08O\xed\x85b\x9cK2M\x1e\x92\x08\x00\x85\x07\x0b\xeb\xea\xeaz\xfa\xe1\xef\x8e3N\x94\xdc\xbe}\xfb\xb1c\xc7\x8c\xc2\x10B\x86\x0e\x1d*\xcb\xb2qAYw?\xc0\x1f\x0e\xfb\xdfAb\xf6\xdf\xfc\x03\xc0pz\x07\x1f\x80\xe0\xe5\xef\xed \xa7w{u\xa6\x1b7M\x13A\xe0\x92\x9f\x87\x1f~\xd8\xe8\x89q\xfe\xe8\r7\xdc\x00f9\x10\x8c\xfd\xef\x10\xf1\xfao\xfe\x01`\xbc\xado\xec\xda\xdb\x1cV\\\xfb\xb4\x83sn\x8b\xb0\x02\x80\xab\xc9e$f\x8e\x97\xbfv\x18\xaf\xfe\x92$\xdd}\xf7\xdd_}\xf5\x95q\xdc_\xd7\xf5\xb4\xb4\xb4\x9bn\xba\xc98k\xa8\xbb\x1f\xe3E\xc1\xfew\x9c\x80\xfd7\xf9\x000\x0e\xe4\xb9\\\xae\xe2\xe2b\x00\xe8\x93\x9a\x80\x17\xc1\x9f\x0b!\x84\xe9\xbcOj\x02\x00\x04\x123\xf7\x06`|D"!d\xc1\x82\x05/\xbe\xf8b\xe0\xb5\x9e\x10\xf2\xf7\xbf\xff\xddf\xb3\x19\xa7\x0fu\xef\x83\xbc\x18\xd8\xff\x8e\x13\xb0\xff \xce\x95\xc0\x8a\xa2\x00\x00\xc7\xfb\xdf\x9eO "#1\x133\xee\xfc\\[[;g\xce\x9c\x8f?\xfeX\x96eco@\xd7\xf5W^y\xe5\xca+\xaf4\xbe\xa1\xbb\x1ff\'\xc0\xfew\x9c8\xfd7\x081\x00@\x80I\xde\xe9\xcc\x9d\x98\xf1\xe2^PPp\xe3\x8d7\xee\xdf\xbf_\x96e\xe3#\xc3$Iz\xfd\xf5\xd7\xe7\xce\x9dk\x82;@\xb4d\xeeg3\x18\x04I\xcc&lt;\x15G\xa8\x83\x8c\x17\xfao\xbe\xf9f\xe6\xcc\x99UUU\xc6\xab\xbf\xae\xebqqqo\xbd\xf5\xd6\xd5W_m\xb2W\x7f\x84\xceE\x94\x96\x1bGr\x05\x99\xea\x17#\x10Q\x8f&gt;\xf6\xdd\x0e\xe3n?\x05\x05\x05?\xfa\xd1\x8fjjj\x8c\x83&lt;\xba\xaegee\xbd\xf7\xde{iii\xa6|\xf5\xc7\xfew\x90\xe9\xfb\xdf\x8a\xd9\x8a~V\xc6\xa7\xc2\x02\x80\xac\x98\xe1\x90nP\x05"2\x123\x19c\xf3\xf6z\xbd\xb7\xddv[MM\x8d\xb1\xf6\xd74m\xfa\xf4\xe9\xef\xbf\xff~dd\xa4)_\xfd\xb1\xff\x1dg\xee\xfe\xb7e\xf2\xb3\x80\xc0\xb8\xc0OQ"##\x01\xa0\xaa\xb8\x96\xe1\x8dP\xce\x8dPRU\\\x0b\x00\x81\xc4L\x96\x95q\xda\xcf;\xef\xbc\xb3k\xd7.\xe3]_]\xd7\xa7M\x9b\xf6\xe1\x87\x1fFFF\xea\xban\xcaW\x7f\xec\x7f\x07\x99\xbe\xffm\x99|\x00\x10B8\xe7\x0e\x87#--\r\x00\xaaJ\xea\x98\xc6M\xfe\x94\xfeP\x9csJI\xd5\xa9:\x00\x88\x8c\x8a\x1c2d\x08\x98n\x030.\x8b}\xf3\xcd7\t!F7\xfa\xf5\xeb\xf7\xfe\xfb\xef[,\x16\xd3\x9c\xf3\xd3\x12\xf6\xbf\xe3D\xe8\x7f[&amp;\x1f\x00\x01&gt;\x9f\x0f\x00\x14U\xc2+!\xdb\xa7Xd\x000n\x94\xdf\xdd\x8f\xa5\x93\x197\xfcihh\xd8\xb7o_\xe0\x8a\xdf\x87\x1ez(::\xda\xef\xf7\x9b\xef\xd5\xbf%\xec\x7f\x07\x99\xb8\xffge\xfe\x01`\x9c\xdc\x9d\x99\x99\t\x00\x15\xc55\r\xb5M\x12\xde\x0f\xfdl\x8c[\xa2\x9f**\x07\x80\xd4\xd4\xd4\x88\x88\x08\x93\xdd\x0f\xcbx\xd2\xcb\xcb\xcbkkk\x01@\xd34I\x92\xa6N\x9dj\x82\xcb}\xdb\x81\xfd\xef \xd3\xf7\xff\xac\xcc?\x00\x0cI\x89I\x00\xe0n\xf0x\\^\x13|\xc6S0\x10\x00]c\r\xb5M\x00\x10\x1f\x1fo\xbcA\xda\xdd\x0f\xaa\xf3\xb9\xddn\xe34PBHddd\xaf^\xbd\x8c\xc3A\xdd\xfd\xb8\x82\x0b\xfb\x7f^\x82\xf4\xbf\x15\xf3W\xc1\xd8\xb6322\x00\xa0\xa9\xd1]q\xb2ZR%\x01\x9e\xd9\x0b\xc39\x97e\xa9\xa1\xa6\xa9\xeaT\r\x00\x8cH\x1f\x01-\xee\x92f&amp;\x81O\x82d\x8cy&lt;\x1e\x13\xaf\xfd\r\xd8\xff\x8e\x10\xa7\xff\xad\x98\xed\x9c\x87\xb6\x8c\r`\xc0\x80\x01\x16\xab\xc5\xeb\xf1\x9e*\xaa\x18yy\x1a\xe7\x1c\xc0\xe4\x8b\xbe\x0b\xc29H\x16\xb9\xf2@M}m\x13\x00\x18\xef\x19\x9a\x8c\xd1\x84\xc1\x83\x07\x7f\xfa\xe9\xa7\xc6\xdf(\x8a\x12\x16\x16\x06\xa6~\xaf\x0f\xfb\xdf\x11"\xf4\xff\xac\x04\x1a\x00III\xc7\x8e\x1e;UT\x06\x1cO\x84h\x8ds.\xcb\xb4\xf4p\x85\xae\xe9\xb2"gee\x81)&gt;\x0f\xbd%\xa3\t\xe1\xe1\xe1\x93\'O\xee\xee\xc7\xd2u\xb0\xff\x1d!B\xff\xcf\xca\xfc\xbf!!\x841f\xb3\xd9\x86\xa6\r\x05\x80c\xfbN\xb9\xea=\x92D\x01p7\xf8\x0c\xe3\x15\xe1\xd0\xae\xe3\x00\x10\x13\x13\x93\x92\x92\x02&amp;]\x17s\xce\xfd~\xbf\xd7\xeb\xf5z\xbd\xc6\xb91\xe6\x86\xfd\xef\x08q\xfa\xdf\x8a\xf9\x07\x004\x1f\xcb\xcb\xce\xce\x06\x80\xcaS\xb5\xe5\'\xabe\x8b\x82\x87A[\xe0\x92D]\r\x9e\xe3\x05%\x000|\xf8p\x87\xc3\xd1\xd3\xef\x84|.\xc6\x85Q\x16\x8b\xc5b\xb1\xa8\xaa*\xc2\x1b}\xd8\xff\xf3\x11\xa8\xff\xad\x081\x00\x8c\'r\xc6\x8c\x19\x92,\xf9}\xfe\xa3{\x8b\x15U\x12\xe0\r\x9e\x8e\xe2\x1c\x14\x8bRv\xac\xaa\xb2\xa4\x16\x00\xae\x9dq-\xa5\xd4\x94\xef\x80\x19\x97\x02\xec\xde\xbd\xfb\xe9\xa7\x9f~\xe2\x89\'&gt;\xfd\xf4S\x116r\xec\x7f\xfb\xc4\xe9\x7f[B\x0c\x00\xe3X^fffRR\x12\x00\xec\xfb\xba\x883Np\x17\xb8\x19c\\\xb1\xc8\x07\xb6\x1f\xf1{\xfd\x94\xd2\xa9S\xa7\x82\x19\xf7\x7f\x8d5\xdd\x8a\x15+\xc6\x8c\x19\xf3\xe0\x83\x0f&gt;\xfa\xe8\xa3S\xa7N]\xb0`\x01c\xcc\xdc[;\xf6\xbf}\x82\xf4\xff\xac\x84\x18\x00\xc6\x87\xfc\xd9\xed\xf6iS\xa7\x01\xc0\xc9\x03\xa5\xce\x9a&amp;Y\x91D\xd8\xfd\xef\x08\x02\x84\xe9\xecP\xeeq 0$mHzz\xba\xf9\xae\x8d2\xd6\xfeN\xa7\xf3\xd1G\x1f\xd5u]UUY\x96%I\xfa\xc7?\xfe\xb1m\xdb6J\xa9\x89\xaf\xfc\xc4\xfe\xb7O\x84\xfe\x9f\x8b\x10\x03 \xe0\xc6\x1bo\x04\x80\xea\xf2\xba=_\x14X\xc2,\xf8\xd9x\x00\xc09\xb7\xd8\x94\x13\x07K\x0f\xec8\x02\x1cf\xfex\xa6qc\x9c\xee~\\\x9d\xccx\xb1;z\xf4\xa8\xd3\xe9$\x84\xf8|&gt;M\xd3\x08!\x94\xd2={\xf6\x80\x18\xb7J\xc6\xfe\xb7%H\xff\xcfE\x94\x01`\xec\x05O\x9c8\xb1O\x9f&gt;\x00\xb0k\xf3~`\x9c`\xff\x01\x18\xe3\xaaM\xc9\xfb\xaa\xd0\xeb\xf6I\x92t\xc3\r7\x80y\xf7\x7f\xcf\xba\xac\x13\xe2l?\xec\xff9\x08\xd5\xff\xb6\xcc_}\x03!D\xd34\x87\xc31k\xd6,\x00(\xcc=v\xb2\xa8\xccb\x13\xe2$\x90\xf6I\x94\xba\x1a&lt;;r\xf6\x12B\xc6\x8c\x19\x93\x9d\x9dm\xdc)\xa1\xbb\x1fW\'3\xee\x8b9p\xe0\xc0\xf8\xf8x\xce\xb9\xaa\xaa\x8a\xa2\x18G\xff\xc7\x8c\x19\x03f\x1f\x03\xd8\xffs\x11\xa4\xff\xe7b\xe6\xd2\xb7bl\xe1\xf3\xe6\xcdS\x14\xc5\xeb\xf6m\xdf\xb0W\xb5\xa9L\xec\x8f\xc9f\x8c\xdb\xc2-\x07\xb7\x1f=u\xb8\x9cs~\xfb\xed\xb7\x9b\xf5\xfc\x07\xe3t\xf8\xf0\xf0\xf0e\xcb\x96\xa9\xaa\xea\xf3\xf9\xfc~?c\xec\x81\x07\x1e\x183f\x8c\xf11a\xdd\xfd\x18\x83\x0b\xfb\xdf\x968\xfd?\x17"\xd4\x12\xc0\xd8\xce\xaf\xba\xea\xaa\xcd\x9b7\x87G\xd9\x7f\xff\xd6\xffD\xc4\x84i\x9a.\xce\x1e_+\x9cq\xd5\xa6&lt;{\xd7\xeb\x07w\x1eMHH\xc8\xcf\xcf\x8f\x8d\x8d\x05\xf3\xee\x02\x1b\xf7w\xdc\xb7o_NN\x8e\xdb\xed\xbe\xe2\x8a+&amp;N\x9c(\xc2M\x1f\r\xd8\xffVD\xeb\x7f[&amp;_\xf5\xb4bL\xbbE\x8b\x16q\xce\x1bj\x9b\xbe]\xbf\xc7\x16ae\xba@#\xb0%c\xf9sx\xcf\xc9\xc2\xdcc\x000{\xf6\xec\xb8\xb88]7\xf3\xcb\x81\xb1\x1f\x90\x9e\x9e\xfe\xc0\x03\x0f\xfc\xfe\xf7\xbf\x17\xea\xd5\x1f\xb0\xff\xdf\'`\xff\xdb\x12k\x00PJ9\xe7\x93\'ON\x1b\x9aF\x08\xd9\xf6\xe1\xae\xda\xb2zE\xe0\x9b#r\x80O\xdf\xdd\x06\x00\x16\x8b\xe5\xf6\xdbo7\xce\x95\xec\xee\x07\x15\\\xc6&gt;\xbe\xa6i\x9a\xa6\t\xb7\xb5c\xff\xbfO\xc0\xfe\xb7"\xd6o\x1b\xb8/\xca\xef\x1e\xf9\x1d\xe7\xbc\xecD\xd5\xa6\xb7\xb6\xda#lL\x17\xe8\xa8\x9f\x811\x16\xe6\xb0\xee\xddR\xb8s\xf3&gt;\xce\xf9\xad\xb7\xde:l\xd80\x11\x0e\x85\x03\x00\xa5T\x96e\xe3:\x80\xee~,]\n\xfb\x1f r\xff[\x12\xeb\xb7\x05\x00I\x92t]\xbf\xed\xb6\xdb\xae\xbc\xf2J\x00\xd8\xb2vg\xd9\xb1*\xd5*\xc4\x87?\xb4D\x80h\x9a\x9e\xf3\xdaW\x84\x90\xd8\xd8\xd8\'\x9f|R\xa8\x83!\xc2\xc2\xfe\x1b\xb0\xff\x06\xe1\x06\x80A\x92\xa4\xc5\x8b\x17K\x92\xd4P\xdb\xb4v\xc5\'\xd60\xb1\x8e\x84\xea\x1a\x0b\x8f\xb6oY\xb3\xb3p\xd71\xce\xf9\x03\x0f&lt;\x90\x98\x98(\xe0\xf2GX\xd8\x7f\xec\xbfA\xb8_\x18\x9a\x17A\x13\'N\x9c=g6\x00l\xdf\xb87w\xf3\xbe\xf0H\x9b.\xc6\x8e0\xe7\\\xb5\xca\x15\'k&gt;\xfa\xfbg\x94\xd2\xb4\xb4\xb4\x07\x1f|P\xcc\xf6\x8b\t\xfb\x8f\xfd\x0f\x10\xf1w\x86\xe6\x83\xa1\x7f}\xf2\xaf\x91Q\x91\\\xe7\xffz\xea\xbfM\xf5nE\x8c\xbb\xa3p\xc6-v\xcb\xfbO\xfd\xd7Y\xdd\xc0\x18{\xee\xb9\xe7\x8c\xbb"\x0b\xb8\xff+,\xec?\xf6\xdf \xe8\x000N\x87HLL|\xe6\xe9g8\xf0\xcaS5\xef.Yg\r\xb3r\xb3_\x17\xa3k\xba#&amp;l\xf3;\xdbr?\xdb\x0f\x00\xf3\xe6\xcd\x9b&gt;}\xba\xae\xeb\xa2\xbd\x1d*8\xec?\xf6\xdf \xd6\x85`\xadh\x9a&amp;\xcb\xf2-\xb7\xdc\xf2\xfe\xfb\xef\x03\xc0\xcf\x1f\x9ey\xd5\xec\xf1\xce\xaa\x06I6g\x1bt\x9d\x859\xac\xc7\xf6\x97,[\xf0\xaa\xd7\xedKII\xc9\xcb\xcb\xb3\xd9l\x84\x101\x97?\x82\xc3\xfec\xff\x05\xdd\x030\x18\x07C_|\xf1\xc5\x94\x94\x14B\xc8\xea\xbf\xe5\x1c\xd8~\xc4\x1ea\xce\x83\xa1\x8cqE\x95\x1b\xea\\\xaf\xfda\xb5\xcf\xe3\x97e\xf9\x9dw\xde1\xfdG\xa2\xa3v`\xff\xb1\xffB\x0f\x00c\xf2\xc7\xc4\xc4\xbc\xf3\xce;\x84\x10\x9f\xdb\xff\x8f\xdf\xadj\xa8m\xb2X\x15\x93\xdd#\x85s \x04,6\xf5\x8d?\xad)9R\xc19\x7f\xea\xa9\xa7\xc6\x8d\x1b\xa7i\x9a\x98\xef}!\xc0\xfec\xff\x05\x1f\x00\x00@)\xd54m\xdc\xb8q/\xbe\xf8"\x07^]Z\xf7\xb7{\xde\xf0\xfb4Y\x91\xcc\xb4\rp\xc6\xc2"\xec\xaf\xfda\xf5\xee/\x0e\x00\xc0\xdc\xb9s\xef\xbf\xff~\xe3\x08@w?4\xd4\x9d\xb0\xff\xdd\xfd\xd0\xba\x99\xe8\x03\x00\x00dY\xd64\xed\xce;\xef\\\xb8p!\x00\x9c8P\xf2\xd6\x13\x1fZl\n\xa5&amp;y\x83D\xd7Xd\x9cc\xe3\x9b[\xb6~\x98\x0b\x00\xd9\xd9\xd9/\xbc\xf0\x82P\xf7\xbcE\xed\xc0\xfe\x8b\x0c\x07\x00\x00\x80$I\x9a\xa6\xbd\xf4\xd2K\x0b\x16,\x00\x80\xef6\xe4\xad\xfc\xbf\xd5\xd60\x0b\xa5\xb4G\xaf\x838\x07\xa6\xb3\xc8\xb8\xf0\x9c7\xb6\xbc\xbfl=\x00dgg\xe7\xe4\xe4\xd8\xedv\x10\xfb\xd0\'j\t\xfb/,\x93\x0c\xf9\x8b\xc797\x16\x05w\xdey\xe7+\xaf\xbc\x02\x00\xe3g\x8e\x9a\xf3\xe8u\x8cq\xcd\xa7Q\xa9\xe7MJ\xce8\x10\x08\x8b\xb0mz\xfb\xeb\x7f-\xfd/\x07n\xb4?::Z\xd8\xcb^\xd0\xb9`\xff\xc5\x84\x03\xe0\x8c\xb6\xdb@\xca\xc8\xbe\xf7&lt;{[DLXS\xbd\xbbg\x9d\x1b\xc7t&amp;\xab\xb2jU\xfe\xf9\xa75[\xd6\xee\x04\x80\xb1c\xc7n\xd8\xb0\x01\xdb\x8f\xce\x05\xfb/ \x1c\x00\xdf\xd3v\x1bHNM\xfc\xe5c\xd7\xa7d\xf4\xab\xafn\x94$\n=a\xafQ\xd7t{\x84\xad\xb1\xd6\xf5\xe6\x9f\xff\xb3\xeb\xb3\xfd\x00\x90=6;g\x03\xae}\xd0y`\xffE\x83\x03\xa0\xb5\xb6\xdb@X\x84\xed\xd6\xdf\xfex\xfc\xccQM\xf5n\xa6\xb3P\xde\x1d\xe6\x9cs\xc6\x1d1a\x87\xf7\x9c\xfc\xe7\x9f\xd6\x14\x17\x95\x01\xae}\xd0\x85\xc0\xfe\x0b\x05\x07\xc0Yp\xce\x8d\x8f\x86X\xbe|\xf9\xa2E\x8b\x00\x00\x80L\x995\xee\xc6__-\xab\xb2\xab\xc1C\xa5P\xbctP\xd7\x98jU,6\xf5\xb3\xf7\xbfY\xbd|\xa3\xbb\xc9\x03\x00\xf3\xe7\xcf_\xbe|\xb9\xc3\xe1\xc0\xf6\xa3\x0e\xc2\xfe\x8b\x03\x07\xc0\xd9\x05\xb6\x81\x9c\x9c\x9c\xf9\xf3\xe7\x97\x94\x94\x00\xc0\x80\xf4\xe4[\x1e\x9c\x916&amp;\xc5\xd5\xe0\xd6|\xba$\x87J\x9f\x98\xce\x08%\xe1Q\xf6\x8a\x935\xff~v\xc3\x8eM\xf9\x00\xa0Z\xd4%\x7f]r\xff\xfd\xf7C\xf3\x87\xc1v\xf3\xa3D=\x07\xf6_\x108\x00\xdac\\*RZZ:o\xde\xbc\x9c\x9c\x1c\x00PTe\xda\xec\xcb\xae\x9a=!*\xce\x11\n{\xc4\xc6Yzv\x87U\xf7\xeb[?\xcc]\xf7\xf7\xcfj+\xeb\x01 --\xed\xd5W_\x9d0a\x02cL\xe4[\x9d\xa0\x8b\x81\xfd7=\x1c\x00\xe7\x11\xb8S\xe0\xf2\xe5\xcb\x1f~\xe4a\xaf\xc7\x0b\x00\x89\x03\xe2\xa7\xcf\x99\x90}\xcdH[\xb8\xd5\xdd\xe0a:\xa3\xb4\xab\xdf\x1fc\x8c\x11 \xd6p\x0bp\xd8\xb7\xad(\xe7\x9f[\x0el?b|\xe9\x8e;\xeeX\xb6lYdd$^\xeb\x88.\x12\xf6\xdf\xdcp\x00\x9c_`\x11\x91\x9f\x9f\xff\xd0C\x0f\xad_\xbf\xde\xf8\xfb\x94\x11}\xaf\x99wE\xda\x98\x94\xf0h\xbb\xbb\xd1\xa3\xfbu \x84\xd2\xe0n\x07\xc6\xdb\\T\xa2\xd60\x8b\xe6\xd7\x8f\xe6\x9f\xfc\xec\xbdo\xb7o\xdck|u\xc4\xc8\x11K\x97,\x9d1c\x06\xb4\xd8t\x11\xba\x18\xd8\x7f\x13\xc3\x01\xd0Q\x81&gt;\xbd\xf7\xde{\x7f\xf9\xcb_\xf6\xee=\xdd\xb9\xe4\xc1\x89Sn\x1d\x975yxd\xacC\xd7t\x8f\xcb\xcb\x18\xa7\xc6^g\xe7m\x0b\x9cq\xce9\x10\xb0XU\xc5\xaa\xb8\x1b=\x85;\x8f}\xf2\xf6\xd7\x05\xdf\x1c\xe1\xc0\x00 !1\xe1\xde{\xee}\xe8\xa1\x87TU\xc5\xdd^\xd4\xe9\xb0\xff\xa6\x84\x03\xe0\x020\xc6\x00\x80R\xea\xf3\xf9\x96.]\xbab\xc5\x8a\xb2\xb22\xe3KqI\xd1\xa3\xa6\x0e\xcf\x9c8tPV?\x8bM\xd1|\xba\xcf\xeb\xd75\x1d\xb8q\xd3\xc5\x0b\xbe\xee\x9c\xf3\xd3\xef\xc4\x01\x00\x95\xa8b\x91\x15\x8b\xc2tv\xf2`\xe9\xbe\xaf\x8b\xb6\xe7\xe4\x9f8Xb|\xa7\xd5j\xfd\xf9\xcf\x7f\xbex\xf1\xe2&gt;}\xfa\x00.|P\xd0`\xff\xcd\x07\x07\xc0\x05\x0b4\xac\xbc\xbc\xfc\xcd7\xdf|\xe3\xcd7\xf6\xe6\x9d^\r\x11 \x83\xb3\xfa\xa5e\x0fL\x1b\x93\x92&lt;$1&lt;\xcaN%\xaak\xba\xe6\xd3t?c\x9c\x03\xe7\x1c\x80\x00\x00!\x00\xa7\xffx\xfa\x0f\xcd\xcf\x84\xb1v\x91dIV$I\x91\x00\xc0\xdd\xe0\xa98Q}`\xfb\xd1C\xbb\x8e\x17|{\xd8\xe3\xf6\x1a\xff\\bR\xe2\xec\xdbf\xcf\x9d;w\xc4\x88\x11\x00\xa0i\x9a$I\xb8\xf0AA\x85\xfd7\x13\x1c\x00?D\xe0b\x19\x00\xf0\xf9|\x1b6lX\xf9\xda\xca\x8d\x1b7\xba]n\xe3\x1b\x08\x90\xb8&gt;\xd1}\xd3\x92\x06e\xf6MNM\xec\xd5/62.\\Qe*K\x84\x00\xe7\xc04\xf6\xbd\x1dd\x0eD:}\xfcT\xd7\x98\xae\xb1\x86\xda\xc6\xaa\xe2\xda\xd2\xa3\x95\x87\xf7\x9c8QPZ~\xa2\xda\xe7\xf5\x05\xbe}\xc2\x84\t\xbf\xfc\xe5\xdc\x993\x7f\x92\x90\x90\x00\x00\xba\xaeSJ\xb1\xfa\xa8k`\xffM\x03\x07\xc0\x0f\xc79\xd7u=p\x9a\xc1\x81\x03\x07\xd6\xad[\xb7\xf6?k\xb7o\xff\xce\xe7\xf5\xb7\xfcNGTx|r\x8c=\xc2\x9a&lt;$Q\x92\xa95\xcc\x92\x9c\x9a\xc8t\x16X\x00I\n\xad*\xae\xad)wJ\x12=u\xa8\xa2\xc9\xe9\xae8Q]W\xd5\xc0\xf9\xf7&gt;\x9b)}D\xfa\x8ckf\\\x7f\xfd\xf5\xe3\xc7\x8f7\xfe\xc6\xf8D\x0b&lt;\xc7\x19u=\xec\xbf\t\xe0\x00\xb8X\xc6j\x88\x10\x12haAA\xc1\xb7\xdf~\xfb\xd1\xba\x8frw\xe6\x96\x94\x9c\xf2\xf9\xfc\xed\xff\x84\xf6%$\xf4\x1a92\xe3\x9ak\xae\x998q\xe2\xe8\xd1\xa3\x8de\x97\xf1\x8f\xe2\xaa\x07u;\xec\x7f\x8f\x86\x03\xa0\xd30\xc6\x8c\xfd\xe2@)].\xd7\xf1\xe3\xc7\x0f\x1c8\xb0w\xef\xde\xbc\xbdy\xd5\xd5\xd5\xfb\xf7\xef\xd7u\xbd\xbe\xbe\xde\x7f\xb6\xad"6.\x16\x00\x06\x0f\x1e\x1c\x1d\x1d=\xe6\x921\x83\x06\rJOOOMM\x8d\x8a\x8a\n|\x8f\xa6i\x84\x10|\x9b\x0b\x85\x1a\xec\x7fO\x84\x03\xa0\xf3\x19[\xc2Yk\xeat:\x19ceee\x81\xd3\'\x02\xc2\xc3\xc3SSS9\xe7\xd1\xd1\xd1\xe7\xfa\x81\xb8\xe4A\xa1\x0f\xfb\xdf\x83\xe0\x00\x08"\xde\x82qbrG\x0eV\x1a\xbb\xb7\xc6\xf3\x82\xa5G=\x17\xf6?\xf4\xe1\x00\xe8RF\xda\xbc\xf9\x04\xe7V\x8c\xcd\x03\xeb\x8e\xcc\n\xfb\x1fjp\x00 \x84\x90\xa0\xf0\xf4)\x84\x10\x12\x14\x0e\x00\x84\x10\x12\x14\x0e\x00\x84\x10\x12\x14\x0e\x00\x84\x10\x12\x14\x0e\x00\x84\x10\x12\x14\x0e\x00\x84\x10\x12\x14\x0e\x00\x84\x10\x12\x14\x0e\x00\x84\x10\x12\x14\x0e\x00\x84\x10\x12\x14\x0e\x00\x84\x10\x12\x14\x0e\x00\x84\x10\x12\x14\x0e\x00\x84\x10\x12\x14\x0e\x00\x84\x10\x12\x14\x0e\x00\x84\x10\x12\x14\x0e\x00\x84\x10\x12\x14\x0e\x00\x84\x10\x12\x14\x0e\x00\x84\x10\x12\x14\x0e\x00\x84\x10\x12\x14\x0e\x00\x84\x10\x12\x94\xdc\xdd\x0f@D\xe7\xfa\x1cf\xfc8\xec\xae\x81\xf9w/\xcc?t\xe0\x00\x08.\xde\x02\x00PJ\x03\xffm\x8b1\x16\xf8/i\xa1\x0b\x1f\xaf\xd9`\xfe\xdd\x0b\xf3\x0fq\xe4\\\xd3\x18\xfd`F\xdd\x19c\x84\x10I\x92\xda~\x03c\xcc\xe9t\x12r:|\xe3\x0fV\xab\xd5f\xb3\x9d\xf5\x9b\x8d\x1fE)\xc5\x8d\xa1#0\xff\xee\x85\xf9\xf7 8\x00:\x8dQz\xce\xb9,\x9f\xd9\xaf\xd2u\xbd\xa4\xa4\xe4\xd0\xa1C{\xf3\xf2\xaa\xaa\xaa\xb6\xef\xd8\xaeiZyYYYY)\x00\x010\xc2\'\x00&lt;&lt;\xdc1x\xf0`\xcead\xc6\xc8\xb8\xb8\xf81c\xc6\xf4\xed\xdb\xb7\x7f\xff\xfev\xbb\xbd\xe5O\x03\x00\xdc\x12\xce\xaa\xfd\xfc\xf3\xf2\xf2\xaa\xaa\xaavl\xdf\xaeiZYYYYii\xab\x17\xa0\xf0\xf0\xf0\xd4\xd4T\xce\xf9\xc8\x8c\x8c\xb8x\xcc\xff\x82a\xff{"\x1c\x00\x9d\x80s\xae\xebz\xa0\xf7\xba\xae\x17\x16\x16\xe6\xe4\xe4l\xd9\xf2U\xe1\xc1\x83\xc7\x8f\x1f\xafoh\xfc\x01?\xd6\xa2\xca\xbd{\xf7IK\x1bz\xe9e\x97M\x9f&gt;=333\xb01h\x9aF)=\xd7\xae\xb4h\xce\x99\xffW\xcd\xf97\xfe\x90\xfcUY\xee\xd3\xa7O\xdaP\xcc\xff&lt;\xb0\xff=\x17\x0e\x80\x8bb,I\x8c\xfd\\]\xd7\xbf\xfd\xf6\xdb\xb5k\xd7\xac_\xbf\xbe\xa8\xb0\xd0\xeb\xf3\xb7\xfcN\x87\xdd\x1afS\xd2\x92\xa3dJ\x1dv%c`\x1cc\x0c\x80\x00\x00\xe7\\\x92\xa5\xe3e\xce\x93\x95\x8d\x92D\x8bJ\xea\xea\x9b|5\xf5\xaeV\xff\xd6\xc0\x01\xfd\'O\x99r\xddu?\x9d4iRDD\x044\xaf\xb9D^\x10\x9d%\xff5\xcd\xf9\xfb\xbf\x97\x7f\xb8\xd5\x1a\xa6(\x83"#%J\xc3\x15%=&amp;Fon&gt;\x07P(=^__\xd2\xd4$Qz\xd4\xe9l\xf0\xf9j]m\xf2\xef\xdf\x7f\xf2\x94)\xd7\xfd\x14\xf3?\x03\xfb\xdf\xd3\xe1\x00\xf8\x81t]\x0f4\xaf\xb8\xb8\xf8\xbd\xf7\xde{\xfb\xed\xb7v\xef\xdes\xe6;\x08\x1d\x90\x181zP|\xd6\xa0\xb8Q)\xf1C\xfbFG\x84YzE\xda\x80\x12 \x04\x14\n-\x83\'\x00:\x03\x9d\x03\x81Z\xa7\xbb\xc9\xa3\x1d,\xae\xdd}\xb4*\xffX\xcd\x8e\xc2\xf2C%N\x8f\xd7\x17\xf8\xde\xfe\xfd\xfa\xde|\xf3-\xb3\xe7\xcc\xc9\xc8\xc8\x08&lt;\x98\xb3\x1el5\xb1\xb3\xe4\xff\xd6[\xbb\xf7\x9c\xc9\x9fP\xda\xd7\xe1\x18\x19\x177".nDlljt\xb4CUcm6\x89\x10\x02\xa0\xb4\x89KcLg\x8c\x10R\xe3\xf14\xf9\xfd\x87\xeb\xea\njj\n\xaa\xabwWV\x1e\xad\xaf\xf7\xf8Z\xe4\xdf\xb7\xef\xcd\xb7`\xfe\xd8\x7f3\xc0\x01p\xc1\x8c\x03\x9dF\xe1\xbe\xfe\xfa\xebW_}u\xcd\x07\xabk\xeb\x9c\xc6W\xa3\x1d\xb6\xd1\xa9\xbd\xae\xcaJ\x9e\x98\x91&lt;49::\xca\x06\x12\x05\x9d\xe9~]\xd7\x99_g\xc0\x81\x9f\xedL8\xe3t\x07\x0e\xa0\xc8T\xa2DV$\x90(\x0045z\x0f\x958\xb7\x1f,\xdb\xb0\xe3\xf8\x8e\xa2\xca\xe3eu\xc6\xf7\xab\x8a&lt;i\xf2\x94\xbb\xef\xbe{\xc6\x8c\x19\xaa\xaa\x1a\xab!\x116\x83\xb6\xf9\x7f\xb0zu\x9d\xf3t\xfeQ6[F\\\xdc\xc4\xe4\xe4\xcbz\xf7\x1e\x1c\x15\x15g\xb3\xc9\x94\xfa\x19\xf3\xe9\xba\xce\x98\x9f1\x80\xf6\xf2\x07\x00\x99RJ\x88E\x92\x14J9\x80\xd3\xeb=\xe6t\xe6VT|z\xf2\xe4\x9e\xca\xca\x93\xcd\xff\x90*\xcb\x93\xa6`\xfe\xd8\xff\x9e\r\x07\xc0\x05hy\xacs\xf3\xe6\xcdK\x97.\xd9\xb8q\xd3\xe9\xaf\x11:ax\xd2\xccK\x07\xde&lt;1u`R$\xc8\x144\xe6\xf5i~\x8dq\xce\x8d\x93\xd9H\xc7Nt\xe6\x1c\x008\xe3\xc09\'\x00\xb2D-\xaaL\x14\t8\xaf\xaas\xad\xdbvt\xcd\xb6\xc3\x9bw\x157\xb9\xbd\xc6\xf7\x8f\x1c9r\xd1\xa2E\xf3\xe6\xcd\x83\xef\xaf\xcb\xcc\xa7u\xfeK\x96l\xdc\xd4\x9c?\xa5c\x13\x13\xaf\xee\xdf\xff\'\x83\x07\xf7\x8f\x88P(\xf5\xeb\xbaG\xd7\xfd\xect\xfe\x14:z\x9e9\x87\xd3\xafO\x8csB\x88D\x88E\x92,\xb2\xcc9\xaft\xbbs\x8e\x1e]\x7f\xec\xd8\x97\xa7N\xb9\xbc\xcd\xf9\x8f\x18\xb1\xe8\x81\x07D\xcc\x1f\xfb\xdf\xf3\xe1\x00\xe8(\xe3h#\x00\x14\x16\x16.Y\xb2\xe4\xb5\xd7V\x1a\xc9\xd9,\xea-\x93R\xe7_=|\xfc\xb0$\xc9\xaa\xe8n\x9f\xc7\xa73\xcei\'\x9d\xc4\xccO\x1f\xeb\xe4\x84\x10U\xa6\xaaM\x05\xce\xf7\x1d\xa9z\xff\xcb\xa2W\xd6\xe7\x97V\x9f~{m\xda\xb4i\x0f?\xfc\xf0\xd4\xa9S\xc1\xa4{\xc4\xad\xf3_\xb9\xd2(\xaeUU\xaf\x1f4\xe8\xd6\xa1C\xc7$&amp;\xdae\xb9\xc9\xef\xf7\xeaz\xf3\x8bN\xe7\xbc\x12\xb0\xe6\x8dD\xa14\\Q\x18\xc0\xfe\xea\xea\x0f\x0f\x1dz\xb3\xa0\xa0\xbcQ\xd4\xfc\xb1\xff\xa6\x80\x03\xa0C4M\x93e\xd9\xe7\xf3-]\xba\xf4\xd9g\x9e\xae\xa9\xad\x03\x80\x18\x87m\xde\xd5\xc3o\x9b\x9c6jX"h\xcc\xe5\xf6\xe9\x8cK4\x88\x97\xaep\x0e\x8c1 $\xcc*\x13\x8bR|\xaa\xee\x9d/\nWn\xd8w\xf0d\r\x00\x10\x80y\xf3\xe7?\xfe\xf8\xe3\xbd{\xf76\xd9R\xa8e\xfe\xcf&lt;\xfdtm]\x1d\x00D\xd9l?\x1f:\xf4g\xa9\xa9\x97$$\xf8\x19k\xf2\xf9t\xce\xa5`^:d\xec\x16\x00\x80]\x96\xed\x8ar\xa4\xaen\xed\xa1Co\x1f8p\xa8F\xa0\xfc\xb1\xfff\x82\x03\xe0&lt;\x8c\xeb\x12)\xa5[\xb7n\xbd\xeb\xae\xbb\xf2\xf3\xf3\x01\xc0\xaa*\xb3&amp;\xa5&gt;x\xd3%\xe9C\x12\xb8\xdb\xd7\xe4\xf6\x03!\x12\xed\xba\xb61\xce\x19\xe3VUV\xc2,\xd5\x95\r\xcf\xfdg\xf7\xcb\xff\xddWV\xd3\x08\x00\x89\t\t\x8f\xff\xf9\xcfw\xdcq\x07\x98b)t\xd6\xfc-\x8ar\xfd\xa0A\xf7\x8c\x1a\x95\xd5\xabW\xa3\xcf\xe7\xd24\x02@\xbbpkg\x9c3\xce-\xb2\x1c\xa9\xaa%MM\xaf\xe4\xe5\xbdYPP\xd1\xd8\x08\x00\t\xbdz\xfd\xf9\x89\'\xcc\x9d?\xf6\xdf4p\x00\xb4\'P\xa0\xc7\x1e{\xec\xafO&gt;\xe9\xf5\xf9\x00`JV\xdf\xc7\xe7\x8e\x1f\x9f\x95\xcc&lt;\xfeF\xb7_\x92HW\xbe\xf4\xb4\xc49\xe8\x8c\xa9\x8ad\t\xb7\x1c?Y\xfb\xd8\x9b\xdf\xfc\xf3\x93\x83\x9c\xe9\x000k\xd6\xac\xe7\x9f\x7f&gt;66\xd6X\xbbu\xcb\xc3\xbbxg\xcd\xff\xf2\xe4\xe4G\xc6\x8e\xbd&lt;9\xb9\xc9\xefo\xf2\xfb%\xd2}\xf9\x03\xe8\x8c\xa9\x92\x14i\xb1\x1c\xae\xab[\xf2\xddw\xef\x17\x15q\xdd\xe4\xf9c\xff\xcd\x04\x07\xc09\x19\xed/--\x9d7o^NN\x0e\x00D\x85[\xff8g\xdc}?\xcd\xa2\x8444y)\xed\xb6\xea\xb7dl\x066U\x96\xed\xea\xc7[\x0f=\xf0\xe2\x97\x85\xa7j\x01`\xc8\x90!+W\xae\x9c0aB\x0f]\x07\xb5\xcd?\xc2j}h\xcc\x98\x05\x19\x19\x00\xd0\xe0\xf3\xd1\xee{\xe9o\xc9\x18\x03VY\x0eW\xd5\xff\x1e9\xf2\xe8\x96-G\xea\xea\xc0\x8c\xf9c\xff\xcd\x07\x07\xc0\xd9\x19\x0b\x87\xad[\xb7\xde|\xf3\xcd%%%\x000~x\xd2?\x1e\xb8j\xd8\xa0\xf8\xa6z7\xe7\xd0\x95;\xbc\x1d\xc19\xd7\x19w8\xac\xb5\r\x9e\xdf\xbc\xf4\xe5k9\xfb\x01\xb8EU\xff\xf6\xdcs\x0b\x17.\xecq\x87D\xdb\xe6?&amp;1\xf1oS\xa6\xa4\xc7\xc5\xd5\xb8\xdd\x1c@\n\xb1\xdf\x85s\xaes\x1em\xb5\xd6z&lt;\xff\xb7u\xeb\xbb\x07\x0e\x00\xe7\x16E\xf9\xdb\xff\xfb\x7f\xe6\xc8\x1f\xfboJ8\x00\xce\xc2h\xff+\xaf\xbcr\xcf=\xf7\xf8\xfd~ \xe4W?\xc9\\z\xe7\x15\x16\x896\xba}\xb2\x14\xba\x17\xa0k:S\x15\xc9bS\xff\xfe\xe1\x9e\xdf\xfec\xab\xb3\xc9\x03\x00\x0b\x17.|\xe9\xa5\x97z\xd06\xd0:\x7fJ\xefHO\xff\xe3\x84\t\n\xa5\x8d&gt;\x9f\x1c\xc27\x00\xd0\x18S%)\\UW\xee\xdd\xfb\xa7m\xdb\x1a\xbc^0A\xfe\xd8\x7f\xf3\xc2\x01\xd0Z\xa0\xfdw\xdey\'\x00D\xd8-\xcb\x16^\xb1\xe0\xba,w\xbd\x9b1NCl\xe1\xd3\x16\xe7\x9c1\x08\x8f\xb6\x7f\xbd\xfb\xe4\xdc\xa59\x87J\xea\x00`\xc1\x82\x05/\xbf\xfcr\x8f\xd8\x06Z\xe5\x1fn\xb1,\x1e?\xfe\x8e\x8c\x8c\x1a\xb7\xdb8\xc9\xa7\xbb\x1f\xe0yp\xceu\x80^6\xdb\x96S\xa7\xee\xfe\xe4\x93cN\'\xf4\xe4\xfc\xb1\xff\xe6\x86\x03\xe0{Z\xb5?\xc6a\xfd\xe8\xf1\xeb\xc6g\xf5\xad\xafi\x92\xa5P8\xe0\xd9Q~\x8dE8,\x15u\xeek\x7f\xb7fgQ\x05\xf4\x90m\xa0U\xfeQV\xeb\xdb\xd7^{Err\x85\xcb%\x85\xfekO\x0b~\xc6\xa2,\x96*\xb7{\xd6G\x1f\xed\xa9\xac\x84\x9e\x99?\xf6\xdf\xf4p\x00\x9c\xd1\xaa\xfd\x97\xa4\xf6z\xeb\x91\x19C\xfbF74xe9tw{\xcfE\xd3\x99\xd5\xa2\xb8|\xda}\xcf\x7f\xf6\xc6\'\x05\x10\xf2\xdb@\xab\xfc3\xe2\xe3_\x9a&gt;=5*\xaa\xce\xebUB\xf8\xb0\xcf\xb9h\x8c\xd9\x14\xc5\xabi\xbf\xfd\xf2\xcbU\x07\x0fBO\xcb\x1f\xfb/\x02\x1c\x00\xa7\xb5m\xff\x86\xbf\\\x1f\x17ikh\xf2\x86\xf2A\xcf\xf61\xc6\x15\x99\xaaVe\xfe\xd2\x9c\xd76\xee\x87\xe6m\xc0\xf8\x84\x8d\x90\xda\x06\xda\xbe\xfa\xbf\xff\x93\x9f\xc4X\xad\xf5^o(\x1f\xf4o\x9f\xce\xb9J\xa9]Q\xee\xf9\xe4\x93\xf7\x0e\x1c\x80\x9e\x93?\xf6_\x108\x00\x00\x9a\xcfx\x0b\xb4\x7f\xf4\xe0^\x1b\xfez}L\x98\xc5\xe5\xf1\xf7\xdc\xf6\x1b\x18\xe3\x84\x12\xbb]\x9d\xb7$\xe7\xf5Mg\xb6\x81\x90:7\xaeU\xfe#\xe3\xe3W\xfd\xe4\'\x91\xaa\xda\xe4\xf7\xf7\xdcW\x7f\x83qS\x84pU\xbd\xe7\x93O\xfe\xd5b\x06\x84r\xfe\xd8\x7fq\xe0\x008\xdd\xfem\xdb\xb6]~\xf9\x04\xc6xt\xb8\xe5\x9b\xe7f\xa5&amp;G7\xf6\xe4\xb5OK\x8cs\x89RI\xa6\x97\xdf\xff\xaf\xef\x0e\x96\x03\xc0\xb3\xcf&gt;{\xff\xfd\xf7\x87\xc852g\xf2\x9f0\x81q\x1ei\xb1l\xb8\xf1\xc6AQQ=z\xed\xdf\x92\x91\xbfB\xe9\xb5\xabW\xef\xae\xa8\x80\x90\xcd\x1f\xfb/\x1e\xd1\x07\x80\xb13XQQ\x91\x99\x91Q^Q\x11fU6&gt;y\xfd\xf8\x11\xbd\x1b\x1aM\xd2~\x03c\\V\xa4z\x97o\xf2\x83\xff\xdew\xbc\x06\x80o\xdc\xb8\xf1\xaa\xab\xae\xea\xf6uP \xff\x8c\x8c\x8c\x8a\x8a\n\xbb\xa2\xbc?s\xe6\xb8\xa4$\xa7Y^\xfd\r\x8csE\x92\x9a\xfc\xfe\xeb\xd6\xac9X[\x0b&lt;\xe4\xf2\xc7\xfe\x8b\xc9&lt;\xcf\xf1\</t>
        </is>
      </c>
    </row>
    <row r="201">
      <c r="A201" s="1" t="n">
        <v>199</v>
      </c>
      <c r="B201" t="inlineStr">
        <is>
          <t>circle_size_number</t>
        </is>
      </c>
      <c r="C201" t="inlineStr">
        <is>
          <t>What is the missing number of the part denoted with a question mark?</t>
        </is>
      </c>
      <c r="D201" t="inlineStr">
        <is>
          <t>[1, 6, 2, 4]</t>
        </is>
      </c>
      <c r="E201" t="inlineStr">
        <is>
          <t>2</t>
        </is>
      </c>
      <c r="F201" t="inlineStr">
        <is>
          <t>There are 6 numbered circles with varying sizes arranged in a ring with number [3, 2, '?', 4, 4, 3] in a clockwise order.</t>
        </is>
      </c>
      <c r="G201" t="inlineStr">
        <is>
          <t>We observe that the size of the circle is related to the number in the circle. The circle with the largest value 4 seems to be the biggest and the circle with the smallest value 2 seems to be the smallest. Thus, the pattern is that the larger the number the larger the circle.</t>
        </is>
      </c>
      <c r="H201" t="inlineStr">
        <is>
          <t>Based on the pattern that the larger the number the larger the circle, the missing number of the circle denoted with a question mark should be 2.</t>
        </is>
      </c>
      <c r="I201" t="inlineStr">
        <is>
          <t>b'\x89PNG\r\n\x1a\n\x00\x00\x00\rIHDR\x00\x00\x02\x00\x00\x00\x02\x00\x08\x02\x00\x00\x00{\x1aC\xad\x00\x00\x9fGIDATx\x9c\xed\x9dw\\\x14W\xf7\xffg;\xbb\xcbv\x16\xc4\x82\x1aA\x90\xa2\x14\x0bJ\xb1\xf7\x86%\x1a\xbb\x89\x9a\xd8\x8d\x1a\xbb1=\x96\x98\x18\x13cK\xec\xc6^\xb0\xf7.H\x91\xdeT\xec\ri[X\xb6\xcf\xcc\xfe\xfe8_\xf7\xc7\xa3\x89\xb1\xc1\xcc\xee\xde\xf7\x1f\xcf\xcb\x87\xc0r\x99{\xe7|\xce=\xe7\xdcs\x196\x9b\rC \x10\x08\x84\xeb\xc1\xa4z\x00\x08\x04\x02\x81\xa0\x06$\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xb0\xa9\x1e\x00\x82Jl6\x1b\x86a$I\xda\xff\x8da\x18\x93\xf9\xcfn\x01|\x1b\x86a\x0c\x06\xc3\xfem\xf0o\x04\x02\xe1\x880\xec\xaf=\xc2E I\xd2f\xb3\xd9l6&amp;\x93\xf9o\xb6\xfe\x8d&gt;\r\x84\x81\xc9d2\x18\x0c\xa4\x07\x08\x84\x03\x81\x04\xc0%\xb0\x1b}6\xfb\x7f\xf6|8\x8e\xab\xd5\xea\xfc\xfc|\x8dF\x93\x91\x91\xa1R\xa9H\x92\xcc\xc8\xc8 \x08\xe2\xe5\x0fi\xd2\xa4\x89X,f\xb3\xd9m\xda\xb4\xe1\xf3\xf9aaa"\x91\xc8\xdd\xdd\xbd\xea\xf7\x10\x04\xf1\xbe\xa4\x05\x81@T7H\x00\x9c\x19\x9b\xcdF\x10\xc4\x0b\xe6\xf8\xf6\xed\xdb\x89\x89\x89\xc9\xc9\xc9\x19\x19\x19:\x9d\xce`0\xb8\xbb\xbbs\xb9\xdcF\x8d\x1aI\xa5R\x0c\xc3"##9\x1c\xce\x0b\x0b\x83\xc5b\xa5\xa7\xa7k\xb5Z\x1c\xc7sssq\x1c\xaf\xa8\xa8`\xb1X2\x99,   ,,,&amp;&amp;&amp;$$\x84\xc3\xe1\xd8\x7f\x04\xc7q\xa4\x04\x94\xf0o/5\xda\x9f!^\x00\t\x80\x13b\xb3\xd9H\x92d0\x18v\xe3{\xff\xfe\xfdK\x97.]\xbcx1;;\xbb\xb2\xb2R*\x95\x06\x05\x055o\xde&lt;$$\xa4N\x9d:J\xa5R(\x14\xda\xbf\xf9?\xcd\x07A\x108\x8e\x17\x15\x15\xa9T\xaa\xec\xec\xec\xb4\xb4\xb4\xdc\xdc\xdc\xb2\xb22&amp;\x93\xe9\xe7\xe7\x17\x1d\x1d\xdd\xae]\xbb\xd0\xd0\xd0\xaa\x83\x81\x00Q\xf5\xfe\xd9\xae\x87\xad\n\x18\x86\xd9Cp\xff\x99\xc5\x81\x7f0\xaaPSCF\xd0\x0b$\x00N\x05X[\x16\x8b\x05\xff\xf7\xde\xbd{\xf1\xf1\xf1\xc7\x8e\x1d+,,\xf4\xf1\xf1\x89\x8e\x8e\x8e\x8a\x8a\n\x0b\x0b\xf3\xf6\xf6\x06\x1ba6\x9b\xadV\xab\xd5j\xb5\xc7\x88\xb0\x7f\xf7\x13_\xc8\x12s\xb9\\6\x9b\xed\xe6\xe6\x06\xdf\xafR\xa9\xf2\xf2\xf2\x12\x13\x13\x13\x13\x13\xb3\xb2\xb2\x94Je\x97.]\x06\x0c\x18\x10\x1e\x1e\x0e?E\x10DUMB\xbc\x1d0\xc56\x9b\x8d\xc1`\xd8\'\xfa\x05*++\x8dF#\x83\xc1\xb0O\xa8\xcdfc\xb1Xr\xb9\xfc\x1f\xbf\x1f\x129\xa0\x04h\x82\\\n$\x00N\x02\x18\x05\xb0\x08f\xb3y\xff\xfe\xfd\xeb\xd7\xaf\x7f\xf4\xe8Qppp\xaf^\xbd:t\xe8\xd0\xa0A\x03\x16\x8b\x85\xe3\xb8\xc1`\x00\x8b\xff\x8e\x0e\xa0\xbd\x82\x08\x8c\x11\x9b\xcd\xe6\xf3\xf9&lt;\x1e\x0f\xc3\xb0g\xcf\x9e%\'\'\x1f&lt;x099\x99\xcb\xe5\x8e\x181b\xe8\xd0\xa1\xb5k\xd7\xc6^\x92(\xc4kb\xb7\xd1U\x1f\x1dA\x10w\xef\xde-((\xb8{\xf7.\xfcC\xa7\xd3a\x18\xa6V\xab\xadV\xeb\x0b\xaf6\x93\xc9T(\x14L&amp;\x93\xc5b5k\xd6\xcc\xcb\xcb+44\xb4^\xbdz\x8d\x1b7\xae\x9a\xc8\xb1\xff"\xb4is\x05\x90\x008&lt;UM\xff\xfd\xfb\xf7\x7f\xfb\xed\xb7\x93\'OJ$\x92\xfe\xfd\xfb\xf7\xed\xdb\xb7q\xe3\xc66\x9bM\xaf\xd7\x9b\xcdf{(\xa6\x9a^l\xbb\xed\xe0p8B\xa1\x90\xcdf\x97\x96\x96\x1e=zt\xdf\xbe}7o\xde\x8c\x88\x88\x989sf\xcb\x96-_\x183\xe2\x15@\x16\x87\xc5b\xd9\xa7L\xab\xd5^\xbe|\xf9\xd2\xa5K\xd9\xd9\xd9EEE8\x8e\xbb\xbb\xbb\xd7\xaaU\xabn\xdd\xbau\xeb\xd6\xf5\xf5\xf5\xb5X,\x81\x81\x812\x99\xacj&amp;\x9f\xc1`\xe08\x9e\x91\x91\x81a\x98J\xa5\xca\xc9\xc9\xd1h4w\xef\xde\x05o@\xa9T6k\xd6\xacU\xabV\xb1\xb1\xb1\r\x1a4\xb0\xff\x14\xca\xe28=H\x00\x1c\x98\xaa\xdetff\xe6\xf7\xdf\x7f\x9f\x99\x99\x19\x1a\x1a:y\xf2\xe4\xa8\xa8(\x0e\x87c\x0f\x05\xd4\xb07\x07\xd1$\x92$\xb9\\\xaeX,f0\x18\xf9\xf9\xf9k\xd6\xac9{\xf6\xacL&amp;\x9b7o^\xef\xde\xbd\xb1\xe7\x91hd_^\x06\x9e\x1e\x86av\x8d\xcc\xca\xca\xbap\xe1\xc2\x89\x13\'\xee\xdf\xbf\xcff\xb3\x9b5k\x16\x13\x13\x13\x14\x14\xe4\xeb\xeb\xeb\xe9\xe9i/\xee\x02\x016\x99L/\xd7q1\x18\x0c&gt;\x9f_U\xfe\t\x82\xd0j\xb5\xf7\xef\xdf\xcf\xcd\xcdMHHHMM-++\xab[\xb7n\xfb\xf6\xed\xbbv\xed\x1a\x1d\x1d\rS\x83\xb28N\x0c\x12\x00G\x05\xc7qx\xed\xc1\xf4\'%%\xf5\xef\xdf\x7f\xda\xb4i\x8d\x1a52\x9b\xcd\x95\x95\x95\xa0\r\xd4\xbe\xb4vC&amp;\x10\x08\x04\x02Ayy\xf9\xa6M\x9b\xd6\xad[\xa7T*\xed2\x80\xe38\xe5\xe3\xa4\x0f/\x84\xc8\xee\xdf\xbf\xff\xd7_\x7f\x1d9rD\xadV\x87\x85\x85u\xef\xde=22\xd2\xdf\xdf\x9f\xcf\xe7c\x18f6\x9b!\x8b\x03\x8ak\x7f\x86\xff\xb6\xc9\xb3\'\x81\xe1\x9b!\xa0\xc4\xe3\xf1 \x91\x83\xe3\xf8\xbd{\xf7RSSO\x9d:\x95\x90\x90\xc0`0\xda\xb6m\xfb\xe9\xa7\x9f\xc2\xa6\r\xc30\xa8(C3\xe5L \x01p&lt;\xec\xe1\xfb\xe2\xe2\xe2%K\x96\xec\xdd\xbb\xb7_\xbf~3f\xcch\xd8\xb0!\xb8\xfc4\xdc\xb6C(\x83\xc3\xe1H\xa5R\x8dF\xb3a\xc3\x865k\xd64i\xd2\xe4\xbb\xef\xbe\x83z!\x08tP=L*\xa9j\xfaI\x92&lt;|\xf8\xf0\xe6\xcd\x9bsrr\x82\x82\x82\xe2\xe2\xe2\xbav\xedZ\xa7N\x1d\x0c\xc3\x0c\x06\x038\xf8\xef\xab\x86\xc7\x9eUf2\x99&lt;\x1eO(\x142\x18\x0c\x8dFs\xe5\xca\x95\xfd\xfb\xf7\'%%)\x14\x8a\xa1C\x87\x0e\x1f&gt;\\"\x91`H\xb0\x9d\x0b$\x00\x0e\x86\xdd\xf1_\xb5j\xd5\x92%Kbcc\x17/^\\\xbf~}0\xfd\xf4\x7f3q\x1c\x07\x19\xa8\xa8\xa8\xf8\xf9\xe7\x9f\xff\xfa\xeb\xaf\xc1\x83\x07\x7f\xf3\xcd7"\x91\xc8\x95-\x8b]\xff\xccf\xf3\xda\xb5k\xd7\xad[\xc7\xe7\xf3\xfb\xf5\xeb\xf7\xd1G\x1f\xf9\xfa\xfa\xdal6\x9dNg\xb1X\xb0\xe7\'\xae\xabi\x18v1\xe0p8\xee\xee\xee\x90\xc59|\xf8\xf0\xb6m\xdb\x1e&gt;|\xd8\xb7o\xdf/\xbe\xf8\x02t\xc8\x95\'\xcb\x99@\x02\xe00\xd8\xfb7\xe4\xe7\xe7\x8f\x1e=\x9a \x88?\xfe\xf8#22\xd2QL\x7fU\xec2\xf0\xf0\xe1\xc3\xb9s\xe7^\xbdzu\xe5\xca\x95\xfd\xfa\xf5\xc3\\o+`\x8f\xabX\xad\xd6U\xabVm\xdd\xbaU*\x95\x8e\x1f?&gt;..\x8e\xc7\xe3Q\x95\xc5\xc1\x9e\xa7\xf4\xedY\x9c\x84\x84\x84\x15+V\xdc\xbcy\xb3s\xe7\xce\xb3f\xcd\xf2\xf6\xf6\xc6\xaa\xb8#\x08\x07\x05\t\x80c`7\x8b\xdf\x7f\xff\xfd\xc6\x8d\x1b\'L\x980m\xda4\x0c\xc3\xb4Z\xadc\x99~;\x10\x14\xe2\xf3\xf9\xee\xee\xee\x07\x0f\x1e\xfc\xf2\xcb/\xc3\xc3\xc3W\xadZ%\x16\x8b]\xc4\xacT\x8d\xf9\xfc\xfe\xfb\xef\x7f\xfc\xf1G@@\xc0\xcc\x993cbb =\xfbB\xfd\x0f\x85\x83\xc40\xcc\xdd\xdd\xdd\xcd\xcd\xad\xb0\xb0\xf0\xf7\xdf\x7f?y\xf2d\xef\xde\xbd\x17-Z$\x91HP&amp;\xdf\xa1A\x02\xe0\x00\x80A,**\x8a\x8b\x8b\xe3\xf3\xf9\x7f\xfe\xf9\xa7\x9f\x9f_yy9\xe6\xf8/\x1e\xc8\x80B\xa10\x18\x0c\xb3f\xcd:z\xf4\xe8\xb6m\xdb\xda\xb5k\xe7\xf4\xf9F\xbb\xa2\x1f?~|\xf1\xe2\xc5\x16\x8be\xf6\xec\xd9\x03\x06\x0c0\x9b\xcdP\xcbO\xb7m\x10l\x08@\xb0\xaf_\xbf\xfe\xddw\xdf\xdd\xbauk\xd2\xa4I\x93\'O\xc6\xd0V\xc0aA\x02@k\xeca\x9f\xc3\x87\x0f\x8f\x1d;v\xec\xd8\xb1?\xfc\xf0\x83\xd1h\xac\xac\xac\xac\xdau\xc7\xd1\x01\xf3!\x93\xc9v\xef\xde=y\xf2\xe4)S\xa6,Z\xb4\x08s\xd2p\x10h\x1e\x9b\xcd\xae\xa8\xa8\x986m\xda\xd9\xb3g\xe7\xcd\x9b7a\xc2\x04\x92$U*\x15\r\x13\xf8U\xb1\xd9l8\x8e\x8bD"&gt;\x9f\x7f\xfa\xf4\xe9y\xf3\xe6q\xb9\xdc\r\x1b6\x04\x06\x06\xdak\x13\xa8\x1e#\xe2\r@\x02@_\xa0\xf8\x1a\xc3\xb0\xe9\xd3\xa7\xef\xda\xb5k\xe3\xc6\x8d\xdd\xbbww\x0e\xc7\xffe\xc0\xb2xzz\xde\xb9s\xe7\xc3\x0f?T(\x14\xfb\xf6\xed\x93H$N\xa6\x01\xf69=t\xe8\xd0\x17_|\xd1\xb2e\xcb\x15+Vxzz\x96\x95\x95a\xf4\xf3\xfa\xff\r\xd8\rH\xa5R\x06\x83\xf1\xfd\xf7\xdfo\xdd\xbau\xdc\xb8q\xf3\xe6\xcd\xc3\x9cT\xb3\x9d\x18$\x004\x05^\xa4\xca\xca\xca\x91#G\x16\x17\x17\xef\xdb\xb7\xcf\xd3\xd3\xb3\xbc\xbc\xdc\x99\x1c\xff\x97\xc1q\\(\x14\xf2x\xbc\t\x13&amp;\\\xbe|\xf9\xd0\xa1C\xfe\xfe\xfeN\x13^\x80?\xc4f\xb3\x8d\x1d;\xf6\xc4\x89\x13\x7f\xfe\xf9g\xcf\x9e=\xb5Z\xad\xc5bq\xc4?\x10JQ\x15\n\xc5\xad[\xb7&gt;\xfa\xe8#.\x97{\xe0\xc0\x81\xda\xb5k;\xcd|\xb9\x02\xce\xe6H:\x07`\xfd5\x1aMxx8I\x92\t\t\t\xee\xee\xee*\x95\xca\xb9\xad?\x86al6\xdbh4j4\x9a\xf5\xeb\xd7\x8f\x1a5*&lt;&lt;\xfc\xda\xb5kl6\x1b\xc7q\xaa\x87\xf6\xae\x80Y\xbcy\xf3f\xd3\xa6MKKK\xb3\xb3\xb3\xbbu\xebVZZ\n\xe1 \xaaG\xf76\xb0X,&amp;\x93YZZZ\xb7n\xdd\xd4\xd4\xd4\x0e\x1d:\x84\x86\x86\x1e&gt;|\x98\xcdfC-)\xd5\x03D\xfc7H\x00h\x07X\xff[\xb7n\xb5h\xd1b\xd8\xb0a\xf1\xf1\xf1\xe5\xe5\xe5\x0e\xea$\xbe\x05\x90\xfb-))\x997o\xde\x9e={\xfa\xf4\xe9s\xe4\xc8\x11\x87\xd6\x00{\xd0\x7f\xcb\x96-111#F\x8c8|\xf80\x97\xcbU\xa9Tl6\xdb\xd1\x83\xe6v\xcd\xfe\xf1\xc7\x1f\xb7l\xd9\xf2\xd9g\x9f\xcd\x9c9\x13&amp;\xd1~\xf0\x18A[P\x08\x88^\x80\x9fx\xfd\xfa\xf5\xd6\xad[\x7f\xfb\xed\xb7\xf3\xe6\xcd+--\xa5\xbc\x16\x90\x12\xacV\xab\xa7\xa7\xe7\x85\x0b\x17:v\xec\xf8\xfb\xef\xbfO\x9a4\xc9j\xb5:\xdc\x1e\xc8^\xeb\xf9\xfd\xf7\xdf\xaf\\\xb9r\xf7\xee\xdd\x1d:tp\xca9\xb5Z\xad\x1e\x1e\x1e\xcf\x9e=\xeb\xda\xb5\xab\xbf\xbf\xff\xe6\xcd\x9b\xdd\xdd\xdd\xed9\x0f\x04=A\x02@#\xc0\xf7\xbf~\xfdz\xabV\xad\x96.]\xfa\xc5\x17_\x94\x94\x948\x9c\xc9{\x8f\x80\x06\\\xb9r%66v\xd5\xaaU\x0e\xa7\x01v\xeb\xff\xe1\x87\x1f\xa6\xa5\xa5%$$(\x95J\'\x0e\xe5\xe18\xee\xe6\xe6&amp;\x12\x89\xe2\xe2\xe2\xf2\xf3\xf3SRR\xa4R)J\x0b\xd3\x19$\xcet\x01\xde\x93\xdc\xdc\\d\xfd\xedp8\x9c\x92\x92\x92\x98\x98\x98\xcb\x97/O\x9e&lt;\xf9\xcf?\xff\xe4p8V\xab\x95\xeaq\xbd\x16v\xeb\xdf\xbf\x7f\x7f\x9dNWPP \x12\x89\xd4j\xb5\x13\xcf)\x9b\xcd\xb6X,*\x95*&gt;&gt;~\xd8\xb0a-Z\xb4P\xab\xd5,\x16\xeb\x1f\xaf\x98F\xd0\x01\xb4\x03\xa0\x05\xb0SV\xa9TM\x9b6\x9d4i\xd2\xbcy\xf3\x90\xf5\xb7c\x8f\x05\xf5\xea\xd5\xeb\xd4\xa9S\xd1\xd1\xd1\xf4w*\xabZ\x7f\xa3\xd1x\xe2\xc4\t\xb8N\xd9\x15\xe2!\x90\xf3P*\x95\xdf~\xfb\xed\xd6\xad[SSS\xe1r\x02\x9aO\x99k\x82\x04\x80z\xe0\xb4WEEE\xabV\xad\x86\x0f\x1f\xfe\xe5\x97_"\xeb\xff\x02\xa0\x01g\xcf\x9e\x1d4h\xd0\x89\x13\'Z\xb5jEg\x83\xf2\xb2\xf5W\xab\xd5\xae\x16\r\x87)C\x1a@s\x90\x00P\x8c\xbdD\xa4]\xbbv\x1e\x1e\x1e\xfb\xf6\xedC\xd6\xff\x1f\xb1X,^^^k\xd7\xae\x9d;w\xee\xdd\xbbwe2\x19\xf6\xef\xd7\x17S\x88\xfd\xf0\xb6+[\x7f\xc0\xae\x01\xdb\xb6mKNN\x96\xcb\xe5\xae\xf9\x1c\xe8\x8cKT\x16\xd2\x19\xb0\xfe\x9f|\xf2\t\x9b\xcd\xde\xbbwoYY\x99\x8b\x94{\xbe)\\.\xb7\xa4\xa4d\xfc\xf8\xf1\xc5\xc5\xc5\xd1\xd1\xd1\xb9\xb9\xb9`g\xe9\xa6\x010\xa1\x83\x07\x0fvq\xeb\x8f=O\xe1,Z\xb4\xc8f\xb3EEE%$$H\xa5\xd2\xaa\x17\xd7 (\x07\xed\x00\xa8\x046\xc5\xdb\xb6m\x9b={v~~&gt;\xe4\xd0\\\xd3X\xbc&amp;\x04Axxxt\xed\xda\xb5v\xed\xda\x9b6m\xa2\xdb\xa1S(R\x9a&gt;}\xfa\xb1c\xc7n\xdd\xba\xe5\xca\xd6\xdf\x0e\xec\x03\xc6\x8c\x19s\xfd\xfa\xf5\xac\xac,t\x91\x00\xad@\x02@\x19`\x1a\n\x0b\x0b\xc3\xc3\xc3O\x9c8\xd1\xb2eK\xadVK+sFC\xe0*y\x82 \x82\x82\x82\x96-[6b\xc4\x08\xfaD\x96a$\xabW\xaf\xfe\xe1\x87\x1f\xd2\xd2\xd2\x04\x02\x81\xd5juq\xeb\x8f=\xcf\x88\xc8\xe5\xf2\x1e=zH$\x92\xdd\xbbw\xd3M\xb6]\x19$\x00\xd4`\xbfz)88x\xd4\xa8Q\xa8\xec\xe7\xf5\xc1q\\"\x91\xa4\xa4\xa4t\xef\xde=--\xcd\xcf\xcf\x0fbA\xd4\x8e\n\xe4&lt;###**\xea\xcc\x993\xadZ\xb5R\xab\xd5\xc8\xcc\x01p\xb1\x0c\xc8\xf6\xfc\xf9\xf3\'M\x9a\x844\x80&amp; \x01\xa0\x06x\x01f\xcc\x98\x91\x97\x97w\xea\xd4\xa9\xd2\xd2R\xf4&gt;\xbc&gt;\x10U\xf8\xe1\x87\x1f\x0e\x1d:\x94\x92\x92B\xb95\x0197\x99LM\x9a4\x99?\x7f\xfe\xf8\xf1\xe3KJJ\xb8\\.z\xb9\xec\x10\x04!\x16\x8bo\xdc\xb8\xd1\xa6M\x9b+W\xae\x84\x85\x85\xa1\xe0\x18\x1d@\x02@\x01\xb0\xf4\x93\x92\x92\x06\x0c\x18\x90\x99\x99\xc9\xe3\xf1p\x1cGQ\xd17\x02\xc7q\xa5R\xd9\xb6m\xdb\xee\xdd\xbb\xcf\x9d;\x97\xda@\x10(\xd0\x80\x01\x03X,\xd6\x9e={\xd0f\xee\x1f\x01\xd9^\xb3f\xcd\xd2\xa5Ksss\xf9|&gt;\rs\xf8\xae\x06\x12\x80\x9a\x06\xbcE\x92$\x03\x03\x03\x17-Z4|\xf8pT\xf9\xf3\x16\x90$\xc9\xe3\xf1\x8a\x8a\x8a"##\xaf^\xbd\xea\xef\xef\x8fQtM\x02h\xcf\xa6M\x9b\x16.\\x\xfb\xf6m\x93\xc9\x84\n]\xfe\r\xd0\x00\xb8\xd8n\xe7\xce\x9d\x94o\xdd\x10h\x0bV\xd3\xc0\x11\xa1/\xbf\xfc\xb2V\xadZ\xc3\x87\x0f///G\xef\xc0[\xc0d2\x8dF\xa3\x9f\x9f\xdf\x84\t\x13F\x8f\x1e\xcdd2)qe\xe0\x1a\xac\xa2\xa2\xa2y\xf3\xe6\xed\xdc\xb9\x93\xc9dB\x97\xfc\x9a\x1f\x89C\xc0f\xb3\xb5Z\xed_\x7f\xfd\x95\x98\x98x\xec\xd816\x9b\x8d\xbaDP\x0b\xda\x01\xd4(\xd0 \xf7\xd6\xad[\xb1\xb1\xb1\t\t\t\xb5k\xd76\x99L(\x12\xfa\xd6\x90$)\x16\x8b\xc3\xc2\xc2f\xce\x9c\xf9\xf1\xc7\x1f\xd7| \x08~c\xe7\xce\x9d\xfd\xfd\xfdW\xadZ\x85\x82?\xff\t\x8e\xe3\x1e\x1e\x1e\xf1\xf1\xf1\x9f}\xf6\xd9\x9d;w\x84B!\xbaH\x92B\x90\x00\xd4(`/\xfa\xf6\xed[\xa7N\x9d\xd5\xabW#{\xf1\x8e\x10\x04!\x93\xc9\x0e\x1e&lt;8}\xfa\xf4;w\xee@{\xfd\x1a\xb3&amp;0\x9b[\xb6lY\xb4hQnn\xae\xd5jE\x86\xecu\x80\xfcM\xff\xfe\xfd\x85B\xe1\xb6m\xdb\xe8S\xc8\xeb\x82 \x01\xa89`\xa1\x9f:uj\xcc\x981yyy\xd03\x80\xeaA9&lt;`M\xbau\xeb\xd6\xb4i\xd3e\xcb\x96\xd5\x985\x81\xe9\xc3q\xbcQ\xa3F\xbf\xfe\xfak\xbf~\xfdT*\x152d\xaf\x83\xcdf\xe3p8j\xb5:44\xf4\xf2\xe5\xcbAAAt(\xe4uM\x90\x00\xd4\x1cP\xfc\x13\x1e\x1e\xfe\xe1\x87\x1f\xc2M/(\xfa\xff\xee\x90$)\x14\n\xd3\xd3\xd3{\xf4\xe8QXX\xe8\xe1\xe1\x81\xd5H\x8f P\x9a\xd9\xb3gggg\x9f&lt;y\x12\xcd\xe6\x1b\x01\xb2\xbdd\xc9\x92\x83\x07\x0f&amp;\'\'\xa3\x92P\xaa@\x02PC\x80\xbd8y\xf2\xe4\'\x9f|RPP\x80\xdc\xff\xf7\x08X\x93\xae]\xbb\x06\x06\x06\xaeX\xb1\xa2\x066\x010weee~~~\'N\x9c\x08\x0b\x0b\xd3\xeb\xf5\xc8\x84\xbd)L&amp;3  `\xe3\xc6\x8d\xdd\xbbwG\x81 J@\x02PC@\xb9Hxx\xf8\xe0\xc1\x83\xe7\xce\x9d\x8b\x1c\xc6\xf7\x08l\x02222z\xf6\xecYPP\xe0\xe9\xe9\x89U\xf3&amp;\x00\xac\xd5\xe7\x9f\x7f\xae\xd5j7m\xda\x84f\xf3- \x08B\xa1Pl\xd9\xb2e\xed\xda\xb5IIIh\x13@\t\xe8\x89\xd7\x04\x04A0\x99\xcc\x84\x84\x84\xf2\xf2\xf2\xf1\xe3\xc7k4\x1ad/\xde#L&amp;S\xa7\xd3\xb5n\xdd\xbae\xcb\x96\xabW\xaff0\x18\xd5Z\\\x08\x01\xebg\xcf\x9e\x1d=zt\xc1\x82\x05z\xbd\x1e\xb9\xaeo\x01\x8b\xc5R\xa9T\xc3\x86\r#\x08\xe2\xe8\xd1\xa3PAK\xf5\xa0\\\x0e$\x005\xc7O?\xfd4h\xd0 \xa9T\xea(\x97\x1a:\x10\x0c\x06\x03\xc7\xf1)S\xa6l\xdd\xba\xd5d2\xb1X\xac\xea\xdb\xda\xc2fn\xf1\xe2\xc5-[\xb6\xf4\xf5\xf5\xd5\xeb\xf5\xa8\xf8\xe7\xed I\x92\xcdf\x7f\xfa\xe9\xa7_\x7f\xfd5F\xcb\xdb\x1d\x9c\x1e$\x00\xd5\x0e4\xb0|\xf4\xe8QJJ\xca\xa7\x9f~ZYY\x89\x1c\xc6\xf7\x0e\x8b\xc5\xd2j\xb5\x9d:u\x12\x89D\xf1\xf1\xf1\x0c\x06\x03\x8e\\\xbcw\xc0\xfd/--\xfd\xfb\xef\xbf\'N\x9c\x08bS\x1d\xbf\xc8\x15\x80sa\x03\x06\x0c(**:y\xf2$\xda\x04\xd4&lt;H\x00\xaa\x1dX\xd3\x7f\xfe\xf9g\x8b\x16-\x1a7nl4\x1a\x91\xa7S\x1d@s\x88\x91#G\xaeY\xb3\x06\xab6w\x12\x0e\xfan\xde\xbc9444::Z\xa7\xd3\xa1\xc8\xf5\xbb`\xb5Z\xe5r\xf9\xa7\x9f~\xfa\xdbo\xbfQ=\x16W\x04\xad\xddj\x87\xc5bY\xad\xd6\x1d;v\x8c\x1d;\x165}\xab&gt;X,VEE\xc5\x90!C\n\x0b\x0b\xf3\xf3\xf3\x99Lful\x02\xe0c\xb7n\xdd\n\x07\x8f\xd1l\xbe#,\x16\xab\xb2\xb2r\xd8\xb0aYYY\x8f\x1e=\xaa\xd6\xd8\x1d\xe2e\x90\x00T/`#\x12\x12\x12\x08\x82\x88\x8d\x8d\xd5\xe9t(bPM0\x18\x0c\xb3\xd9\\\xa7N\x9d\xf0\xf0\xf0\xbf\xff\xfe\x1b{\xdex\xe3=\x02\xc9\xfc\xabW\xaf\x1a\x0c\x86\xde\xbd{WTT\xa0\xd9|G\x18\x0c\x86\xd1h\xf4\xf5\xf5\x8d\x88\x88X\xbf~=\xf6|\xc7\x8c\xa8\x19\x90\x00T/\xe0\xcel\xdf\xbe=..N*\x95\xe28N\xf5\x88\x9c\x19H\x05\x8f\x1d;\xf6\xc4\x89\x13\xd5WV\xf8\xdbo\xbf\xf5\xed\xdbW,\x16\xa3\xd9|/\xd8gm\xd7\xae]\x16\x8b\x05ijM\x82\x04\xa0za\xb1Xf\xb39111..\xcel6\xa3xq\xb5\x02\xf1\x84\xd8\xd8X\xbd^\x9f\x9b\x9b\xfb~\xa3@\x90\xcc\xaf\xa8\xa8\xb8z\xf5j\xff\xfe\xfd\xd1l\xbe/\xec\xb3f2\x99\xae]\xbbV\xddU\xbc\x88\xaa\xa0\x15\\\x8d@\xfc\xe7\xca\x95+\x18\x86\xb5l\xd9\xd2\t\x0e\x8b\xd2\xff\x003$\x15CCCw\xec\xd8\x81\xbd\xd7(\x10|\xd4\xf1\xe3\xc7e2Y\xf3\xe6\xcd\xe99\x9bp\xdb\x04A\x10\xf8\xffB\x10\x04\x9d\'\xcej\xb5J\xa5\xd2\xb6m\xdbn\xdd\xba\x15{\xbeoF\xd4\x00\xb4[\xc1\xce\x04\xac\xe3\xc3\x87\x0f\x87\x85\x85\xf1\xf9|G\xf7k\xa0\x87\x17\x87\xc3\xa1\xa1\xe1\xb3\x03\x05\xa0\x1d;v&lt;\x7f\xfe\xfc\xfbm1\x06\xb3y\xe2\xc4\x89\xae]\xbb\xba\xb9\xb9\xd1m6\t\x82\x80\xf3\xc9\xee\xee\xeer\xb9\\\xa9T*\x95J\x0f\x0f\x0f\xf8\x87T*\x85[y\xe96l\x00\xa2@\x03\x06\x0cHMM\x85\x0b3\xa8\x1e\x91\xab\x80\xce\xa3V#pKIjj\xea\x94)S\xe0\xf4\x10\xd5#z\'8\x1cNyy9\x86annnnnn\xf4t\xd3\x98L\xa6\xc1`\xe8\xd0\xa1\xc3\xd2\xa5KKKK===\xdf\xd7\xfd\\\x10\xcdKMM]\xb3f\x8d\xc5b\xa1\x8f\nBjZ,\x16\xb3\xd9\xec\x92\x92\x92\xac\xac\xac\xc2\xc2\xc2G\x8f\x1eUTTX\xadV&gt;\x9f\xef\xe1\xe1\xd1\xa8Q\xa3\x90\x90\x90\x86\r\x1b\xdal\xb6\x8a\x8a\n\xba\xdd\xc5\x08Q\xa0\xb6m\xdb\x9a\xcd\xe6\xdc\xdc\xdc\xa6M\x9b\xa2\xce\x105\x03\x12\x80\xea\x02\xdc\xcf\x92\x92\x92\xe2\xe2\xe2\xe6\xcd\x9b\x1b\x0c\x06\xc7]\xd0\xd0mm\xe1\xc2\x85\xabV\xad\xc20l\xfe\xfc\xf9\xb3f\xcd\xa2\xe7M\x96P\x0b\xe4\xe3\xe3#\x93\xc9\x92\x92\x92\xfa\xf4\xe9\xf3^&lt;J\xb0G\x05\x05\x058\x8e7m\xda\x94&amp;\xb3\t\x01\x1f\x89D\x82\xe3\xf8\xc5\x8b\x17w\xef\xde}\xf1\xe2\xc5\xbbw\xef\xfe\xe37\xcb\xe5\xf2\xd8\xd8\xd8\xcf&gt;\xfb\xacs\xe7\xce:\x9d\x8en\x1e\t\\\x14\xd3\xa8Q\xa3s\xe7\xce!\x01\xa81h\xf7\x02;\r`w\x92\x92\x92\x14\nE\xc3\x86\r\xc1\xed\xa2zPo\x03\x8e\xe32\x99\xec\xf8\xf1\xe3?\xfc\xf0\x03|\x85\xe6g\xd9H\x92\xe4r\xb9\x11\x11\x11\xe7\xcf\x9f\xef\xd3\xa7\xcf{\xd9\xa9\x80=:x\xf0\xe0\x07\x1f| \x93\xc9\xca\xca\xca(\x0fS\xd8l6\x1e\x8f\xc7\xe3\xf1N\x9e&lt;\xb9b\xc5\x8a\xf3\xe7\xcf\xc3\xd7\xb9\\\xae\x9f\x9f\x9f\x8f\x8f\x8fB\xa1\xe0p8\x06\x83\xe1\xf1\xe3\xc7\xf9\xf9\xf9*\x95*&gt;&gt;\xfe\xd0\xa1C\x13&amp;LX\xbat)\x84\x83\xe83\x8f0M\xd1\xd1\xd1\x87\x0f\x1f\x9e&gt;}:}\x06\xe6\xdc \x01\xa8.`A\x9f={688\x98\xc3\xe18\xa8GC\x92\xa4\x9b\x9b[qq\xf1\xc4\x89\x13Y,\x96H$\xd2j\xb5\x94\xdb\xbeW\xc3`0l6[\xeb\xd6\xad\xd7\xacY\xf3\xbe\xd2\x00`\x8f\xae^\xbd\xda\xb1cG\x8c\x06YJ\x9b\xcd\xc6f\xb3\x1f=z\xb4x\xf1bH\x9cb\x18\xd6\xb6m\xdb\x81\x03\x07FGG\xfb\xf8\xf8\x88D"\x88\xf3\xd8l6\xb3\xd9\xfc\xf4\xe9\xd3S\xa7N\xfd\xfa\xeb\xaf\xb7o\xdf^\xbdzuqq\xf1\xd6\xad[i\x95\x0f`2\x99f\xb39&amp;&amp;f\xed\xda\xb5\x06\x83A \x10\xbc\xaf\xd8\x1d\xe2\x158\x9eIr\x14\xc0\xee\\\xbf~=,,\x0cs\xd8FW6\x9bM \x10L\x9b6\xed\xc1\x83\x07\xa3F\x8dj\xda\xb4)\xfd_K\x06\x83a2\x99BBB\x1e?~\xac\xd5j\xdf\xcb}\xf1L&amp;\xd3d2\x15\x15\x15EEE\xd1!\x01@\x92\xa4@ HHH\x00\xeb\xdf\xae]\xbb\xa3G\x8f\x9e8qb\xd2\xa4I\x8d\x1b7f0\x18\x15\x15\x15j\xb5Z\xa5R\xa9\xd5j\x93\xc9\xe4\xe5\xe55i\xd2\xa4+W\xaet\xe9\xd2\x05\xc3\xb0\xfd\xfb\xf7\xafX\xb1B&amp;\x93\xd1G\x03\x98L\xa6\xd1h\x0c\n\n\x12\x08\x04\x85\x85\x85\x18\rT\xd6\x15@\x02P-\x80\xe3\xa9\xd7\xeb\x9f&lt;y\x12\x16\x16f6\x9bin4\xff\x11\xab\xd5\xea\xe1\xe1\xf1\xc7\x1f\x7f\xec\xdf\xbf\xdf\xcb\xcbk\xde\xbcy:\x9d\x8e\xeaA\xfd7\xe0K~\xf0\xc1\x07\\.7??\x1f{gS\x02\xe1\xf2\xc7\x8f\x1f[,\x16???:D\xc0\xe0D\xc2\xf0\xe1\xc3\xc7\x8d\x1b\xb7d\xc9\x92S\xa7Nu\xe9\xd2\xc5`0\x94\x95\x95\x19\x8dF\x0c\xc3\x98L&amp;\xeb9\x0c\x06\xc3j\xb5\x96\x94\x94\x88\xc5\xe2\x1d;v\x04\x04\x040\x99\xcc_\x7f\xfd\xf5\xc1\x83\x07\\.\x97&gt;v\x16\x82\x8d\xb5j\xd5JKK\xc3\x90\x00\xd4\x08H\x00\xaa\x05X\xbbO\x9e&lt;\xe1\xf1x\xbe\xbe\xbe&amp;\x93\x89r\x93\xf1\xa6\x10\x04!\x91HRRR\x16.\\\x88a\xd8\x97_~\xe9\xe3\xe3\xa3\xd5j1Gx3q\x1c\x97J\xa5\x1f|\xf0AAA\x01\xf6\xce\x03\x86\x1f\xcf\xc8\xc8\xf0\xf0\xf0\xf0\xf2\xf2\xa2IC\'\x06\x83a0\x18~\xfb\xed\xb7\x193f\xe8\xf5z\xd8\xeb\xb0\xd9\xec\x7f\xdc\x9d0\x18\x0c\x0e\x87\xa3\xd3\xe9\x14\n\xc5\xf4\xe9\xd3I\x92,++;{\xf6\xac\xbb\xbb{5\xb5M}\x0b\xe09\x07\x07\x07\xa7\xa6\xa6b\x8e\xb0\xcc\x9c\x00$\x00\xd5\x02\xac\xdd\xc2\xc2B\x81@\xa0T*ib2^\x1f\x081\x1b\x8d\xc6\t\x13&amp;\xe8t\xba\x1e=z|\xf6\xd9geee\x8e\xf2NB\x9c\xaa~\xfd\xfa\xb9\xb9\xb9\xd8{\x12\x80\xeb\xd7\xaf7n\xdc\xb8\x9az\xcc\xbd5`\xfa1\x0c{\x9d\xc4\x0c\x87\xc3\x813\xb7"\x91\x88\xc1`\xa4\xa5\xa5A\x92\xa0\xfa\x87\xf9Z0\x18\x0c\x06\x83\x11\x1a\x1a\n\xb3Fy\x9c\xcd\x15@\x8f\xb8\x1a),,\xacW\xaf\xde{\x89A\xd70\x04AH\xa5\xd2\xf9\xf3\xe7\xa7\xa7\xa7\xd7\xabWo\xd5\xaaUV\xab\x15\x8e\x98R=\xb4\xd7\x02\xecZ\xa3F\x8d\x1e=z\x84\xbds\x02\x06~\xfc\xd9\xb3g\xde\xde\xdet\x13r\x08\xf5\xbc\xfe\xf7\xe38.\x97\xcbk\xd5\xaae\xb3\xd9\x9e={F\xabB 8\x0eV\xabV\xad\xca\xcaJ\x8b\xc5B\x9f\x8191H\x00\xaa\x05\xb0\xf8w\xef\xde\xf5\xf2\xf2r8\x01\xc0q\\\xa1P\xec\xda\xb5k\xed\xda\xb5,\x16\xeb\xb7\xdf~\xabW\xaf\x1e\x04\xbei\xe5\xfc\xbe\x1a\x06\x83\xd1\xa0A\x83\x87\x0f\x1fb\xefI\x00n\xde\xbc\x19\x1c\x1c\xfc\xee\x9fF9,\x16\x8b\xcb\xe5b\x18\x86\xe38\xadV&amp;d\xef\xfd\xfd\xfd\xd5juee%\xadv\'\xce\n\x12\x80j\x01lDQQQ\x83\x06\r\xe8_6S\x15(/\xb9s\xe7\xce\xf4\xe9\xd3m6\xdb\xb4i\xd3\xe2\xe2\xe2T*\x15\x9b\xcd\x86cGT\x0f\xf0\xb5`0\x18\x16\x8b\xc5\xdb\xdb\xdbh4\xc2\x95\x8d\xefbJ\xa0e\xb1Z\xad\x96\xc9d\x0e\x17\xcd{\x018(\x07\xc9|\x99LF\xb7\x8a^X~6\x9b\r\xb6nH\x00\xaa\x1b$\x00\xd5\x02\xd8\x88{\xf7\xee\xf9\xf9\xf9Q=\x967\x86\xcdfO\x9a4\xe9\xd9\xb3g\xad[\xb7\xfe\xe6\x9bo\xd4j5\xdd\xcc\xc4\x7f\x02f\x0e\xce\xdf\x81/\xf9\xd6\x1f\x05\xfa]QQa2\x99\x02\x03\x03\xe9P\x02\xf4\xd6\xd8l6.\x97\xfb\xe8\xd1\xa3\xa2\xa2"\x0c\xc3\x9a4iB\xab\xed)T+y{{+\x95\xca\xdb\xb7ocH\x00\xaa\x1f$\x00\xd5\x08\x97\xcbu,{\x01\xc1\x9fe\xcb\x96\x9d9sF.\x97C\x08\x88n=\x03^\x13&amp;\x93\t\x05\xfb\x1c\x0e\xe7\xdd?\x8d\xc7\xe3\xc1\xae\xc2\xa13\x938\x8e\xf3\xf9\xfc\xf8\xf8x\xab\xd5\xca\xe5r;v\xech4\x1a\xe9\xf6\x17\x11\x04a\xb5Z\x85B!\xd5\x03q\t\xe85\xf7\xce\x01\xf8\x8c\x1a\x8d\xa6\xbc\xbc&lt;$$\xc4Q4\x00J\'\xcf\x9f?\xff\xe3\x8f?b\x18\xb6t\xe9\xd2\x90\x90\x10\x07\xbd\xf3\x16\x8cu\x9d:uD"QNN\x0e\xf6\x0e\xbe$\xfc\xe0\xbd{\xf7\x04\x02\x81B\xa1p\xdcK`,\x16\x8bB\xa1\xc8\xc8\xc8\x80\x8b\xb7\xfa\xf6\xed\x1b\x11\x11A\xb7\xa6\xd6p\xe9B\xbdz\xf5n\xde\xbcI\xf5X\\\x02\x1a\xcd\xbd3\x01\x06\xc8l6;J\xd4\x18\x1a\xcb\xa8T\xaa\t\x13&amp;\x98L\xa6\x91#G\x8e\x193\xa6\xbc\xbc\xfc\xbd\xb8\xcf\x94\x00\xd1d.\x97\xabR\xa9\xb0\xf7\'\x00V\xab\x95\xce\xb3i{\t\xb8\x1b\xc0f\xb3yyy\xdd\xb9sg\xc4\x88\x11*\x95\xca\xdb\xdb\xfb\xc7\x1f\x7f\xa4\xa1k\x02\'(\xed\x02\x80B@\xd5\r\x12\x80\xea\x02\x8a\x9a\x1d\xc2\xfac\x18F\x92\xa4\xbb\xbb\xfb\xcc\x993o\xdd\xba\x15\x18\x18\xb8|\xf9r\xc7\xed^g\x87$I8\xd0\xf0\xee\x1f\xc5\xe1p\xc0\x98\xd2y6\x19\x0c\x06\xab\nl6\x9b\xc7\xe3I$\x12\xa5R\xc9\xe1p\xb6m\xdb\xd6\xbe}\xfb\xbc\xbc\xbc:u\xea\xec\xdb\xb7\xcf\xc7\xc7\xc7d2\xd1s\x8a!BE\xf5(\\\x02\xd4\x0c\xaez\xa1\xb3\xbd\xb0c\xb5Z===\xd7\xaf_\xff\xf7\xdf\x7f\x0b\x04\x825k\xd6H$\x12\xadVK\xc3n\xcfo\xc1{\xf1"\xe1C\xe8&lt;\x9b\x90A\xad\xeap\xe08\xae\xd5j\xef\xdf\xbf\x7f\xed\xda\xb5={\xf6@\x83\x9d\xfe\xfd\xfb\xff\xf8\xe3\x8f\x90\x1e\xa7mn\x1f\x15\x80\xd6\x18\xce\xf0\x86#\xde\x05\x82 D"QVV\xd6\x9c9s0\x0c\xfb\xf2\xcb/cccKKK\x9d\xc3\xfa\xbb\x08\x90\xbd_\xbcx\xf1\xfa\xf5\xeb9\x1c\x0e\x9c\xd7\x83r\xcf\xca\xcaJ\x0c\xc3\x1a4h0w\xee\xdcA\x83\x06\x85\x85\x85UTTh4\x1aZu\x01BP\x05z\xc9]\x1a\xc8\xb9\x11\x041a\xc2\x04\x8dF\xd3\xa3G\x8f\x993g\x96\x97\x97#\xeb\xefp0\x99\xcc\xa2\xa2"8\xf8\xf62V\xab\xf5\xfe\xfd\xfb\x97.]2\x9b\xcd\xe1\xe1\xe1l6\xdb`0\xd0v\x07\x80\xa81\xd0{^\xbd\xd0\xdc\xc9"\x08B\xa9T\xce\x9c9\xf3\xda\xb5ku\xeb\xd6\xfd\xe3\x8f?\xccf3\xd5\x83zo\xbc\xc7\xb8\r\x9d\x83?\x18\x86\xb1X,\x9dN7n\xdc\xb8\xae]\xbbBi\xbf\xcdf\xb3X,Z\xad\xf6\xe9\xd3\xa7\x85\x85\x85\xd7\xae]\xdb\xb5k\xd7\xae]\xbb\xd8lv\\\\\xdc\xc2\x85\x0b\x83\x82\x824\x1a\rm5\x80\xe6\x0f\xdci@\x02P]\x90$I\x92$$\x0f\xa9\x1e\xcb?\x03ma\xe2\xe3\xe3W\xae\\io\xf9\x00\x87~\xa9\x1e\xda{\x0067\x10\x19\x7f\xf7O\x83\xd8:m\xad\x12\xfc\x99~~~AAAU\xbf\xced2\xa1{]eeeAA\xc1\xd6\xad[\xd7\xaf_\xbfo\xdf\xbe\xb3g\xcfn\xd8\xb0\xa1O\x9f&gt;\xf4\xd4\x00&amp;\x93\xe9\xb8\xe5\xb6\x8e\x05\x1dk\x00\x1c\x1dHa\x89D"\xb1X|\xff\xfe}\x1e\x8fGC\r I\x92\xcf\xe7?~\xfcx\xda\xb4i\x04AL\x9b6\xad_\xbf~\xced\xfd\xe1\n{\x83\xc1\xd0\xb0aC\xec\x1d&lt;J\xf8\xc1\x90\x90\x90\x8a\x8a\x8a\xa7O\x9f\xd2V\xd1\xa1\x91\x8e\xe6\x7fQ\xa9T\xa5\xa5\xa5*\x95\x8a \x88f\xcd\x9a\xfd\xf1\xc7\x1f\xa7N\x9d\xf2\xf1\xf1\xd1h4C\x86\x0cIHH\x10\x89D\xb4j\xf0\xc7d2\t\x82\xb8y\xf3f\x8b\x16-0\xb4\x0f\xa8~\x90\x00T\x0bp\x91\x96H$\xba\x7f\xff&gt;m\xb3m&lt;\x1eo\xca\x94)\x0f\x1f&gt;t\xdc\x96\x0f\xaf\x80\xcdf\x83\x004h\xd0\x00{g\x01\x90\xcb\xe5V\xab\x95\x86\xe7f\xab\xf2B\x19\xa8\xbd\x18\x14\xa6U\xaf\xd7\x97\x94\x94t\xe8\xd0a\xcf\x9e=R\xa9\xd4b\xb1L\x9f&gt;\xddb\xb1\xd0m\xd2m6\x9bV\xabU*\x95T\x0f\xc4%\xa0\xefjv\x02\xacV+\x9f\xcf\xa7\xa1\xf5\x87\xa2\x91\x95+W\x1e9rD$\x12\xadZ\xb5\n\xc30\x8b\xc5\x02\x87\x86^\x01\xfc8I\x92/|\x9d\x86M\xe2\xe0jx\x0c\xc3,\x16\xcb\xbb\x7f\x1a\x8e\xe3\x04A\xd0p*_\x1f\xe8\x8a\xf1\xec\xd9\xb3V\xadZM\x992\x05\xc3\xb0\x8c\x8c\x8c3g\xce\xd0m\x13\x00\xb1\xd3\xf72k\x88\xff\x04\t@\xb5\x00\x96"$$\x84nwn`\xcf\xaf\xfaJHH\xf8\xea\xab\xaf\xf8|\xfe\xe6\xcd\x9b\xc3\xc3\xc3\xdd\xdc\xdc\xbc\xbc\xbc\x94\xff\x8e\\.\xf7\xf0\xf0\x00\xffW(\x14\xb2\xd9\xec\xaa\xff\xd5\xdd\xdd\x9dV\x7f\xa3\xcdf\xe3\xf3\xf9\xb9\xb9\xb9\n\x85B.\x97\xbfK;#\x98&gt;\xb9\\.\x16\x8b\xb3\xb3\xb3\x05\x02\x01\r\xd5\xee\xf5\xe1p8z\xbd~\xc0\x80\x01|&gt;\x9f\xc1`\x9c?\x7f\x9e\xc5b\xd1d\xee\xa0W\xdd\x93\'O\xca\xcb\xcb\x9b6m\x8a\xa1\x10P\xf5\xe3\x0c\x01_\x1a\x02o\x94H$R\xab\xd5T\x8f\xe5\x7f\x80\x93\xb1\x15\x15\x15\x93\'O6\x1a\x8du\xea\xd4IOOOLL\xfc\xcf7\r.\xda\x85\xcb\xa7\x8e\x1e=\xaa\xd5j\r\x06\x03\x83\xc1\x80\x1ccXXX\xbf~\xfd\xe8\xd3Z\xc0\xfeg\xb2\xd9l\x0e\x87\xf3\x8e&amp;\x1b&gt;M\xa1P\xe8t:\x9a\xfc\x81o\r\xa4\x8b\xeb\xd4\xa9\xe3\xe3\xe3s\xf3\xe6\xcd\xc2\xc2B\xab\xd5J\x9f\xb8\x16\\\r\xef\xe6\xe6&amp;\x93\xc90$\x00\xd5\x0f\x12\x80j\x01\x16nhh\xe8\xd6\xad[i\xd5M\x13z\xfe\xdc\xb9s\'33\x13\xc3\xb0\xc7\x8f\x1f\xff\xf0\xc3\x0fo\xfa!\x17/^\xbcx\xf1b\xd5\xaf\xf4\xea\xd5k\xe8\xd0\xa1z\xbd\x9e&amp;\x01e\x10\xe0\x9c\x9c\x9c\x80\x80\x00\xec\x9d\x8bqI\x92d2\x99M\x9a4IOO\xff\xe4\x93Oh\xe2/\xbf\x1dp\xab\x0f\x9f\xcf\x97J\xa5\x18\x86i\xb5Z\xfat7\x82\x81\xe5\xe5\xe5I\xa5R\x89D\x02\x8f\x9d\xeaA99H\x00\xaa\x91:u\xea\xa8\xd5jZyX\x0c\x06\x83 \x08ww\xf7N\x9d:\x99\xcdfH\x1b\xbe\xe6\x0f\xe28\x9e\x9c\x9cl6\x9b}}}?\xf8\xe0\x03\xb8\xb4\x0f\xce\x91\xb5n\xdd\x9anw\xf8\xd9l\xb6\xa2\xa2"ooo\xec=\x9d\xc6\xa8U\xab\x16\\1\xef\x04@\x9c\x1d\xc30&amp;\x93I\xabYc0\x18\xc5\xc5\xc52\x99\x0c\xca\x81\xa8\x1e\x8e\xf3\x83\x04\xa0Z\x00\x8b\x1f\x14\x14\x04\'q&lt;&lt;&lt;h\xe2gA\x04\xc0\xcb\xcb\xeb\xe8\xd1\xa3\xaf?\x1e\x88\x81h\xb5\xda\xa6M\x9b&gt;y\xf2d\xdc\xb8q\xb3g\xcf6\x18\x0c\xf6\x9aQ\xab\xd5ZYYI\x1f\x9d\x83\xc0\xd4\xcd\x9b7{\xf6\xec\x89\xbd\xa7+![\xb7n\x1d\x1f\x1fo6\x9bi\xb2\xcby;\xe0x\x84^\xaf/--\xc50L\xa1Pp\xb9\\\x9a\x9c\n\x06\x9dNMM\r\x0b\x0b\xc3h\x7f\x88\xd29@\x02P-@\xe6P\xa1P\xb0X\xac\x9b7o\xd6\xabW\x8fV\x0e\xb2\xcdf\x83\x161\xaf\xff\xfdl6\xbb\xb2\xb2\x12\xdeI\xb3\xd9L\x92\xa4N\xa7\xb3\x0b\x00\xad\x0eI\xc1hKKK\x8b\x8a\x8a \x04\xf4\x8ec\x03a\x83\xdb\x11h%\xe7o\x01\xc4\x00\xf3\xf2\xf2\x9e&lt;y\x82aX`` \\\xf6I\xf5\xb80\xac\x8al\xf7\xea\xd5\x0bC\t\x80\x1a\x81..\x9b\xf3A\x92\xa4\x9b\x9b[\x83\x06\r\xd2\xd2\xd2\xd8l6\xddJG\x98o\x05\xfc,\xe4~\xabB\xabw\xd5f\xb3\xb9\xb9\xb9A\xf3K\xb8\x92\xf3\xddw\x006\x9b\xcd\xd3\xd3\xd3\xdd\xdd=//\x8f&gt;\xa5\xbdo1\x0c\x82 \xdc\xdc\xdc\xf6\xed\xdb\x07\x07\xa4;t\xe8@\x131\x83\xb3{\xc5\xc5\xc5\xa5\xa5\xa5\xb0\x03\xa0\xc3\xa8\x9c\x1e$\x00\xd5\x05\xbc\x9cQQQYYYT\x8f\xc5\xb5\x00\'733\xd3\xcf\xcfO \x10\xbc\x97&amp;\xfe$I\xb2\xd9\xec\x06\r\x1a\\\xbat\x89&amp;r\x0e\t\x987:\x84a\xb5Ze2YFF\xc6\x86\r\x1b\x18\x0cF\xf3\xe6\xcd\xa3\xa2\xa2t:\x1dM\xe2?\x02\x81 ##\xc3f\xb3\xf9\xf8\xf8\xc0\xcd0T\x0f\xca\xf9A\x8f\xb8\xba\x80\xe5\xdb\xb1c\xc7\x82\x82\x02\x9a\xc4X]\x04\x90\xde\xabW\xaf\xc6\xc4\xc4`\xef)\x94\x0c\x1f\xd2\xa9S\xa7k\xd7\xae\xd1\xa1\xac\x0br9&amp;\x93I\xa9T\n\x04\x02\x9b\xcd\x06G\xd5\xe0\x0e\x1c\xfb\x9f\x0c\xff\x86\x83{\x04Axxx\x14\x15\x15\x8d\x1a5\xaa\xa2\xa2\xc2f\xb3}\xf5\xd5W&lt;\x1e\x8f\x0eb\x86=\x97\xd8K\x97.\x85\x86\x86r\xb9\\\x9a\x8c\xca\xe9A\x02P]\xd8+A\x8dF\xe3\x8d\x1b7\xe8\x137pz \xc9\x99\x97\x97\xd7\xa1C\x07\xec\xb9\x12\xbf\xfbgb\x18\xd6\xabW\xaf\xa7O\x9f&gt;{\xf6\x8c\xda\xf6\x1e\x90\xc85\x1a\x8dqqq\xf3\xe7\xcf\xcf\xcb\xcb\xe3r\xb9\x1e\x1e\x1e2\x99L \x10p8\x1c\xfb\x9f\x0c\xa7\x7f\x85B\xa1B\xa1\x10\x89D\xc7\x8f\x1f\xef\xdc\xb93\\\x92\xfc\xe5\x97_v\xef\xde]\xab\xd5\xd2\xc45\x818[RRR\\\\\x1c\xd5cq!P\x12\xb8\xba\x80\x82K\xb1X\xdc\xb0a\xc3k\xd7\xae\x85\x85\x85\xd1\xa7L\xfe\xad\x81\xf62\x94\xfb\xbf\xaf\x00\xce\x00\xdf\xb8q\xc3l6\x87\x86\x86b\xef\xaf\x1d4I\x92&gt;&gt;&gt;\n\x85"99\xb9w\xef\xde\xd4\xf6\xd1\x84\x08IjjjRR\xd2O?\xfd\x14\x1e\x1e\xde\xa6M\x9b\x16-Z\xf8\xf9\xf9yzz\x82\x0c`\x18f\xb5Z5\x1a\xcd\xd3\xa7O\xd3\xd3\xd3\x0f\x1f&gt;|\xe6\xcc\x19\x0c\xc3X,\xd6\xa2E\x8b\xe6\xcf\x9fO\x9fV\xa0\x10\xb5{\xf4\xe8QQQQll,\xf6\x9ed\x1b\xf1\x9f \x01\xa8F\xeci\x80c\xc7\x8eM\x9a4\x89\xea\xe1\xbc+6\x9b\xad\xa2\xa2\x82 \x08:\xdf\x19@\x10\x04\x9f\xcf?y\xf2d\xdd\xbau\xc5b1A\x10\xef\xcb\xc6A\x8c\xa2M\x9b6\xfb\xf6\xed\xeb\xd7\xaf\x1f\x85;\x00\xf0-\x84B\xe1\xb7\xdf~\xbb}\xfb\xf6\x82\x82\x82\x94\x94\x94\x94\x94\x14\xf8O\xd0\xfd\xc2\xcd\xcd\x8d\xc1`\x18\x8d\xc6\xf2\xf2\xf2\xf2\xf2r\xfb\xcf\xc6\xc4\xc4,\\\xb8\xb0S\xa7Nj\xb5\x9a&gt;F\x16\xae\xa4\xde\xb5k\x97T*m\xd0\xa0\x01:\x02Vc \x01\xa8F`\x11\xc7\xc5\xc5\xfd\xfd\xf7\xdf\xd0i\xd9q\xa3@P[\xd9\xbe}\xfb\xf2\xf2\xf2\x86\r\x1b\xd2\xfc\xb2\xfb\xcb\x97/\xf7\xed\xdb\x17{\xaf\xb5\xe4\xf0\xf7\xf6\xed\xdb\xf7\xe3\x8f?\xd6h4t\xe8\x0b=w\xee\xdcO?\xfd\xf4\xfa\xf5\xeb\x17/^LMM\xbdu\xebVqqqYYYYYY\xd5o\x13\n\x85\x8d\x1a5\x8a\x8c\x8c\xec\xd3\xa7O\xbbv\xed8\x1c\x8eJ\xa5\xa2\x89\xef\x0f\xd8l6\x06\x83q\xe0\xc0\x81\xce\x9d;c\xcf\x8f^S=(\x97\x80^}\xca\x9c\x0f\xc8e\xb5h\xd1b\xc1\x82\x05\xb4\xbd\x7f\xe3\xf5\x11\x08\x04\x0c\x06\xc3b\xb1\xd0\xeaX\x83\x1d(%T\xab\xd5\xed\xdb\xb7\xbfp\xe1\x02\x14\x93\xbc\xc7qB\xae\xd5\xd7\xd7\xf7\xf7\xdf\x7f\xef\xd1\xa3\x07\xe5\xb3I\x10\x04\x9b\xcd\x16\n\x85\x1c\x0e\xc7d2\x95\x97\x97\x97\x94\x94\x94\x95\x95\xe9t:\xd8\xa5\xf1\xf9|\x89DR\xabV-ooo\xd8\x0f\xe9t:\x92$i\xb5\x08\xc1\xb7\xd0\xe9taaa\x17.\\\x08\n\nB\x02Pc\xa0\x1d@\xf5\x02q\x83\xae]\xbb\xee\xdf\xbf\xbf\x7f\xff\xfe\x8e.\xb7p|\x8cV\xc7\xbe\xaa\x02\x91\x84\x1d;v\xd4\xabW\xcf\xc7\xc7\xe7\xbd\xdb\x11\x82 8\x1cN\\\\\xdc\xee\xdd\xbb\xfb\xf4\xe9C\xf9l\xb2X,\x92$\xb5Z-\xa4\x04D"\x91L&amp;\x0b\n\n\xb2\x9f\xcc\x80\x12 \xab\xd5j\xb1XT*\x15\xf6&lt;\x8bC\xed\xb0_\xc0\x1e\xffi\xd0\xa0A`` \xb2\xfe5\t\x12\x80\xea\x05\x96\xf2\xd0\xa1C;v\xec\xf8\xe4\xc9\x13\x91HD\xf3\xe0\xc9\xab\xa1\xff\x9bi\xb3\xd96l\xd80|\xf8p\xac\x1a"\t\xf0i\x13&amp;L\xe8\xd4\xa9\x13Mf\xb3j7\'\x1c\xc7\xadV\xeb\x0b\xb2\xc4x\x0e\xdd\xec\xfe\x0bl\xda\xb4i\xcc\x981\x90\xde\xa0\xff2s\x1a\xd0\x83\xae^\xe0t{PPP\xfd\xfa\xf5\x8f\x1d;\xe6\xee\xee\x8e\n\x9c\xab\t8I\x94\x97\x97\xf7\xf4\xe9\xd3A\x83\x06a\xcfk7\xdf#0\x9b\x01\x01\x01\x8d\x1a5\xda\xb9s\'\x04U\xde\xef\xafx\x17\xe0\x84\xf6\x0b7\x82\xd1\xed\x9c\xf6\x0b\x80\xfb\x7f\xfd\xfa\xf5\xc7\x8f\x1f\x0f\x192\x04*\\\xa9\x1e\x94\x0b\x81\x04\xa0\xda\x81sCc\xc6\x8c\xd9\xbcy3rm\xaa\x0f\x82 \x04\x02\xc1\xe6\xcd\x9b[\xb7n]\xabV\xad\xf7r\x00\xf8e\xc0\xbf\x9e0a\xc2\xb6m\xdbh\xd5\xe7\xd5A\x81\x8e)\xeb\xd7\xaf\xef\xdc\xb93\x08*\x9d\xe5\xca\xf9@\xcb\xb7\xda\x81\x1b\x97\x86\x0c\x19r\xff\xfe\xfd+W\xae\xa0M@5\x01\xb7\xc0\xef\xdd\xbbw\xca\x94)\xd5\x17\x9dg2\x996\x9b-..N\xa5R\x1d8p@"\x91\xd0j\x13\xe0X\xc0\xa1\x8d\xbbw\xef\x1e8p`\xfa\xf4\xe9\x98#\xc4\x18\x9d\x0c\xf4\xb8\xab\x1d8C$\x16\x8b\xfb\xf7\xef\xbfv\xedZ777$\x00\xef\x1d\x1c\xc7%\x12\xc9\xc1\x83\x07\x95JeLLL\xf5E\x12`6\xdd\xdc\xdcf\xcd\x9a\xf5\xe7\x9f\x7f:ti/\xe5\xc0\xd5\x14[\xb7n\x8d\x8d\x8d\r\t\tA\xd1\xff\x9a\x07\x95\x81\xd6\x04\x90\x8d\xbcu\xebV\x9b6mRSS\x95J%=\xcb(\x1d\x17\x92$%\x12IDD\xc4\xe4\xc9\x93\xc7\x8d\x1b\x87\xe3\xb8\xbdU\xf5{\x07\x1a\xec\x98\xcd\xe6\xf0\xf0\xf0?\xff\xfc\xb3e\xcb\x96:\x9d\x0eY\xae\xb7\x00^\x81\x96-[\xee\xdd\xbb\xb7i\xd3\xa6\xa8\x01\\\xcd\x83\x1ewM\x00\xd7\x1b5n\xdc\xb8M\x9b6K\x96,qwwGq\x83\xf7\x08A\x10R\xa9t\xff\xfe\xfd*\x95j\xc4\x88\x11\xd5\x9dH\x84\xae5|&gt;\x7f\xe2\xc4\x89\x0b\x17.\xa4\xcf\xa5\xea\x8e\x05\x8e\xe3R\xa9t\xd9\xb2e\xc1\xc1\xc1\xcd\x9a5C\xd5\x9f\x94\x80v\x005\x04\xa4\x82\xf3\xf3\xf3\xa3\xa3\xa3\xd3\xd3\xd3\x1d\xfaR\x11\xba\x01\xee\x7fXX\xd8\xf8\xf1\xe3\'M\x9a\xf4\x1e\xdb?\xfc\x1b\xb0\t\xc0q\xbc~\xfd\xfa\xbf\xfe\xfa\xeb\x87\x1f~H\xb7\xb3\xb54\xc7f\xb3q\xb9\xdc\xb2\xb2\xb2\xe0\xe0\xe0\xe4\xe4\xe4\xc0\xc0@\xe4\xfeS\x02z\xe25\x84\xbd\x1e466\xf6\xc7\x1f\x7f\x84\x12r\xaa\x07\xe5\x0c\x10\x04!\x93\xc9\xc0\xfd\x1f7n\\\xcd8\x92\xb0\t\xe0r\xb9\x8b\x17/\xfe\xf1\xc7\x1f\x91\x96\xbf)\x10\xfd\xff\xee\xbb\xef\xfa\xf5\xeb\x87\x8e\xfeR\x08\xda\x01\xd4\x1c\xb0\t\xb8y\xf3f\xbbv\xed.]\xbaT\xa7N\x1d\x94\txwH\x92\x14\n\x85\xadZ\xb5\x9a&gt;}\xfa\xe8\xd1\xa3k\xc0\xfd\xb7\x03\xbf+44\xf4\xa3\x8f&gt;\x9a;wniii\xf5%\x1e\x9c\t\xe8\x92\x9b\x96\x96\xd6\xb5k\xd7\xfb\xf7\xefK\xa5R\xda\x9e-wz\x90\xea\xd6\x1c\x90\t\x08\x08\x08\x182d\xc8\x94)SP&amp;\xe0\xdd\xc1q\\\xa1P\xac\\\xb9\x92\xc1`\xd4\xb0\xf5\xc7\x9e\xef\x03\xd6\xae]\xbbd\xc9\x92\xdb\xb7o\xbb\xb9\xb9!w\xeau\x00[\xff\xd9g\x9f-\\\xb8P.\x97\xbf\xdf~M\x887\x02\xed\x00j\x14\xe8\xcdRQQ\xd1\xacY\xb3\xbf\xfe\xfa\xab}\xfb\xf6\xf4\xb9\x91\xc3\xe1\x80&amp;bF\xa31&lt;&lt;|\xef\xde\xbd\xad[\xb7\xae\xf982H\xce\xe7\x9f\x7f^PPp\xea\xd4)\xb4\t\xf8O\xacV\xab\xa7\xa7\xe7\x92%K\xf6\xec\xd9\x93\x9e\x9e^\xc3\x9a\x8dx\x01$\x005\r\xac\xf8\xad[\xb7.\\\xb8\xb0\xa0\xa0\xc0b\xb1P="G\x05\xc7q\xa5R\xd9\xbf\x7f\x7f\x81@\xb0}\xfbvJL\t(:I\x92!!!\xd3\xa6M\x9b0a\x02\xd2\x80W\x00\xa1\xff\x82\x82\x82\x8e\x1d;&amp;%%\xf9\xf9\xf9\xa1\xdc/\xb5 \x01\xa0\x00\xa8R\xef\xda\xb5kDD\xc4\x8f?\xfeXRR\x02\xf77!^\x1f\x82 $\x12\xc9\xf9\xf3\xe7\xc7\x8e\x1d\x9b\x97\x97\'\x14\n\xa9jz\x03\t\xcc\xe4\xe4\xe4\x0e\x1d:dgg\xd7\xaaU\xcbd2!\xa3\xf6\x8f\x90$)\x95JCBBF\x8e\x1c9w\xee\\\xe4\xfeS\x0e\x12\x00\n\x80\x93\xc0\xc5\xc5\xc5aaa\xc7\x8e\x1d\x0b\x0e\x0e\xd6\xe9t\xe8Mx} j\xcc\xe5r\x9b6m\xfa\xeb\xaf\xbf\xf6\xee\xdd\x9bZS\x02\xbf\xfd\xfb\xef\xbf\xdf\xb5kWff\xa6V\xabE\x02\xf02\x10\xfc\xf9\xf4\xd3O\xef\xdc\xb9s\xee\xdc\xb9j=\xac\x87xM\x90\x00P\x03\x98\x8c\xcd\x9b7\x7f\xf3\xcd7\xf9\xf9\xf9&amp;\x93\t\xa5\xc2^\x1f\x08\xfe\x0c\x1c8\xd0\xcd\xcdm\xfb\xf6\xedt0%0\x86\x0e\x1d:\xf8\xf9\xf9\xad[\xb7\xae\xb8\xb8\x98\xcb\xe5R;$Z\x01\xd6\x7f\xf7\xee\xdd\x93\'O\xbeu\xeb\x96D"A\x95?t\x00\t\x00e\x80\xc9\xe8\xdf\xbf?\x9b\xcd\xde\xb3g\x0f\x8a\x1d\xbf&amp;`J\xd6\xacY\xb3x\xf1\xe2\xbc\xbc&lt;\x81@@\x87\x8e\xc7p4L\xab\xd5\xfa\xfa\xfa~\xff\xfd\xf7\x13&amp;L@\x91=;p\xe8\xf7\xc6\x8d\x1baaa\x97.]\x8a\x8a\x8aB\xc1\x1f\x9a\x80\x04\x802 \x7fh2\x99\x9a4i2\x7f\xfe\xfc\xf1\xe3\xc7#\x93\xf1\x9f@\x16\xf1\xe6\xcd\x9bQQQW\x</t>
        </is>
      </c>
    </row>
    <row r="202">
      <c r="A202" s="1" t="n">
        <v>200</v>
      </c>
      <c r="B202" t="inlineStr">
        <is>
          <t>color_number_hexagon</t>
        </is>
      </c>
      <c r="C202" t="inlineStr">
        <is>
          <t>What is the missing number of the part denoted with a question mark?</t>
        </is>
      </c>
      <c r="D202" t="inlineStr">
        <is>
          <t>['7', '2', '1', '6']</t>
        </is>
      </c>
      <c r="E202" t="inlineStr">
        <is>
          <t>7</t>
        </is>
      </c>
      <c r="F202" t="inlineStr">
        <is>
          <t>There is a hexagon split into six parts with the colors ['green', 'yellow', 'yellow', 'red', 'green', 'red'] in an anti-clockwise order. The parts are denoted with the numbers [4, 3, '?', 9, 6, 1] respectively.</t>
        </is>
      </c>
      <c r="G202" t="inlineStr">
        <is>
          <t>We observe that the numbers in the green parts add up to 10. Similarly, the numbers in the red parts also add up to 10. Thus, the pattern is that the numbers in the parts of the same color add up to 10.</t>
        </is>
      </c>
      <c r="H202" t="inlineStr">
        <is>
          <t>Based on the pattern that the numbers in the parts of the same color add up to 10, the missing number of the yellow part should be 7.</t>
        </is>
      </c>
      <c r="I202" t="inlineStr">
        <is>
          <t>b'\x89PNG\r\n\x1a\n\x00\x00\x00\rIHDR\x00\x00\x02\x00\x00\x00\x02\x00\x08\x02\x00\x00\x00{\x1aC\xad\x00\x00\xa0HIDATx\x9c\xec\x9dyx\x94\xd5\xf5\xc7\xef=\xf7\xce$\xb3f&amp;,A\x8b\x86-\xa0h\x11C\xb5P!\xa0l\xa9(\x10\x9a\xb4\x11\xd7\xb6V\xfc\xb9Fp\tb\xd8\x02\xb2\xc8\xa6\xd6\xe2B\x95\x1d$ bY4\x8a\xc8\xaa\xa8\xa0\x05\x145,"\x8b\t\x84L\x92\xd9g\xee\xf2\xfb\xe3\x86\x94ZQ\x102K\xe6~\x9ey\xfa\xd4\x90\xc0\x9b\x99\xf7\xbd\xe7\xdcs\xce\xfd~\xb1\x94\x12i4\x1a\x8d&amp;\xf1\x80h_\x80F\xa3\xd1h\xa2\x83\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x8a\x0e\x00\x1a\x8dF\x93\xa0\xe8\x00\xa0\xd1h4\t\n\x8d\xf6\x05h\xa2\x89\x94RJ\x19\xed\xab\xd0D\r\x8c1\xc68\xdaW\xa1\x89\x1aX?\xff\t\x0bc\x8cR\x9d\x01$:\x8c1B\x88\x0e\x03\x89\x89\x0e\x00\t\x8a\x10\x02\x00\xbe\xfa\xea\xab\xfb\xee\xbb\x0f\x00\x84\x10\xd1\xbe"MD\xa1\x942\xc6\xee\xbe\xfb\xee\xa1C\x87F\xfbZ4QC\'\x80\t\x87\n\xf9~\xbf\x7f\xfa\xf4\xe9\x0e\x87c\xc3\x86\r\xd1\xbe"M\xd4\xe8\xd8\xb1\xe3\xd1\xa3G\xb3\xb3\xb3\xaf\xbc\xf2J)%\x80n\n&amp;\x16z\x07\x90pp\xce\t!\xf3\xe6\xcd\xbb\xeb\xae\xbb0\xc6\x84\x90\xfa{@?\xff\x89\x80\x94\xa2\xfe\xa1\'\x84\x84B\xa1\xdbo\xbf}\xfe\xfc\xf9\xba$\x98\x80\xe8\x00\x90X\xa8\xaeoMMM\xc7\x8e\x1d+++\x85\x10\xba\xf8\x93\xe0\x18\x8dF\xce\xf9\x86\r\x1bz\xf4\xe8\xa1\x92\x83h_\x91&amp;r\xe8\x80\x9fX\x08!\x08!EEE\xe5\xe5\xe5\x84\x10\x84\xa4\x9a\x03\x11B\xf4\x1d\xd2\xeb\xa6[\xfayj\xbd@\xf4&gt;\xa0q"\x85H6\'\xef\xfd\xbc\xec\xd5g\x16\t)\x90\x90\x18c\xc6\x98\x10\xa2\xa0\xa0`\xdb\xb6m\x06\x83AJ\xa9\x1b\xc2\x89\x83\xde\x01$\x10B\x08\x8c\xf17\xdf|s\xe5\x95W\n!\xeag@1`)d\xd3\xb4\xd4\xf9\x1bg\xdbR,,\xc40\xe8%\xa0\x11"\xb8\xb0\xa6X\x1f\xc8y\xe2\xe3\x0fv\x02\x01\xc1\x05B\x08#\x04\x84p\xce\xe7\xce\x9d{\xe7\x9dw\xeaM@B\xa1\x03@\x02\xa1\x9e\xed\xfe\xfd\xfb\x97\x96\x96\x1a\x0c4\x1cf\xd7vn\xf5\xfd\x89\xda#\xc7\xaa\x08!\x8c\xf1\x1b\xff\xd4\xe7\xf1i\x0f\xd6T\xd5\x12J\x90\xbe/\x1a\x13\x18q\xc6\xedN\xfb\xbae\xefM}\xf4y\x00\x90B\x18(\xfd]F\xc6\x07{\xf7\xaa\xdeO\xf3\xe6\xcd\xbf\xf8\xe2\x0b\x87\xc3\xa1\x0f\x07$\x0e:\x00$\nj\xf5/--\xed\xdf\xbf?!\x04#$\xa4\xd8\xf9\xeeS\x1b\xb7~\xf3\xf0\xe8\xd7)%BH\x0cx\xf6\xbf\xa6\xb5\xbd,\xdd\xef\x0b\xe8\x86p\xa3B"\x84\x11\xc6\xf8\xee\xfe\x0f\x1f=T\xaef@\xfb\xfe\xfa\xd7\xff\xbc\xf7\xde\xcc\xc2\xc2\x93\x1e\x0f\xa54\x1c\x0e\x8f\x1a5j\xc2\x84\tz\x13\x908\xe8\x87&lt;!P\x85]\xc6\xd8C\x0f=\x841"\x04\x18\xe7Cs\xae\xbd\xeaw\x97\xddsW\xafv\xad\x9b3\xc6\x81\x00g\xfc\xc5\t\xaf\xe9\x1e@\xe3\x83snw\xda\x96\xcc^q\xf4P9!DpN\t\x19=d\xc8%\xcd\x9a\x8d\xca\xc9\x91RJ!\x08\xc03\xcf&lt;SVV\xa6\xcf\x85$\x0e\xfaQO\x08\xd4\xb1\xaf\x97^z\xe9\xeb\xaf\xbf&amp;\x84r\xc6S\xec\xa61\x8f\x0e\xe45\xbe\xe4\x14\xcb\xd3O\x0cF\x08I!\x80\xc0\xce\xad\xbb\xb6\x94n\xb7\xda\xad\x9c\xeb%\xa0\x91 \xa5L2\x19\x0f\x1f8\xb6r\xdeZU\xdc\x11R\xde\xd1\xa3\xc7\xb5m\xdb\x96\x9f&lt;y{\xf7\xeeW\xa5\xa7\xab\xac?\x14\n\x8d\x1a5\nc]\x18H\x14t\x00h\xfc\xa8\xdeoyyyQQ\x91\xaa\xeer!\n\xee\xee\xdd\xee\xea\xd6"\x10f\xb5\xbe\xbc\xa1\xdd\xb3\xba\xb5\xe7\\\x10\x00\x84\xd0K\x13\xe7\xf9\xbd~B@\xb7\x01\x1a\x07\x82\x0b\x93\xd94g\xea\x02w\xb5\x87\x10"\x84p\x98\xcdO\xe5\xe4\xf8B!!\xa559yln\xaeD\x88\x0bA\x08))))--%\x84p\xce\xa3}\xe1\x9a\x06G\x07\x80\xc6\x8f:\xe19r\xe4H\x97\xcbe0P\xc6X\xeb\xf4\xa6\x05\xf7gs\x97\x87P\xc0RJ\xc6g\x8c\xc9\xa3\x94p\xce\t%G\x0e\x1e[2{\x85\xddi\xd3K@#@pasX?\\\xff\xc9\x86\xb7\xb6\x00\x01)\x84\x90\xf2\xf1\x81\x03[\xa6\xa6\xfaC!\x03!.\xaf\xb7\x7f\xa7N7gfr\xce\x01\x00c\xfc\xd0C\x0f1\xc6\xf4&gt; \x11\xd0\x01\xa0\x91\xa3\x8a?;v\xecX\xb2d\x89\xca\xfe\xa4DS\x9e\x1c\xe2Hs\xc8\x10\xc3\x18\x03\x01\xee\x0et\xc9\xba|\xd8m=\x84\x90\x18!\x8c\xf1\xcayk\x0f\x1f8jL6\xea% \xee\xc1\x88\x85\xf9\xfcg\x97\t!\x00\x83\x10\xe2\xaa\xf4\xf4{\xfb\xf4\xa9\xf6\xf9(!\x08!\x8c\x10\xe3|\\^\x9e\xdddR\x85\xa0\xaf\xbf\xfe\xfa\xa5\x97^\xd2\x9d\x80D@\x07\x80F\x8ej\xff\x8e\x181"\x18\x0c\x12\x02\x8c\xf1\xacn\xed\xf3\xf2\xbb\xb3*7\xa1u\x93\x1e@\xb0p\x07\x8a\x0bs\x9c\x0e3\xe7\x82P\xe2\xae\xf6\xfcs\xeaB\x8b\xcd,t\' \x9e\xe1\x8c;RS\xd6\xbe\xfe\xde\x9eO\xf7\x12B\xa4\x10\x12\xa1\xb1\xb9\xb9f\xa3\xb1~{\x07\x00\xee@\xa0sz\xfa=\xbd{\x0b!T\x06PTT\xe4r\xb9\x00@g\x00\x8d\x1b\x1d\x00\x1a3*\xa1+))\xd9\xb8q#\xa5\x943n4\xd2\x19c\xf2$\xe7\xa7\xcfyc\x8cE \xe4l\x99:\xfe\xd1\x81j \x04\x006\xae\xdd\xb6s\xeb.\xb3\xcd\xac\xd3\xc08EJI\x8d\xb4\xb2\xa2j\xe9\xec\x15j\xb4\x9f\x0b1\xb0K\x97\xfe\x9d:\xb9\xbc\xde\xd3\x07=)@\x95\xc7\xf3Pvv\xebf\xcd\x18\xe7\x94R\x97\xcb\xa5:F\xfa\xd3o\xdc\xe8\x00\xd0hQ\xb9\x9b\x9a\xeb@\x08\x01`.\xc4-\x83\xae\xe9\x92\xd5\x91\xbb\xfd?\x18\xf3\x07Bx\x8d\xff\xde\xbf\xf6n\xdf6Mp\x01\x04\xc2!\xf6\xca\xe4\xf9\x84\xe8\x13a\xf1\ng\xdc\xee\xb0-{\xe5\xcdc\xdfU\x00\x01\xc1\xb9\x91\xd2Q\x83\x07s!~p\xca\x0bc\x1cb\xecb\xa7s\xf8\x80\x01\xf5\x19\x80\x9a\x19\xd3\x85\xa0\xc6\x8d\x0e\x00\x8d\x16%\xfb3m\xda\xb4\xb2\xb22\x83\xc1\xc0\xc2,\xd5i\x99\\\x94+\xdc~\xfc?\x93\xfe\x18#\xc995\x1b\x9f/\xce\x97\x08I!\x08!\xbb?\xd9\xfb\xce\xf2\xf7SR\xed\x9c\xe9np\x9c!\x840\xdb\xcce{\x0e\xac\x9a\xbf\x0e\x00\xb0DB\xca\xfb\xfa\xf6\xcdl\xdd\xda\xed\xffa\xf8G\x08QB*\xdd\xee;\xb3\xb2\xbaed0\xce)!\xa7N\x8d\xe8VpcF\x07\x80\xc6\x89\xea\xfd\xee\xdf\xbf\x7f\xca\x94)\x00\x80\x90\x14R\x0e\xff[\x9f\x16\xedZ\x88@\x08~\xec\xa0?!\xc0k\xfd\xfdn\xcc\xec\xdb\xb3#\xe7\x02\x03\xc6\x18\xbf6c\xf1\xc9\xe3.j\xa4z\x15\x883$"\x84\xcc\x99\xba\xc0\xeb\xf6\xa9\xcd_s\xbb\xfd\xc1\xeclw @\xcep\xc6[Ji \xa4p\xd0 \xc0\x98sN\t)---))\xd1#\xa1\x8d\x18\x1d\x00\x1a\'\xaa\xf7;~\xfc\xf8\xda\xdaZJ\t\x0b\xb3\xf6m\xd3\x1e+\x18\xc0]?-\xf6)%\x17\xcfO\xc87\x1a\xa9\xe0\x9c\x10(?||\xd9+o\xa68lz\x13\x10Gp\xcem\x0e\xeb\xf6\r;\xb6\xbc\xb3\x1d\x08(\xd5\xbf\xa7\x86\x0c\xb9\xb4I\x93@(t&amp;\x9d\x1f\x02\xe0\xf2zo\xec\xdc9\xafkW.\x84\x1a\t\x1d5jT(\x14\xd2\xfb\x80\xc6\x8a\x0e\x00\x8d\x10\xd5\xfb\xdd\xb4i\xd3\xa2E\x8b\xd4t\xbfD\xe8\xf9\xe2|\xa35Yr\xfe\x13:_\x00\xc0=\xfe\x0e\x99m\x1e\x1d\xd6W\x08\xa9\xbe\xb2j\xfe\xba\xafv\xef7YMR\xe8% &gt; \x84\xf8\xbc\x819S\x17`\x8c\t\x06\xceE\xb7\x8c\x8c?\xf7\xecy\xd2\xe3\xa1?)\xf2C\x00&lt;\x81\xc0\xd8\xdc\\\xa7\xc5\x12f\x8cRZVV6m\xda4\xdd\th\xac\xe8\x00\xd08\xe1\x9c\x17\x15\x15\xa9\xa3=\x9c\x8b\xbe=;\xf6\xbb\xf1j^\xe3#?\xa7\xf3\x03\x04\x84\'0\xfc\xfe\xec\xb4\xe6v!\x04\x10\xf0\xba}\x0b\x9f[\x96lJ\xd6K@\\\xc0\x19\xb79\xac\xa5+\xde\xdf\xf7\xc5A\xb5p\x13\x80\xc2A\x83\xe8Y\xcctb\x8c\xfd\xa1PF\x8b\x16\xc3\xfa\xf4\x91R")\x01\xe3\xe9\xd3\xa7\x97\x97\x97\xeb\x89\xa0F\x89\x0e\x00\x8d\r\xc6\x18!d\xf1\xe2\xc5\x9b6m\xa2\x06\xca\x18\xa3\x94&lt;_\x9c/\xb9Dg1\xd0\x831\xe6\x81P\x93K\x9aL.\xcc\x11B*\x81\xa0\x0fVo\xdd\xf6\xde\xc76\x87U\x1f\x0b\x88q\xa4\x94\xc6dc\xc5\x91\x13sg,\xc5\x80\x01#.\xc4\x90k\xaf\xbd\xb1sg\x97\xd7{\xa6\xea\xff\xe9\x10\x80*\x8fg\xc4\x80\x01m\x9a7W\x9b\x80\xaa\xaa\xaa\x91#G\xea3\x01\x8d\x12\x1d\x00\x1a\x15J\xf5\xa1\xb6\xb6v\xdc\xb8q\x00\x18#$\x84\x1cv[\x8f\x0eW\xb7\xe6\x9e\xb3Ux&amp;\x94\xf0j\xef-\xb7\\\x97\xd9)]5\x93\x85\x10\x0b\x9e]\xc6\xd8O\x95\x8f4\xb1\x80\xe0\xc2l5\x95\xccY\xe5\xaa\xac&amp;\x00\\\x08\xbb\xc9\xf4\xc4\xc0\x81\xbeP\xe8,?}\x8c1\xe3\xdcn2\x8d\x1c&lt;\x18\x9d\x9a%[\xbcx\xf1\xce\x9d;\xd5I\xf2\x86\xfd\x054\x91E\x07\x80F\x85Z\xaf\xa7L\x99\xb2\x7f\xff~B\x08g\xdc\xe90\x17\x17\xe6\x08_\x10\xc8\xd9\xae\xdd\x18!\xc9E\x92%yFQ\xae\x94u#\xa1{&gt;\xdd\xbbf\xc9\xbbv\xa7\xee\x06\xc7.B\x08\xb3\xd5\xf4\xd5\xe7eo\xbc\xba\x1a\x00\x90DB\xc8{z\xf7\xcel\xd5\xca\x13\x08\xfc\xe8\xe8\xd7\x8fB\t\xa9\xf2zo\xef\xde\xbd[\xfb\xf6\x8cs\x02\x10\n\x85\n\n\n8\xe7z\x13\xd0\xc8\xd0\x01\xa0\xf1\xa0\x925\xd5\xb5#\x04\xa4\x94B\xca\xf1#\x06:[\xa6\x8a\xc0\x19g?~\x14B\x80U{{\xf6\xed\x94; \x93s\x81\x01a\x8c\xe7\xceXRq\xf4\x84\x16\x08\x8ae\x80\xc0\xec\t\xaf\x85\xc3\x0c\x008\xe7\xe9M\x9b&gt;\x9c\x9d]\xe5\xf1\xd0s\xb4\xf7\xc1R2\xce\x8b\xf3\xf2(!\xeal\xf0\xe6\xcd\x9b\x17/^\xacGB\x1b\x19:\x004\x1e\xd4\xba\xac\xe6\xf6\x08!\x9c\x8b\xccN\xe9\xf7\xde\xd3\x87\xd7\xf8\xe0\xdc\r\x9e\xd4\xd1\xb0)\xa3\xf3R\xec&amp;\xc1%!\xe0\xaa\xac.\x99\xb3\xcal1\xe9N@\x0c"\xb8\xb0\xda-[J\xb7\xef\xdc\xbaK9&gt;J\x84\x8a\x86\x0cIs8B\x8c\x9dk\xed\x0e\x00j\x03\x81^\x97_~G\x8f\x1eJ \x080\x1e7n\\MM\x8d\x1e\tmL\xe8\x00\xd0HP\xa3\x9f\x1b7n\xac?\xb9#\xa5\x9c1:\x97\x9a\x8c?P\xfe9K\x00\x80\xb9\x03m\xaeJ/\xb8\xbb\xb7\xaa\xfc\x02\xc0\x1b\xaf\xae\xfez\xf7&gt;-\x10\x14sH\x04\x14\x02\xbe\xe0K\x13\xe7!\x84T\xf5\xbf[\xfb\xf6\xb7v\xef~\xd2\xed\xfe\xe9\xd1\xcf3A0\xae\r\x04\x9e\xca\xc9q\x98\xcd\x8csB\xe9\xfe\xfd\xfbg\xcd\x9a\xa5\xf6\x16\x17\xfa\x17\xd0D\x07\x1d\x00\x1a\x03\xea\xd8W0\x18\x1c1b\x04\xc6\x98\x00p.ro\xea\xd2\xb3O\'V\xed\xfd\xc5\xfe\xae\x84\x02wy\n\xee\xcfn\xdb\xaa\x19W\x02Aa6w\xe6RU_\xd6\xc4\x0e\x9cs\xab\xcd\xf2\xe6\x82\xb5G\x0e\x1e#\x84p!\x8c\x94\x16\xe7\xe5q\xce\x7fq\xd7\x1ec\x1c\x08\x85Z\xa6\xa6&gt;&gt;p`\xbdg\xe4\xcc\x993U{Ig\x00\x8d\x03\x1d\x00\x1a\x03\xaa\xf7\xbbt\xe9\xd2\x1d;v\xa8\xf4\xdfh\xa4O\x17\x0eFB\x9c\xcf\xd8\x0e\xc6X\x84\x98\xe3"\xe7\xe8\x82\x01RJ$\x04\x10\xd8\xf2\xf6G\xdb7\xec\xb09\xac:\r\x8c\x11\xd4\xe8\xe7\xf1c\x95\x0b\x9f+\xc1\x18\x03FB\x88\x9ck\xae\xb9\xbec\xc7\xda\x1f\x93\xfd9{(!5~\xff\xb0\xde\xbd\xdb\xa5\xa51\xce\t!555\xe3\xc7\x8f\xd7g\x02\x1a\r:\x00\xc4=*\xfdw\xb9\\\x85\x85\x85\x00\xa0\x1c\x1f\x1f\x1d\xd67\xe3\xea\xd6\xec\x7fT?\xcf\x15J\t;\xe9\xbe\xf5\xb6\xac\xac\xae\x19\x8c\x0b\x02\x801\x9e3uA\xc0\x1f\xd4B\xa11\x82\xe0\xc2l5\xcf\x9d\xb9\xc4S\xeb%\x00\x8c\x0b\xa7\xc5267\xb7\xd6\xef?\x9b\xc1\xff\x9f\x86qn6\x1a\'\xe6\xe7#\x84\x94@\xd0\xa2E\x8b6o\xdeL)\xd5\x19@#@\x07\x80\xb8G\xa5\xffEEE\xe5\xe5\xe5\x84\x00g&lt;\xad\xb9}\xf8\xfd\xd9\xc2\x13\xf8I\xd9\x9f\xb3FJb \xe3\x1f\x1b\x04\x80\xd5\xbf\xb5\xef\x8b\x83+\xe7\xae\xb1\xda-z\t\x88:J\xf5\xf3\xb3m\xbb\xd6-[\xaf\x82\xbd\x94\xf2\xde&gt;}2Z\xb4\xf0\x9fY\xf6\xe7\xec!\x005~\xff\xcd\x99\x99\xbd:v\xe4B`\x00\xceyAAA0\x18\xd4\xdd\xe0F\x80\x0e\x00\xf1\x8dZ\x91\x95\x87_\xfd\xe8\xe7\xe4\x91C\x9a\\\xd2\xe4\\G?\xcfD\xddHhv\xe7\xdb\xfe\xd0\x95s\x01\x800\xc6\x0b\x9f/9~\xacR\x8f\x84\xc6\x02\x84\x90W&amp;\xcf\xe7L\xc9~\xf0vii\xc3\x07\x0c\xa8:\xbbs\xbfg\x85\x94\\\x88I\xf9\xf9FJ9\xe7\x94\xd2\x9d;w.]\xbaT\x0b\x045\x02t\x00\x88oT\xfdG\xb9x\x13B\x18\xe3Y]3\xee\xb8\xa3\'\xab\xf2\xd4;&gt;\x9e?\x98\x80\xf0\x06\xa6\x14\xe5\xa6:-\x8c\tB\xc0S\xeb\x9d;s\x89\xc9\x9c\xdchFB\xe5\x7f\x13\xed\xcb9+8\xe3\xb6\x14\xdb;\xcb\xd7\xef\xfed/\x9cr|\x9c\x98\x9foMN\xe6?\xa9\xfawN\x00\x80\xdb\xef\xffM\x9b6\xf7\xf5\xed[7\x12\nPXXXUU\xa57\x01\xf1\x8e\x0e\x00q\x8c\x1a\xfd,-----%\x84\x08.\x08\x81\xf1\x8f\r\x02\n\xe8\x82&gt;\x96\x80\xb1\xf0\x87Z\xb4k1\xfco}\xd4\x03\x0f\x00\xeb\x96\xad\xffj\xd7&gt;\xb3\xd5\xd4\x08\xd2@)%!\x84\x1ah\xfd+\x0eD/$"\x94\xf8&lt;\xbe\xf9\xb3^G\x08\x01\xc6\\\x88^\x1d;\xde|\xf5\xd55&gt;\xdf\x05K\xff\x11B\x08\x11\x00w \xf0`vvs\xbb]\xddu\xe5\xe5\xe53f\xcc\xd0\x9b\x80xG\x07\x80xE\xe5\xfe\xa7l\x9b\x10!\xc08\x1f\x9asm\xcf\xec\xce\xac\xda\xfb\xb3\xaa\x9f\xe7\n\x10\xe0.\xcfc\x05\x03\xda\xb5n\xce\x18\x07\x02\x9c\xf1\x17\'\xbcva\xda\x0cQE\ni0P\xbf/PSU[\xffb\xe1s&gt;&lt;\x15a8\xe7v\xa7m\xc9\xec\x15G\x0f\x95\x13B\x04\xe7\x94\x90I\xf9\xf9\\\xca\x0b\x1b\xfe\xd1\xa9\x91\xd0K\x9b4\x19\x95\x93#N\x8d\x84&gt;\xf3\xcc3eee:\x06\xc45q\xff\xf4&amp;,\xe24\xe3VB(g&lt;\xc5n\x1a=b\xa0\xf0\x87\xf0\x05\xcd\xfe\x14\x18c\xc9\xb8\xd1fz\xfa\x89\xc1\x08!\xa5\x12\xbas\xeb\xae-\xa5\xdb\xadv+\x8f\xdbB\x90\x10"\xc9\x94t\xf4P\xf9\xbd7\x8d\xf8K\xbf\x87\xff\xd2\xef\xe1\xbb\xfb\x17\xfc\xa5\xefC\xff\xfe\xf8\x8b\xe4\x18.pI)\x93L\xc6\xc3\x07\x8e\xad\x9c\xb7\x16c\x8c\x11\x12R\xde\xd1\xa3G\x97\xd6\xad\xdd\x81\xb3U\xfd;\'(!.\xaf\xf7\xd6\xeb\xae\xbb*=]m\x02\x94\xdd\xb4\xae\x02\xc55:\x00\xc4%B\x08\x8cqyyyQQ\x11\xc6X\x8d~\x16\xdc\xdd\xbb\xdd\xd5\xad\xb8\'\x00\xd0 \xa9\xabR\t\xcd\x1b\xda=\xab[{\xce\x85*2\xbc4q\x9e\xdf\xeb\'$^\x8f\x86\xa94\x7f\xe6\x93\xb3+\x8e\x9e\xf0\xd4x&lt;5\x9e\xdaj\xb7\xa7\xd6\x1b\xe3;\x00\xc1\x85\xc9l\x9a3u\x81\xbb\xda\xa3\x8ee9\xcc\xe6\xa7rr&lt;\xc1 i\xb0\xcb\xe6BX\x93\x93\xc7\xe6\xe6J\x84\xb8\x10\x84\x90\x92\x92\x12U~\xd4\xf3`q\x8a\x0e\x00q\x89\x92}\x1e9r\xa4\xcb\xe52\x18(c\xacuz\xd3\x82\xfb\xb3\xb9\xcbCh\x83~\xa6R2&gt;cL\x9e2\x1a#\x94\x1c9xl\xc9\xec\x15v\xa7-\x1e\x97\x00\xc6x\x8a\xd3\xb6\xf0\xf9\x92]\x1f\x7fI(\xc1\x18c\x8c\t\xa9\xfb?\xd1\xbe\xba3"\xb8\xb09\xac\x1f\xae\xffd\xc3[[\x80\x80\x14BH\xf9\xf8\xc0\x81-SS\x7f\xc2\xf1\xf1\xfcQ\x9e\x91\xfd;u\xba93Sy\r\xd5\x0f \xe8}@\x9c\xa2\x03@\xfc\xa1\x8a?;v\xecX\xb2d\x89\xca\xfe\xa4DS\x9e\x1c\xe2Hs\xc8P\xc3\xe6\xad\x00\xc0\xdd\x81.Y\x97\x0f\xbb\xad\x87\x10\x12#\x841^9o\xed\xe1\x03G\xe3n$\x94sa\xb5[vn\xdb\xbd\xf0\xef%@@\x8a\xf8\x99\x02\xc2\x88\x85\xf9\xfcg\x97\t!\x00\x83\x10\xe2\xaa\xf4\xf4{\xfb\xf4\xa9\xf6\xf9~\x99\xec\xcf\xb9\xfc\xcb\x88q&gt;./\xcfn2\xa9B\x90\x1aA\xd6\x9d\x808E\x07\x80\xf8C\xb5\x7fG\x8c\x18\x11\x0c\x06\t\x01\xc6xV\xb7\xf6y\xf9\xddY\x95\xfb\x02\x8e~\x9e\t X\xb8\x03\xc5\x859N\x87\x99sA(qW{\xfe9u\xa1\xc5f\x8e\xd9\x8a\xf9\xff"\xa5\xa4\x94\xf8\xbd\xfe\xe9\x85\xff`a\x86$\x8a\x97\xf5\x8b3\xeeHMY\xfb\xfa{{&gt;\xddKN\x8d~\x8e\xcd\xcd5\x1b\x8d\x11\xd8\x84\x01\x80;\x10\xe8\x9c\x9e~O\xef\xdej$\x14c\\TT\xe4r\xb9\xb4eX&lt;\xa2\x03@\x9c\xa1\xd2\xae\x92\x92\x92\x8d\x1b7RJ9\xe3F#\x9d1&amp;\xef\x97I~\xfe\x020\xc6"\x10r\xb6L\x1d\xffh\x9dF\x18\x00l\\\xbbm\xe7\xd6]q\xa4\x12\xaa\xc4\x93_\x9e4\xffP\xd9aB@\x08\xd1\xe2\x92\xe6\xd1\xbe\xa8\x9fGJI\x8d\xb4\xb2\xa2j\xe9\xec\x15\xaaN\xc5\x85\x18\xd8\xa5K\xffN\x9d\\\xde_\xae\xfawNP\x80*\x8f\xe7\xa1\xec\xec\xd6\xcd\x9a)\xab\x00\x97\xcb\xa5zQ\xf1\xf2\xe9k\xea\xd1\x01 \x9eP\x19\x96\x9a\xbe@\x08\x01`.\xc4-\x83\xae\xe9\x92\xd5\x91\x9f\xb7\xec\xcf\xd9\x03\x84\xf0\x1a\xff\xbd\x7f\xed\xdd\xbem\x9aP*\xa1!\xf6\xca\xe4\xf9\xf1\xa2\x0e\xa4\x06(?X\xb3u\xd5\x82u\x94\x12!d\xcb\xd6\x17\xdf|k6B\xa8\x81\xfa\xe7\x17\n\xce\xb8\xdda[\xf6\xca\x9b\xc7\xbe\xab\x00\x02\x82s#\xa5\xa3\x06\x0f\xe6BD\xec\xba1\xc6!\xc6.v:\x87\x0f\x18P\x9f\x01\xa8i4]\x08\x8a;t\x00\x88\'\x94\xe7\xd7\xb4i\xd3\xca\xca\xca\x0c\x06\x03\x0b\xb3T\xa7erQ\xaep\xfbq\x04\xe7\xf1\x95W\x0c5\x1b\x9f/\xce\x97\xa8\xce3r\xf7\'{\xdfY\xfe~J\xaa=\xc6=#\xa5\x94\xc6$\xe3\x89\xf2\x93\xcf\x16\xbd\x8c1F\x18K)\xfft\xcf`\x9b\xdd\x82\x10\xc28v\x9f\x08%\xfbS\xb6\xe7\xc0\xaa\xf9\xeb\x00\x00K$\xa4\xbc\xafo\xdf\xcc\xd6\xad\xdd\xe7\xa7\xfay\xaePB*\xdd\xee;\xb3\xb2\xbaed0\xce)!\xa7\xce\xa3\xe8Vp\x9c\x11\xbb\xb7\xbb\xe6\x07\xa8\xde\xef\xfe\xfd\xfb\xa7L\x99\x02\x00\x08I!\xe5\xf0\xbf\xf5i\xd1\xae\x85\x08\x84\xce\xde\xf1\xf5\x82@\x08\xf0Z\x7f\xbf\x1b3\xfb\xf6\xec\xc8\xb9\xc0\x801\xc6\xaf\xcdX|\xf2\xb8\x8b\x1ai,\xaf\x02R\xc8\xa4\xe4\xa4\xe7\x8a^\xae,?I(aa\xd6\xb2\xf5E\x83\xef\xba\xf1\xf8\xf7\x95\x08!\x14\xcb\x1b\x00\x89\x08!s\xa6.\xf0\xba}j\xf3\xd7\xdcn\x7f0;\xdb\x1d\x08\\\xd8s\xbfgu-R\x1a\x08)\x1c4\x080V*\xa1\xa5\xa5\xa5\xf5fD\x11\xbe\x18\xcd/F\x07\x80\xb8A\xf5~\xc7\x8f\x1f_[[K)aa\xd6\xbem\xdac\x05\x03\xb8\xcb\x1b\xa5\xe3\xb8Rr\xf1\xfc\x84|\xa3\x91\n\xce\t\x81\xf2\xc3\xc7\x97\xbd\xf2f\x8a#v\x8d\xe39\xe3)\xa9\xf6\x7f-|{\xd3\xba\x0f\t%B\x08\x00\xfc\xe0\xb8\xbf\x99\xcc\xc9^\xb7/\xdaW\xf7Sp\xcem\x0e\xeb\xf6\r;\xb6\xbc\xb3\x1d\x08\xa8Q\xa5\xa7\x86\x0c\xb9\xb4I\x93\x06\x1d\xfd&lt;\x13j$\xf4\xc6\xce\x9d\xf3\xbav\xe5B\xa8\x91PeG\xaa\xf7\x01q\x84\x0e\x00\xf1\x81\xea\xfdn\xda\xb4i\xd1\xa2Ej\x06_"\xf4|q\xbe\xd1\x9a,/\x9c\xec\xd79\x01\x00\xdc\xe3\xef\x90\xd9\xe6\xd1a}\x85\xa8\x13\x08Z5\x7f\xddW\xbb\xf7\x9b\xac&amp;)bn\t\x10B\x98,\xc9\x07\xbe\xfa\xf6\xc5\xa7\xe7b\xc0\x18#\xc1\xc5\x1f\xef\x19\xdc\xf5\xfa\xdf\xb8\xab=,\xcc\x11B1\xdb\xc3 \x84\xf8\xbc\x819S\x17`\x8c\t\x06\xceE\xb7\x8c\x8c?\xf7\xecy\xd2\xe3i\xe8\xd1\xcf3^\x12\x80\'\x10\x18\x9b\x9b\xeb\xb4X\xc2\x8cQJ\xcb\xca\xca\xa6M\x9b\xa6;\x01q\x84\x0e\x00q\x03\xe7\xbc\xa8\xa8H\x1d\xc0\xe1\\\xf4\xed\xd9\xb1\xdf\x8dW\xf3\x1a\xdf\x05\x97\xfd9{\x80\x80\xf0\x04\x86\xdf\x9f\x9d\xd6\xdc.\x84\x00\x02^\xb7o\xe1s\xcb\x92M\xc91\xb8\x04\xa8\x8a\xff\x8c\x91\xb3\xbdn\x1f!\x84\x85y\x87N\xed\xfe&lt;b\xa8\xbb\xc6\x03\x04X8\x1c\xed\x0b&lt;#\x9cq\x9b\xc3Z\xba\xe2\xfd}_\x1cT\xcb+\x01(\x1c4\x88Fu\xf2\x12c\xec\x0f\x852Z\xb4\x18\xd6\xa7\x8f\x94\x12I\t\x18O\x9f&gt;\xbd\xbc\xbc\\O\x04\xc5\x0b:\x00\xc4\x01J\xeay\xf1\xe2\xc5\x9b6m\xa2\x06\xca\x18\xa3\x94&lt;_\x9c/\xb9\x8cn\xca\x8a1\xe6\x81P\x93K\x9aL.\xcc\x11B*\x81\xa0\x0fVo\xdd\xf6\xde\xc76\x875\xa6\x8e\x050\xc6S\x9c\xf6E\x7f_\xfe\xef\xed_PJ\x04\x17\xc9\xa6\xa4G\xa7\xdcO)UKU\xcc\xca\x19)\xc7\xc7\x8a#\'\xe6\xceX\x8a\x01\x03F\\\x88!\xd7^{c\xe7\xce\xae\x0b(\xfa\xff\x8b \x00U\x1e\xcf\x88\x01\x03\xda4o\xae6\x01UUU#G\x8e\xd4g\x02\xe2\x05\x1d\x00b\x1d\xa5\xfaP[[;n\xdc8\x00\x8c\x11\x12B\x0e\xbb\xadG\x87\xab[sO\x83\xc8~\x9d\x13J \xe8\x96[\xae\xcb\xec\x94\xae\xda\xd4B\x88\x05\xcf.c,:\x85\xa9\x1fEM\xfd\x7f\xfe\xe1\x9e\x05\xcf-\x03\x02\x12!!\xc4_\x1f\xbb\xf5\xb2\xce\x19&gt;\x8f\xaf\xdeH+\xda\x97\xf9\xe3\x08.\xccVS\xc9\x9cU\xae\xcaj\x02\xc0\x85\xb0\x9bLO\x0c\x1c\xe8\x0b\x85\xa2\xfe\xe9c\x8c\x19\xe7v\x93i\xe4\xe0\xc1\xe8\xd4\x94\xda\xe2\xc5\x8bw\xee\xdc\xa9\x8d\xe3\xe3\x02\x1d\x00b\x1d\xb5\xaaN\x992e\xff\xfe\xfd\x84\x10\xce\xb8\xd3a..\xcc\x11\xbe \x90\xe8\xaf\xb0\x18!\xc9E\x92%yFQ\xae\x94u#\xa1{&gt;\xdd\xbbf\xc9\xbbvgLt\x83\xa5\x94\x84\x92\x80/0}\xe4\x0b,\xcc\x00\x803\xfe\xdb\xeb3s\xff:\xb0\xa6\xaa6\x02g\xa7\xcf\x07!\x84\xd9j\xfa\xea\xf3\xb27^]\r\x00H"!\xe4=\xbd{g\xb6j\xe5\t\x04"&lt;\xfa\xf5\xa3PB\xaa\xbc\xde\xdb\xbbw\xef\xd6\xbe=\xe3\x9c\x00\x84B\xa1\x82\x82\x02\xcey\xcc\xc6TM=:\x00\xc44*\xa5R\xbd\xb5z\xc7\xc7\xf1#\x06:[\xa6^(\xc7\xc7\xf3\xa7\xce3\xb2o\xa7\xdc\x01\x99\x9c\x0b\x0c\x08c&lt;w\xc6\x92\x8a\xa3\'bA \xa8\xee\xd0\xef\xe4\xf9\x07\xbf\xfe\x8e\x1a(g\xdc\xd9$\xe5\x91\x89\xff\x17\x0e3\x1c\xd3S\x9fu\x00\x81\xd9\x13^\x0b\xab\xd0\xc5yz\xd3\xa6\x0fggWy&lt;4\xda\xe9\x7f=XJ\xc6yq^\x1e%D\x9d\r\xde\xbcy\xf3\xe2\xc5\x8b\xf5Hh\xec\x13+\xf7\x90\xe6GQ\xab\xa7\x9a\xae#\x84p.2;\xa5\xdf{O\x1f^\xe3\x83(\xcd~\xfc(\xeah\xd8\x94\xd1y)v\x93\xe0\x92\x10pUV\x97\xccYe\xb6\x98\xa2\xdb\tP\x87~7\xad\xdb\xf6\xe6\xbc\xb5\xe4\xd4\xf4\xe4\x03\xe3\xee\xbe8\xbdE0\x10\xc4\xb1}\xeeW\x85\xae-\xa5\xdbwn\xdd\x05\x00J\xf6\xa7h\xc8\x904\x87#\xc4bH\xad\x1a\x00j\x03\x81^\x97_~G\x8f\x1eu\x9e\x91\x18\x8f\x1b7\xae\xa6\xa6F\x8f\x84\xc68:\x00\xc4.j\xf4s\xe3\xc6\x8d\xf5\xe7k\xa4\x943F\xe7R\x931b\xca?g\t\x000w\xa0\xcdU\xe9\x05w\xf7V\x95_\x00x\xe3\xd5\xd5_\xef\xde\x17E\x81 u\xe8\xb7\xb2\xa2j\xd6S/#\x840\x00g\xfc\xf7\x7f\xec\xdd7\xa7W\x8d\xab62\xca9\xbf\x1c\x89\x80B\xc0\x17|i\xe2&lt;\x84\x90\xaa\xfewk\xdf\xfe\xd6\xee\xddO\xba\xdd\xd1\x1a\xfd&lt;\x13\x04\xe3\xda@\xe0\xa9\x9c\x1c\x87\xd9\xcc8\'\x94\xee\xdf\xbf\x7f\xd6\xacYj\xd7\x12\xed\xab\xd3\x9c\x11\x1d\x00b\x14u\xec+\x18\x0c\x8e\x181\x02cL\x008\x17\xb97u\xe9\xd9\xa7\x13\xab\x8e\x90\xec\xd79A(p\x97\xa7\xe0\xfe\xec\xb6\xad\x9aq%\x10\x14fsg.U\x95\xeb\xa8 \x84L6%=7\xfa\xe5\x13\xdfWR\x03ea\xf6\xabV\x17\xddW\xf4\x17\x9f\'\xa2\xc2\t\xbf\x0c\xce\xb9\xd5fys\xc1\xda#\x07\x8f\x11B\xb8\x10FJ\x8b\xf3\xf28\xe7\xb1\x14\xfa\xebP\x9e\x91-SS\x1f\x1fX\'\x11H\x00f\xce\x9c\xa9\x1aW\xba\x1b\x1c\xb3\xc4\xfac\x90\xb0\xa8\xde\xef\xd2\xa5Kw\xec\xd8\xa1\xd2\x7f\xa3\x91&gt;]8\x18\t\x11S\xb9\x7f=\x18c\x11b\x8e\x8b\x9c\xa3\x0b\x06H)\x91\x10@`\xcb\xdb\x1fm\xdf\xb0\xc3\xe6\xb0F&gt;\r\xe4\x8c\xa7\xa4\xda\xfe\xb5\xe8\x9d\x8dk\xb6\xd5\x1d\xfa%0b\xf2}\xd6\x14k8\xb6\xdd\xbe\xd0\xa9\xd1\xcf\xe3\xc7*\x17&gt;W\x821\x06\x8c\x84\x109\xd7\\s}\xc7\x8e\xb5\x91\x95\xfd9{(!5~\xff\xb0\xde\xbd\xdb\xa5\xa51\xce\t!555\xe3\xc7\x8f\xd7g\x02b\x99X\xbc\x934*\xfdw\xb9\\\x85\x85\x85\x00\xa0\x1c\x1f\x1f\x1d\xd67\xe3\xea\xd6,\x82\xaa\x9f\xe7\n\xa5\x84\x9dt\xdfz[VV\xd7\x0c\xc6\x05\x01\xc0\x18\xcf\x99\xba \xe0\x0fFX(T\x1d\xfa\xfd\xf6\xeb\xef^\x9c\xa8\x0e\xfdb\xc1\xc5-\xf7\x0e\xb9\xa6\xe7\xd5\x9e\x1aO\x14\x8f\xce\x9d%\x82\x0b\xb3\xd5&lt;w\xe6\x12O\xad\x97\x000.\x9c\x16\xcb\xd8\xdc\xdcZ\xbf?\xba\x83\xff?\r\xe3\xdcl4N\xcc\xcfG\x08)\x81\xa0E\x8b\x16m\xde\xbc\x99R\xaa\x0bA\xb1I\xec\xdeL\x89\x8cJ\xff\x8b\x8a\x8a\xca\xcb\xcb\t\x01\xcexZs\xfb\xf0\xfb\xb3\x85\'\x10%\xd9\x9f\xb3FJb \xe3\x1f\x1b\x04\x80\xd5o\xb1\xef\x8b\x83+\xe7\xae\xb1\xda-\x91\\\x02\x94V\xfe\x8c\'g{j\xbd\x84\x10\x16f\x97u\xce\xb8\xa3\xe0O5U\xb5\xea\x8c\xd2\xff\xf2\x83\xf8\xf4\xbf\x7f\x1e1\x94\xea\xe7g\xdbv\xad[\xb6\xbe\xfe\x8c\xc2\xbd}\xfad\xb4h\xe1\x8f\x86\xec\xcf\xd9C\x00j\xfc\xfe\x9b33{u\xec\xc8\x85\xc0\x00\x9c\xf3\x82\x82\x82`0\xa8\xbb\xc1\xb1Il\xaf&amp;\t\x89Z7\x95\xd3^\xfd\xe8\xe7\xe4\x91C\x9a\\\xd2$vF?\xcfD\xddHhv\xe7\xdb\xfe\xd0\x95s\x01\x800\xc6\x0b\x9f/9~\xac2b#\xa1\x9c\xf3\x94T\xfb\xe2\x7f\xac\xf8\xfc\xc3=\x94\x12\xce\xb8-\xc5\xfa\xe4\xccG\x92MI\x06\x035&amp;\x1b\x8cI\xff\xfd2\x1a\x8cI\xc6\x1fDVj\xa0\xc6$\xa3\xd1\xa8\xfe\xd4\xd0\xc0N\xcb?\x84\x10\xf2\xca\xe4\xf9\x9c)\xd9\x0f\xde.-m\xf8\x80\x01U\xd1&gt;\xf7{VH\xc9\x85\x98\x94\x9fo\xa4\x94sN)\xdd\xb9s\xe7\xd2\xa5K\xb5@Pl\x12\xf3\xf7S\xe2\xa1\xea?\xcak\x9b\x10\xc2\x18\xcf\xea\x9aq\xc7\x1d=Y\x95\'\xc6O-)0\x01\xe1\rL)\xcaMuZ\x18\x13\x84\x80\xa7\xd6;w\xe6\x12\x9399\x02#\xa1BH\xb3\xc5\xb4s\xcb\xbf\xe7?\xfb:\x00(\xa3\xdfAw\xfc\xde\x9ab9\xf0\xd5\xb7\x15\xc7*\xbf\xff\xae\xe2\x87\xaf#\xc7\x8f\x1d\xfa\xde\xe7\xf5\x9f\xfe\xf7\xb8NT\x1f;\xf4\xfd\xf7G\x8e\x7f\x7f\xe4\xf8\xb1\xef*\xbc\xb5\xde\xc8\xcc\x8cr\xc6m)\xb6w\x96\xaf\xdf\xfd\xc9^8\xe5\xf881?\xdf\x9a\x9c\xcc\xa3\xa4\xfawN\x00\x80\xdb\xef\xffM\x9b6\xf7\xf5\xed[7\x12\nPXXXUU\xa57\x011\x88\xfeHb\x0b5\xfaYZZ\xda\xbf\x7f\x7fB\x08FH"\xb9~\xd9\xf0\x9e}~\xcd\xa2\xaa\xfbvNp\xc6i\xb3\x94\x89c\x97=5u\x95\xb2\xdc\xc2\x80g\xffkZ\xdb\xcb\xd2\xfd\xbe\x86\x95\xaf\x10BXS\xacO\xde5a\xdb{\x1f\x03\x01\x15r,6s8\xa4\x1a\xbfg\xb8\xdb1f\xa1\xf0\xe9r@\x06\xa3\x01\x08 )U\x07\xfe\xf6\x87\xfft\xc7\xc3\x7f\xaa9Y\xd3\xb01X"\x84\x11\xc6\xf8\xee\xfe\x0f\x1f=TN)e\x8c\xf5\xea\xd8q\xed\xe3\x8f\xd7\xc6\xc6\xb9\xdf\xb3AJi\xa0\xd4\xe5\xf5v+*\xaat\xbb\t\xa5\xe1px\xd4\xa8Q\x13&amp;LP\xb7w\xb4/P\xf3\x1f\xe2cAI\x10T\xee\x7f\xca\\\t\x11\x02\x8c\xf3\xa19\xd7\xf6\xcc\xee\xcc\xaa\xbd\xf1\xb2\xfa#\x84\x80\x00wy\x1e+\x18\xd0\xaeus\xc68\x10\xe0\x8c\xbf8\xe1\xb5\xc840\xa4\x10\xec\xbf\xcfIy\xdd\xbeP0\x14\x0c\x04\x83\x81\xd0\x8f\xbf\xfc\xc1\x1f\x88\xc1\x85C\xe1\xa0?\x18\x0c\x84\xfc\xbe@0\x10ba\x16\x81\xe5W\x1d[[2{\xc5\xd1C\xe5\x84\x10\xc19%dR~&gt;\x97\x12\xc5O\xa2\xa6FB/m\xd2dTN\x8e85\x12\xfa\xcc3\xcf\x94\x95\x95\xe9BP\xac\x117kJ" N\xb3W%\x84r\xc6S\xec\xa6\xd1#\x06\n\x7f\x08\xc7~\xf1\xf740\xc6\x92q\xa3\xcd\xf4\xf4\x13\x83\x11BJ%t\xe7\xd6][J\xb7[\xed\xd6\x08\xe8n\x12\x02\x18c\xa8\x87\xfc\xfc\xeb\x07\xd5\x95\xfa\x9f\xa2\x06\n\x04"0y%\xa5L2\x19\x0f\x1f8\xb6r\xdeZ\x8c1FHHyG\x8f\x1e]Z\xb7v\x07\xa2\xaf\xfawNPB\\^\xef\xad\xd7]wUz\xba\xca\xfa\x95\x91\xb5\xae\x02\xc5\x1a\xf1tW5n\x84\x10\x18\xe3\xf2\xf2\xf2\xa2\xa2"\x8c\xb1\x1a\xfd,\xb8\xbbw\xbb\xab[qO \xc6\xcd\xca\xff\x17\xa5\x12\x9a7\xb4{V\xb7\xf6\x9c\x0b\xd5\xbd|i\xe2&lt;\xbf\xd7OH\x83\x1f\r\x0b\xf8CB\x08\x16fB\xc1\x7f\xfe\xf5\x83\x85\xa9\xfe\xa7\xc2\xa1\xb0\xfa\xdf\x86\xae\xbf\x0b.Lf\xd3\x9c\xa9\x0b\xdc\xd5\x1eux\xcaa6?\x95\x93\xe3\t\x06I\x9c\x14\x7fN\x87\x0baMN\x1e\x9b\x9b+\x11\xe2B\x10BJJJJKK\xb5@PL\xa1\x03r\xac\xa0\x12\xa5?\xff\xf9\xcfs\xe7\xce5\x1a\r\xe1p\xb8\xd5\xa5Mw\xbe?\xd6f6b.b\xbf\xfb\xf7\xbf\x08!\xc0\x92\xbc\xf3\xe3}]o\x9a,\xd4P \xe3w&lt;\xfc\xc7{F\xde\xe9:Q\xdd@\xc5t\xa5\xfd\xb9\x7f\xef\xb7\xb5.7\xc6gU8\x91B\x98\xad\xa6\x05\xcf/\xdf\xb1\xf9\xf3\xfa!\xd1\xbb\x86\xe7_\xf5\xdb+\xfd^?\x10"\xa5\xbc\xe8\x92\xb4\x8b.Mc\rv\x82LpaM\xb1|\xfc\xc1\xce\xc2;\x8b\x11FX".\xc4\xd3\xf9\xf9\x8f\x0e\x18P\x19{\xc2\x0fg\t\x17"\xc5l\xfe\xd3\xb3\xcf\xfek\xe7N\x83\xc1\xc0\x18k\xdf\xbe\xfd\x9e={\x94\x7fd&lt;\xde\xd2\x8d\x0f\x1a\xed\x0b\xd0 t\xaa\xf8\xb3c\xc7\x8e%K\x96\xa8\xecOJ4\xe5\xc9!\x8e4\x07;Y\x0b\xf10\xfc\xf3\xbf\x00\x00w\x07\xbad]&gt;\xec\xb6\x1e/\xcc\xfd\x80\x02\xc2\x18\xaf\x9c\xb7\xf6\xf7\x7f\xea\x93\xda\xcc\xd9@\x8b)\xc6X0qY\xa7v\x84\x12\xd5S\xfdY\x04\x136\xa7\xed\x9d\xe5\x1b\xd4\x8f#\x84\xa4\x94\x97]\x95q]\xbf\xae\x9ej7\x10@\x18\x85\x83\xe1P\x83n\x020ba&gt;\xff\xd9eB\x08J)\xe7\xec\xaa\xf4\xf4{\xfb\xf4\xa9\xf6\xf9\xe2t\xf5G\x08a\x84\x18\xe7\xe3\xf2\xf26\xee\xdd\xeb\t\x06\t!j\xb8\xf9\xfe\xfb\xef\xd7\xdd\xe0\x18A\x97\x80b\x02\xd5\xfe\x1d1bD0\x18$\x04\x18\xe3Y\xdd\xda\xe7\xe5wgU\xee\xb8\x18\xfd&lt;\x13@\xb0p\x07\x8a\x0bs\x9c\x0e3\xe7\x82P\xe2\xae\xf6\xfcs\xeaB\x8b\xcd\xdc\x80#\xa1\x18\xf9}AO\x8d\xd7S\xeb\xf5\xd4\x9c\xc5\xab\xd6\xeb\xa9\xf1\x84\xc3\xec\xf4\xbf\xc3\xef\x0bzj&lt;\x9e\xda\xba\xbf\xa4AW\x7f\xce\xb8#5e\xed\xeb\xef\xed\xf9t/95\xfa967\xd7l4\xc6u\xb5\x04\x00\xdc\x81@\xe7\xf4\xf4{z\xf7V#\xa1\x18\xe3\xa2\xa2"\x97\xcb\xa5-\xc3b\x04\x1d\x00\xa2\x8f\xca\x86JJJ6n\xdcH)\xe5\x8c\x1b\x8dt\xc6\x98\xbcX\x93\xfc\xfc\x05`\x8cE \xe4l\x99:\xfe\xd1:\x8d0\x00\xd8\xb8v\xdb\xce\xad\xbb\x1aT%\x14\x00\x9fM\xe3\xf7\'\x9b\xc0\xf8\'\xfe\xf4\x02"\xa5\xa4FZYQ\xb5t\xf6\nU\x18\xe1B\x0c\xec\xd2\xa5\x7f\xa7N.o,\xaa\xfe\x9d\x13\x14\xa0\xca\xe3y(;\xbbu\xb3f\xca*\xc0\xe5r\xa9.\x97\x1e\x07\x8a\x05t\x00\x882*\x0fR3\x12\x08!\x00\xcc\x85\xb8e\xd05]\xb2:\xf2\x18\x96\xfd9{\x80\x10^\xe3\xbf\xf7\xaf\xbd\xdb\xb7M\x13J%4\xc4^\x99&lt;?\xc2\xea@1\x0bg\xdc\xee\xb0-{\xe5\xcdc\xdfU\x00\x01\xc1\xb9\x91\xd2Q\x83\x07s!\xe2&lt;\xfa#\x84\x10\xc68\xc4\xd8\xc5N\xe7\xf0\x01\x03\xea3\x005\xe7\xa6GBc\x81\xb8__\xe2\x1d\xe5\xf95m\xda\xb4\xb2\xb22\x83\xc1\xc0\xc2,\xd5i\x99\\\x94+\xdc~\x1c?\x83\xff?\x81\xf2\x8a\xa1f\xe3\xf3\xc5\xf9\x12\xd5yF\xee\xfed\xef;\xcb\xdfOI\xb5\xc7\x82gd\x14Q\xb2?e{\x0e\xac\x9a\xbf\x0e\x00\xb0DB\xca\xfb\xfa\xf6\xcdl\xdd\xda\x1d\xab\xaa\x9f\xe7\n%\xa4\xd2\xed\xbe3+\xab[F\x06\xe3\x9c\x12r\xea\xa4\x8b\x9e@\x89&gt;\x8d\xe1\x0e\x8b_T\xefw\xff\xfe\xfdS\xa6L\x01\x00\x84\xa4\x90r\xf8\xdf\xfa\xb4h\xd7B\x04B\xf1r\xf2\xf3g!\x04x\xad\xbf\xdf\x8d\x99}{v\xe4\\(y\xce\xd7f,&gt;y\xdcE\x8d4FV\x01\x00 \x94\xd4\xbf"4\xa3"\x11!d\xce\xd4\x05^\xb7Om\xfe\x9a\xdb\xed\x0ffg\xbb\x03\x818\x90\xfd9k\xa4\x94\x06B\n\x07\r\x02\x8c\x95Jhiii\xbd\xcdQ\xb4\xaf.\xa1i&lt;7Y&lt;\xa2z\xbf\xe3\xc7\x8f\xaf\xad\xad\xa5\x94\xb00k\xdf6\xed\xb1\x82\x01\xdc\xe5\x8du\xd5\xcfsFJ.\x9e\x9f\x90o4R\xc19!P~\xf8\xf8\xb2W\xdeLq\xc4\x84q&lt;\xc6\xd8\xeb\xf1q\xc6C\xc1P8\x14\xe6\x8cG`\xf0\x9fsnsX\xb7o\xd8\xb1\xe5\x9d\xedp\xca\xae\xf2\xa9!C.m\xd2$\x10\xdb\xaa\x9f\xe7\n\x01py\xbd7v\xee\x9c\xd7\xb5+\x17B\x8d\x81*\xa3S\xbd\x0f\x88.z\x0c4j\xa8\xde\xef\xa6M\x9b\x16-ZD)\xe1\x9cK\x84\x9e/\xce7Z\x93Yuc\x0b\x00\x00\xc0=\xfe\x0e\x99m\x1e\x1d\xd6\xf7\xe9\xe7\xd7\x01 \x00X5\x7f]\x9f\x9c^\x97\xb4\xb98\xe4\x0fE\xd1\x9e\x17\x03\x0e\x05C7\xdc\xdc=\xbd]K\xc0 \x91\x94R\xa6\xb7\xbb$\x14l\xd8\xab"\x84\xf8\xbc\x819S\x17`\x8c\t\x860c\xdd22\xfe\xdc\xb3\xe7I\x8f\'~G?\xcf\x04\x01\xf0\x04\x02cssKw\xed\xaa\xf6\xf9(\xa5eee\xd3\xa6M{\xf2\xc9\'\xf5Hh\x14\xd1\xe17j\xa8\xcd\xef\r7\xdc\xb0i\xd3&amp;\xa3\xd1\x10\n\x85\xfb\xf6\xecX\xba\xeaq\xee\x8e\xbfs\xbfg\x83\x94\x12\x19\xa8\xcb\xe5\xbd"\xab\xe8D\xa5\x1b\x08aav\xc3\xc0\x1e\xe3^*\xac\xael\xa8sag\x7fmf\x8b\xc9`4H$1B\x08a\x9f\xd7\xdf\xa0\x9b\x00\xce\xb8\xa3i\xca\x1b\xaf\xad\x9e\xf9\xe4\x8b\x84\x10ub\xed\x8d\xe1\xc3\xfb\xfd\xfa\xd7\xd5&gt;_c\xaa\xff\xd4\xc38o\x9e\x92\xf2\xd4\xb2e\x93W\xad2P\xca9w8\x9d_|\xf1E\xf3\xe6\xcd\x11B\x8d\xa3\xe1\x11w\xe87=:(\xa9\xe7\xc5\x8b\x17o\xda\xb4\x89\x1a(c\x8cR\xf2|q\xbe\xe4\xf2\x8c\x8a\x95q\x0e\xc6\x98\x07BM.i2\xb90G\x08\xa9\x04\x82&gt;X\xbdu\xdb{\x1f\xdb\x1c\xd6\x08(E\xff\xf4\xb5y=&gt;Weuue\x8d\xab\xb2\xc6UY\xdd\xa0\xab\xbfr|\xac8rb\xee\x8c\xa5\x180`\xc4\x85\x18r\xed\xb57v\xee\xec\x8a\x0b\xd1\xff_\x04\x01\xa8\xf2xF\x0c\x18\xd0\xa6y\xf30c\x94\xd2\xaa\xaa\xaa\x91#G\xea3\x01Q\xa4q\xdej1\x8e\x94\x12\x00jkk\xc7\x8d\x1b\x07\x801BB\xc8a\xb7\xf5\xe8puk\xee\x893\xd9\xafsB\t\x04\xddr\xcbu\x99\x9d\xd2U\x03\\\x08\xb1\xe0\xd9e\x8cE_\xe9&gt;\x92M`\xc1\x85\xd9j*\x99\xb3\xcaUYM\x00\xb8\x10v\x93\xe9\x89\x81\x03}\xa1P#\xfe\xf41\xc6\x8cs\xbb\xc94r\xf0`tj\xfem\xf1\xe2\xc5;w\xee\xd4\xc6\xf1\xd1\xa2\xd1\xdem\xb1\x8cZ\xfb\xa6L\x99\xb2\x7f\xff~B\x08g\xdc\xe90\x17\x17\xe6\x08_\x10H#,\xfe\xd4\x83\x11\x92\\$Y\x92g\x14\xe5JY7\x12\xba\xe7\xd3\xbdk\x96\xbckw\xc6D78\x02\x08!\xccV\xd3W\x9f\x97\xbd\xf1\xeaj\x00@\x12\t!\xef\xe9\xdd;\xb3U+O\xfc\x88\xfe\xff2(!U^\xef\xed\xdd\xbbwk\xdf\x9eqN\x00B\xa1PAA\x01\xe7\\o\x02\xa2\x82\x0e\x00\x91F%&gt;\xaa\x03V\xef\xf88~\xc4@g\xcb\xd4\xd8w|&lt;\x7f\xea&lt;#\xfbv\xca\x1d\x90\xc9\xb9\xc0\x800\xc6sg,\xa98z"b\x9e\x91Q\x07\x08\xcc\x9e\xf0Z8\xcc\x94\xe3cz\xd3\xa6\x0fggWy&lt;\xb4\xf1\xa6\xff\xf5`)\x19\xe7\xc5yy\x94\x10u6x\xf3\xe6\xcd\x8b\x17/\xd6#\xa1Q\xa1\xf1\xdfp\xb1\x86Z\xe3\xd4\x0c\x1c!\x84s\x91\xd9)\xfd\xde{\xfa\xf0\x1a\x1f$\xc6,\x84:\x1a6et^\x8a\xdd$\xb8$\x04\\\x95\xd5%sV\x99-\xa6\xe8v\x02"\x80\xe0\xc2j\xb7l)\xdd\xbes\xeb.\x00P\xb2?EC\x86\xa49\x1c!\xd6PR\xa31\x05\x00\xd4\x06\x02\xbd.\xbf\xfc\x8e\x1e=\xea&lt;#1\x1e7n\\MM\x8d\x1e\t\x8d&lt;:\x00D\x145\xf1\xb6q\xe3\xc6\xfaS0R\xca\x19\xa3s\xa9\xc9\xd8\x08\x94\x7f\xce\x12\x00`\xee@\x9b\xab\xd2\x0b\xee\xee\xad*\xbf\x00\xf0\xc6\xab\xab\xbf\xde\xbd\xafA\x05\x82\xa2\x8fD@!\xe0\x0b\xbe4q\x1eBHU\xff\xbb\xb5o\x7fk\xf7\xee\'\xe3V\xf3\xf9\x17@0\xae\r\x04\x9e\xca\xc9q\x98\xcd\x8csB\xe9\xfe\xfd\xfbg\xcd\x9a\xa5\xf6C\xd1\xbe\xba\xc4B\x07\x80\xc8\xa1\x8e}\x05\x83\xc1\x11#F`\x8c\t\x00\xe7"\xf7\xa6.=\xfbtb\xd5q/\xfbuN\x10\n\xdc\xe5)\xb8?\xbbm\xabf\\\t\x04\x85\xd9\xdc\x99KUM\xbc\xb1\xc29\xb7\xda,o.X{\xe4\xe01B\x08\x17\xc2Hiq^\x1e\xe7&lt;1B\x7f\x1d\xca3\xb2ej\xea\xe3\x03\xeb$\x02\t\xc0\xcc\x993UK\xac1g\x00\xb1\x87\x0e\x00\x91C\xf5~\x97.]\xbac\xc7\x0e\x95\xfe\x1b\x8d\xf4\xe9\xc2\xc1H\x88\x04\xc9\xfd\xeb\xc1\x18\x8b\x10s\\\xe4\x1c]0@J\x89\x84\x00\x02[\xde\xfeh\xfb\x86\x1d6\x87\xb5Q\xa6\x81j\xf4\xf3\xf8\xb1\xca\x85\xcf\x95`\x8c\x01#!D\xce5\xd7\\\xdf\xb1cmc\x91\xfd9{(!5~\xff\xb0\xde\xbd\xdb\xa5\xa51\xce\t!555\xe3\xc7\x8f\xd7*\xa1\x11&amp;\xb1n\xbb(\xa2\xd2\x7f\x97\xcbUXX\x08\x00\xca\xf1\xf1\xd1a}3\xaen\xcd"\xa8\xfa)\x11\x12Rr!8\xff\xcfK\x08\x19\xf9\xda+\xa5\x84\x9dt\xdfz[VV\xd7\x0c\xc6\x05\x01\xc0\x18\xcf\x99\xba \xe0\x0f6J\xa1P\xc1\x85\xd9j\x9e;s\x89\xa7\xd6K\x00\x18\x17N\x8belnn\xad\xdf\xdfX\x07\xff\x7f\x1a\xc6\xb9\xd9h\x9c\x98\x9f\x8f\x10R\x02A\x8b\x16-\xda\xbcy3\xa5\xb4Qf\x00\xb1I"\xdeyQA\xa5\xffEEE\xe5\xe5\xe5\x84\x00g&lt;\xad\xb9}\xf8\xfd\xd9\xc2\x13\x88\x80\xea\x83\x94H\xad\xf5\x80\x11I2P\xab\x89:,u\xaf\x143\xb1$\x81\x81J)\x19\x13"\x92\x91@Jb \xe3\x1f\x1b\x04\x80\xd5\xfb\xb3\xef\x8b\x83+\xe7\xae\xb1\xda-\x8dl\tP\xaa\x9f\x9fm\xdb\xb5n\xd9z\x15\xec\xa5\x94\xf7\xf6\xe9\x93\xd1\xa2\x85?z\xb2?*\xf4\xd7\xbf"\xfc\xaf\x13\x80\x1a\xbf\xff\xe6\xcc\xcc^\x1d;r\xe5\x18\xcayAAA0\x18\xd4\xdd\xe0\x88\xa1\xdf\xe8H\xa0\x0c\xdf\xbf\xf9\xe6\x9b+\xaf\xbcRJ\x811f\x8c\xbf6\xf3\xae\xbb\xee\xe9\xc3*k\x1bT\x05AJ\xc9\xb94\x18\x08\xb2&amp;#\x8cy\x8d\xefXy\xf5\xb1\xf2\xea\xeaZ\x9f\xcf\x1f\x02\xc0\x16sR\xb3Tk\xcb\x8b\x9dM\xd2\x1c\xc8d@\xde\x10\x0b\x84H\xa4\x94\x888\xe3\xb4\xa9\xfd\xce\xbb^\x98_\xf2\xa1\xc1@\x18\x13\x16\x9by\xee\xfa\xbf\xdb\x1c\xd6\x863\xe0\x8d&lt;B\x08\xab\xdd\xfa\xe0\x90\'v\x7f\xb2\x97R\xca\x19k\x9b\x96\xf6aq\xb1\xd2\xc7\x8e\xfc\xaf\xa9\x84\xe7l&amp;\x13B\xff\xf1\xcd\xf4\x87\xc3\x11.\xbf\x08!,\xc9\xc9{\x0e\x1f\xee9~&lt;\x13\x02\x00\x18cs\xe7\xce\xbd\xf3\xce;\xb5@Pd\xd0\x01 \x12\xa8\xbb\xb9\x7f\xff\xfe\xa5\xa5\xa5J\xf6\'\xabk\xc6\x865O\n_\x904\xa4\xec\x0f\xe7\x82\x1a)\xb2%\xfb+\xdd\xa5\x1f|\xf9\xd6\xdb\x9fo\xdfy\xe0\xdb\xc3\x95^_\xe8\x07\xdf\xd9\xc4i\xbd\xf2\xb2\x8b\x07\xf4\xe9\x94\x9fs\xed%\xed/\x925&gt;U\xb3j\xb8kS\x08)\xb1\x91\x1e/\xaf\xb9\xa2\xe7hW\xb5O\xd9a\xde4\xb4\xdf\xe3\xcf&lt;XS\xd5\xb0\xa11bp\xc6\xedN\xfb\xdb%\xefMz\xe4Y \x04K\xc9\x85x\xfd\xe1\x87\x07v\xe9R\x1d\r\xe1\x07\xb5\xd9rX,\xff\xdc\xb0a\xf1\xd6\xad\x18!\x89\x90\x94r\xd2-\xb7\\u\xe9\xa5\x11\xde\x910\xce\x9b\xd9\xed\x8f-Z4k\xdd:\x03\xa5\\\x88\xe6\xcd\x9b\x7f\xf1\xc5\x17\x0e\x87C\x1b\xc7G\x00\x1d\x00\x1a\x1c\xb5\xfa\x97\x96\x96\xf6\xef\xdf\x9f\x10\x82\x11\x92H\xae_6\xbcg\x9f_\xb3\x1a_\x83\xe6\xda\xd8n\xae\xae\xa8~e\xc1\xa69\x0b6}s\xa0\xa2\xfe\xeb\x00\x18N\t\</t>
        </is>
      </c>
    </row>
    <row r="203">
      <c r="A203" s="1" t="n">
        <v>201</v>
      </c>
      <c r="B203" t="inlineStr">
        <is>
          <t>color_hexagon</t>
        </is>
      </c>
      <c r="C203" t="inlineStr">
        <is>
          <t>What is the missing color of the part denoted with a question mark?</t>
        </is>
      </c>
      <c r="D203" t="inlineStr">
        <is>
          <t>['purple', 'red', 'blue', 'green']</t>
        </is>
      </c>
      <c r="E203" t="inlineStr">
        <is>
          <t>green</t>
        </is>
      </c>
      <c r="F203" t="inlineStr">
        <is>
          <t>There is a hexagon split into six parts with the colors ['red', 'yellow', 'green', 'red', 'yellow', '?'] in an anti-clockwise order.</t>
        </is>
      </c>
      <c r="G203" t="inlineStr">
        <is>
          <t>We observe that a red part is opposite another red part, and a yellow part is opposite another yellow part. Thus, the pattern is that the colors in opposite parts are the same.</t>
        </is>
      </c>
      <c r="H203" t="inlineStr">
        <is>
          <t>Based on the pattern that spatially opposite parts have the same color, the missing color of the part which is opposite a green part should be green.</t>
        </is>
      </c>
      <c r="I203" t="inlineStr">
        <is>
          <t>b'\x89PNG\r\n\x1a\n\x00\x00\x00\rIHDR\x00\x00\x02\x00\x00\x00\x02\x00\x08\x02\x00\x00\x00{\x1aC\xad\x00\x00|rIDATx\x9c\xed\xdd{|\xd4\xd5\x9d?\xfes\xf9\xcc%\x93df\x12!\x04\x1b\xc5\x84\xb0\x08\xc6DIB\xb9T.\xedO\xb0u\x0b\xbb\xfd\x82\x17\x94b\xedZ\x14\xbb4\x10\x10"&amp;\x881\x95(\x01J[W\xd4\xae\xd8.\x88\x8b\xae\xb6X\x95\xa8 P.\x92\x0b\xb7\xc8\xa51D0J\xb8%3\x93\xdb\\&gt;\xe7\xbc\x7f\x7f\x9cdD\x14\x05r\x9b\x99\xcf\xfb\xf9\xe8c\x1f\xdbvW\x86\xb9|\xde\xe7s\xce\xfb\xf3~Q\x00 \x08!\x84\x8c\x87\xf5\xf6\x0b@\x08!\xd4;\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ad\xb7_\x00\xeaM\x00\x00\x00\xbd\xfd*P\xaf\xa1\x94RJ{\xfbU\xa0^C\xf1\xf7oX\xba\xaek\x1a\xae\x00\x8cN\xd7u\xce9\x96\x01c\xc2\x02`PRJ\xc6\xd8\x91#Gf\xcd\x9a\xc5\x18\x93R\xf6\xf6+B=J\xd34]\xd7\xff\xe3?\xfec\xda\xb4i\xbd\xfdZP\xaf\xc1\x05\xa0\xe1\xa8\x92\xdf\xd6\xd6VRR\xe2t:\xb7l\xd9\xd2\xdb\xaf\x08\xf5\x9a\xa1C\x87~\xfe\xf9\xe7\xb7\xddv[ZZ\x1a\x000\x86\x87\x82\xc6\x82w\x00\x86#\x84\xe0\x9c\xbf\xfc\xf2\xcb\xf7\xddw\x1f\xa5\x94s\x1e\xfc\x0e0\xdc\x070\x80\xf3\x8f}8\xe7~\xbf\x7f\xfa\xf4\xe9\x7f\xfe\xf3\x9fqK\xd0\x80\xb0\x00\x18\x8b:\xf5u\xbb\xddC\x87\x0e={\xf6\xac\x94\x127\x7f\x0c\xcel6\x0b!\xb6l\xd9r\xcb-\xb7\xa8\xc5Ao\xbf"\xd4s\xb0\xe0\x1b\x8b\x94\x92s\x9e\x9f\x9f___\xcf9\'\x00\x94\x12J\xa8\x04\x98:x\xf0\xf4\xa1C\xdd&gt;\x9f\x86\xfb\x00\x11J\x00D\x9bL\x95\xa7N=\xf5\xd1G\x12\x00\x00(c\xba\xaeK)srrv\xee\xdci2\x99\x00\x00\x0f\x84\x8d\x03\xef\x00\x0cDJI)\xfd\xe7?\xff\x99\x96\x96&amp;\xa5\x0c\xf6\x802B$!\x89\xd1\xd1\x1f\xdds\x8f\xc3j\r\x08A\t!x\x15\x88$\x00\x84R)\xa5\xc3b\xf9\xc9\xeb\xaf\x7fp\xe2\x04\xa7T\x00\x10B(\xa5\x8c1!\xc4\x9a5kf\xcc\x98\x817\x01\x86\x82\x05\xc0@\xd4o{\xe2\xc4\x89\xa5\xa5\xa5&amp;\x93\x16\x08\xe8\xc3\xd3\x13\xea\xcf\xb4~V\xdf\xcc\x19\xd3\x85\xbcg\xc8\x90\xdf\xfd\xe8G\rmm\x1ac\xf8\xb5\x880B\xca8\xab\xf5\x95\xc3\x87go\xde\xcc)\x95\x00&amp;\xb3y\xf4\xe8\xd1[\xb6lQg\xbf\t\t\t\x1f\x7f\xfc\xb1\xd3\xe9\xc4\x87\x03\x8c\x03o\xf6\x8dB]\xfdKKKKKK9\xe7 %c\xf4\x85\xa21\xf3\xeeOWk\x00F\xe9\xabG\x8f\x1e8s\xc6n\xb1\x10B8\xa5\xf8\xaf\x88\xf9\x17\xa3\xd4\xccy\xab\xae\xaf\xa8\xa8 \x840\xce\x81\x90q\xe3\xc6\xfd\xe5/\x7f\xe9\xd3\xa7\x0f\x00p\xce\xeb\xeb\xeb\x97/_\x8e=\xc1\x86\x82\x05\xc0\x10\xd4\xc6\xae\xae\xeb\xb3g\xcf\xa6\x94pNu!\xa7\xfdkj\xfa\xf7\xaf~\xe0\xde\x1bR\xafs\xe8BrFu)\x17\xef\xd8\xc1q\xf5\x17q\xd4\xf2\x7fUEE\xad\xdb\xad1&amp;\xa4\xd44\xed\xf1\xc7\x1f\xff\xde\xf7\xbe\x97\x9f\x9f\xaf6\x039\xe7\xcf&lt;\xf3Luu5\xd6\x00\xe3\xc0\x02`\x08\xea\xb1\xaf\xd5\xabW\x1f=z\x94s.t\xe1\x885?\xfe\x9b,\xe9\xf1[\xed\xe6\xdf\xe6d\x11B$\x01N\xe9\xf6\xba\xbawjk\x1d\x16\x8b\xc0\xbd\xc1H\x01\x84DiZ\x8d\xcb\xf5\xa7\xaa*J)aLJ9c\xc6\x8c\xef\x7f\xff\xfbg\xcf\x9e\x9d1cFFF\x86\xbaA\xf4\xfb\xfd\x8b\x16-\xa2\x14w\x86\x8d\x02\x0b@\xe4Sg\xbf\xf5\xf5\xf5\xf9\xf9\xf9jwWH\x983#m`z\x82\xf4\xea\xc2\xe3\x9f:u\xc8\xd8\xe1\xfd\x85\x00\xc6)!\xe4\xf1\x9d;\x9b\xfd~N)^\x03"\x83\x902\xdal.\xda\xbd\xdb\xe5\xf5j\x8cI)\x9dNgAAAkk\xab\x942&amp;&amp;\xa6\xb0\xb0\x10\x00T\r\xd8\xb0a\x83\xda$\x14B\xf4\xf6\x0bG\xdd\x0e\x0b@\xe4SOx\xe6\xe5\xe5566\x9aL\\\xd7E\xca5\xf6\x9c_\xdd,\\^\xae1\n\x04\x84,Y8R\xd3\x98\x90\xa01v\xcc\xe5ZUY\x19g\xb5\n\xdc\x07\x08\x7f\x02\xc0i\xb5\x96\xd6\xd6\xbeQ]\xcd)\x95\x84H)\xf3\xf2\xf2\x92\x92\x92\xda\xda\xdaL&amp;Scc\xe3m\xb7\xdd6i\xd2$!\x04c\x8cR:{\xf6l]\xd7\xf1&gt;\xc0\x08\xb0\x00D8\xb5\xf9SQQ\xf1\xca+\xafp\xce\xa5\x94\x00\xa4x\xdepG\x82\x8d\xf8\x05\xa5\x84q*\x9b\xfc\x99\xa3\x93f\xde9DJ\xa0\x94PJ\xffTUU\xe3rY5\r/\x00\xe1\x8e\x12\xa2K\xb9\xac\xbc\\\x020\xce\xa5\x94\x19\x19\x19\x0f=\xf4\x90\xdb\xedV\xcf\xfd\xaa\xc3\xa1\xc2\xc2B\x87\xc3\xa1n\x02\x8e\x1e=\xbaz\xf5j&lt;\t0\x02,\x00\x11N\x1d\xff\xe6\xe6\xe6\xfa|&gt;\xce\xa9\xae\xcb\xb1\xc3\xfbO\x99r\xbdh\xf0r\xad\xfd\xd3g\x9c\xc9f\x7f\xe1\xdc\xec8\x87E\x97\xa01\xea\xf2z\x8bv\xef\x8e5\x9b\xf1&amp; \xac\xe9R^\x15\x15\xb5\xf6\xd0\xa1=\'Or\xc6\xd4\xa3\x1fO&gt;\xf9dTTTp\x87\x871\xd6\xd4\xd4\x94\x9e\x9e&gt;s\xe6L\xb5[H)\xcd\xcf\xcfolld\x8c\xe1M@d\xc3\x02\x10\xc9\x82\xbb\xba[\xb7n\xd54M\xe8\xc2b\xe6%\x0bG\x82\x90\xe7w\xfaPJ\xc0\xab\xc7]\x1d[8;K=\x1b\xc6(\xddXS\xb3\xbd\xae.\xd6l\x96x\t\x08O@\x88\x99\xf3\x93--\xab*+)!\xeai\xaf\xc9\x93\'O\x9c8\xd1\xe5r\x9d\xff\xb4\x97\xa6in\xb7;\'\'\'99YM\x04jllT\'Fx\x13\x10\xd9\xb0\x00D,\xb5vS}\x1d\x84\x10\xc6\x88\x90p\xf7\xed\x033\x7f\x90$\x9b\xfc\x8c}\xa5\xd7\x93q&amp;\x9b|3\x7f\x9e68\xd9\xa9K\xc9\x19\xf5\x0bQ\xb8k\x17\xc7\'\xc2\xc2\x96.e\x9c\xd5\xfa_\xfb\xf6\x1d\xf7x8cBJ\xb3\xd9\x9c\x9f\x9f/\x84\xb8\xe09/J\xa9\xdf\xef\xef\xdf\xbf\xff\xfc\xf9\xf3UKh\xb0g\x0c7\x82"\x1b\x16\x80\x88\xa5\xc6\xfe,[\xb6\xac\xba\xba\xdad\xd2\xf4\x80\x88wZ\x9fzd\x84l\xf2S~\xe1\xe7N)\x01\x1d4\x9bi\xd5c\xa3\x08\x10\t\xc0\x19\xfd\xe8\xe4\xc9W\x8f\x1c\x89\xb7Zu\xbc\x04\x84\x1b\t\x10k6\x1f8s\xe6\xa5\x83\x07YG\xeb\xe7\xc3\x0f?&lt;l\xd8\xb0\xa6\xa6\xa6\xaf\x8f}\xd64\xed\xdc\xb9s\xf7\xddw\xdf\xa8Q\xa3\xd4M@\xc7S#x\x14\x1c\xc9\xb0\x00D&amp;u\xf6[SSS\\\\\xcc\x18#\x04$@\xee}i\x89\x03\x9d\xe0\xd5\xd97=\xe9\xc59\x15\x1e\xdf\x84\x89\xc9\x13F\'\t\t\x8cQJH\xf1\x9e=\xa7[[\xcd\x9c\xe35 \xbc\x00!\x9c\xd2\'w\xed\xf2\xf8\xfd\x9c1!DBBBNNNss\xf3\xc5F\xfd\x00\x80\xc9dz\xf4\xd1G\xd5f\x91\xa6i\xa5\xa5\xa5\x1b6l\xc0\x96\xd0\x08\x86\x05 2\xa9\xb3\xdf\'\x9ex\xc2\xe3\xf1h\x1a\xd7\x03bp\xb2s\xde\xaca\xb2\xd1\xcb\xbe\xb6\xfc\x0f\xa2\x84\x80\x80U\xf9\xa3\xcd&amp;.$p\xc6Nx&lt;\xcf\xee\xdd\x1b\x877\x01aE\xb5~~p\xfc\xf8;\xb5\xb5\xaa\xf5\x13\x00\n\n\n\xae\xbd\xf6Z\xaf\xd7{\xb19?\x9c\xf3\xc6\xc6\xc6\xdbo\xbf\xfd\x8e;\xee\x08\xb6\x84.Z\xb4\xc8\xef\xf7\xe3}@\xa4\xc2\x02\x10\x81\xd4\xd9\xef\xb6m\xdb\xd6\xae]\xabi\\\x08\x1d\x08Y\xf5\xd8(s\xb4\x19\x04|\xcb\xa0\x07\xc6\xa8l\xf6\x0f\xbe\xb9\xdf\xfc_\xa6K\t\x94\x11F\xe9KUU\xfbN\x9f\x8e1\x99\xf048\\pJ[\xfc\xfe\xa2\xdd\xbb)!\x8cs!\xc4\xa8Q\xa3\xee\xbf\xff\xfes\xe7\xce}{\xe4\x0b\xe7\xbc\xb9\xb9\xb9\xb0\xb00...\x10\x08h\x9aV]]\xbdl\xd92&lt;\t\x88TX\x00"\x93\x10B\x1d\xf71F\x85\x80\t\xa3\x93&amp;LL\x16\x1e\x1f\xe7\xdf1\xe7G\xb5\x84\xce} #\xb1\xafMH\xe0\x8cz\xfc\xfe\x15\xe5\xe5QX\x00\xc2\x84.\xa5\xd3j}\xf5\xc8\x91\x83g\xcf2\xc6$\x00\xe7\xfc\xd1G\x1fU\xb3\xfe\xbf\xfd\xff\x97R\xda\xd6\xd6\x96\x9a\x9a:k\xd6\xac\xf6Q\xe1\x8c\x95\x94\x94\xd4\xd7\xd7cGPD\xc2\x02\x10it]\xe7\x9c\xaf[\xb7n\xdb\xb6m\x9aI\xd3u\xa1ilU\xfeh\x10p)3\xdeTKh|\x92}\xe9\xdcl)Am%\xff\xf5\x93OJkk\x9dV+\x0e\x08\nq@\x88U\xd3&gt;\xf3x\x9e.+\x0b\x0e\xfa\x9f2e\xca\xed\xb7\xdf\xde\xd8\xd8x)\x83\xfe\xd5F\xd0\xbcy\xf3RRR\xd4M@CCC^^\x1e&gt;\x13\x10\x91\xb0\x00D\x14\xd5\xc0\xe7\xf1x\x96,Y\xc2\x18\xa5\x04\xa4\x84\x99w\x0e\x19\x9c\x91 \x9b/l\xfd\xbc\x18\xa61\xe9\xf2\xde5\xe5\xfa\xcc\x1b\xfa\x08)\x19\xa3\x02`Yy\xb9.%\x8e\t\rqB\xca\x18\xb3\xf9\xb9\xfd\xfb\xcf\xb4\xb6\xaa\xd6O\x87\xc3\x91\x97\x97\xd7\xda\xdaz\x89\x81\xef\xea\xc1\xe0\xd8\xd8\xd8\xc7\x1e{\x8ct\xf4\x92\xad[\xb7\xae\xb2\xb2R=I\xde\xcd\x7f\x03\xd4\xa3\xb0\x00D\x14\xd5\xfcS\\\\\\SS\xc39\x17\xba\x8csX\n\xe7fCk\xe0[\xce~/\xa0\x8e\x82-\xd1\xe6\x92\x85#\x00\x88$\xc0\x19\xdbs\xf2\xe4\xff\x1c:\x14\x1f\x15\x85\xa7\xc1!K\x02\xc4\x98\xcd\x95\xa7N\xbdp\xe0\x00\xa3TE\x80\xcd\x9c93##\xa3\xb9\xb9\xf9\x12\x0b\x00!D\xd34\x97\xcb5}\xfat\xd5\x12\xaa\xa6\x84\xe6\xe4\xe4\x08!\xf0&amp; \xc2`\x01\x88\x1cj\xb1\xa6N\xed8\xe7\x00R\x02\x14\xce\xce\x8c\xbb:Vz\xf5\xcb\x1a\xf2\xcf9\x15.\xef\xd8\xf1\x03\xa6LL\x16\x02\x18%\x94\xd0\xe2={&gt;\xf3xp@P(\xe3\x94.\xde\xb1\xc3/\x84j\xfd\x1c0`@NNNp\xec\xcfe\xd1u\xbd\xa8\xa8H=\x10\xa0i\xda\xf6\xed\xdb\xd7\xad[\x87-\xa1\x11\x06\x0b@\xe4P\xab3\xd5\xb7\xc79\x15Bf\xde\xd0g\xe6}\xe9\xd2\xe3\xbb\xf4\xe5\x7f\x90z4\xacx\xe1HG\xacY\x02pN\xcf\xb4\xb6&gt;\xb7\x7f\x7f\x0c\x0e\x08\nI\x02\xc0n\xb1\xbcS[\xbb\xbd\xae.\xd8\xfa\xf9\xf8\xe3\x8f\'&amp;&amp;\xaa&gt;\xce\xcb\xfa\xa7\xa9\x01A\xe3\xc6\x8d\x9b1c\x86\x1a\x10\xc4\x18[\xb2d\x89\xdb\xed\xc6\x96\xd0H\x82\x05 B\xa8\xd6\xcf\xad[\xb7\x06\x9f\xdc\x01 %\x0bGhQ\xda\xb7\xb7~^\x0ccT4\xfbS\xd2\xfa\xce\x99q\xa3\x90@(a\x94\xbep\xe0\xc0\xbeS\xa7p@P\xa8Qg\xf5\xad\x81\xc0\xe3;w\x92\xf3Z?\xef\xbd\xf7\xde\xefl\xfd\xbc\x18\xceySSSAA\x81\xd3\xe9T\x1bA555+W\xaeT\x07\xcb]\xfd7@\xbd\x03\x0b@$P\x8f}\xf9|\xbe\xdc\xdc\\J)gT\x08\x98z[\xca\xd8\xf1\x03\x84\xeb\xbb[?/\x86kL\xba\xbc9\xbf\xbai\xe0\x00\xbb\x10\xa0\x06\x04=]V\xc60+&amp;\xc4\x08)\xed\x16\xcbKUU\xc7\\.\xadc\xecOQQ\x91\x1a\xeb\x7fe\xffLJ\xa9\xd7\xebMJJ\xca\xcb\xcb\x0bfF\xaeX\xb1B\x1d/\xe1ipd\xc0\x02\x10\t\xd4\xd9\xef\xfa\xf5\xeb+**\xd4\xf2\xdfl\xe2Es\xb3\x89\xbc\x92\xb5\x7f\x10\xa5\x04\xfc\xc2\xd1/z\xf1\xacajJ(\xa7\xf4\xedc\xc7&gt;8~\xdc\x89\x99\x91!C\xb5~~\xd1\xd4\xb4\xbc\xbc\x9c\x12B\x19\x93R\xfe\xecg?\x1b7n\xdc7\x8e\xfd\xb9t\x9a\xa6y&lt;\x9e\x07\x1f|055U\xdd\x04\xb8\xdd\xee\'\x9ex\x02\x9f\t\x88\x18X\x00\xc2\x9eZ\xfe766.\\\xb8\x901F)\x08\t\xf3\x7f\x99&gt;(\xbd\x9f\xf8\xda\xd4\xcf\xcb\xc55&amp;\x1a\xda\xa6\xdd9tLv\x7f]H\xc6)%\xa4h\xf7\xee6]\xc7\xcc\xc8\x10\xa1Z?\x9f.+s\xfb|\x9cs]\xca\xb8\xb8\xb8\xc2\xc2\xc2\xa6\xa6\xa6Ki\xfc\xffv\xba\xae\xdbl\xb6\xa5K\x97\x12B\xd4\x80\xa0\xb5k\xd7n\xdf\xbe]\xd34\xdc\x08\x8a\x00X\x00\xc2\x9eZ\xfe\xe7\xe7\xe7\xd7\xd7\xd7s\xce\x84.\x12\xfb\xd8\xe6&gt;\x90![\xfcWp\xf6\xfb\r\x80p\x13+\xfcM\x16cT\x020\xc6\x0e\x9e=\xfb\xe2\x81\x03\x0e\x8b\x05O\x83{\x9d\x9a\xfa\xf9\x8f\xba\xbau\x87\x0f\xab\xd6O\x90r\xd6\xacY\xa9\xa9\xa9\xdf2\xf6\xe7\xd2\xa9U\xff\xa4I\x93\xc6\x8f\x1f\xaf\xe6H\x0b!rrr|&gt;\x1f\x9e\x06G\x00,\x00\xe1M]\xfdU\x86\x1f\xe7\x0c@J Ks\x87\xc7\'\xd9\xe12[?/F\xb5\x84\x8e\xb95y\xfa\xe4AB\x00c\x84R\xba\xa2\xa2\xe2\xf3\xa6&amp;l\t\r\x05\x9c\xb1\xc2]\xbbt)U\xebgjj\xea\xbcy\xf3.\xf1\xb9\xdfK$\x84x\xfa\xe9\xa7\xcdf\xb3\xba\t\xa8\xac\xac\\\xbf~=\x0e\x08\x8a\x00X\x00\xc2\x9b\xda\xffQ)\xde\x9c3]\x97c\xb2\xfbO\x9f6T4\xb4\x05\x13\x1f;\x8fr\x06-\xfe\xa5\x0bF\xc4;\xad\xea4\xd8\xed\xf3=]Vf3\x99\xf0&amp;\xa0\x17\xe9\x00N\xabu\xfd\xe1\xc3\x1f\xa9\xc4GB\x00`\xe9\xd2\xa5111_O}\xb9b\xaa%4++\xeb\xe1\x87\x1f\x0e\xb6\x84.\\\xb8\xb0\xa1\xa1\x01o\x02\xc2\x1d\x16\x800\xa6Z?KKKKKK9\xe7RH\xceh\xe1o\xb2\x98\xc6H\x97\xfe*\x19%\xb2MOLq\xe6\xde\x97\xa6\x1a@\x19\xa5\xeb\x0e\x1f\xdew\xfat\x0c\xb6\x84\xf6\x12 D\xa3\xb4\xc9\xef/)/\'\x1d\x89\x8f\xe3\xc7\x8f\x9f4i\x92\xdb\xed\xee\xc2\xe5?\xe9h\t\xcd\xc9\xc9IHHP\xdf\xba\xfa\xfa\xfa\xe5\xcb\x97\xe3M@\xb8\xc3\x02\x10\xae\xd4\xda\xbf#\xb6\x89pNu!\xef\xf9i\xea\x98[\x93\x85\xcb{\xc5\xad\x9f\x17\xc38\x93\x8d\xdey\xb32\x07]\xe7\xd0\x85\xe4\x8c\xeaR.\xde\xb1\x83w\xd12\x13].!e\x9c\xd5\xba\xaa\xa2\xa2\xd6\xedV\xad\x9f\x9a\xa6\x15\x17\x17w\xc7\xd9\xacj\t\xbd\xf6\xdak\x0b\n\n\xa4\x94\xaa%\xf4\x99g\x9e\xa9\xae\xae\xc6\x1a\x10\xd6\xb0\x00\x84+\xb5\xfb\xaf\x82[9\xe7B\x17\x8eXs\xc1\xec,h\x0b\xd0\xceu\xfe|#\xf5`\xb09\xc6\\\x94\x93E\x08\x91\x048\xa5\xdb\xeb\xea\xde\xa9\xadu`Kh\x8f\x03B\xa24\xad\xc6\xe5\xfaSU\x15\xedH|\x9c1cFfff\'[?/F%\xc5\xdf{\xef\xbd\x19\x19\x19\xea&amp;@\xc5M\xe3.PX\xc3\x02\x10\x96\xd4Vl}}}~~&gt;\xa5\x94R"$\xcc\x99\x9160=A4\x07:\xd9\xfay1\\\xa3\xc2\xed\x9d:u\xc8\xd8\xe1\xfd\x85\x00\xc6)!\xe4\xf1\x9d;\x9b\xfd~l\t\xedaB\xcah\xb3\xb9h\xf7n\x97\xd7\xab1&amp;\xa5t:\x9d\x05\x05\x05---]\xbb\xf9\xf3\x95?T\x88\x98\x98\x98\xc2\xc2B\x00P5`\xc3\x86\rj\xfb\x11[B\xc3\x14\x16\x80\xb0\xa4\xc6&gt;\xe7\xe5\xe5566\x9aL\\\xd7E\xca5\xf6\x9c_\xdd,\\\xde.&lt;\xfb\xfd:J\x08\x08Y\xb2p\xa4\xa61!Ac\xec\x98\xcb\xb5\xaa\xb22\xcej\xc5\xd3\xe0\x1e\xa3\x12\x1fKkk\xdf\xa8\xaeVc\x7f\xa4\x94yyyIII]\xd2\xfay1**\xe0\xb6\xdbn\x9b4iR03R5 \xe0}@\x98\xc2\x02\x10~\xd4\xe6OEE\xc5+\xaf\xbc\xa2\x1e\xca\x07 \xc5\xf3\x86;\x12l\xc4/\xbauO\x9e1*\x9b\xfc\x99\xa3\x93f\xde9DJ\xa0\x94PJ\xffTUU\xe3raKh\x8f\xa1\x84\xe8R.+/\x97\x00\x8cs)eFF\xc6C\x0f=teS?/\xef\x8f\xa6T\xd7\xf5\xc2\xc2B\x87\xc3\xa1n\x02T\x0b2\x9e\x04\x84),\x00\xe1G\x1d\xff\xe6\xe6\xe6\xfa|&gt;\xce\xa9\xae\xcb\xb1\xc3\xfbO\x99r\xbdh\xe8\xde\xe5\xbf\xa22#\x0b\xe7f\xc79,\xba\x04\x8dQ\x97\xd7[\xb4{w,N\t\xed\x11\xba\x94WEE\xad=th\x8fj\xfd\x04\x00\x80\'\x9f|2**\xaa\x07\xf6aTKhzz\xfa\xcc\x993\xd5&gt;$\xa54??\xbf\xb1\xb1\x11#\xc3\xc2\x11\x16\x800\x13\xdc{\xdd\xbau\xab\xa6iB\x17\x163/Y8\x12\x84\xec\x99~\x1c\x95\x19\x19wul\xe1\xec,5 \x88Q\xba\xb1\xa6f{]\x1dN\t\xedn@\x88\x99\xf3\x93--\xab*+iG\xeb\xe7\xe4\xc9\x93\'N\x9c\xe8r\xb9\xbao\xf7\xff|\x9a\xa6\xb9\xdd\xee\x9c\x9c\x9c\xe4\xe4d\x15\x15\xd0\xd8\xd8\xa8\xce\xa2\xf0&amp; \xec`\x01\x08\'j\x85\xa5\xba/\x08!\x8c\x11!\xe1\xee\xdb\x07f\xfe Ivz\xec\xcf\xa5c\x9c\xc9&amp;\xdf\xcc\x9f\xa7\rNv\xeaR\xaa)\xa1\x85\xbbvq\xc6\xf0\xf2\xdf\xadt)\xe3\xac\xd6\xff\xda\xb7\xef\xb8\xc7\xc3;\xa6~\xe6\xe7\xe7w\xe1c_\xdf\x89R\xea\xf7\xfb\xfb\xf7\xef?\x7f\xfe|5%4\xd8\x8d\x86\x1bAa\x07\x0b@8Q\x99_\xcb\x96-\xab\xae\xae6\x994= \xe2\x9d\xd6\xa7\x1e\x19!\x9b\xfc\xb4K\xc6\xfe\\\x1a\xd5\x12\xaa\xd9L\xab\x1e\x1bE\x80H\x00\xce\xe8G\'O\xbez\xe4H\xbc\xd5\x8a\x99\x91\xddD\x8d\xfd9p\xe6\xccK\x07\x0f\xb2\x8e\xd6\xcf\x87\x1f~x\xd8\xb0a\xdd\xd4\xfay1\x9a\xa6\x9d;w\xee\xbe\xfb\xeeS\x99\x91*5l\xf6\xec\xd9x\x14\x1cv\xb0\x00\x84\ru\xf6[SSS\\\\\xcc\x18#\x04$@\xee}i\x89\x03\x9d\xe0\xd5{j\xf5\xdf\x8es*&lt;\xbe\t\x13\x93\'\x8cN\x12\x12\x18\xa3\x94\x90\xe2={N\xb7\xb6\x9a9\xc7k@wP\xe3\xb8\x9f\xdc\xb5\xcb\xe3\xf7\xab\xb1?\t\t\t999\xcd\xcd\xcd=\xb3\xf9\xf3\x95\x17\x03`2\x99\x1e}\xf4Q\xb5\r\xa5iZiii0\x8c\xa8\x87_\x0c\xbabX\x00\xc2\x86:\xfb}\xe2\x89\'&lt;\x1e\x8f\xa6q= \x06\';\xe7\xcd\x1a&amp;\x1b\xbd]3\xf5\xf32\xa9\xec\xf8U\xf9\xa3\xcd&amp;.$p\xc6Nx&lt;\xcf\xee\xdd\x1b\x877\x01\xdd@\xb5~~p\xfc\xf8;\xb5\xb5\xc1\xc4\xc7\x82\x82\x82k\xaf\xbd\xb6[[?/F\xb5\x84\xde~\xfb\xedw\xdcqG\xb0%T\xc5\x91\xe2}@\x18\xc1\x02\x10\x1e\xd4\xd9\xef\xb6m\xdb\xd6\xae]\xabi\\\x08\x1d\x08Y\xf5\xd8(s\xb4\xf9\xca\x12\x1f;\x8f1*\x9b\xfd\x83o\xee7\xff\x97\xe9R\x02e\x84Q\xfaRU\xd5\xbe\xd3\xa7cL&amp;&lt;\r\xeeZ\x9c\xd2\x16\xbf\xbfh\xf7nz^\xe2\xe3\xfd\xf7\xdf\x7f\xc5\x89\x8f]\xf0\x928onn.,,\x8c\x8b\x8b\x0b\x04\x02\x9a\xa6UWW/[\xb6\x0cO\x02\xc2\x08\x16\x80\xb0!\x84P\xc7}\x8cQ!`\xc2\xe8\xa4\t\x13\x93\x85\xe7\xca\x13\x1f;O\xb5\x84\xce} #\xb1\xafMH\xe0\x8cz\xfc\xfe\x15\xe5\xe5QX\x00\xba\x94.\xa5\xd3j}\xf5\xc8\x91\x83g\xcf2\xc6$\x00\xe7\xfc\xd1G\x1f5\x99L\xbd\xb8\xd6\xa6\x94\xb6\xb5\xb5\xa5\xa6\xa6\xce\x9a5K\xbd\x0c\xc6XIII}}=v\x04\x85\x0b,\x00a@\xa5\xf1\xad[\xb7n\xdb\xb6m\x9aI\xd3u\xa1ilU\xfeh\x10\xd0\xbb\x93\xd8TKh|\x92}\xe9\xdcl)\xdb3#\xff\xfa\xc9\'\xa5\xb5\xb5N\xab\x15\x07\x04u\t\x95\xf8\xf8\x99\xc7\xf3tY\x99\x1a\xc5,\x84\x982e\xca\xed\xb7\xdf\xde\xb5C\xff\xaf\x80\xda\x08\x9a7o^JJ\x8a\xba\thhh\xc8\xcb\xcb\xc3g\x02\xc2\x05\x16\x80P\xa7\xda\xec&lt;\x1e\xcf\x92%K\x18\xa3\x94\x80\x940\xf3\xce!\x833\x12ds\xcf\xb5~^\x0c\xd3\x98ty\xef\x9ar}\xe6\r}\x84\x94\x8cQ\x01\xb0\xac\xbc\\\x97\x12\xc7\x84v\t\x95\xf8\xf8\xdc\xfe\xfdgZ[U\xeb\xa7\xc3\xe1\xc8\xcb\xcbkmm\xed\xc9\xce\x9fo\xa4\x1e\x0c\x8e\x8d\x8d}\xec\xb1\xc7HG\x97\xda\xbau\xeb*++18&gt;,`\x01\x08u\xaa\xf9\xa7\xb8\xb8\xb8\xa6\xa6\x86s.t\x19\xe7\xb0\x14\xce\xcd\x86\xd6@\xaf\x9c\xfd^@\x1d\x05[\xa2\xcd%\x0bG\x00\x10I\x803\xb6\xe7\xe4\xc9\xff9t(&gt;*\nO\x83;I\x02\xc4\x98\xcd\x95\xa7N\xbdp\xe0\x80J|\x94R\xce\x9c93##\xa3\xb9\xb9\xb9\xd7\x0b\x00!D\xd34\x97\xcb5}\xfat\xd5\x12\xaa\xa6\x84\xe6\xe4\xe4\x08!\xf0&amp; \xf4\xf5\xfe\x17\x08}\x0b\xb5\xa4Rgk\x9cs\x00)\x01\ngg\xc6]\x1d+\xbb(\xf1\xb1\xf3Tf\xe4\xd8\xf1\x03\xa6LL\x16\x02\x18%\x94\xd0\xe2={&gt;\xf3xp@P\xe7qJ\x17\xef\xd8\xe1\x17B\xb5~\x0e\x180 \'\'\xa7\x07\xc6\xfe\\\x16]\xd7\x8b\x8a\x8a\xd4\x03\x01\x9a\xa6m\xdf\xbe}\xdd\xbau\xd8\x12\x1a\xfa\xb0\x00\x844\xb5\x86R\xddu\x9cS!d\xe6\r}f\xde\x97.=\xbePX\xfe\x07\xa9G\xc3\x8a\x17\x8et\xc4\x9a%\x00\xe7\xf4Lk\xebs\xfb\xf7\xc7\xe0\x80\xa0N\x10\x00v\x8b\xe5\x9d\xda\xda\xeduu\xc1\xd6\xcf\xc7\x1f\x7f&lt;11Qu[\xf6\xf6\x0bl\xa7\x06\x04\x8d\x1b7n\xc6\x8c\x19\xc1\xcc\xc8%K\x96\xb8\xddnl\t\rq!t\x11A\x17P\xad\x9f[\xb7n\r&gt;_\x03@J\x16\x8e\xd0\xa2\xb4\xdej\xfd\xbc\x18\xc6\xa8h\xf6\xa7\xa4\xf5\x9d3\xe3F!\x81P\xc2(}\xe1\xc0\x81}\xa7N\xe1\x80\xa0+\xa3N\xd4[\x03\x81\xc7w\xee$\xe7\xb5~\xde{\xef\xbd\xbd\xd8\xfay1*3\xb2\xa0\xa0\xc0\xe9t\xaa\x8d\xa0\x9a\x9a\x9a\x95+W\xaa#\xeb\xde~u\xe8\xa2\xb0\x00\x84(\xf5\xd8\x97\xcf\xe7\xcb\xcd\xcd\xa5\x94rF\x85\x80\xa9\xb7\xa5\x8c\x1d?@\xb8z\xb3\xf5\xf3b\xb8\xc6\xa4\xcb\x9b\xf3\xab\x9b\x06\x0e\xb0\xab\xe0x\xbf\x10O\x97\x951\xcc\x8a\xb9"BJ\xbb\xc5\xf2RU\xd51\x97K\xeb\x18\xfbSTT\xa4\x86\xef\xf7\xf6\xab\xbb\x90\xca\x8cLJJ\xca\xcb\xcbS\x03\x828\xe7+V\xacP\x07Wx\x1a\x1c\xb2\xb0\x00\x84(u\xf6\xbb~\xfd\xfa\x8a\x8a\n\xb5\xfc7\x9bx\xd1\xdcl"Ck\xed\x1fD)\x01\xbfp\xf4\x8b^&lt;k\x98\x9a\x12\xca)}\xfb\xd8\xb1\x0f\x8e\x1fwbf\xe4eR\xad\x9f_45-//\xa7\x84P\xc6\xa4\x94?\xfb\xd9\xcf\xc6\x8d\x1b\xd7\xc3c\x7f.\x9d\xa6i\x1e\x8f\xe7\xc1\x07\x1fLMMU7\x01n\xb7\xfb\x89\'\x9e\xc0g\x02BY(~\x93\x90Z\xfe766.\\\xb8\x901F)\x08\t\xf3\x7f\x99&gt;(\xbd\x9f\xe8\xc1\xa9\x9f\x97\x8bkL4\xb4M\xbbs\xe8\x98\xec\xfe\xba\x90\x8cSJH\xd1\xee\xddm\xba\x8e\x99\x91\x97E\xb5~&gt;]V\xe6\xf6\xf98\xe7\xba\x94qqq\x85\x85\x85MMM\xbd\xdb\xf8\xff\xedt]\xb7\xd9lK\x97.%\x84\xa8\x01Ak\xd7\xae\xdd\xbe}\xbb\xa6i\xb8\x11\x14\x9a\xb0\x00\x84"\xb5\xfc\xcf\xcf\xcf\xaf\xaf\xaf\xe7\x9c\t]$\xf6\xb1\xcd} C\xb6\xf8C\xea\xec\xf7\x1b\x00\xe1&amp;V\xf8\x9b,\xc6\xa8\x04`\x8c\x1d&lt;{\xf6\xc5\x03\x07\x1c\x16\x0b\x9e\x06_"5\xf5\xf3\x1fuu\xeb\x0e\x1fV\xad\x9f \xe5\xacY\xb3RSS{e\xec\xcf\xa5S\xab\xfeI\x93&amp;\x8d\x1f?^M\xa8\x16B\xe4\xe4\xe4\xf8|&gt;&lt;\r\x0eM\xa1}51$u\xf5WI{\x9c3\x00)\x81,\xcd\x1d\x1e\x9fd\x87\x90i\xfd\xbc\x18\xd5\x12:\xe6\xd6\xe4\xe9\x93\x07\t\x01\x8c\x11J\xe9\x8a\x8a\x8a\xcf\x9b\x9a\xb0%\xf4\xd2q\xc6\nw\xed\xd2\xa5T\xad\x9f\xa9\xa9\xa9\xf3\xe6\xcd\xeb\xf5\xe7~/\x91\x10\xe2\xe9\xa7\x9f6\x9b\xcd\xea&amp;\xa0\xb2\xb2r\xfd\xfa\xf58 (4a\x01\x089j\xffGems\xcet]\x8e\xc9\xee?}\xdaP\xd1\xd0\xd6\x03\x89\x8f\x9dG9\x83\x16\xff\xd2\x05#\xe2\x9dVu\x1a\xec\xf6\xf9\x9e.+\xb3\x99Lx\x13\xf0\x9dt\x00\xa7\xd5\xba\xfe\xf0\xe1\x8fT\xe2#!\x00\xb0t\xe9\xd2\x98\x98\x98\x9eL}\xb9b\xaa%4++\xeb\xe1\x87\x1f\x0e\xb6\x84.\\\xb8\xb0\xa1\xa1\x01o\x02BP\x18\\P\x0cE\xb5~\x96\x96\x96\x96\x96\x96r\xce\xa5\x90\x9c\xd1\xc2\xdfd1\x8d\x910\xf9\xed0Jd\x9b\x9e\x98\xe2\xcc\xbd/M5\x802J\xd7\x1d&gt;\xbc\xef\xf4\xe9\x18l\t\xfdV@\x88Fi\x93\xdf_R^N:\x12\x1f\xc7\x8f\x1f?i\xd2$\xb7\xdb\x1d\x16\xcb\x7f\xd2\xd1\x12\x9a\x93\x93\x93\x90\x90\xa0\xbe\xcf\xf5\xf5\xf5\xcb\x97/\xc7\x9b\x80\x10\x84\x05 \x84\xa8\xb5\x7fG\xb8\x12\xe1\x9c\xeaB\xde\xf3\xd3\xd41\xb7&amp;\x0b\x977\x04[?/\x86q&amp;\x1b\xbd\xf3fe\x0e\xba\xce\xa1\x0b\xc9\x19\xd5\xa5\\\xbcc\x07\x0f\xf9\x05l\xef\x12R\xc6Y\xad\xab**j\xddn\xd5\xfa\xa9iZqqqx\x9d\xa0\xaa\x96\xd0k\xaf\xbd\xb6\xa0\xa0@J\xa9ZB\x9fy\xe6\x99\xea\xeaj\xac\x01\xa1\x06\x0b@\x08Q\xbb\xff*^\x95s.t\xe1\x885\x17\xcc\xce\x82\xb6\x00\r\xd5\xce\x9fo\xa4\x1e\x0c6\xc7\x98\x8br\xb2\x08!\x92\x00\xa7t{]\xdd;\xb5\xb5\x0el\t\xbd\x08 $J\xd3j\\\xae?UU\xd1\x8e\xc4\xc7\x193fdff\x86l\xeb\xe7\xc5\xa8\xa4\xf8{\xef\xbd7##C\xdd\x04\xa8 k\xdc\x05\n5\xe1\xf4\xad\x8alj\xc3\xb4\xbe\xbe&gt;??\x9fRJ)\x11\x12\xe6\xccH\x1b\x98\x9e \x9a\x03!\xdb\xfay1\\\xa3\xc2\xed\x9d:u\xc8\xd8\xe1\xfd\x85\x00\xc6)!\xe4\xf1\x9d;\x9b\xfd~l\t\xfdFB\xcah\xb3\xb9h\xf7n\x97\xd7\xab1&amp;\xa5t:\x9d\x05\x05\x05---\xe1\xb2\xf9s&gt;!DLLLaa!\x00\xa8\x1a\xb0a\xc3\x06\xb5\xb1\x19^74\x91\r\x0b@\xa8Pc\x9f\xf3\xf2\xf2\x1a\x1b\x1bM&amp;\xae\xeb"\xe5\x1a{\xce\xafn\x16.oX\x9c\xfd~\x1d%\x04\x84,Y8R\xd3\x98\x90\xa01v\xcc\xe5ZUY\x19g\xb5\xe2i\xf0\x05T\xe2cim\xed\x1b\xd5\xd5j\xec\x8f\x942///)))\xc4[?/FE\x05\xdcv\xdbm\x93&amp;M\nfF\xaa\xd6\x06\xbc\x0f\x08\x1daye\x89&lt;j\xf3\xa7\xa2\xa2\xe2\x95W^Q\x8f\xce\x03\x90\xe2y\xc3\x1d\t6\xe2\x17a\xf8\xf3\'DeF6\xf93G\'\xcd\xbcs\x88\x94@)\xa1\x94\xfe\xa9\xaa\xaa\xc6\xe5\xc2\x96\xd0\x0bPBt)\x97\x95\x97K\x00\xc6\xb9\x942##\xe3\xa1\x87\x1e\n\xb5\xa9\x9f\x97E\x1dh\x15\x16\x16:\x1c\x0eu\x13\xa0\x9a\x9b\xf1$ t`\x01\x08\t\xea\xf8777\xd7\xe7\xf3qNu]\x8e\x1d\xde\x7f\xca\x94\xebEC\xb8.\xff\x15\x95\x19Y87;\xcea\xd1%h\x8c\xba\xbc\xde\xa2\xdd\xbbcqJ\xe8yt)\xaf\x8a\x8aZ{\xe8\xd0\x1e\xd5\xfa\t\x00\x00O&gt;\xf9dTTTX\xef\x96\xa8\x96\xd0\xf4\xf4\xf4\x993g\xaa\x1dNJi~~~cc#F\x86\x85\x880\xbe\xb8D\x8c\xe0\x0e\xe9\xd6\xad[5M\x13\xba\xb0\x98y\xc9\xc2\x91 d\x98\xae\xfd\x83Tfd\xdc\xd5\xb1\x85\xb3\xb3\xd4\x80 F\xe9\xc6\x9a\x9a\xeduu8%T\x01B\xcc\x9c\x9fliYUYI;Z?\'O\x9e&lt;q\xe2D\x97\xcb\x15\x8e\xbb\xff\xe7\xd34\xcd\xedv\xe7\xe4\xe4$\'\'\xab\xa8\x80\xc6\xc6Fu\xca\x857\x01\xa1\x00\x0b@/S\xeb \xd5#A\x08a\x8c\x08\tw\xdf&gt;0\xf3\x07I2\x84\xc7\xfe\\:\xc6\x99l\xf2\xcd\xfcy\xda\xe0d\xa7.\xa5\x9a\x12Z\xb8k\x17g\x0c/\xff\x84\x10]\xca8\xab\xf5\xbf\xf6\xed;\xee\xf1\xf0\x8e\xa9\x9f\xf9\xf9\xf9a\xf1\xd8\xd7w\xa2\x94\xfa\xfd\xfe\xfe\xfd\xfb\xcf\x9f?_M\t\r\xf6\xb9\xe1FP(\xc0\x02\xd0\xcbT\xe6\xd7\xb2e\xcb\xaa\xab\xabM&amp;M\x0f\x88x\xa7\xf5\xa9GF\xc8&amp;?\r\xf1\xb1?\x97F\xb5\x84j6\xd3\xaa\xc7F\x11 \x12\x803\xfa\xd1\xc9\x93\xaf\x1e9\x12o\xb5\x1a&lt;3R\x8d\xfd9p\xe6\xccK\x07\x0f\xb2\x8e\xd6\xcf\x87\x1f~x\xd8\xb0aa\xd7\xfay1\x9a\xa6\x9d;w\xee\xbe\xfb\xeeS\x99\x91*5l\xf6\xec\xd9x\x14\x1c\n"\xe1\x1b\x16\xbe\xd4\xd9oMMMqq1c\x8c\x10\x90\x00\xb9\xf7\xa5%\x0et\x82W\x0f\xff\xd5\x7f;\xce\xa9\xf0\xf8&amp;LL\x9e0:IH`\x8cRB\x8a\xf7\xec9\xdd\xdaj\xe6\xdc\xc8\xd7\x0054\xfb\xc9]\xbb&lt;~\xbf\x1a\xfb\x93\x90\x90\x90\x93\x93\xd3\xdc\xdc\x1c\xee\x9b?\xe7\x03\x00\x93\xc9\xf4\xe8\xa3\x8f\xaa\r.M\xd3JKK\x831G\xbd\xfd\xea\x0c\r\x0b@oRg\xbfO&lt;\xf1\x84\xc7\xe3\xd14\xae\x07\xc4\xe0d\xe7\xbcY\xc3d\xa37\xd4\xa7~^&amp;\x95\x1d\xbf*\x7f\xb4\xd9\xc4\x85\x04\xce\xd8\t\x8f\xe7\xd9\xbd{\xe3\x0c|\x13\xa0Z??8~\xfc\x9d\xda\xda`\xe2cAA\xc1\xb5\xd7^\x1b\xa6\xad\x9f\x17\xa3ZBo\xbf\xfd\xf6;\xee\xb8#\xd8\x12\xaa\x82N\xf1&gt;\xa0wE\xd4U&amp;\xbc\xa8\xb3\xdfm\xdb\xb6\xad]\xbbV\xd3\xb8\x10:\x10\xb2\xea\xb1Q\xe6hs\xa8%&gt;v\x1ecT6\xfb\x07\xdf\xdco\xfe/\xd3\xa5\x04\xca\x08\xa3\xf4\xa5\xaa\xaa}\xa7O\xc7\x98L\xc6&lt;\r\xe6\x94\xb6\xf8\xfdE\xbbw\xd3\xf3\x12\x1f\xef\xbf\xff\xfe\x10L|\xec&lt;\xceysssaaa\\\\\\ \x10\xd04\xad\xba\xbaz\xd9\xb2ex\x12\xd0\xbb\xb0\x00\xf4&amp;!\x84:\xeec\x8c\n\x01\x13F\'M\x98\x98,&lt;\xa1\x98\xf8\xd8y\xaa%t\xee\x03\x19\x89}mB\x02g\xd4\xe3\xf7\xaf(/\x8f2d\x01\xd0\xa5tZ\xad\xaf\x1e9r\xf0\xecY\xc6\x98\x04\xe0\x9c?\xfa\xe8\xa3&amp;\x93)"W\xc4\x94\xd2\xb6\xb6\xb6\xd4\xd4\xd4Y\xb3f\xa9\xbf c\xac\xa4\xa4\xa4\xbe\xbe\x1e;\x82z\x11\x16\x80\xde\xa12\xf3\xd6\xad[\xb7m\xdb6\xcd\xa4\xe9\xba\xd04\xb6*\x7f4\x08\x88\xc0k?!\xa4\xa3%4&gt;\xc9\xbetn\xb6\x94\xed\x99\x91\x7f\xfd\xe4\x93\xd2\xdaZ\xa7\xd5j\xa8\x01A*\xf1\xf13\x8f\xe7\xe9\xb2250Y\x081e\xca\x94\xdbo\xbf=\\\x86\xfe_\x01\xb5\x114o\xde\xbc\x94\x94\x14u\x13\xd0\xd0\xd0\x90\x97\x97\x87\xcf\x04\xf4",\x00\xbd@5\xc3y&lt;\x9e%K\x960F)\x01)a\xe6\x9dC\x06g$\xc8\xe6Hh\xfd\xbc\x18\xa61\xe9\xf2\xde5\xe5\xfa\xcc\x1b\xfa\x08)\x19\xa3\x02`Yy\xb9.e\xc4\xfe\x9d\xbf\x89J||n\xff\xfe3\xad\xad\xaa\xf5\xd3\xe1p\xe4\xe5\xe5\xb5\xb6\xb6FF\xe7\xcf7R\x0f\x06\xc7\xc6\xc6&gt;\xf6\xd8c\xa4\xa3\xffm\xdd\xbau\x95\x95\x95\x18\x1c\xdf["\xf6\xdb\x16\xcaT\xf3OqqqMM\r\xe7\\\xe82\xcea)\x9c\x9b\r\xad\x81\x08;\xfb\xbd\x80:\n\xb6D\x9bK\x16\x8e\x00 \x92\x00gl\xcf\xc9\x93\xffs\xe8P|T\x94AN\x83%@\x8c\xd9\\y\xea\xd4\x0b\x07\x0e\xa8\xc4G)\xe5\xcc\x993322\x9a\x9b\x9b#\xb8\x00\x10B4Ms\xb9\\\xd3\xa7OW-\xa1jJhNN\x8e\x10\x02o\x02zE$\x7f\xdbB\x93Z\xf8\xa8\x130\xce9\x80\x94\x00\x85\xb33\xe3\xae\x8e\x95!\x9f\xf8\xd8y*3r\xec\xf8\x01S&amp;&amp;\x0b\x01\x8c\x12Jh\xf1\x9e=\x9fy&lt;\xc6\x19\x10\xc4)]\xbcc\x87_\x08\xd5\xfa9`\xc0\x80\x9c\x9c\x9c\xb0\x1e\xfbsYt]/**R\x0f\x04h\x9a\xb6}\xfb\xf6u\xeb\xd6aKh\xaf\xc0\x02\xd0\xd3\xd4JG\xf5\xc0qN\x85\x90\x997\xf4\x99y_\xba\xf4\xf8"{\xf9\x1f\xa4\x1e\r+^8\xd2\x11k\x96\x00\x9c\xd33\xad\xad\xcf\xed\xdf\x1fc\x80\x01A\x02\xc0n\xb1\xbcS[\xbb\xbd\xae.\xd8\xfa\xf9\xf8\xe3\x8f\'&amp;&amp;\xaa\x9e\xc8\xde~\x81\xddN\r\x08\x1a7n\xdc\x8c\x193\x82\x99\x91K\x96,q\xbb\xdd\xd8\x12\xda\xf3\x0cq\xc5\t\x1d\xaa\xf5s\xeb\xd6\xad\xc1\xa7`\x00H\xc9\xc2\x11Z\x94\x16y\xad\x9f\x17\xc3\x18\x15\xcd\xfe\x94\xb4\xbesf\xdc($\x10J\x18\xa5/\x1c8\xb0\xef\xd4\xa9\xc8\x1e\x10\xa4\xce\xbd[\x03\x81\xc7w\xee$\xe7\xb5~\xde{\xef\xbd\x11\xd9\xfay1*3\xb2\xa0\xa0\xc0\xe9t\xaa\x8d\xa0\x9a\x9a\x9a\x95+W\xaa\xc3\xf0\xde~u\xc6\x82\x05\xa0\xe7\xa8\xc7\xbe|&gt;_nn.\xa5\x943*\x04L\xbd-e\xec\xf8\x01\xc2\x15\x99\xad\x9f\x17\xc35&amp;]\xde\x9c_\xdd4p\x80]\x05\xc7\xfb\x85x\xba\xac\x8cEtV\x8c\x90\xd2n\xb1\xbcTUu\xcc\xe5\xd2:\xc6\xfe\x14\x15\x15\xa9\x11\xf9\xbd\xfd\xeaz\x8e\xca\x8cLJJ\xca\xcb\xcbS\x03\x828\xe7+V\xacPGbx\x1a\xdc\x93\xb0\x00\xf4\x1cu\xf6\xbb~\xfd\xfa\x8a\x8a\n\xb5\xfc7\x9bx\xd1\xdcl"\x8d\xb2\xf6\x0f\xa2\x94\x80_8\xfaE/\x9e5LM\t\xe5\x94\xbe}\xec\xd8\x07\xc7\x8f;#43R\xb5~~\xd1\xd4\xb4\xbc\xbc\x9c\x12B\x19\x93R\xfe\xecg?\x1b7n\\\xc4\x8c\xfd\xb9t\x9a\xa6y&lt;\x9e\x07\x1f|055U\xdd\x04\xb8\xdd\xee\'\x9ex\x02\x9f\t\xe8a\xc6\xfa\xda\xf5"\xb5\xfcoll\\\xb8p!c\x8cR\x10\x12\xe6\xff2}Pz?\x11\x11S?/\x17\xd7\x98hh\x9bv\xe7\xd01\xd9\xfdu!\x19\xa7\x94\x90\xa2\xdd\xbb\xdbt="3#U\xeb\xe7\xd3een\x9f\x8fs\xaeK\x19\x17\x17WXX\xd8\xd4\xd4\xd4\x93\x8d\xffj\xc5-\xa5\x14\xe7Q\xd1\xed=\xf6\x1a\x14]\xd7m6\xdb\xd2\xa5K\t!j@\xd0\xda\xb5k\xb7o\xdf\xaei\x1an\x04\xf5\x18,\x00=D-\xff\xf3\xf3\xf3\xeb\xeb\xeb9gB\x17\x89}ls\x1f\xc8\x90-~\x83\x9c\xfd~\x03 \xdc\xc4\n\x7f\x93\xc5\x18\x95\x00\x8c\xb1\x83g\xcf\xbex\xe0\x80\xc3b\x89\xb0\xd3`5\xf5\xf3\x1fuu\xeb\x0e\x1fV\xad\x9f \xe5\xacY\xb3RSS{f\xec\x8f\n\xe6Usx,\x16Kll\xac\xd3\xe9\x8c\x8b\x8b\x8b\x8b\x8bs8\x1c6\x9bM\xdd\x92\xf6\xe4\x95W\xad\xfa\'M\x9a4~\xfcx5\xfbZ\x08\x91\x93\x93\xe3\xf3\xf9\xf04\xb8\xc7\xe0\x1b\xdd\x13T\xb7\xc3?\xff\xf9\xcf\xb4\xb44\x00I)\xd1u\xb9\xe6\xa9q3\xeeO\x17g[\xc3:\xf3\xab\x93\x84.y\x1f\xdb}\x0f\xbe\xfb\xf2\x1b\xff4iL\x17`7\x9bw\xdc}\xb7\xd3j\rD\xd0\xd3a\x12\xc0n\xb1\xdc\xfe\xfa\xeb\x1f\x9d&lt;i\xe2\\\x97r\xe0\xc0\x81eeej=\xde\xad\x05@\xad\xee-\x16Ktt4\x00\xb8\\\xae\xfa\xfa\xfa\x93\'O\xba\xdd\xee\xb6\xb66\xceyLLL\xff\xfe\xfd\xaf\xb9\xe6\x9a&gt;}\xfa\x08!\x9a\x9a\x9aTtW\xf7\xbd\xa4\xf3_[tttUU\xd5\xe8\xd1\xa3u]g\x8c\xe9\xba\xbef\xcd\x9a\x193f\xa8v\x89\x1ex\r\x06\x87\x05\xa0\'\xa8o\xf3\xc4\x89\x13KKK\xcdf\xcd\xef\xd7\xc7d\xf7\xdf\xf2\xda\xbfCk\x80\x1bo\xf3\xe7|\x12\x085\xb3S\xa7[o\xb8\xed\x7f]n\x1fcT\x17\xf2\xe77\xdc\xb0\xf2\x87?lhk\xd3"bg\\\x07\x88\xb7Z\xd7\x1d:\xf4\xeb\x0f&gt;\xe0\x8c\x11J\x85\x10\xaf\xbd\xf6\xda\xe4\xc9\x93{ \xf3\xcbf\xb3\x99L\xa6O?\xfdt\xf3\xe6\xcd\x1f|\xf0Aeee]]]kk\xeb\xf9\xff7&amp;\x93)))I\xf5#\xfd\xf0\x87?\xf4\xf9|~\xbf\xbfg\x8e%t]\xef\xdb\xb7\xef\xdc\xb9sW\xacXa2\x99\xd4@\xec\x8f?\xfe\xd8\xe9t\xf6X\x1d22,\x00\xddN]\xfdKKK\'N\x9c\xc89\xa7\x04\x00`\xf3\x9f\xffu\xcc\xf8\x01\xc2m\xac\xe6\x9fo$t\xc9\xfb\xda~\xfb\xdb\x9d\x8bV\x96k\x9cI\t\x8c\xd2\xd2\xa9S\x87^uUk \xc0\xc2\xfc\x12\x00\x84PB(\xa5\xe3\xd6\xaf\xafu\xbbM\x9a\x16\xd0\xf5\xf1\xe3\xc7o\xda\xb4\xc9\xe3\xf1t\xebEV\xdd[TUU\xfd\xf7\x7f\xff\xf7[o\xbdu\xf6\xec\xd9\xe0\x7f\xc5\x18\x0b\xfe\xd1R\xca\xf3\xcf]\xa7N\x9dZRR\xd2\xa7O\x9f\x96\x96\x96\x1eX\x83\xab\xa8\x80\xc6\xc6\xc6\xec\xec\xec\xb3g\xcfr\xce\x03\x81\xc0\xa2E\x8b\x9e|\xf2I\xbc\t\xe8\x01X\x00\xbaW\xf0\xcc---\xed\x9f\xff&lt;j2i~\xbf\xfe\xf3\xc9\x83^~\xfe\xc7\x06\xdf\xfc\t\x02 @\x89Ni\xda\x84\xf5\xd5\x9f\xbaM\x9c\x05\x84\xbc%)\xe9\xff&amp;On\xf2\xfb\xc3\xbd\x00\xe8R\xf6\xb5\xd9\x9e\xd8\xb9\xb3\xa4\xbc\\cL\x12\xc2\x18\xdb\xb9s\xe7\x8d7\xde\xd8\xd2\xd2\xd2}\x05@J\x19\x13\x13\xb3k\xd7\xae\xf1\xe3\xc7\xab\xff\x84s\xae\xae\xa7_\xdf\xeb\xd74M]\x07\xd4wu\xe8\xd0\xa1o\xbd\xf5V\xdf\xbe}}&gt;_\x0f\xdc\x07\xa8\x9b\x80?\xfe\xf1\x8f\xbf\xfe\xf5\xaf\xd5+\xe1\x9cWUU\xa5\xa6\xa6\xaa\xa9Y\xdd\xfd\x02\x8c\x0c\xdf\xdc\xee\xa5\xce~U\x08*\xe7\\\xe8\xc2\x11k.\x98\x9d\x05m\x01j\xec\xcd\x9f \xf5`\xb09\xc6\\\x94\x93E\x08\x91\x048\xa5\xdb\xeb\xea\xde\xa9\xadu\x84yK(\x10\x12\xa5i5.\xd7\x9f\xaa\xaahG\xe2\xe3\x8c\x193233\xbb\xbb\xf5\x93R\xda\xda\xda\x9a\x91\x91\x91\x9e\x9en2\x99,\x16\x8b\x94\xd2\xef\xf7\xfb\xfd~!\x84\xd5j\xbd\xea\xaa\xab\xfa\xf7\xef\x7f\xd5UW\xa9\x9dw5\x8dGJi2\x99\x0e\x1d:\xf4\xf3\x9f\xff\\\xfdC\xba\xef\x15\x06\xa9\xa4\xf8{\xef\xbd7##C\xad\xfaUD6\x1e\x05\xf7\x00|\x8b\xbb\x91\xba\xb3&gt;}\xfa\xf4\xd0\xa1C].\x97\xa6\xb1@@&lt;\xfe\xeba\x8b\x17\xdf\xa2\x9fj\xd1LX}\xbf$$p\xbbe\xdc\xbf\xbf\xbeu\xcfI\x93\xc6\x02\xbaLq:\xb7\xdcq\x07t\xec\xa2\x84#]\xca&gt;6\xdb/\xdf}\xf7\xf5\x7f\xfe\xd3\xc4\xb9\x00\xb0\xdb\xed\xfb\xf7\xefW\xa1(\xdd}yU+\xeb\xe7\x9f\x7f~\xe6\xcc\x99\xea?\xb9\xf9\xe6\x9bo\xbb\xed\xb6\x91#G\x0e\x180\xc0\xe9tr\xceu]?u\xea\xd4\xae]\xbb\xfe\xf8\xc7?VWW\xabx\x16\x93\xc9\x14\x08\x04\x9e{\xee\xb9\x07\x1ex\xa0\xa1\xa1\xa1\x07\xf6a\x84\x10qqqo\xbf\xfd\xf6\xa4I\x93\x82\xb7)\x9b6m\x9a0a\x02n\x04u+,\x00\xddH}w\x7f\xf1\x8b_\xacY\xb3\xc6l\xd6\x02\x01=9\xc9^\xf9\xf7\xa91Q\x1a3\xcc\xe0\x87K$%\xd0hSey\xfd\x88;\xde\x94\x12\x18\xa1\xba\x94\xb9YY\x05\xa3F\x9dim\r\xc7\xd3`\x01\xe0\xb0X6\x1f?~\xd7[oQB\x08cB\x88\xe2\xe2\xe2y\xf3\xe6\xf5\xcc\xe0\x07\xb5\x97\xe2\xf5zo\xbd\xf5\xd6\xeb\xaf\xbf\xfe\xc1\x07\x1f\xcc\xce\xce\x8e\x8d\x8d\r\x04\x02\x81@@-\xf9)\xa5\x9a\xa6EEE\x9d={\xf6\xee\xbb\xef~\xff\xfd\xf7U^\xa3\x94r\xc4\x88\x11\x1f|\xf0A\x8fM\xa8\x16B8\x1c\x8e)S\xa6\xfc\xedo\x7f3\x99L\xba\xae\xff\xcb\xbf\xfcKUU\x95z=x\x1a\xdcM\xb0\x00t\x17\xd5\xfaYYY\xa9Z\xdc(\x05]\x97\x1b~\xf7\xffM\xb9s\x888\xd7\x86\xbb\xff_\xa7ZB\x7f=\xf7\x83?\xae\xfd\xd8\xc4\x99.\xc1a\xb1l\xbe\xe3\x8e\x04\x9b-\x1c[B%\x80\xcdd\x9a\xf4\xc6\x1b{N\x9e4i\x9a.Dzz\xfa\xf6\xed\xdbu]\xef\xb1\xd7\xa0\xf6\xd0[[[\xfb\xf4\xe9C)mjjR\x1d\xf7\xe7_R\x01@\xd7u\x87\xc3\xf1\xc5\x17_dgg766\xaa\x02\x10\x1d\x1d]^^\x9e\x94\x94\xd43S\xea\xa4\x946\x9b\xad\xba\xbaz\xcc\x981j\x7fL\xd7\xf5?\xfc\xe1\x0f\x0f?\xfc0\xde\x04t\x1f\xbc\x0cu\x17\xb5\xbc\xca\xcd\xcd\xf5\xf9|\x9cS]\x97c\x87\xf7\x9f2\xe5z\xd1\xe0\xc5\xab\xff7R\x99\x91\x85s\xb3\xe3\x1c\x16]\x82\xc6\xa8\xcb\xeb-\xda\xbd;6\x0c\xa7\x84\xeaR^\x15\x15\xb5\xf6\xd0\xa1=\'Or\xc6$\x00\x00&lt;\xf9\xe4\x93QQQ=\xf9\xb0U\xf0R\xde\xd4\xd4\xa4\xc6mj\x9a\xc69\x0f.\xab\xd50N\xb3\xd9\xec\xf1x\xae\xbb\xee\xba\xf1\xe3\xc7\xab\x9aA)mii\xf9\xfc\xf3\xcf\xcdfs\xcf\xac\x11\xd5\x94\xd0\xf4\xf4\xf4\x993g\xaa\xc5\x13\xa54??\xbf\xb1\xb1\x11#\xc3\xba\x0f^\x89\xba\x85Z\xb3l\xd8\xb0a\xeb\xd6\xad\x9a\xa6\t]X\xcc\xbcd\xe1H\x10\x12\xefe/FeF\xc6]\x1d[8;K\r\x08b\x94n\xac\xa9\xd9^W\x17^SB\x81\x103\xe7\'[ZVUVRB\xd4\x90\xcb\xc9\x93\'O\x9c8\xb1\x07\x1a\xff/\xa0\x9e\xb0e\x8c}\xfb\x9f\xab.\xb8\x03\x06\x0c\x08\xfe[BH[[[O\x9e\xc4j\x9a\xe6v\xbbsrr\x92\x93\x93UT@ccc~~&gt;\x0e\x08\xea&gt;X\x00\xba\x9e\xfa\xc1\xa8N\x06B\x08cDH\xb8\xfb\xf6\x81\x99?H\x92\x86\x1c\xfbs\xe9\x18g\xb2\xc97\xf3\xe7i\x83\x93\x9d\xba\x94jJh\xe1\xae]\x9c\xb1\xb0\xb9\xfc\x13\xa2K\x19g\xb5\xfe\xd7\xbe}\xc7=\x1e\xde1\xf53??_m\xbf\xf4\xfc\xeb\xb9\xf4?\xd4\xef\xf7\xab\xffE}\x87{8\xa1\x9eR\xea\xf7\xfb\xfb\xf7\xef?\x7f\xfe|\xd5?\x1d\xec\xa0S\xa7\xd3=\xf6J\x8c\x03\x0b@\xd7S\x99_\xcb\x96-\xab\xae\xae6\x994= \xe2\x9d\xd6\xa7\x1e\x19!\x9b\xfc\xd4\xb0c\x7f.\x8dj\t\xd5l\xa6U\x8f\x8d"@$\x00g\xf4\xa3\x93\'_=r$\xdej\r\x8b\xccH5\xf6\xe7\xc0\x993/\x1d&lt;\xc8:Z?\x1f~\xf8\xe1a\xc3\x86\x85\xf2\xd4O\x15\xd8{\xf4\xe8Q\xf5o\xd5\xf3Y}\xfb\xf6\xed\xe1Q\xd5\x9a\xa6\x9d;w\xee\xbe\xfb\xeeS\x99\x91*5l\xf6\xec\xd9\xd8\x12\xdaMB\xf4\xeb\x18\xbeT\xe3\x7fMMMqq1c\x8c\x10\x90\x00\xb9\xf7\xa5%\x0et\x82W\xc7\xd5\xffw\xe2\x9c\n\x8fo\xc2\xc4\xe4\t\xa3\x93\x84\x04\xc6(%\xa4x\xcf\x9e\xd3\xad\xadf\xceC\xff\x1a\xa0F[?\xb9k\x97\xc7\xefW\x89\x8f\t\t\t999\xcd\xcd\xcd!{\x92)\x84\x88\x8e\x8e&gt;|\xf8\xf0\x8e\x1d;\xd4\xa5Vm\x07]w\xddu=6\x13"H\xd5\x9eG\x1f}Tm\x9di\x9aVZZ\x1a\x0cP\xea\xc9Wb\x04X\x00\xba\x98\xfa\xf1&lt;\xf1\xc4\x13\x1e\x8fG\xd3\xb8\x1e\x10\x83\x93\x9d\xf3f\r\x93\x8d^\xe3N\xfd\xbcL*;~U\xfeh\xb3\x89\x0b\t\x9c\xb1\x13\x1e\xcf\xb3{\xf7\xc6\x85\xfcM\x80\x00pZ\xad\x1f\x1c?\xfeNmm0\xf1\xb1\xa0\xa0\xe0\xdak\xaf\xed\x99\xa9\x9fW@\xdd\xb0j\x9a\xf6\xc8#\x8f\xa8\xa6OU\x03\xfe\xed\xdf\xfe-&gt;&gt;&gt;\x10\x08\xf4\xf0\xeb\xe1\x9c766\xde~\xfb\xedw\xdcq\x87:\xbd\xa0\x94\xaa\x08U\xbc\x0f\xe8rxI\xeaJ\xea\xecw\xdb\xb6mk\xd7\xae\xd54.\x84\x0e\x84\xaczl\x949\xdal\x9c\xc4\xc7\xcec\x8c\xcaf\xff\xe0\x9b\xfb\xcd\xffe\xba\x94@\x19a\x94\xbeTU\xb5\xef\xf4\xe9\x18\x93)\x94O\x839\xa5-~\x7f\xd1\xee\xdd\xf4\xbc\xc4\xc7\xfb\xef\xbf?d\x13\x1f\xd57666\xf6\xc1\x07\x1f\xdc\xb4i\x93\xea\xb7\x11B\xf4\xed\xdb\xf7\xe1\x87\x1f\xee\xe1\xac\x82 \xceysssaa\xa1zbN\xd3\xb4\xea\xea\xeae\xcb\x96\xe1I@\x97\xc3\x02\xd0\xc5\x84\x10\xea\xb8\x8f1*\x04L\x18\x9d4ab\xb2\xf0\xe0\xd0\xb7\xcb\xa3ZB\xe7&gt;\x90\x91\xd8\xd7&amp;$pF=~\xff\x8a\xf2\xf2\xa8\x10.\x00\xba\x94N\xab\xf5\xd5#G\x0e\x9e=\xcb\x18\x93\x00\x9c\xf3G\x1f}\xb4\x87\x8fR</t>
        </is>
      </c>
    </row>
    <row r="204">
      <c r="A204" s="1" t="n">
        <v>202</v>
      </c>
      <c r="B204" t="inlineStr">
        <is>
          <t>shape_size_grid</t>
        </is>
      </c>
      <c r="C204" t="inlineStr">
        <is>
          <t>What is the size of the missing part denoted by a question mark?</t>
        </is>
      </c>
      <c r="D204" t="inlineStr">
        <is>
          <t>['medium', 'small', 'large']</t>
        </is>
      </c>
      <c r="E204" t="inlineStr">
        <is>
          <t>medium</t>
        </is>
      </c>
      <c r="F204" t="inlineStr">
        <is>
          <t>There are 9 shapes arranged in a grid with different sizes in the image, of which there is 1 missing shape. The first row is ['large pentagon', 'large square', 'large hexagon'], the second row is ['medium pentagon', '?', 'medium hexagon'], and the third row is ['small pentagon', 'small square', 'small hexagon'].</t>
        </is>
      </c>
      <c r="G204" t="inlineStr">
        <is>
          <t>We observe that the rows contain large shapes, medium shapes, and small shapes respectively. On the other hand, the columns contain pentagons, squares, and hexagons respectively. Hence, the pattern is that the shapes within each column are the same, while each row progresses the size of the shapes.</t>
        </is>
      </c>
      <c r="H204" t="inlineStr">
        <is>
          <t>Based on the pattern that the shapes within each column are the same, while each row progresses the size of the shapes, the size of the missing square should be medium.</t>
        </is>
      </c>
      <c r="I204" t="inlineStr">
        <is>
          <t>b'\x89PNG\r\n\x1a\n\x00\x00\x00\rIHDR\x00\x00\x02\x00\x00\x00\x02\x00\x08\x02\x00\x00\x00{\x1aC\xad\x00\x00h\xecIDATx\x9c\xed\xddyxTE\xf67\xf0\xbaKw\xd6\xce\xc6\x16\xd4Qv\xc6\x11T\x12\x97\x81 \x04FI\x1c^`\x90\x04pa\xd1Q\x19Q1\x08\x08\xfc\x00\t\x86U\xb6\x08.\x83\xa2,*\x83\x01EE\x94\x80\x845 *\x19\x87E\x05\x0c\x9b\x0b\x10\xb2u\xbaC }\xab\xee\xfb\xc7!\xd76\x10\x96\xa4\x93N\xf7\xfd~\x9ey|$\x83\xe9\xdb\xb7o\xd7\xa9:u\xaaJ\xd2u\x9d\x01\x00\x80\xf9\xc8\xde\xbe\x00\x00\x00\xf0\x0e\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00\x000)\x04\x00\x00\x00\x93B\x00\xf0&amp;\xce9\xe7\xdc\xdbW\x01\x00&amp;\xa5z\xfb\x02LJ\xd7u!\x84\xa2(\xf4\xef\x8c1I\x92\xbc}Q\x00`.\x18\x01x\x81\x10B\x92$EQ&gt;\xf9\xe4\x93W^yE\x92$I\x920\x14\x00\x80:\x86\x00P\xd78\xe7\xb2,k\x9a6r\xe4\xc8\x7f\xfc\xe3\x1f)))\x03\x07\x0e\xfc\xed\xb7\xdf\x14E\xd14\x8dF\x03\x00\x00u@B\x8bSg\x8c\xb4\xcf\xa1C\x87\x1e{\xec\xb1\xec\xeclY\x96)\x184m\xdat\xc9\x92%\t\t\t\x8c1!\x84,#0\x03@\xadCCSG8\xe7\x94\xf6Y\xbcx\xf1]w\xdd\x95\x9d\x9d\xad\xaa\xaa\x10B\xd34UUO\x9e&lt;\x99\x98\x98\x98\x9a\x9a\xaai\x1a\x85\x04o_/\x00\xf8?\x8c\x00\xea\x02\xb5\xf2v\xbb}\xf4\xe8\xd1\x8b\x17/f\x8c)\x8a\xc29W\x14\x85I\x8cs.K2cL\x08\x11\x17\x17\xb7d\xc9\x92\xd6\xad[S\xa6\x083\xc3\x00P{\x10\x00j\x97\x10\x821&amp;\xcbrvv\xf6c\x8f=v\xe8\xd0!EQ\xe8\x87\xac\xa2\xfe\x87\xfe\x82\x10BUUM\xd3\x1a4h\xf0\xea\xab\xaf\x0e\x1c8\x901v!H\x00\x00\xd4\x02\xa4\x80j\x11\xe5sdY\x9e2eJ||&lt;\xb5\xfe\x9csI\x96t]\xd7u\xfd\x81\x81}\x9e\x1b\xfb\x0c\xb5\xfe\x8a\xaah\x9a\xa6(JAA\xc1\x83\x0f&gt;\xf8\xc4\x13O8\x1c\x0e\x9a\x19\xf6\xf6\xfb\x00\x00\xff\x84\x11@\xad\xd0u\x9dsN\xc9\xfdG\x1f}433\x93Ut\xf3\x15U\xe1\x1a\x0f\t\t\x9e4s\xc2\x90\'\x1fVUu\xcb\x97\xdbF\xffk\xdc\xf1\xa3\'\x14E\x16B\xa7\xbf\xc99\x8f\x89\x89y\xfd\xf5\xd7\xef\xbe\xfbnc\x18\xe1\xe5w\x05fb\x8cS\xfd\x00\xbe;UA\x00\xf0&lt;*\xf3\x97$)###%%\xe5\xe4\xc9\x93\x94\xdb\xa1\x1f\n!n\x8bi?\xfd\x95\xb4;:\xc6\x14\xe4\x15\n]DFE\xe4\x9d&gt;3\xe9\xf9)\x9f}\xf49cLVd\xc1\x05\x8d\x15TU\x9d={vJJ\nC:\x08\xea\x90\xae\xeb\xfe4\xff\xe4go\xc7\x83\x10\x00&lt;\x8c\x9aiM\xd3\xc6\x8c\x19\x93\x9e\x9e\xce\xdc\xe6{i\xa9\xd7\xa3O\r\x9e8m\xbc\xc5\xa2:\x1cNUU\x19c\\\xe3\xd6\x00k\x88-d\xd9\xa2w\xd3\xc6M/-=K\xa3\x04Y\x96)S\xd4\xbf\x7f\xff\xf4\xf4\xf4\xa6M\x9bR\x8e\x08\x8f2\xd4**DNMM\xdd\xb6m\x9b\xf1\xdc\xfa"\xba\xf8.]\xba\xa4\xa6\xa6\xa2\xba\xfa\x92\x10\x00&lt;\xc6(\xf3\xcf\xc9\xc9\x19&gt;|\xf8\xee\xdd\xbb\xe9\x81\xa3\x1fr\xce\x1b5n8\xfb\x8d\x19\x89\xbdz\xd8\x8bK*u\xe7u\xa1\x0b!\x1a4\x8e\xfavW\xce\xff=7\xe9\x7f9\xfbdE\xd6\x85\xae\xeb:\x8d\x1e\xb0P\x00\xea\x06\x8d_\x0f\x1d:\xf4\xe7?\xff\xd9\xdb\xd7\xe21?\xfe\xf8c\x9b6mt]\xc7\x17\xa7\x12\x04\x00\xcf0\x1a\xf4\xc5\x8b\x17?\xff\xfc\xf3\x0e\x87\x83\x1an\xa3\x17\xdf\xb9[\xdc\xdc7f\xfe\xa9\xd9\x9f\x8a\n\x8b\xaa\xea\xc5k\x9af\xb3\x85\xba\\\xae\xa9\x13f.yc9\xab\xe8\xc2\xd0\xafb\x8cM\x9e&lt;y\xe2\xc4\x89\xf4G\x1a=\x00x\x16=\xc9\t\t\t\x1b6l\xb0Z\xad\xbe\xdb\xfd\'\x8a\xa2\x94\x97\x97\xf7\xe8\xd1#33\x13I\xd4\x8b!\x00x\x005\xc7\x05\x05\x05\xcf&lt;\xf3\xcc\xca\x95+\xd9\x1f\xd3&gt;\x8a\xa2\x8c\x7fi\xcc\x93\xcf=\xae\xb9\xb4\xb2\xb2\xb2\xcb7\xdc\xf4\xf7#"\xc33\xde\xfb\xf0\xa5\xb1\xd3\xce\xe4\xe5\x1b\x81\x84a\xa1\x00\xd42z\xfc6l\xd8\x90\x90\x90p!\xf9#1Y\x96\x99/6\x12\x12\x13B0\xfd\xc2\x97133\xb3G\x8f\x1e\x88\x01\x95 \x00\xd4\x88Q\x9f\x93\x99\x999b\xc4\x08\xf72\x7f\xaa\xe4i\xd6\xe2\xa6\xd9o\xcc\xec\xf2\xb7\xce\x85\xf9\x85\xec\xea\xaa\x11\xa8\x82(\xaaa\xd4\x89#\'F=5n\xc7\xe6lc\xf6\x18\x0b\x05\xa0\xf6\xd0PU\xd3\xb4[o\xbd\xf5\xd0\xa1C\xf4\xc8y\xfb\xa2&lt;\x80F\xe1m\xda\xb4\xd9\xbbw\xaf\xaa\xaa\xf4m\xf2\xf6E\xd5\x17\x08\x00\xd5g\xe4a\xa6L\x99\x92\x9a\x9a\xca\x18\xbb\xd0[Wd\xc1\x05cl\xc0\xa0\xa4\x17gM\x08\x0b\x0f+\xb1\x97\\k\xc6F\xd3\xb4\xa0\xe0 E\x91\xe7M]\xf0\xea\x9c78\xe743lL\xca=\xfe\xf8\xe3\xf3\xe6\xcd\xb3\xd9lH\x07\x81GPgb\xfa\xf4\xe9\x13&amp;LPU\xf5\xc2\xe6%\xaa2k\xe1\xb4\xe8\xeb\x9a\x94\x97\xbb|\xa5\xdd\xd4u\xddj\xb5\x9c\xfa\xed\xf4\xd8g\'p\x8d\xeb\xbaNu\x19\xd3\xa6M\xfb\xbf\xff\xfb?\xf4\x99\xdc!\x00T\x87Q\xe6\x7f\xf8\xf0\xe1g\x9f}633\xd3H\xd1P\x0c\x08\x8f\x08O\x9b7\xb9\xdf\x83\xff(;{\xae\xbc\xbc\xbcz\x0f\x1c\xf5\xbf\x1a4j\xb0\xf5\xcb\xed\xa3\xff5\x16\x0b\x05\xa0\xf6\xd0#\x94\x97\x97w\xcb-\xb7\x14\x17\x17\xd3|)\xe7|\xd8s\x8f\xcfN\x9fQ\\Z\xec[\x8d&amp;\xe7&lt;"$bL\xca\xf8E\xaf,\xa6A\xb9$I\x11\x11\x11\x07\x0e\x1ch\xdc\xb81\xc3\x97\xa5\x02\x02\xc053z\x10\x19\x19\x19\xc3\x87\x0f/((\xa8T\xe6\x1fsW\x87\xb9\xff\x9eus\xfb?\x17\xe6\x17\xd6&lt;M\xaf\xb9\xb4\x88\xa8p,\x14\x80ZE\x0f\xcf\xa3\x8f&gt;\xbat\xe9REQ(\x1dtc\xb3?}\xb6}M@@\x80\xcb\xe53\xdd\x7f\xa2\xeb\xba\xc5b9\x7f\xfe\xfc\xff\xbb\xa7\xef\x89c?\x1bGn\x0c\x1d:t\xc9\x92%\xf8\xa6\x18\x10\x00\xae\r\xe5[\x1c\x0e\xc7\x84\t\x13\x16.\\\xc8.*\xf3\x1f\xf1\xc2\xd3#\xc6\x0e\xb7X\xad\xce\x12\xa7j\xf1Lf\xc6\x9f\x16\nP\xb1\xac\xb7\xaf\xa2\x9e\xf2\xd6\xac&gt;u\x90srr\xe2\xe2\xe2\\.\x97Q\xb8&lt;k\xe1\xb4\xa1O\r\xce\xcf\xcb\xf7\xc5\x1c\xa3\xa6i\r\x1b7\\\xfa\xc6\xf2\xb1\xcfN\xa0\xb7#\xcb\xb2\xc5b\xc9\xce\xce\x8e\x89\x89AI(A\x00\xb8ZF\x9ae\xf7\xee\xdd\xc3\x87\x0f\xcf\xc9\xc9\xa1\xa1%e\x18\x8d2\xff\xbf\xf7I,*,\x16\\\xc8\x8a\'\x1f/,\x14\x80\xdaC=\x98\xf8\xf8\xf8\xad[\xb7R\xd7\x98s~g\xc7\xd8U\x99\xff);[\xe6\xbb\xcf\x92\x10"(8(9\xe1\xc1ov\xed1\xdeW\xd7\xae]\xb7l\xd9\x82A\x00A\x00\xb8*\xc6\xe3\x92\x9e\x9e&gt;f\xcc\x18\x1a\x07\xb8\x97\xf9\xdf\xdf\'a\xca\xecI7\xdcx}Qaq\xed\xf5\xc1}z\xa1\x00-\xc7/**\xfa\xee\xbb\xef\xbc}-\xf5\xd4\xed\xb7\xdf\x1e\x19\x19Y\xc7\xfb\x16\xd0\xb3\xbdj\xd5\xaa\xfe\xfd\xfb\x1b\xc3Y\x9d\xe9\xcb?z\xa7[\x8f.\xf6\xe2\x12\xdfm(9\xe7\xe1\x11a\x9b7l\x1b\xfc\xc0c\x12\x93\x8c\x91zFFFrr2b\x00C\x00\xb8"\xf7m\xddRRR222\x8c\\\xbf\x91\x87\xf9\xbf\xb4\x17\xfe5\xf2\xc9\xf2\xf2\xf2\xb2\xb3W(\xf3\xaf9\xdf](@W\xfe\xe5\x97_\xdew\xdf}\xde\xbe\x96zj\xe3\xc6\x8d\xf7\xde{o]6L\x94\x91\xe3\x9c\xb7k\xd7\xee\xf0\xe1\xc3\xf4\xc0p\xce\xfb$\xf7zs\xc5k\xf9g\n\xea[7\xe2Zi\x9a\xd6\xb0Q\x83\'\x1fz\xfa\x93UkinC\x08\xd1\xbau\xeb\xfd\xfb\xf7+\x8aR\xaf\xbe ^\xe1\xab\x83\xbb\xbaA\xb9QUU333ccc322TU\xa5.\xbf\xa2(\\\xe3\x7fi\x7f\xf3\x9aM\x19\xcf\x8cy\xcaQ\xe28\x7f\xee|\x1d|[\xe8!\xce?S\x90\xf4\xf0\x03\x9fm[\xd3\xb9[\x1c\xcd?\xb3\x8a\x1a\xa4\xec\xec\xec\x8e\x1d;\xae\\\xb9\x92\x06"\xf5m%\xa7\xaa\xaa\xb2,\xd3?\xc1`\xdc\x96:\xfe8(\xdd?g\xce\x9c\xc3\x87\x0f\x1b\xcf\xb6-\xcc6b\xec\xd3&gt;\x9d\xfc1\xc8\xb2\\v\xb6l\xc4\xd8\xa7ma6zwT\xbc7g\xce\x1c\xf7\x939L\xcb\xe7?\xe0\xdac\x9c\xde\x9e\x9a\x9a\x9a\x98\x98hl\xeaIM0\xe7|\xc8\x93\x8f\xac\xca\\\x11{wLA~!}\x8d\xeb\xe6\xc2(&amp;\x15\xe6\x176\x8an\xf4\xfe\xa7K|\xebD\x01\xea\x82\x19(\xddaZ\x17\xdf\x8d\xba\xfc,h\xae(77w\xd6\xacY\xb2,\xd3\xc8C\x081\xe4\xc9Gn\x8di\xeft\x96\xfaG\x00p:Ko\x8di?\xe4\xc9G\x8c\xc9mY\x96g\xcd\x9a\x95\x9b\x9bK_\x1co_\xa37!\x05t\t\x97&lt;\xbd\x9d\xfd\xb1\xcc\x7f\xda\xfc\xd4\xe4AI%\xc5v\x97K\xf3V&amp;\xd1\xb7\x16\nP\xfb\xb2y\xf3\xe6\xee\xdd\xbb\xe3\x8bW\t\xdd\x90\xac\xac\xacn\xdd\xba\xd5Y\n\x88^h\xc8\x90!\xcb\x97/7J?o\xb8\xf1\xfau;&gt;\x0e\n\n\xa2\x85`up\x19\xb5\x8d\xc6\xebeee=;\xff\xe3\x97\x13\xbfR\xe8\xe5\x9c\x0f\x1e&lt;x\xd9\xb2e&amp;\x9f\t@\x00\xa8\xcc}[\xb7\xd1\xa3G\xdb\xed\xf6JI\xf6\xce\xdd\xe2\xd2\xe6\xbcx\xf3\xad7\x17\x9c)\xa8\x0f5\x97\xbe\xb2P\xa0R\x00\xa0\xe6&amp;,&lt;\xac\xdd\xed\x7f\xe1\x9a\xf0\xf6]\xack\xba\xce\x14U\xde\xff\xdd\xf7%\xf6\x12j\x92\xea8\x00\xd0\xabl\xdb\xb6\xad{\xf7\xee\xc6\x1f9\xe7\xaf,\x9e;`pRA~\xa1\xafg\xff\xddi\x9a\xd6\xa0a\xd4\x07\xcbW?\xf7\xf8\xa8\xdf\x8f\xe3f,++\xabK\x97.f\x8e\x01\x08\x00\x7fP\xe5\xe9\xed\xaa\xc25\xce\x18\x1b1\xf6\xe9Q\x13St]/u\x96\xd6\x9fo\x88O,\x14\xa8\x14\x00\xa8\x17\x16\xd7\xf5\xaf\x9fn\xf9\xc8\xe9pz\xb6j\xb6\xfe\x13\\\x84\xdaB{\xc7?\x90\xbd\xf5+cr\xb2\x8e\x03\x00c\xac{\xf7\xee\xb4\xe9?\xfd\xe4\xae\x8ew\xac\xc9\xca\xf0\xe9\xca\x9f\xaaPEP\xdf\xee\xfd\xbf\xde\xf5\xad\xf1~\xbbt\xe9\x92\x95\x95\xc5\x18\xf3\xbf\xf7{\x95\xeaK\x13\xe6u\x94\x91\xa0IT\xf7\xd3\xdb\x85\x10\x8a"s\x8d\xdf\xd4\xfc\xc6\x97\xe6NN\xecu_Qa1M%y\xfb\x92\x7f\xa7\xa8\x8a\xe6\xd2\x8a\xf2\x8b\x1e}jp\xfb\xdb\xdb]\xbcP ##c\xfb\xf6\xed\xf5p\xa1\x80\xa6q\xa7\xd3\xe9\x1f\xe9\xe6k"\x84`\x12\xd34\xefL\xd1S\x8cy\xf7\xddw\x8d#_dY\xb6Z\xad\xe3\xd2\xc6p.\xbc&gt;\xa8\xad\r\x92$q.\xc6\xa5\x8d\x19\xf8\xf7A\x9a\xa6Q\x8ew\xdb\xb6m+V\xac\x184h\x90i\x07\x01\xe6\xfa\xd6U\xc58\xbd===\xfd\xe2\xd3\xdb9\x17\xff\xef\x81\xbf\x7f\xbcyU\x8f\x9e\x7f\xcb\xcf+\x90$\xa9\x1e\xb6V\x92,)\xaa\x92\x9fW\xd0\xfe\xf6[&gt;\xfa\xf2\x83G\x9f\x1a,\xb80\xb6\xc1\xa22\xd6\xc4\xc4\xc4\xd4\xd4Tz\xb3\xf5df\x98n\xa6iy\xa5\xa9\xa5\x89w\xbb\xdd&gt;e\xca\x14\x9a\x88\xa6\xbeN\xcf\xbe\xf7w\xee\xd6\xc9Q\xe2\x90\xeb\xdf\xe3]s\xb2,;J\x1c\x9d\xbbu\xea\xd9\xf7~j\xfd\xe9&gt;L\x992\xc5n\xb7\xd3}\xf0\xf65z\x81\x1f~\xd2\xd7\x84\xf6\xbf5\xda\xc7\x91#GR\xfbHi\x1f\xc1EHH\xf0\xcc\x85S\xdfZ\xf9\x86\xcdf+,(\xf2\xd4\xee\x0e\xb5DUU\xa7\xb3T\xd3\xf8\xcc\x05S\x17.\x99\xdf\xa8qCc\x99\x18\xb58S\xa6L\x89\x8f\x8f\xa7\x9a?\xce\xb99\x1fz\x93\xa3\xfe~zzznn\xee\x85\xec\x93.""\xc3_H\x1d\xe5(q\xfaqGXQ\x14G\x89\xf3\x85\xd4Q\x11\x91\xe1B\xbf\xd0=\xca\xcd\xcdMOO\xa7\xaf\xbc\xb7/\xd0\x0bL\x1d\x00\x8c\xb4OFFFlllff&amp;%vt]\x97\x15\x99k\xfc\xb6\x98\xf6\x19\xebW&lt;\xfa\xd4\xe0\xa2\xfc"\xcdU\xef\xd6\xd6^\x92\xaf/\x14\x80ZE\x9d\xdf#G\x8e\xcc\x9f?\xdfH\xfe\xe8B\x1f:lp\xcb\xd6\xcd\xcf\x95\x9d\xf3\xcb\xfc\x0f\x91$\xe9\\\xd9\xb9\x96\xad\x9b\x0f\x1d6X\x17\x17\xb6;U\x14e\xfe\xfc\xf9G\x8e\x1c1\xe7\xb2\x00\xf3\x06\x00z\xf49\xe7#G\x8e\x1c0`\xc0\xc9\x93\')[r\xa1O\xc4\xc5\xa3O\r\xfe\xe8\xcb\x0f\xda\xdf~K~^\x81\xa2*\x92\xec3_\x0c\xc9\x97\x17\n@\xad\xa2\xbc\xc7\xd8\xb1c\xedv;c\x8c\xaa\x8f\x9a\xb5\xb8i\xf8\xa8a\xb4\x8b\x89\xb7/\xb0v)\x8aRTX&lt;|\xd4\xb0f-n\xa2e\x9e\x8c1\xbb\xdd&gt;v\xecXsf\x81\xcc\x18\x00h\x19\x17\x9d\xde\xde\xb9sg\x1a\x00\x1a\xdd\x01\xda\xd6m\xe1\x92\xf93\x17L\xd54\xee\xacO\xd5&gt;\xd7DU\xd5\xf3\xe7\xce\x9f--\x9b0}\xdc\xca\xcf\xdf\xbb\xa9\xf9\x8d\\\xe3\x8a"\xd3s\xaf(\xca\xe2\xc5\x8b\xe3\xe3\xe3w\xef\xde\xad\xaa*Mw{\xfb\x92\xa1v\xd1\x13\xbeu\xeb\xd6\xd5\xabW_\x98\xe5\x92$]\xd7S\xc6?\x1b\x1a\x16j\x8c\x14\xfd\x98$I\x9a\xa6\x85\x86\x85\xa6\x8c\x7f\x96b!\xdd\x93\xd5\xabW\xd3Fxf\x1b\x10\x9b.\x00\\8\xe7\xe8\xa2\xe6\x8f]\xa8\x13\xe0\x9d\xbb\xc5}\xb6mM\xd2\xc3\x0f\xe4\x9f)\xa0,\xa1\xb7/\xb9\xfa(\xb0\x9d9u\xa6S\x97\xbb?\xde\xbc\xea\xff=\xf0w\xce\x85\xae\xeb\x92,U\x15\x02\xbd}\xc9P[\xa8\xbd;\x7f\xfe\xfc\xa8Q\xa3\x8c\xb9_\xcey\\|\xa7\xe4G\x1e\xb0\x17\xd9}\xb4\xa3s\xadTU\xb5\x17\xd9\x93\x1fy .\xbe\xd3\x85\x9d\xeft]\x92\xa4Q\xa3F\x9d?\x7f\xdel\xe3\x00s\x05\x80\xaa\x12 \x94\xfe\x93ey\xe2\xb4q+\xd6.k\xd4\xa4Qa~!\x1d\x1f\xea\xedK\xf6\x00\xd5\xa2\xda\x8bJl6\xdb[+\xdf\x98\xb9pjHH\xb0\xe0BQ\x95\xaa\x92`\xa6\xfa\x02\x98\x07=\xe1+W\xae\xdc\xb3g\x0f\xa5\x04\xa9Dx\xd2\x8c\xf1\xde\xaaF\xf5"M\xe3\x93f\x8c\xa7\xed\x8f\xe8\xce\xec\xd9\xb3g\xe5\xca\x95\xb2\xc9\xd6\xa8\x9b%\x00P\x8a\x83\xa6@;u\xeadL\x81^(\xf3\xe7\xbcY\x8b\x9bV~\xfe\xde\xb3c\x9f.u\x96\x9e?_\x17\xdb\xba\xd5%\xf7\x85\x02\x19\xebW\xdc\x16\xd3\x9ek\\Vdc{,\xf7ip\xc9_N\x03\x07\x03ur\x0b\x0b\x0b\xc7\x8d\x1bwaBHQ\x84\x10\x03\x06\'\xdd\x16\xdb\xde\xe90\xd7:\x0cY\x96\x9d\x8e\xd2\xdbb\xdb\x0f\x18\x9cd\xdc\nY\x96\xc7\x8d\x1bWXXh\xaaA\x80)&gt;\xf5JE\x90\x87\x0e\x1d2\xce\xbc\xa62\xff\xfe\x83\x92\xd6\xed\xf8\xf8\xaf\x9d\xef\xca\xcf\xcb\xa7\xbf\xe9\xedK\xf6&lt;\x1f](\x00\x1eA\r\xdc\xbcy\xf3N\x9d:e\x94\x84\x85G\x84=?\xf1\xb9\xb3\xce2\xc5d\xcb\xb0\x19c\x8a"\x9fu\x96=?\xf1\xb9\xf0\x880#\x03|\xea\xd4\xa9y\xf3\xe6\x99j\x10\xe0\xe7\x1f\xbcQ\xe6\x7f\xf8\xf0\xe1J\xad\x1b\xa5\xfeCm!3\x17N}e\xf1\x1ck\x80\xd5Q\xe2\xf0\xb3\x8e\xff\xc5\xb0P\xc0\x84\xa8\xf5?|\xf8\xf0\xec\xd9\xb3\xa9u\x93eY\xd7\xf5\x11/&lt;}\xdd\rM\xcf\x9d\xf3\xe7\xd2\xcf\xaaH\x92t\xee\xdc\xb9\xebnh:\xe2\x85\xa7\xe9xH\xba-\xb3g\xcf\xa6s\x11L\x12\x03\xfc9\x00\x18\xbb\xf9gddt\xec\xd8\xf1\x0fe\xfe\xb2\xaciZ\xcc]\x1d\xd6n\xfdh\xc8\x93\x83\x8a\n\x8b\xb9f\x96\xb5\xe0X(`6\x94\xff\x990aByyy\xc5\xc6s\xbcy\xabf\x83\x87=\xe2\xb0;\x14\xd5\x14\x8f\xfd\xc5\x14Uq\xd8\x1d\x83\x87=\xd2\xbcU3!8\xdd\x99\xf2\xf2\xf2\t\x13&amp;\x98\'\x0b\xe4\xb7\x01\x80\xba\xb4\x0e\x87c\xc4\x88\x11\x03\x06\x0c(((\xf8C\x99\xbf\x10#^x\xfa\x83/\xdek\xd1\xbaEaAa}\xd8\xd4\xb3.a\xa1\x80yP\xa1\xcb\x86\r\x1bV\xadZ\xe5V\xfa\xc9&amp;N\x1b\x1f\x1c\x1c\xa4i\\b&amp;z\xf2\xddIL\xd24\x1e\x1c\x1c4q\xdax]gFI\xe8\xaaU\xab6l\xd8`\x92\x92P?\x0c\x00\xc6!\x8e999\xf1\xf1\xf1\x0b\x17.4z\xb2F\x99\xff\xd2\x0f\xdf\x9a0}\x9c\xe0\xe2\xac\xf3\xac\xdf\xa7}\xaa\x82\x85\x02~\x8f\xfa\xfe\x9a\xa6\x8d\x181\xa2R\xe9gB\xaf{K\xec\x0e\x93\x8cz\xab\xa2(J\x89\xdd\x91\xd0\xeb\xdeJ%\xa1#F\x8c\xa0a\xb1\xdf\x8f\x03\xfc-\x00\x18e\xfe\x0b\x17.\x8c\x8f\x8f\xcf\xc9\xc91\xe6{)\x06\xdc\xdf\'a\xdd\x8e\x8f{\xf4\xbc7?/\x9f\xb6|\xf0\xf6%{\x13\x16\n\xf87\xcak/Z\xb4\xe8\xe0\xc1\x83r\xc5\xde\xe0\x16\xabe\xd2\x8c\xf1\x9c#\x9c_\xc0\xb9\x984c\xbc\xc5j\xa1\xfb#\xcb\xf2\xc1\x83\x07\x17-Zd\x86\x99\x00\xffi\xfeh\xbeWQ\x94\xdf~\xfbm\xc0\x80\x01#F\x8cp8\x1c\x94\xeb\xa72/I\x92&amp;N\x1b\xf7\xd6\x7f\xdeh\xd8\xb8aQa\xb1\xdf\x94\xf9\xd7\x1c\x16\n\xf8%j\xcb\x8a\x8a\x8a&amp;M\x9aD\xa5\xbd\xd4\xa2\xfds\xf8\xd0\x0ew\xdc\xe6t8\xfd\xb2\xda\xedZ\xc9\xb2\xect8;\xdcq\xdb?\x87\x0f5n\x91$I\x93&amp;M***\xa2\xa8\xe9\xedk\xacE~\xf2\x04\xb8\x9f\xde~\xc7\x1dw\xd0\xe9\xed\xeec\xde\xba?\xbd\xdd\xb7`\xa1\x80\xff\xa9\xd4\x901\xc6t]o\xd4\xb8\xe1\x13\xcf&gt;\xe6t\x94\x9a&lt;\xf9\xe3NQ\x14\xa7\xa3\xf4\x89g\x1fk\xd4\xb8!5\xf7\x95\x02\xa7\xb7/\xb0\x16\xf9C\x000*;+\x9d\xdeN\xd1\x9bs&gt;`P\xd2\xea\r\xff\x89\xbd\xbbC\x1d\x9f\xde\xee[\xb0P\xc0\x9fPg\xd6He\xd0`N\x08\xf1\xfc\x84\xe7n\xb8\xf1zs\x96~V\x85JBo\xb8\xf1\xfa\xe7\'&lt;G\xf7\x8dn\x97\x91:\xf3\xe3\x18\xe0\x0fM!\x95\xf9\xc7\xc7\xc7O\x992\x85\xdawj\xb08\xe7\xe1\x11\xe1\x0b\xde\x997\xef\xcd\x97-VKI\xb1\xff\x97\xf9\xd7\xdc5-\x14\xf0\xf6\xc5B\x95*MfR+v\xcbm\x7fIz\xb8o\xb1i\xb6\xfd\xb9z\xaa\xaa\x16\x17\xd9\x93\x1e\xee{\xcbm\x7f\xa1\x18Pi\xf2\xdc\xdb\x17X[|;\x00\x08!\\.\xd7\x07\x1f|\xd0\xb1c\xc7\xec\xeclc[7\x8a\x01\x9d\xbb\xc5}\xbc)c\xc0\xa0${q\t\xd7\xb8i\xeb\x9d\xaf\xd5U.\x14\xf8\xe0\x83\x0f\\.\x97\x1fw\x8e|\x97Q\xfai\x943R+6.utHh(f\xf2/\x89s\x1e\x12\x1a:.u\xb4\xfb.\xa1\xee\xf7\xd0\xdb\x17X+|8\x00\xd00\xed?\xff\xf9\xcf\xc0\x81\x03\x8d2\x7f\xca\xd9Q\x99\xff\xfb\x9f.m\xde\xbay\xfe\x99\x02\xb3\x95\xf9\xd7\\U\x0b\x05\xa8[D\x0b\x05\x06\x0e\x1c\xf8\x9f\xff\xfc\x07\xa5A\xf5\r\xb5_\xe5\xe5\xe5\x95J?\x13{\xf7\xe8\x96\xd0\xb5\xb8\xc8\xff7\xfd\xaf\x1eEQ\x8a\x8b\x8a\xbb%tM\xec\xdd\xa3RI(-\xa0\xf3\xcbq\x80\x0f\x07\x00j\xd3ccc\x03\x03\x03\xa9\x19\xa2\x9f\xb4\xfes\xeb\xa5\x1f.\x9e0}\\\xd9\xd9\xb2\xb2\xb3e\x18\xedV\x9b\xfbB\x81\xff\xac{\xb7\xf5\x9f[\xb3\x8aM\xb3eY\x0e\x0c\x0c\x8c\x8d\x8de\x15\x1f\x04\xd4\x13\x94\xc1\x983g\xce\xc1\x83\x07\xa9\x15\xa3\xd2\xcf\xe7\'&lt;\'\xfc\xf4\xc0wO\x91$Ip\xf1\xfc\x84\xe7\x8c\x92PEQ\x0e\x1e&lt;8g\xce\x1c\x7f\x9d\t\xf0\xe1\x00p!\xady\xcb-\xb7\xdf~;m\xe9G\x8f{\xffG\xfa\xf5{\xa0\xef\xe9\x93\xa7\xeb\xe7\xe9\xed\xbe\x85\xf2\xfe\xa7~=\x95\x90p_\xffG\xfa\xd1W\x82\xcajo\xbf\xfd\xf6[n\xb9\x85\x9a\x1bo_&amp;\\@\xa3\xb4S\xa7N\xcd\x9d;\xd7}\xee\xf7\xb1\xa7\x86\xdc\x1a\xd3\xde\x81\xd2\xcf\xcb\x92e\xd9\xe1p\xde\x1a\xd3\xfe\xb1\xa7\x86\xb8\xcf\x06\xcf\x9d;\x976\xd1\xf3\xbf\x18\xe0\xdbO\x03}\x1e\xfd\xfa\xf5c\x8c\x19c\xb4\xb5\x1f\xad;]t\xdaj\xb5z\xf9\xe2\xfc\x885\xc0\x9a_tf\xedG\xebXE\x86\x81U\xdcv\xff\xfbJ\xf84\xaa\xfd\x1f?~&lt;mkLm\xd6M\xcdo\xa4\x02h$\x7f\xaeHQ\x14G\x89\xe3\x991O\xdd\xd4\xfcF\x8a\xa6\xb4\x8d\xf6\xf8\xf1\xe3\xfdrM\x80o\x07\x00\xea\xce\xf4\xee\xdd;  \x80sN\x8d\xd1\xa1\x1f\x0e\xff\xf6\xcb\xc9\x80\x80\x00\xff\xfb\xb4\xbcB\xd7\xf5\x80\x80\x80_\x7f9y\xe8\x87\xc3\x8c1!\x04\xe7&lt;  \xa0w\xef\xde\xac\xe2#\x80\xfa\xc08\xd8\xc4\x98\x9b\xa1^\xd1\xf0\xe7\x875\x8en\\~\xbe\x1c\xf9\x9f+\x92$\xa9\xfc|y\xe3\xe8\xc6\xc3\x9f\x1ff\xcc\x06\xd3\\\xa3q\x90\x8e\xb7\xaf\xd1\x93|\xfb\xdbK1\xb9U\xabV\xed\xda\xb5\xa3\xbe\x8f\xa2(\xe7\xca\xce\xed\xdc\xfaU`p &amp;\'=\x82s\x1e\x18\x1c\xb8s\xebW\xe7\xca\xce)\x8aB\xf7\xbc]\xbbv\xadZ\xb5\xa2{\xee\xed\x0b\x84\x0b*\x1dmHs\xbfwv\x8c\x1d0$\x99N\xb8\xf3\xf6\x05\xfa\x06*\x7f\x180$\xf9\xce\x8e\xb14\x1b\\\xe9(Mo_\xa0\'\xf9\xfc\xb7\x97\xe2s\xb7n\xdd\x98\xdbl\xe4\xfaO3\x05\xe7\x92\xe4\xf3\xef\xae&gt;\x90$Yp\xbe\xfe\xd3\xcc\x8a?J\x8c\xb1n\xdd\xba\xa1\xfe\xa7^1v\xb2t?\xdc\\V\xe4\xe7\xc6=k\xb1\xa8~\xd6l\xd56]\xd7-\x16\xf5\xb9q\xcf\xd2^ato\xb7n\xddj\xec\xa8\xea\xed\x0b\xf4\x18\x9fo"\xa9=JJJ\xa2\xd1\x19\r\xd0\xbe\xd9\xb5\xe7X\xee\xf1\xc0@d\x81jJ\xd7\xf5\xc0\xc0\x80c\xb9\xc7\xbf\xd9\xb5\x87U\x9c\xac)\xcbrRR\x12C\xfdO\xbdA\xcf9\xedeO\x7f\xa4v\xaa\xd7\x03=\xef\xfb{\xf7\xe2";\xb2\xff\xd7DQ\x94\xe2"\xfb}\x7f\xef\xde\xeb\x81\x9eFI(c\x8c\xceT`\x157\xdc\x0f\xf8|\x00\xa0\xcf\xa6C\x87\x0e\xadZ\xb52\xf61.u\x96n\xcf\xca\x0e\x0e\t\xf2\xa7X\xed\x15\x9c\xf3\xe0\x90\xa0\xedY\xd9\xa5\xceR\xe3\x14\xe5V\xadZu\xe8\xd0\x81Z\x19o_ 0\xc6\x18U\xc1\xcd\x993\x87VhS\t\xa3-\xcc6b\xec\xd3eg\xcb\x90\xa6\xab\x06Y\x96\xcb\xce\x96\x8d\x18\xfb\xb4-\xccf\xec\x88u\xf8\xf0\xe19s\xe6P\x15\x9c\xb7/\xd03\xfc\xe1\xc9\xe0\x9c[\xad\xd6&gt;}\xfa0\xb79\xc9\xf5k7pd\x81jL\x92d\xce\xf9\xfa\xb5\x1b\xe8\x8ft{\xfb\xf4\xe9c\xb5Z\x11\\\xeb\t\x1a\x93\xe5\xe6\xe6\xce\x9a5\x8b\xf2r\xd4B\ry\xf2\x91[c\xda;\x9d\xe6:\xf0\xddSdYv:Ko\x8di?\xe4\xc9G(\xbeR\xb6y\xd6\xacY\xb9\xb9\xb9~3\x1b\xec\x0fO\x86Q\x95\x88,\x90gU\x95\xff1\xean\xbd}\x81\xc0X\xc5\xdc\xefK/\xbdTRRb\x9c{\xf1\xa7\x9bnx\xf2\xb9\x7f\x16\x17\x16c\xee\xb7\xdaTU-.,~\xf2\xb9\x7f\xfe\xe9\xa6\x1b\x8c3EJJJ^z\xe9%\xbf\x99\r\xf6\x87\x00\x80,P-A\xfe\xa7\xfe\xa3\xfe\xfe\xb6m\xdb\xde\x7f\xff}\xf7m\x7fFO\x1a\xd9\xb8I#\xda\xc3\xc0\xdb\xd7\xe8\xabhG\x8d\xc6M\x1a\x8d\x9e4\xd2}\x83\xa0\xf7\xdf\x7f\x7f\xdb\xb6m\xfe1\x1b\xec\x0f\x01\x80!\x0bT;\x90\xff\xf1\t\x9c\xf3I\x93&amp;\xd1\'B\xad\xd2]\x1d\xefHz\xb8oaA\x11\xba\xff5\xa4\xaajaAQ\xd2\xc3}\xef\xeax\x07\xb5\xfe\xec\x8f7\xdc\xd7\xf9I\xe3XU\x16\xe8h\xee\xf1\xc0 d\x81\xaaC\xd7\xf5\xc0\xa0\x80\xa3\xc8\xff\xd4c\xd4$\xadX\xb1\xc2\xe8\x90\xea\xban\xb5Z\xc7\xa5\x8d\xe1\xd8\xf6\xc7C$I\xe2\\\x8cK\x1bc\xb5Z\xe9|\x11\x1ar\xadX\xb1\xc2\x0f\x06\x01~\x12\x00\xaa\xca\x02\xed\xd8\xbc3(\x18Y\xa0\xea\xe0\x9c\x07\x05\x07\xed\xd8\xbc\x13\xf9\x9f\xfa\x89\x92\x12v\xbb}\xca\x94)\xc6\xae\x9fB\x88\x9e}\xef\xef\xdc\xad\x93\xa3\xc4\x81\xb9_\x8f\x90e\xd9Q\xe2\xe8\xdc\xadS\xcf\xbe\xf7\xd3l0\xdd\xf9)S\xa6\xd8\xedv_\x9f\x0c\xf0\x9fG\x84\xb2@}\xfb\xf6e\x8c\xd1y\x0e\x8c\xb1\xdd;\xbef\xe8\xaeVK\xa5\x1bH\xadI\xdf\xbe}\x91\xff\xa9\'\xa8(%===77\x97Z%\xa1\x8b\x88\xc8\xf0\x17RG9J\x9c\x88\xd0\x1e\xa4(\x8a\xa3\xc4\xf9B\xea\xa8\x88\xc8p\xa1_8&amp;/777==\xdd\xd7\x97C\xfaO\x00\xa0\x06+11\x91U\xecW\xc3\x18\xdb\xb19\xfb\xf4o\xa7i\xec\xe6\xe5\xeb\xf3)\x94I8\xfd\xdb\xe9\x1d\x9b\xb3\x19c\xc6&gt;Kt{\x11P\xbd\x8e\xba\xa2G\x8e\x1c\x99?\x7f\xbeQ\xa1\xa8\x0b}\xe8\xb0\xc1-[7?W\x86\x13\x1f=I\x92\xa4se\xe7Z\xb6n&gt;t\xd8`]\xe8F\xad\xed\xfc\xf9\xf3\x8f\x1c9\xe2\xd3\xcb\x02\xfc\'\x00P\x17\xb5C\x87\x0e\xd1\xd1\xd1\xc6\xb9`g\xf2\xf2wg\x7f\x13\x1c\x12\xe4\xbb\x9f\x90W\x08!\x82C\x82vg\x7fs&amp;/\x9fn\xac\x10"::\xbaC\x87\x0e\x0c\x1b\xc0\xd5\x03\x94\x85\x18;v\xac\xddng\xb4\x91\xbd\x10\xcdZ\xdc4|\xd4\xb0\xa2B\x1c\xf9\xe2y\x8a\xa2\x14\x15\x16\x0f\x1f5\xacY\x8b\x9b(\xc9\xcc\x18\xb3\xdb\xedc\xc7\x8e\xf5\xe9,\x90\xff|\x93\xa9H+&lt;&lt;\x9cz\xa9\xb4m\x19c,s\xed\x06\t\r\xd6\xb5\x93d9s\xed\x06\xc6\x18m\xb1\xc7\x18KLL\x0c\x0f\x0f7\x0e\xde\x01o1\xb6\xa6Y\xbdz\xb5{\xe9g\xca\xf8gC\xc3B\x8d\xf3;\xc1\x83\xe8,\xbc\xd0\xb0\xd0\x94\xf1\xcf\xba\x97\x84\xae^\xbd\xda}\xf3%\x9f\xe3\x87-crr2s\xcb\x02m\xcfB\x16\xe8\xda\x18\xf9\x9f\xedY\x7f\xc8\xff\xd0\x8d\x05\xef\xa2\xd6\xc7\xe5r\x19\x9bSR\xeb\xd3\xa9k\xc7\xe4G\x1e\xb0\xe3\xc0\xf7Z\xa3\xaa\xaa\xbd\xc8\x9e\xfc\xc8\x03\x9d\xbavt?3r\xd4\xa8Q.\x97\xcbG\xc7\x01~\x15\x00\xa8\xcb\xdf\xb9sgd\x81j\xa2\xaa\xfcO\xe7\xce\x9d\x19\xf2?\xdeF\xc5\xb8o\xbf\xfd\xb6\xb1=\xbd\x10"0(\xf0\xa59/\xba\\\x9a\xb7\xaf\xce\xff\xb9\\\xdaKs^\x0c\x0c\n4\n\xa3\xf7\xec\xd9\xf3\xf6\xdbo\xfb\xe8\xe6\x10~\xf5e\xa6qYXX\x18\xb2@5t\xc9\xfcOXX\x18\xf2?^G\xdd\xcc_\x7f\xfd\x95\xfdq6\xde\xe9p\xe2\xa3\xa9\x03\x92$9\x1dN\xf7?\xb2\x8a\x8f\x03#\x80\xfa\x02Y\xa0jC\xfe\xa7\x9e\xa3\xccCJJJtt4\xc5cY\x96\xcf\x95\x9d\x9b6a\xa6jQ\x19\x1e\xf0Z\xa53\xd5\xa2N\x9b0\xf3\\\xd99\xaa5\xe7\x9cGGG\xa7\xa4\xa4\xf8\xe8\xe2\x18\x7f\x0b\x00\xc8\x02\xd5\x10\xf2?\xf5\x1c\x15\xfc4h\xd0`\xe6\xcc\x99t"\x1b\xe5\xa3\xbf\xd9\xb5g\xd5\xbb\x1f\x86G\x85k\x1a\x12A\xb5B\xd3\xb4\xf0\xa8\xf0U\xef~\xf8\xcd\xae=\xbf\x97\xde\xea\xfa\xcc\x993\x1b4h`\x94\x06\xf9\x16\x7f\xfb&gt;W\x95\x05Z\xff\xe9\x06_\xfcx\xbcB\x92\xa4\xf5\x9f"\xffS\x7fQ\xeb3h\xd0\xa0.]\xba\xb8\x1fW\x92&gt;c\xa1\xb3\xc4\x89I\xe0Z\xa2\xaa\xaa\xb3\xc4\x99&gt;c!s;r\xa7K\x97.\x83\x06\r2\xb6\t\xf29\xfe\x16\x00\x0c\x95\xb2@\xd9[w\xe5\xe7\xe5[,\x16d\x81.C\xd7u\x8b\xc5\x92\x9f\x97\x9f\xbdu\x17C\xfe\xa7~\x93e9--\x8d\xda\x1d!\x84\xa2*\xc7\x8e\x1c\x7f}\xde\xa2\xc8\x06\x91\x18\x04x\x9c\xa6i\x91\r"_\x9f\xb7\xe8\xd8\x91\xe3\x8aza\xe5\x97\xa2(iii&gt;=,\xf6\xe1K\xaf\x8a\x91\x05\xba\xee\xba\xebh\\&amp;\xcbr~^\xfe\xf7\xfb\x0f\xd2\xdc\xbd\xb7/\xb0\xfe\xa2z\x92\xef\xf7\x1f\xcc\xcf\xcb\xa7\x14\xa7\x10\xe2\xba\xeb\xaeC\xfe\xa7\xbe1\xba\x9f\x0f?\xfc0\xe7\\UU\xc1\x85,\xcb\x8b_]\xb2\xef\xbf\xfbCB\x82\xf1\x9c{\x90\x10"$$x\xdf\x7f\xf7/~u\x89,\xcb\x82\x0bUU9\xe7\x0f?\xfc\xb01\x08\xf3\xf65V\x93\x1f~\xa5\x8d,\xd0\x9dw\xde\xc9*\xf6\xb1\x11Bl\xfc\xecKk\x00F\x00\x97\xa3\xeb\xba5\xc0\xb2\xf1\xb3/\xa9\xbe\x8d\x12&gt;w\xdey\'\xf2?\xf5\x10\x15\x9e\xbf\xf8\xe2\x8baaa\xc6t\x97\xd3\xe1\\0\xeb\xb5\xa0`Lwy\x92\x10"(8h\xc1\xac\xd7\x9c\x0e\xa711\x16\x16\x16\xf6\xe2\x8b/\xd2R\x00o_`\xf5\xf9a\x00`\x15\xf5X\xff\xf8\xc7?\xe8\x8f\xf4e\xd8\xb4~sqa\xb1\xc5b\xf1\xe2\x85\xd5s\x16\x8b\xa5\xb8\xb0x\xd3\xfa\xcd\xac\xe2\xa6\xb1\x8a\xdb\x88\xc0Y\xdfP\xb7\xa6e\xcb\x96c\xc7\x8e\xa5\xad\x814MS\x14e\xedG\xeb6~\x9e\x15\x11\x19\xee\xa3kS\xeb\x1b\xceyDd\xf8\xc6\xcf\xb3\xd6~\xb4\xce\xb8\xc9B\x88\xb1c\xc7\xb6l\xd9\x92\xbaJ\xde\xbe\xc6\xea\xf3\xe1K\xbf\x0cc\xea\xd2f\xb3\xd1&amp;\xe9\xb2,\x1f;r\xfc\xbbo\xf7\x06cw\xe8*p\xce\x83\x83\x83\xbe\xfbv\xef\xb1#\xc7\xa9\xbc\x81sn\xb3\xd9\x8c\xe9to_ TF%@\xa3G\x8fn\xdd\xba\xb5\xa6i\x17:\xa7\\\xbc2s\xa1\xcb\x85\r!&lt;C\x92$\x97K{e\xe6B\xc1/\x0c\xb34Mk\xdd\xba\xf5\xe8\xd1\xa3\xa9\x10\xc8\xdb\x17X#\xbe}\xf5U\xa1\xe4uttt\x97.]\x18c\xb2,S\x8b\xb6q\xdd&amp;\x0b\xb2@U\xd0u\xdd\x12`\xd9\xb8n\x13\xc5Kz\xb2\xbbt\xe9B\x05\xb5hM\xea!\xfaP\xacV\xeb\xb4i\xd3XE\xf2\x93JB?X\xb6*\xaaa\x14f\x83kH\xd3\xb4\xa8\x86Q\x1f,[e\x94~\xd2=\x9f6m\x9a\xd5je\xbe\xbf3\xae\x7f\x06\x00V\x91\xc10\xcaW\x90\x05\xba\xa2K\xe6\x7f\x8cb*o^\x19T\x8dZ\xa5\xe4\xe4\xe4\xae]\xbb\xbaoP\xf3\xfa\xbcEy\xa7\xf2\xac\x01X\xfcX}\xba\xae[\x03\xacy\xa7\xf2^\x9f\xb7\xc8}\xdb\xa5\xae]\xbb&amp;\'\'\xfb\xf4\xdc\xaf\xc1o\x03\x00}6\t\t\t\xc8\x02]\x8d\xaa\xf2?\t\t\t\x0c\xf9\x9f\xfa\x8d\xda\xa6\xb9s\xe7\x06\x04\x04\xe8\xbaNY\xe9\xe3GO\xbc:\xfb\r[\x98\r\x8fz\xb5q\xcema\xb6Wg\xbfq\xfc\xe8\t\x9aq\xd1u=  `\xee\xdc\xb9\xbe&gt;\xf7k\xf0\xdb\x00\x80,\xd05A\xfe\xc7wQ\xdb\x14\x1b\x1b\xfb\xe0\x83\x0f\nq\xa1BQ\x96\xe5w\xdeX\xb67g\x9f\xcd\x16\x8a\x01\\5\x08!l\xb6\xd0\xbd9\xfb\xdeyc\x19\xcd\xb5\xa8\xaa*\x84x\xf0\xc1\x07ccc}}\xee\xd7\xe0\x0f\xef\xa1*Ue\x81\x8a\n\x8a\x90\x05\xaa\xc4b\xb1\x14\x15\x14!\xff\xe3\xa3\xa8\xbb3c\xc6\x8c\xc8\xc8H\n\xd8\x92$\xb9\xca]\xf3\xa6\xbd"+2\xba;\xd5\xa0\xeb\xba\xac\xc8\xf3\xa6\xbd\xe2*w\xd1\xfd\x14BDFF\xce\x981\xc3\x9f\xbaD\xfe\x1c\x00.\xce\x02I\x92t\xec\xc8\xf1\x03{\x7f\x08\n\xc6\x8a\xb0\xdf\t!\x82\x82\x03\x0f\xec\xfd\xe1\xd8\x91\xe3\x94O@\xfe\xc7\xb7\xd0\xe86:::--\x8d:\xa7\x94\xa1^\xff\xe9\x86\xcd\x99[Q\x12z\xad\xa8\xf4ss\xe6\xd6\xf5\x9fn0\xb6\xfd\x11B\xa4\xa5\xa5EGG\xd3(\xd9\xdb\xd7\xe8\x19~\xf26.\xe9\xe2,\x10M\x91}\x9d\xfd\xad\xc5jE\x000\x08!,V\xeb\xd7\xd9\xdf\xd24\x17\xf2?\xbe\x88Z\xa8a\xc3\x86\xb5m\xdb\x96b\x00\xf5xf\xa6\xce);[\xa6(\x8a\x8e\x9dB\xaf\x8e\xcetEQ\xca\xce\x96\xcdL\x9dC\xfd!\xba\xb7m\xdb\xb6\x1d6l\x98\xdf$\x7f\x88\xff\xbc\x93K\xa2V&gt;))\x89\xfeHc\xe1\xf5k7\x9c++C\xc7\xd6\xa0(\xca\xb9\xb2\xb2\xf5k70\xb7\x05_t\xd3\x10&amp;}\x055U\xaa\xaa.X\xb0\x80\x9a~j\xaa\x0e\xfc\xef\xfb\xa5\xff~7,\xc2\xc65\x0c\x02\xae\n\xd7xX\x84m\xe9\xbf\xdf=\xf0\xbf\xef\xa9\xe9\xa7{\xbb`\xc1\x02UU\xfdf\xfa\x97\xf8y\x00\xa0X\xdd\xa9S\'\xab\xd5J\'\xf8H\x92\xf4\xfd\xde\x1f~\xdc\x7f0\x08\xfb\x021\xc6(\xff\x13\x14\xf8\xe3\xfe\x83\xdf\xef\xfd\x81Z\r!\x84\xd5j\xed\xd4\xa9\x13\xc3\xfe?&gt;\x85\x92\x15=z\xf4\xe8\xd1\xa3\x07\xa5\x80(\x06,x\xf9\xb5\xdf~9\x19\x18\x18\x88\xc9\x80+\xd2u=00\xf0\xb7_N.x\xf95j\xfd/\xbe\xab\xde\xbeFO\xf2\xf3\xaf7}\x84\xadZ\xb5\x8a\x89\x89\xa1\xa1\x9c\xa2(.\x97++s+6\x86#\xb4\x01\\V\xe6V\x97\xcbE\xf9\x1f]\xd7cbbZ\xb5j\xe5g\xa3]30\xfa\xaat\xfc\x11uW\xed\xc5%\xf3\xa6\xbe\x12\x1c\x1a\xc49\x1e\xf8+\xe0\\\x04\x87\x06\xcd\x9b\xfa\x8a\xbd\xb8\x84n&amp;\x1d\x91d\x8c\xab\xbc}\x81\x1e\xe6\xff_oj\xc5\xfa\xf5\xeb\xc7*\xbe\x1e\x8c\xb1\r\x9fm\xa4\xc4\xa8\xb7\xaf\xce\xfb(\xdd\xb9\xe1\xb3\x8d\xac\xe2\xc0q\xc6X\xbf~\xfd|\xf4\x8cS\x933\xb2\xd5c\xc6\x8c1z\xaf\xb2,\x7f\xb0|\xf5\xff\xf6\xec\x0b\xb5\x85\xe03\xbd\x0c!D\xa8-\xe4\x7f{\xf6}\xb0|\xb51\x91.\x84\x183f\x8c1\xb3\xe2\xedk\xf40\x7f{?\x17\xa3\xcf\xacw\xef\xdeV\xab\x956\xb8\x97$\xe9\xc0\xde\x1f~&lt;\x80,PE\xfe\xe7\xc0\xc1\x03\x15\xf9\x1f\xce\xb9\xd5j\xed\xdd\xbb7C\xfe\xc77Q\x0cx\xfe\xf9\xe7\xa9^\x85J\x185MK\x1b?CU\xd1\xe3\xb9\x02UU\xd2\xc6\xcf\xd04\x8d\xee\x1b\xd5V=\xff\xfc\xf3~\xd9\xfa3\x93\x04\x00d\x81\xaa\x82\xfc\x8f\xff\xa1f+**j\xe6\xcc\x99\xee%\xa1\xd9[v\xaez\xef\xa3\xf0H\x9c\x19yi\x9a\xa6\x85G\x86\xafz\xef\xa3\xec-;\xddK?g\xce\x9c\x19\x15\x15\xe5\x97\xf9\x1ff\x86\x00\xc0\x90\x05\xaa\x1a\xf2?~\x89&gt;\xbe\x81\x03\x07\xc6\xc4\xc4\x18G\xd7J\x92d\x9c\x19\x89\xd9\xe0J\xa8\x80\x8aN|4J?9\xe7111\x03\x07\x0e\xf4\xe3\xce\x90\x7f\xbe\xabJ\xaa\xce\x02\x1d2\xf3\xd1\x19t\xcc\xc5\x8f\x07\x0e!\xff\xe3g\xa8\t\x0b\x08\x08HOOW\x14\xc5(\t=v\xe4\xf8\xebs\x17EFE`]X%\x9c\xf3\xc8\xa8\x88\xd7\xe7.\xa2\xbd\xb0\xa8\x89P\x14%==\x9dvX\xf2\xcb\xee?3O\x00\xb8d\x16h\xd3\x17Y\x01\x81\x01f\x0e\x00\x01\x81\x01\x9b\xbe\xc8B\xfe\xc7\xff\xd0\xd1%\xf7\xdcs\x0f\x9d\x19I\x93\x99\x92$-]\xb4&lt;\xf7\xf0\xd1\xc0 \x94\x84\xfeN\xd7\xf5\xc0\xa0\xc0\xdc\xc3G\x97.ZN\xc1\x92R@\x0f?\xfc\xf0=\xf7\xdcC\'\xc0x\xfb\x1ak\x8bY\xbe\xe4\x97\xcc\x02m\xcb\xda\xe1*/7mK\'\xcb\xb2\xab\xbc|[\xd6\x0e\x86\xfc\x8f?\xa2\x88\xfe\xe2\x8b/\x86\x87\x87\xd3\x03\xaf(Jq\x91\xfd\xe5\xd4\xb9\xb6\xb0P\x0c\x02\x0c\x9cs[X\xe8\xcb\xa9s\x8b\x8b\xec\xd4\xd6\xeb\xba\x1e\x1e\x1eN\'&gt;\xfaw\xfb\xe0\xcf\xef\xcd\x1d}\x8a\xbdz\xf52\xb2@\x8c\xb1\xef\xf7\xfdx\xe2\xd8\xcf4\xc4\xf3\xf6\x05\xd65J\x11\x9c8\xf6\xf3\xf7\xfb~d\x8c\x19\xf9\x9f^\xbdz1\xe4\x7f\xfc\x02e\xb1[\xb6l9r\xe4H\xe3\xccHY\x96\xd7\xad\xf9&lt;{\xf3\xae\xb0\xf00\xc4\x00\xc6\x18\xe7&lt;,&lt;,{\xf3\xaeuk&gt;\xa7\xd3\xbeh\xb44r\xe4\xc8\x96-[\xfa\xc1\x99_\x97\xe7\xcf\xef\xcd\x1d\xf5\x86\x9a7o\xde\xbcys\xea\xed*\x8a\xe2(ql\xdf\x94\x1d\x1cb\xc6\xe3\x018\xe7\xc1!A\xdb7e;J\x1c\x94&amp;v\xbf?\xfe\xfd\xd0\x9b\x07\xa52RRRZ\xb4hAm\x99$I\xe5\xe5\xaei\x13g\x19\x87[\x99\x1c\x1d\xa36m\xe2\xac\xf2r\x97$I\x145[\xb4h\x91\x92\x92\xe2\x7f\xeb~/f\xa2\xef\xf9%g8\xd7\xaf\xdd\xc09\x97$\x13\xdd\x07"I2\xe7\x9c\xf6\xffa\x17\xcd\x93{\xf5\xd2\xc0c\xa8\x89\x0f\x0f\x0f\x9f5k\x16\xf5{\xa8Q\xfb\xf6+\x9c\x19\xc9\x98\xdb\x89\x8f\xdf~\xf5\xfb\x89\x8f\xba\xae\xcf\x9a5+&lt;&lt;\x9c\xf9\xfe\x89\x8fWd\xa2\x86\xafR\x8e\x9b\xb2@\xdf\xec\xdas,\xf7x`\xa0\xb9\xb2@\xba\xae\x07\x06\x06\x1c\xcb=\xfe\xcd\xae=\x8c1\xba\x1b\xees$\xde\xbe@\xf0\x18j\xd7\x92\x92\x92.&gt;3\xf2\xf4o\xa7i\xc7\x08o_\xa3w\xd0\x1e\x0f\xa7\x7f;}\xf1\x89\x8fIIIf\xe8\xfe3S\x05\x00z\xf4;t\xe8@U.\x94\x05*u\x96n\xcf2]\x16\xe8B\xfe\'+\xbb\xd4Yj\x94\t\xb6j\xd5\xaaC\x87\x0e\xf45\xf0\xf6\x05\x82\']|f\xa4\xa2(\xc7\x8f\x9exs\xc1\xdb\x11Q\xe6]\x17\xa6iZDT\xf8\x9b\x0b\xde&gt;~\xf4\x04\xe5\xfd\xfd\xef\xc4\xc7+2Q\x00`\x15Y\xa0&gt;}\xfa0sg\x81.\x99\xff\xe9\xd3\xa7\x0f\xf2?~\xa9\xaa3#\x97\xbd\xf9\xde\xfe\xef\x0e\x84\x9a\xf2\xccH!D\xa8-t\xffw\x07\x96\xbd\xf9\x9e\x1f\x9f\xf8xE\xa6x\x93\x06d\x81\x18\xf2?\xa6d\x9c\x19\x19\x15\x15E\x8f\xbd$I\x8e\x12\xc7\xcc\xc9sTU1\xc9\x93\xefN\xd7uUUfN\x9e\xe3(q\xd03/\x84\x88\x8a\x8a\xf2\xb3\x13\x1f\xaf\xc8\\\x01\x00Y \x86\xfc\x8f)\x19gF\x8e\x1a5\xcaX\xe8\xa4(J\xe6\xda\x8d\x9b3\xb7FD\x9akm0\xe7&lt;"2bs\xe6\xd6\xcc\xb5\x1b\x8d[!\x84\x185j\x94\x9f\x9d\xf8xEfy\x9f\x06d\x81\x90\xff1\'\x1a\xf5\x8e\x1e=\xbam\xdb\xb6\xee\x1b\x04\xcdL\x9dS\xeat\x9a*\xf0+\x8aR\xeat\xba\x9f\xf8\xc89o\xdb\xb6\xed\xe8\xd1\xa3\xcd\x93\xfc!&amp;z\xab\xc4\xc8\x02\x19\xa7_1\xc6\xbe\xd9\xb5\xe7\xc8O\xc7\x02\x83\xfc?\x0b\xa4\xebz`P\xc0\x91\x9f\x8e\xb9\xe7\x7f$IB\xfe\xc7\xefQc\xe7~\xb6\x89qf\xe4\xea\xf7\xd7\x98g\x97P\xda\xf5s\xf5\xfbk.&gt;\xf1\x91j\xa2L\xf5-0]\x000\xb2@t\xc2\x83\x91\x05\xda\x9b\xb3\xcf\x0c\xc7\x03\xd0\x01\x00{s\xf6\xb9\xe7\x7f\xda\xb6m\x8b\xfc\x8f\x19Tuf\xe4\xbci\xaf\xfc\xf6\xf3of83\xf2\xc2\x89\x8f?\xff6o\xda+f8\xf1\xf1\x8aL\x17\x00XE\x16(11\x911Fk#\x19cY\xeb73\x93D~I\xcaZ\xbf\x991F\xeb\x1e\x19c\x89\x89\x89\xc8\xff\x98D\xa5\xf3\xcd\xa9\xc3{&amp;/\x7f\xee\xd4t3\x9c\x19I\'&gt;\xce\x9d\x9a~&amp;/\xdf8\xf1QUU\x7f=\xf1\xf1\x8a\xcc\x18\x00\xe8c\xfe\xdb\xdf\xfe\xc6*\xf6\xc0a\x8cm\xdd\xb4\xc3\xef\xd7\xc5\x18+_\xb6n\xda\xc1\x183\xf6D\xa2[a\xc2\xa7\xdf\x84\x8c3#\x87\r\x1bf\xb63#\xab:\xf1q\xd8\xb0a\xfez\xe2\xe3\x15\x99\xee\r\xb3\x8ai\xcf\xae]\xbbFGG\xd3\xe3.\xcbr~^\xfe\xee\xeco\x82C\xfc\xf9x\x00!DpH\xd0\xee\xeco\xf2\xf3\xf2\xe9&amp;\x08!\xa2\xa3\xa3\xbbv\xed\xca\xb0\x01\x9ciP\x0cHKK\xbb\xf8\xccHE\xf1\xf3g@Q\xe4\x8bO|LKK3g\xeb\xcf\xcc\x19\x00hG\x14\x9b\xcdFY \xda\n\x9f1\x96\xb9v\x83\xe4\xef\x0f\x81$\xcb\x99k70\xc6\xe8P\x04\xc6Xbb\xa2\xcdf\xf3\xd6\xd6`\xb40\xd5\xb4\xbc2\xdc\xa4\x86/22\xf2\xe23#3\xd7~\xe9\xaf\xbb\x84\xd2\xae\x9f\x99k\xbf\xbc\xf8\xc4\xc7\xc8\xc8Hs\xe6\x7f\x18c\xaa\xb7/\xc0\x9b\x92\x93\x93\x97.]j|\x0f\xb7ge\x9f\xfe\xedt\xa8-\x94:\x08\xde\xbe:\x0f3\xf2?\xdb\xb3\xb2\x19cF\x8b\x9f\x9c\x9c\xec\xc5\xabRU%44\x94\xe9L\xf6\xf7\xbeg%\x82\x8b\xd0\xd0Po\x9d\xd2n\x9c\x19\xb9p\xe1\xc2\x9c\x9c\x1c\xa3$t\xea\x84\x19\xf7t\xefd\xec\x17\xe4\x95k\xab\rT\xe0P\xeatN\x9d0\xc3(\xfd\x14B\xc4\xc6\xc6\xfa\xf7\x89\x8fWd\xd2\x00@\x9fw\xe7\xce\x9d\xa3\xa3\xa3O\x9d:E\xd3\xa1g\xf2\xf2wg\x7f\xd3\xab\xdf\xdf\x8ds!\xfc\x89\x10"8$h\xd3\xfa\xcdg\xf2\xf2\xe9\x0b/\x84\x88\x8e\x8e\xee\xdc\xb93\xf3F\xfeG\x08\xc1\x18\xdb\xf7\xdd\xf7\xbd\xe2\x1f\xe0\x9a\xf0\xa3\xd6\xe6\xaa\xe8:STy\xffw\xdf3\xc6D\x9d/=\xa5\xea/\xda\xf7&amp;&gt;&gt;\xde\x18\x04\x1c\xfd\xe9\xd8\xeb\xf3\xde\xfc\xbf\xb4\x17\xce\xe4\xe5\xab\xaa\xff4\x0e\x9c\xf3F\x8d\x1bN\x9f\xf4\xf2\xd1\x9f\x8e\xb9\xaf\xfc\xa2\xfd\x91\xfc~\xd3\xff\xcb\xf0\x9f\xcf\xf8\x9aP\x16(,,,11q\xe9\xd2\xa5\xd4\xdc\x0b!2\xd7n\xe8\x9d\xfc\xff\xbc}u\xb5\xc5=\xff\xc3\x18\xd34-111,,\xcc+\xd5o4\xea*\xb1\x97\xec\xdc\xfaU\x1d\xbft}\xe3\x95\xee\xb6\xfb\xce\x97\xabW\xaf\xbepf\xa4,-\xfd\xf7\xf2\x01\x83\x93\x1bG7r\x95\xbb\xfcc\x10\xf0\xfb\x89\x8f\xff^.\xc9\xbf\x9f\xf8\xe8\xbeC\xaa\xb7\xaf\xd1kL\x1a\xf7\x0c\x94\x00\x11\x15\xb5@\x94\x05\xf2\xbfZ\xa0\x8b\xf3?\xd4\x01\xf7n\xfe\x871F\xeb0L\xcb\xbb-l\xa5\xbd\xef\x19c\x8a\xec\x87gF\xfe\xe1\xc4G\xf9B[\xef~F\x82w/\xcf\xbb\xcc\x1b\x00\xdc\xb3@\xa2\xa2\x16\xe8L^\xfeW\xfeX\x0bD\xf9\x9f\xaf\xb2\xbf9\xf3\xc7\xfa\x9f\xba\xcf\xffP\xb6\xcd`\xd4b\x9b\xd3\xc5w\xa3\xce&gt;\x08Vqfd\x8b\x16-F\x8e\x1cI\x1d\xe1\x8a3#\xbf\xd8\xb1y\xa7-\xcc\xe6\x07\xdf\x02!\x84-\xcc\xb6c\xf3\xceuk\xbe0N|\xe4\x9c\x8f\x1c9\xd28%\xcd\xdb\xd7\xe8M\xe6}\xf3F\x16(!!\x81\xb9\xd5\x02m\xfcl\xa3$K\xba\xf0v\xdb\xe0YB\x97di\xe3g\x1b\x99[\xfdOBB\x02\xe5\x7f\xea\xb2\xdd\xd14M\x08A\xff\x04\x83q[\xea\xec\x83 \x8a\xa2\x08!RRR\x8c\xf3o%I*//\x9f9i\xb6\xa2\xc8\xba\xef\x8f\x83u]W\x14y\xe6\xa4\xd9\xe5\xe5\xe5\xc6\x89\x8f-[\xb6LII\x11B(&amp;N\xfe\x10\x93\xce\x01\xb8\xeb\xdf\xbf\xff\xf2\xe5\xcbEEgg\xcf\xd7\xffu\x968\x83\x82\x83\x84.$\xe6\x0f\xc3C\x9d\xe9V\xab\xd5Y\xe2\xdc\xf3\xf5\x7fY\xc5\xec\xab$I\xfd\xfb\xf7\xaf\xcb\xcb\xa0\xf8\x1a\x1b\x1b\x9b\x95\x95U\x97\xaf\xebCn\xbf\xfdvV\xe7\x032!Dxx\xf8\xe4\xc9\x93\x07\x0f\x1el\xcc\x06\x7f\xbd\xeb\xdb\xd5\xef\xaf\x1908\xa9 \xbf\xd0wg\x835Mk\xd00\xea\x83\xe5\xab\xbf\xde\xf5\xad\xe26\xf7;y\xf2\xe4\xf0\xf0pt\xff\x19c\x92\x1f\x04\xf9j\xd3u]\x92\xa4\xa2\xa2\xa2\x96-[\x16\x15\x15\x19\x1d\xe1%\xab\xde\xbc\xb3c\xac\xd3Q\xea\x1f\xb5\x89\x82\x8bP[\xc87\xbb\xf6&lt;\x9a\xfc$\xfdD\xd7\xf5\xc8\xc8\xc8\xdc\xdc\\3W@\x83\x81\xd2\xfd\xdd\xbbw\xdf\xb6m\x9b\xa2(4h\xbc\xe1\xc6\xeb\xd7\xed\xf88((\xc8G\x8f\x8f\xd7u]Q\x94\xb2\xb2\xb2\x9e\x9d\xff\xf1\xcb\x89_i\xe5\x17\xe7\xbcK\x97.\xd4\x05A\xf7\x9f\x99|\x04@\xdd\x9f\x88\x88\x88\x8e\x1d;~\xfe\xf9\xe7\xd4\xfda\x8c=5\xe8Yk@\x80\xae\x0b\xe6\x17#\x00\xc6tI\x92\xcb\xcf\x9f\xa7`O]\xa1\x8e\x1d;FDD\x88:\xaf\x80\xd6u]\xf8~f\xb9\x96\xd4\xfd4\x80AQ\x94\xb4\xb4\xb4n\xdd\xba1\xc6\x84\x10\xaa\xaa\xfe|\xfc\x977_y{\xf2\xcb\x13O\x9f&lt;m\xb1X\xbcrU5\xa1iZ\x83F\r^y\xe1\xd5\x9f\x8f\xff\xa2\xaa*e\xffeYNKK\xa3\xaf\x80\xb7/\xb0^0\xf5\x08\x801\xa6i\x9a\xaa\xaa\xcb\x96-\x1b:t\xa8I\x1e\x0bz\x9bK\x97.\x1d2d\x08\xbd}o_\x11x\x1f\xa5G\x86\x0e\x1d\xbal\xd92\xca\x93H\x92\x14\x12\x1a\xf2q\xd6\xaa\xe6\xad\x9a\x9d-=+\xcb\nc\xbe\xd2VHB\xf0\xe0\x90\xe0\xa3?\x1d\xfbG\xf7\xe4Rg\xa9^\xb1\xe9\xff\x90!C\x96.]j\xf2\xd2Owf\x0f\x00\x94\x009u\xeaT\xdb\xb6m\x1d\x0e\x07\x15\xa5\xf8\xe2\x80\xf7j\xd0[\xd3u\xddf\xb3\x1d&lt;x\xd0\xd8\n\xc6\xdb\xd7\x0</t>
        </is>
      </c>
    </row>
    <row r="205">
      <c r="A205" s="1" t="n">
        <v>203</v>
      </c>
      <c r="B205" t="inlineStr">
        <is>
          <t>venn</t>
        </is>
      </c>
      <c r="C205" t="inlineStr">
        <is>
          <t>What is the missing number of the part denoted with a question mark?</t>
        </is>
      </c>
      <c r="D205" t="inlineStr">
        <is>
          <t>['6', '4', '5', '7']</t>
        </is>
      </c>
      <c r="E205" t="inlineStr">
        <is>
          <t>5</t>
        </is>
      </c>
      <c r="F205" t="inlineStr">
        <is>
          <t>There are 3 overlapping circles containing the numbers [6, 8, '?']. The overlapping part between the first and second circle contains the number 14. The overlapping part between the second and third circle contains the number 13.</t>
        </is>
      </c>
      <c r="G205" t="inlineStr">
        <is>
          <t>We observe that the circles with 6 and 8 overlap to form the part 14, where 6 + 8 = 14. Hence, the pattern is most likely that the numbers in the overlapping parts are the sum of the numbers in the corresponding circles.</t>
        </is>
      </c>
      <c r="H205" t="inlineStr">
        <is>
          <t>Based on the pattern that the numbers in the overlapping parts are the sum of the numbers in the corresponding circles, the missing number of the circle where the overlapping part is 13 should be 5.</t>
        </is>
      </c>
      <c r="I205" t="inlineStr">
        <is>
          <t>b'\x89PNG\r\n\x1a\n\x00\x00\x00\rIHDR\x00\x00\x02\x00\x00\x00\x02\x00\x08\x06\x00\x00\x00\xf4x\xd4\xfa\x00\x00\xa0\x87IDATx\x9c\xec\xddg\x98\x14\xc5\x16\x80\xe1\xaf\xbb\'\x87\xcd,9g\x10$(\n\x8a`D\x05\x15#\x98\x15$\x9as\xce\x98\x15\x13*\xa2"**\x88\x18P\x14\x14\x01%\t(Q$I\xcea\xd3\xccN\xeep\x7f\xf4\xcc\x12\xd4+\xb0\x0b\xec\xcc\xd4\xfb&lt;\xde\xab\xec2\xdb;g\xba\xebT\xd5\xa9*\xc90\x0c\x03A\x10\x04A\x10\xd2\x8a|\xb4/@\x10\x04A\x10\x84#O$\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G\xfb\x02\x84\xa3\xc30\x8c}\xfe}\xef\xff\xde\xff\xeb\t\x92$\xfd\xed\xdf\xf7\xff\x7f\xa1rH\xc4o\xff\xd8\xfeS\\\xf7\xb6\x7f\x8cE|+\xa7\xbd\xe3\xbb\xf7\xff\xef\xff\xef{\x13\xf7\xaf\xb0?\xc9\xf8\xaf\'\x82\x90\xb4\x12\xa1\xd5u\xbd\xec\xdf\x13\x0fuY\xae\xf8\xc1\x1fM\xd3\xfe\xf6s\xf6nD\x84\x8a\x95h\xdc\xf7n\xe4\x13\xb1=\x1c\xefy\xe2sd\x18F\xd9\xeb\x1f\xae\x9f%\xfc{|\x0f\xc7\xfdk\x18\xc6?&gt;\'\xc4\xfd\x9b\xdaD\x02\x90B\xf6\x7f@+\x8a\xf2\x7f\xbf?\x10\x08\xe0\xf7\xfb)))\xa1\xb4\xb4\x94\xd2\xd2RB\xa1\x10\xc1`\x10UU\x89Fc\xe8\xba\x8e\xc5\xa2`\xb5Z\xb1\xdal\xb8\x9cN\\.7\x1e\x8f\x1b\x8f\xc7KVV&amp;n\xb7\x1b\xa7\xd3\xf9\xaf?g\xef\x87\xcb\xe1l\xa0RY"\xae\xba\xae\x03f\xc3\xfb\xff\x1a\x81@ @,\x16c\xd7\xae]\x14\x16\x16\x12\x89F\x89F\xa2\x14\x15\x15\xe2\xf7\xfbQU\x95H4\x8aa\x18\xd8\xacV\xacV+.\x97\x8b\xec\xecl\\.\x17\x16\x8b\x85\xcc\xccL\xaaU\xab\x86\xcdf\xc3\xeb\xf5\xfe\xdfk\x13\xf1-\x9f\xfd\x1b\xfb\xff\x8a\xaf\xa6i\x04\x83AJJJ\xf0\xf9|\xf8KK\t\x06\x02\x04\x83!B\xa1\x10\x9a\xa6\x12\x8dF1\x0c\xb0\xda\xacX,\x16\x1cv;N\x97\x0b\xb7\xcb\x85\xc7\xe3\xc1\xeb\xf5\x92\x99\x99\x85\xdb\xed\xc2f\xb3\xfd\xdfk\xd34\r\xd8\x93\xf0\x89\xf8\xa6\x06\x91\x00$\xb1\xbd\x1b|\x8b\xe5\xef\xb39\x86a\xb0c\xc7N6lX\xcf\xda\xb5\xebX\xb3f\rk\xd7\xade\xd3\xa6Ml\xdf\xb6\x8d\x9d;wPRRB$\x12=\xe4kp\xb9\x9cdeeS\xbdzu\xaaU\xabF\xbdz\xf5\xa9_\xbf\x1e\x8d\x1a5\xa2^\xbdz\xd4\xa9S\x87\xec\xec\xec\x7f\xbcv]\xd7E\x83\xf1/\xf6n\xf0\xff-\x99+--e\xf3\xe6\xcdl\xd8\xb0\x81\xe5\xcb\x97\xb3y\xf3fV\xae\\IAA!\x1b7n\xc0\xef\xf7\xe3\xf3\xf9\xcau\x1dn\xb7\x1b\xb7\xdbM\xadZ\xb5\xa8R\xa5\n\xf5\x1b4\xa0n\xdd\xba4m\xd2\x84\xbau\xebR\xbf~}\x11\xdfCp \xf1\x8dD"l\xdf\xbe\x83\xf5\xeb\xe3\xf7\xee\xda\xb5\xac]\xbb\x96-[\xb6\xb0}\xdb6v\xef\xde\x8d\xcf\xe7C\x8d7\xce\x07K\x02&lt;^/\xb9\xb9\xb9e\xf7o\x83\x06\r\xa9W\xaf\xaey\xff\xd6\xafO\xad\x9a5\xf1x&lt;\x7f\xfb\xbb"\xbe\xa9A$\x00Id\xef\x87\x86\xa2(\x7f\xbb\xe96o\xde\xcc\x9f\x7f\xfe\xc9\x82\x05\x0bX\xb8p!\xcb\x96-c\xcd\x9a5\x84\xc3\xe1\x7f|=\xc5b\xc5\x9b\x91IfV6\x1eo\x06\x1e\xaf\x17\xa7\xd3\x85\xc3i\xf6\x00\xadV\x1b\xb2"\xa3\xaa\x1a\xaa\x1a%\x16\x8d\x12\x0e\x85\x08\x06\x03\x04\xfc~\xfc\xfe\x12\x8a\x8b\n)\xf5\xfb\xc1\xd0\xff\xf1gdff\xd2\xa4I\x13Z\xb5jE\xbbv\xedi\xd7\xae-M\x9b6%\'\'g\x9f\xefK&lt;P\xfe\xab\xe7\x93\xca\xf6\xee\xe1\xef\xdf \x84\xc3aV\xadZ\xcd\xe2%\x8bY\xb8`\x01\x8b\x16-b\xc5\x8a\x15l\xdb\xb6\xed__\xcfb\xb5\xe1\xf6xp{&lt;de\xe5\xe0\xcd\xccFQ\x14,V+\x8a,c\xb1\xda\x90$\tU\x8d\xa1\xa9*\xaa\xaa\xa2\xeb\x1a\x81R?\xc5\x85\x85\xf8\xfd%\x84\x82A\xc2\xa1\xe0\xbf\xfe\x8c\xac\xac,\x9a6mJ\x8b\x16-h\xd7\xae\x1d\xed\xda\xb5\xa3y\xf3\xe6\x7fK\nD|\xf7\x1d)\xd9?aWU\x95u\xeb\xd6\xb1d\xc9R\x16,\xf8\x9dE\x8b\x16\xf1\xe7\x9f\x7f\xb2i\xe3F4\xfd\x9f\xef-\x9b\xddAFfV\xd9\xfd\xebr{p:]\xd8\x9dN\x14E\x89\xf7\xea\xcd\xf8\xaa\xaaJ4\x126\xef\xdf@)\xa5~\x1f\xbe\x92\x12J\x8a\x0b\t\x05\x03\xffz\xcd\xf9\xf9\xf94k\xd6\x8c\xd6\xad\x8f\xa5]\xbbv\xb4is,M\x9a4\xc1\xedv\xef\xf3}\x89\xe9\xbft\x8eo2\x12\t@%\xf7\xff\x1e\x1a\x1b7nd\xee\xdc\xb9\xcc\x981\x83\xd9\xb3g\xb3d\xc9\x12b\xb1\xd8&gt;\xdf\xe3\xcd\xcc\xa2N\xbd\x86\xd4m\xd0\x88\xda\xf5\x1aP\xabv=\xaa\xd6\xa8IN^&gt;\x99\xd99\xb8\xdd^\xec\x0e\x076\x9b\r\xab\xcd\x86$\xc9H\x12$r\x0bI\x82\xc4\'\xc40\xcc\x7ftM#\x1a\x8b\x12\x8dD\x88\x84C\x94\xfa}\x14\x17\x16P\xb0k\'\xdb\xb6ld\xcb\xa6\xf5lX\xfb\x17\x1b\xd7\xada\xd3\x86uD\xc2\xa1}\xae);+\x8b6\xed\xdaq\xf2I\'\xd1\xf9\x94Sh\xd7\xb6-\xb9\xb9\xb9\xfb|\x8f\xaa\xaai\xf10\xf9\xb7F_UU\x96-\xfb\x93Y\xb3f\xf2\xcb\x8c\x19\xcc\x9f7\x8f\xb5k\xd7\xfe\xed\xefgfeS\xa7~Cj\xd6\xaeK\xdd\x86M\xa8Z\xad\x06\xb5\xea6\xc0\xe3\xf5\x92\x97_\x1d\xb7\xc7\x83b\xb1\x98\r\x83\xc3\x89\x04e\xc1-\xcb\x1f\r0\x12\xff\x02D#QB\xa1\x00\xb1h\x94h4\xc2\xae\x1d\xdb(\xf5\xfb\xd9\xbee\x13\xdb\xb7lb\xd3\x86ulZ\xbf\x96\x8d\x1b\xd6\xb0s\xdb\xd6\xbf]Snn.m\xda\xb4\xe1\xa4\x93N\xe2\x94SN\xa1]\xbbv\xfb$\x04\x89!\xe5t\x8e\xafa\x18\xac\\\xb9\x92\xd9\xb3\xe70c\xc6/\xfc\xfa\xeb\xaf\xacX\xb1\xe2o\x7f?/\xbf\x1au\xeb7\xa4n\xc3\xc6\xd4\xae[\x9f\x1a\xb5\xeb\x91_\xb5:\xd9\xb9U\xc8\xcc\xca\xc6\xe9vc\xb3\xd9\xb1\xd9\xedX-V$Y\xda\x13W\xc9\xec\xe5\xef\x7f\xffj\xaaJ4\x1a!\x1a\x89\x10\x0e\x05\xf1\x95\x14S\\X\xc0\xee]\xdb\xd9\xbai\x03[6m`\xfd\x9aUl\\\xbf\x96-\x1b7\xa0\xeb\xfb\x8e0\xd4\xa8Q\x83\xe3\x8e;\x8e\x93;w\xe6\xe4\x93O\xa6u\xab\xd6\xb8\xdd\xae}~\xb7t\x89o\xb2\x13\t@%\x95\xe81\xed\xdd\xe8k\x9a\xc6\xc2\x85\x0b\xf9\xe1\x87\x1f\x99&lt;y\x12s\x7f\xfd\x95Ht\xcf\xf0}Ff\x16MZ\xb4\xe2\x986\xedi\xd1\xaa\r\xf5\x1a5\xa3z\xcd\xdade\xe7\xe0p:P\x94\xf8\x03@\x03M\xd3\xd1\xe2=\xbe\xc4\xcf2?\n\xc6^\r\xc2\xbe\xa4\xbd\xfe\xc7\x1c\xf63opEQP,\x16\x14EB\x8e?\xe3\xd4\x18\x04\x03\xa5\x14\x15\xecb\xf3\xc6\xf5\xac]\xb5\x82?\x97.d\xd9\xe2\xdfY\xf9\xe7\x1f\xa8\xb1=\xd7\x9d\x9b\x9bK\xe7\xce\x9d\xe9\xd6\xad\x1b\xa7\x9ez*M\x9b6-\xfbZ\xe2a\xf2O#\x1e\xc9\xea\xdf\x1a\x85\x82\x82\x02f\xcc\x98\xc1\xe4\xc9\x93\x99&gt;}\xfa\xdf\x1a\x84\xec\x9c&lt;\x9a4?\x86\x96m\xda\xd1\xac\xe5\xb1\xd4k\xd4\x84\xea5k\x93\x99\x9d\x8bs\xbf\xf8\xea\xba\x81\xaa\xc6\xd05\x1d\xc3\xd0\xcbb\x1c\xbf\x82}\xfe\x8f\xb2\xb7uOE\xb8\xac(\xc8\x92\x84$\xcbX,V\x14EF\x96AV@\xd7 \x1aQ\xf1\x95\x14\xb1k\xc766\xac\xfd\x8bU\x7f.e\xf9\xd2E\xac\\\xbe\x94\x8d\xeb\xd6\xecs\xdd\xf9\xf9\xf9\x9c|\xf2\xc9\x9cuV7\xba\x9e\xda\x95\xa6M\x9a\xec\xf3^\xa4Z|\x81\xb29\xf3\xbd\xe3\xeb\xf7\xfb\x993g\x0e\x93&amp;Mf\xca\x94\x1fY\xbat\xe9&gt;\x7f\xa7j\x8dZ4o\xd9\x9a\x96\xc7\xb6\xa3i\xcb\xd6\xd4k\xd8\x94*\xd5\xaa\x93\x91\x99\x85\xddnE\x96A\xd7\xcd\x7fTUC\xd3\xd4}\xe2{`\xf7\xef\x9e\xc2\xbeD\x03-+\x16,\x16\x0b\xb2L\xd9g(\x16\xd3)\xf5\xfb)\xd8\xb9\x9d\x8d\xeb\xd7\xf2\xd7\xcae\xfc\xb9d!\xcb\x97.\xe2\xaf\x95\x7f\xee\xf3\xba\xb5k\xd7\xa6K\x97.\x9cy\xe6\x99t\xe9\xd2\x85\xbau\xeb\x96}-q]b\x9a\xa0r\x12\t@%\xb2\xf7\x9c`"s\xd6u\x9d_\xe7\xce\xe5\xeb\xaf\xbeb\xe2\xc4\x89,[\xb6\xac\xec\xfb=\xdeL\xda\x1cw\x02\xc7w:\x85\xd6\xed;\xd0\xb0I\x0b\xf2\xaaT\xc5\xee\xb4`\xe8\xe6M\x1c\x8bE\xd1b1s\x18\xd10\xca\x1a\xf0\xfd\x0by\x0e\xe5\xe6\xdc\xf3\xd11\xe2\xbd\x0b\xa3\xac\xbb!\xc9\x12\xb2l\x0e7\xdblv,\x16\xf3\xa1\x14\x0c\x84\xd9\xbee3\xab\x97/e\xe1\xbc\xd9\xcc\x9f3\x83\xa5\x0b\x7f\xdb\xa7\x97\xd1\xa9S\'.\xb8\xe0\x02z\xf4\xe8A\x8b\x16-\xca\xfe\xfc\x9f\x1e\xaa\xc9$\xd1\xd8\xed\x9d\xd4\x15\x16\x162e\xcaOL\xf8f\x02S~\xfc\x91\x1d;v\x94}-;7\x8f6\xedO\xa0\xfd\x89\'\xd3\xaa]\x07\x1a4nFn\x95\xaa8\x1c\n\xfaa\x8e\xef\xdf\x96\x95\x19\x86\xd9\xa8\x18\x06H\x12\xb2,\xa1(\xd6xq\xa8\x05E\x01U\x85\x92\xe2"6\xad_\xcb\xf2\xa5\x8bX0w&amp;\x0b\xe7\xcfa\xed\xea\x95e\xaf\xa5\xc82\x1d\xe3\xf1\xed\xde\xbd;\xcd\x9b7/\xfbZ*\xc6\xd7\xef\xf73}\xfat\xbe\xfe\xfak&amp;O\x9e\xcc\xe6\xcd\x9b\xcb\xbeV\xb5F-\xdaw\xe8\xc4q\x1d;\xd3\xb2\xcdq\xd4k\xd0\x98\xac\x9c\x1c\xacV\tM\x83XL%\x16\x8d\x99\r}Y|\xa5}\x1ar`\x9fQ\x9d\x83\xbd\xde=\xffo\xde\xc3\x89\xcf\x90$\x99\x89\xbd\xd5j\xc3j\xb3\xa2X\xcc\xc4\xaf\xd4_\xca\xd6M\x1bX\xfe\xc7b~\xffu\x06\xbf\xcf\x9d\xc5\xaa?\xf7$2v\xbb\x9d.]\xba\xd2\xf3\xc2\x9e\x9c\xdd\xad\x1b\xf5\xeb\xd7/\xfb\x9a\xa6i\x87m\x05\x92phD\x02P\t\xfc\xd3\x83c\xe5\xca\x95|\xfe\xf9\xe7\x8c\x1b7\x8e\xc5\x8b\x17\x97\xfdy\xdd\xfa\x8d\xe8\xd8\xe5tN:\xf5LZ\xb59\x9e\xaa5ja\xb3\xcb\xa81\x88D\xc2\xa8\xb1(\xba\xa6\xef\x93\xe9\x1f\xbd\xcc;\x91\x18$z\'\x12\x8a"c\xb5\xd9\xb1\xdbm\xc8\n\x84\x02Q6\xad_\xc3\xa2\xdf~e\xd6\xf4\x1f\x99\xf3\xcbT\nv\xedi\x04\xbbv\xedJ\xef\xde\xbd\xe9\xd1\xa3\x075k\xd6,\xfb\xf3\xc4\x10c2\xf4*\x12\xbd\xa0D\xc3\xa6\xeb:?\xff\xfc3\x9f~:\x86o\'~\xcb\xb6\xad{\x86\xd1\x1b7k\xc9\x89\xa7\x9cF\xa7.g\xd0\xf2\xd8\xf6\xe4W\xab\x81\xcd&amp;\x11\x8bA$\x1c\x8f\xaf^9\xe2\xbb\xcf\x12\xb5\xc4\xca\x13\x8b\x15\xbb\xdd\x8e\xcd\xae`\x18PRT\xc2_\xab\x96\xf3\xdb\x9c_\x985\xedG~\xfbu\x06\xd1H\x04\x00Y\x96\xe8\xda\xf54z\xf7\xeeE\xf7\xee\xdd\xa9Q\xa3F\xd9k\'s|\x01f\xcf\x9e\xcd\x981c\x980a\x02\x1b6l(\xfb\xf3c\xda\xb4\xe7\xe4\xd3\xba\xd1\xb1\xf3i4m\xd9\x9a\x9c\xbc*(\nD\xa3:\xd1H\x18UU1*Q|\xc1\xc0\xd0\xe31\x8e\x17+\xda\xec\x0e\xecv\x0b\x92\x04~_\x90\xf5kV\xb1`\xeeLfN\xfb\x81\xb93\xa7\x13(\xf5\x03`\xb3\xd98\xab[7z\xf7\xea\xcd\xd9\xe7\x9cMn\xbc\xee\'\xd1\xd1I\x96\xf8\xa62\x91\x00\x1cE\xfb?8B\xa10\xdf\x7f\xff\x1d\xa3F\x8db\xe2\xc4\x89eC\xb6u\xea7\xe4\xf4\xb3\xcf\xa7\xebY\xddiyl{\xb2s\xb3\xd0u\x08\x87"D\xa3\x11\x8c\xf8\xa8\x81\x94$7T\xd9\x10\xb8a +\nv\xbb\x03\xbb\xd3\x8a\xa1\xc3\x8em\xdbX8\x7f\x0eS\xbf\xff\x9a_~\x9aD\xc1\xae\x9d\x80YLx\xe1\x85\x17q\xcd5\xd7p\xea\xa9]\xcb^KU\xd5J;|\xbc\x7f\x8fg\xf3\xe6\xcd\x8c\x1b7\x8e\x8f&gt;\x1a\xcd\xc2\x85\x0b\xca\xbe\xafq\xb3\x96\x9cv\xf6y\x9cr\xc6\xb94o\xdd\x86\xcc,/\x9aj\x16\xfe\xc5\xa2Q3\xbe\xb2\x14\xaf\xcf\xa8|\xbf\xe7\xde\xf6$\x05: a\xb1X\xb0;\x9c\xd8\xec2\xd1\xb0\xca\xfa\xb5\x7f1o\xd6\xcfL\x9b\xf45s~\x99F$b\x16\xa8\xe6\xe4\xe4\xd0\xb3gO\xae\xbe\xfa\x1a\xbav\xedR\xf6z\xc9\x14\xdf\x1d;v\xf0\xf9\xf8\xf1|\xf8\xe1\x87\xcc\x9b;\xb7\xec\xfbZ\xb5;\x9e3\xbb_\xc8\xc9]\xcf\xa4Q\xb3cp{\x1d\xa81\x08\x87\x82\xa8\xb1\x18\x06FYl+\xe3\xef\xb9?C\xd7\xd1\xe3\xc9\x81\xa2\x98\xf1\xb5\xdb\x15\xd4\x98\xc1\x96M\xeb\x99?\xe7\x17\xa6~\xff\r3\xa7\xfdP\x96\x0cT\xaf^\x9dK.\xbd\x94\xab\xae\xbc\x92\x0e\x1d:\x94\xbdVe\x8eo:\x10\t\xc0Q\xb0\x7f\xc3\xbfu\xebVF\x8f\x1e\xcd\xc8\x91#Y\xb9\xd2\x1c.\xf5ffrZ\xb7\xf38\xf7\xc2^\xb4;\xe1$rr\xb3QU\x08\x05\x03\xa8j\x8c=\xf3\xf0\xc9\x7f\xe3$\xe60A\xc2f\xb3\xe1t9\x91$\xd8\xb6e+s~\x9e\xc2\xf7_\x8fc\xfa\x8f\xdf\x99=#\xcc)\x82\xbe}\xfbr\xe9\xa5\x97\x96\xadO\xafL=\xc6\xfd\xaf\xe5\xb7\xdf~c\xe4\xc8\x91\x8c\x19;\x96\xa2\xc2B\x00\xaa\xe4W\xe3\xb4s\xce\xe3\xec\x0b.\xe5\xd8\xf6\'\x92\x99\xed%\x165\x08\x05\x83hj,&gt;\xcc^9~\x9fr1\x0ct\xc3\x88\'12\x0e\x87\x13\x87\xd3J,\xa6\xb3n\xf5J~\xfeq"\x93&amp;\x8cg\xd1o\xbf\x96\xfd\x95\x93N&gt;\x99\xbe}\xfap\xc9%\x97\x94\xc5\xb725\x14\xfb7\xfcK\x96,\xe1\xfd\xf7\xdf\xe7\xe3\x8f?f\xd7\xae]\x00\xd4\xaaS\x8fn\xe7_\xc2Y=.\xa2y\xeb\xb6\xb8=\x0e\xa2a\x8dp8\x88\xa6jI\x93\xd0\x1d\x08\xf3y\xa6#I26\xbb\x1d\xa7\xd3\x8e\xae\xc3\xa6\xf5k\x99\xf1\xd3d&amp;}=\x8e_gN+\xfb\xfe3\xcf&lt;\x93~\xfd\xfaq\xfe\xf9\xe7c\xb7\xdb\x81\xca\x15\xdft"\x12\x80#h\xff\x86\x7f\xd5\xaaU\x8cx\xe7\x1dF\xbd\xff&gt;\x05\x05\x05\x00\xb4&lt;\xb6\x1d\x17\\v\x15g\x9c{!\xb5\xeb\xd7\xc3\xd0!\x180\x1b}\xb3\x87\x90\x1a\x0f\x8d\x7f\xb3w\x81\x9c\xcdf\xc7\xe5v\xa0\xaa:\xab\xfe\\\xca\xe4\t\xe3\xf9\xfa\xb3\x8f\xd8\xbcq=\x00\xf5\xeb\xd7\xa7\x7f\xff\xfe\xf4\xe9\xd3\x87\xfc\xfc|\xe0\xe8&gt;H\xf6o\x18\xa6N\x9d\xca\xb0a\xc3\xf8\xf2\xcb/\xcb\xbe\xa7\xfd\x89\'s\xfe\xa5Wr\xda\xd9\xe7Q\xbdVM\xb4DR\x17\x8b!\xa5A\xd5t"\xd9\x93\xa4=\xc9@0\x10f\xd1\xfc9|;\xfeS&amp;\x7f3\x9e\xe2"3Ij\xd8\xb0!7\xdcpC\xa5\x89\xef\xde\x9b0\x01\xfc2c\x06o\x0c\x1b\xc6\xb8q\xe3\xca\xe6\xd3\xbb\x9cq\x0e\xe7_v5\'\x9fz&amp;y\xf9y\xc4\xa2:\xa1`\xc0\xfcl\xa4E|\xe3uL\x80\xdd\xe1\xc0\xe9\xb2\x13\t\xab\xfc\xb1\xe87\xbe\xfbj,\x13\xc7\x8fa\xd7\xce\xed\x00\xb4ly\x0c\x03\x06\xf4\xe7\xea\xab\xaf&amp;++\x0b\xa8\\\x89|:\x10\t\xc0\x11\xb0\xff\x1c\xff\x8a\x15+x\xfd\xf5\xd7y\x7f\xd4\xfb\x84\x82\xe6\x12\xb9\xd3\xcf9\x9fK\xaf\xba\x81\x8e]N\xc7\xe3u\x11\x0cF\x88\xc4\xd7\xef\xa7\xeb\r\xb1wQ\xa4\xd3\xe5\xc2\xee\xb0\xb0{\xc7n\xa6M\xfe\x96\xcf&gt;z\x97\x05sg\x01P\xadZ5\x06\x0c\x18\xc8\xa0A\x03\xa9Z\xb5*pd\x1f$\xfb\'v?\xfe\xf8#C\x87\x0ee\xd2\xa4I\x00X\xadV\xce:\xef".\xb9\xea\x06\x8e\xeft\nN\xa7\x8d@i\x98h4\x8c\x84\x84\xac\xc8\xecU\x8a\x9f6\x8c\xc4\xde\x00\x8a\x82\xdb\xedA\xb1JlX\xbb\x9eI_\x7f\xc6\xf8\x8f\xdfg\xedjs\x15D\xf5\xea5\xe8\xdf\xbf\x1f\x83\x06\r\xaa\x14\xf1\x9d6m\x1aC\x87\xbe\xcc\xb7\xdf~\x03\x80\xdb\x93\xc1y\x97\\\xceE\x97_K\xebv\'`\xb1\xca\x04J\x83\xc4\xa2\xd1\xb4h\xf4\xff\x8dy\xff\x9aqr\xba&lt;\xd8l2[7o\xe5\xc7o\xbf`\xdc\xe8\xf7X\xbet\x11\x00u\xeb\xd6e\xf0\xe0\xc1\xf4\xeb\xd7\xafl\xb9hbe\x88px\x89\x04\xe00\xdb\xfb\x83\xbc~\xfdz^~\xe5\x15\xde\x191\x82P(\x84\xa2X8\xff\xd2+\xe8u\xdd\x00\xda\x1e\xdf\x11I\x92\x08\x94\x96\xa2\xa9*\xb2\x18\x0e\xdb\x87\xae\xeb\x18\xba\x8e\xd5f\xc3\xedq\x11\nE\x98\xf3\xf3\x14&gt;~\xf7\r~\x9e\xf2=`&amp;\x027\xddt37\xde8x\x9f\x1e\xc5\xe1z\x90\xec\x9f\xd8\xcd\x9c9\x93g\x9f}\x96\x89\x13\'\x02\xe0\xf6x\xe9\xd9\xeb*.\xbd\xfa\x06Z\x1e\xdb\x0e]\x87@\xa9?\xfeP\x14\xf1\xdd\x9b\xae\x9b\x1b\xc9\xd8\x1dN\\n;\x85\xbb\x8b\xf8\xe9\xfb\xaf\xf9t\xe4[,\xfe}\x1e`\xc6\xf7\xc6\x1bo\xe4\xc6\x1bo&lt;"\r\xc5\xfe\xf1\x9d3g\x0e\xcf=\xf7\x1c_\x7f\xfd5\x00\xb9U\xf2\xb9\xf4\xea\x1b\xb8\xa8\xf7\xb54l\xda\x84XT\'\x10(\x15\xcb\xde\xfeA\xe2\xfe\xb5\xd9\x1d\xb8=\x0e|%\xa5\xfc2\xe5{&gt;y\xef\r\xe6\xce\xfa\x19\x80:u\xear\xdbm\xb7\xd2\xaf_?&lt;\x1e\xcf&gt;\x9b\x9e\t\x87\x87H\x00\x0e\x93D\xcfU\x92$\x8a\x8b\x8by\xed\xb5\xd7x\xe5\x95W(**B\x96\x15.\xba\xfc\x1a\xae\xec{#\xc7\xb4k\x8f\xa6\xea\x04JK\xffVI,\xfc\xdd\x9e^\x85\x82\xc7\xebE\xd3t\xe6\xce\x9c\xca\xa87_f\xfa\x8f\xdf\x01\xd0\xa0A\x03\xee\xbd\xf7^\xfa\xf4\xe9\x83\xc5b9,\xbd\xc5\xbd\x1b\x9e\x15+V\xf0\xf4\xd3O\xf3\xd1G\x1f\x01\xe0r{\xb8\xe4\xca\xeb\xb9\xbc\xcf@\x9a4oA$\xa2\x12\x0c\x04\x90\x00Y\xc4\xf7\xff2\x0c\x03]\xd3\xb0X\xadx2\xdc\x04K\x83L\x9d4\x81\x0f\x86\xbf\xc6\xc2\xf9s\x00s\xea\xe7\xee\xbb\xef\xe6\x86\x1bn\xc0j\xb5\x1e\x96\xe5e{\xc7w\xf5\xea\xd5&lt;\xfd\xcc3\x8cz\xff}\x00r\xf2\xaapE\x9fA\\re_\xea\xd4\xafC0\x18%\x1c\n\x96\xed\x8b!\xfc\xbbD|\x15\x8b\x05\x8f\xd7C4\x12e\xc6\xd4\xc9|0\xfc\x15\xe6\xfc2\x15\x80\xe6-Zp\xdf}\xf7q\xcd\xd5W\x03bZ\xe0p\x12\t@\x05\xdb\xbf\xd7\xf0\xe1G\x1f\xf1\xe4\x13O\xf0\xd7_\x7f\x01pn\xcf\xcb\xe8s\xe3\x9d\xb49\xbe\x03\xb1\xa8F P*\xd6\xc6\x1e\xa2\xc4\x83\xdf\xe3\xcd\xc0\xd0ufN\x9b\xcc;\xaf=\xcf\xdc\x99\xd3\x01\xe8\xd8\xb1#\x8f?\xfe8g\x9eyf\xd9\xf7\x977\xc1\xda{\x1e\xd8\xe7\xf3\xf1\xe2\x8b/\xf2\xca+\xaf\xe0\xf7\xfbQ\x14\x85\x8b.\xbf\x8e\xeb\x06\xddF\xb3V\xc7\x10\x0e\xc6\x08\x05\x03i=\x0c|\xa8\x12\x89\x9e\xa2(x2\xbc\x84\x82!~\xf8f&lt;\xef\r{\x91\xe5K\xcde\xb1\'\x9cp\x02\x8f=\xf6\x18g\x9f}6`\xd6\x07\xfc\xd3\x99\x18\x07c\xef\xf8\xfa\xfd~\x86\x0e\x1d\xcaKC\x87\xe2\xf7\xf9p\xb9=\\\xd1g\x10W\xf4\x1dL\xdd\x06\xf5\x08\x96\x9a;a\xca\x8a\xb9)\x96pp\x12\r\xbb\xc7\xeb%\x16\x8b1}\xf27\xbc\xfb\xfa\x0b,\x9co\x16\x84v\xed\xda\x95\xc7\x1f\x7f\x9cSN9\xa5\xec\xfbE\x07\xa9b\x89\x04\xa0\x02\xed\xfd\x01]\xb0`\x01\xf7\xdf\x7f??\xfc\xf0\x03\x00\x1dN\xea\xc2\xc0;\x1e\xe0\xe4S\xcfB\xd34\x02\xa5\xa2\xe1\xaf(\xba\xa6\x81$\xe1\xcd\xc8 \x1a\x8d2\xe9\xebq\x0c\x1f\xfat\xd9\x8ee\xd7]w=\x8f?\xfe\x18u\xea\xd4\xf9[!\xd7\xc1\xd8\xbb\x81\x19?~&lt;\x0f=\xfc0+\x96/\x07\xa0\xeb\x99\xe72\xf0\xce\x079\xee\xc4ND"1B\x81\x80\xd9k\x11\xf1-\xb7DC\x91\x91\xe9\xc5W\xe2\xe3\x8bOF\xf1\xeek\xcf\xb3}\xdb\x16\x00\xae\xba\xeaj\x9ex\xe2q\xea\xd7\xaf\xbf\xcfiz\x87\xf2s\x12\xf7\xef\x17_|\xc9C\x0f=\xc4\xf2\xe5\xe6g\xa8g\xaf\xab\xe9w\xcb=4ku\x0c\xc1@\x84p($\xaa\xd6+H"\xbe\xde\x0c/\xa1`\x90o&gt;\xff\x94\xb7_y\xa6lG\xc9\x01\x03\x07\xf2\xe8#\x8fP\xbdz\xf5r\xdd\xbf\xc2\xdf\x89\x04\xa0\x02\xec\xdd\xeb\x0f\x85B&lt;\xf3\xcc3&lt;\xff\xfc\xf3D"\x11j\xd4\xaa\xcb\xe0\xbb\x1f\xa2g\xaf\xab\xb1Y\xed\xf8|%\xa2\xe1?L\xf6n(\x8a\n\x8b\x18\xfd\xce0\xde{\xfd\x05JK\xfdT\xc9\xcf\xe7\xa9!C\xe8\xd7\xaf\x1fpp\xbd\xc5\xbd\xe7"7l\xd8\xc0}\xf7\xdd\xc7\x981c\x00h\xd4\xb4\x057\xde\xfd0\xe7\xf4\xbc\x0c\x80R\xbfO\x0c\x05\x1f&amp;\x9a\xa6b\xb1X\xc9\xc8t\xb3y\xe3f\xde\x1b\xf6"\x9f\xbc\xf7&amp;\xb1X\x8c\xbc\xbc&lt;\x1e\x7f\xfcq\x06\x0f\x1e\x0c\x94/\xbe\xf7\xdf\xff\x00\x9f~\xfa\t\x00m;t\xe2\xe6{\x1f\xa5\xf3ig\x11\x8b\xc6\x08\x04\x02\xa2\xe1?L\x12\tXF\xa6\x87\x9d;v\xf2\xc1\xf0W\x19\xf5\xe6\xcb\x84\xc3!j\xd6\xac\xc9SO=\xc5\xb5\xd7^\x0bT\xcch\x8f \x12\x80rK\xech\x05f\x11\xd8m\xb7\xdd\xc6\xef\xbf\xff\x0e\xc0\x957\xdc\xc8\xa0;\x1e\xa0z\xcd\x1a\x94\x14\xfbEA\xcb\x11\xa2\xa9*\x16\x9b\x8d\x8c\x0c\x17\xcb\x97\xfe\xc1\xab\xcf&lt;\xc2\x0f\xdf\x9aK\xf1\xbaw\xef\xce\xcb/\xbfL\xe3\xc6\x8d\x0fhnq\xef^\xe1\xa8Q\xa3\xb8\xef\xfe\xfb\xd9\xb1};v\xbb\x9d\xeb\x06\xde\xce\r\xb7\xdcMvn\x0e%\xc5&gt;\xc0@\x96E|\x0f\xa7D\xb2\xedp8py\x1c\xcc\x9f=\x9b\x97\x87&lt;X6\xeds\xd6Yg\xf1\xf2\xcb/\xd3\xa2E\x8b}\xeap\xfe\xcd\xde\xf1}\xff\xfd\xf7\xb9\xff\xfe\xfb\xd9\xb1c\x07\x99Y\xd9\x0c\xbe\xeba.\xef3\x10\x87\xc3\x89\xafD$\xeeG\x8a\xa6\xaaX\xedv\xbc^\'K\x16,\xe4\x95\xa7\x1ff\xfa\x0ffa\xed\x85\x17^\xc8K/\xbdD\xfd\xfa\xf5Em@\x05\x10\t@9$\xb2\xd0X,\xc6\x90!C\x182d\x08\xba\xae\xd3\xa2U[\xeey\xfcy:\x9f~\x86\xb9\xdc+\x12F\x11\xd9\xea\x11\x95h(\xdc\x1e7\x8ab\xe1\xeb\xb1\x1f1t\xc8\x83l\xdf\xba\x99\x9c\x9c\x1c\x9e\x7f\xfey\xfa\xf6\xed\x0b\xfc\xfb\xdcb"\xbe;v\xec\xe0\xf6\xdbo\xe7\xd3O?\x05\xa0\xfd\x89\'q\xdf\x13/\xd2\xfe\xc4\x13\xf1\xfb\xcc\xe5^"\xbeGV"\xbe\xde\x8cL4-\xc6\'\xef\xbd\xc5\xb0\xe7\x1f\xa7\xa4\xb8\x88\xcc\xccL\x9e~\xfa\xe9\xb2\xd1\x80\x7f\x8a\xef\xde\xa3v\xdb\xb6m\xe3\x8e;\xee(\x1b\xd59\xb3\xc7\x85\xdc\xf9\xf034i\xde\x94\x92\xe2R1\xf7|\x14$\xe2\xe3\xf1x\x91$\xf8\xfc\x93\xf7y\xe5\xa9\x87\xd8\xbds\x07U\xaaT\xe1\x85\x17^(\x1b\r\x10\xf19t"\x018\x04{\x0f\x19._\xbe\x9c\x01\x03\x072\xe3\x97_\x00\xb8\xe1\xe6\xbb\x19t\xe7Cx32\xf0\x15\x17\x8b\xe5|GYb\xcb\xe1\xac\x9cL6m\xd8\xc8\x8b\x8f\xdf\xcb\xb7\xe3\xcd\x07\xfdUW]\xc5+\xaf\xbcBnn\xee&gt;C\x8a{\xf7\x1c\xbf\xff\xfe{\x06\xdfx#\xeb\xd7\xad\xc3nw0\xf8\xae\x07\xe9s\xe3]Xm6\xfc&gt;\x9f\x18\x0e&gt;\xca\xf4\xf8\x06;Y\xd9^V.[\xce3\x0f\xdf\xc9/\xf1e\xa1\x97^z)\xaf\xbd\xf6\x1a\xd5\xaaU\xfb\xd7\xf8N\x9c8\x91\x1bo\xbc\x91\r\x1b6\x90\x9d\x93\xcb]\x8f&gt;\xcb%W\xf5AU5\x82\x81\x80\x18f&gt;\xca\x12s\xfeY\xd9\x19\xac_\xbb\x96\x17\x1e\xbd\x87I\x13\xc6\x03p\xddu\xd71t\xe8P\xb2\xb3\xb3\xc5\x94\xc0!\x12\t\xc0A\xda\xfb\xe1\xf1\xf1\xc7\x1fs\xf3\xcd7STTD\xfdFMx\xf8\xd9\xd7\xe8rV7\xfc%\x81\xb2\x1d\xcb\x84\xcaAUU\x1cN\'v\xbb\x9d\xcfG\xbf\xc7s\x8f\xdcMIq\x11M\x9b6\xe5\xddw\xdf\xe5\xe4\x93OF\xd3\xcc\xb5\xe8\x89\x07\xc9#\x8f&lt;\xc2\x93O&gt;\t@\x8b\xd6my\xe4\xf9at8\xa9\x13%E\xa2WX\xd9\xa8\xaa\x8a\xdb\xedF\x92e&gt;\x18\xfe\n\xaf&gt;\xfd\x08\xa1P\x90\xfa\xf5\x1b\xf0\xce;#8\xfd\xf4\xd3\xf79b[\xd7u\x1e~\xf8a\x9e~\xfai\x00:\x9f\xd6\x8d\x07\x9fy\x95\xc6\xcd\x9bR\\\xe8\x03D\xa1Ye\xa2\xaa*N\x97\x0b\xab\xd5\xca\xd8\x0fF\xf0\xfc\xa3\xf7P\xea\xf7\xd1\xbcE\x0b\xde{\xf7]:v\xec(\xa6\x04\x0e\x81H\x00\x0eB\xe2\xa1\xaf\xaa*w\xdf}7\xaf\xbc\xf2\n\x00\xe7]r\x05\xf7?5\x94*\xf9U).*\x16\xbd\xc2J\xca\x88\xef\xe8\x96\x9d\x9b\xc9\xf2\xa5\x7f\xf0\xe8]\x83\xf9m\xce\x0cl6\x1b/\xbe\xf8"7\xdf|3\x00\xdb\xb6m\xa3_\xbf~e\x1b\xfa\xf4\xben\x00w?\xfe\x1c\x1eO\x06\xbe\x92\x12,\x16\x85t\xdc\xb9\xaf\xb23\x93s\xc8\xca\xc9\xe0\xf79\xbf\xf2\xc8\x9d\x83X\xbet\x11\x8a\xa2\xf0\xf4\xd3Os\xcf=\xf7\x00\xe6\xa1L7\xdc\xd0\x8f\xc9\x93\'!\xc92\xb7\xdc\xfb\x18\x03n\xbb/~\\\xb5\xe8\xf5WV\xe6h\x80AvN&amp;\x7f,Z\xcc\xa3w\rf\xe1\xbc\xd9\xd8\xedv\x86\x0e\x1d\xca\xe0\xc1\x83\xcb\xb5\n$\x1d\x89\x04\xe0\x00%\x86\x98\xb6l\xd9\xc2u\xd7]\xc7\x94)S\xb0\xd9l\xdc\xfd\xf8\xf3\\7\xf0VB\xa1\x10\xd1pD\xcc\x05\'\x01UU\xf1x&lt;\xc4bQ^z\xf2\x01&gt;\x18\xfe*\x00\x83\x06\x0f\xe6\xd2K.\xa1o\xdf\xbe\xac[\xb7\x0eoF\x06\x0f&gt;\xfd*\x97^}\x1d~\x9f\x18\xd5I\x16\xaa\xaa\x92\x91\x91\x89\xdf_\xc2\xd3\x0f\xdc\xce\x17\x9f\x8e\x02\xcc!\xe3^\xbdz\xd1\xbf\x7f\x7f6m\xdaD\xcd\xdauy\xf2\xe5\xb7\xe9\xda\xad\x1b\xc5\x85~\xd1p$\tUU\xf1x\xbdD\xc3a^x\xe2&gt;F\xbf3\x0c\x80\x01\x03\x06\xf0\xdak\xafa\xb3\xd9\xc4\x08\xdd\x01\x12\t\xc0\x01H4\xfe\xf3\xe6\xcd\xe3\xf2\xcb/g\xed\xda\xb5\xd4\xae\xdb\x80g\x86\x8d\xa4S\x97.\x14\x15\x94\x94\x1d\xc7+$\x07]\xd3\x90-\n\x19\x19\x1e&gt;\xfbp$/?\xf50;\xb7o-\xfbz\xab\xb6\xc7\xf1\xe8\x0bo\xd0\xaeC\x07\nw\x8bZ\x8ed\xa3i\x1aV\xab\x15\x97\xdb\xc5\xa8\xe1\xaf2\xfc\xa5\xa7)\xd8\xbd\xb3\xec\xeb\xa7v\xeb\xc1C\xcf\xbcJ\x9d\xfa\r(.*\x16\xbd\xfe$\x93(\xe0\xf4f\xb8\x19\xfb\xc1H\x9e\xbc\xef\x16B\xc1\x00\xa7\x9ez*\x1f\x7f\xfc1\xd5\xabW\x17u\x01\x07@\xb4X\xff!\xf1!\x1a?~&lt;g\x9cq\x06k\xd7\xae\xa5c\xe7\xd3\xf8\xe8\x9bit8\xa9\x0b\x05\x89\xc6A4\xfeIEV\x14tM\xa7\xb0\xa0\x88\xbe7\xf5\xe1\x8c\xee=\xcbz\x7f\x0e\xa7\x93[\xee\x7f\x82\x93O\xed\xc0\x8em\xbbP,\x16\xd1\xf8\'\x19\xc5b!\x16\x8b\xe2\xf7\xf9\x19|\xe7\xadt8\xa9KY\x0c=^/\xfdn\xb9\x97\xa6-\x1bP\xb0k\xb7h$\x92\x90\xa2(\xe8\xbaNQa1\xbd\xaf\xeb\xc3\xa8/~\xa0N\xfd\x86L\x9b6\x8d.]\xba\xb0x\xf1b,\x16\x0b\xaa\xaa\x1e\xedK\xad\xd4D\xab\xf5/\xf6^&amp;4l\xd80.\xb9\xe4\x12\xfc~?\x17_q=o\x8f\xf9\x96\xbc\xfcj\xf8\x8aE\xcf!Y\x99\xab8d22\xb3\xb8{\xd0\xed|\xf2\xde\x9b\x00\xd4k\xd8\x84p(\xc4\xbd\x83\xaf\xe5\xcb1\x13\xa8Z\xa3\x8ax\x88$!]U\xb1\xd9\xecXmV\x06]u5\xdf\x7f=\x0e\x9b\xcdN\xe3f-)\xf5\xfb\x19|uO\xbe\x1d\xff\r\xf9\xd5\xf3D|\x93\x94$I(\x8a\x85\x82\xdd\xc5\xb4\xed\xd0\x89\x8f\xbe\x9e\xca\xf1\x9dNa\xf5\xea\xd5\x9c~\xfa\x19\xfc\xf8\xe3\x8f"\t\xf8\x0f"\x01\xf8\x07{/\xf3{\xf4\xd1G\xcb\x8a\xc3n\xba\xe7\x11\x9e}c$\xba\xae\x13\t\x87\xc4|\x7f\x92JT\x82[m6\xee\xbb\xe9z&gt;\x18\xfe\n\xb2,\xf3\xf8\xd0\xe1|3\xe37\xba\x9d\x7f\t\x85\xbbwq\xcb\xf5\x972\xfe\xe3\xd1\xe4V\xc9B\x13\x0f\x91\xa4\xa1i\x1av\x87\x83X,\xcaM\xd7\\\xcc\x84\xcfF\xe3r\xbb\x19\xfa\xce\'|9}\x1e\xdd\xce\xbb\x98\xe2\xc2\x02n\xbeN\xc47\x15X,\x16|\xc5\xc5\xe4\xe5W\xe3\x9d\xb1\x139\xf7\xc2\xcb((\xd8\xcdy\xe7\x9d\xc7\xb8q\xe3D\x12\xf0\x7f\x88\x04`?\x89*REQ\xb8\xfd\xf6\xdby\xe2\x89\'\x90e\x99\xc7^|\x93;\x1ez\x1c_II|\xf7?Q`\x92\x8ct\xdd\x9c\x1b\x96$\xb8\xad\xef\xe5|\xf9\xe9\x07\xb8=^\x86}0\x9e+\xfa\xf4C\xd3d^\x1d9\x96\xab\xfb\xddL,\x1a\xe5\xeeA\xd7\xf0\xe1\xf0\xb7\xc8\xa9\x92\x85\xa6\x89\x87He\xa7i\x1aN\x97\x8bR\xbf\x8f\x81\x97\x9f\xcf\xcf?~G\x95\xaa\xd5y\xf7\xb3\xef\xe9v\xfe\x85\xa81\x9dW\xdf\xff,\x1e\xdf\xc8\xbe\xf1\x15\x8dD\xd2R,\x16\xc2\xa1\x10\x92$3\xf4\x9dO\xb9\xba\xdf\xcdD"\x11z\xf5\xea\xc5{\xef\xbd\'\x92\x80\x7f!\x8a\x00\xf7\xb2w\xcf\x7f\xd0\xa0A\x0c\x1f&gt;\x1c\xbb\xc3\xc13\xaf\x8f\xe4\xc2\xde\x97S\xb0K\x14\x83%3\xb3\xf1\xb7\xa1\xeb\x1a\xb7\xf6\xe9\xcd\xcf?N$\'\xb7\n\xaf\x8e\x1cK\xa7SO5\x8b\xfd\xe2\xeb\x883\xb2\xbc\x0c}\xf2\x11\xde|\xd1\xdc\x07\xe0\x81\xa7^\xe6\x86\x9bo\xa3\xb0\xa0DT\x17WRf\xe3\xef\xa4\xa4\xb0\x90\x81W^\xc0\x92\x05\xf3\xa8]\xaf\x01o~\xf4%\xcd\x8eiMqQ\x11\x8a\xac\x80$\x91\x91\xe9e\xe8\x93\x0f\xf3\xe6KC\x00\x11\xdfT\x91\xd8\xa7%#\xd3\xcb\xd0!\x0f\xf3\xe6\x8bf|\xdf|\xf3M\x06\r\x1a$\n\x03\xf7#\x12\x80\xb8\xbd\x1b\xff\xfe\xfd\xfb\xf3\xce;\xef\xe0r{\x18\xfa\xce\'\x9cu\xdey\x14\xec\x12\xf3\xfd\xc9L\xd7u,V+\x18:7]{\t3~\x9aD\x95\xaa\xd5xs\xf4\xd7\xb4=\xbe\x03E\x85EX,V 1\n\xa4\x93\x9d\x93\xc9\x1b/&lt;\xcbKO\xde\x0f\xc0\xfdC\x86\xd2\xff\xd6\xdb)\xd8]\x8c\xa2\x88\xcfBeR\xd6\xf8\x17\x15\xd2\xafW\x0f\x96-\xfe\x9d\x06\x8d\x9b1\xfc\xd3\t\xd4\xad\xdf(\xbe\x7f\x83\x19\xb3}\xe3\xfb\x0c/=\xf9\x00 \xe2\x9b*\xfe-\xbe\xc3\x86\r\xe3\xc6\x1bo\x14I\xc0^D\x02\xc0\xbe\x8d\xff\xe0\xc1\x83y\xeb\xad\xb7\xf0x3x\xe5\xbd\xb1\x9cv\xf6\xd9\x14\xec\xde\xd38\x08\xc9G\xd7u\x14\x8b\x82"\xcb\xdcr\xfdeL\x9b\xfc-\xf9\xd5j\xf0\xf6\xa7\x138\xa6M{\x8a\x8b\xfe\x1e\xdf\xc4g"\'/\x93\xe1C_\xe4\xf9G\xef\x06\xe0\xe1\xe7^\xe7\xfa\xc17Q\xb8\xabX\xd4\x80T\x12z|\xce\xbf\xb4\xd4G\xff^=X\xb2`\x1e\x8d\x9a\xb5d\xc4\x98o\xa8Q\xab\x0e~\x9f\xffo\x0f\xfc\x7f\x8b\xef#\xcf\r\xe3\xba\xc17\x8a\xf8&amp;\xb9\x7f\x8b\xef\x88\x11#\xe8\xd7\xaf\x9fH\x02\xe2\xd2&gt;\x01\xd8\xbb\xda\xff\xae\xbb\xee\xe2\xa5\x97^\xc2\xe5\xf6\xf0\xea\xc8\xcf8\xfd\x9cs(\xd8Ud\xf6\x1c\x85\xa4d\x18\x06\x92d.\xed\xbb\xe3\x86+\xf8\xfe\xebq\xe4U\xa9\xca\x881\xdf\xd2\xaa\xddq\xff\xd8\xf8\xefM\xd3Tr\xf3\xb2x\xe3\x85\xe7x\xf1\x89\xfb\x00xf\xd8\xfb\xf4\xba\xf6:\xf3\xb3!\x12\xc3\xa3J\xd7u\xacV+\xaa\x1a\xa3_\xaf\xee\xfc\xfe\xebL\x1a4n\xc6\xbb\xe3\xbe\xa3z\xcd:\x04\xfc\xfe\xff\xdb\x90\xffS|\x9f\x1d\xf6&gt;\x97\x89\xf8\xa6\x84\xbf\xc7W\xe2\x93O&gt;\xe6\xf2\xcb/\x17I\x00\xa2\x08\xb0\xac\xf1\x1f2d\x08/\xbd\xf4\x12v\xbb\x83\x17\xdf\x1e-\x1a\xff\x14\x90(\xe8\xf4x\xbd&lt;z\xc7 \xbe\xffz\x1c\x99\xd99\xbc\xf1\xd1\x17f\xe3_\xf8\xdf\x0fxs\x99Q\t\x83\xef\xba\x97\x9b\xef}\x0c\x80Gn\x1f\xc0\xf7_}ENn\xb6(,:\x8a\x0c\xc3\\\xca)\xcb\x12\xb7\xf7\xed\xcd\xef\xbf\xce\xa4v\xbd\x06\xbc\xfd\xe9\x04j\xd4\xaaC\xe9\x7f4\xfe\xb0o|o\xba\xe71\x00\x1e\xbec\x00\x93\xbe\xfaZ\xc47\x05\xfc\xfd\xfe5\xb8\xee\xba\xeb\x984i\x92(\x0c$\xcdG\x00\x12\x19\xe0;\xef\xbcC\xff\xfe\xfdQd\x99g\xdf\x18\xc5\xc5W]-\xb2\xff\x14\xa0i*9\xb9Y\xbc\xf0\xd8C\xbc5\xf4)\\n7\xc3&gt;\xfc\x82SN?\x8b\xa2\x82\x03O\xee\x12s\x8aY\xd9\x99&lt;y\xdf\x1d\x8cz\xebe&lt;\xde\x0c\xde\xfd\xec;\xda\x9dp\x12\xbeb1\\|\xa4%\x92;o\x86\x97\xbb\x07]\xcb\xd7c?\xa2J\xd5\xea\xbc\xf7\xf9$\x9a\xb6h\xb5\xcf\x9c\xff\x81\xbd\x96\x19\xdf\'\xee\xbd\x9d\x0f\x86\xbf\x82\'#\xd3\x8co\x87N"\xbeI\xee\x9f\xe2\x9b\x99\x99\xc5O?M\xa1}\xfb\xf6i\xbdmp\xda&amp;\x00\x89\xc6\xff\xbb\xef\xbe\xe3\xfc\xf3/@\xd3T\x1e|\xfa\x15n\xb8\xe5Vv\xef\x14\x8d\x7f\xb2SU\x95\xdc*Y|\xf4\xf6p\x1e\xbdk\x10\xb2\xa2\xf0\xe2\xf0\xd1\xf4\xec\xdd\x9b\x82\x9d\x07?\xb2c\xde&amp;\x06\x1eo\x06w\r\xb8\x9a\t\xe3FS\xadF-&gt;\x9a0\x8d\x9au\xea\x12\x0c\x04\xd3\xf6!r4$\x92\xbbg\x1f\xbe\x9f\x11\xaf&gt;\x8b\xc7\x9b\xc1\x881\xdfr\xfcI\x9d).&lt;\xf8\x82\xdd=\xf1\xf5rg\xff\xab\xf9\xe6\xf3\x8f\xa9V\xb3\x16\xa3\'L\xa7F\xed:"\xbeIn\xef\xf8\x9a\xf7\xef\xc7\xd4\xa9S\x97\x993gP\xbbv\xed\xf8\xd2\xee\xf4\x1b\x10O\xcb\x04 \x91\xf1-]\xba\x94.]\xbaPTTD\xbf[\xee\xe1\xfe!\xcfQX *\x80\x93\x9d\xaa\xaadeg\xf1\xcb\x94\xc9\x0c\xba\xea\x02\xa2\x91HY\x85\xf7\xeeCh\xfc\x13\x0c]GV\x14\x14\x8b\xc2\x80\xde\xe71\xfb\xe7)\xb4&lt;\xb6\x1d\x1f~\xf5\x13\x16\x9b\rMU\x91\xa4\xf4{\x88\x1ci\xaaj\xce\xeb\x8e~o\x04\x8f\xdc&gt;\x00\x8b\xc5\xc2\xcb\xef\x8e\xe1\xdc\x8b.\xa6\xb0\x1c\x05\xbb\x89B`\xc5"\xd3\xbf\xd7y\xcc\xf9\xe5\'\x8eis\x1c\x1f|=\x05\x8bbE\xd34\xb1\x048\x89\xfdS|O8\xe1\x04\xa6N\x9d\x8a\xc3\xe1(;\xe6=\x9d\xa4\xdd\xd3*q\xe2Waa!\x97^z\x19EEE\x9c{a/\xee~\xecY\x8a\x8b|b\x83\x9f$\xa7i\x1an\x8f\x9b\xb5\xabWr\xef\x8d\xd7\x12\x8dD\xb8\xba\xdf\xcd\xdcp\x8b\xb9\xbc\xab&lt;5\x1d\x92,\xa3i\x1a \xf1\xd2\x88\xd14l\xd2\x82e\x8b\x17p\xff-7\xe0p8I\xbfT\xfa\xc8\xd3\xe2\xc9\xdd\xcci\xd3x\xfa\xfe\xdb\x00\xb8\xeb\xd1\xe7\xe8q\xf1\xc5\x14\x96s\xdaN\x8e\xc7WB\xe6\xa5\x11\xa3i\xd0\xb8\x19\x7f,\xfa\x8d\x87n\xe9\x87\xd3\xe5$\r\xfbJ)e\xff\xf86l\xd2\x8c\xb9s\xe7\xd2\xaf_\xff\xb2\xaf\xa5\x9b\xb4J\x00\x12KC$I\xe2\x9ak\xaea\xe5\xca\x15\x1c\xdb\xfe\x04\x9ez\xed]B\xc1\x10\x86A\xdae\x80\xa9\xc40\x0c,\x16\x0b\x91p\x98\xbb\x06\\\xcd\xee\x9d;\xe8r\xe6\xb9&lt;\xf0\xf4P|E\xfe\nI\xeedY&amp;\x12\x0e\x93\x9d[\x85\x97\xdf\xfd\x84\xac\xec\x1c~\xf8f&lt;\xaf?\xf78\xd9\xb9\x19i_Tt8\xe9\x9a\x8e\xd3\xe5d\xf3\xc6\xf5\xdc;\xf8Z\xc2\xe1\x10\x97\xf7\x19D\xbf[\xef(wr\x97 \xcb2\xe1p\x98\x9c\xbc|\x86\xbe\xf3\t\x99Y\xd9|\xff\xf58\xdex\xe1)\xb2sD|\x93\xdd\xde\xf1}i\xc4\'dfg\xf3\xc9\'\x1f\xf3\xfc\x0b/\xa4eQ`Z%\x00\x89\xa1\xffG\x1ey\x84\x89\x13\'R\xb5Z\r^|{4v\xbb\x9dX,\x96\x96s@\xa9D\xd7u&lt;^7O\xdew+K\x17\xce\xa7~\xa3\xa6&lt;;l$jLE7\x8c\nK\xee\x14E\xc1\xef\xf3\xd1\xf2\xd8cy\xfc\xa5\xb7\x91e\x997_\x1a\xc2\xe4\t\x13\xc8\xce\xc9J\xbb\x87\xc8\x11a\x18\xc8\x8a\x19\xbf\xfbn\xec\xc3\xb6-\x9b8\xb1\xf3\xa9&lt;\xf8\xf4\xcb\xf8\x8aK+t\xe4\xce\x8co\t\xad\xda\xb6\xe5\xb1\x17\xdfD\x92e\x86\xbd\xf08S\xbe\xfb\x8e\xacl\xb1ep\xb2\xdb\'\xbe/\xbc\x85,\xcb&lt;\xf0\xc0\x03L\x9d:\x15\x8b\xc5\x92V#\x01i\xd3\xe2%\x96\xfbM\x9c8\x91!C\x86`\xb5Zy\xf2\x95w\xa8\xdf\xa8\x11\x81\xd2\x80(\xf0Ir\xaa\xaa\x92\x93\x9b\xc9\xc7\xef\xbd\xcd\x17\x9f\xbc\x8f\xcb\xed\xe1\xb97G\x91\x93\x97O$\x1c\xae\xf0\xe4\xceb\xb1PXP\xcc\xf9\x97^\xc2\x80\xdb\xefG\xd74\x1e\xb9c \x1b\xd6\xae\xc5\xe5r\xa2\xebz\x85\xfe\xbct\xa7i\x1a\x99Y^^z\xf2A\xe6\xce\x9cF\xf5\x9a\xb5y\xf6\x8dQ\x80\xb9\x11PE\x8f\xdcY,V\n\x0b\x8a\xe9\xd9\xab77\xdct7\x9a\xaa\xf2\xc8\x1d\x03\xd8\xb2q\x03\x0e\xa7\x88o\xb2\xdb\x13\xdf^\xf4\xbd\xd9\x8c\xefu\xd7]\xc7\x8e\x1d;\x90e9m\xe2\x9b\x16E\x80\x89a\xff\xad[\xb7r\xdcq\xc7\xb3}\xfb6n\xb9\xefqn{\xf0\x11\xb1\xdc/\x05\xe8\xba\x86\xcb\xedf\xe5\x9fK\xb9\xaaGWJ\xfd&gt;\x1e{\xe1M\xae\x198\xe8\x90*\xfe\x0f\x9c\x81a\x80\xd3\xe5\xa4_\xaf\x1e\xcc\x9c:\x99N]\xce\xe0\xbdq\xdf\x11\n\x85\xc5tR\x05\xd1T\x95\xcc\x9c,~\x98\xf0%7]{1\x16\xab\x95\xe1\x1fO\xe0\x943\xbaQ\\t8\xb7\xe86\xe3\xebp\xda\xe9{\xc9\xb9\xcc\xf9\xe5\'N9\xe3\x1cF\x8c\xf9\x86@i@\x8c\x18&amp;\xbdx|\x1dv\xfa^j\xc6\xf7\xbc\xf3\xcec\xc2\x84\ti\xb3IPZ|\x82\x8d\xf8\xf0\xef\r7\xdc\xc0\xf6\xed\xdb8\xe5\xf4\xb3\x19|\xd7\x83\x14\x17\xf8D\xe3\x9f\xe4\xcc\xa2N\x85h$\xc2\xc3\xb7\r\xa0\xd4\xef\xe3\xbcK\xae\xe4\xaa~\x83(\xdc]r\x987r\x92\xcav\x92|\xf2\xe5\xb7\xa9Z\xbd&amp;\xb3\x7f\x9e\xc2\xf0\x97\x9f%+\xdb+\xa6\x02*\x80\xa1\xeb\xd8\x9dN\xb6l\xdc\xc8\x13\xf7\xde\x8ca\x18\x0c\xb8\xfd~N;\xbb[|\x17\xc7\xc3\xf9\x906\xe3k\xe80\xe4\x95\xb7\xc9\xcb\xaf\xca/S\xbe\xe7\xbda/\x89z\x80\x94\x10\x8f\xafa\xc6\xb7J~5\xbe\xf9\xe6\x1b^{\xed\xb5\xb4\xa9\x07H\xf9\x04 1\xef\xff\xdak\xaf1i\xd2$\xaaV\xab\xc1\xe3/\xbd\x85\xaa\xaa\xa4\xfc\xd0G\x1a\xd05\x8d\xcc,\x0f\xaf?\xf7\x04K\x17\xce\xa7^\xc3&amp;&lt;\xf4\xcc+\x04\x03\xc1#\xd2C\x93e\x99P0D\xed\xbauy\xe8\xd9\xd7\x90e\x99\xe1/?\xc3\xbc\xd9s\xf0fd\xa0\xa7\xd1|\xe2\xe1`\x006\x9b\x8d!\xf7\xdd\xca\x8em[\xe8x\xca\xe9\xdcx\xe7\x83\x14\x15\xfa\x8fH\xf2.\xcb2\xc1`\x90z\r\x1b\xf2\xc0S\xaf I\x12o\xbc\xf0\x04\x8b~\xfb\x1d\x8f\xd7\x8b\xae\x8b\xf8&amp;\xb3\xbd\xe3{\xffS/#I\x12\x0f&lt;\xf0 \x7f\xfe\xf9\'\x16\x8b%\xe5\xa7\x02R:\x01H\xac\xfb\\\xbe|9\x0f&lt;\xf0 \x92$q\xdf\x90\xa1\xd4\xa9_\x8fp0$\x86\xf0\x92\x9c\xa6ix\xb32\x989m\x1a\x1f\x0c\x7f\x19\x8b\xd5\xca#\xcf\xbdNNn\x1e\xd1H\xf4\x88\r\xc1[,\x16\x8a\x0b\x8b\xe9~\xe1E\xf4\xba\xb6?\x91p\x88\'\xee\xb9\x91p(\x88\xac(\x88\xf5\x81\x87FUU\xb2r2\x18\xfb\xc1;L\xf9\xee+\xb2sry\xec\xc57\xd1\xe3\xbb\x00\x1e)\x16\x8b\x85\xa2\xc2\x12.\xb8\xac7\x17\xf6\xbe\x8e` \xc0\x13\xf7\xdc\x84ZV8,\xe2\x9b\xcc\xf6\x8e\xefE\x97_G PJ\xff\xfe\xfd\xd14\xadl\xc7\xc9T\x95\xb2-`"p\xba\xae3h\xd0 \x02\x81R.\xec}-\xe7]\xda\x8b\xa2B\xb1\xb5g\xb2K,\xf9\x0b\x96\x06x\xea\x81\xdb\x88\xc5b\\\xdd\xeff\xbav;\x8b\xe2\xa3\xb0u\xab\xac(\xf8|A\xeex\xf8i\x1a4n\xc6\x9fK\x16\xf2\xf6+\xcf\x92\x99\xe5I\xab\xaa\xe2\x8a\xa2\xeb\xe6\x92\xbfu\xab\xd7\xf0\xf2S\x0f\x01p\xc7\xc3\xcf\xd0\xb8Y\x93#6\xba\xb37Y\x96\t\x94\x86\xb8\xe7\xf1g\xa9]\xaf\x01\x8b~\xfb\x95\xf7\xdf|\x99\xcc,/\xaa*\xe2\x9b\xec\x12\xf1\xbd\xfb\xb1g\xa9S\xaf\x01\xb3f\xcd\xe2\xd5W_EQ\x94\x94\xbe\x7fS6\x01H\xf4\xfe\xdfz\xeb-~\xfe\xf9gj\xd6\xae\xcb\x9d\x8f&gt;C0 z\xfe\xa9@\xd3422\xdd\x8cx\xe59V.[B\xa3f-\xb9\xe9\x9eG\xf0\x15\x1f\x9d\x15\x1d\x92$\xa1\xc6bdeg\xf3\</t>
        </is>
      </c>
    </row>
    <row r="206">
      <c r="A206" s="1" t="n">
        <v>204</v>
      </c>
      <c r="B206" t="inlineStr">
        <is>
          <t>color_hexagon</t>
        </is>
      </c>
      <c r="C206" t="inlineStr">
        <is>
          <t>What is the missing color of the part denoted with a question mark?</t>
        </is>
      </c>
      <c r="D206" t="inlineStr">
        <is>
          <t>['purple', 'yellow', 'red', 'blue']</t>
        </is>
      </c>
      <c r="E206" t="inlineStr">
        <is>
          <t>blue</t>
        </is>
      </c>
      <c r="F206" t="inlineStr">
        <is>
          <t>There is a hexagon split into six parts with the colors ['?', 'red', 'orange', 'blue', 'red', 'orange'] in an anti-clockwise order.</t>
        </is>
      </c>
      <c r="G206" t="inlineStr">
        <is>
          <t>We observe that a orange part is opposite another orange part, and a red part is opposite another red part. Thus, the pattern is that the colors in opposite parts are the same.</t>
        </is>
      </c>
      <c r="H206" t="inlineStr">
        <is>
          <t>Based on the pattern that spatially opposite parts have the same color, the missing color of the part which is opposite a blue part should be blue.</t>
        </is>
      </c>
      <c r="I206" t="inlineStr">
        <is>
          <t>b'\x89PNG\r\n\x1a\n\x00\x00\x00\rIHDR\x00\x00\x02\x00\x00\x00\x02\x00\x08\x02\x00\x00\x00{\x1aC\xad\x00\x00{\xc3IDATx\x9c\xed\xddy|T\xd5\xf9?\xf0s\x9esg\xc9$\x99\x99\x04H\x02\x82\x1a "\x10\xf6\x00\t\x01\xb4\x82Tm\xadZEY\xa4\x8a\xd6j[\xeb7,\xb2|1,AD\x144_\xfb\xc5\xa5_7\xca"\x82\xb5\x05\x7f\xb4J\xb5\x08H@\x96\xb0\x88+\t\x08\xa4\x10"\x92d\x92\xccr\xe7\x9es~\x7f\x9cdL\x11\x14\xc82\xcb}\xde\xaf\xfe\xd1\xc5\xbe\x18f\xb9\xcf\xb9\xe7&lt;\xf7\xf9P)%A\x08!d&gt;\x10\xee\x17\x80\x10B(&lt;\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dc/\x00\x85\x93\x94RJ\x19\xeeW\x81\xc2\x86RJ)\r\xf7\xab@aC\xf1\xf7oZ\x86ah\x1a\xae\x00\xcc\xce0\x0c\xc6\x18\x96\x01s\xc2\x02`RB\x08\x00\xf8\xe2\x8b/~\xf7\xbb\xdf\x01\x80\x10"\xdc\xaf\x08\xb5*M\xd3\x0c\xc3\xf8\xf5\xaf\x7f=n\xdc\xb8p\xbf\x16\x146\xb8\x004\x1dU\xf2}&gt;\xdf\x92%K\xdcn\xf7\xa6M\x9b\xc2\xfd\x8aP\xd8\xf4\xe8\xd1\xe3\xdf\xff\xfe\xf7\r7\xdc\x90\x99\x99)\xa5\x04\xc0CAs\xc1;\x00\xd3\xe1\x9c3\xc6\x96-[v\xef\xbd\xf7RJ\x19c\xa1\xef\x00\xfe\xfec\x1e\xa5T\x08\x11\xfa\xc4\x19c\xba\xaeO\x980\xe1\xcf\x7f\xfe3n\t\x9a\x10\x16\x00sQ\xa7\xbe\xd5\xd5\xd5=z\xf48}\xfa\xb4\x10\x027\x7fL\xcej\xb5r\xce7m\xda4l\xd80\xb58\x08\xf7+B\xad\x07\x0b\xbe\xb9\x08!\x18c\xf9\xf9\xf9\xe5\xe5\xe5j\xedO\t\xa1\x00B\x88\xf1\xe3\xc7\xdfw\xdf}\xd5\xd5\xd5x\t\x88UB\x08\x87\xc3\xb1{\xf7\xee9s\xe6\x08!\xa4\x10\x14\xa8a\x18B\x88\xbc\xbc\xbc\xa2\xa2"\x8b\xc5"\xa5\xc4\x03a\xf3\xc0;\x00\x13\x11BPJ\xbf\xfa\xea\xab\xcc\xccL\xb5\x0f\xa0&gt;}u\x08\xdc\xa1C\x87O?\xfd\xd4\xedv\x07\x83A\xbc\x04\xc4$\xce\xb9\xcdf\xbb\xe1\x86\x1b\xde{\xef=\xc6\x18\xe7\x9c\x10B\t\x01\xc68\xe7\xaf\xbf\xfe\xfa=\xf7\xdc\x837\x01\xa6\x82\x05\xc0D\xd4o\xfb\xa7?\xfd\xe9\xc6\x8d\x1b-\x9a\x164\x8c&gt;))\xdfx\xbd\'kk\x19c\x06\xe7\x13\'N\xfc\xd3\x9f\xfe\xf4\xed\xb7\xdf\xe2% \xf6p\xce\x93\x92\x92\xfe\xfc\xe7??\xf0\xc0\x03\x8c1\xc1\xb9Ec\xc33;\xbc\xbf\xef\xb8:\xfbIIIQ+\x00|8\xc0&lt;\xb0\x00\x98\x85\xba\xfao\xdc\xb8\xf1\xa7?\xfd)cL\x9d\x06\xfc\xfd\xf6\xdb\xb7\x9f81\xaf\xa8H\x03\x10\x84\x00@QQQ\xaf^\xbd\xea\xea\xea\xf0@8\x96\xa8\x8d\x1dJ\xe9\x80\x01\x03\x0e\x1f&gt;l\xd1X\xd0\xe07d]\xf1\xe7\xff\xbe\xa9\xe7\xc4\xd7O{\xfc\x9a\xc6\x82Ac\xd6\xacY\x8f?\xfe8\xde\x04\x98\x07\xfe\xc8MA\xfd\xfe\r\xc3x\xe4\x91G(!\x8cR.\xc4-]\xbb\x0e\xe9\xd0\xe1W={^\xe9r\x19B0\x00\xc30\xa6O\x9f\x8e?\xfe\xd8\xa3\x96\xff\x8b\x17/&gt;|\xf8\xb0\xa6i\\\x08\x8d\xc1\x82{\x87\xb4Ks\x16\xfc*[J)\x85`\x00O?\xfd\xf4\xa1C\x87\xf0\xb9\x10\xf3\xc0\x02`\n\xea\xb1\xaf\x97^z\xe9\xcb/\xbfT\xbb=N\xaburVV\xb5\xae\xbb\xac\xd6\xa9YY\xa4\xe1|x\xd3\xa6M\xeb\xd7\xafw\xb9\\j\x83\x18\xc5\x00)e\\\\\\II\xc9\xf3\xcf?O)%D\n!\xef\xbf\xa1g\xff\xee\xedkOy~5\xaag\xbf\xae\xed\xb8\x10\x8c\x81\xae\xeb\xb3f\xcd\xa2\x147\x06\xcc\x02\x0b@\xecSg\xbf\xe5\xe5\xe5\xf9\xf9\xf9jsWH913\xb3oJ\x8a\xdf0&lt;\xba&gt;\xa6{\xf7\xc1\xed\xdbs!\x80\x10J\xe9\x8c\x193jkk\x1b?\x1f\x80\xa2\x1a\xe7&lt;!!!??\xbf\xb2\xb2R\xd3\x98\xe0\xc2\x9d`\x9b7![\xf7\x07\x85$\x0e\x87\xf5\xc9\x89\xb9R\x12.\x04cl\xed\xda\xb5\x1b7n\x0c\x1d\x11\xa3\xd8\x86\x05 \xf6\xa9\'&lt;g\xce\x9cYYYia\xcc\xe0\xfcr\xa7\xf3w\xfd\xfaU\xfa\xfd\x1a\x80$\x84\x0b\x91\x9f\x93\xa3\x01\xa8K@II\xc9\xe2\xc5\x8b\x93\x92\x92\xf0\x12\x10\x03\xd4\xe6\xcf\x86\r\x1b\xd6\xacY\xc3\x18\x13B\x08)g\x8f\x1b\x9c\x9a\x92\x18\xd0\r\x8b\x06u5\xfe\x91\x83\xae\xbcmH\x17\xce\x05\x00\xa5\x94&gt;\xf2\xc8#\x86a\xe0}\x80\x19`\x01\x88qj\xf3g\xcf\x9e=o\xbc\xf1\x86\xfa\xfdKB\xa6\x0f\x1a\x94\xe2p\xe8\x9c\xab\xf3\x80\x1a]\x1f\xda\xb1\xe3\xb8\xee\xdd\x85\x94DJ\n\xf0\xfc\xf3\xcf\x97\x94\x94\xd8\xedv\xbc\x04D;Ji0\x18|\xe2\x89\'\x84\x10\x00T\x08\xd1\xafk\xbb\xdf\xde\xd2\xc7W\x1b`\xac\xfe\xe7/\xb8\\x_\xae+\xde\xca9g\x0c\xbe\xfc\xf2\xcb\x97^z\tO\x02\xcc\x00\x0b@\x8cS\xc7\xbfS\xa6L\t\x04\x02\x8cRC\x88\xc1\xed\xdb\xdfu\xf5\xd5g\xfc~\xad\xa1\xcf\x87\x01\xd4\xea\xfa\xb4\x81\x03]6\x1b\xe7\\\x03\xa8\xac\xac\xcc\xcf\xcfOLL\xc4\x9b\x80\xa8f\x18F\x9b6m^\x7f\xfd\xf5\xa2\xa2"\xa61\xc1\xb9\x94\xe4\xc9\x89\xb9v\x9b\xc6\xb9T\x9d\x9e\x00\xd4\xe7\xd5\xbbe\xa4\xfc\xfe\xe6&gt;BHJ\x08\xa5T\xed\x17\x01\x00\xae\x00b\x1b\x16\x80X\xa6\xfa\xf9\xd6\xae]\xbby\xf3fM\xd3\x0c\xce\xad\x8c\xe5\xe7\xe4p!\x1a\xb7ySB\xfc\x86\xd1!1qrV\x96$D\n\x01\x00o\xbf\xfd\xf6\x87\x1f~\x98\x98\x98\x88\xcb\xc0(%\xa5\xb4Z\xad\'O\x9e|\xfa\xe9\xa7)\xa5@\x08\x17\xf2\x97\xb9]G\x0e\xba\xb2\xae6\xc0\xd8w_\x01\xc6\xc0\xef\xf1O\xbec@\xe7\xf6.\x83sMcj\x05\xa0\x06\x07\x85\xf1\xaf\x80Z\x1a\x16\x80\x98\xa5\xd6n\xaa\xaf\x83\x10\x02\x84\x08)o\xee\xd2eX\xc7\x8e5\xba\x0e\xff\xf9\xa4\x0f\x03\xf0\x04\x02\x1333;\xbb\xdd\xaa%T\xfd\x1f5M\xc35`\x942\x0c\xc3\xe5r\x15\x16\x16\x1e9r\x841\xc6\x85\xb0Z\xd8\xbc\t\xd9R\x9c\xfd\x81RJ\x82\x06o\xd3&amp;~\xe6]\x03\xa5\xac_\x01\xa8\x9e1\xdc\x08\x8amX\x00b\x96j\xeb\\\xbcx\xf1\xa1C\x87,\x9a\x16\xe4\xdcm\xb7\xcf\xca\xce\xae\xd1u\xf6\xbd\x87\xbc(!\\J\x87\xc52w\xc8\x10B\x88\xe0\x9c1VTT\xb4b\xc5\x8a6m\xda\x18\x86\x11\x8e\xbf\x01\xbatB\x88\xc4\xc4\xc4\x03\x07\x0e\xa8\xdd|\xd5\xfa\x99wk\xdf\xcc\xabR\xbd^\x1d\xe0\xec\x07}5\x06u\xd5\xbe{n\xe894\xb3\x83\xc1\x85\xc6\xa0\xfe\xa9\x11&lt;\n\x8eiX\x00b\x93:\xfb---]\xb4h\x11\x00\xa8\xe7~\xef\xcf\xcc\xec\xe2v\xfb\r\xe3\x9c\x8f\xf93J=\x81\xc0\x8d\xe9\xe9\xc3:v\xe4R\xaa\x96\xd0\xb9s\xe7\x96\x97\x97[\xadV\xbc\nD\x17)\xa5\xa6i\xf9\xf9\xf9\xd5\xd5\xd5\x0c\x80s\x9e\x9a\xe4\x98t{\x7f\xddw\x8e\xf2_\xff\x7f!D\xd3`\xce\xf8\xc1\x00\x94\x0b\xae1\xb6q\xe3\xc6\xb5k\xd7bKh\x0c\xc3\x02\x10\x9b\xd4\xd9oAA\x81\xc7\xe3\xd1\x18\x0br\xde\xd9\xed~\xa4\x7f\xffJ\xbf\xff|\xbf\x7f\x85K9/7\xd7\xca\x98j\t=z\xf4haa\xa1\xcb\xe5\xc2\x9b\x80(\xa2Z?\xdf}\xf7\xdd\xf5\xeb\xd73\xc6\x84\x14R\x92\xf9\xbf\xcaIKu\x06t\xe3|c~\x18\xd0\xba\x1a\xff\xc8\xec\xcec\xaf\xed\xc6\xb9T-\xa1\xb3f\xcd\xd2u\x1d\xef\x03b\x15\x16\x80\x18\xa4\xce~\xb7l\xd9\xb2r\xe5J\x8d1n\x18\x84\x90\xb9C\x86$X\xad\\\xca\x1f\x98\xf2\x05\x94\xd6\xeaz\xff\xd4\xd4\x07z\xf7V-\xa1j/x\xff\xfe\xfd\t\t\t\xb8\x17\x1c-\x18c\xb5\xb5\xb5\xea\x14\x17(\xe5\\\x0c\xcd\xec0\xf1\xc6\xcc:\x8fOc?\xf4\x93\xa7\x00\xbaO_8179\xd1\x1e4\xb8\xa6\xb1C\x87\x0e-^\xbc\x18O\x02b\x15\x16\x80\xd8\xc49\xcf\xcf\xcf\xe7\x9c\x03\xa5\\\xcaa\x1d;\xde\x98\x9e^\x1d\x08\xb0\x1f\x9b\xf2\xa8ZB\x1f\xea\xd3\xa7\x9d\xc3\xc1\x85`\x00\xd5\xd5\xd5\x0b\x17.t8\x1cx\t\x88\n\x86a$%%\xadX\xb1b\xff\xfe\xfd\x00 \x04g@\xe7\x8c\x1b\xcc4\xf8\xd1E&lt;P\x12\x08\x18\x9d:\xba\xffpK\x1f\xa9V\x00\x14\x96,YR^^\x8e\x1dA1\t\x0b@\xac1\x0c\x831\xb6j\xd5\xaa-[\xb6X4\xcd\xe0\\\x03\x98\x97\x9b\xcb/\xec\x16^\xb5\x84vr:\xa7\r\x1c(\xa5T\'\xc9o\xbd\xf5\xd6\x86\r\x1b\xf0\xd9\xe0\xc8\'\xa5\xb4\xdb\xed\xc7\x8e\x1d+((\x00\x00\xa0\x84\x0by\xd75W\x8d\xcc\xe9\\W\xe3g\xdf;\xfb\xfd&gt;\xc6\xc0W\xe3\x9fv\xe7\xc0\xae\x1d\\\xea&amp;\xe0\xcc\x9933g\xce\xc4g\x02b\x12\x16\x80\x98\xa2\xa6&gt;x&lt;\x9ey\xf3\xe6\x01\xa5DJ!\xe5\xb8\xee\xdd\xfb\xa6\xa4\xd4~\xaf\xf5\xf3|4\x80*\xbf\xff\xae\xab\xaf\xee\xd5\xb6\xad\x10\x02(\xe5\x9c?\xf1\xc4\x13\x18\x14\x13\xf98\xe7\x89\x89\x89\x85\x85\x85\x15\x15\x15\x00\xc0\x85p\xc5[\x1f\x1b78\xe8\x0f\xd2\x0b\xb8\xfa\x13\xd5\x0f\xc6\xa5#\xde:\xf7\xeelB\x88\x10\\\xad\'\x8a\x8b\x8b\xd5\x93\xe4-\xfc7@\xad\n\x0b@LQ\xcd?\x8b\x16-*--e\x8c\x19B\xb8l\xb6i\x03\x07z\x83\xc1\x1f&gt;\xfb=\x0b\x972\xdej\x9d\x95\x9d-\x1b\xb5\x84\xbe\xfa\xea\xab\xd8\x12\x1a\xc9T\xeb\xe7\xee\xdd\xbb\x97.]\n\x00\x84\x08!\xe4\xefo\xee\xd3\xfd\xaa\x14\xbf/x\x81\xe5\x9f\x10\xc2\x18\xad\xab\xf1\x8f\x1f\xd5C\xb5\x842\xa0\xba\xae\xe7\xe5\xe5q\xce\xf1&amp; \xc6`\x01\x88\x1dj\xbbF\x9d\xda1\xc6\xa4\x10R\xcaI\x03\x06\\\x96\x98x\xbe\xd6\xcf\xf3a\x94V\xf9\xfd#\xae\xb8\xe2\xc6\xf4\xf4PKhAA\xc1\xb1c\xc7p@P$c\x8cM\x9b6M\xd7u\x06\xc0\xb9HOsN\xbec\x80\xdf\xe3g?x\xf6\xfb}\x92\x10\xce\xc5S\xf7\x0f\xd5\x18\x18\x9ck\x9a\xb6u\xeb\xd6U\xabVaKh\x8c\xc1\x02\x10;\xd4uY\xf5\xed\xa9\xc8\x97^m\xdb\xfe\xbaw\xef\xea@\xe0\xa2\x96\xff\x8az4\xec\xb1\x9c\x1c\xa7\xd5\xaaZB+**\n\x0b\x0b\x13\x12\x12\xf0\x12\x10\x818\xe7.\x97k\xfd\xfa\xf5\x9b6mj\xdc\xfa\xd9&amp;\xd9\x114\xf8\xc5n\xdd1\xa0&gt;\xaf\x9e\xd3\xb7\xd3\xfd7\xf4\x14BR"\x81\xd2y\xf3\xe6UWWcKh,\xc1\x02\x10#T\xeb\xe7\xe6\xcd\x9bCO\xeeHBfeg\xc7i\xda\x0f\xb7~\x9e\x0fPZ\xa3\xeb\xbd\xdb\xb5\x9b\xd8\xab\x97\x90\x92\x08\x01\x00K\x97.-..\xc6\x01A\x11H\xd34\xaf\xd7;c\xc6\x0cB(P\xa2Z?\xc7\x8f\xeaQ\xe7\xf1\xffp\xeb\xe7\xf9\x00\x80\xee\xd5\xe7M\xc8v\'\xd8\x0c\xce\x99\xc6JKK\x0b\x0b\x0b\x01\x00W\x001\x03\x0b@,P\x8f}\x05\x02\x81)S\xa6\xd4\xb7~KyS\xe7\xce#\xae\xb8\xa2\xea\x02Z?\xcfG\x03\xa8\xf4\xfb\x7f\xdb\xb7\xef\x15N\'o\x18\x104\x7f\xfe|\xcc\x8a\x894\x86a8\x9d\xce\x17_|\xb1\xa4\xa4Dc\xa0\xc6\xfe&lt;u\xdfP\xce\xbf7\xf7\xe7\x82QJ\x02\xba\x91\x9a\x928{\xdc`5 \x88\x01{\xf6\xd9g\xd5\xf1\x12\xae\x00b\x03\x16\x80X\xa0\xce~W\xaf^\xbdg\xcf\x1e\xb5\xfc\xb726m\xe0@qIk\xff\x10J\x88\xcey\xfb\xf8\xf8G\xfa\xf7\x97\rg\x0c\xeb\xd6\xad{\xef\xbd\xf7\xdcn7.\x03#\x84j\xfd,++[\xb8p!\xa5\x94R"\x84\xbcsXFN\xffN&gt;\xaf~!\xad\x9f\xe7\xc3\x18\xf8j\x03\xbf\xfdE\xef\x8c\xcb\xdc\x06\x17\x8cAuuuAA\x01&gt;\x13\x103\xb0\x00D=\xb5\xfc\xaf\xac\xac\x9c1c\x06\x00P)\x85\x94\x0f\xf4\xee\xdd75\xf5\xfbS?/\x96\x06\xf0\xad\xcf7\xbeG\x8fA*3\x92RJ\xe9c\x8f=\xe6\xf3\xf90;&gt;B\xa8\xd6\xcf\x82\x82\x82\xaa\xaa*\xc6\x98\xc1Er\xa2}\xc1\xc4\\\xbdN\x87\x8b?\xfbi\x8c\x12\xc2\x85\xb4\xdb-K\x1e\x18N\x08\xe1\xdc\xd0\x18[\xb9r\xe5\xd6\xad[5M\xc3\x15@\x0c\xc0\x02\x10\xf5\xd4\xf2???\xbf\xbc\xbc\x9c\x01\x18\x9c\xb7s8\x1e\xea\xd3\xa7\xf6\\S?/\x81$D\x03\x98\x9a\x95\x05\x94\n\xce\x01`\xff\xfe\xfd/\xbc\xf0\x02\x0e\x08\x8a\x04\xaa\xf5\xf3\xc3\x0f?\\\xb6l\x19\x00\x10)\xa4\x94\x7f\xb8\xa5\xcf\xe5\x1d\xdd?0\xf6\xe7\xc21\xa0u\xb5\x81\x9bs;\x8f\xe8\xd7\x89\x0bI\x81r\xce\xf3\xf2\xf2\x02\x81\x00\x9e\x06\xc7\x00,\x00\xd1M]\xfdU\x86\x1f\x03\x90\r\x89\x8f\x9d\x9c\xce\x8bm\xfd&lt;\x1f\xd5\x12:*=\xfd\xb6\x8c\x0c\xd5\x12\n\x00\x0b\x17.,++\xc3\x96\xd0H\xa0i\xda\xacY\xb3\x0c\xc3`\x0c8\x17\x19\x1d\xdd\xd3\xee\x1c\xe8\xab\xb9\xe8\xd6\xcf\x1f\xc0\x85|\xe67\xc3\xad\x16\xc69\xd74\xad\xb8\xb8x\xf5\xea\xd58 (\x06`\x01\x88nj\xffG\xa5x3\x00C\x88A\xed\xdb\xdf\xdd\xa3\xc7\x19\x9fOk\x8e\xe5\xbf\xc2\x00\xeat}Vv\xb6\xdbn7\x84\x00\x80\xaa\xaa\xaa\x82\x82\x82\xf8\xf8\xf8\xe8\xda\x07P\xc3-8\xe7\xc6\x7f\xe2\x9cG\xe3\xb5\xcc0\x0c\xb7\xdb\xbd|\xf9\xf2\xa2\xa2"\xc6\x98\xe0\\\x12\xb2\xe4\xd7\xc3\x1d\x0eK(\xf1\xb1\xe9\x00\xa8\xd7\xab\xf7\xbe:-\xef\xd6\xbe\xf5-\xa1\x003f\xcc8s\xe6\x0c\xde\x04D;,\x00QL\xb5~n\xdc\xb8q\xe3\xc6\x8d*\xf2\x89Q:5+K\x03h\xde\x1f%%\xc4g\x18]\xdc\xee\xfb33eCK\xe8\xb2e\xcb\xf6\xec\xd9\x13\x15-\xa1RJ\xce\xb9Z\xbd&amp;$$$\'\'\xb7k\xd7\xae]\xbbvm\xdb\xb6U\xff&amp;))\xc9\xe1p\xa8\x7f,\xdc/\xf6B\xa9\x89\xff555\x8f?\xfe8!D\x8d\xfd\x19\xd1\xaf\xd3\xcd\xb9\x9d\xcfJ|l:\x06\xa0{\xf5I\xb7\xf7OMrp.\x18\x83\xf2\xf2\xf2g\x9ey\x06o\x02\xa2\x1d\x16\xf0h%\xa5T\xeb\xd9\xcc\xcc\xcc\xaf\xbe\xfc\xd2\xa2i\xbaa\xfc2#\xe3\xd5\x1bo&lt;\xed\xf56\xe3\xf2\xbf\xfe\x8f#D\xc5\x85_\xbbz\xf5\x91\xeaj\x8b\xa6\x05\r\xe3\'?\xf9\xc9{\xef\xbd\xe7\xf1x\x9ax\xd8\xd8r\xd45\xddf\xb3\xa9q\xd6\xe5\xe5\xe5\x87\x0e\x1d*--=~\xfc\xb8\xc7\xe3\t\x04\x02\x16\x8b%))\xa9s\xe7\xce\x99\x99\x99\xdd\xbau\x8b\x8b\x8b\xab\xaa\xaaR#\x95\xc2\xfd\xda\x7f\x84a\x18\xed\xda\xb5{\xec\xb1\xc7\x16,X\xa0i\x9a\x10\x1c(\xdd\xf3\xbfc{vn\xeb\xf7\x05\xbf\x9f\xf9\xd5\xd4?\x8e\x8bD\xb7\xe3O\x7f\xdd\xf7\xe0s\x1fh\x0c\xa4$L\xd3\x0e\x1e&lt;\xd8\xb5k\xd7\xa8x\xbb\xd09a\x01\x88Vj\xf9\xbft\xe9\xd2\x87\x1f~XcL\x08\x91`\xb1l\xb8\xfd\xf6\xaen\xb7\xcf0\x9a\xd8\xfcsN\x86\x94\xc9v\xfb\xaa\xcf&gt;{\xf8\x83\x0f\x18\x00\xa1\x94s\xfe\xd6[o\xddr\xcb-\xaa\xff\xa4\xd9\xff\xc4&amp;\x92R\xdal6\x87\xc3QVV\xb6q\xe3\xc6\r\x1b6|\xfc\xf1\xc7\'N\x9c8\xe7?l\xb5Z\xb3\xb2\xb2\xee\xbb\xef\xbe1c\xc6H)\xfd~\x7f\x04\xfe\x8dBT\xe0{yy\xf9\xa0A\x83\xaa\xaa\xaa\x18\x03\xc3\xe0\x0f\xfe\xac\xd7\x8bS\xae\xaf\xad\xf65\xe3\xee\xff\xd9\x7f.\xa5C\'\xbd\xb9\xaf\xf4\x1b\x8b\xa6\xe9Ac\xf4\xe8\xd1k\xd6\xacQ_\xc5\x16\xfa\x13Q\x8b\xc2\x02\x10\x95\xd4}wEEE\x8f\x1e=\xaa\xaa\xaa4\x80 \xe7\xff\xd5\xbf\xff\xe3\xc3\x86\x95\xd7\xd5YZl9&amp;\xa4t\xdal?\xfb\xcb_&gt;&gt;y\xd2\xc2\x98!D\x97.]v\xed\xda\xa5nG"jV\xa8\xda!9~\xfc\xf8k\xaf\xbd\xf6\xc6\x1bo\x84\xae\xfb\x94R\xc6\x18\x00\x84^\xad\x10B\x1d\x0c\xa8\xff8r\xe4\xc8?\xfd\xe9Oiii^\xaf7b\x17\xb6j\xf9?v\xec\xd8\xd5\xabW[,\x1a7\xb83\xde\xfa\xc5\xcb\xbfJJ\xb4\x1b\x86h\xa1\xcf\x81s\x99\xe0\xb4o\xdcq\xf8\xa7\xb3\xfe\xc6\x18\x10B9\xe7\xef\xbd\xf7\xde\xa8Q\xa3\xb0\x06D\xa9\x08\xfd~\xa3\x1f\xa6n\xbag\xce\x9cYYYia\xcc\xe0\xfcr\xa7\xf3w\xfd\xfaU\xfa\xfd\xcd\xbe\xf9s\x16.D~N\x8e\x06\xa0\x06\x04\x95\x94\x94,^\xbc8\x02\xa3\x02T\x7f\xe4\xdf\xff\xfe\xf7%K\x96\x9c8q\x821f\xb1X,\x16\x0b!\xc40\x0c]\xd7\x03\r\x82\xc1\xa0\x94RU\x05M\xd3\xde\x7f\xff\xfd\x9f\xfd\xecg\xa7O\x9f\x8e\xd8$d\x95\xf8\xb8a\xc3\x865k\xd6\xa8\x87r\x85\x94\xb3\xc7\rNMIl\x96\xd6\xcf\xf3QSBG\x0e\xba\xf2\xb6!]8\x17*3R5 \xe0ip\x94\xc2\x8f-\xfa\x08!(\xa5\xc5\xc5\xc5\xb9\xb9\xb9\x86aP)\r!\x96\x8e\x1c9\xae{\xf7o\x9b\xb5\xf9\xe7\x9c\x0c!\xda:\x1c\x8f|\xf0\xc1\x9f?\xfdTc\x8cK\xe9v\xb9v\xee\xdc\x99\x9a\x9a\x1aQ\x81\x01\xea\x0e\xc0\xe3\xf1dggWTT4^\xe3w\xe8\xd0\xe1\xb2\xcb.s\xb9\\\x16\x8b\xa5\xa6\xa6\xe6\xe8\xd1\xa3\xc7\x8f\x1f\'\x84\xa8#M\xab\xd5\xaa\xeb\xfa\xcd7\xdf\xfc\xd6[o\xd5\xd4\xd4D\xe0M\x80\x10\xc2\xe1p\x8c\x1c9\xb2\xa8\xa8\xc8b\xd1\x0c\xc3\xe8\xdb\xa5]\xd1\xff\x8c\x91\\\xa8\xa3\x9a\x96\xfc\xa3\xa5\xcdn)-\xab\x1c\xfc_\xabk|A\x000\x0c\xfe\xbf\xff\xfb\xbf\xbf\xff\xfd\xef\xf1&amp; \x1aE\xdc\x97\x1b\xfd(\xb5\xd92e\xca\x94@ \xc0(5\x84\x18\xdc\xbe\xfd]W_}\xa6\xe5\x97\xff\xa4!3r\xda\xc0\x81.\x9b\x8ds\xae\x01TVV\xe6\xe7\xe7\'&amp;&amp;F\xd4M\x80\x1a\x8e\xd4\xb1c\xc7_\xfd\xeaW\xc1`\x90s\xde\xb3g\xcf\xc7\x1e{\xec\xc3\x0f?\xdc\xb9s\xe7\xa6M\x9b\xfe\xfe\xf7\xbf\xaf[\xb7\xee\x9f\xff\xfc\xe7\xce\x9d;\xd7\xad[7`\xc0\x00\xf5P\x85\xae\xeb\x8c\xb1w\xdey\xe7\xfd\xf7\xdfw:\x9d\x11\xf5\x97"\x84\x18\x86\xd1\xa6M\x9b\xd7_\x7f\xbd\xa8\xa8\x88iLp.%yrb\xae\xdd\xa65c\xeb\xe7\xf9\x00P\x9fW\xef\x96\x91\xf2\xfb\x9b\xfb\x08!U_@~~~ee%F\x86E#,\x00QF\xad\xb3\xd6\xae]\xbby\xf3fM\xd3\x0c\xce\xad\x8c\xe5\xe7\xe4p!Zg\xed\xad2#;$&amp;N\xce\xca\x92\x84H!\x00\xe0\xed\xb7\xdf\xfe\xf0\xc3\x0f#\xad%\x941\xe6\xf5z\xc7\x8f\x1f\x7f\xdbm\xb7\xfd\xe5/\x7f\xf9\xe8\xa3\x8f\n\n\n\xb2\xb3\xb3\x13\x13\x13\x03\x81@uuuuuu]]\x9d\xddn\xff\xd9\xcf~\xf6\xaf\x7f\xfdk\xf8\xf0\xe1\xaa\x06PJ)\xa5k\xd6\xac\xd14-\xa2.j\xea\xec\xf7\xe4\xc9\x93O?\xfd4\xa5\x14\x08\xe1B\xfe2\xb7\xeb\xc8AW6{\xeb\xe7\xf90\x06~\x8f\x7f\xf2\x1d\x03:\xb7w\x19\x9ck\x1aS+\x00\x1c\x10\x14\x8dp\x0b(\x9a\x84\x9ec\xca\xcc\xcc&lt;t\xe8\x90U\xd3t\xc3\xb8\xfd\xaa\xab^\xbd\xe1\x86oZ\xa0\xf5\xf3\xbc/\x83\x10J\x08Pz\xed\x9bo\x1e\xae\xaaR-\xa1C\x86\x0c\xd9\xbcys\x04\xb6\x03QJ\xe3\xe3\xe3)\xa5555\x86a\x84\xae\xef\xa1\x7f@J\x19\x0c\x06\x93\x93\x93w\xef\xde}\xcd5\xd7\xa8\x7f\x86s\xde\xabW\xaf\xad[\xb7F\xd4E-\x18\x0c\xa6\xa4\xa4L\x9f&gt;\xfd\xa9\xa7\x9eR\xad\x9f\x1a\x83=\x7f\x1c\xdb=\xbdMK\xb4~\x9e\x8fj\t}y\xdd\xfe\x07\n\xdf\xd7\x18\x08I\x00\xe0\xe0\xc1\x83W]u\x15\xb6\x84F\x17\xfc\xa8\xa2\x89\x9a\xc7\xb9x\xf1\xe2C\x87\x0eY4-\xc8\xb9\xdbn\x9f\x95\x9d]\xd3Lc\x7f.\x90\xca\x8aqX,s\x87\x0c!\x8d2#W\xacX\x11\x81\x99\x91RJ\x8f\xc7SUUE\x08\xd14\xadq\xff\x8fB)\xb5Z\xad555\xdd\xbbwW]\xed\xea\x1f\xa8\xa8\xa8\xa8\xa9\xa9\x89\x9c\xd9\xd7\xeaX\xfb\xc0\x81\x03/\xbd\xf4\x12\x00\x10"\x85\x90y\xb7\xf6\xcd\xbc*\xd5\xeb\xd5[\xed\xeaO\x08\xd1\x18\xd4U\xfb\xee\xb9\xa1\xa7\xca\x8c\xd4\x18\x18\x86\xf1\xc8#\x8f\xe0Qp\xd4\xc1\x02\x105\xd4\xeeDii\xe9\xa2E\x8b\x00@=\tv\x7fff\x17\xb7\xbb\xb9\xc6\xfe\\8F\xa9\'\x10\xb81=}X\xc7\x8e\xa1\xcc\xc8\xb9s\xe7\x96\x97\x97G`\xf3\x0c\x00\xfc\xe8}\x89zh 999\xf4\xdf\xe8\xba\xae\xfa[Z\xf8\xd5](u\xac\x9d\x9f\x9f_]]\xcd\x008\xe7\xa9I\x8eI\xb7\xf7\xd7}\xadZ\xfe\xeb_\x0c!\x9a\x06s\xc6\x0f\x06\xa0\\p\x8d\xb1\x8d\x1b7\x86\xc2\x88Z\xf9\xc5\xa0K\x86\x05 j\xa8\x95iAA\x81\xc7\xe3\xd1\x18\x0br\xde\xd9\xed~\xa4\x7f\xffJ\xbf\xbf\xf5\x7f\xff\n\x97r^n\xaeUM\xa1`\xec\xe8\xd1\xa3\x85\x85\x85Q:%\x94R\x1a\x0c\x06kkkC\xffM\\\\\\\xe4\x143\xd5\xfa\xf9\xee\xbb\xef\xae_\xbf\xbeq\xe2cZ\xaa\xb3E[?\xcf\x87\x01\xad\xab\xf1\x8f\xcc\xee&lt;\xf6\xdan\x9cK\xb5\xaf\xa6\xe2H\xf1&gt; \x8a`\x01\x88\x0e\xea\xecw\xcb\x96-+W\xae\xd4\x18\xe3\x86A\x08\x99;dH\x82\xd5zi\x89\x8fM\x07\x94\xd6\xeaz\xff\xd4\xd4\x07z\xf7\x16R\x12)\x01\xe0\xa5\x97^\xda\xbf\x7f\xbf\x9a\xbb\x10\x8e\x17u\x89T\xf7\xe7\xa9S\xa7JKKIC\xbar\xfb\xf6\xed\x9dNg\x84\xdc\x040\xc6jkk\xd5Y+P\xaa\x12\x1f\'\xde\x98Y\xe7\xf1]Z\xe2c\xd3Q\x00\xdd\xa7/\x9c\x98\x9b\x9ch\x0f\x1a\\\xd3\xd8\xa1C\x87\x16/^\x8c\x03\x82\xa2\x08\x16\x80\xa8\xc19\xcf\xcf\xcf\xe7\x9c\xab\xc4\xc7a\x1d;\xde\x98\x9e^\xdd\x84\xc4\xc7\xa6S-\xa1\x0f\xf5\xe9\xd3\xce\xe1P\x99\x91\xd5\xd5\xd5\x0b\x17.t8\x1c\xd1u\t0\x0c#!!a\xf9\xf2\xe5\xb5\xb5\xb5\x8c1u\xc5\x1f&lt;xp\x84\x8c;5\x0c#))i\xc5\x8a\x15\xfb\xf7\xef\x07\x00!8\x03:g\xdc`\xa6A\x18\x97\xda@I `t\xea\xe8\xfe\xc3-}\xa4Z\x01PX\xb2dIyy9v\x04E\x0b,\x00Q\xc00\x0c\xc6\xd8\xaaU\xab\xb6l\xd9b\xd14\x83s\r`^n.\x0f\xf7\x8d\xb6j\t\xed\xe4tN\x1b8Pu(1\xc6\xdez\xeb\xad\r\x1b6D\xe0\xb3\xc1\xe7\x13\x0c\x06SSS?\xf8\xe0\x83\xd0\xeaU=\x18&lt;~\xfc\xf8@ \x10\xf6\x9e\x16\x95\xf8x\xec\xd8\xb1\x82\x82\x02\x00PS?\xef\xba\xe6\xaa\x919\x9d\xebj\xfcMI|l:\xc6\xc0W\xe3\x9fv\xe7\xc0\xae\x1d\\\xea&amp;\xe0\xcc\x9933g\xce\xc4g\x02\xa2\x05\x16\x80H\xa7\xfa\xea&lt;\x1e\xcf\xbcy\xf3\x80R"\xa5\x90r\\\xf7\xee}SRj\x9b\x9c\xf8\xd8t\x1a@\x95\xdf\x7f\xd7\xd5W\xf7j\xdbV\x08\x01\x94r\xce\x9fx\xe2\x89\x88z*\xf8\x07\x04\x83\xc1v\xed\xdam\xd9\xb2e\xcc\x981&gt;\x9fO\x1d\xb4r\xce\xef\xbf\xff\xfe\xec\xec\xec\xda\xda\xda\xb0\x17\x00\x95\xf8XXXXQQ\x01\x00\\\x08W\xbc\xf5\xb1q\x83\x83\xfe \r\xeb\xd5\x9f\xa8~0.\x1d\xf1\xd6\xb9wg\x13B\x84\xe0j\xa5R\\\\\x8c\xc1\xf1Q\x01\x0b@\xa4S\xcd?\x8b\x16-*--e\x8c\x19B\xb8l\xb6i\x03\x07z\x83\xc1p\x9d\xfd\x9e\x85K\x19o\xb5\xce\xca\xce\x96\x8dZB_}\xf5\xd5\x08l\tmLM\x8aNII\xf9\xeb_\xff\xfa\xf3\x9f\xff\xfc\xf4\xe9\xd3\xaaY(\x18\x0c\x0e\x1c8p\xe1\xc2\x85\x910\x07B\xb5~\xee\xde\xbd{\xe9\xd2\xa5\x00@\x88\x10B\xfe\xfe\xe6&gt;\xdd\xafJ\xf1\xfb\x82a/\xff\xa4a@\xd0\xf8Q=TK(\x03\xaa\xebz^^\x1e\xe7\x1co\x02"_D\\A\xd0\xf9\xa8M\x15u\xb6\xc6\x18\x93BH)\'\r\x18pYbb\xeb\xb7~\x9e\x8f\xca\x8c\x1cq\xc5\x157\xa6\xa7\x87ZB\x0b\n\n\x8e\x1d;\x16\xb1\x99\x91\xeaU%\'\'/^\xbcx\xf4\xe8\xd1\xeaZ\x0f\x00\x86adee\xbd\xfd\xf6\xdb6\x9b-r\x8e\x7f\xa7M\x9b\xa6\xeb:\x03\xe0\\\xa4\xa79\'\xdf1\xc0\xefi\xce\xc4\xc7&amp;\x92\x84p.\x9e\xba\x7f\xa8\xc6\xc0\xe0\\\xd3\xb4\xad[\xb7\xaeZ\xb5\n[B#_\xa4|\x87\xd09\xa9\xeb\x94\xea\xaec\x94r!z\xb5m\xfb\xeb\xde\xbd\xab\x03\x81\x08Y\xfe+\xea\xd1\xb0\xc7rr\x9cV\xabj\t\xad\xa8\xa8(,,LHH\x88\xc0K\x80\xdaUs8\x1c\xbf\xff\xfd\xef\x1f}\xf4Q\xf5\x1f)\xa5\x86a\xfc\xf4\xa7?\xdd\xb0aCrr\xb2\xcf\xe7\x0b\xfb\xf2\x9fs\xeer\xb9\xd6\xaf_\xbfi\xd3\xa6\xc6\xad\x9fm\x92\x1dA\x83G@m\xaa\xc7\x80\xfa\xbczN\xdfN\xf7\xdf\xd0\xb3&gt;3\x92\xd2y\xf3\xe6UWWcKh\x84\x8b\xa0\x8b\x08:\x8bj\xfd\xdc\xbcys\xe8\xf9\x1aI\xc8\xac\xec\xec8M\x0bW\xeb\xe7\xf9\x00\xa55\xba\xde\xbb]\xbb\x89\xbdz\x89\x86\xcc\xc8\xa5K\x97\x16\x17\x17G\xda\x80 %..\xee\x81\x07\x1ex\xf1\xc5\x175MS\x17)\xce\xf9\xef~\xf7\xbb\xbf\xfc\xe5/qqq^\xaf7\x12\x06Zh\x9a\xe6\xf5zg\xcc\x98A\x08\x05JT\xeb\xe7\xf8Q=\xea&lt;\xfep\xb5~\x9e\x0f\x00\xe8^}\xde\x84lw\x82\xcd\xe0\x9ci\xac\xb4\xb4\xb4\xb0\xb0P\r\xd5\x08\xf7\xabC\xe7\x15Y_#\x14\xa2\x1e\xfb\n\x04\x02S\xa6L\xa9o\xfd\x96\xf2\xa6\xce\x9dG\\qEUX[?\xcfG\x03\xa8\xf4\xfb\x7f\xdb\xb7\xef\x15N\xa7j\t\xd5u}\xfe\xfc\xf9\x913JA\xe1\x9c\xbb\xdd\xee\x82\x82\x82\x15+VX,\x96\xd0Vuaa\xe1\xff\xfe\xef\xff\x06\x02\x015\r4\xdc/\x93\x18\x86\xe1t:_|\xf1\xc5\x92\x92\x12\x8d\x01\x17\xc2jaO\xdd7\x94s\x11A\xeff\x03JI@7RS\x12g\x8f\x1b,%\x91B0`\xcf&gt;\xfb\xac:\xb8\x8a\xc0\x15\x00R\xb0\x00D(u\xf6\xbbz\xf5\xea={\xf6\xa8\xe5\xbf\x95\xb1i\x03\x07\x8a\x08[\xfb\x87PBt\xce\xdb\xc7\xc7?\xd2\xbf\xbfl8\xbdX\xb7n\xdd{\xef\xbd\xe7v\xbb#d\x19(\x84\x88\x8f\x8f\xdf\xb9s\xe7SO=\xa5\xdeUJ\xa9\xa6i\xcb\x97/\xff\xaf\xff\xfa\xaf\xd3\xa7O\x13B\xc2\xbe\xf3C\x1aZ?\xcb\xca\xca\x16.\\\xa8&amp;\xd7\t!\xef\x1c\x96\x91\xd3\xbf\x93\xcf\xab\x87\xb7\xf5\xf3|\x18\x03_m\xe0\xb7\xbf\xe8\x9dq\x99\xdb\xe0\x821\xa8\xae\xae.((\xc0g\x02"Y\xf8\xbf\xeb\xe8\xfb\xd4\xf2\xbf\xb2\xb2r\xc6\x8c\x19\x00@\xa5\x14R&gt;\xd0\xbbw\xdf\xd4\xd4\x9a\x08h\xfd&lt;\x1f\r\xe0[\x9fo|\x8f\x1e\x83\xda\xb7\xe7B\xa8\xa9\x9b\x8f=\xf6\x98\xcf\xe7\x8b\x8455!D\x08a\xb7\xdb\xff\xef\xff\xfe/t\xc0+\x84\xf8\xe3\x1f\xff8~\xfc\xf8\x8a\x8a\n\xb5\x1d\x14\xee\xd7HHC\xebgAA\x81\x9a\xaejp\x91\x9ch_01W\xaf\xd3#\xa1&gt;\x9d\x13%\x84\x0bi\xb7[\x96&lt;0\x9c\x10\xc2\xb9\xa11\xb6r\xe5\xca\xad[\xb7\xaa\xce\xdap\xbf@t\x0e\x11\xfae29\xb5\xfc\xcf\xcf\xcf///g\x00\x06\xe7\xed\x1c\x8e\x87\xfa\xf4\xa9m\xdd\xa9\x9f\x97@\x12\xa2\x01L\xcd\xca\x02J\x05\xe7\x00\xb0\x7f\xff\xfe\x17^x!B\x06\x04Y,\x96\xca\xca\xca\xad[\xb7\xaa\x89\xd0B\x88_\xfe\xf2\x97\x0f&gt;\xf8\xe07\xdf|\xa3\xd2"#\x81j\xfd\xfc\xf0\xc3\x0f\x97-[\x06\x00D\n)\xe5\x1fn\xe9syGwX\xc6\xfe\\8\x06\xb4\xae6psn\xe7\x11\xfd:q!)P\xcey^^^ \x10\xc0\xd3\xe0\xc8\x14\xd1W\x13sRW\xff/\xbf\xfc\xf2\xa5\x97^b\x00R\x08I\xc8\xf4A\x83:9\x9d\x91\xd3\xfay&gt;\xaa%tTz\xfam\x19\x19\xaa%\x14\x00\x16.\\XVV\x16\xf6\x96P)\xa5\xc5b9u\xea\xd4\xbf\xff\xfdo\xf5\xdc2!\xe4\xde{\xef\x8d\xc0g\xd64M\x9b5k\x96a\x18\x8c\x01\xe7"\xa3\xa3{\xda\x9d\x03}5\x11\xd4\xfa\xf9\x03\xb8\x90\xcf\xfcf\xb8\xd5\xc28\xe7\x9a\xa6\x15\x17\x17\xaf^\xbd\x1a\x07\x04E\xa6(\xf8&gt;\x99\x8d\xda\xffQY\xdb\x0c\xc0\x10bP\xfb\xf6w\xf7\xe8q\xa6\xe5\xf3~\x9b\x05\x03\xa8\xd3\xf5Y\xd9\xd9n\xbb\xdd\x10\x02\x00\xaa\xaa\xaa\n\n\n\xc2&gt;WG\xb5{VWW\x87\x8ey\x13\x12\x12\xbav\xed\x1a\t\xf3\x1eB\x0c\xc3p\xbb\xdd\xcb\x97//**b\x8c\t\xce%!K~=\xdc\xe1\xb0\xb4B\xe2c\xd3\x01P\xafW\xef}uZ\xde\xad}\xeb[B\x01f\xcc\x98q\xe6\xcc\x19\xbc\t\x88@\x91\xf2\xbdG\x8aj\xfd\xdc\xb8q\xe3\xc6\x8d\x1b\x99\x1a\xb3L\xe9\xd4\xac,\r Z~:\x94\x10\x9fatq\xbb\xef\xcf\xcc\x94\r-\xa1\xcb\x96-\xdb\xb3gO\xd8[BU\xe4\xafa\x18\x9cs\xce\xb9\xae\xeb\x0e\x87#r\xaeJj\x10EMM\xcd\xe3\x8f?N\x08Qc\x7fF\xf4\xebtsn\xe7VK|l:\x06\xa0{\xf5I\xb7\xf7OMrp.\x18\x83\xf2\xf2\xf2g\x9ey\x06o\x02"\x10\x16\x80\x08\xa2\xd6\xfe\xf5\xe1J\x84\xa8\'\xbfn\xe9\xdauTzz\x95\xdf\x1f\x81\xad\x9f\xe7\xc3\x00*\xfd\xfeG\x06\x0cHw\xb9\x0c!\x18\x80a\x18\xd3\xa7O\x0f\xefQ0\xa5T\x1d\xae\x0e\x1b6l\xf8\xf0\xe1\xc3\x86\r\xbb\xfe\xfa\xeb#*\xf5W\r\xfd_\xbcx\xf1\xe1\xc3\x875M\xe3Bh\x0c\x9e\xf9\xcd\xf0\x88\xec\xfc&lt;/\xd5\x12\x9a\x96\xea,\x98\x90#\xa4\x94B0\x80\xa7\x9f~\xfa\xd0\xa1CX\x03"\r\xde\x94E\x10\xb5\xfc_\xbat\xe9\xc3\x0f?\xac1&amp;\x84H\xb0X6\xdc~{W\xb7\xdbg\x18\x11\xdb\xfcsN\x86\x94\xc9v\xfb\xaa\xcf&gt;{\xf8\x83\x0f\x18\x00\xa1\x94s\xfe\xd6[o\xddr\xcb-\xe1\xcd\r\x06\x80\xb8\xb88\xf5\xef\xa5\x94j\x00\\\xb8^Lc*\xf0\xbd\xbc\xbc|\xd0\xa0AUUU\x8c\x81a\xf0\x07\x7f\xd6\xeb\xc5)\xd7\xd7V\xfb\xa2b\xf7\xff,\x92\xd2\xa1\x93\xde\xdcW\xfa\x8dE\xd3\xf4\xa01z\xf4\xe85k\xd6\xa8/y\xb8_\x1a\xaa\x17}\xdf\xaaX%\x84\xa0\x94\x96\x97\x97\xab\xd0\x0fJ\x88\x90rbff\xdf\x94\x94\xda`D\x8c\xfd\xba(\x1a\xa5U~\xff\x98\xee\xdd\x07\xab\x96PB(\xa53f\xccP\x03\xf7\xc3x\xcd\x15B\xd4\xd4\xd4x&lt;\x1e\x8f\xc7S[[\x1b!W\x7fB\x08\xe7&lt;!!!??\xbf\xb2\xb2R\xd3\x98\xe0\xc2\x9d`\x9b7![\xf7\x05#\xe7\x88\xe2\xc2q.\x1d\x0e\xeb\x93\x13s\xa5$j:\xc8\xda\xb5k\xeb76\xb1%4bD\xdf\x17+V\xa9#\xca\x993gVVVZ\x1838\xbf\xdc\xe9\xfc]\xbf~\x95~\x7fT\x9c\xfd\x9e\x13\x17"?\'G\x03P\x97\x80\x92\x92\x92\xc5\x8b\x17\x877*@\x8d\xfb\xb7Z\xad6\x9bM\xfd\xc7p\xbd\x92\xc6\xd4\xe6\xcf\x86\r\x1b\xd6\xacY\xa3\x1e\x9d\x15R\xce\x1e785%1\xc2[?\xcfGM\t\x1d9\xe8\xca\xdb\x86t\xe1\\\xa8\xccH\xd5\xda\x80\xa7\xc1\x91#Z\xaf,1F\xb5~\xee\xd9\xb3\xe7\x8d7\xdeP\xbf\x7f\xd5\xfa\x99\xe2p\xe8\x9cG\xe1\xcf\x9f\x90\x86\x01AC;v\x1c\xd7\xbd\xbb\xca\x8c\xa4\x00\xcf?\xff|III\xb8ZBU\xf2\xbb\xcb\xe5\xaa\xa9\xa99s\xe6\x8c\xc3\xe1\x88\x90\xf4J\x95H\xfc\xc4\x13O\x08!\x00\xa8\x10\xa2_\xd7v\xbf\xbd\xa5\x8f\xaf6\x10\x8d\x9b?!\x82\xcb\x85\xf7\xe5\xba\xe2\xad\x9cs\xc6\xea\x9b\x9b\xf1$ rD\xf1w+\x96\xa8\xe3\xdf)S\xa6\x04\x02\x01F\xa9!\xc4\xe0\xf6\xed\xef\xba\xfa\xea3\xd1\xbc\xfc\'\r\x99\x91\xd3\x06\x0et\xd9l\x9cs\r\xa0\xb2\xb22???11\xb1\xf5o\x02\xd4\xc2\xff\xc4\x89\x13w\xdf}\xf7\xa0A\x83\xb2\xb2\xb2~\xfe\xf3\x9fo\xdf\xbe=&gt;&gt;&gt;\xbc\xd7#\xc30\xda\xb4i\xf3\xfa\xeb\xaf\x17\x15\x151\x8d\t\xce\xa5$ON\xcc\xb5\xdb\xb4\xa8h\xfd&lt;\x1f\x00\xea\xf3\xea\xdd2R~\x7fs\x1f!$%\x84R\xaa\xf6\xb802,BD\xf1\xc5%f\xa8c\xb1\xb5k\xd7n\xde\xbcY\xd34\x83s+c\xf999\\\x88\xe8\xfd\xf1+*3\xb2Cb\xe2\xe4\xac,I\x88\x14\x02\x00\xde~\xfb\xed\x0f?\xfc0,-\xa1\x94\xd2\xfb\xee\xbbo\xcd\x9a5\'N\x9c8}\xfa\xf4\xbf\xfe\xf5\xaf\xdbn\xbb\xad\xac\xac\xccj\xb5\x86\xebz\xa4\xca\xd2\xc9\x93\'\x9f~\xfaiJ)\x10\xc2\x85\xfcen\xd7\x91\x83\xae\x8c\xa2\xd6\xcf\xf3a\x0c\xfc\x1e\xff\xe4;\x06tn\xef28\xd74\xa6V\x008 (B`\x01\x083u\xdd\xd1u}\xd6\xacY\x84\x10 DHys\x97.\xc3:v\x8c\xe4\xb1?\x17\x8e\x01x\x02\x81\x89\x99\x99\x9d\xddn\xa3aJ\xe8\xacY\xb3Z\xb9\xffR\x08\x11\x17\x17\xf7\xe5\x97_n\xdf\xbe\x9d1\xa6\x02\x00\xacVkUU\xd5\xbf\xfe\xf5\xaf0\xde\x04\x18\x86\xe1r\xb9\n\x0b\x0b\x8f\x1c9\xa2\x9e\xfc\xb0Z\xd8\xbc\t\xd92\xaaZ?\xcf\x87R\x124x\x9b6\xf13\xef\x1a\xa8\xa6\x84\x02\xc0K/\xbd\xf4\xe5\x97_\xe2FP$\xc0\x02\x10fjj\xe6\xe2\xc5\x8b\x0f\x1d:d\xd1\xb4 \xe7n\xbb}VvvM\xc4\x8f\xfd\xb9@*+\xc6a\xb1\xcc\x1d2\x844\xca\x8c\\\xb1bE+gF\xaa\xc7\x80\xd5\xe8\x7fu\x14\xcc9\x07\x80\xca\xca\xcap\x1dK\xaa\xb1?\x07\x0e\x1cP;\xe3\x84H!d\xde\xad}3\xafJ\xf5zu\x88\xc8\xa9\x9f\x17KcPW\xed\xbb\xe7\x86\x9e*3RcP\xff\xa4\x0b\x1e\x05G\x80X\xb8\xc4D/u\xf6[ZZ\xbah\xd1"\x00 RJ)\xef\xcf\xcc\xec\xe2vG\xfe\xd8\x9f\x0b\xc7(\xf5\x04\x027\xa6\xa7\x0f\xeb\xd81\x94\x199w\xee\xdc\xf2\xf2\xf2\xd6\xdc{\xe1\x9c\xb7i\xd3\x861\x16\xba\x03P\x8b\xd0\x94\x94\x14u\x06\xd3:/\xa31\xf5\xe8o~~~uu5\x03\xe0\x9c\xa7&amp;9&amp;\xdd\xde_\xf7\xc5H\xf9W$!\x9a\x06s\xc6\x0f\x06\xa0\\p\x8d\xb1\x8d\x1b7\x86b\x8e\xc2\xfd\xeaL-v\xbed\xd1H]w\n\n\n&lt;\x1e\x8f\xc6X\x90\xf3\xcen\xf7#\xfd\xfbW\xfa\xfd\xb1\xf4\xfbW\xb8\x94\xf3rs\xadj\xbe\x05cG\x8f\x1e-,,l\xb5)\xa1\x00\xe0\xf3\xf9\xae\xba\xea\xaa\x11#F\x84\xee\x00\x82\xc1`\xfb\xf6\xedG\x8c\x18Q[[\xdb\xfa\xbd\xf6\xaa\xf5\xf3\xddw\xdf]\xbf~}\xe3\xc4\xc7\xb4Tg\x94\xb6~\x9e\x0f\x03ZW\xe3\x1f\x99\xddy\xec\xb5\xdd8\x97\xaa%T\x05\x9d\xe2}@x\xc5\xdaU&amp;\x8a\xa8\xb3\xdf-[\xb6\xac\\\xb9Rc\x8c\x1b\x06!d\xee\x90!\tVk\xa4%&gt;6\x1dPZ\xab\xeb\xfdSS\x1f\xe8\xdd[\xb5\x84\xaa\xbd\xe0\xfd\xfb\xf7\xb7Z#\xa6\x1a\xb3\xf1\xd2K/\xdd}\xf7\xdd\x1d:th\xdb\xb6\xed\xf5\xd7_\xff\xb7\xbf\xfd-%%%,\x03A\x19c\xb5\xb5\xb5\xeaD\x14(U\x89\x8f\x13o\xcc\xac\xf3\xf8"-\xf1\xb1\xe9(\x80\xee\xd3\x17N\xccMN\xb4\x07\r\xaei\xec\xd0\xa1C\x8b\x17/\xc6\x93\x80\xf0\xc2\xf2\x1b6\xea\xe6\xf7\xba\xeb\xae\xdb\xb2e\x8bU\xd3t\xc3\x18\xd6\xb1\xe3\xdb\xb7\xdc\x12\x1bg\xbf\xdf\'\t\xb1\x00T\xfa\xfd\xd7\xadYs\xda\xe7\xd3\x18\x0b\x1a\xc6]w\xdd\xb5z\xf5\xeao\xbe\xf9F\xd3\xb4\xd6x\rRZ,\x16\xbb\xdd^QQa\x18Fjj\xaa\x94\xd2\xeb\xf5\xb6\xfe\xf2\xdf0\x8cv\xed\xda\xa9\xb1\x1f\x8c1"\x05!\xe4\xdd\xc7o\x1d\xa1\x9a\x7fbb\xf7\xff,\x06\x17\x89n\xc7\xdcW&gt;\x9a\xb7\xe2c\x8b\xc68\x97\xee$\xf7\xa7\x9f~\x9a\x92\x92B"#\x88\xcd\x84\xf0M\x0f\x0f\xc30\x18c\xabV\xad\xda\xb2e\x8bE\xd3\x0c\xce5\x80y\xb9\xb9&lt;v\xeb\xb1j\t\xed\xe4tN\x1b8P\x8d\xe3g\x8c\xbd\xf5\xd6[\x1b6lh\xb5g\x83\xd5\xf3V\xd5\xd5\xd5\x89\x89\x89\xc9\xc9\xc9uuua\xb9\xfa\xab\xc4\xc7c\xc7\x8e\x15\x14\x14\x00\x80\x9a\xfay\xd75W\x8d\xcc\xe9\\W\xe3\x8f\xc9\xab?Q\x99\x915\xfeiw\x0e\xec\xda\xc1\xa5n\x02\xce\x9c93s\xe6L|&amp; \x8c\xb0\x00\x84\x81\x9a\xfa\xe0\xf1x\xe6\xcd\x9b\x07\x94\x12)\x85\x94\xe3\xbaw\xef\x9b\x92R\x1b\xa3\xcb\x7fE\x03\xa8\xf2\xfb\xef\xba\xfa\xea^m\xdb\n!\x80R\xce\xf9\x13O&lt;\xd1\x9a;0\x94R\xc6\x98a\x18\xc1`\x10\x00\xc2\xb2\xf0TCI\x0b\x0b\x0b+**\x00\x80\x0b\xe1\x8a\xb7&gt;6np\xd0\x1f\xa41z\xf5\'\xaa\x1f\x8cKG\xbcu\xee\xdd\xd9\x84\x10!\xb8Z\x03\x15\x17\x17cp|\xb8`\x01\x08\x03\xd5\xfc\xb3h\xd1\xa2\xd2\xd2R\xc6\x98!\x84\xcbf\x9b6p\xa07\x18\x8c\xbd\xb3\xdf\xb3p)\xe3\xad\xd6Y\xd9\xd9\xb2QK\xe8\xab\xaf\xbe\xda\xca-\xa1*\x12\xb2\xd5\xfe\xb8\xc6T\xeb\xe7\xee\xdd\xbb\x97.]\n\x00j:\xd1\xefo\xee\xd3\xfd\xaa\x14\xbf/\xfa\xa6\xfe]\x145 h\xfc\xa8\x1e\xaa%\x94\x01\xd5u=//\x8fs\x8e7\x01a\x11\xe3\x97\x9b\x08\xa4\xb6&gt;\xd4\t\x18cL\n!\xa5\x9c4`\xc0e\x89\x89\xb1\xd4\xfay&gt;*3r\xc4\x15W\xdc\x98\x9e\x1ej\t-((8v\xecX\xd83#[\rcl\xda\xb4i\xba\xae3\x00\xceEz\x9as\xf2\x1d\x03\xfc\x9e\xe8H|l"I\x08\xe7\xe2\xa9\xfb\x87j\x0c\x0c\xce5M\xdb\xbau\xeb\xaaU\xab\xb0%4,b\xff\x0b\x17i\xd45N\xf5\xc0\xa9\xc8\x97^m\xdb\xfe\xbaw\xef\xea@ \xe6\x97\xff\x8az4\xec\xb1\x9c\x1c\xa7\xd5\xaaZB+**\n\x0b\x0b\x13\x12\x12b\xfe\x12\xc09w\xb9\\\xeb\xd7\xaf\xdf\xb4iS\xe3\xd6\xcf6\xc9\x8e\xa0\xc1cz\xf5_\x8f\x01\xf5y\xf5\x9c\xbe\x9d\xee\xbf\xa1g}f$\xa5\xf3\xe6\xcd\xab\xae\xae\xc6\x96\xd0\xd6g\x8a+N\xe4P\xad\x9f\x9b7o\x0e=\x05#\t\x99\x95\x9d\x1d\xa7i\xb1\xd7\xfay&gt;jJh\xefv\xed&amp;\xf6\xea%\x1a2#\x97.]Z\\\\\x1c\xf6\xcc\xc8\x96\xa6i\x9a\xd7\xeb\x9d1c\x06!\x14(Q\xad\x9f\xe3G\xf5\xa8\xf3\xf8c\xaf\xf5\xf3|\x00@\xf7\xea\xf3&amp;d\xbb\x13l\x06\xe7Lc\xa5\xa5\xa5\x85\x85\x85\x00\x10\xf3+\x80Hc\x96\xef\\$P\x8f}\x05\x02\x81)S\xa6\xd4\xb7~KyS\xe7\xce#\xae\xb8\xa2*\x10\x88\xa2\xc4\xc7\xa6\xd3\x00*\xfd\xfe\xdf\xf6\xed{\x85\xd3\xc9\x1b\x06\x04\xcd\x9f??\xbcY1-\xcd0\x0c\xa7\xd3\xf9\xe2\x8b/\x96\x94\x94h\x0c\xd4\xd8\x9f\xa7\xee\x1b\xca\xa3+\xf2\xb1\xc9TfdjJ\xe2\xecq\x83\xd5\x80 \x06\xec\xd9g\x9fUGb\xb1\xbd\x02\x884X\x00Z\x8f:\xfb]\xbdz\xf5\x9e={\xd4\xf2\xdf\xca\xd8\xb4\x81\x03\x85i\xd6\xfe!\x94\x10\x9d\xf3\xf6\xf1\xf1\x8f\xf4\xef/\x1b\xceE\xd6\xad[\xf7\xde{\xef\xb9\xdd\xee\x98\\\x06\xaa\xd6\xcf\xb2\xb2\xb2\x85\x0b\x17\xaa\x13h!\xe4\x9d\xc32r\xfaw\xf2y\xf5Xm\xfd&lt;\x1f\xc6\xc0W\x1b\xf8\xed/zg\\\xe66\xb8`\x0c\xaa\xab\xab\x0b\n\npJh+\xc3\x02\xd0J\xd4\xf2\xbf\xb2\xb2r\xc6\x8c\x19\x00@\xa5\x14R&gt;\xd0\xbbw\xdf\xd4\xd4X}\xf2\xeb\x87i\x00\xdf\xfa|\xe3{\xf4\x18\xa42#)\xa5\x94&gt;\xf6\xd8c&gt;\x9f/&amp;3cU\xebgAA\x81\x8aD6\xb8HN\xb4/\x98\x98\xab\xd7\xe9&amp;|\x06\x8a\x12\xc2\x85\xb4\xdb-K\x1e\x18N\x08\xe1\xdc\xd0\x18[\xb9r\xe5\xd6\xad[5M\x8b\xc9\x15@d2\xdd7/\\\xd4\xf2???\xbf\xbc\xbc\x9c\x01\x18\x9c\xb7s8\x1e\xea\xd3\xa76V\xa6~^\x02I\x88\x0605+\x0b(\x15\x9c\x03\xc0\xfe\xfd\xfb_x\xe1\x85V\x1b\x10\xd4jT\xeb\xe7\x87\x1f~\xb8l\xd92\x00 RH)\xffpK\x9f\xcb;\xbacl\xec\xcf\x85c@\xebj\x037\xe7v\x1e\xd1\xaf\x13\x17\x92\x02\xe5\x9c\xe7\xe5\xe5\x05\x02\x01&lt;\rn5&amp;\xbd\xf4\xb42u\xf5Wyx\x0c@6$&gt;vr:\xcd\xd0\xfay&gt;\xaa%tTz\xfam\x19\x19\xaa%\x14\x00\x16.\\XVV\x16{-\xa1\x9a\xa6\xcd\x9a5\xcb0\x0c\xc6\x80s\x91\xd1\xd1=\xed\xce\x81\xbe\x1aS\xb4~\xfe\x00.\xe43\xbf\x19n\xb50\xce\xb9\xa6i\xc5\xc5\xc5\xabW\xaf\xc6\x01A\xad\xc6\xd4_\xbeV\xa3\xf6\x7fT"6\x030\x84\x18\xd4\xbe\xfd\xdd=z\x9c\xf1\xf9\xa2:\xf1\xb1\xe9\x18@\x9d\xae\xcf\xca\xcev\xdb\xed\x86\x10\x00PUUUPP\x10\x1f\x1f\x1f3\xfb\x00\x86a\xb8\xdd\xee\xe5\xcb\x97\x17\x15\x151\xc6\x04\xe7\x92\x90%\xbf\x1e\xeepX\xa2:\xf1\xb1\xe9\x00\xa8\xd7\xab\xf7\xbe:-\xef\xd6\xbe\xf5-\xa1\x003f\xcc8s\xe6\x0c\xde\x04\xb4\x0eS_}Z\x87j\xfd\xdc\xb8q\xe3\xc6\x8d\x1bU\xe4\x13\xa3tjV\x96\x06\x80_pJ\x88\xcf0\xba\xb8\xdd\xf7gf\xca\x86\x96\xd0e\xcb\x96\xed\xd9\xb3\'6ZB\xd5\xc4\xff\x9a\x9a\x9a\xc7\x1f\x7f\x9c\x10\xa2\xc6\xfe\x8c\xe8\xd7\xe9\xe6\xdc\xce1\x90\xf8\xd8t\x0c@\xf7\xea\x93n\xef\x9f\x9a\xe4\xe0\\0\x06\xe5\xe5\xe5\xcf&lt;\xf3\x0c\xde\x04\xb4\x0e,\x00-K\xad\xfd\xeb#\x90\x08QO~\xdd\xd2\xb5\xeb\xa8\xf4\xf4*\xbf\xdfT\xad\x9f\xe7\xc3\x00*\xfd\xfeG\x06\x0cHw\xb9Tf\xa4a\x18\xd3\xa7O\x8f\x8d\xa3`5\xf4\x7f\xf1\xe2\xc5\x87\x0f\x1f\xd64\x8d\x0b\xa11x\xe67\xc3M\xd6\xf9y^\xaa%4-\xd5Y0!GH)\x85`\x00O?\xfd\xf4\xa1C\x87\xb0\x06\xb4\x02,\x00-K4\nAe\x8c\x19\x9c;\xad\xd6IYY\xbe`\x8cO}\xb9p\x94\x10C\xcaD\xabuJV\x16ih\t\xdd\xb4i\xd3\xfa\xf5\xeb].WTo\x04I)\xe3\xe2\xe2JJJ\x9e\x7f\xfeyJ\xa9J|\xbc\xff\x86\x9e\xbd\xbb\xa5\xfab%\xf1\xb1\xe94\x06\xbe\x1a\xff\xdd\xd7w\xef\xd7\xb5\x1d\x17\x82\xb1\xfa\xd4h\xdc\x05j\x05X\x00Z\x90\x10\x82RZ^^\xaeB?(!B\xca\x89\x99\x99}SRj\xb1\x004\xa2QZ\xe5\xf7\x8f\xe9\xde}\xb0j\t%\x84R:c\xc6\x8c\xda\xda\xda\xa8~4\x8cs\x9e\x90\x90\x90\x9f\x9f_YY\xa9iLp\xe1N\xb0\xcd\x9b\x90\xad\xfb\x82&amp;l\xfd\xfc\x01\x9cK\x87\xc3\xfa\xe4\xc4\\)\x89\x9a\x0e\xb2v\xed\xda\xfa-\xd3h^\x01D&gt;\xfc\x16\xb6 5\xf6y\xe6\xcc\x99\x95\x95\x95\x16\xc6\x0c\xce/w:\x7f\xd7\xaf_\xa5\xdfo\xf2\xb3\xdfs\xe2B\xe4\xe7\xe4h\x00\xea\x12PRR\xb2x\xf1\xe2V\x8b\nhvj\xf3g\xc3\x86\rk\xd6\xacQ\x0f\xb8\n)g\x8f\x1b\x9c\x9a\x92h\xda\xd6\xcf\xf3QSBG\x0e\xba\xf2\xb6!]8\x17*3R5M\xe0}@\x8b\xc2\xcbPKQ\x9b</t>
        </is>
      </c>
    </row>
    <row r="207">
      <c r="A207" s="1" t="n">
        <v>205</v>
      </c>
      <c r="B207" t="inlineStr">
        <is>
          <t>shape_reflect</t>
        </is>
      </c>
      <c r="C207" t="inlineStr">
        <is>
          <t>What is the missing shape denoted by a question mark?</t>
        </is>
      </c>
      <c r="D207" t="inlineStr">
        <is>
          <t>['square', 'hexagon', 'triangle', 'pentagon']</t>
        </is>
      </c>
      <c r="E207" t="inlineStr">
        <is>
          <t>triangle</t>
        </is>
      </c>
      <c r="F207" t="inlineStr">
        <is>
          <t>There are six shapes in the image separated by a line. In the top part there are ['pentagon', 'hexagon', '?']. In the bottom part there are ['pentagon', 'hexagon', 'triangle'].</t>
        </is>
      </c>
      <c r="G207" t="inlineStr">
        <is>
          <t>We observe that the hexagon is reflected across the line as a hexagon. Similarly, the pentagon is reflected as a pentagon. Hence, the pattern is that each shape in the top part is reflected in the bottom part.</t>
        </is>
      </c>
      <c r="H207" t="inlineStr">
        <is>
          <t>Based on the pattern that each shape in the top part is reflected in the bottom part, the missing shape which is reflected from a triangle part should be a triangle.</t>
        </is>
      </c>
      <c r="I207" t="inlineStr">
        <is>
          <t>b'\x89PNG\r\n\x1a\n\x00\x00\x00\rIHDR\x00\x00\x02\x00\x00\x00\x02\x00\x08\x02\x00\x00\x00{\x1aC\xad\x00\x00b\x01IDATx\x9c\xed\xddg\\\x14\xd7\xfe\x06\xf0\xdf\xcc,\x0b\x08\xcbRT\xb0\xa4\xa8\x114\xd1\x14%W\xec\xb1`K\xf4\xe6o\'\x89&amp;\x12\xa3I\x0c\x06\x8dQ\xa3\xc4\x86\xa8\xd8\x05K\x8c5j\xa2\xc6\x92j%\xf6\x06\t\x18\x0b\xc6\xder-\x80Jo\xbb;\xe5\xff\xe2\\\xf7\x12\xa3\xc6\x02l9\xcf\xf7s_\xdc\x00\xc2\xec\xec\xecy\xce\xfc\xce\x99s\x04M\xd3\x08\x00\x00\xf8#\xda\xfa\x00\x00\x00\xc06\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80-\xa9\xaa\xaa\xaa\xaa\xad\x8f\x82_\xaa\xaa*\x8ab\xeb\xa3\xe0\x82\xa6i\x9a\xa6\xfd\xe3\xd9f\x9f\x08M\xd3\xca\xe7\xa8@\xc0\xb9\xb6\x15EQ$I*\xf9\x7f\xa0\xdc\xb0\xc6H\xa7\xd3\x11\x91\xa2(\x82 \x88":C\xa5I\xd34kS.\x8a\xe2\xc3\x9e^\xf6o5Mco\x8d \x08es\x98\xbc\xc3Eo\x03\x9a\xa6\xc9\xb2,I\xd2\xa5K\x97\x92\x92\x92$I\xc2\xad@yb-\xbeN\xa7KMM\xfd\xe5\x97_$I\x12EQ\x96et\x86J\x05\xbb\xaf\x12\x04A\x92$\x9dN\xa7\xd3\xe9DQ,**\xbaq\xe3\xc6\xa1C\x87dY\xbe\xeb\xbfb\'\xff\xc8\x91#\x97.]\xca\xcd\xcd\x15E\x91\xfdsI\x92\x04A\xc0\xbdZ\x19\xc1\x1d@ySU\x95\xf5\x86\xbe\xfd\xf6\xdb\xc8\xc8\xc8\x8c\x1b\x19c&gt;\x1f3f\xcc\x18"\x92e\x99\xf5I\xa1\x8cX;\xfb999\xb3g\xcf\x9e={vvv\xf6\xbb\xef\xbe;|\xf8\xf0\xc0\xc0@\xc2\xddX\xe9)((\xf8\xe3\x8f?N\x9c8q\xec\xd8\xb1\xd4\xd4\xd4\xf3\xe7\xcf\xe7\xe4\xe4\xe4\xe7\xe7_\xbe|\xd9\xdf\xdf\x9fu\xedK\xfe&lt;\xfb\\\xbc\xf8\xe2\x8b\xe7\xce\x9d\xf3\xf6\xf6\x0e\n\nz\xfa\xe9\xa7\x9f\x7f\xfe\xf9\x17_|\xb1^\xbdz~~~\xb6z!NN\x83rd\xb1X4M\xcb\xcd\xcd\x8d\x88\x88(\xf9.t\xe8\xd0\xe1\xda\xb5k\xec\x07\xac7\xbfP\x8aTUe}|M\xd3\x96.]Z\xb7n\xdd\x92\xe7\xdf\xd7\xd7w\xec\xd8\xb1\xd9\xd9\xd9\x9a\xa6)\x8a\xa2(\x8aM\x0f\xd6Q)\x8a\xa2\xaa\xea\xf6\xed\xdb\xc3\xc3\xc3k\xd6\xacy\xd7\xba\xcd\xec\xd9\xb3\xb5\xdb\x1f\x84\x92\xffP\xd3\xb4\xdf~\xfb\xed\xaem\x94\xbf\xbf\xff\xeb\xaf\xbf\xbeh\xd1"\xeb\x08\x01\x94\x16\xdc\x01\x94\x13M\xd3TU\x95$\xe9\xf0\xe1\xc3\x03\x06\x0eHIN!\xa2f\xad\x9a&lt;\xf1\xf4\x13\xab\x97\xad%\xa2j\xd5\xab\xcd\x9c1\xb3g\xcf\x9eT\xe2.\x01\x1e\x9fV\xa2\xdc\xbfc\xc7\x8e\xd8\xd8\xd8\x84\x84\x04\xf6\xad\x9e}\xba\x93\xa6}\xbbj\x03\xfb\xcf:u\xea\x8c\x1d;\xb6w\xef\xdeD\xa4(\nJ\xcf\x0f\x8b\xdd\xc2.X\xb0\xe0\xc3\x0f?\xb4~1  \xa0n\xdd\xba/\xbe\xf8b\xc5\x8a\x15\x83\x83\x83+U\xaa\xf4\xd2K/i\x7f\xbd\x03`\xffy\xe9\xd2\xa5\x0b\x17.\xa4\xa6\xa6\xde\xb8q#%%\xe5\xd4\xa9S\xd7\xae]3\x99L\xecg\xbav\xed\xbaa\xc3\x06\xdc\xa2\x952\x9b\xc6\x0f/\xac}\xcf\xb8\xb88o\x1fo"\x12H\x18&lt;b\xd0\xd9\x9b\'\xd2,\x7fN\x89\x9fh\xf46\xb2\xb7#"""77W\xfb[\x17\t\x1e\x8d\xf5\xcc_\xbdz5&lt;&lt;\xdc\xda\xe84{\xa5\xc9\xd7?.O3\xff\x99f\xfe\xf3\xeb\x1f\x977m\xd9\xd8\xfa\x89h\xd7\xae]bb\xa2\xf5\x9f\xa3\xcb\xf9w\xac\xa7\xff\xf7\xaf\xb3\xb3\xbdw\xef\xdej\xd5\xaau\xef\xde}\xd6\xacY\xbf\xfe\xfa+\xbb\xafz\x04\x05\x05\x05\'N\x9cX\xbat\xe9{\xef\xbdW\xa7N\x9d\xc9\x93\'k\xf7\xfe\\\xe0\xa6\xed\xd1 \x00\xca\x96\xaa\xaa\xec\x92\xbdz\xf5j\xaf^\xbdX\x13S\xe3\x99\xa7\xbf\xda\xb8$\xdd\xf2\xe7\xe9\x8c\xe3\'\xae\xfd~\xddty\xd7\xe1m\xc1!\r\xd8w\x1b6l\x98\x92\x92\xa2\xa1\xf5y&lt;\xd6J\x8e\xc9d\x8a\x8e\x8e\xaeR\xa5\n;\xbd\xcf\x04\xd6\x9a6o\xf2\xc5\x9c\xd3W\x8b.\x9c\xb8\xf6\xfb\x89k\xbf_-\xbap)\xf7L\xec\xdc\x98\x80\xaa\x01\xecg\\\xdd\\\xc3\xc3\xc3\xaf\\\xb9\xc2~\x955E\xa0d%\xed\xae\xdf\xd54-+++++\xab\xe4\xd7\x15E\xb1X,\x16\x8bE\x96\xe5\xfb\xb4\xd4\xec\x97\xb3\x9f\xbc\xe3\xc7L&amp;SZZ\xda\xbd\xfe!\xfba6P\xfc\xc0/\x054\r\x01P\xa6\xac\x97\xe3\xd6\xad[\xabW\xaf\xce\x1a\x97W_\xefx\xe4\xd2\xaf\xd7L\x97N\\\xfd\xfdT\xfa1\x96\x01\x97\xf3\xce\x9e\xbdub\xf0\x88A\xac\x8b\xea\xed\xe3\x1d\x17\x17\xc7\xfe-Z\x9f\x87U\xb2\x91Z\xbdz\xf5\xf3\xcf?\xcf\xce\xbc\xb7\x8f\xf7\x90Q\x11G\xff\xfc-\xdd\xf2\xe7\xc9\xb4\xa3\x7f\\?r:\xe3\xf8\xe9\x8c\xe3\x7f\\?r*\xedX\x9a\xf9r\xf2\xb9\x83\x1f\r\xfb\xc0\xd5\xcd\x95\xfd|@@@\\\\\x9c\xc9d\xd200\xa0iZ\x89\xde\xf7\x993g\xfe\xf1l\xb0\xa6\xfcq:1\xacAg\xbf\xe4\x1f\x7f\xf8\xe4\xc9\x93\xd6\xbf\x8bn\xd3\x83C\x00\x94\x15\xf6i\xb1X,C\x86\x0ca\xcd\xba\x97\xd1k\xdc\xd4\xcf\xffSp\xfe|\xe6\xc9\x13\xd7~g\xad\x0f\xfb\xdf\xc9\xebGOg\x1c\xcf\x90\xff\xb3|\xc3"\xff*\x95Y\x03\xd4\xabW\xaf\xabW\xafj\x18\x19~`%\x9b\xfe\xc4\xc4\xc4v\xed\xdaY\x0b;]\xba\xbf\xb6\xeb\xf0\xb6\x0c\xe5\xca\xd9\x9b\'\xee8\xf9\xec\x7f\'\xae\xfd~&gt;\xf3\xe4u\xf3\xe5\xedI\x9b:w{\xd5\xfa\x0f\xeb\xd7\xaf\xbfy\xf3f\xf6;\xb9}#\xac\x9d\xeb\xf4\xf4\xf4\x8f?\xfe\xd8\xcd\xcdm\xfa\xf4\xe9\xf7\xba\x1b(\x8b\xa1\xda{\xfdNvT\xfb\xf6\xedsss\xeb\xd0\xa1Cjj*\xfb:\xbaM\x0f\x08\x83\xc0\xa5O+1\xde;h\xd0\xa0\xc4\xc4D"z1\xf8\x85\x98Y\xe3\xff\xd5$\xf8F\xc6\xcd\xbb&gt;v\xa4i\x9a\xa2(&gt;\xbe\xdeW\xfe\xbc:~x\xcc\xa6\xef\xb7\x10Q\xf5\xea\xd5\x17/^\xdc\xbe}{\xc2\xc8\xf0?\xb1\x0e\x0f^\xbdzu\xcc\x981\xdf|\xf3Mqq1\x115x\xf9\xc5\xa1Q\x1f\xb7l\xdbBQ\x94\x82\xbc\x02I\'\xddkh\x97\xbd\x05\x9e\x06O\x9dN\xda\xf6\xf3/\xb1c\xa7\x9f\xfe\xe3\x0c\xfbVXX\xd8\xa8Q\xa3\xea\xd5\xabG\xfc\xcd\xd6\xb5\x9e\xd8e\xcb\x96\x8d\x193\xe6\xca\x95+D\xe4\xe2\xe2r\xe0\xc0\x81\xe0\xe0`M\xd3luY\xb2&amp;,33\xb3y\xf3\xe6\xa7N\x9d""ww\xf7O&gt;\xf9d\xf8\xf0\xe1\x06\x83\x81\xb7\xb7\xe9\xd1 \x00J\x99\xf5\xd3\x12\x1f\x1f?f\xec\x98\xec\xacl\x81\x84w&gt;\xe8\x1b\x153\xc2\xc5\xc5%/7_\xe7r\xbf\x8bR\x96e\xf7\n\xee...K\xe6-\x9f\x193\'7\'W\x10\x84\xb1c\xc7\x8e\x1e=Z\xa7\xd3a\n\xc4]\xb1g\xe8DQ4\x9b\xcd\x0b\x17.\x9c4yR\xda\xf54"\xaaR\xad\xca\x90\xcf"^\xef\xd5\xc5\xc3\xe0\x91\x93\x95\xf3\x80\x8f\xfb\xaa\xaaJ\x1a\x19\x8c\x86\xa2\xc2\xa2UKV\xcf\x9b\xf1\xc5\xcd\x8c\x9bt\xbbq\x89\x88\x88\xa8\\\xb9\xb25\xe3\xcb\xfa\xa5\xd9\x1ckF\xaf]\xbb6t\xe8\xd0\xb5k\xd7\xb2/\x86\x85\x85\x8d\x1e=:00P\xa7\xd3\xd9v\xa2\x14{#\xd2\xd3\xd3\xbf\xf8\xe2\x8b\xe9\xd3\xa7\x17\x15\x15\x11Q\xc3\x86\r\xe7\xcd\x9b\xd7\xa8Q#UU\x05A\xc0T\xae\xfb@\x00\x94\x1a\xed\xf6t\xc3[\xb7n\r\x1a4\x88}Z\xfc\xab\xf8\xc7\xce\x9d\xd8\xa1s\xbb\x9c\xec\xdc\x07l\xbe\xd9\xadn\xa5\xca\x15\x7f=\x98&lt;z\xc8\xd8#\xc9G\x89\xa8Y\xf3fK\x16/\t\x0c\x0c\xc4\xf4\xc4\x92J6\xc4[\xb6l\x191r\xc4\xf1c\xc7\x89\xc8\xcd\xcd\xad\x7fD\xbfw\x06\xf6\xa9\xfed\xb5\x07?\xf3%\xb1\x7fb\xf4\xf6\xbax\xfe\xf2\xcc\x989?\xac\xfb\xd9l2\x11Q\xf5\xea\xd5\'L\x98\xd0\xaf_?\xe2f\r\x89m\xdb\xb6\xbd\xfb\xee\xbbW\xaf^%\xa2:u\xea\xcc\x9c9\xb3c\xc7\x8e\xb6&gt;\xa8\xbb8q\xe2\xc4\xb0a\xc3\xb6n\xddJD\xae\xae\xaeS\xa6L\x89\x8c\x8c\xa4\xdbsLm|p\xf6\n\x01P:\xac\xf5\x99m\xdb\xb6}\x1c\xf9\xf1\xe9S\xa7\x89\xe8\xd5\xd7;\x8e\x9d:\xba\xfa\x93\xd5\xb22\xb3\xd9\x13\xed\x0f\xfe\x0be\x8bl\xf0\xf2\xb4X,1\xa3c\x97.\xf8\x8a\x88|}}ccc\xfb\xf7\xefOx`\xf5\xaf\xb3\xfbSSSG\x8c\x18\xb1y\xf3f\xf6\xadV\xedZ\x8e\x1c?\xec\x85\x86/\x14\xe4\x17\x14\x17\x17?N\x1d@\x96e777O/\xcf\x03\xbb\x0f\xce\x9a\x14\xb7o\xe7\x01\xf6\xf5\xb6m\xdb\x8e\x1c9\xb2M\x9b6\xecg\x1e\xf6\xcd\xb5\x7f\xacY(,,\x8c\x89\x89\x99&lt;y2\xfbbDDDtt\xb4\xd1h\xb4\xb7\xe4+y1\xc4\xc7\xc7\x8f\x193&amp;;;\x9b\x88\xbaw\xef&gt;m\xda\xb4\'\x9f|\x12\xf7\x01\xf7\x82\x00(\x05\xac9\x96e9&amp;&amp;f\xfc\xf8\xf1\x9a\xa6yyy\r\x8d\xfa\xf8\xddA\xefX,\x96\xa2\xc2\xa2Gk\x83\xd8\xaf\xf5\xf61~\xbbj\xc3\xc4QS\xd2\xaf\xa7\x13QXXX||\xbc\x9f\x9f\x1f\xcf%Nk\xfeedd\xc4\xc4\xc4,Z\xb4\x88\xdd\xfb\x07=\x1b4b\xfc\'\xa1\x9dZ\xab\xaa\x96\x9f\x97_*\xed2k\\\x0c\x06OQ\x92\xbe[\xf3\xfd\xacI\xf1\x17\xce]$"A\x10\xfa\xf5\xeb7b\xc4\x08\xa7\\C\x82\x95\xd7\xb3\xb3\xb3CBB\xce\x9e=[\xb9r\xe5\xf8\xf8x\xf6\x94\xa2\xdd\xbeRk%\xf0\xf0\xe1\xc3\x03\x06\x0cHII\xd1\xe9t\x87\x0e\x1d\n\x0e\x0e\xc6\xf8\xd9\xbd \x00\x1e\x8b\xb5\x04q\xe6\xcc\x99w\xfb\xbf\xbb\x7f\xdf~"\xaa\xf7\xc2s\xb1\xf3b^n\x1c|\xf3\x1e\xe3\xbd\x0f\xf5\xfb\x15E\xf1\xad\xe8\xfb\xe7\x85?\x87}\xf8\xd9\xbe\x9d\xfb\x89(((h\xc9\x92%M\x9b6\xb5^\xf1\xa5\xf5r\xec\x9f\xf5%[,\x96U\xabV\x8d\x1d;\xf6?\xff\xf9\x0f\x11U\xf6\xaf\xf4\xc1\xd0\x81o\xbd\x1b\xe6^\xc1=/7\x8fJ\xfb\xb4\xb0\xba\x9c\x8f\x9fOFZ\xc6\xb2\x05+\x96\x7f\xb1";+\x87\x88|||\x86\x0e\x1d:|\xf8p\xbd^\xefdo\x07k\xe8w\xec\xd8\xf1\xd9g\x9f\xad^\xbd\xbaV\xadZ\x0eq\xaf\xc3:F\xf9\xf9\xf9\xe1\xe1\xe1AAA\xd1\xd1\xd1v\x9bX\xf6\x00\x01\xf0\xe8\xac\x17\xd6\xe2\xc5\x8bG\x8c\x18\x91\x99\x99IDo\x0fxk\xf8\xb8O\xbc\x8c^9\xd99...\xa5\xf2\x87dYvww\xd7\xb9\xe8\xbe\x9c\xb3x\xea\x84\x99f\x93\xd9\xd5\xcd\xf5\xb3\x91\x9f\x8d\x1d;\x96\xb8\x99\x94R\xf26?!!a\xec\xd8\xb1\x87\x0e\x1d""77\xb7\xdeo\xf7\x88\x18\xfea\xd5\xeaUrs\xf3\x14\xb9\x0c?\xed\xb2\xac\xe8\xf5.F\x1f\xe3\xf1\xdfS\xbf\x98\xf5\xe5\xfao\xbec\x1f\x9f\xfa\xf5\xeb\x8f\x1a5\xca\xf9\xd6\x90\xd04M\x96ev\xf99\xd0ef\xfd`\x16\x16\x16\xba\xbb\xbb\x13\x91s\xbc\x1de\x01\x01\xf0\x88\xd8\xe7\xe1\xd6\xad[\x11\x11\x11\xabW\xaf&amp;"\xff*\xfeQ\x93F\xf6\xec\xd3=7;\xc7b\x91K\xb7\x19b\xbdK\xdf\x8a\xbe{w\xec\x1b1h4\xabBt\xe8\xd0!..\xaev\xed\xda\x0e\xd15{\x1c\xd6\xd6\'55u\xd2\xe4I\xab\xbfY\xcd\xbe\xce\xca\xfd\xf5\x1b\xd4/*(*.6\xe9$\x89\xca\xf8\x1ch\x9a\xa6\xc8J\x05\xcf\n\xee\xeen;\xb7\xed\x9e6~\xe6\xef\xc9G\xd9\xb7BCC\xa3\xa3\xa3\x1b5jD\xce\x15\x03\xe4\x80S\x901\xf0\xfb\x80\x10\x00\x0f\xcdz\xa7\xbfm\xdb\xb6\xc8\xc8\x8fO\x9d:MD\xcd[7\x9b&gt;\x7f\xf2\x935\x9f\xcc\xbc\x99Yvm\xb1,\xcb^F\xaf\xdc\x9c\xdc\t#\'\xad]\xb1\x8e\x88*U\xaa4w\xee\\;/\xce&gt;\x0ekK\x9a\x91\x911w\xee\xdc\xe93\xa6\x17\x15\x16\x11Q\x9dg\x83&gt;\xfcd`\xd7\xb0\xd7\x15Y.\xc8/\x14\xa5rmm\xd9sI\xde&gt;\xde\x05\xf9\x05\xdf\xad\xfda\xf6\xa4\xf8\xeb\xd7\xd2\x88\xc8\xd5\xd5u\xc0\x80\x01QQQ\x95+W&amp;gyG\x1c\xb41e-\x9b#\x1eyyB\x00&lt;\x1ckWt\xfc\xf8\xf1l\xbcW\xaf\xd7\x0f\x1f;t\xc0\xc7\xfde\x8b\\T\xf4\x88\xe3\xbd\x0fNQ\x14\xbd^\xef^\xc1m\xc37\xdf\x8f\x1b&gt;1\xf3V&amp;\x11EDD\xc4\xc4\xc48\xd9\xc3/\xac\xecn}\x04\xc9Z\xee\xaf\xe4_\xa9\xef{o\x0c\x18\xdc\xdf\xe0e\xc8\xc9\xce!\xdb\x95\xdd\xadSE\xaf\xfcyu\xf9\x17+\x17\xcf]\xc6\x1e=\x0b\x08\x08\x185j\xd4\xc0\x81\x03\x1dh`\xc0\xde&amp;\xf6\x94\x1d6n\xe7L\xf7g\x8f\x03\x01\xf0\xa0\xac\xe3\xbdg\xcf\x9e\x1d&lt;x0\x9bn\\\xef\x85\xe7bf\x8fo\xd4\xf4\xe5\xec\xac\x9cr{$\x92\x1d\x89oE\xdf\x93\xc7O\r\xfb`dJ\xd2a"j\x18\xdcp\xde\xdc\xff&gt;\xfcB\x8e\xd0\xe2\xdc\x87v\x8f\x05\x9c]]]\xff\xdd\xe3\xb5!\xa3?\xaeY\xbbFvf\xb6"+\x92\xce\xf6\xfdk6U\xd4\xc3\xd3\xe3h\xca\xd1\xc9c\xa6\xedN\xd8\xcb\xbe^\xbf~\xfd\xd8\xd8X6e\xde\xcekt\xd6\n\x8f\xc3\x95z\x1e\x96\x83\xde\xcd\x94\x1dg~\xb3K\x91u\x8b\xbb5k\xd64k\xd6\x8c\xb5\xfeo\x0fxk\xed\x96U\r\x1b5\xb8u3\xb3&lt;{O\xecHne\xdc\xaaY\xbb\xc6\xda\xcd+\x07\x8f\x18$\x90\x90\x92\x9c\xd2\xb2e\xcb\xd9\xb3g\xb3\xfdW\x1dw\xff&lt;\xeb~\x8dg\xce\x9cy\xf7\xddwC\xdb\x85\xb2\xd6\xbf\xe9+\x8d\xd7l^\x19\xbf|Ve\xffJ73n\x92F\xf6\xd0\xfa\x13\x91N\xa7\xb3X,\xb7n\xde\xaaS\xaf\xce\xca\xef\x97.]\xf7eP\xdd@":~\xfcx\xa7N\x9d\xdex\xe3\x8d\xd4\xd4T\xf6\xc4\xec\xbdvC\xb4-\xd6\xe8O\x9e&lt;\xf9\xf2\xe5\xcb\xa2(:q\x8f\x90\xb5\xfe\x8a\xa2L\x9a4\xc9\xbaH\xb5\xad\x0f\xca\xc6p\x07\xf0\xcfX]%\'\'g\xd8\xb0a\x8b\x17/&amp;"_?\xdf\t\xd3?\xefQ6\xe3\xbd\x0fNUTQ\x12\xbd}\x8d[\x7fL\x187&lt;\xfa\xe2\xb9KD\xd4\xabW\xaf\x993gV\xadZ\xd5\xce{\x9d\x7fg\xbdwa\xfb5\xc6\xc5\xc7\xb1\x02\xd73\x81\xb5\x06|\xdc\xbf\xc7[]u:)7\'\xcfn_\x14;~\x83\xd7\xdd\xd7\x90\x186l\x98\xd1h,Y\xd7\xb2\x07\xac\x8a\xb5|\xf9\xf2~\xfd\xfay{{\xcf\x993\xa7O\x9f&gt;6\\\xde\xa7\xec\xb0e!\x8e\x1c9\x12\x16\x16v\xfa\xf4\xe9\xf0\xf0\xf0%K\x968S\xc9\xf4\xd1 \x00\xee\xc7\xda$\x1d8p\xa0\x7f\xff\xfel\xc1\xa9\xe6\xad\x9bM\x98\xf6y\xdd\xe7\xeb\xde\xbaq\xcb\xe6\x8d\x11\x9b\x94\xe2S\xd1\'\xe3z\xc6\xa8\xc81\x9b\xbf\xdfJ\x0e\xb8\x84\\\xc9\x15\x1d\xd6\xacY3a\xc2\x84\x93\'O\x12\x91\xb7\x8fw\xbf\xf7\xfb\xbc\xf3A\xdf\x80*\xfe\x99\xb7\xb2H#Q\xb2\xf7\xd7r\xe7\x1a\x12\xdf\xfed6\x9b\x89\xa8N\x9d:\xc3\x87\x0f\xb7\xae!a\x0f5hvm\x1c;v\xacI\x93&amp;\xc5\xc5\xc5\xd5\xaaU\xdb\xb9sg\xcd\x9a5\xc9\x19\xc7NY\x7f???\xff\x8d7\xde\xd8\xb4i\x13\x11-]\xba\xb4_\xbf~\xce1P\xff\xc8\x10\x00\xf7Tr\xbcw\xf2\x94\xc9\xa6b\x93^\xaf\xff`\xc8\x80\xa1Q\x835\x8d\n\xf2\x0b\xec\xa7\xef\xc0\xca\xd0zW}\xc9%\xe4"##\xa7N\x9dj\xe7K\xc8\x95,\xf7\'%%\x8d\x193f\xfb\xf6\xedD$\nb\xb77\xff\xef\xfd\xc8\xf7\xea\xbfT/\'+\xc7l6\xdb\xcf\xd9~\x10\xb7\xd7\x90\xf08\xb8\'q\xda\x84Y\x07\xf7\x1cb_\xb7\x9f5$X\xe8\x12\xd1\xcb/\xbf\xfc\xfb\xef\xbf\xebt\xba\x03\x07\x0e\xfc\xeb_\xffr\x88\x1e\xc3\xa3a%\xa0\x9c\x9c\x9c\x06\r\x1a\\\xbcx\xb1B\x85\n\xc7\x8e\x1d\xabY\xb3\xa6\x13\xbf\xe4\x7f\x84\x00\xb8\x0bk\xabTr\xbc\xb7\xe635b\xe7\xc5\xb4l\xdb\xe2\xd6\x8d[d\x7f\xa3\xac\x8e\xb8\x84\xdc\xbd\x16pn\xfaJ\x93\x0f\x87\x0eh\xd3\xa1UQQqa~\xe1}\x16p\xb6g\xec*\xf22\x1adYY\xb7j\xe3\xc2\xd9\x8b\xce\x9f\xbd@D$Px\xbf\xf0\xe8\xe8\xe8\xaaU\xab\x92\xed\xa6\x8a\xb2\xbf;t\xe8\xd0Y\xb3f\x11\xd1\xacY\xb3"##\x9d\xbe$\xc2^uRRR\x8b\x16-\xccfsHH\xc8\xbe}\xfb\xd8\x00\x9e#^c\x8f\x0f\x01p\'\xeb\x07\xf2\xdbo\xbf\xfd\xe8\xa3\x8fn\xdc\xb8AD\xbd\xfa\xf6\x183e\x94\x97\xd1+7;\xf7\xfe\xeb9\xdb\x96\xc3-!g6\x9b\xa7N\x9d:\x7f\xfe\xfc\xeb\xd7\xaf\xd3\xed\x05\x9c{\xf6\xed\xee\xe2\xa2\xcb\xce\xcaa\x03\xda\xb6&gt;\xc6\xc7\xa2**\t\xe4\xeb\xe7\x93v=}\xd9\x82\x15\xcb\x16\xac`SW\x03\x02\x02\x06\r\x1a\xc4\xd6\x90\xb0\xc1Q\xa9*[3\xa7Q\xa3F\xb2,\xb7m\xdb6!!\xc1\xe9[\x7f\x86\xbd\xcc\xf1\xe3\xc7\x8f\x1b7\x8e\x88\xe6\xce\x9d;h\xd0 ;\xfch\x94\x0f\x04\xc0_\xb0\x8b#//o\xf4\xe8\xd1\xf1\xf1\xf1D\xe4W\xd1wllT\xb77^/*,6\x9b\xcd\xf6\x7f\x958\xc4\x12rl\x87\xa9\r\x1b6\xc4L\x8cI=\x91J\x7f]\xc09;3G\xd5\x9cj\xb5}Y\x96\xf5z\xbd\xd1\xc7x\xe2\xe8\x89\x991q?m\xd8\xc4\xbe\xfe\xdcs\xcfEEEu\xeb\xd6M\x92\xa4\xf2\x8c:\x16\x00-[\xb6\xdc\xbbw\xaf\xd1hLII\xa9Y\xb3\xa6S\x8e\xfd\xfe\x9dv{\x7f\xb1\xc6\x8d\x1b\x1f&gt;|\xd8\xc7\xc7\xe7\xd4\xa9S\x95*U\xe2\xb3\x10\x84\x00\xf8/\xebxoRR\xd2\xa0\x8f\x06\xa5$\xa7\x10Q\xf3\xd6\xcd\xc6O\xfb\xfc\xb9\xe7\xeb\xde\xba\x99\xe9@7\x89w]B\xaeN\x9d\xa0\xc5\x8b\xedb\t9\x16Q\xfb\xf6\xedk\xd1\xa2\x05\x11I\x92\xd4\xe9\xdf\x1d"F|X\xff\xa5z\x85\xf9\x85\x8f\xb9\x80\xb3\xddb\xc3\xf5\x1e\x06\x0fI\x92\xf6\xfc\xb2oz\xf4\xac#\xb7\xd7\x90\xd8\xbbwo\xf3\xe6\xcd\xcb\xad\x13\xca\xfeP||\xfc\xe0\xc1\x83\x89(&amp;&amp;f\xd4\xa8Qv\xd23(\x1f\xd6+\xb0U\xabV\xaa\xaav\xeb\xd6m\xed\xda\xb5v5;\xab\xdcp\x97xw%\xcb2\xab6\xcc\x9e=\xbbe\xcb\x96)\xc9)\x02\t\x83G\x0cZ\xf5\xc3\xb2\x9a\xb5k\xdc\xb4\x83\xd9&gt;\x0f\x85\xcd\xa3\xcf\xbc\x99Y\xc9\xbf\xd2\xd7?.\x8f\x8a\x19\xa9\xd7\xebO\x9d:\xdd\xa6m\x9b\xf1\xe3\xc7\xb3Wj\xf39\xe9\x16\x8bE\x14EI\x92\xc6N\x8dZ\xb2\xee\x8b\xc0\xba\xb53ofZ,\x16gm\x86\x04A\xd0\xb9\xe8\x8a\n\x8b\xf2r\xf3^\tm\xf1\xfd\x8eo\x07\x0f\x1f\xc4:\xfe\x16\x8b\xa5\x9c\x8f\x84\x88n\xde\xbcID\xb5k\xd7\x1e6l\x18o\x05\x10\xb6x{\xf3\xe6\xcd\xd9\x9cW\x93\xc9\xc4\xaeF[\x1f\x97\r8\xe7\x87\xed\xc1Y\xc7{\xaf]\xbb\xf6\xee\xbb\xef\xb2\xf1\xde\x1a\xcf\xd4\x1875\xaaC\x97\xd0\xac[\xd9\x9a\xa69h\x93\xa4\xd3\xe9L&amp;\x93\xd9l\xfe\xe8\xd3\x0f^n\x12&lt;:rl\xea\xd1\x13\xe3\xc6\x8dKLLdK\xc8\xd9vdX\x10\x04v/\x12X\xa7\xb6\xd9d\xce\xcf\xcb/\xad\xc5S\xed\x19ke\xb2ne\xf9U\xf6m\xd6\xbai\xdc\xd4yT\xees.EQTUu\xfc\xf8\xf1\x06\x83\xc1\xdb\xdb[\xaf\xd7\xb3\x87\xef\xca\xf3\x18l\x8e=\xf26x\xf0`ww\xf7\xf9\xf3\xe7s[\x08\xe11\xf4\xac\xd8\xb3!:\x9d\xee\xdbo\xbfm\xd4\xe8_\xac\xf5\xef\xdc\xed\xd5\x8d\xbf\xaci\xf7j\x9b\x9b\xe9\xb7\x1c}u\x14\xd6\xbe\xdf\xba\x99\xd9\xb0\xd1K\xdfn\xfd\xbaW\xdf\x1eD\xb4u\xeb\xd6f\xcd\x9a\xadY\xb3\x86\xdd\xd6\xd8\xfc\x99\xe1\xa2\xa2bG?\xcf\x0fK\xd2I\xaa\xa2\x16\xe4\x17\xd8\xea\x00X\x06\x0c\x1b6\xac\x7f\xff\xfe\x9c\x96&gt;DQ\x10\x84\x97^zi\xfe\xfc\xf9D\xc4\xed\x96a\x1c}\xea\xee\xc0\xca&gt;yyy\x83\x07\x0f\xee\xd5\xab\xd7\x95+W\x8d\xde\xc6)\xf1\x13\x17\xad\x9eo0\x182oe\xd9\xf3l\x9f\x87\xa2\xd3\xe9r\xb3\xf3\\\xf4.3\x17\xc6\xc6-\x99\xe9W\xd17###,,\xec\xbd\xf7\xde\xcb\xcb\xcbc\xb7\xc36&lt;&lt;Q\xe4\xf1\x83g\xf3\xccc\x19\x80\xb5q\xd8m(\xb7x\x0c\x00k\xd9\xe7\xf0\xe1\xc3\xadZ\xb7b\xb3}\x82C\x1a|\xbf\xf3\xdb\xb7\x07\xf4\xc9\xbc\x95%[\x9cm@L\xd2I\x8a\xac\xe4d\xe7\xf6\xea\xdb}\xdd\xb6\xd5\xcd[7#\xa2\xc5\x8b\x17\xb7j\xdd*))I\xa7\xd3\xb1y\x11\xb6&gt;L(W\x0e4\xaf\xa1\xecpu\xeb\xf9w\xdc\xbdx\xeb\xb2n\xf1\xf1\xf1m\xda\xb6\xb1\x8e\xf7\xae\xde\xb4\xb2f\xed\x9a\x99\xb72%I\x12\x9c\xb1O\xca^\xf5\xcd\x1b\xb7j\xd6\xae\xb1\xea\x87e\x83G\x0c""\xa7YB\x0e\x1c\x02\xeb{\xc9\x7f\xa3(\n\xfa\x1f6\xc1W\x00\xb0\xd9\x0e\xd7\xae]\xeb\xdd\xbb\xf7\xe0\xc1\x83\xb3\xb3\xb2k&lt;\xf3\xf4\xf2\x8d\x8bG\xc7\x8cP\x15\xb50\xbf\xd0\xc9:\xfe\x7f\xa7\xd3\xe9\x8a\n\x8b\x8a\n\x8bF\xc7\x8c\xf8j\xe3\x92\x1a\xcf\xd40\x99LC\x86\x0c\xe9\xd8\xb1\xe3\xb5k\xd7$IB\x06@\xa9c\xed\xbe\xb5\xef\xa5\xfb\x1b6\x1b\x8a\xfd\x98\xad\x0f\x96/N\xde\xde\x95\xc4\x06\xbb\xb6m\xdb\x16\x1e\x1e~\xed\xda5"\xea\xf4z\xc7I\xb3\xc7W\xaeR\xf9f\xfa-I\'\xd9\xffBc\xa5\x82\xdd\xf3\xdeL\xbf\xd5\xee\xd56\xcf7\xa87\xe6\x93\t?m\xd8\xb4u\xeb\xd6\x97_~y\xe9\xd2\xa5\xed\xdb\xb7G]\xd8Y\x95\xff;k]\xe6\x8f\x8d3\xe7\xe7\xe7\x9f:u\xea\xec\xd9\xb3\x97/_\xce\xce\xce6\x99Lz\xbd\xde\xd7\xd7\xb7v\xed\xda\xf5\xeb\xd7\xaf]\xbb\xb6$I\xb6\xdd\xc9\x8b\xb7\x8b\x9f\x97\x00`\x8f\xf9Y\x9f\xff\xaeT\xb9\xd2\x87\x9f\x0c\xe8\xffQ\xb8\xd9d\xcer\xa2\xf1\xde\x07\xa7s\xd1e\xde\xca2\x18\x0c\x8bV\xcf_\xb6`\xc5\xcc\x989\xd7\xae]\xeb\xd0\xa1\xc3\xb8q\xe3\xc6\x8e\x1d\xcb\xe7S\x91N\x8fM\xbd-\xcf\x19/\xac\xcb\x9f\x9d\x9d\xbde\xcb\x96\xef\xbf\xff\xfe\xe0\xc1\x83W\xae\\\xb9\xebO\xea\xf5\xfaF\x8d\x1a\xbd\xff\xfe\xfbo\xbc\xf1\x06\xd9h\x15[\x0e/{^\x1a&gt;\xf6\xd6\xb2\x1bLA\x10\x86}\x1e\xf9\xe1G\x03\xff\xbc\xfe\x1fQ\x14\x9d\xbe\xecs/:\x9dN\xb6\xc87o\xdc\xfap\xf0\xfb\xa2(\x8e\x1c\x1ce\xbd\x07\xe7\xf0\x93\xe0\xf44M\xcb\xcb\xcb\xf3\xf2\xf2*\xb7?GD\x97/_\xfe\xf2\xcb/W\xae\\im\xf7\xd9\xc4\xeb\x92W\x17\xbb\xea\xccf\xf3\xbe}\xfb\xf6\xed\xdb\xb7j\xd5\xaae\xcb\x96\xf9\xfb\xfb\x97\x7fg\\\x14\xc5\x82\x82\x02\xbd^\xcf\xc3#)\x0c/\x1frv\xc1\xbd\xfd\xf6\xdbnnn\x9a\xa6\xa5$\x1d\xce-\xce%\xee\xe7\x00\x08\xa2 \x08B~q^J\xd2aM\xd3\xdc\xdc\xdc\xde~\xfbm\xe2\xfe\xb48\x19\xd6\x16ggg\x07\x07\x07\xb7l\xd9r\xce\x9c9DT\xd6\xd5vV\xf1\xdf\xb4i\xd3\xe4\xc9\x93\xaf\\\xb9"I\x92\xb5a\xb5X,\xa6\x12\xccf3+\xcf\xb2\xe1\x81-[\xb6\x84\x86\x86\xde\xbau\xab\xdcv\xecb\xa7b\xe7\xce\x9d\xad[\xb7\x0e\n\n\xda\xbf\x7f?\x95\xfd\xf9\xb1\x13\xbc|\xce\xd9\xac\xe7\x1a5j\xbc\xf4\xd2KD\xb4;a\xef\x8d\xf4\x9b\xae\xae\xae\xdc&gt;\x01\xc8h\x9a\xe6\xea\xeaz#\xfd&amp;\xdb\xc9\xf6\xa5\x97^\xaaQ\xa3\x06\xba\xffN\x86M\xb09x\xf0\xe0\xd9\xb3g\xf7\xee\xdd\xeb\xef\xefO\xb7S\xa1\xec\xb0\xa2\x7f\x9f&gt;}\x9ex\xe2\t\x17\x17\x17A\x10\xccf\xb3\xc5b\xd14\xadZ\xb5j\x8d\x1b7\xee\xd8\xb1c\x97.]^y\xe5\x95\'\x9f|\x92-\x0e\xa8i\x1a[5\xef\xf8\xf1\xe3\x03\x07\x0ed\x9f\xd92=H\x86\xddg\xd4\xacYs\xd7\xae]W\xaf^e\x0f\x84r\xd22p\xf49g\xedZ\xd7\xae]\x89(#\xfdF\xd2\x81\xdf*x\xb8s&gt;\xf9LU\xd5\n\x1e\xeeI\x07~\xcbH\xbfAD]\xbbv-\xb7O\x1d\x94\x1b\xd6\x96m\xdf\xbe]\x10\x04\x1f\x1f\x1f\xeb\x1a|e\xfaG\xd9\x1e\xc8^^^\xfd\xfb\xf7\xb7X,\xb2,?\xff\xfc\xf3\x13&amp;LHNN&gt;}\xfa\xf4\xc1\x83\x077o\xde\xfc\xc3\x0f?\xec\xda\xb5\xeb\x8f?\xfe\xd8\xbauk\xe3\xc6\x8d\xd9\'\x94\xad\xb9\xbba\xc3\x86\xfd\xfb\xf7\x97\xcf\xb446\x01\xe9\xa9\xa7\x9ej\xdc\xb8\xb1(\x8a;w\xeed{\xf5\x94\xf5\xdf\xb5\x07\x1c\x05\x00\xeb\xd5v\xe9\xd2\xc5\xd5\xd5\x95\x88\xb6\xfd\xb4\x9d\xab\xe1\xfe{\x11\x04a\xdbO\xdb\x89\xc8\xd5\xd5\xb5K\x97.\x84\xfa\x8f\xd3a\xa1~\xe4\xc8\x11M\xd3\x02\x03\x03\xcb\xad\xbc\xce\x1a\xd6\xf0\xf0\xf0^\xbdzm\xd9\xb2\xe5\xc8\x91#\x9f\x7f\xfey\xc3\x86\r=&lt;&lt;\xac\x13CUU\xf5\xf0\xf0h\xdf\xbe\xfd\xee\xdd\xbb\xdb\xb4i\xc3\xa6\x0c\xb1a\xea\x95+WRy\xf5\xc4Y\xc1*$$DU\xd5\x0b\x17.dee\t\x02\x17+%s\xf4Qg\x1f\x83g\x9ey&amp;88\x98\x88\x0e\xedK\xba\x99q\xd3\xc5\xc5\x85\x87\xb7\xf9\xae4Msqq\xb9\x99q\xf3\xd0\xbe$"\n\x0e\x0e~\xe6\x99gP\xffq2l\x95\xff\xfc\xfc\xfcs\xe7\xce\x11QHHH\xb9=\xed\xc1\x9e4\xae^\xbd\xfa\x9a5k:t\xe8\xc0\xee\t\xac\xebO\xb0\xa2?\x0b\t\xb3\xd9\xac\xd7\xeb\xe3\xe2\xe2\\\\\\\xd8\x0fh\x9a\xf6\xeb\xaf\xbf\x96\xdb:E,\x0e\x9b7oND\xd9\xd9\xd9\xa7O\x9f&amp;&gt;V\x89\xe0\xeb\xa3\xceZ\xb7\xd0\xd0P"\xcaH\xbf\xf1G\xeai7w7\x1e\xde\xe6\xbbRU\xd5\xcd\xdd\xed\x8f\xd4\xd3\xac\xfe\x13\x1a\x1a\x8a\xfa\x8f\xf3a\xfd\x9bs\xe7\xce\xb1\xbd\xed^|\xf1\xc5\xf2?\x00\xd6\xd9g\x0b\xeb\xfe}\xfd\tA\x10\xf4z\xbd\xa6iu\xeb\xd6\r\n\n\xb2\xde\x9d\xa4\xa7\xa7\x17\x14\x14\x94OO\x9c\xfd\xc5g\x9f}\xd6\xcd\xcd\x8d\xdd-\x11\x1f\xc3\x00|\x05\x00{\x9b\xdb\x85\xb6\x13EQ\x91\x95\x84\x9f\x7f\xd1\xbbr}\x07\xa0wuI\xf8\xf9\x17EVDQl\x17\xda\x8el\xf7\x00\x0e\x94\x11vy_\xb8p\xc1b\xb1\xe8\xf5\xfa\x17^x\x81\xca\xb7\xcag\xed\xec\xdf\xff\xd2b\xc7\xe9\xe7\xe7g\xfd\x8a\xd9l.\xb7e\nY\xcc&lt;\xf1\xc4\x13\xd5\xabW\'\xa2\xb3g\xcf\x12\x1f\x9f\x05\xbe\x02\x80=g\xd80\xb8a`` \x11\xed\xda\xbe\';3\x9b\x9f9\xbfwpqq\xc9\xce\xcc\xde\xb5}\x0f\x11\x05\x06\x066\x0cn\xc8\xe7\xca\xc0\xce\xcdz\x07 I\x92\xc1`x\xfa\xe9\xa7\xc9.\x9b6V\xf7\xcf\xcf\xcf\xb7~\xc5\xdd\xdd\xbd\xdc6Lf\x01P\xa1B\x85\'\x9exB\x14E\x04\x80\xd3R\x14E\xaf\xd7w\xee\xdc\x99\x88.\x9e\xbft$\xf9X\x85\n\xee\x9c\xcc\xf9-IQ\x94\n\x15\xdc\x8f$\x1f\xbbx\xfe\x12\x11u\xee\xdc\x99m\x0cb\xeb\xe3\x82R\xc6Z\xb1\xc3\x87\x0f+\x8a\x12\x10\x10\xc0\x9e\x83\xb1\xf5A\xdd\x89\xd5\xfdo\xdc\xb8\xc1Z^\xa6j\xd5\xaa\x15*T(\xb7\xc7\xc1\xd8ia\xd3\xa0\x8f\x1f?^XX\xc8\xc380w\x01\xc0.\xa6n\xdd\xba\xb1zw\xc2\xa6\x1d.\\V\x814MsquI\xd8\xb4\x83\x8d\x8bt\xeb\xd6\x8d\xf8\xe8\xf2\xf0\x86\x8d\xb2v\xe8\xd0\xa1C\x87\x0e5j\xd4pww\xb7\xc3\xe5n\xd8\xe6t\x8b\x17/\xce\xcd\xcd\xb5\xde\x836k\xd6\x8c\xca\xf1\x81,k\x00\xbc\xf8\xe2\x8b\xef\xbf\xff&gt;\xf1\xf1q\xe0n\x15\x04V\x05z\xe9\xa5\x97\x02\x03\x03O\x9d:e\xad\x02\xf1\x96\x01w\xd4\x7f^z\xe9%\xd4\x7f\x9c\x12k\xc5\xc2\xc3\xc3\xc3\xc3\xc3\xd3\xd2\xd2\xecp\x96\x97\xc5bqqq\xf9\xf5\xd7_\'N\x9c\xc8\xe2\x8a\x88$I\xea\xd7\xaf\x1f\x95\xe3p\x05[\x12\xe6\xbd\xf7\xde\x8b\x8a\x8a\xb2~\xd1\xe93\xc0\xbe.\x85\xf2\x81*\x10\xea?\xbca3\xee\x03\x02\x02\xec\xb3\xf5\xff\xed\xb7\xdf:w\xee\\XX\xc8z!\x8a\xa2\x0c\x1a4\xa8^\xbdz\xec\xce\xa0&lt;\x8f\x87=&amp;m\xdb=\xf2\xca\x93}]\r\xe5\x03U \xd4\x7fxc\x9dqo\xeb\x03\xf9\x1f\xb6\xf0\x83\x8b\x8b\x0b[\xfc\'##\x83\xad\xcch\xb1X\x9a4i2e\xca\x14\x9b\xdc\xac\xb0G\x10\xf8Y \x92\xc7\x00(Y\x05".\xe7\x02\xa1\xfe\xc3\'\xfb\xc9xk;;w\xee\xdc\xd7^{-\'\'\x87\xedIg\xb1XBBB~\xfc\xf1Gwww\x9bl\xd4\xce\xdb\xee\xf0&lt;\x06\x00\xf1]\x05B\xfd\x07l\x8b\xb5\xfe\xa2(FFFFDD\xb0\xff\xcf\x9e\x13~\xed\xb5\xd7\xb6o\xdf\xee\xe7\xe7\xc7\xf6-\xb0\xf5\x91:?N\x03\x80\xe7*\x10\xea?`[\xec\xc2\xeb\xdf\xbf\xff\x9c9st:\x1d\x9bm\xa9(\xca\x90!C~\xfc\xf1G\x83\xc1`\x87#\xd5\xce\x8a\xd3\xb3\xccs\x15\x08\xf5\x1f\xb0!\xb6/wLL\xcc\x92%K\xac+\xff\x08\x82\xb0p\xe1\xc2\x993gZo\x0el}\x98\xbc\xe0\xf7D\xff\xad\nt\xbc\x82\x87\xf3W\x81\x14E\xa9\xe0\xe1~$\xf98\xea?\\QU\xd5\x1ef\xb6\xb0\xc5&gt;\xff\xf8\xe3\x8fq\xe3\xc6Y\xd7\xa4\xd3\xe9t\xeb\xd7\xaf\x1f0`\x80,\xcb\xf6P\x82g+\x17\xd9\xf6\x18\xca\r\xbf\x01pG\x15h\xfb\xcf\t:\x0e\x9e\x06\xd04M\xe7\xe2\xb2\xfd\xe7\x04\xd4\x7f\xb8b\xdd\xfa\xd4\xb6W8\xfb\xebs\xe7\xceem=\x11\xa9\xaa\xbal\xd9\xb2\xff\xfb\xbf\xff\xb3X,\xac\x1cd\xc3\xc3\xa3\xdb\x11\xc5\xcf\r1\xbf\x01pG\x15\xe8\xb7C\xc9E\x85\x85N\xff\xc6K\x92TTX\xf8\xdb\xa1dB\xfd\x87\x1b\x9a\xa6\xa5\xa4\xa4L\x9a4i\xd0\xa0Ad\xbb\x0c`W\x9a,\xcb;w\xee\x14\x04\x81u\xbcz\xf7\xee\xfd\xe6\x9bo\xb2\xa7\x01lrTV\xac\xd7\xbf`\xc1\x82\x0f?\xfcp\xd7\xae]f\xb3\xd9\xb6\xc7S&gt;\xf8\r\x00"RUU\xaf\xd77n\xdc\x98\x88N\x9f&lt;w\xfa\xc4Yw\xa7^\x1dZUUww\xb7\xd3\'\xce\x9e&gt;y\x8e\x88\x1a7n\xac\xd7\xeb\x9d\xf8\xf5\x02\xdd\xde\xead\xdc\xb8q\xa3G\x8f&gt;p\xe0\x80,\xcb6\x0c\x00"\xbaq\xe3\xc6\x95+W\xd8\xa8/\x11\r\x1c8\xd0N\x86|\xd9\xe1\x9d:uj\xc1\x82\x05aaa&amp;\x93\xa9\xdc6%\xb6!\xdb\x9fw\x9bce\x10Sq\xf1\xcem\xbb\x9d{{\x00\xb6\x01\xc0\xcem\xbbM\xc5\xc5t\xfb\x85\x83scM\xd8\xcb/\xbf\xac\xd3\xe9\xae_\xbf^XXh\xdb\'\xc2\xb2\xb2\xb2\xd8\xa6\x8fDd0\x18\x02\x03\x03\xd9\x13\x00\xb6:\x1e+v\x0cg\xce\x9c\xd1\xe9t\xf5\xeb\xd77\x18\x0cv\xb8hR\xa9\xb3\xfdy\xb7!\xf6\x96\xb7h\xd1\xa2j\xd5\xaaD\x94\xb0yGQQ\x91\x13\xd7C$I***J\xd8\xbc\x83\x88\xaaV\xad\xca\xf6\x86\xb5\x87\xcf\x1e\x94\xb5\'\x9exB\x96\xe5\x82\x82\x82\xf4\xf4t\xb2\xe9H\x80\xc9d\xb2X,l\xa0\xd5l6{xx\xd8\xeaH\xee\xc0\xb6\xadOKK\x93e\xf9\x89\'\x9e [\x8f\x97\x94\x0f^\x9ex\xbe+A\x10\x14E1\x18\x0c\xed\xda\xb5[\xbe|\xf9\x89c\'O\xa5\x9e\xae[\xafNaa\x91\xf35\x8b\xaa\xaaV\xa8\xe0~2\xf5\xd4\x89c\'\x89\xa8]\xbbv\x06\x83\x81\xcd\xc9\xb3\xf5\xa1A\x19b}\xd8:u\xea\x88\xa2XPPp\xec\xd8\xb1\xc0\xc0@\x9b4m\xecH\x8cFc\xabV\xad\xd8\xdc\x7f\xa3\xd1h\'\x8b.\xb02TZZ\xda\x85\x0b\x17\x88\xa8n\xdd\xba\xc4G\x008[3\xf7h\xbaw\xefNDf\x93i\xe7\xb6=\xceZ\x05\xba]\xff\xd9c6\x99\xe8\xf6K\x06\xa7\xc7\xba2\xb5j\xd5\xf2\xf1\xf1!\xa2\xa3G\x8f\x92\x8d\x9a6\x16\x005k\xd6\xdc\xb9s\xe7\x8e\x1d;v\xee\xdc\xf9\xddw\xdf\xb1;\x00\x9bWZ\xac\x03\x00lG\x9a\xfa\xf5\xeb\xdb\xc3Q\x95\x03\xde\x03\x80\x9f*\x10\xea?|b}m__\xdf\x1a5j\x10QRR\x92\xcd\x9f\xb4Rn\xb3\x9f\x9e\x16\x0b\x80\xa4\xa4$"2\x18\x0c\xcf&gt;\xfb,!\x00xP\xb2\nDD\xac\n\xe4|s\x81\xd8\xfc\x9fS\xa9\xa7\xef\xa8\xff\xf0p\x89\x83\xaa\xaa:\x9d\xae^\xbdzDt\xf4\xe8\xd1\xac\xac,\x1b\x8e\x03[\x97\xfbg\xdd,;\xf9\xa0\xb1D\xdc\xbbw/\x11U\xaf^=  \xc0\xe61Y&gt;\x9c\xff\x15&gt; \xe7\xae\x02\xa1\xfe\xc33\xd6\xe6\xb2\xca{FF\xc6\x91#G\xc8v-/\xdb#\xbe\xa0\xa0\xc0\xba\x02\xa8\xcdK\xed\xac\xad\xcf\xcc\xccLII\x11\x04\xa1I\x93&amp;\xfcL\x8fF\x00pQ\x05B\xfd\x87g\xecbn\xd3\xa6\x8d\x8b\x8b\x8b\x97\x97\xd7\xbe}\xfblr\x18\xac\xa1\xbfz\xf5j\x9f&gt;}\x82\x82\x82j\xd7\xae\xdd\xbe}\xfb\xe4\xe4dA\x10l\xdb\xda\xb2\xbf\x9e\x9c\x9c\xcc\x0e\xf2\xd5W_%&gt;F\x80\x89\xf3Y@\x8c\xd3\xcf\x05\xc2\xfc\x1f\xce\xb1B\x9f\xbf\xbf\xff\xee\xdd\xbbk\xd7\xae\xcd&amp;\xde\x94\xff\xbb\xcf\x9e\xabz\xeb\xad\xb7v\xef\xde\xcd\xbe\xb2}\xfb\xf6\xe4\xe4\xe4\x13\'N\xf8\xfb\xfb\xdbp\xd2=;\x15M\x9a49\x7f\xfe\xfc\x993g\xd8\xd2\x00\x9c|:\x9c\xa1\x81+-\xceZ\x05B\xfd\x07\x88H\xa7\xd35n\xdc\xb8b\xc5\x8a\xde\xde\xde\xe5\xff\xd7\xd9&lt;\xcbK\x97.\xed\xdd\xbb\x97mO&amp;\x08\x82^\xaf\xcf\xcc\xccd+C\xd8|\xfd5OOO\x1f\x1f\x9fF\x8d\x1a\xb1\xe9R\x9c\x0c\x8f!\x00\x88\x9c\xbd\n\x84\xfa\x0f0\x8a\xa2\xd8vy\x83\xac\xac,\xb6\x08\x04[\x05\x9a\xa5\xc2\xcd\x9b7mu&lt;%\xb13\xc3N\x91\xad\x8f\xa5\xfc\xa0\x15 \xba\xdb\\\xa0?\x8e\x9fr\x8e\xb9@l\xfe\xcf\x1f\xc7\xef\xac\xffp\xd2\xc1\x81\x92$I\xb2\xedz\xcb\x95*Ub\xf3\x7f\xd8\x1d\x00[\x0f\xaeJ\x95*\xb6:\x9e\x92\xd8\x99a\xa7\xc8\xd6\xc7R~\x10\x00\x7f\xd1\xa3G\x0fA\x10\xcc&amp;\xd3\xfe]\x07\xdd*8I\x00\xb8Up\xdb\xbf\xeb\xa0\xd9d\x12\x04\xa1G\x8f\x1e\xb6&gt;"\xe0\x11k\xeb\x9f|\xf2\xc9\x0e\x1d:X\xef\x00\xccfs\xb5j\xd5\xda\xb4i\x83%im\x05\x01\xf0_\xac$\xd2\xb8qc___"J\xda\xf7\xab\xc5"\x0b\x82\xc3\x9f\x1fA\x10-\x169i\xdf\xafD\xe4\xeb\xeb\xcb\x96&gt;E\xfd\x07\xca\x1f{$m\xf9\xf2\xe5\xe1\xe1\xe1\xd5\xabW\xaf\\\xb9r\xa7N\x9d\xb6m\xdb\xc6&gt;q\\\xf5\xbb\xed\x07f\x01\xfd\x17\x9b\x8b\xe6\xed\xed\x1d\x12\x12\xb2i\xd3\xa6_\x0f%_&gt;\x7f\xb9J\xb5*f\xb3\xd9q/MM\xd3\xdc\xdc\\/\x9f\xbf\xfc\xeb\xa1d"\n\t\t\xf1\xf6\xf6\xb6\x93\xd5w\xc1\xe6\xd8\rn\xb9]\x0c\xecs\xe4\xe7\xe7\xb7d\xc9\x92\xc2\xc2B\x8b\xc5b4\x1a\x89\xc8\x86\xf3\x7f\xd88\x04\xcf7\x1fh\x08\xfeGUUk\x91$/7o\xdf\xce\x03\x8e\xbeI$\xdb\x00r\xdf\xce\x03y\xb9yt\xbb\xc0eou-V\r\xb0\xf5Q\xd8\x80m_\xb5\xa2(6Y\x87\x99\r\xb4V\xa8P\xc1h4\xaa\xaa\xca&gt;t\xe5|\x0cV\xac\xe8\xef\xd0\x9f\xf1\xc7\x84\x00\xf8\x1f\xd6\x11h\xdf\xbe=\xeb\x98l\xfb9AQ\x14\x87\xae\x02\t\x82\xa8(\xca\xb6\x9f\x13\x88\xc8h4\xb6o\xdf\x9e\xeco\x82\xb3\x87\xa7\x87(\x89\\}\x08Y\xc7\xd3Eo\xb3=\xb0X\xb7w\xd7\xae]\xbbw\xeff\x07Sn\x7f\x9a\xb5\xb9\xd6\xcd\xdfmu3\xca\x0e\xe0\xcf?\xff\\\xb9r%;\x1e\x9b\x1c\x86\xcd9p\xebV\xeaX\xef8  \xa0y\xf3\xe6D\x94\x9cx\xf8\xd2\xf9\xcbnn\xae\x0ezq\xb0\xfa\xcf\xa5\xf3\x97\x93\x13\x0f\x13Q\xf3\xe6\xcd\x03\x02\x02l\xdb\xe1*\x89}\xfe%I\xda\xbf\xf3\x80\xd9d\xf6\xf1\xf5\x91e\xd9\xde\xeeN\xca\x82,+z\xbd\xde\xb3\x82g\xfa\xb5t\x9bL;a\xd7\xc0\xda\xb5k_}\xf5\xd5\xa8\xa8(V\x9a/\xcf\x03\xa0\xdbSn\xca\xf9\x8f\x96\xc4&amp;\xc2-]\xba\xb4o\xdf\xbe\xe3\xc7\x8f\xb7\xe1Fi\xb6\x85\x00\xf8\x0b\xd6\x00\xb1G\xa5\x1c\xbd\ntG\xfd\x87\xbd(\xfbia]\\\\TUU\x14%n\xea\xbc\xd7[\xf5\xd8\xbbc\x9f_E_7w7Y\x96m}he\x85]H\xbe~\xde\xb99\xb9\x91\x03\x87}&gt;t&lt;\x9b\x7f\\\xce/\x99\x05@RRRQQQbb\xe2\xfa\xf5\xeby+\x83\xb0\x1b\xa0\x0b\x17.\xc4\xc5\xc5\t\x82\xf0\xc3\x0f?\x90\xad+r\xb6\x82\x00\xf8\x0bg\xaa\x02\xd9m\xfdG\x92$UUCBBV\xaf^\xfd\xdcs\xcf\x11\xd1\x91\x94covy\'\xa2\xdf\x90\x0bg/V\xaa\\\x91\x88\x14\xd9\xa9\xda#\x16uFo\xa3$I_\xcc^\xdc\xa1q\xe7\xaf\xbe\\UPP\xa0\xd3\xe9"""\x1a6lX\x9e#\xf3\xac\xe21a\xc2\x84Z\xb5j)\x8a2r\xe4\xc8\xbc\xbc&lt;\xe2\xa9\x05d\x118r\xe4\xc8\xac\xac,\x17\x17\x97e\xcb\x96\xd9|Kz[q\xc8\xa6\xad\xec8M\x15\xc8\xce\xeb?\xa2(\xba\xb8\xb8\xf4\xee\xdd\xfb\xf0\xe1\xc3\xd1\xd1\xd1&gt;&gt;&gt;\x9a\xa6\xad\xfbzc\xd7\xb6=c\xc7\xcd "o_o6Bh\xeb#}\\\x9a\xa6\xc9\xb2\\\xc1\xa3\x82\xc1\xcb\xb0k\xfb\x9e\x1e\xed\xc3\xc6\x8f\x98x#\xe3&amp;\x11u\xea\xd4)%%%..\xce\xc7\xc7\x87=\x18U&gt;\x87\xc4.rOO\xcf)S\xa6\x10\xd1\xf9\xf3\xe7?\xfb\xec3~n\x02\x14E\xd1\xe9t\xeb\xd6\xad[\xb7n\x1d\x11\r\x180\xe0\x85\x17^`C\xe2\xb6&gt;4\x1b\xe0\xf15\xdf\x9fsT\x81\xec\xbc\xfe\xc3(\x8a\xa2\xd7\xeb\xa3\xa2\xa2\x12\x13\x13\xc3\xc3\xc3\x05A\xc8\xc9\xce\x9d1qv\x97\x96\xdd\xd6\x7f\xbd\xd1\xe0e\xf0\xf0\xa8\xa0\xc8\x0e\xfch\xbe,\xcb\x92N\xf2\xad\xe8{\xfa\x8f3\x1f\xf6\x1d\xfc\xd6\xbf\xdf\xf9=\xf9(\x11\xd5\xaf_\x7f\xf3\xe6\xcd\x9b6m\xaaW\xaf\x9eM\xd6\x1e`\xcd}\xf7\xee\xdd\xd9}\xe1\xfc\xf9\xf3\x13\x12\x12t:\x9d\xc3]\xe7\x0f\x8b\xddi\xa5\xa7\xa7\x7f\xf4\xd1G\x82 \x04\x04\x04L\x980\x81\xe7\x89\xd1\x9c\xbe\xec\xfbp\x8e*\x90\xdd\xd6\x7fJb\xb5\x08Y\x96\x03\x03\x03\x97,Y\x92\x90\x90\x10\x12\x12BD\xa7O\x9e\x19\xfc\xee\xd0\xb0\xd7\xfa$\'\x1d\xf6\xad\xe4\xeb\xe2\xa2\x93\x1d\xad"\xa4*\xaa\xaa\xaa\x15+\xf9\x15\x15\x16\xc5\x8c\x9a\xd2\xb9e\xd7\x9f6l"\xa2\x80\x80\x80\xe8\xe8\xe8\xe4\xe4\xe4\x8e\x1d;\xb2[\x1c[\xad=\xc0\xee\x03\x96/_^\xb9reM\xd3\xfa\xf6\xed\x9b\x9e\x9e\xce\xaas\xe5\x7f0\xe5I\x10\x84&gt;}\xfadddh\x9a\xb6b\xc5\nv\xf7i\'w\xc6\xe5\xcf\xc1\xda\xb5r\xe0\x04U ;\xaf\xff\x94$\x08\x82N\xa7SUU\x96\xe56m\xda\xec\xdb\xb7o\xe9\xd2\xa5\xd5\xabW\'\xa2};\x0f\xf4\xee\xd4g\xe4G\xa3\xb3\xb3r|\xfd\xbc\xe9\xf6 \xaa\x9dc\x91\xe6\xe9\xe5\xe1\xe6\xee\xb6\xe2\xcb\xaf_o\xdds\xee\xf4\x05\xa6b\x93\xab\x9bkxxxrrrTT\x94^\xaf\xb7\xd54|+\xb6\x13K@@\xc0\xbcy\xf3\x88(--\xado\xdf\xbe\xc5\xc5\xc5\xb6:\x9er\xc0\xce\xf9\xd8\xb1c\x13\x12\x12\x88(22244\x94\xf3u\xd1\x11\x00w\xe1\xe8U \x87\xa8\xff\x94$\x8a"\xab?\xe8t\xba~\xfd\xfa\xa5\xa4\xa4DEE\xb9\xbb\xbb\x9b\xcd\xe6\xe5\x0bWvh\xd2\xe5\x8b\xd9\x8b%I2z\x1b\xedj#\xd9;i$\xcb\xb2\x8b\x8bK\xc5\xca~\xc9\x89\x87\xdf\xec\xf2\xce\xa7\x83&gt;\xbbp\xf6\x02\x11\xb5m\xdbv\xcf\xee=K\x96,\xa9V\xad\x1a\x9bqh\x0f\x8d\x8e$I\xb2,w\xef\xde}\xc8\x90!D\xb4}\xfb\xf6\xe5\xcb\x97\x8b\xa2s&gt;\x93\xc1\xea&lt;\xbf\xfd\xf6[ll,\x115n\xdcx\xfa\xf4\xe9\xdc\x96\xfe\xadl0\x05\xd8\xfe\xb1[\xc2\xb4\xb4\xb4:u\xea\xe4\xe4\xe4\xb4j\xd7r\xd5\x0f\xcbr\xb2\xf3$\xc91\xae\x15EQ\x8d\xde\x86\xb7\xfe\xddo\xd7\xf6=F\xa3\xf1\xd4\xa9Sl\x8fS;\xbc\x03\xb8\x03{L\x94\xedX\x92\x9a\x9a:b\xc4\xf0\xcd\x9b\xb7\xb0o\xbd\x14\xfc\xc2\'\x9fG\xb6l\xdbBQ\x94\x82\xbc\x02Ig_\xab6\xb2\x8e\xa4\xb7\xaf\xf7\x85\xb3\x17g\xc6\xcc\xf9\xe1\xdb\x9f\xccf3\x11\xd5\xa9Sg\xf8\xf0\xe1\xfd\xfa\xf5\xa3\xdb=P\xbb:l\xeb\xea\xd0]\xbat\x190`@\xfb\xf6\xed\xf5z\xbd]\x1da)bW\xd7\x993g\x86\x0f\x1f&gt;c\xc6\x8c\xa0\xa0 \x9e\xab\xff\x0c\x02\xe0\xee\xd8\x95\xd1\xb9s\xe7\x9f\x7f\xfe\xd9\xe0e\xd8|\xe0\x87jOT5\x9b\x1c`] M\xd3\xf4\xae\xfa\xab\xff\xb9\xd6\xa9\xe9\xbf\xf3r\xf3^{\xed\xb5\x9f~\xfa\xc9\xb1.\xf4\x92+\xb4l\xd9\xb2e\xc4\x88\x11\xc7\x8f\x1fg\xdf\xea\xdc\xed\xd5\xa1\xa3\x07?\xf7\xc2s9Y9f\xb3E\xa7\xb3}?\x9a\xdd\x91x\x19\r\xf9y\x05_\xc6-^\xf1\xe5\xd7l\x92\x8f\xbb\xbb\xfb\'\x9f|2l\xd80\xb6\xe6\x01a\r&gt;;\xe3\x10]\xa2\xb2\x86+\xf2\xee\xd8\'\xb6[\xb7nD\x94\x97\x9bw\xec\xf0qG\xd9\x1e\x80m\x00p\xec\xf0qV\xffa/\xc1!\x8e\xdc\x8a=\x1f\xcb\xc6H;v\xec\x98\x9c\x9c\x1c\x1d\x1d\x1d\x10\x10@D?m\xd8\xf4z\xeb\x9e\x93\xa2b\x0b\x0b\x0b}+\xfa\xd8\xb6"\xa4i\x9a"+\x15&lt;*x\x1a&lt;\xb6\xfd\xfcK\xe7\x96]gL\x9c\xc3Z\xff\xb0\xb0\xb0_\x7f\xfd5::\xdah4\xca\xb2l\xdbr\xff\x83`\xbdc[\x1fEy`kO\xa1\xf5g\xec\xfa\xa2\xb4!\xf6qm\xd2\xa4\x89\xab\xab+\x11\xed\xdc\xba\x9b\x1c\xe8r\x11\x84\x9d[w\x13\x91\xab\xabk\x93&amp;M\xc81\xfb\x9e\xac\xd1\xb4N\x15MII\t\x0f\x0f\'\x81r\xb2sfO\x8e\xff\xbf\xd6=\xd7\xaf\xda\xe0e\xf4\xf2\xf0\xa8`\x93\xe7\xf8Y\xb9\xdf\xdb\xcf\xfbT\xea\xa9&gt;\xaf\x87\x87\xf7\x18p\xe6\xe4Y"\ni\x1c\xb2}\xfb\xf6o\xbe\xf9\xa6^\xbdz\xec\xc0XE\xcb\xce\xb1\xd0\xb5\xf5Q\x94\x07V\x85C\xeb\xcf\xa0\x04tO\xack\xd9\xacY\xb3C\x87\x0e\xf9\x07T\xde\x96\xf8\xb3\xa7\xc1S\x96e{\xbetXs</t>
        </is>
      </c>
    </row>
    <row r="208">
      <c r="A208" s="1" t="n">
        <v>206</v>
      </c>
      <c r="B208" t="inlineStr">
        <is>
          <t>color_hexagon</t>
        </is>
      </c>
      <c r="C208" t="inlineStr">
        <is>
          <t>What is the missing color of the part denoted with a question mark?</t>
        </is>
      </c>
      <c r="D208" t="inlineStr">
        <is>
          <t>['red', 'green', 'orange', 'purple']</t>
        </is>
      </c>
      <c r="E208" t="inlineStr">
        <is>
          <t>orange</t>
        </is>
      </c>
      <c r="F208" t="inlineStr">
        <is>
          <t>There is a hexagon split into six parts with the colors ['red', '?', 'blue', 'red', 'orange', 'blue'] in an anti-clockwise order.</t>
        </is>
      </c>
      <c r="G208" t="inlineStr">
        <is>
          <t>We observe that a blue part is opposite another blue part, and a red part is opposite another red part. Thus, the pattern is that the colors in opposite parts are the same.</t>
        </is>
      </c>
      <c r="H208" t="inlineStr">
        <is>
          <t>Based on the pattern that spatially opposite parts have the same color, the missing color of the part which is opposite a orange part should be orange.</t>
        </is>
      </c>
      <c r="I208" t="inlineStr">
        <is>
          <t>b'\x89PNG\r\n\x1a\n\x00\x00\x00\rIHDR\x00\x00\x02\x00\x00\x00\x02\x00\x08\x02\x00\x00\x00{\x1aC\xad\x00\x00||IDATx\x9c\xed\xddyxU\xd5\xb9?\xf0\xf5\xae\xb5\xcf&gt;\xe7d:\'\x08!@\x8a\x02\xa1\x88"A\x12P@\x10\xb4"\xea-\xd8:1\n\xb4\xf6\x01\xb5\xd7_\x84 \x06$\x0c\x91+( \xa5\xb5\xad\xad\x16\xad2_m\x1d\xae\xda(Z\x86\x10\xe61\x88\x10B\x14\x10\x920\x9c!\xd3\x19\xf6Z\xeb\xf7\xc7J\x8eHA\x19\x92\x9ca\xbf\x9f\xe7&gt;\xf7yzo\xef\xf54\xe7\xec\xfd\xae\xbd\xd6\xbb\xdf/H)\tB\x08!\xf3\xa1\xe1\xfe\x00\x08!\x84\xc2\x03\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d2\xc2\xfd\x01P8I)\xa5\x94\xe1\xfe\x14(l\x00\x00\x00\xc2\xfd)P\xd8\x00^\xff\xa6e\x18\x86\xa6\xe1\n\xc0\xec\x0c\xc3`\x8ca\x190\',\x00&amp;%\x84\xa0\x94~\xf5\xd5WO&lt;\xf1\x04\xa5T\x08\x11\xeeO\x84\x9a\x95\xa6i\x86a&lt;\xf6\xd8c#G\x8e\x0c\xf7gAa\x83\x0b@\xd3Q%\xbf\xae\xaen\xe1\xc2\x85N\xa7\xf3\x8b/\xbe\x08\xf7\'Bas\xc3\r7|\xfb\xed\xb7C\x86\x0c\xe9\xd6\xad\x9b\x94\x92R&lt;\x144\x17|\x020\x1d\xce9c\xec\xcd7\xdf\x1c7n\x1c\x000\xc6B\xbf\x01\x8a\xfb\x00&amp;p\xee\xb1\x0fc,\x10\x08\x8c\x193\xe6\xef\x7f\xff;n\t\x9a\x10\x16\x00sQ\xa7\xbe\x1e\x8f\xe7\x86\x1bn8}\xfa\xb4\x10\x027\x7fLN\xd7u\xce\xf9\x17_|\xd1\xbf\x7f\x7f\xb58\x08\xf7\'B\xcd\x07\x0b\xbe\xb9\x08!\x18c3f\xcc(//W\x97\xba\xea\x02\x11R&gt;\xd4\xa5\xcb\x98\x1bn\xf0\xf8\xfd\x1a\xee\x03\xc4(.e\xbc\xc5\xb2\xb3\xa2\xe2\x85-[\x84\x94BJ\xa0\xd40\x0c!Dvv\xf6\xa6M\x9b,\x16\x8b\x94\x12\x0f\x84\xcd\x03\x9f\x00LD\x08\x01\x00\x87\x0e\x1d\xea\xd6\xad\x9b\x10"\xd4\x03J\t\x11\x84\xa4\xc6\xc7o\x195\xcaa\xb3\x059\x07B\x08\xde\x05b\x89\x94\x04@\x08\xe1\xb0Z\xef}\xe7\x9d\xb5G\x8f2\x00^\x7f\xed\x03c\x94s\xfe\xc6\x1bo\x8c\x1d;\x16\x1f\x02L\x05\x0b\x80\x89\xa8k\xfb\xee\xbb\xef.((\xb0X,\xc1`\xb0g\xcf\x9e\x95\x95\x95\xdf~\xfb-\xa3\xd4\xe0|T\xd7\xae\xbf\xbb\xf3\xce\xb3uu\x1a\xa5\xf8\xb3\x881\\\x88d\x9bm\xc5\x81\x03O}\xfe\xb9\xba\xfb3Mo\xd7\xb5\xf7\xd1}\x1b\xd5\xd9oJJ\xca\xfe\xfd\xfb\x9dN\'\xbe\x1c`\x1e\xf8\xb0o\x16\xea\xee_PPPPP\xc0\x18Sm\xa0K\x96,y\xf2\xc9\'\xa5\x94\x04\x80\x02\xac:xp\xef\xa9SIV+!\x84\x01\xe0\x7f\xc5\xcc\x7fQ\x00\x9d\xb1Z\xc3xy\xc7\x0eB\x08\xa1\x8c\x10\xf2\x93\x9b\xfa\r\x9d\xfaW{R\x0b)%e\xac\xbc\xbc|\xd1\xa2E\xd8\x13l*X\x00LAm\xec\x1a\x86\xf1\xd4SO\xa9\xce\x1f\xce\xf9\x83\x0f&gt;\xd8\xaf_\xbf\xc7\x1e{\xacc\xc7\x8e\x86a0J\r!f\x16\x162\\\xfd\xc5\x1c\xb5\xfc_\xb2cG\x99\xc7\xc3(\x15RP\xc6n\x1b\xf5\x8c\xb3u\xfb~\xc3s\xa4\x94BHJ\xd9K/\xbdTRR\x825\xc0&lt;\xb0\x00\x98\x82Z\xef\xbf\xfa\xea\xab\x07\x0f\x1ed\x8c\x19\x86\xe1p8\xa6M\x9bVUU\xe5t:\x9f{\xee9B\x88 \x84\x01l8~\xfc\xe3\xb22\x87\xd5\xcaqo0VHB\xec\x9aV\xeav\xbf^\\\x0c\x00\x04@\n\xd1\xed\xce\x11m\xbbdz*\x8fw\xfb\xd9\xf0\x94\x0e\xdd\x84\xe0\x94\xb1@ 0}\xfat\x00\xdc\x196\x0b,\x00\xb1O\x9d\xfd\x96\x97\x97\xcf\x981Cm\xef\n!&amp;L\x98\x90\x91\x91QWW\xe7\xf1x\xc6\x8c\x19\xd3\xb7o_\xce9e\x8c\x102k\xd3\xa6\xea@\x80\x01\xe0= 6p!\xe2u}\xee\xe6\xcdn\x9f\x8f\x01\x15BZ\xe3\x1d\xfdF\xe4\x04}\xb5DJ\xdd\x16?`L.\x91R\x08\xce\x18[\xb3f\x8d\xda$\xe4\x9c\x87\xfb\x83\xa3&amp;\x87\x05 \xf6\xa97&lt;sss].\x97\xc5b1\x0c\xe3\xdak\xaf\xcd\xce\xce\xf6x&lt;\x9a\xa6I)\r\xc3\x98;w\xae\xa6i\\\x08\x8d\xd2#n\xf7\x92\x9d;\x93m6\x8e\xfb\x00\xd1\x8fK\xe9\xb4\xd9\n\xca\xca\xfeQR\xc2\x00\x04!R\x8a&gt;\x0f\xfd\xbf\xc4\x96\xed\x8c\x80\x8fj\x9a\xaf\xda\xdd!\xf3\x8e\xf4[\x86\x08\xce\x81R\x00x\xea\xa9\xa7\x0c\xc3\xc0\xe7\x003\xc0\x02\x10\xe3\xd4\xe6\xcf\x8e\x1d;V\xacX\xa1\xce~\xa5\x94\xb3f\xcdJMM\r\x04\x02\xea&lt;\xa0\xaa\xaaj\xe0\xc0\x81c\xc7\x8e\x15B\x10J\x01\xe0\xf5\xe2\xe2R\xb7\xdb\xa6ix\x03\x88v@\x88!\xc4\x82\xed\xdbU\xd7\xbf\x90"\xa5C\xb7\x9b\xef\xfb\x95\xbf\xc6C\xeb\xdb=Ap&gt;`\xcc4k\\\xa2z\n&lt;x\xf0\xe0\xab\xaf\xbe\x8a\'\x01f\x80\x05 \xc6\xa9\xe3\xdf\xc9\x93\'\xfb\xfd~\xb5\xfb\xdf\xb7o\xdf\xd1\xa3G\x9f9s&amp;\xf4\xde\xbf\xaa\x01yyyN\xa7\x93s\xaeQ\xea\xf6\xf9\xe6n\xde\x9c\xa8\xeb\xf8\x10\x10\xd5\x0c!\xae\xb1\xdb\x97}\xf9\xe5\xd6\x93\'\x19\xa5\\\x12"\xe5\x801\xb9\x9a\xd5.9\'\x04\x08!@i\xa0\xb6*\xa5\xe3M=\xee\x19\'\x85P\xaf\x06\xce\x981\xc3\xe5rQJ\xf1! \xb6a\x01\x88e\xaa\xf5s\xcd\x9a5\xeb\xd6\xadS\xd3\x1fu]\x9f;w\xaez\xc0\x0f\xfd\xdb\x00\xc0\xe7\xf3\xa5\xa5\xa5\xe5\xe6\xe6\xaaw\xc3(\xc0\x07\xa5\xa5\x1b\x8e\x1fO\xd4u\x81\xb7\x80\xe8$\t\xd1\x19;YS\xb3d\xe7N\x00 @\xa5\xe0\x9do\xbd\xe7\xba\xcc;\xfc\xd5n8\xe7m/\xca4_\x95+\xeb\xfe\x89\x8e\xd6\xed97\x98\xa6\xb9\\.ub\x84\x0f\x01\xb1\r\x0b@\xccRk7\xd5\xd7A\x08QO\xf4\xbf\xfc\xe5/\x07\x0e\x1cXUUu\xde\xdcGM\xd3\xbc^\xef\xc4\x89\x13\xd3\xd3\xd3\r!\x18\xa5\x01\xce\xf3\x8b\x8a\x18\xbe\x11\x16\xb5\x0c!\x92m\xb6?\xed\xde\xfd\x8d\xd7\xcb\x00\x84\x14L\xb3\xf4\x1b\x9e\xa3\x96\xf9\xdf\xfb\xb7\x02p#\x90\xd0"\xf5\x96\x07\xfe\x9b\xd4\xb7\x84\xd6\xf7\x8c\xe1FPl\xc3\x02\x10\xb3\xd4\xd8\x9f\x05\x0b\x16\x94\x94\x94\xa8\xf7~\x93\x93\x93\xf3\xf3\xf3\xab\xaa\xaa.\xf8\xae\xbfa\x18qqq\xf3\xe6\xcd#R\nB\x18\xa5[N\x9e\\\xf5\xd5W-l6\x03o\x01\xd1FH\x99\xa8\xeb{O\x9dZ\xbao\x1f\x05\x90@\xa5\x10=\xff\xeb\xb1\xd6\xe9\x19\x81\xda*\xf8\x8fqO\x94iu\x9e37\xfdlD\xbb\xae\xbd\x047(\xd3Bo\x8d\xe0.P\x0c\xc3\x02\x10\x9b\xd4\xd9oii\xe9\xfc\xf9\xf3\xd5b_J\xf9\xc4\x13O\xa4\xa7\xa7\xfb|\xbe\x0b\xbe\xe8\xcf\x18\xf3x&lt;C\x87\x0e\x1d4h\x10\xe7\x9cR\n\x84\xcc\xdf\xba\xb5\xb2\xb6Vg\x0c\xef\x01\xd1E\x12\xc2\x00\x9e/*\xf2\x06\x02\x00T\x08\x1e\xe7l\x995lB\xa0\xae\x9a\xd2\x8b\x8d\xfa\x91\x94i}\x1e\x9e\x04\x94\n\xce\x19\xd3\n\n\n\xd6\xacY\x83-\xa11\x0c\x0b@lRg\xbfs\xe6\xcc\xf1z\xbd\x9a\xa6\x05\x83\xc1\xf4\xf4\xf4\x9c\x9c\x1c\x97\xcb\xf5\xc3\xa3\xbe8\xe7/\xbe\xf8\xa2\xae\xeb\\\x08F\xe9Q\xaf\xf7\x8f\xbbv%\xe3C@TQ\xad\x9fk\xbf\xf9\xe6\xe3\xb22\x06 \x81H)o\x1b1%\xa9U\x9a\x11\xf0]l\xcc\x1fP\xe6\xabvw\xeau\xd7\xf5\xb7\r\x13\xa2\xbe%t\xfa\xf4\xe9\xaa[\x0c\x9f\x03b\x12\x16\x80\x18\xa4\xce~\xd7\xaf_\xbfl\xd92M\xd3\xd4\xf2m\xde\xbcy\t\t\t\x9c\xf3\x1f\x98\xf3E)\xad\xaa\xaa\xca\xca\xcaz\xf2\xc9\'UK(\x05XZ\\\xbc\xbb\xb22\xc1b\xc1\xd3\xe0h\xc1\x00j\x02\x81\xb9\x9b7\x03!\x842\xc1y\xbb\xae\xbdn\xbakT]\xd5Y\xca~h\x02&lt;\xa5,PW\xd3\x7f\xcc4[\x82\x93\x1bA\xa6i%%%\x0b\x16,\xc0\x93\x80X\x85\x05 6q\xceg\xcc\x98\xa1vr8\xe7\x83\x06\r\x1a:t\xa8\xc7\xe3\xf9\xd1I\xbf\xaa%4;;;%%E\x08\xc1(\xf5\x06\x02/o\xdfn\xc7\x02\x10%\x0c!\x9c6\xdb\xaa\xaf\xbe\xdaw\xfa4\xa5T\xb5\xff\xf7yx\x12e\x1a\xf9\xd1o\x10\xc0\x08\xd4%\xb7\xedx\xf3\xbd\xe3\xd5\xb0p\nt\xe1\xc2\x85\xe5\xe5\xe5\xd8\x11\x14\x93\xb0\x00\xc4\x1a\xc30\x18c\xcb\x97/_\xbf~\xbdz\xefW\xd3\xb4\xf9\xf3\xe7_\xe26\xaej\tm\xdf\xbe}^^\x9eJ\x0bc\x00\xef\x1d&gt;\\PV\xe6\xb4\xd9p@P\x84\x93\x84\xd84\xed\x98\xd7\xfb\xe2\xb6m\xb4\xa1\xf5\xb3K\xbf\xa1\x9dz\xdf\xe5\xabv\xc3Ew\xff\xbfC\x19\xf3U\xb9ny\xe0\xb7\xce\xd4\xeb\xd4C\xc0\xd9\xb3gsss\xf1\x9d\x80\x98\x84\x05 \xa6\xa8\xa9\x0f^\xafw\xf6\xec\xd9\xea\xecW\x081v\xec\xd8\xcc\xcc\xcc\xffl\xfd\xbc\x18M\xd3\\.\xd7\xe8\xd1\xa3322\x84\x10\x941.\xe5\x82\xed\xdb\r!pLh\x84\xe3B$\xe8\xfa\x9f\xf7\xec9U[K\x81\n)\xacq\x89}\x1e\xce\x0e\xfa\xea\xfe\xb3\xf3\xe7"@rC\x8fK\xec\xfb\xc8$\xf5\xffP\xad\'v\xee\xdc\xa9\xde$o\xd2\xcf\x8f\x9a\x19\x16\x80\x98\xa2\x9a\x7f\xe6\xcf\x9f_ZZ\xaa\x9a7\x9cNg^^^MM\xcde\xc5&lt;q\xce\x13\x12\x12\xf2\xf3\xf3\xa5\x94BJF\xe9\xd6\x93\'\xdf\xfe\xf2\xcb\x16v;\x9e\x06G,!e\x82\xae\xef\xac\xa8\xf8\xeb\xde\xbd\x14@\x00H!z\xdc3\xaeu\xa7\x8c`]5\xc0\xa5^\xec\xc04_\x95\xfb\xc6;\x1fi\xd7\xb5\xb7\xe0\x06P\x16\x08\x04\xb2\xb3\xb39\xe7\xf8\x10\x10c\xb0\x00\xc4\x0e\xd5\xf8\xafN\xed\x18cRJ!DnnnZZ\xda\xc5Z?/\x861\xe6r\xb9\x86\x0c\x192t\xe8\xd0s[B\x8fy\xbd8 (\x921\x80\x99\x85\x85\x01\xce)\xa5BpG\xcaOz\xdd?\xd1W\xe5\xfa\xe1\xb3\xdf\x0b\x12\xdc\x18\xf0\xe8t\xca4\xce\rM\xd36l\xd8\xb0|\xf9rl\t\x8d1X\x00b\x87Z\x9d\xa9\xbe=u\xa1fdd&lt;\xfe\xf8\xe3j\xea\xe7\xe5\xfe\x7fS\x012\xf9\xf9\xf9\x0e\x87C\xed\x03\x9c\xaa\xad\xfd\xf3\x9e=\t8 ("q)\x93\xac\xd6\x8f\xcb\xca6\x1c?N\x01\x84$D\xca~#\x9f\x89KN\xe1F\xe0r\x13\x9e\xd5\x80\xa0\xf6\xdd\xfbu\xbbs\xb8\x14B\x12\x00\xa0\xb3g\xcf\xf6x&lt;\xd8\x12\x1aK\xb0\x00\xc4\x08\xd5\xfa\xb9n\xdd\xba\xd0\x9b;R\xca\xe7\x9f\x7f\xden\xb7_\xd9\x92M\xb5\x84v\xef\xde}\xc2\x84\tB\x08\x95\x19\xf9\xd7\xbd{wWT\xe0\x80\xa0H\xa3^\xfb\xaa\r\x06gm\xdaD\x08\x01\xca\x84\xe0\xed\xba\xf6\xbe\xf1\x8e\x87}\xde\x1fi\xfd\xbc\x18JY\xa0\xb6\xba\xdf\x88\x1ck|\x12\xe7\x06\xd3Xii\xe9\xe2\xc5\x8bU_Yc\xff\'@\xe1\x81\x05 \x16\xa8\xd7\xbe\xfc~\xff\xe4\xc9\x93\x01@]\xa2\xc3\x86\r\xbb\xfb\xee\xbb\xddn\xf7e\xed\xfe\x9fK\xd34\x8f\xc7\x93\x9d\x9d\xdd\xa1C\x07\xce\xb9\x1a\x10\xa4\xdaK\xf0\xf6\x1fQ\xb8\x10IV\xeb\xd2\xe2\xe2#n\xb7J|d\x9ae\xc0\xa3\xd3\x057\xce\x1f\xfbs\xe9\x00\x8c\x80/\xb1e\xdb&gt;\x0fe\xab\x01A\x8c\xb2\x97_~Y\x1d/\xe1ipl\xc0\x02\x10\x0b\xd4\xd9\xef\xca\x95+w\xec\xd8\xa1\x96\xff\xba\xae\xab\xf7\x00.k\xeb\xff&lt;\x00\x10\x08\x04\xda\xb4i3e\xca\x14\xa9\x06\x04\x01|t\xe4\xc8\xdao\xbeqbfd\xc4P\xad\x9f\'\xaa\xaa\x16m\xdf\xae\xe6;K!~\xda\xf7\xe7\xed\xbb\xdfv\xc1\xb1?\x97\x8e2\xe6\xaf\xf1\xf6\xb8w|r\xdb\x0e\x82\x1b\x941\x8f\xc73g\xce\x1c|\' f`\x01\x88zj\xf9\xefr\xb9\x9e}\xf6YJ\xa9\xba8\x9f|\xf2\xc9\x9e={^z\xeb\xe7\xc5h\x9av\xe6\xcc\x99q\xe3\xc6\x852#\x81\x90\xb9\x9b7\xd7\x19\x06fFF\x08\xd5\xfa\xf9\xe2\xb6m\x1e\xbf\x9fR&amp;\x04\xb7%8\xfb\x8f~6P[u\xf1\xb1?\x97\x08\xa4\xe0\x16\xab}\xe0\xd8&lt;B\x88\xc19c\xda\xb2e\xcb6l\xd8\x10z\xc3\x1cE5,\x00QO-\xffg\xcc\x98Q^^\xae"_RRR\xb2\xb3\xb3\xab\xab\xab\xafx\xf3\xe7\\RJ\x8b\xc52m\xda4\xf5Z)\xa5t\xdf\xe9\xd3\xaf\xed\xdd\xeb\xb0Z\xf148\xec\xd4\xd4\xcf\x8d\xc7\x8f/?p\x806\x8c\xfd\xb9\xf9\xde\xf1\xc9\xed:\xfd\xc0\xd8\x9fK\x07\x94\xf9k\xbc\x9dn\x19\xd2\xbe\xfbmRp\xa0\xc09\xcf\xce\xce\xf6\xfb\xfdx\x1a\x1c\x03\xb0\x00D7u\xf7W\x19~\xaa\xf5SJ\x99\x97\x97\xd7\xbe}\xfb\xcbm\xfd\xbc\x18\xd5\x12z\xdf}\xf7=\xfc\xf0\xc3\xf5-\xa1\x00/\xef\xd8\xf1mU\x15\xb6\x84F\x02Fi~Q\x91!\x04\xa5Tp\x91\xdc\xb6\xc3-\x0f\xfc\xd6W\xe5\xa2\x8dQ\xfe\x15)\xf8\xa0\xf13\x99f\xe1\x9ck\x9a\xb6s\xe7\xce\x95+W\xe2\x80\xa0\x18\x80\x05 \xba\xa9\xfd\x1f\x95\xe2\x1dJ|\xfc\xd5\xaf~un\xe2\xe3\xd5c\x8cUWW\xe7\xe7\xe7\'\'\'\x1b\x9c3J=~\xff\x8b\xdb\xb6\xc5Y,\xf8\x10\x10F\x86\x94N\x9bm\xe5\x81\x03[N\x9ed@\xb9\x94\x84\xc8\x81c\xf3,\xf6\x04)\xf8\x95\x1f\xff~\x1fP\x1a\xa8\xabN\xed|s\xcf\xffzL\xb5\x84RJ\x9f}\xf6\xd9\xb3g\xcf\xe2C@\xb4\xc3\x02\x10\xc5T\xebgAAAAA\x81:\xfbe\x8cM\x9b6\xcdb\xb14\xeee\t\x00uuu\xe9\xe9\xe9O&lt;\xf1\x84\x94R\xb5\x84.?p`wee\x02\xb6\x84\x86\x89$D\x03\xa8\n\x04\x16n\xdfN\x08!\x94J!\xdaw\xbf\xad\xd3-C\xfc\xd5\x9eK\x19\xfbs\xe9(e\x81\xba\xea\xaca\x13\xe2\x9c-\xd5ipyy\xf9\xa2E\x8b\xf0! \xdaa\x01\x88Vj\xed\x1f\x8amR\x05\xe0\xc1\x07\x1f\xbc\xef\xbe\xfb~t\xe8\xff\x15P\x1bA999\x1d;v4\x0c\x83Qj\x081\xb3\xb0\x905\xc6.\x13\xba\x02\\\x88d\x9bm\xc9\x8e\x1de\x1e\x8fj\xfd\xa4\x8c\r\x1a?S\x8a&amp;8\x9b\x050\x02\xbe\xa4Vi\xfd\x86O\x91\xf5\x99\x91\xec\xa5\x97^*))\xc1\x1a\x10\xd5\xb0\x00D+\xb5\xfb\xaf\x82[\xd5\xe6\x8f\xc3\xe1\xc8\xcd\xcd\xad\xad\xad\xbd\xca\xce\x9f\x0bR\xc5&amp;11\xf1\xb9\xe7\x9e#\x84\xa8\x96\xd0\r\xc7\x8f\x7f\\V\xe6\xc0\x96\xd0f\'\t\xb1kZ\xa9\xdb\xfdzq1\x00\x10\x00)D\xb7;G\xb4N\xcf\x08\xd4U_M\xeb\xe7\xc5P\xa6\xf9\xaa\xdd7\xde\xf1PJ\x87nBp\xca\x98\x8a\x9b\xc6]\xa0\xa8\x86\x05 *\t!\x00\xa0\xbc\xbc|\xc6\x8c\x19\x00\xa0Z?\'L\x98\x90\x91\x91Q]]\xdd\x14\x05\x80\x10\xa2i\x9a\xdb\xed\x1e3fL\xa8%\x94\x102k\xd3\xa6\xea@\x00[B\x9b\x19\x17"^\xd7\xe7n\xde\xec\xf6\xf9\x18P!\xa45\xde\xd1oDN\xd0W{\xd5\xad\x9f\x17%9\xb7\xd8\xe2\x07\x8c\xc9%R\n\xc1\x19ck\xd6\xac\tm?6\xd1?\x145),\x00QI\x8d}\xce\xcd\xcdu\xb9\\j\xe8\xff\xb5\xd7^\x9b\x9d\x9d}ec\x7f.\x8ba\x18s\xe7\xce\xd54\x8d\x0b\xa1Qz\xc4\xed^\xb2sg\xb2\xcd\x86\xa7\xc1\xcdF%&gt;\x16\x94\x95\xfd\xa3\xa4\x84\x01\x08B\xa4\x14}\x1e\xfa\x7f\x89-\xdb5J\xeb\xe7\xc5\x00c\xfejw\x87\xcc;\xd2o\x19"x}f\xa4j@\xc0\xe7\x80(\x85\x05 \xfa\xa8\xcd\x9f\x1d;v\xacX\xb1B\xbd\x94/\xa5\x9c5kVjj\xaa\x8aom\xba\x7f\xb4\x1a\x104p\xe0\xc0\xb1c\xc7\xaa\xccH\x00x\xbd\xb8\xb8\xd4\xed\xc6\x96\xd0f\x03\x84\x18B,\xd8\xbe]\xa5}\t)R:t\xbb\xf9\xbe_\xf9k&lt;\x8d\xd8\xfay\xb1\x7f\xb8\xe0|\xc0\x98i\xd6\xb8D\xf5\x14\xa8Z\x90\xf1$ Ja\x01\x88&gt;\xea\xf8w\xf2\xe4\xc9~\xbf?\xd4\xfa9z\xf4\xe8\xc6m\xfd\xbc\x18\x95\x19\x99\x97\x97\xe7t:9\xe7\x1a\xa5n\x9fo\xee\xe6\xcd\x898%\xb4Y\x18B\\c\xb7/\xfb\xf2\xcb\xad\'O2J\xb9$D\xca\x01cr5\xab]\xf2Fk\xfd\xbc\x185%4\xa5\xe3M=\xee\x19\'\x85 \x04\x00`\xc6\x8c\x19.\x97\x0b#\xc3\xa2\x11\x16\x80(\xa3z=\xd7\xacY\xb3n\xdd:M\xd3\x0c\xc3\xd0u}\xee\xdc\xb9\xea1\xbc\x19&gt;\x80\xca\x8cLKK\xcb\xcd\xcd\x95RJB(\xc0\x07\xa5\xa5\x1b\x8e\x1f\xc7)\xa1MM\x12\xa23v\xb2\xa6f\xc9\xce\x9d\xd0\x90\xf8\xd8\xf9\xd6{\xae\xcb\xbc\xc3_\xed\x86&amp;_\xfe\x13\xa2N\x83\xab\\Y\xf7Ot\xb4n\xcf\xb9\xc14\xcd\xe5r\xa9\xb3(|\x08\x88:X\x00\xa2\x89Za\xa9\xee\x0bB\x88z\xee\xfe\xe5/\x7f9p\xe0\xc0\xab\x1f\xfbs\xe94M\xf3z\xbd\x13\'NLOO7\x84PSB\xf3\x8b\x8a\x18\xa5x\xfboR\x86\x10\xc96\xdb\x9fv\xef\xfe\xc6\xebe\x00j\xeag\xbf\xe19j1\xdeL\x1f\x02\x80\x1b\x81\x84\x16\xa9\xb7&lt;\xf0\xdf\xa4\xbe%\xb4\xbe\x1b\r7\x82\xa2\x0e\x16\x80h\xa22\xbf\x16,XPRRb\xb1X\x82\xc1`rrr~~~UUU\xa37\xfe\xff0\xc30\xe2\xe2\xe2\xe6\xcd\x9bG\xd4\x94PJ\xb7\x9c&lt;\xb9\xea\xab\xafZ\xd8l\x98\x19\xd9D\xd4\xd8\x9f\xbd\xa7N-\xdd\xb7\x8f\x02H\xa0R\x88\x9e\xff\xf5X\xeb\xf4\x8c\xab\x9c\xfay\xb9(\xd3\xea&lt;gn\xfa\xd9\x88v]{\tnP\xa6\x85\xdeG\xc1]\xa0\xe8\x82\x05 j\xa8\xb3\xdf\xd2\xd2\xd2\xf9\xf3\xe7\xab\xc5\xbe\x94\xf2\x89\'\x9eHOOo\xac\xb1?\x97\x8e1\xe6\xf1x\x86\x0e\x1d:h\xd0\xa0s3#+kku\xc6\xf0\x1e\xd0\x14T\xea\xcb\xf3EE\xde@\x00\x80\n\xc1\xe3\x9c-\xb3\x86M\x08\xd4U7]\xeb\xe7\x0f|\x1c\xca\xb4&gt;\x0fO\x02J\x05\xe7\x8ci\x05\x05\x05\xa10\xa2f\xff0\xe8\na\x01\x88\x1a\xea\xecw\xce\x9c9^\xafW\xd3\xb4`0\x98\x9e\x9e\x9e\x93\x93\xd3\x14\xef\xfd^"\xce\xf9\x8b/\xbe\xa8\xeb:\x17\x82Qz\xd4\xeb\xfd\xe3\xae]\xc9\xf8\x10\xd0\x04T\xeb\xe7\xdao\xbe\xf9\xb8\xac\x8c5L\xfd\xbcm\xc4\x94\xa4ViM\xda\xfay1@\x99\xaf\xda\xdd\xa9\xd7]\xd7\xdf6L\x88\xfa\x96P\x15G\x8a\xcf\x01Q\x04\x0b@tPg\xbf\xeb\xd7\xaf_\xb6lYh\x14\xfb\xbcy\xf3\x12\x12\x12\xae2\xf5\xe5\x8a\xa9\x96\xd0\xac\xac\xac\'\x9f|R\xb5\x84R\x80\xa5\xc5\xc5\xbb++\x13,\x16&lt;\rn\\\x0c\xa0&amp;\x10\x98\xbby3\x10B(\x13\x9c\xb7\xeb\xda\xeb\xa6\xbbF\xd5U]a\xe2\xe3\xd5\xa3\x94\x05\xeaj\xfa\x8f\x99fKpr#\xc84\xad\xa4\xa4d\xc1\x82\x05x\x12\x10E\xb0\x00D\r\xce\xb9\n\xf9R\x89\x8f\x83\x06\r\x1a:t\xa8\xc7\xe3\t\xd7\xf2\x9f4\xb4\x84fgg\xa7\xa4\xa4\x08!\x18\xa5\xde@\xe0\xe5\xed\xdb\xedX\x00\x1a\x95!\x84\xd3f[\xf5\xd5W\xfbN\x9fV\xa9\x0c@i\x9f\x87\'Q\xa6\x910\xfe\x9d\x01\x8c@]r\xdb\x8e7\xdf;^J)%\xa1@\x17.\\X^^\x8e\x1dA\xd1\x02\x0b@\x14P\xa3\x9e\x97/_\xbe~\xfdz\xf5\xde\xaf\xa6i\xf3\xe7\xcf\x0f\xfbf\xabj\tm\xdf\xbe}^^\x9e\x10B\r\x08z\xef\xf0\xe1\x82\xb22\xa7\xcd\x86\x03\x82\x1a\x85J|&lt;\xe6\xf5\xaa4f\xd5\xfa\xd9\xa5\xdf\xd0N\xbd\xef\xf2U\xbb\x1bw\xea\xe7\xe5\xa2\x8c\xf9\xaa\\\xb7&lt;\xf0[g\xeau\xea!\xe0\xec\xd9\xb3\xb9\xb9\xb9\xf8N@\xb4\xc0\x02\x10\xe9\xd4\xd4\x07\xaf\xd7;{\xf6lu\xf6+\x84\x18;vlfffs\xb6~^\x8c\xa6i.\x97k\xf4\xe8\xd1\x19\x19\x19B\x08\xca\x18\x97r\xc1\xf6\xed\x86\x108&amp;\xb4Q\xa8\xc4\xc7?\xef\xd9s\xaa\xb6\x96\x02\x15RX\xe3\x12\xfb&lt;\x9c\x1d\xf4\xd55g\xe7\xcfE\x80\xe4\x86\x1e\x97\xd8\xf7\x91I\xea\xa3\xaa\x95\xca\xce\x9d;18&gt;*\x84\xfd\x07\x84~\x84j\xfe\x99?\x7f~ii\xa9j\xb1p:\x9dyyy555a\xdc\xfc9\x17\xe7&lt;!!!??_J)\xa4d\x94n=y\xf2\xed/\xbfla\xb7\xe3i\xf0U\x12R&amp;\xe8\xfa\xce\x8a\x8a\xbf\xee\xddK\x01\x04\x80\x14\xa2\xc7=\xe3Zw\xca\x08\xd6U\x03\x84\xff\xfa\x05\xa6\xf9\xaa\xdc7\xde\xf9H\xbb\xae\xbd\x057\x80\xb2@ \x90\x9d\x9d\xcd9\xc7\x87\x80\xc8\x17\xfe\x1f\x10\xfa\x01\xaa\xf1_\x9d\xad\xa9\xc4G!DnnnZZZ\xf3\xb7~^\x8c\x8a\n\x182d\xc8\xd0\xa1C\xcfm\t=\xe6\xf5\xe2\x80\xa0\xab\xc7\x00f\x16\x16\x068\xa7\x94\n\xc1\x1d)?\xe9u\xffD_\x95+\\g\xbf\x17$\xb81\xe0\xd1\xe9\x94i\x9c\x1b\x9a\xa6m\xd8\xb0a\xf9\xf2\xe5\xd8\x12\x1a\xf9\xb0\x00D4\xb5\x86R\xddu\xear\xca\xc8\xc8x\xfc\xf1\xc7\x9ba\xea\xe7eQi\x01\xf9\xf9\xf9\x0e\x87C\xed\x03\x9c\xaa\xad\xfd\xf3\x9e=\t8 \xe8*p)\x93\xac\xd6\x8f\xcb\xca6\x1c?N\x01\x84$D\xca~#\x9f\x89KN\xe1F\xa0\xf9[?/F\r\x08j\xdf\xbd_\xb7;\x87\xab\xccH\x00:{\xf6l\x8f\xc7\x83-\xa1\x11\x0e\x0b@\xe4R\xad\x9f\xeb\xd6\xad\x0b\xbd_#\xa5|\xfe\xf9\xe7\xedv{\xa4-\xacTKh\xf7\xee\xdd\'L\x98 \x84P\x99\x91\x7f\xdd\xbbwwE\x05\x0e\x08\xba2\xea\xb5\xaf\xda`p\xd6\xa6M\x84\x10\xa0L\x08\xde\xaek\xef\x1b\xefx\xd8\xe7\r[\xeb\xe7\xc5P\xca\x02\xb5\xd5\xfdF\xe4X\xe3\x9387\x98\xc6JKK\x17/^\xac:\xd6\xc2\xfd\xe9\xd0Ea\x01\x88P\xea\xb5/\xbf\xdf?y\xf2d\x00P\x17\xd2\xb0a\xc3\xee\xbe\xfbn\xb7\xdb\x1d!\xbb\xff\xe7\xd24\xcd\xe3\xf1dggw\xe8\xd0\x81s\xae\x06\x04\xa9\xc6\x15\xbc\xfd_\x01.D\x92\xd5\xba\xb4\xb8\xf8\x88\xdb\xad\x12\x1f\x99f\x19\xf0\xe8t\xc1\x8d\xe6\x1b\xfbs\xe9\x00\x8c\x80/\xb1e\xdb&gt;\x0fe\xab\x01A\x8c\xb2\x97_~Y\x1d\\\xe1ip\xc4\xc2\x02\x10\xa1\xd4\xd9\xef\xca\x95+w\xec\xd8\xa1\x96\xff\xba\xae\xab\xf7\x00"d\xeb\xff&lt;\x00\x10\x08\x04\xda\xb4i3e\xca\x14\xa9\x06\x04\x01|t\xe4\xc8\xdao\xbeqbf\xe4eR\xad\x9f\'\xaa\xaa\x16m\xdf\x0e\x84\x10\xa0R\x88\x9f\xf6\xfdy\xfb\xee\xb75\xf3\xd8\x9fKG\x19\xf3\xd7x{\xdc;&gt;\xb9m\x07\x15\x1c\xef\xf1x\xe6\xcc\x99\x83\xef\x04D\xb2H\xfc%!\xb5\xfcw\xb9\\\xcf&gt;\xfb,\xa5T]BO&gt;\xf9d\xcf\x9e=#\xa1\xf5\xf3b4M;s\xe6\xcc\xb8q\xe3B\x99\x91@\xc8\xdc\xcd\x9b\xeb\x0c\x033#/\x8bj\xfd|q\xdb6\x8f\xdfO)\x13\x82\xdb\x12\x9c\xfdG?\x1b\xa8\xad\n\xc7\xd8\x9fK\x04Rp\x8b\xd5&gt;pl\x1e!\xc4\xe0\x9c1m\xd9\xb2e\x1b6l\x08\xbd\xbb\x8e"M\x84\xdeJLN-\xffg\xcc\x98Q^^\xae"_RRR\xb2\xb3\xb3\xab\xab\xab#p\xf3\xe7\\RJ\x8b\xc52m\xda4\xf5\xc2*\xa5t\xdf\xe9\xd3\xaf\xed\xdd\xeb\xb0Z\xf14\xf8\x12\xa9\xa9\x9f\x1b\x8f\x1f_~\xe0\x00m\x18\xfbs\xf3\xbd\xe3\x93\xdbu\n\xcb\xd8\x9fK\x07\x94\xf9k\xbc\x9dn\x19\xd2\xbe\xfbmRp\xa0\xc09\xcf\xce\xce\xf6\xfb\xfdx\x1a\x1c\x99\xb0\x00D\x1cu\xf7WI{\xaa\xf5SJ\x99\x97\x97\xd7\xbe}\xfb\xc8i\xfd\xbc\x18\xd5\x12z\xdf}\xf7=\xfc\xf0\xc3\xf5-\xa1\x00/\xef\xd8\xf1mU\x15\xb6\x84^:Fi~Q\x91!\x04\xa5Tp\x91\xdc\xb6\xc3-\x0f\xfc\xd6W\xe5j\xfa\xc4\xc7F \x05\x1f4~&amp;\xd3,\x9csM\xd3v\xee\xdc\xb9r\xe5J\x1c\x10\x14\x99\xb0\x00D\x1c\xb5\xff\xa3\xb2\xb6C\x89\x8f\xbf\xfa\xd5\xaf\x9a\'\xf1\xf1\xea1\xc6\xaa\xab\xab\xf3\xf3\xf3\x93\x93\x93\r\xce\x19\xa5\x1e\xbf\xff\xc5m\xdb\xe2,\x16|\x08\xf8Q\x86\x94N\x9bm\xe5\x81\x03[N\x9ed@\xb9\x94\x84\xc8\x81c\xf3,\xf6\x04)\x9a&lt;\xf1\xf1\xea\x01\xa5\x81\xba\xea\xd4\xce7\xf7\xfc\xaf\xc7TK(\xa5\xf4\xd9g\x9f={\xf6,&gt;\x04D ,\x00\x91E\xb5~\x16\x14\x14\x14\x14\x14\xa8\xb3_\xc6\xd8\xb4i\xd3,\x16K\xb4\\&lt;\x00PWW\x97\x9e\x9e\xfe\xc4\x13OH)UK\xe8\xf2\x03\x07vWV&amp;`K\xe8\x0f\x92\x84h\x00U\x81\xc0\xc2\xed\xdb\t!\x84R)D\xfb\xee\xb7u\xbae\x88\xbf\xda\x13\xde\xb1?\x97\x8eR\x16\xa8\xab\xce\x1a6!\xce\xd9R\x9d\x06\x97\x97\x97/Z\xb4\x08\x1f\x02"\x10\x16\x80\x08\xa2\xd6\xfe\xa1p%U\x00\x1e|\xf0\xc1\xfb\xee\xbb/\x8cC\xff\xaf\x80\xda\x08\xca\xc9\xc9\xe9\xd8\xb1\xa3a\x18\x8cRC\x88\x99\x85\x85,\xb2\xf7\xaf\xc2\x8e\x0b\x91l\xb3-\xd9\xb1\xa3\xcc\xe3Q\xad\x9f\x94\xb1A\xe3gJ\x11U\'\xa8\x00F\xc0\x97\xd4*\xad\xdf\xf0)\xb2&gt;3\x92\xbd\xf4\xd2K%%%X\x03"\r\x16\x80\x08\xa2v\xffU\xbc\xaa\xda\xfcq8\x1c\xb9\xb9\xb9\xb5\xb5\xb5\x11\xdb\xf9sA\xaa\x8c%&amp;&amp;&gt;\xf7\xdcs\x84\x10\xd5\x12\xba\xe1\xf8\xf1\x8f\xcb\xca\x1c\xd8\x12z\x11\x92\x10\xbb\xa6\x95\xba\xdd\xaf\x17\x17\x03\x00\x01\x90Bt\xbbsD\xeb\xf4\x8c@]ud\xb6~^\x0ce\x9a\xaf\xda}\xe3\x1d\x0f\xa5t\xe8&amp;\x04\xa7\x8c\xa9 k\xdc\x05\x8a4\xd1\xf4\xab\x8amB\x08\x00(//\x9f1c\x06\x00\xa8\xd6\xcf\t\x13&amp;dddTWWGW\x01 \x84h\x9a\xe6v\xbb\xc7\x8c\x19\x13j\t%\x84\xcc\xda\xb4\xa9:\x10\xc0\x96\xd0\x0b\xe2B\xc4\xeb\xfa\xdc\xcd\x9b\xdd&gt;\x1f\x03*\x84\xb4\xc6;\xfa\x8d\xc8\t\xfaj#\xb8\xf5\xf3\xa2$\xe7\x16[\xfc\x801\xb9DJ!8cl\xcd\x9a5\xa1\x8d\xcdp\x7f:T/\xcan+1L\x8d}\xce\xcd\xcdu\xb9\\j\xe8\xff\xb5\xd7^\x9b\x9d\x9d\x1dic\x7f.\x8ba\x18s\xe7\xce\xd54\x8d\x0b\xa1Qz\xc4\xed^\xb2sg\xb2\xcd\x86\xa7\xc1\xe7Q\x89\x8f\x05ee\xff()a\x00\x82\x10)E\x9f\x87\xfe_b\xcbv\x11\xde\xfay1\xc0\x98\xbf\xda\xdd!\xf3\x8e\xf4[\x86\x08^\x9f\x19\xa9Z\x1b\xf09 r`\x01\x88\x08j\xf3g\xc7\x8e\x1d+V\xacP\xaf\xceK)g\xcd\x9a\x95\x9a\x9a\xaaBV\xc3\xfd\x01\xaf\x84\x1a\x104p\xe0\xc0\xb1c\xc7\xaa\xccH\x00x\xbd\xb8\xb8\xd4\xed\xc6\x96\xd0\xf3\x00!\x86\x10\x0b\xb6oWi_B\x8a\x94\x0e\xddn\xbe\xefW\xfe\x1aOT\xb4~^\x04\x08\xce\x07\x8c\x99f\x8dKTO\x81\xaa\xb9\x19O\x02"\x07\x16\x80\x88\xa0\x8e\x7f\'O\x9e\xec\xf7\xfbC\xad\x9f\xa3G\x8f\x8e\x96\xd6\xcf\x8bQ\x99\x91yyyN\xa7\x93s\xaeQ\xea\xf6\xf9\xe6n\xde\x9c\x88SB\xcfa\x08q\x8d\xdd\xbe\xec\xcb/\xb7\x9e&lt;\xc9(\xe5\x92\x10)\x07\x8c\xc9\xd5\xacv\xc9\xa3\xa0\xf5\xf3b\xd4\x94\xd0\x94\x8e7\xf5\xb8g\x9c\x14\x82\x10\x00\x80\x193f\xb8\\.\x8c\x0c\x8b\x10X\x00\xc2O\xf5z\xaeY\xb3f\xdd\xbau\x9a\xa6\x19\x86\xa1\xeb\xfa\xdc\xb9s\xd5\xc3r\xb8?\xddUQ\x99\x91iii\xb9\xb9\xb9RJI\x08\x05\xf8\xa0\xb4t\xc3\xf1\xe38%T\x91\x84\xe8\x8c\x9d\xac\xa9Y\xb2s\'4$&gt;v\xbe\xf5\x9e\xeb2\xef\xf0W\xbb!\x8a\x97\xff\x84\xa8\xd3\xe0*W\xd6\xfd\x13\x1d\xad\xdbsn0Ms\xb9\\\xea\x94\x0b\x1f\x02"\x01\x16\x800S\xeb \xd5#A\x08QO\xc7\xbf\xfc\xe5/\x07\x0e\x1c\x18\xc9c\x7f.\x9d\xa6i^\xafw\xe2\xc4\x89\xe9\xe9\xe9\x86\x10jJh~Q\x11\xa3\x14o\xff\x84\x10C\x88d\x9b\xedO\xbbw\x7f\xe3\xf52\x005\xf5\xb3\xdf\xf0\x1c\xb5d\x0e\xf7\xa7\xbbj\x00\xdc\x08$\xb4H\xbd\xe5\x81\xff&amp;\xf5-\xa1\xf5}n\xb8\x11\x14\t\xa2\xfe\xfe\x12\xedT\xe6\xd7\x82\x05\x0bJJJ,\x16K0\x18LNN\xce\xcf\xcf\xaf\xaa\xaa\x8a\xa2\xc6\xff\x1ff\x18F\\\\\xdc\xbcy\xf3\x88\x9a\x12J\xe9\x96\x93\'W}\xf5U\x0b\x9b\xcd\xe4\x99\x91j\xec\xcf\xdeS\xa7\x96\xee\xdbG\x01$P)D\xcf\xffz\xacuzF\xc4N\xfd\xbc\\\x94iu\x9e37\xfdlD\xbb\xae\xbd\x047(\xd3Bo\xba\xe0.P\xd8\xc5\xc2/,z\xa9\xb3\xdf\xd2\xd2\xd2\xf9\xf3\xe7\xab\xc5\xbe\x94\xf2\x89\'\x9eHOO\x8f\xfc\xb1?\x97\x8e1\xe6\xf1x\x86\x0e\x1d:h\xd0\xa0s3#+kku\xc6\xcc|\x0fP\xa9/\xcf\x17\x15y\x03\x01\x00*\x04\x8fs\xb6\xcc\x1a6!PW\x1d\x8d\xad\x9f\x17\')\xd3\xfa&lt;&lt;\t(\x15\x9c3\xa6\x15\x14\x14\x84b\x8e\xc2\xfd\xd9L\r\x0b@8\xa9\xb3\xdf9s\xe6x\xbd^M\xd3\x82\xc1`zzzNNNt\xbd\xf7{\x898\xe7/\xbe\xf8\xa2\xae\xeb\\\x08F\xe9Q\xaf\xf7\x8f\xbbv%\x9b\xf8!@\xb5~\xae\xfd\xe6\x9b\x8f\xcb\xcaX\xc3\xd4\xcf\xdbFLIj\x95\x16\xa5\xad\x9f\x17\x03\x94\xf9\xaa\xdd\x9dz\xddu\xfdm\xc3\x84\xa8o\tUA\xa7\xf8\x1c\x10^X\x00\xc2F\x9d\xfd\xae_\xbf~\xd9\xb2e\xa1\x81\xe9\xf3\xe6\xcdKHH\x88\xd8\xd4\x97+\xa6ZB\xb3\xb2\xb2\x9e|\xf2I\xd5\x12J\x01\x96\x16\x17\xef\xae\xacL\xb0X\xccy\x1a\xcc\x00j\x02\x81\xb9\x9b7\x03!\x842\xc1y\xbb\xae\xbdn\xbakT]U\xc4%&gt;^=JY\xa0\xae\xa6\xff\x98i\xb6\x04\'7\x82L\xd3JJJ\x16,X\x80\'\x01\xe1\x85\x05 \x9c8\xe7*\xe4K%&gt;\x0e\x1a4h\xe8\xd0\xa1\x1e\x8f\'\xf6\x96\xff\xa4\xa1%4;;;%%E\x08\xc1(\xf5\x06\x02/o\xdfn7e\x010\x84p\xdal\xab\xbe\xfaj\xdf\xe9\xd3*;\x01(\xed\xf3\xf0$\xca4\x12\x93\x7f\r\x00#P\x97\xdc\xb6\xe3\xcd\xf7\x8e\x97RJI(\xd0\x85\x0b\x17\x96\x97\x97cGP\x18a\x01\x08\x0f5\xeay\xf9\xf2\xe5\xeb\xd7\xafW\xef\xfdj\x9a6\x7f\xfe\xfc\x18\xde\x12U-\xa1\xed\xdb\xb7\xcf\xcb\xcb\x13B\xa8\x01A\xef\x1d&gt;\\PV\xe6\xb4\xd9L5 H%&gt;\x1e\xf3zUf\xb2j\xfd\xec\xd2oh\xa7\xdew\xf9\xaa\xdd\xd12\xf5\xf3rQ\xc6|U\xae[\x1e\xf8\xad3\xf5:\xf5\x10p\xf6\xec\xd9\xdc\xdc\\|\' \x8c\xb0\x00\x84\x81\x9a\xfa\xe0\xf5zg\xcf\x9e\xad\xce~\x85\x10c\xc7\x8e\xcd\xcc\xcc\x8c\x8d\xd6\xcf\x8b\xd14\xcd\xe5r\x8d\x1e=:##C\x08A\x19\xe3R.\xd8\xbe\xdd\x10"\xa66\xbc~\x8cJ|\xfc\xf3\x9e=\xa7jk)P!\x855.\xb1\xcf\xc3\xd9A_]lt\xfe\\\x04Hn\xe8q\x89}\x1f\x99D\x08\xe1B\xa85\xd0\xce\x9d;18&gt;\\b\xf8\xd7\x16\xb9T\xf3\xcf\xfc\xf9\xf3KKKU#\x84\xd3\xe9\xcc\xcb\xcb\xab\xa9\xa9\x89\xc9\xcd\x9fsq\xce\x13\x12\x12\xf2\xf3\xf3\xa5\x94BJF\xe9\xd6\x93\'\xdf\xfe\xf2\xcb\x16v\xbbIN\x83\x85\x94\t\xba\xbe\xb3\xa2\xe2\xaf{\xf7R\x00\x01 \x85\xe8q\xcf\xb8\xd6\x9d2\x82u\xd5\x00\xb1|I\x02\xd3|U\xee\x1b\xef|\xa4]\xd7\xde\x82\x1b@Y \x10\xc8\xce\xce\xe6\x9c\xe3C@X\xc4\xf2\xaf-2\xa9\xc6\x7fu\x02\xa6\x12\x1f\x85\x10\xb9\xb9\xb9iii\xb1\xd4\xfay1**`\xc8\x90!C\x87\x0e=\xb7%\xf4\x98\xd7k\x9e\x01A\x0c`faa\x80sJ\xa9\x10\xdc\x91\xf2\x93^\xf7O\xf4U\xb9b\xef\xec\xf7\x82\x047\x06&lt;:\x9d2\x8dsC\xd3\xb4\r\x1b6,_\xbe\x1c[B\xc3\x02\x0b@sS+\x1d\xd5\x03\xa7~\xf4\x19\x19\x19\x8f?\xfexTO\xfd\xbc,*- ??\xdf\xe1p\xa8}\x80S\xb5\xb5\x7f\xde\xb3\'\xc1\x04\x03\x82\xb8\x94IV\xeb\xc7ee\x1b\x8e\x1f\xa7\x00B\x12"e\xbf\x91\xcf\xc4%\xa7p#\x10K\xad\x9f\x17\xa3\x06\x04\xb5\xef\xde\xaf\xdb\x9d\xc3Uf$\x00\x9d={\xb6\xc7\xe3\xc1\x96\xd0\xe6\x87\x05\xa0Y\xa9\xd6\xcfu\xeb\xd6\x85\xde\x82\x91R&gt;\xff\xfc\xf3v\xbb\xdd&lt;\xcb\x1f\xd5\x12\xda\xbd{\xf7\t\x13&amp;\x08!Tf\xe4_\xf7\xee\xdd]Q\x11\xdb\x03\x82\xd4k_\xb5\xc1\xe0\xacM\x9b\x08!@\x99\x10\xbc]\xd7\xde7\xde\xf1\xb0\xcf\x1b\x83\xad\x9f\x17C)\x0b\xd4V\xf7\x1b\x91c\x8dO\xe2\xdc`\x1a+--]\xbcx\xb1\xea\x85\x0b\xf7\xa73\x17,\x00\xcdG\xbd\xf6\xe5\xf7\xfb\'O\x9e\x0c\x00\xea\xe7&gt;l\xd8\xb0\xbb\xef\xbe\xdb\xedv\xc7\xfc\xee\xff\xb94M\xf3x&lt;\xd9\xd9\xd9\x1d:t\xe0\x9c\xab\x01A\xaa%&amp;fo\xff\x84p!\x92\xac\xd6\xa5\xc5\xc5G\xdcn\x95\xf8\xc84\xcb\x80G\xa7\x0bn\xc4\xc2\xd8\x9fK\x07`\x04|\x89-\xdb\xf6y([\r\x08b\x94\xbd\xfc\xf2\xcb\xeaH\x0cO\x83\x9b\x13\x16\x80\xe6\xa3\xce~W\xae\\\xb9c\xc7\x0e\xb5\xfc\xd7u]\xbd\x07\x10\xf3[\xff\xe7\x01\x80@ \xd0\xa6M\x9b)S\xa6H5 \x08\xe0\xa3#G\xd6~\xf3\x8d3F3#U\xeb\xe7\x89\xaa\xaaE\xdb\xb7\x03!\x04\xa8\x14\xe2\xa7}\x7f\xde\xbe\xfbm13\xf6\xe7\xd2Q\xc6\xfc5\xde\x1e\xf7\x8eOn\xdbA\x05\xc7{&lt;\x9e9s\xe6\xe0;\x01\xcd\xcc\\?\xbb0R\xcb\x7f\x97\xcb\xf5\xec\xb3\xcfRJ\xd5\x0f\xfd\xc9\'\x9f\xec\xd9\xb3g3\xb7~\xaacg~\x0e\x95?\xd3l\x1f@\xd14\xed\xcc\x993\xe3\xc6\x8d\x0beF\x02!s7o\xae3\x8c\x98\xcc\x8cT\xad\x9f/n\xdb\xe6\xf1\xfb)eBp[\x82\xb3\xff\xe8g\x03\xb5U\xb15\xf6\xe7\x12\x81\x14\xdcb\xb5\x0f\x1c\x9bG\x0818gL[\xb6l\xd9\x86\r\x1bBo\xc5\xa3f\x80\x05\xa0\x99\xa8\xe5\xff\x8c\x193\xca\xcb\xcbU\xe4KJJJvvvuuu\xf3l\xfe\x08!\x0c\xc3\x90RZ,\x96\xf8\xf8x\x87\xc3\x91\x9c\x9c\x9c\x9c\x9c\xect:\x13\x13\x13u]\x97R\xaa\x7fC3|\x18E}\x98i\xd3\xa6\xa9Wa)\xa5\xfbN\x9f~m\xef^\x87\xd5\x1ac\xa7\xc1j\xea\xe7\xc6\xe3\xc7\x97\x1f8@\x1b\xc6\xfe\xdc|\xef\xf8\xe4v\x9dbl\xec\xcf\xa5\x03\xca\xfc5\xdeN\xb7\x0ci\xdf\xfd6)8P\xe0\x9cggg\xfb\xfd~&lt;\rn6\xf8\x87n\x0e*\xf0\xfd\xd0\xa1C\xdd\xbauS\x8f\x02\x86a\xfc\xe1\x0f\x7fx\xf2\xc9\'O\x9d:\xd5\xa4\xcd?RJu\xf2\x1c\x1f\x1f\xaf\xebz]]\xdd\xa9S\xa7N\x9e&lt;y\xfa\xf4\xe9\xea\xeaj\xc30l6[\x8b\x16-\xd2\xd2\xd2\xda\xb5k\x17\x17\x17W]]\xadR\xc9\x9a\xee#\x9d\xcb0\x8cV\xadZ\x8d\x181b\xe5\xca\x95\x16M38O\xd2\xf5\xc2\x11#\x9c6[0\x86\xde\x0e\x13R&amp;Y\xad\xf7\xbd\xf3\xce\x96\x93\'5\xc6\x0c.\x92\xdb^7\xf6\xe5\xcf\xa4\x94\x84Hs\x1d\x00\x9cC\na\xb1\xc5\x9d\xfe\xe6\xc0\xdbS\xee\x15\x823J\r\xc3x\xe3\x8d7\xc6\x8e\x1d\xab~\xb4\xe1\xfe\x80\xb1\x0f\x0b@sP\xbf\xe6\xbb\xef\xbe\xbb\xa0\xa0@\xd7\xf5@ \xd0\xb7o\xdf\xcf&gt;\xfb\xac\xb6\xb6\xb6\xa97\x7f\x18c\t\t\t555;v\xec(((X\xbf~\xfd\xc1\x83\x07\xcf\x9e={\xdeNkRR\xd2\x8d7\xde8t\xe8\xd0\x91#G\xb6k\xd7\xae\xd9\xc6\x91J)u]///\xef\xdd\xbb\xb7\xdb\xedf\x94\x1a\x9c?z\xe3\x8d\x8b\xef\xb8\xe3l]\x9d\x16\x13;\xe3\x86\x94-l\xb6\xe5_~\xf9\xdb\xb5k\x19P\x01D\n\xf1\x8b\xdc\xa5\xe9}\xee\xf5\xc7\xee\xe0\x87K$\xb8\x11\xe7h\xf9\xf9k3\xb6\xfd\xf3OL\xb3H\xc1SRR\xf6\xef\xdf\xeft:\x01\xc0lgc\xcd/\x16.\xb0\x08\xa7\xee\xfe\x05\x05\x05\x05\x05\x05\xea\xec\x9716m\xda4\x8b\xc5\xd2\xd4\xd5\x17\x00&lt;\x1e\xcf+\xaf\xbcr\xc7\x1dw\x0c\x1a4\xe8\x85\x17^(,,&lt;}\xfa\xb4z\x19M\xd34M\xd3\x18c\x00\xe0\xf5z\x8b\x8a\x8arss\xfb\xf6\xed\xbbl\xd9\xb2\xe4\xe4\xe4\xe69\x8b\x03\x80\xba\xba\xba\xf4\xf4\xf4\'\x9exBJ\xa9ZB\x97\x1f8\xb0\xbb\xb22!&amp;ZB%!\x1a@U \xb0p\xfbvB\x08\xa1T\n\xd1\xbe\xfbm\x9dn\x19\xe2\xaf\xf6\x98\xfc\xeeO\xea\xa7\x84Vg\r\x9b\x10\xe7l\xa9N\x83\xcb\xcb\xcb\x17-Z\x84SB\x9b\x07&gt;\x014-)\xa5:t\xed\xd6\xad\xdb\xa1C\x87,\x16K \x10x\xe4\x91GV\xae\\\xd9\xd4\x9b?B\x88\xc4\xc4\xc4\xe1\xc3\x87\xff\xe3\x1f\xffP\xff\x13\x8b\xc5\xa2\x0e\x9f\r\xc38\xf7\xdfI)U\x03\xb9\xd4\xde\x14!\xe4\x85\x17^\x982eJ\xf3&lt;\x07\xa8\x7f.\x00dff\x1e9r\xc4\xc2X\x90\xf3\xfeii\xef\x0e\x1bV\x15\x08\xd0(_\x03\x1aB\xb4\x8a\x8b\x9b\xb3i\xd3\xc2\xed\xdb\x19\xa5*\x19}\xcc\x82OZ^\xdb5\xe8\xab5[\xf3\xcf\x05\xa9\x87\x80\x9d\x1f\xbe\xfe\xe9\x9f\xa7\xaaa\xa8\x9a\xc6\x8a\x8b\x8b\xd3\xd3\xd3\xd5\xd4\xacp\x7f\xc0X\x86\x7f\xdc\xa6\xa5\xce~U\x08\xaa:\xfbu8\x1c\xb9\xb9\xb9\xcd\xb0\xf9#\xa5d\x8c\xdd{\xef\xbd\x00`\xb5ZU\xe0L \x10P\xb7\xf8\xa4\xa4\xa4\xd6\xad[\xb7n\xdd:&gt;&gt;^\x95\x04\xce\xb9a\x18\x94R\xc6Xnn\xee{\xef\xbd\xe7t:\x9b\xa1\x1fCU\x9d\xc4\xc4\xc4\xe7\x9e{\x8e\x10\xa2ZB7\x1c?\xfeqY\x99#\xca[B%!vM+u\xbb_/.\x06\x00\x02 \x85\xe8v\xe7\x88\xd6\xe9\x19\x81\xbaj\xbc\xfb+\x94i\xbej\xf7\x8dw&lt;\x94\xd2\xa1\x9b\x10\x9c2\xa6"\xb2\xf1(\xb8\x19\xe0\x9f\xb8\t\xa9g\xd8\xca\xca\xca\x1bn\xb8\xc1\xedv\xab[\xf03\xcf&lt;3\x7f\xfe\xfc\xca\xcaJ\x8b\xc5\xd2\x0c\x9f\x01\x00n\xbd\xf5\xd6\x83\x07\x0f\x12B\xae\xb9\xe6\x9a;\xef\xbc\xf3g?\xfb\xd9\r7\xdc\xd0\xbauk\x9b\xcdF\x08\xa9\xa9\xa99t\xe8\xd0\xaaU\xab\x96-[\xa6\xfeO\xd4&gt;U\x97.]\x8a\x8a\x8a\x9a\xe1\x13*B\x08\x87\xc3q\xfb\xed\xb7o\xda\xb4\xc9\xa2iA\xc3\xe8\xe8t~\xf1\xf0\xc3Q}Hj\x08\xd12.\xee\xd7\x9f|\xf2\xce\xa1C\x1ae\\J=.\xf1W\x7fXgKp\n#h\xce\xe6\x9f\x0b\x92\x9c[\x13\x9de\xdb?\xfb\xdf9\xa3TC0\xe7\xfc_\xff\xfa\xd7\xe0\xc1\x83\xf14\xb8I\xe1\x1a\xa4\t\xa9\x07\xd8\xdc\xdc\\\x97\xcb\xa5\x86\xfe_{\xed\xb5\xd9\xd9\xd9\xcd6\xf6G=pL\x9c8\xf1\xfa\xeb\xaf\xff\xdd\xef~\xb7u\xeb\xd6\xe5\xcb\x97\xff\xfa\xd7\xbf\xce\xcc\xccLMMMJJJJJj\xd7\xae\xdd\xddw\xdf\xfd\xf6\xdbo\xbf\xfd\xf6\xdbV\xabU\xed\xbdRJ\x0f\x1e&lt;\xf8\xf9\xe7\x9f\'&amp;&amp;6[S\xb6a\x18s\xe7\xce\xd54\x8d\x0b\xa1Qz\xc4\xed^\xb2sg\xb2\xcd\x16\xa5-\xa1*\xf1\xb1\xa0\xac\xec\x1f%%\x0c@\x10"\xa5\xe8\xf3\xd0\xffKl\xd9\xce\xb4\xad\x9f\x17\x03\x8c\xf9\xab\xdd\x1d2\xefH\xbfe\x88\xe0\xf5\x99\x91O=\xf5\x94a\x18\xf8\x1c\xd0\xa4\xb0\x004\x15u\x1b\xdd\xb1c\xc7\x8a\x15+\xd4\x0b\xeeR\xcaY\xb3f\xa5\xa6\xa6\xaa(\xd4f\xf8\x0cj\xe2\xc2\xa8Q\xa3\xd6\xaf_\xff\xd4SO\xb5j\xd5\xca\xe5r\x9d={\xb6\xa6\xa6F\xed\x05\x19\x86\x11\x08\x04\xbc^oEE\xc5\xa8Q\xa3T^#cL\xbd\xaa\xb6~\xfdzM\xd3\x9a\xe7\xf2S\x03\x82\x06\x0e\x1c8v\xecX\x95\x19\t\x00\xaf\x17\x17\x97\xba\xddQ:%\x14\x081\x84X\xb0}\xbbJ\xfb\x12R\xa4t\xe8v\xf3}\xbf\xf2\xd7x(.i/\x00\x04\xe7\x03\xc6L\xb3\xc6%\xaa\x17\x03\x0f\x1e&lt;\xf8\xea\xab\xaf\xe2ip\x93\xc2\x02\xd0T\xd4\xd9\xe6\xe4\xc9\x93U[\xbda\x18}\xfb\xf6\x1d=z\xf4\x993g\x9as\xea\xa7z\xd9\xcab\xb1\x9c:u*\x18\x0c2\xc6B\xf7\xf7\x10\xd5\x11TWW\xf7\xc0\x03\x0f\x84\x06rI)\x8f\x1c9\xa2\x96`\xcd\xf3QUfd^^\x9e:{\xd0(u\xfb|s7oN\x8c\xc2)\xa1\x86\x10\xd7\xd8\xed\xcb\xbe\xfcr\xeb\xc9\x93\x8cR.\t\x91r\xc0\x98\\\xcdj\x97\x9cG\xed\x9eV\x13RSBS:\xde\xd4\xe3\x9eqR\xa8\xc3r\x981c\x86\xcb\xe5\xc2\xc8\xb0\xa6\x83\x05\xa0I\xa8\x8d\xcb5k\xd6\xac[\xb7N\xd34\xc30t]\x9f;wns\xdeOCT\x1b\x92\xa6i?\xf0\x8f\x06\x00\xcey\xabV\xad\xe2\xe3\xe3C\x17[UU\x95z\x85\xady&gt;\xa7\xca\x8cLKK\xcb\xcd\xcd\x95RJB(\xc0\x07\xa5\xa5\x1b\x8e\x1f\x8f\xae)\xa1\x92\x10\x9d\xb1\x9355Kv\xee\x84\x86\xc4\xc7\xce\xb7\xdes]\xe6\x1d\xfej7\xe0\xf2\xff"(\xd3|U\xae\xac\xfb\':Z\xb7\xe7\xdc`\x9a\xe6r\xb9f\xcc\x98\x81\x03\x82\x9a\x0e\x16\x80\xc6\xa7n\xa0\xaa\x93\x81\x10\xa2\x9ea\x7f\xf9\xcb_\x0e\x1c80\\\x89\x8f\x97x\x13W\xbd@\xa1\x7fi\xb5Z\x9b\xb9\\i\x9a\xe6\xf5z\'N\x9c\x98\x9e\x9en\x08\xa1\xa6\x84\xe6\x17\x151J\xa3\xe6\xf6O\x88!D\xb2\xcd\xf6\xa7\xdd\xbb\xbf\xf1z\x19\x80\x9a\xfa\xd9ox\x8eZ\xd8\x86\xfb\xd3E0\x00n\x04\x12Z\xa4\xde\xf2\xc0\x7f\xab)\xa1\xa1\x0e:\xdc\x08j"X\x00\x1a\x9f\xdaF_\xb0`AII\x89\xc5b\t\x06\x83\xc9\xc9\xc9\xf9\xf9\xf9UUU\x11\xdb\xcf \x84\xd0u\xfd\xd8\xb1c\xa1\xfeT\x00h\xdb\xb6\xad\xca,k\xceOb\x18F\\\\\xdc\xbcy\xf3\x88\x9a\x12J\xe9\x96\x93\'W}\xf5U\x0b\x9b-*2#\xd5\xd8\x9f\xbd\xa7N-\xdd\xb7\x8f\x02H\xa0R\x88\x9e\xff\xf5X\xeb\xf4\x0c\x13N\xfd\xbc\\\x94iu\x9e37\xfdlD\xbb\xae\xbd\x047(\xd3\x0c\xc3x\xea\xa9\xa7\xf0(\xb8\x89\xe0\xcf\xb1\x91\xa9\xb3\xdf\xd2\xd2\xd2\xf9\xf3\xe7\xab;\xa9\x94\xf2\x89\'\x9eHOO\x8f\xe4\xc4GU\x00V\xadZE\x08Q\x17\x9b\x94233\xb3\xf9/&lt;\xc6\x98\xc7\xe3\x19:t\xe8\xa0A\x83\xce\xcd\x8c\xac\xac\xad\xd5\x19\x8b\xfc{\x80J}y\xbe\xa8\xc8\x1b\x08\x00P!x\x9c\xb3e\xd6\xb0\t\x81\xbajSN\xfd\xbc\x02\x922\xad\xcf\xc3\x93\x80R\xc19cZAAA(@)\xdc\x9f-\xd6`\x01hd\xea\xecw\xce\x9c9^\xafW5\xfe\xa7\xa7\xa7\xe7\xe4\xe44\xdbt\x9d+\x10\x08\x04RRR&gt;\xfc\xf0\xc3\xb7\xdezK\x1d\xb8I)\x1d\x0e\xc7\x90!C\x9amX\xe9y8\xe7/\xbe\xf8\xa2\xae\xeb\\\x08F\xe9Q\xaf\xf7\x8f\xbbv%G\xfcC\x80j\xfd\\\xfb\xcd7\x1f\x97\x95\xb1\x86\xa9\x9f\xb7\x8d\x98\x92\xd4*\r[?/\x11P\xe6\xabvw\xeau\xd7\xf5\xb7\r\x13\xa2\xbe%TE\xa8\xe2s@\xa3\xc3\x02\xd0\x98\xd4\xd9\xef\xfa\xf5\xeb\x97-[\x16\x1ak&gt;o\xde\xbc\x84\x84\x84\x88M}\t\x06\x83)))\x1b7n\x1c7n\x9c\x1a\x07\xad</t>
        </is>
      </c>
    </row>
    <row r="209">
      <c r="A209" s="1" t="n">
        <v>207</v>
      </c>
      <c r="B209" t="inlineStr">
        <is>
          <t>triangle</t>
        </is>
      </c>
      <c r="C209" t="inlineStr">
        <is>
          <t>What is the missing number of the part denoted with a question mark?</t>
        </is>
      </c>
      <c r="D209" t="inlineStr">
        <is>
          <t>['9', '10', '7', '4']</t>
        </is>
      </c>
      <c r="E209" t="inlineStr">
        <is>
          <t>10</t>
        </is>
      </c>
      <c r="F209" t="inlineStr">
        <is>
          <t>There are three groups of numbers with a triangle arrangement in the image. The first group is [2, 5, '?'], the second group is [8, 7, 56], and the third group is [3, 1, 3].</t>
        </is>
      </c>
      <c r="G209" t="inlineStr">
        <is>
          <t>We observe that the number 56 is the product of 7 and 8. Similarly, the number 3 is the product of 1 and 3. Hence, the pattern is that the rightmost number in each group is the product of the other two numbers.</t>
        </is>
      </c>
      <c r="H209" t="inlineStr">
        <is>
          <t>Based on the pattern that the rightmost number in each group is the product of the other two numbers, the missing number of the group [2, 5, '?'] should be 10.</t>
        </is>
      </c>
      <c r="I209" t="inlineStr">
        <is>
          <t>b'\x89PNG\r\n\x1a\n\x00\x00\x00\rIHDR\x00\x00\x02\x00\x00\x00\x02\x00\x08\x02\x00\x00\x00{\x1aC\xad\x00\x00\xb6BIDATx\x9c\xec\x9dwx\x14U\xf7\xc7\xcf\x9d\x99\x9d-)\xbb\x9bF\t\x04\x02$\x94\x90\x00\x81\xd0C/\x01\xf5\x05\xa5\x83(MP"J\x91\xa6H\x13\xa4\x08\x06\x05, Mi"MA!4\x91*\x84HI@J\x08\x10j\xfa\xf6:3\xf7\xf7\xc7\x85\xfd\xe5\x15\xf5%\x9b\x90l\x92\xfby||\xc8\xec\xcc\x9d\xbbe\xce\xf7\xdes\xcf=\x07a\x8c\x81B\xa1P(\x15\x0f\xa6\xb4;@\xa1P(\x94\xd2\x81\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n\x00\x85B\xa1TP\xa8\x00P(\x14J\x05\x85+\xed\x0eP\x9e;\x18c\xf2\x7f\xf2\x0f\x17\xe8\t\xa5\xd4/\n\x85R\xca\xa0\xbf\x18\x05J\xf9\x00c,I\x12\xc6\x18!\xc4\xb2\xec3\x9e\xc90\x0c\xd5\x03\n\xa5\xe2@\x05\xa0\\\x811\x16E\x91a\x18\x86\xf9\x7f\xe7\x9e(\x8aF\xa3\xf1\xd1\xa3G\x0f\x1f&gt;\x04@\x00\x8f\xbf\xf1:u\xea\xf8\xf8\xf8h4\x9a\x82-\x88\xa2\x08\x00T\t(\x94\x8a\x00\x15\x80r\x82$I\x92$q\xdcc\x9f^^^\xde\x85\x0b\x17\x8e\x1f?\xfe\xfb\xef\xbf\xdf\xbbw\xefQf\xa6\xc1`p\xd8\xed\x05/\xf1\xf1\xf5U\xc8\xe5\xb5k\xd7\xaeV\xadZ\xdb\xb6m[\xb7n\x1d\x11\x11\xa1R\xa9\xc8\xab\x82 \xb0,Ke\x80B)\xc7P\x01(\xf3\x10\x1f\x0e\xf1\xf3\x18\x8d\xc6\xdd\xbbw\xef\xd8\xb9\xf3\xf4\xa9\xd3YY\x99\x85m*44\xb4c\xc7\x8e\x03\x07\x0e\xec\xd4\xa9\x13i\x90\xcc\'\xa8\x0cP(\xe5\x12*\x00e\x98\x82\xa6?55u\xc3\x86\r\xdb~\xf8!\xe3\xce\x1d\xd7\t&gt;\xbe\xbe\xb5\xc2\xeaW\xaa\x1a\\\xa7n\x84\x97\x97w\xdd\x86\x8d$Q \xab\xbf\x82\xd3y%\xe5\x0f\x9b\xd5z\xed\xf2\xc5G\x0f\xee\xdfI\xbfa/0?h\xdc\xb8\xf1\x90!C\x86\x0e\x1dZ\xa9R%\x00\x10E\xf1\xdf\x17\x12(\x14JY\x84\n@YE\x92$\xe2\xe8\xbf\x7f\xff\xfe\xcc\x993\xb7l\xd9b\xb5Z\xc9KU\xab\x85\xb4\x8c\xed\xd4\xbek\\\xbd\x86M\x82\xab\xd7\x94+x\x8e\x03\t\x83(\xfcW\x0b\x9c\x0c\x00\x83 \x80\xd9d\xcc\xb8\x95\x96r&gt;\xf9\xd7\xc4=\xe7N\x1f\xd7\xeb\xf2\xc9\t\x95+W\x89\x8f\x1f;e\xca\x14\x9e\xe7%I\xa2!C\x14J9\x83\n@\x99D\x10\x04\x8e\xe3\x9cN\xe7W_}\xf5\xf1\xc7\x1f?z\xf4\x08\x00x\x9e\x8fi\xd3~\xd0\xb07\x9b\xb6l\x1bT9H\x92\xc0nw8\xec\xf6\xc7A&gt;\x00\x05\xcd7\x06p\x1ddXN.\x97\xcb\x15\x9c \xc0\xbd;7O\x1c9\xb0u\xfd\xd7\x7f\xa6^$gFFF.Z\xb4\xa8G\x8f\x1e@\xa7\x02\x14J\xf9\x82\n@\xd9\x83X\xff\x1b7n\x0c\x1f&gt;\xfc\xe4\xc9\x93\xe4`\xcf\x97\x07\x8c~wJ\xdd\x06Q\x9c\x8c\xb3\x98-N\xa7\x03\xe0\xd9\xc3:\xb1$a\x8c%\x04\x88W(T*\xb9\xd1hI&gt;}\xec\xf3\x85\xb3/&amp;\x9f!g\x8c\x1a5\xea\xd3O?\xf5\xf1\xf1!w\x7fno\x8eB\xa1\x94\x1cT\x00\xca\x12d3\x17\xc30\xdb\xb6m\x8b\x8f\x8f\xcf\xc9\xc9\x01\x80\xa8\xe8\xe6\xefN\x9f\xd3\xa6cw\x8c\xb1\xc5l"\'\xb8\xed\xab\xc1\x18K\x92\xc80\xac\x8f\xaf\x8f\xd9d\xda\xb3}\xcb\xf2E\xb3\xb3\x1e=\x00\x80\xe8\xe8\xe8o\xbe\xf9\xa6I\x93&amp;T\x03(\x94\xf2\x01\x15\x802\x83\xcb\xfa\xcf\x993g\xf6\xec\xd9\xe4\xe0[\x13?xs\xe2\x07*/\xa5^\xa7\';\xb9\x8a\xebv\xc4\xdb\xa3\xd6x\xdf\xbd}g\xfe\x07\x13\x0f\xec\xd9\t\x00~~~_~\xf9e\xff\xfe\xfd\xa9\x06P(\xe5\x00*\x00e\x03W\xc0\xcf\xe8\xd1\xa3W\xaf^\r\x00\x81\x95*\xcfKX\xdd\xed\xa5\x17u\xf9\xa6\xe7\xe7\x9a\x17\x04\xa7R\xe9\xc5\xf3\xb2o\x96/I\xf8x\x86\xd3\xe1\x00\x80U\xabV\xbd\xf1\xc6\x1bT\x03(\x94\xb2\x0e\x15\x802\x00\xd9\xdf\xcbq\x9c\xcb\xfa7\x88\x8a\xfer\xd3\xae\xaa\xd5Bt\xf9\xba\xe7\xbd]K\x92$\x00\xf0\xf3\xf7=\xf1\xeb\xd1\xf8\xd7^1\xe8\xf2\x81j\x00\x85R.\xa0\x02P\x06 v\xf6\xcd7\xdf\xfc\xfa\xeb\xaf\x01\xa0AT\xf4\xda\xed\xfb\xd4\x1a?\x93\xc9\xc8q\xb2\x92\xe9\x83\xd3\xe9\x0c\x08\xd4\x9e=yr\xf4\xc0\x17\rz\x1d\x00\xac_\xbf\xfe\xf5\xd7_\xa7\x1a@\xa1\x94]\xa8\x00x:\xc4\xc2\xaeZ\xb5j\xcc\x981\xf0\xc4\xfa\xfb\xa85V\xb3\x85-Y\xcb+8\x9d\xda\x00\xed\xb9S\x8f5\xc0\xcb\xcb\xeb\xe8\xd1\xa3\xcd\x9a5s\xedH\xa0P(e\x0b*\x00\x1e\r\xb1\xadg\xce\x9ci\xdd\xba\xb5$Ia\xf5"\xbe\xfb\xe9\x88\x8fZc\xb5XK%\x1e_p:\xfd\x02\xb4gO\x9e\x1c\xd9\xaf\xbb\xc5l\x0e\r\xad\x95\x9c|\x8e\xa4\x93\xa3{\xc4(\x942\x07\x1d\xb8y.D\x9bsss\x07\x0f\x1e\x8c1V\xa9\xbc\x16\xae\\\xef\x17\x10`1[Jk7\x16\'\x93\xe5\xe6\xe4\xb7j\xdff\xca\xecO\x00\xe0\xd6\xad\xf4\xd1\xa3G\x93\x05\xeaR\xe9\x0f\x85B)\nT\x00&lt;\x172\xfc\x9f4iRzz:\xc6x\xf2\x9cO\xa2\x9b7\xd3\xe5\xebK\xd7\xe7.\x93\xc9r2uCG\xbf\xf5\x9f~\xaf\x02\xc0\xf6\xed\xdb\xbf\xfb\xee;\x96eI\x1ei\n\x85R\x86\xa0. \x0f\x85Dv\x1e?~\xbcc\xc7\x8e\xa2(v{\xf1\x95\xaf6\xef\xc8\xcb\xd1\x95\xb0\xdf\xffo\xc1\x18\xb3,\xebt8^\xe9\xd4\xf4^\xc6\xed\xa0\xa0\xa0+W\xae\xa8\xd5j\x9a,\x88B)[\xd0\x19\x80\'B\xeas\xd9\xed\xf6\t\x13&amp;\x88\xa2\xa8\xf1\xf3\x7f\x7f~\x82\xd9lC\x9e\xb1\xd6\x8a\x10r:\x1cj\xadf\xda\xbc\x04I\x92\x1e=z4s\xe6L\x86a\xa8#\x88B)[x\x84A\xa1\xfc\x05\xe2\xfc\xd9\xbaukrr2\x00\x0c\x19\x19_\xa3V\x88\xcdj+J\xb0\r\x96$\xb1\x00\x92$A\x11&amp;\x7f,\xc7\x19t\x86\xce=^l\xd5\xae3\x00|\xfd\xf5\xd7W\xaf^\xa5\x1a@\xa1\x94-\xa8\x0b\xc8\x13!;\xbf\x1a5jt\xf5\xea\xd5\xd0\xb0\xba\xdb\x0f\x9e\x05\x04 a(\xbc\x83\xc5\x95\xdbG\xaeP\xf0\xbc\x8c4\x801\x08\x82h\xb7\xd9\x04\xc1\xc90n\xee#\x93$I\xa5R]\xbb\x92:\xa8g[\xab\xc5&lt;j\xd4\xa8\xd5\xabW\xd3t\xa1\x14J\x19\xa2\xf4\x1d\xca\x94\xbf\xe0\xf2\xfe_\xbdzU\x92\xa4^\xfd\x86j\xb4\xde9\xd9:7\xd6~EQ\xe4y\xde\xcb\xdb\xc7b\xb6\xdd\xbaq\xed\xce\xad\x9b\xf9\xb9\xd9\x92$\xfa\xaa\xb5\xd5j\x84\x86\xd6\xa9\xab\xf5\xd3\x18\rfR\xf6\xab\xb0\x8d3\x0cc6\x9b\x1b6n\x1c\xd3:\xf6\xd8\xa1\xfd?\xfd\xf4\xd3\x82\x05\x0b\xfc\xfd\xfd\x89\xff\xaa\xb0\xadQ(\x94\x92\x87\n\x80\x87\xf2\xcd7\xdfH\x92\xe4\x1f\x18\xf4R\xdf!&amp;\xa3\xcd\x8da\xb5$I\x1a\xad:\xebQ\xd6\xa65_\xec\xdb\xbd\xed\xea\xe5K\x0e\xbb\xcd\xf5*\xc305k\x87\xf7\x1a0\xf4\xd5\x91\xf1\n\x95\xcaf\xb5\xba\xa1\x01\x08@\x12\xa5\xc1#\xe2O\x1c9\x98\x95\x95\xb5k\xd7.\x9a\x1f\x82B)CP\x17\x90gA\x86\xcf\x0f\x1f&gt;\xacW\xaf\x9e\xc1`\xe8\xd5\x7fh\xc27\xdf\xe6\xe6\x14z\xf8\x8f\x10\xf2\xf2\xf6\xda\xbd\xf5\xbbe\x0bf\xde\xcf\xb8\xfd\xb7\'\x90\xaf\xbea\xe3\xa6\x9f\xad\xddV9\xb8\x9a\xbbk\x0c\x88A\xe8\xe5N\xd1\xb7\xd2\xae\xb7h\xd1\x82\xd4\'\xa0\x1b\x83)\x942\x01}P=\x0b\x12M\x7f\xe0\xc0\x01\x83\xc1\x00\x00\x9d{\xfcG\x14\x0b\xedQ\xc1\x18\xb3,35~\xf8\xe4\xb7^\xbb\x9fq\x9b\\.\x93\xf1\xf5\x1a6\x8a\xed\x1c\xd7\xaeK\x8f:u\x1b\x10\xeb/\xe3\xf9\xd4\x0b\xc9\xf1\xaf\xbdb\xb3ZY\x96uc4 \x08N\x1f\xb5*\xb6s\x0f\x8c\xf1\x85\x0b\x17\xd2\xd2\xd2\xe8R0\x85RV\xa0\x02\xe0Y\x10c\xfd\xdbo\xbf\x01@\xe5\xaa\xd5\x9a\xb5jg\xb5\x14z`\x8e1\xe6d2\x1f\x1f\r\xf9S\xe5\xe5=f\xfc\xb4]G\x93\xbfO&lt;\xfd\xcd\xb6}\xab\xbf\xffe\xc7\xe1\xa4\xaf\xb7\xec\xa9\x12\\\xdd\xe9p\xf0\xbc\xfcj\xea\xc5\xcdk\xbe\xf4\xf1\xf5\x92\xa4Bo\xe6b\x10r:\xa5\xceq\xffaY\xd6f\xb3\x9d:u\x1a\x9e$\x10\xa5P(\x1e\x0e\x15\x00\xcf\x82a\x18\xa7\xd3y\xe6\xcc\x19\x00\x88h\xd44\xb0R\x90\xc3\xe1(\xec\x0c\x00!d\xb3\xd9f.N\xe8\x14\xf7\x9f\xe8\x16mv\x1c&gt;;\xf5\xa3\x05\xa1u\xeaJ\xa2h2\xeaM\x06\xbd \x08q\xbd^\xfct\xf5f^.\x17E\x01!\xf4\xcb\xee\xef-fwV\x1a\x10\xc3\xd8\xac\xb6\xba\x11QAU\xaa\x02\xc0\xb1c\xc7\x80\xe6\x05\xa2P\xca\x08T\x00&lt;\x08I\x92\x10Biii7o\xa6\x03@\xb3V\xb1,\x0bnD\xeb#\x84\xb0\x84\xcd&amp;\xcb\xc2\x95\xeb\xbe\xd9\xb6\xaff\xed\xf0\xdcl\x9d\xddj\x05\x00\x86a\x19\x96e\x18&amp;\xf3a~\xb3Vm\x9b\xb5l+\x8a"\xc6\xf8\xee\xed\xf4\xec\xccG\x9c\x8c/\xac\x17\x08!\xe4t:\xb5\xfe\xfe\x91\x8dc\x00\xe0\xf7\xdfO\xdblE\xda\xaf@\xa1PJ\x0c\xfa\xa0z\x10\xc4\xf8\xde\xbe}\xdbn\xb7\x01@\xed\xf0\xfa\x82\xe0\xe6h\x1a!$\x08"\xcf\xcb\x11Bf\x93\x89\xe3\xb8\xbf\xec"f\x18\x84\x10\xaeQ;\x1c\x00\x18\x86q\xd8\xed\x16\xb3\x89a\x187\xf4\x06c,\x93A\xad\xb0z\x00\xf0\xf0\xe1#\x83\xc1\xe0Za\xa6P(\x9e\x0c\x15\x00\x0f\x82\x18\xcd\x0b\x17.\x02\x80\xafZ]\xbdf-g\xe1\xfd?.\x10B\x92$\x912\xc2\xfft\x8a\xe0t\x92\xfb\xb2\x1c\'W(\xb0[{\xcd\x18\x84\x04\x01\xc2\xea7\x04\x00\x83A\x7f\xed\xda5\xa0\xcb\x00\x14JY\x80\xc6k{\x1cf\xb3\x19\x00X\x96\xf3\xf6\xf6\x91$\xc9\r\x8b\xec\xe2_\xc4\x03!\xc6\xe9\x942n\xa5\x01\x00\xc68 \xa8\xb2\xd6?P\x10\x9c\xee\xdd\x0cc\xf0Uk\x00@\x92$\xab\xd5\xea^o)\x14J\tCg\x00\x1e\x04\x19\xaa\'\'\x9f\x03\x80\xea5k\xa9\xb5\xfe\x82 &lt;\x8f\x05U\x8c%\xb9\\~\xf7\xf6\xcd\x94\xf3\xe7\xc8M\x9b\xc4\xb4\xd2\xf8\xa9\x05\xc1\xe9\x86\xde\x90\xdcp\xd5BB}|\xd5\x00\x90\x94t\x0e\x9e\xccf(\x14\x8a\'C\x05\xc0\xe3p:\x9d\x00\xe0\xed\xe3+W(\x9e\x93#E\x14D/\x1f\xf9\xc6\xd5+,f\x13\xc3\xb2\x00\xf0\xf2\xa0\xd7EArSl\x10\x92$\xc9\xc7\xd7\x97\xe7yx\xd2\x7f\n\x85\xe2\xf9P\x01\xf08\x88\x15\x96D\xf19\r\xa2\x05AP\xfbiO\xfezl\xcb\xba\xaf8N&amp;8\x9d\x9d{\xfc\xa7M\x87\xce&amp;\x83\x89a\xdc\xcf\xe3\xe6\xea0\x8d\x01\xa5P\xca\nt\r\xc0\xe3 \x06\xf499P$QT\xa9T\x99\x0f\xeeO\x7f{\x98 8\x11Bj\xad\xdf\xb4\x8f\x96:\x1c\x0e(\x9a\xddvu\x98\n\x00\x85RV\xa03\x00\x8fC\x10\x04\x00\xe08\x8ea\x8a\xd9\x92J\x92$\xe3y\xbb\xdd\xf6\xf6\xeb}\xef\xde\xb9\xc5r2I\x92\xe6-[]\xb3v\x1d\xf7\x92\xc1\xb9\xc0\x18s\x1c\x87\x10\x03O\xfaO\xa1P&lt;\x1f*\x00\x1e\x04q\xa1\xf8\xfb\xfb\x03@\xe6\xc3\x07\x06\xbd\xde\xbd\xfc&lt;\x7f\x8b$I\x1c\xc7!\x04\xef\x0c\xebw\xf1\xdc\xef\xbc\\.8\x1d\xef\xcfOx\xe1\xe5W\xf4\xf9:\x96u\x7f.\x881\x96\xc9d\x8f\x1e\xde\xb7XL\xae\xfeS(\x14\xcf\x87\n\x80\x07Al}DDC\x00\xc8\xc9zd5\x9b\x8a\xab\xb8\n\xb1\xfe\x1c\xc7\x8d\x1f5\xe8\xc4\xaf\x07x\xb9\xdca\xb7\xbf=e\xf6\xc8q\xe3\xf3r\xf5E\xad3\x8c1\xcbq\xb99\xd9V\x8b\x05\x00\xa2\xa2"\x81:\x82(\x94\xb2\x00\x15\x00\x8fC\xab\xd5\x00\x80\xc3n\xcf\xc9\xced9\xae(\x85\x1b\t\x92$\xb1,+\x93q\x13\xde\x18|\xf8\x97\x1f\x89\xf5\x7fs\xe2\x07\x13&gt;\x98\xa5\xcb\xd3\xb3EN\xdb\x80\x01\x18\x062\xef\xdf\x05\x00\x9e\xe7\xbd\xbd\xbd\x81\n\x00\x85R\x16\xa0\x02\xe0A\x10\xa3\xd9\xa8Q#\x00\xb0X\xcc\xf7\xeff\xc8d\\\x11]@\xc4\xfa\xf3r~\xe2\xe8\xa1\x07\xf6\xec \xd6?~\xf2\xcc\xc9\xb3\xe6\xe9\xf2\r\x081E\xd9hF\xc0\x18\xb3,\xdc\xbey\x1d\x00|||\xc3\xc2\xc2\x80\n\x00\x85R\x16\xa0\x02\xe0A\x10\xa3\x19\x1a\x1a\xea\xe3\xe3\x0b\x00W.&amp;\xb3,HE\x10\x00,I,\xcb\xc8\x15\xf2\xc9o\xbe\xb6\xff\xc7m\xc4\xfa\xbf3m\xce\xa4\x0f\xe7\xe8\xf2\r\x08\xa1b1\xd3\x0c\xc3\xd8l\xe2\x95\x94\x0b\x00P\xabV\xa8\x97\x97\x17\xad\nI\xa1\x94\t\xa8\x00x\x10\x0c\xc3`\x8c\xabW\xaf^\xbf~}\x00\xf8\xe3\xecI\x87\xe3_2\xf9\xfc\x0f\xb0$!\x96Q(\x94S\xde\x1a\xf6\xf3\xce\xad\xc4\xfaO\xf8`\xde\xf8\xf7g\xe6\xe7\xe9\x8b\xcb\xfac\x8cy\x9e\xcf\xc9|t\xed\xf2%\x00h\xdb\xb6\xadL&amp;#em(\x14\x8a\x87C\x05\xc0\xb3 \xf5\xd9[\xb5j\x05\x00\x7f\xa6\\\xb8w\xe7\x96\\\xaep\xc3\x0b\x841F\x0c\xa3T\xaa\xa6\xc6\x0f\xdf\xb3}\x13\xc7q\x0e\xbb}\xc2\x07\xf3\xe3\'\x7f\x90\x93\x9d\x871`\x8c\xa5\xa7p\xa3\xc3\x92$)\x94\xf2\x0b\xe7~\xcf\xcf\xcb\x01\x80\xd8\xd8v@\xfd?\x14J\x19\x81\n\x80gALg\x97.\x9d\x01@\xaf\xcb?y\xf4\xa0R\xc5K\x85\x1cPc\x8cY\x96Uy\xa9\xa6\xbf=\xf2\xc7m\xdf\xc9x\x9ea\xd9Y\x9f\xac\x9c:\xf7}\xbb]\xf0Uk\xbd}|\xbd\xbc}\x9e\xfe\xcf\xcd\xd4\xd3\x0c:\xf4\xf3n\x8c\xb1Z\xadn\xd1\xa29\x94jM`\xfc\x14\xa5\xd5\x13\n\xc5\xf3\xa1;\x81=\x0bb:\xdb\xb7o\x1f\x1c\\\xed\xc1\x83\xfbG\xf6\xff8d\xe4\x18\xb7\x12\xb4\xc1\xfb\xef\xbc\xb1k\xebz\x9e\x97;\x1c\xf6\x17\xfb\x0cj\xda\xb2\xcd\xfe\x9f\x0e\xffC\\)\x02\xc0\x0c\xc3\x84\xd5k\xc8\xcb\xe5\xcfn4\x89\xff\'7+\xf7\xf4\x89#\x08\xa1v\xed\xdaU\xadZU\x92\xa4\x92\x14\x00\x92\xf2\x9a\xac: \x84\x9e\xbe\xb5\xeb\x04\x00`\x18\xa6\xb8|_\x14J9\x80\n\x80g\x81\x10\x12\x04\xc1\xc7\xc7g\xe0\xc0\x01K\x97.={\xf2\xd8\xa5\xe4\xe4z\r\xa3\xac\xcf\xbcSW\x14E_\xb5\xfa\xd0\xbe\x1fwlZ\xcb\xc9dN\xa7\x03!\x94\xf8\xd3\x8e\xbd;\xb6\xfc\xfb\x85\x9c\x8c\xfb\xe9\xd8\xa5\x1a\xa1u\xecv+\xd9\xd3\xfb?\x91DQ\xa5\xf6\xd9\xb5uC\xd6\xc3\x07\x000z\xf4h(\xa9&lt;\xa0\xa4\x90\x19\xcb\xb2\x7f\xf9X\xacV\xab\xcdf{\x9cN\x03c\x86a\xd4j\xf5\xd3\xd7\xc2\x131(\x81\xaeR(\x1e\x0b\x15\x00\x8f\x83X\xb4\xe1\xc3\x87\x7f\xfe\xf9r\xab\xc5\xbc\xfb\xfbo\xe7\xb6\xfc\xccl2?\xfb\xb0\x1a!p\xd8\xed\x00 &lt;I\xcc\xe9t:\x9e\xe5\xba\xc2v\x151\x8c H\xdb7\xaeA\x08\xd5\xae]\xbbs\xe7\xce\xffZ\x7f\xa6\x18 K\x17\x0c\xc3\xb8\xa62w\xef\xde=w\xee\\JJ\xca\xa5K\x97\xf4z\xfd\xcd\x9b7\x8dF\x13B\x80\x01\x00\x03\xcb\xb1\r\xea\xd7W(\x14\xcd\x9a5\xabU\xabv\x8b\x16\xcd\xc3\xc2\xc2\xb8\'\x1b\xdfDQ\xfc\xdbI\x03\x85RA\xa0\x02\xe0q0\x0c#IRDDDll\xdb_\x7f\xfd\xf5\xe7]\xdf\x0f{kB`\xa5\xcaN\xa7\xf3\x19G\xac\x18c^.\xf7Qk\x18\xc4JX\x84\xffe\xdaI\x05G^\xae(\x94)\x14E\xd1W\xed{\xe8\xe7\x9f\xae\\:\x8f1\x1e:t\xa8R\xa9\x14\x04\x81+\xe2\xbe\xe2\x7f\x80\x98~\x96e\x89\xe9?u\xea\xd4\xae]\xbbN\x9c8q\xe5\xca\x15\x83\xc1\xf0/\x17f&gt;z\x04\x00\xfb\xf6\xed\x03\x00\xb9\\\x1e\x16\x16\x1e\x13\xd3\xacW\xaf^qqqr\xb9\x1c\xa8\x0cP*0\xb4v\xab\'"\x8a"\xcb\xb2G\x8f\x1e\xed\xd8\xb1#\x00\xfc\xa7\xdf\x90\xcf\xd6n\xcc\xc9\xd6=\xa3mE\x089\x9d\x0e\xab\xd9\\\xb8\xbb"\xe4\xe5\xedS(;\xc80L\xef\x0eMn\xa5]\x0f\x08\x08HMM\r\x0c\x0c|N\x1ev\xf2\x81\x00@ff\xe6O?\xfd\xb4\xe1\xdboO\x9e8Q\xf0\x04\x8d\xd6/\xa8r\xd5\xc0J\x95\x03\x82\xaa\x84\xd4\x0cu:\x05\x00`9N\x97\x9f{\xeb\xc65\x93\xd1p/\xe3V^Nv\xc1K\x1aDD\xf4\xef\xd7o\xc0\x80\x01\xf5\xea\xd5\x03\x00A\x10X\x96\xa5N!J\x85\x82\n\x80\x87BL^\xff\xfe\xfd\x7f\xf8\xe1\x07^.\xdf\xb0\xebHt\xf3\x16F\xe3\xb3f\x07B\x08\xb1,\x8b\x0b\xe3\xd6\xc1\x00\xe23\'\xf2\x14\x9cN\xff \xed\xd7\tK\x17\xcd|\x0f!\xb4d\xc9\x92\x89\x13\'\x92\xe5\xd6\xe2\xca_\xf4\xb8W\x18\x13\xb7\x92^\xafOHHX\xb5j\xd5\xc3\x87\x0f\xc9K\xbc\\\xde\xb0q\xd3\x96\xb1\x9d\x1a7k\x15^\xbf\xa1\xafZ\xe3\xed\xeb\x8b\x10p2\xc0\xf8\xf1\x1b\x97$\x10\x05\xb0\xd9lz]\xde\xdd\xdb\xe9\x97\xfe8\x93t\xea\xd8\xb9\xd3\xc7\xf5\xba|\xd2\x88J\xa5\x1a8p\xe0\xd4\xa9S\xc3\xc3\xc3\x01\xa0\x84W\xb0)\x94\xd2\x85\n\x80\x87"I\x12B\xe8\xd6\xad[M\x9a41\x18\x0c\xf5\x1b6\xfe\xe1\xe0)\xa7S|\xf6M\xb6n|\xb3\xcf\xd8\xb2$\x8aJ/\xaf\xdbi7\xfaukn\xb5X$I\xaaW\xaf\xde\xe4\xc9\x93_{\xed5\x8e\xe3\xc8~\x82b1\xa3\xae\x81\xff\xd6\xad[\xe7\xcc\x99s\xf5\xeaUr\xbcn\x83\xc8\xff\xf4\x1f\xd2\xa6C\xf7\xb0\xfa\r\x94*^p\x82\xddf\x17EA\x14\x04\xfc\xdfo\x1c!@\x081\x88ae2\x9e\xe7y\x9e\x11\x9c\x90q;\xed\xcc\x89\xdf~\xd9\xfd\xfd\xc9_\x0f\x92\xd3\xb4~~\x13\'L\x982e\n\xcf\xf3\xae\x9bR(\xe5\x1e*\x00\x9e\x0b\xb1D\x0b\x16,x\xff\xfd\xf7\x01`\xf0\x88\xb1\xf3?[\x99\x93\x95\xcf\xc9d\xa5\xd8+\x8c1\x02\xe0d\xdc\xa0\x17\xda\xa5\x9e?GbiH\\M\xabV\xad\xe6\xcc\x99\xd3\xb5kW(\x0e\x8f\nYNx\xf0\xe0\xc1\xa8Q\xa3\x88\x07\x1f\x00Z\xb5\xeb4d\xd4\xdb-c;\xf9\x07\xa8\xad\x16\xc1f\xb3\x8a\xa2\xc8 \x84H\xf1\x84\x7f\xbe\xdd\xe3M\x01\x92\x84\x10\x92+\x14J/\xb9\xdd*\x9cO:\xb9}\xd3\xba\xdd[7\x90\x87\xa0a\xc3\x86_}\xf5U\x9b6m\x88\xfaRw\x10\xa5\xdcC\x05\xc0\xa3!\xeb\x93qqq\x07\x0f\x1e\x04\x80%_m\xec7tH\xe6\xc3&lt;\x19\xcf\x97V\x97\x04\xc1Y\xa9\xb2v\xda\xdb\xf1\x9b\xd7~\x01\x00\x1f}\xf4Q\xcf\x9e=\xa7M\x9bFz\x08\x00\x83\x07\x0f\x9e&gt;}z\xc3\x86\r\xe1\x89\x11/\xec-\\n\x9f\xc4\xc4\xc4\x11#G&gt;\xb8\x7f\x1f\x00B\xeb\x84\x8f|\xfb\xbd\x97\x07\xbd.\x97\xf3F\x83Y\x10\x9c\x0c\xc3\xb87\xcf\xc0\x18K\xa2\x88\x18\xc6\xdb\xdb\x87\x93\xa1\xa3\x07\x13W\x7f\xb6\xe8\xf7\xe3\xbf\x02\x00/\x97/Z\xb8p\xfc\xf8\xf1@\xddA\x94\n\x00\x15\x00\x8f\x86\xd8\xa0\xcc\xcc\xcc\xa8\xa8FYY\x99j\x8d\xf6\xeb-{\x9a\xb5n\x93\x9fS:\xf3\x00A\x10\x02\x834kV\xae\x987m\x1c\xc6\xd0\xa5K\x97\x03\x07\x0e\x90\x91\xf2\xd6\xad[\x17,Xp\xe9\xd2%\x00P\xa9T\x93&amp;M\x9a4i\x92Z\xad.\xec\xc2\x80\xcb\xfa/[\xb6l\xc2\x84\t\xe4\xe0\xe0\x11c\xc7\xbf?\' ( ?\xcf\x80\xb1\xc4\xb2\xac\x1bA\xabO#I"\x96\xb0\xafF#\x8a\xc2w\xabV|\xbep\x96\xc9h\x00\x80\x11#F,[\xb6\xcc\xc7\xc7\x87j\x00\xa5|C\x05\xc0\xd3!\x8e\xa0\xd3\xa7O\xb7m\xdbV\x92$_\xb5f\xd5\xd6\xbd\xcdZ\xb7\xc9\xcb\xc9\x97\x95\xa4\x06`,\x08B`%\xed\xda\x95+\xe7N}\x1b\x00BCC\x93\x92\x92\xfc\xfc\xfc\x88\xc3\x84a\x18\x87\xc3\xb1x\xf1\xe2/\xbe\xf8\x82\xac\xd3\xd6\xaf_\x7f\xf2\xe4\xc9\xc3\x87\x0f\x87g\x0e\xb5t\xc5z\x8e\x1e=z\xf5\xea\xd5\x00\xa0\xd6\xfa\xcd\\\xf4\xf9+\x83\x86\x18\xf4\x16\x87\xc3\xf1&lt;bLI\xdf\xfc\x03|\x93\xcf$}\xf0\xee\x1bWS/\x02@\xf3\xe6\xcd\xf7\xef\xdf\xaf\xd5j\xa9\x06P\xca1T\x00\xca\x00D\x03V\xaf^M\xb6\xda\x12\rh\x11\xdb&amp;;\xb3\x844@\x92$\xc08\xb0\x92\xfa\x9b\xe5\x8f\xad\xbf\x9f\x9f_bbb\xb3f\xcd\\\xf6\xd1\xb5v\xfa\xe0\xc1\x83\x0f?\xfcp\xfd\xfa\xf5d5\xb8k\xd7\xaeS\xa7N\xed\xdc\xb93\xfc\xaf\x85\x01\xd7\xd8\xdfe\xfd\x1bDE\x7f\xbajcX\xfd\xfay\xb9\xba\xe7\x1d\xa3)8\x9d&gt;j\xb5\xd9d\x98;\xe5\x9d\x1f\xb7}\x07\x00111\x89\x89\x89T\x03(\xe5\x18*\x00e\x03\xe2Lwi\x80Z\xa3]\xfc\xe5\xb7\xdd^|1?\xcf\x88\xb1\xc40\xcf1jE\x10\x04\x85B!W\xc8W\x7f\xf6\xc9\'s\xa6\x02\x80\x9f\x9f\xdf\xfe\xfd\xfbcbb\xfe\x120\x831\x16E\x91\x0c\xd2\x0f\x1f&gt;\xbch\xd1"\xb20\xc00\xcc\xb0a\xc3\\\xa1\x96\xff\x14fC\x8e\x17\xb4\xfek\xb7\xef\xd3\xfa\x07\x18t\xfa\x92\xf1w\x89\xa2\xc0\xf3r\xa5J9e\xec\xf0][\xd6\xc3\x13\r\xd0h4@S\x9cR\xca#T\x00\xca\x0c\x7f\xd1\x00\x00xk\xe2\x07\xefL\x9b\x83\x01\x9b\x8dF\x96\xe3\x8a\xddBI\x92$I\xa2\xd6O\x9b\xf5\xe8\xd1\xec\xf7\xe2\x0f\xec\xdd\t\x00\xfe\xfe\xfe\xfb\xf6\xed\x8b\x89\x89\xf9\xa7\x05^\x97\x1b\x07\x00\xd6\xad[\xf7\xc9\'\x9f\xfc\xf9\xe7\x9f\xe4\xc2q\xe3\xc6\x8d\x1f?\x9e,\x0c\xc0\x7f\x87\x8a\x92\xd6\\~\x7fb\xfd}\xd4\x1a\x8b\xd9\xf2\x9c\xb6\x16\xff-\x92$1\x0c\xf2\xf2\xf6\x9e\x1a?\x82h@\xdf\xbe}\x7f\xf8\xe1\x87\xe7\xb7\xc3\x99B)E\xa8\x00\x94%\x88\x19JLL|\xf5\xd5Wsrr\x00\xa0u\xfb.\x1f|\xbc,\xa2Q\x84^gq8\x1c\xc5\xe5\'\xc1\x92$J\x92J\xe5\xa5T\xc9\x0e\xfd\xb2w\xfe\xfb\x13\xee\xa4\xa7\x01@\xf3\xe6\xcd7n\xdc\x18\x16\x16\xf6?\x83\xe5]N\x7f\xbd^\xbfl\xd9\xb2\xe5\xcb\x97\xe7\xe6\xe6\x02@\xfd\xfa\xf5g\xce\x9c9p\xe0@xR\xfc\x80D\x91\xb2,{\xf0\xe0\xc1n\xdd\xba\x01@\x83\xc8&amp;kw\xec\xf7Qk\xac\x16k\xc9\x87\xe4cIB\x0c\xf2\xf6\xf6\x992v\xd8\xae\xad\x1b\x00`\xf6\xec\xd9\xb3f\xcd\xa2\x1a@)\x7fP\x01(c\x10[y\xe3\xc6\x8d\xe1\xc3\x87\x9f&lt;y\x12\x00\xd4\x1a\xed\xabo\xbc\xfd\xea\xa8q\x95\xab\x06\x1a\r6\xbb\xddV\xa4\xf8HI\x02\x00\xa5J\xe5\xe5%\xbb|1\xe5\x9b\xe5K\x7f\xdc\xf6\x1d98j\xd4\xa8\xa5K\x97\xfa\xfa\xfa&gt;\xfbV)\xd7\x99\xd7\xaf__\xbcx\xf1\xbau\xebHS\xdd\xbau\x9b;wn\x8b\x16-\x00\xc0\xe9t\xb2,\x9b\x95\x95\xd5\xb8q\x93\xcc\xccG\xbe\x1a\xed\xb6\xfd\xa7B\xeb\x84\x1b\x0c\x86\xd22\xb8d\x06#\x93\xc9\x06\xf6h\x93r\xfe\x1cB(11\xb1k\xd7\xaet\x8f\x18\xa5\x9cA\x05\xa0\xecA\xcc\x90\xd3\xe9\x9c2e\xca\x97_~i\xb7\xdb\x01 \xb4N\xdd\xe1c\xc7\xb7\xef\xda\xb3z\xcd\x10\x87\x1d[-fQ\x10\xe0I\xe0\xcd\xbfL\x0b\x9e\xd4M\x91\x00@&amp;\x93\xab\xbc\x94\x08\xc1\x9f\xa9\xa9\x89?\xfe\xf0\xdd\xea\xe5$eB\xa5J\x95\xe6\xcd\x9b7j\xd4((|t\xfc_\x16\x06&gt;\xfc\xf0\xc3\xd3\xa7O\x03\x80B\xa1\x18&lt;x\xf0\xdc\xb9s\x83\x83\x83\x01 ...11\x11!\xf4\xc9\x97\xdf\xbd&lt;xHnv\xc9\xc68=\x85(\x8a*\x95\xeaNz\xda\xc0\x1em\xf4\xba\xfcJ\x95*\xff\xf9\xe7\x15\xb5ZM7\x88Q\xca\x13T\x00\xca$.+|\xe6\xcc\x99\x193f\x1c:t\x88\x1c\x0f\xaa\\\xe5\xc5&gt;\x83;v\x7f\xb1a\xe3fj\x8d\xb7(\x82\xdd\xee\x10\x05A\x10\x04\xc0\xb8`}y\x04\x80\x18\x84\x00q2\x19\'\x93\xf1r\x0e\x01d&gt;\xca\xfa\xe3\xf7\xe3\x07\x7f\xde}`\xcfN\xab\xd5\x02\x00\x08\xa1\xe1\xc3\x87\x7f\xf4\xd1G\xa4\xd2\x8b\xdb\xe6\x8f\x94\x9c\xe48N\x10\x84\xef\xbe\xfbn\xd6\xacYw\xef\xde\x05\x80\xca\x95+O\x9d:500\xf0\xd5W_\x05\x80\xfe\xaf\xbd\xb1\xe8\x8bU9Y\xcf\x9a\xf6\xee\xb9"8\x05\xff@\xcd\x0f\xdf};5\xfeu\x00x\xfb\xed\xb7\x97/_N\'\x01\x94\xf2\x04\x15\x80\xb2J\xc1\xb5\xd6\xb5k\xd7.[\xb6,%%\xc5\xf5jx\xfd\x86\xad\xdauj\xdc\xbcuDd\xb4Z\xeb\xa7\xf1\xf3G\x08\n\x0e\xa91\x06\xa7\x13DQ\xc8\xcf\xcd\xce\xc9z\x94z\xe1\xdc\x1fgN\xff~\xfc\xc8\xfd\xbbw\\\xe7t\xeb\xd6m\xca\x94)$\x82\xb3X\x0c\x9f\xab\x91\xac\xac\xac\x15+V,]\xba\xd4by,3\x08\xa1\xe0\x90\x9a;\x0e\'\xc9\xe5\n\xb2~P\xc4{\x15\x0b\xa2(j\xb4\xea\xb1\xaf\xf69\xb0w\xa7L&amp;;}\xfat\xd3\xa6MiT(\xa5\xdc@\x05\xa0l\xe3\x1a\x95;\x1c\x8e\xfd\xfb\xf7\xaf]\xb7\xee\xe0\x81\x03\xc4\xaa\x12\xbc}|\xb5~\xfe\xd5k\xd6Ryy\xd7\x8d\x88\x12E\x110\x00\x02\xc1)\\M\xbd`\xb7\xdb\xee\xdc\xbc\xae\xd3\xe5\x93\x022\x84*U\xab\xbe\xf8\xe2\x8b\xc3^\x7f\xbdu\xeb\xd6P`\xa9\xb6X:\\\xd0#\x94\x9a\x9a\xbah\xd1\xa2]\xbbv\xd9\x1d\x0e\xc1\xe9\xfc\xe8\xd3UCF\xbd\x91\x9bS\x1c\xc3\xff\xc7\xe9@\x8b\xdagI\x92T*\xe5\x8d\xabW\xfavi\xe1p\xd8\xdb\xb7\xefp\xf4\xe8\xafT\x00(\xe5\x06*\x00\xe5\x81\x82\xc3\xf3k\xd7\xae\xed\xd9\xbb\xf7@b\xe2\xc5\x8b\x17\xb3\xb2\xb2\x9e\xbd\x91\xd0\xd0\xd0\xe8\xe8\xe8\x17_|\xb1g\xcf\x9eAAA\xf0\xdf\x93\x8c\xe2\x05c,\x08\x82L&amp;3\x99L\xb5k\xd7\xce\xce\xc9\x89i\x19\xbb~\xd7\x01\xab\xd5V\xa4\xe5k\x8c\x11\xc3\x10\xb9"G0\x96\x10 \xa6\x08oA\x10\x04?\x7f\xcd\xc2\x19SW/_\x8c\x10:r\xe4H\x87\x0e\x1d\xa8#\x88R&gt;\xa0\x02PN \xf6\xae`\xba\x85\xbc\xbc\xbc\xf3\xe7\xcf\xff~\xe6\xcc\xcd\xb4\x9bw\xef\xde\xcd\xcc|\xf4\xf0\xe1#\x84\xc0h4\t\x82\xc0ql\xe3\xc6\x8d\xbd}|"\x1b6\xacQ\xa3F\xeb\xd6\xad#""T*\x15\xb9\xb6\x04\x8ad\t\x82\xc00\xcc7\xdf|3f\xcc\x18\x00X\xbe~{\x8f\xde}ty:\xb6\x90\xc3\x7f\x8c\xb1$\x892\x19\xafT\xa9X\x0e\x04\'\xd8mV\xa7\xd3\xc90\x8cB\xa1\xe4\xe5\xac \x80\xd9d\x00\x0c\xc8]i\xe1y&gt;\xeb\xd1\xc3\x97b#\xcd&amp;\xd3\xe0\xc1\x837m\xdaD\x05\x80R&gt;\xa0\x02P\xde \xcb\xadOG\x82J\x92\xa4\xd3\xe9\x18\x86y\xf9\xe5\x97\x8f\x1e=\xda\xa1C\x87_\x7f\xfd\xf5/\xd7\xba*\xad\x97\x80\x0b\x9e\xc4\x83\xb6n\xdd\xfa\xec\xd9\xb3\xb5\xc3\xeb\x7f\xbf\xff$C*\xb9\x14\x06R\xfcR\xa9\xe4\xb33\xb3\xff8{*\xe9\xd4\xb1\x1bW/\xe7\xe5d\xd9\xacV\x96e\xd5Z\xbfz\x11Q\x1d\xbb\xbf\xd4\xaa}\x17Q\x14\x1cv\xbb{\x92&amp;\x8a\xa2Z\xe3\xfb\xde\x98\xd7\x7f\xdc\xf6\x9d\xaf\xaf\xef\xd5\xabW\xabT\xa9\xf2\xec\x85\x19(\x14\x8f\xa5\xf4c-(\xc5\x8b\xcb\xf4?\xf1\x81`\xb2H\xc00\x8c\x9f\x9f\x1f\x00\x90\xf0J\x99LF\xdc\xf1\xe4*rB\x89\x8dj\xc9\x08\xfa\xcc\x993\xe7\xce\x9d\xc3\x18\xff\xa7\xdf\xab~\x81\x9a\xc2\x06\xff`\x8c9\x19w\xef\xce\xad\xed\x1b\xd7\xfe\xb2\xfb\xfb\x07\x05\x96\xaf]\x9c;}|\xe37+;t{q\xf6\x92/\x02\x83*\xd9l\xee\xb8\x98\x10\x80$\xe1~\xaf\x8e\xdc\xb3}\xb3\xc1`\xd8\xbcy\xf3\xa4I\x93\\+\x19\x14J\xd9\x85\xaee\x95[HUH\x8e\xe3X\x96e\x18\x86\x98{\x12\xf3\x0f\xa4\xae\x0bB\x0c\xc3p\x1cG\xce)\xc9\xf1,\xe9\xc3\xf6\xed\xdbEQ\xe4\xe5\xf2\xd8\xceqV\x8b\xc0\x16\xd24K\x92\xa4T)/\x9e;\xf3\xcd\xf2\xc5\x7fk\xfd\t\x1c\xc7\x1d=\xb0\xf7\x8d\x01=\x8d\x06=\'\x93\xb91\xe5eX\xd6b\xb66h\x14]\xb3v\x1d\x00\xd8\xb1c\x07Y\x18/l;\x14\x8a\xa7A\x7f\xc4\x15\x05\xf4\x84\xd2\xee\x08\x00\x00\xcb\xb2\xa2(\xfe\xf6\xdbo\x00\x10\xd1(:\xbcAC\x9b\xd5ZX\x1f=\xcb\xb2&amp;\x83)\xaeW\xdfZa\xf5\x00\xa0R\x95\xe0\x97\x07\xbd&gt;\xff\xb3o\xd6\xed8\xb0\xf9\xe7ck\xb6\'\xbe7kap\xf5\x9a\x82 \xf0r\xf9\x8d?SW.\x99\xe7\xed\xad$\xae\xa7\xc2"\x08N\x8d\xd6\xa7}\xd7\x17\x00 %%\xf5\xd1\xa3GDS\xddh\x8aB\xf1\x1c\xe8\x1c\x96R\xd2\x90%\x8aG\x8f\x1e]\xbbv\r\x00Z\xc5vV\xa9d\x16\xb3\xd9\r\x8f\x8a$\x8a^\xde\xaa\xf8\xc9\x1ffe&gt;|y\xc0\xd0\x80JA\x80A\x14\x81\x04\xfft\x8e\xeb\xd6{\xc0\xd0\xe1\xaftK\xbbv\x85a\x98\xfd?n\x1b;i\x86\xca\xcb[\x14\x85\xc2\n!\x83\x90 \xe0\xd6\xed\xbb\xac\xff2\xc1d2&amp;%\x9d\x0b\x0e\x0e~N!R\x14J\x89Ag\x00\x94\x92\x86\x0c\x9c\x7f\xff\xfdw\x83\xc1\xc00L\xe3\x98VN\'f\xdc\x9a\x9a0,k2\x9a{\xf4\xea\xff\xc6\xb8I*/\x1f]\x9eN\x97\xaf7\x19\xf5f\x93\xc9d2&lt;z\x90S-\xa4\xea\xf0\xf8I\x18c\x00\x94\x93\x95y\xf7N:/\xe7\xdd\x18\xb9#\x86\xb1\xdb\xec\xe1\xf5\x1b\xfa\x07\x04\x02\xc0\x91#G\xdc\xe8-\x85\xe2i\xd0\x19\x00\xa5\xa4!\xf675\xf52\x00x\xfb\xf8\xd4\xa9\xdb\xc0aw\xb8\x17\xa3\t\x00\x08!\xab\xd5b\xb1`\x86aX\xf6\xbf~\xcf2\x1e\xacV\xa9ZH\xcd\'\xb7\xc5V\x8b\x99a\x18\x80\xc2\x0b\x00B\x0e\x87#\xa8rpHh\x9d\x9c\xec\xac?\xff\xbc\x02\xb4B\x00\xa5\xecCg\x00\x94\x92\x86,\x9f\xa6\xa4\\\x02\x80\xcaU\xabk\xb4~\x82Ph\x9f\xcc_\x1a\xfc\xdbEl\x8c\x81e\x91Q\xaf\x07\x00\x0c\x80\x10\xa3\xf2\xf2\x96$\xc9\xbd\x1d\xc2\x18c\x19\xcf\xd4\xa8\x1d\x06\x007o\xde4\x1a\x8dd\xbb\x99\xdb\xdd\xa6PJ\x1d*\x00\x94\xd2A\xa7\xd3\x01\x80\xd6?\xc0\xcb\xc7\xd7\x15\x8dZ\xbc`I\xe2\xe5(q\xef\x0e\xf2g`\xa5J\xd5k\xd4r\xd8\xed\xee\x89\r\xc6\x98\xe3\xa0r\x95j\x00\xa0\xd7\x1b&lt;\'a\x11\x85\xe26T\x00(%\n\t?5\x1a\x8d\xe9\xe9\xe9\x00P\xb9ju\x86\xc1\xc5&gt;\x8e\xc6\x18\x0b\x823\xa8\xb2\xf6\xfb\r\xdf\xee\xf9a\x93\x8c\xe7\xb1$\xbd\xd8gp`\xa5\x00\xa7\xd3\xe9\x9e\xe1F\x08\t\x02T\xaaZ\r\x00L&amp;cZZ\x1a&lt;qgQ(e\x14*\x00\x94\x92\x06!\xe4t:u:\x03\x00\x84\xd4\xac%\x93\x15\xb3#\x05c\x0c\x18\x07\x04j7~\xb3\xe6\xfdwFr\x1c\xe7t8\xea\xd4m\xf0\xe6\x84\xe9&amp;\xa3\xc5\xed\xf8}\x04 I\x10R\xb3\x16\x008\x1c\x0e2\x83\xa1\x02@)\xd3P\x01\xa0\x94\x02\x08!\x8ec\x01\xc0\xe9t\x16\xaf\t\xc5\x183\x0c\xe3\xe5\xed\xbdx\xf6\x8c\x0f\xde\x1dE\xc4&amp;\xb4N\xdd\xaf6\xff\xe8\xed\xe3[\xc4\xc5\x06\x00p:\x9d\xe4\x1ft\x1b0\xa5\x1c@\x7f\xc4\x94\xd2\xe1y\x8c\x9d\x89\xf5gYv\xe2\xe8W\x7f\xde\xb9E\xc6\xf3N\x87\xa3y\xdb\x0eK\xbf\xde\x14\x10\x18d6\x9b\x8b1l\x9f\x8e\xfd)\xe5\x00:\x03\xa0\x94\x0e\xc4\x80\x16\xef8\x1ac\xacT)gN|\xf3\xe7\x9d[x\xb9\xc2\xe9p\x0cx}\xf4\x9a\x1f\xf6i\xfd\xfc\x8b\xcb\xfa\xbb:L\x05\x80R\x0e\xa0\x02@)\x05\x10B\xc4\x92\xea\xf2s%\xa9x\xd2jJ\xa2\xe8\xe3\xebs\xe8\x97\x9fvm\xdd \x93\xf1\x0e\xbb\xed\x8dw\xa6~\xbc\xfck\xc1)\xd8\xed\xf6b\xb1\xfe\x08\x81./\x17\x00\x10b\xa8\x0b\x88R\x0e\xa0\x02@)Q\x10B\x92$\xa9\xd5\xea\xfa\xf5\xeb\x01@\xda\xb5+\x82P&lt;\x19\x8a0\x00b\xd0\x8f\xdf\x7f\x8b\x10r:\x1d]z\xf6\x9e&gt;o\xa1.OO\xfcBEo_\xc2X&amp;\x83\xb4kW\x00@\xab\xd56h\xd0\x00\x9e\xeci\xa0P\xca(t\x14C)\x05\x10BJ\xa5\x12\x00,f\xb3\xdd\xad\x14\xcdO\xc3\xb2\xac\xd9`\xbe\x93\x9eFZ\x1b:z\x9c\xd3)a\x0c\x0cS&lt;\xd1\xfa\x08!Q\xc4F\x83\x1e\x00x\x9e\x97\x15\xac\xb0L\xa1\x94M\xe8\xf8\x85R\xd2\x90|\x9c\x8d\x1a5\x06\x80\xbb\xb7o\xea\xf2r8\x8e+\xa2K\x9d\x0c\xf3\xedvkV\xe6CQ\x14EQ\x0c\xaa\\\xd5\xe9\x10\x8aq\x84\x8e\x10r:\xd1\x8d\xab\xa9\x00\x10\x16V\xc7\xd7\xd7\x97\x94`+\xae\xf6)\x94\x92\x87\xce\x00(\xa5CXX\x1d\x000\x19\x8d\xf72n\x07U\xae\xeap8\x8ajL1f\x18\xa6El\xc7\xdc\xacL\xa5R\xa5Tya\xecN\xe6\xe7\x7fh\x1bs\x1c\xa7\xcf\xcf!\x85\x07j\xd5\xaaE|Y\xc5\xd5&gt;\x85R*P\x01\xa0\x944dT\xde\xb6m[\xb9\\a\xb7\xdb.$\x9dn\x19\xdb\xd6h\x94\x8a2ZG\x08I\x18s2&gt;a\xd5\x16r\xc4n\xb7\x15=\xea\xdf\x05\xc6X\xaeP\\\xbe\x98\xfc\xe0^\x06\x00t\xec\xd8\x11h \x10\xa5\xecC]@\x94\x92\x86\x94R\xa9Y\xb3f\xadZ\xb5\x00\xe0\xec\xa9\xdf\x04\xa1\x98\x02\x81$\xc9j\xb5\x88\x92\xe8p\xd8EA(z\x83\x05[\xe6y\xe6\xdc\xe9\x13\xa2(\xca\xe5\x8a\x96-[\x02]\x01\xa6\x94}\xe8/\x98R\nH\x92\xc4\xf3|\xcb\x96-\x00 \xf9\xf7\x13\x19\xe9\xe9\n\x85\xa2\xe8\xcb\x00\n\xa5\x12c|\xe3\xcf\xd4\xdc\x9c,o\x1f_\\\xf8\xb4\xcf\xff\x04\xcb\xb2V\x8b\xe3\xf0\xfe\x1f\x11B\xb5k\xd7\n\r\r-\xae\xe0"\n\xa5\x14\xa1\xbf\xe0\xf2\x0c\xa9\x03,\x08\x82 \x08\xa2(J\x92D\xca\xc4\xc3\xe3ti\x8f\x8f\x93Z\xc1%\xdf\xbd&gt;}\xfa\x00\x80\xd1\xa0?}\xfc\x88\xcaK.\x15!\'(\x96$\xb9\x9c\xbf\x95vm\xc8\x8b\xed\xfawo\xf5J\xa7f\xdf\xae^\xaeR\xa9$\xa9\x18\xf2\x8cbIR*\x95i\xd7\xfe\xbc\x9ar\x01c\xdc\xb3gO\x9e\xe7\x9fS\x06S\n\xa5$\xa1\x02P\xdep\x19}\x12\xa3B\xea\xc2\x93\xb2\xef\x1c\xc7\x91*\xf0\x00@\x0e\xf2&lt;\xcf\xb2,I\xa6\xef\xba\xaa\x04:I\xbc@\x9d:u\n\x0b\x0bC\x08\xed\xdd\xb1\xd9fu\xbf&amp;\x0c\x00H\x92\xa4P\xc97}\xf3\xc5\xd5\xd4\x8bX\x92ty\xb9\x9f}\xfcanV\x96L\xe6N\xfd\xaf\xa7\x1b\xe7\xe5\xdc/\xbb\xbf\xb7\xdb\xed&lt;\xcf\x0f\x1b6\x0c\xa8\xff\x87R.\xa0\x8b\xc0\xe5\x07b\xfa\x89\xad\'Grss/_\xbe|\xf3\xe6\xcd\xbbw\xeffdd\xdc\xbes\x87A\xe8\xfc\xf9\xf3,\xcb&amp;\'\'O\x9c8Q\xad\xd6DEEV\xabV-""B\xa5R\xb9\xda!e{\x9f_\x8c#BH\x10\x04\xa5R9p\xe0\xc0\x8f&gt;\xfa\xe8\xec\xc9\xdf\xfe8\xf3{L\x9b\xb6&amp;\x83\x91qo\xcb.B\x92\x08y\xb9\xd92\x99\x0c!\x86\xe5\xc0\xe9t\xe8\xf5:\x8d_\x80 8\xdd\xab\x00C\xc0\x18\xcbx&gt;\'+w\xe7\xe6u\x08\xa1\xb6m\xdbFDD\x90\xcf\xc7\xed6)\x14\x0f\x81\n@y\x808v\xc8\x18_\x92\xa43g\xce\x1c8p\xe0\xe4\xc9\x93\x17.^\xcc\xce\xca\xfa\xdbKrrr\x12\x12\x12\\\x7f\x86\x86\x86F7m\x1a\xdb\xb6m\xb7n\xdd\xea\xd7\xafO$D\x14\xc5\xe7\'\x03d`&gt;n\xdc\xb8\xcf?\xff\\\xaf\xd7\xff\xb0qu\xeb\x0e\xed$\x8c\xdd4\xab\x183\x0c4\x88l\x9c\xf8\xd3vr\xa0ZHh\xe5\xaa\xd5\x9cN;BE\xb2\xd4\xa2(j\xb4&gt;?~\xff]N\xe6#\x0c0j\xd4(xR\xd7\xbe(\xcdR(\x9e\x00\xadiW\xb6!\xa3ub\xaf\xef\xdd\xbb\xb7u\xeb\xd6M\x9b6]\xb8p\xa1\xe09\x08\x81\x9f\x7f\xa0B\xa9\xaaQ\xab\x0eY\x06\x00\x00Q\x14\xef\xa4\xdf\x10\x9cN]~^\xc1\x93\xe5ry\x87\x0e\x1d\x86\x0c\x19\xd2\xabW/___rf1&amp;\xd1\x84\'\x1b\xc1\x18\x86q8\x1c\xabV\xad\x9a={\xb6\xd1d\x12\x04a\xf5\xd6_b;w1\xe8\x8dn\xdc\x0ec\xcc\xb0\xac\xd3a_6\x7f\xc6\xd9S\xc7\x02\x83*\xbf3}NTt\x8c\xd5b-\x8a\xa5&amp;\xe1\xff\x06]~\xef\x8eMs\xb33\xc3\xc2\xc2.^\xbc\xc8\xf3&lt;B\xc5\x93\xbe\x82B)]\xa8\x00\x94a\\\xa69555!!a\xd7\xae]\xf9\xf9\xf9\xe4%\xb9\\^?\xb2qTt\x8b\xe8\xe6\xad+U\r\xaeV\xa3\x16\xc7\xc9\xfc\x02\x02\xc9\xd7\x8d\x10H\xa2\x94\x9b\x93\xe5p\xd83\xd2o\xdc\xcb\xb8}\xfe\xec\xa9\xd4\x0b\xc9\xd7\xaf\xa4\xb8~\r!!5\x86\x0f\x1f6v\xec\xd8\xa0\xa0 \x8cq\xb1\x04\xbd\x14\x94\xab}\xfb\xf6M\x9b6\xed\xd2\xa5K\xe4%\x04\xd0\xa4E\x9b\xcd?\xfff6\x99\xdd\xbb\x11\x99\x03\xa9\xbcT&amp;\xa3I\xaeP @V\xab\xa5\x88fZp:\x03+i?\x9a6e\xcd\x8aO\x00`\xdb\xb6m\xfd\xfa\xf5+vE\xa4PJ\x0b*\x00e\x12\x97%\xd5\xeb\xf5K\x96,Y\xbat\xa9\xd5j%/E\xb7h\xd3\xa9\xfb\x8b\xb1\x9d\xe3\xea\xd4m\xa0P\xf1\x92\x08\xa2(9\x1c\x0e,aAp\x14\xf4\x86\xcbd&lt;B\x88\x97\xcbY\x0e\x10\x80AoJ\xbdp\xee\xd7\xc4=\xc7\x0e\xedK\xbb\xf6\'9\xa7Z\xb5js\xe7\xce\x1d&gt;|8\x14m*\xe0Z\x9f\x00\x80\xd4\xd4\xd4\xa9S\xa7\xfe\xf2\xcb/\xe4\xa5\xfe\xfd\xfb\x07\x07\x07\x13\x7f\xd4\xb4\x8f\x96\xbe9qb\xf6\xa3|\xce\xadL;\xae\x8f\x05K\x12.\xf2:\xad(\x08\xbej\xdf?\xce\xfe\xfeZ\xefNN\x87\xa3k\xd7\xae\x89\x89\x89\xd4\xfaS\xca\x13T\x00\xca\x1e.\x07\xf4\xb6m\xdbf\xce\x9cy\xed\xda5\x00\x90\xcb\x15q\xbd\xfa\xbe\xd8gP\x9b\x8e\xdd\xe4r\xcen\x17lV\xab$\x8a\x80\x90\xcb_\xf1\x97\xe1\xf0\x93xP\x12\x18\x8aX\x96U\xaa\xbcx\x1e\xe5\xe7\xe9\x0e\xec\xdd\xbdw\xfb\xe6\x93G\x0f\x923;w\xee\xbcx\xf1\xe2\xe8\xe8h\xf7V\x05\\F3++k\xfe\xfc\xf9\xabW\xaf&amp;r\x15\x15\x15\xb5p\xe1\xc2\x1e=z`\x8c\xeb\xd5\xabw\xe3\xc6\r\x95\x97\xf7\xb7\xbb\x8fD4nb2\x18Y\xf7\xf3-\xe3\xa2\xac\xfa&gt;n\x02K,\xcb\n\x82sP\x8f\xd8\x1bW/3\x0c{\xf9rjxx8\r\xff\xa7\x94\'\xa8\x00\x941\x881\x15\x04a\xf2\xe4\xc9\xcb\x96-#\x07[\xb7\xef\xf2\xf6\x94Y\xad\xda\xb5u8\xb0\xd9h\x94$\t1\x8c\x1bv\x8a\xac\x10\xc8d2o\x1f/I\xc2?n\xdb\xb8j\xd9\xa2\x1bW/\x03\x80Z\xad^\xb2d\xc9\xa8Q\xa3\n\xe5\x0er\xb9\xfb\x9dN\xe7\xc6\x8d\x1bg\xcf\x9e\x9d\x91\x91\x01\x00U\xaaT\x99&gt;}\xfa\x981cx\x9e\x17\x04\x81e\xd93g\xce\xc4\xc6\xc6\n\x82\x10V/\xe2\xfb\xc4\x93,\'\x13\x9c\xc5\x99\xca\xad\xb0\x88\x82\xe0\x17\xa0\x19?r\xe8O?l\x04\x80\x84\x84\x84\xf1\xe3\xc7\xd3\xe1?\xa5\x9cA\x05\xa0,A\x0c\xd0\xc3\x87\x0f\xfb\xf5\xebw\xf2\xe4I\x00\x08\xaa\\u\xf2\xacE\xbd\x06\x0c\x11El2\x1a\x18\x84\xdc\x0c\xa3\xfc/\xb0(\x8a\x081\xbej_\xb3\xc9\xfc\xf5\xb2\x05k\x96/q8\xec\x000f\xcc\x98\x15+V\x90X\xa3\x7f\xb7\xce\x05}&gt;\x07\x0f\x1e\x9c5k\xd6\xe9\xd3\xa7\x01@\xa1P\x8c\x1e=\xfa\x83\x0f&gt;\x08\n\nr\xbd#\xf2\xffe\xcb\x96M\x980\x01\x00^\xec38\xe1\x9bM&amp;\x83\x11c\\\x94\xcd\x01n#\x08BP%\xcd\xaa\xcf&gt;\x9b\xff\xfex\x00\xe8\xdb\xb7\xef\x0f?\xfc@\xad?\xa5\xfcA\x05\xa0\xcc \x08\x02\xc7qIII\xbd{\xf7~\xf0\xe0\x01\x00\xb4n\xdfe\xfe\xe7\xdf\x84\xd4\xac\xa1\xcb\xd3\x03\x02\x86)f\xf3$\x8a\x02\xcbrZ?\xef\x13G\x8e\xbe\xff\xee\x1b\x19\xb7\xd2\x00\xa0M\x9b6{\xf6\xec\xd1j\xb5\xff\xa2\x01\xa4\xab\x00\x90\x9a\x9a\xba`\xc1\x82\xcd\x9b7\x93\xe3\xdd\xbau\x9b;wn\x8b\x16-\xe0\xa9\x18Sr\xc9\xb0a\xc36l\xd8\x00\x00/\x0f\x1a\xb6h\xe5Z\xb3\xc9\\\xf2\x01\x97\x82 \x04\x06i\xd6\xae\\9w\xea\xdb\x00\x10\x19\x19\xf9\xdbo\xbf\xa9\xd5j\x1a\xf9C)\x7fP\x01(\x1b\x90\xe1gRRR\\\\\\^^\x1e\x00\xbc9\xf1\x83w\xa7\xcd\x11%\xd1j\xb1&lt;\xbf\xf2\x84\x18cQ\x10\xd4Zmn\xf6\xa3\x99\x93\xe2\x0f\xee\xdd\t\x00111\x89\x89\x89\x7f\xab\x01.\xb3\x9e\x95\x95\xb5b\xc5\x8a\xa5K\x97Z,\x16\x00\x88\x8a\x8a\x9a&gt;}\xfa\xc0\x81\x03\xe1\x1f\xb6\x17\x10\xcf\x92\xcdf\xeb\xd0\xa1CRR\x12&lt;\xd1\x00\x8b\xd9B|D\xcf\xe9\r\xfe\xa5\x0f\x92$\x05\x04\xa9\xd7\xaexl\xfd\xfd\xfc\xfc\x8e\x1e=\x1a\x19\x19I\x87\xff\x94r\t\x15\x802\x00\xb1\xb3\x05\xad\xff\xccE+\xdex\'&gt;+\xd3\x00%\x92\x93@\x14\x04^\xa1P\xa9\x14\x93\xdf\x1a\xbek\xcbz\x00\x88\x89\x89\xd9\xb7o\x9fV\xabu\x8d\x8b]\x9b\xd1\x00`\xdd\xbau\xb3f\xcd\xba{\xf7.\x00T\xa9Re\xec\xd8\xb1S\xa6L\xe1y\xde\xb5$\xf0/o3??\xbf{\xf7\xee.\r\x98\x97\xf0\x15B\x8c\xd9l~\xde5xEQ\x94\xc9d\xde\xbe\xaau+\x97\xcf\x9b\xfe\x0e\x00\xf8\xf9\xf9\xed\xdf\xbf?&amp;&amp;\x86Z\x7fJy\x85\n\x80\xa7CR\xfadggGFFfee\x01\xc0\xccE+F\xc4\xc7gg\xe6\xb3\x1cWbN\tI\x92\x18\x84\xbc|\xbc\xa7\xc6\x8f \x1a\xd0\xa5K\x97\x83\x07\x0f\x92\xe1\xbc\xcb\xdd\x7f\xf8\xf0\xe1E\x8b\x16\x1d&lt;x\x10\x00\x14\n\xc5\xe0\xc1\x83\xe7\xce\x9d\x1b\x1c\x1c\x0c\xcf\x16E\xfa\xb4\x064j\xd6r\xe1\xf25u#\x1a\xe4\xe5\xea\x11B\xcfC\xed\xc8,\xc7W\xa31\x1at\x1f\xbf?q\xe7\x96\xf5\x00\xa0\xd5j\x13\x13\x13cbb\\\xee,\n\xa5\xfcA\x03\xda&lt;\x1a\xe2\x18\x91$\xa9w\xef\xdeYYY\x0c\xc3\xcc\\\xb4|D||v\x96\x8e\x93\xc9J\xd2%M\xd2\xb7\x99M\xe6E+\xd7\xbe&lt;h\x18\x00\x1c:th\xc2\x84\t,\xcb\x92\xed\xb2\xd7\xaf_\x1f9rd\xb7n\xdd\x88\xf5\xef\xd2\xa5\xcb\xd1\xa3G\xd7\xacY\x13\x1c\x1c,\x08\x82kr\xf0?\xef"I\x121\xbe\xfd\xfb\xf7\x07\x80\x8b\xe7~\x1f\xd4\xb3\xdd\x8e\xcd\x1b\xd5\x1a\xb5R\xe5E\x9a*\xae7ER\xa2r\x9c, H{!\xe9\xf4\xd0\x97:\x11\xeb\xdf\xa4I\x93\xc3\x87\x0fS\xebO)\xf7\xd0\x19\x80GCF\xcd\x13&amp;L \x11\x9fc\xc6O\x9f\xb1\xf0\xe3\x87\xf7\xf3K\xab"9\x96$\xc40^\xde\xdeC\xff\xd3\xe9\xcc\x89_\x01`\xe7\xce\x9d\xdd\xbau[\xbcx\xf1\xca\x95+sss\x01\xa0~\xfd\xfa\x93\'Ov\xed\x1dsc\xdf\x80kia\xf6\xec\xd9s\xe6\xcc!\x07{\xf6\xee\xff\xe6\xc4\xe9\x11\x8d\x1a[-\x0e\x9b\xcd\x8a\x8a\xb6\xe8-I\x12\xc6\x92L\xc6{\xfb\xaa\x1e\xdc\xbd\xbf\xf1\x9b\x15\xebV~\xeap8\x00\xa0\x7f\xff\xfe_}\xf5\x95V\xab\xa5\x9e\x1fJ\xb9\x87\n\x80\xe7B\x0c\xd0\xce\x9d;I\xde\xfc\x16m;\xae\xdfu\xd0b63\x08A\xe9\x85\xa3H\x92$\x97\xf39Y\x99}\xba4\xcf\xcd\xce\n\x08\x08\xf0\xf3\xf3\xbb~\xfd:\x00\xf8\xfb\xfb\x8f\x1b7n\xfc\xf8\xf1j\xb5\xfa\xdf\xdd\xfd\xff\x13\xd7n\x83\xc4\xc4\xc4\x91#G\xde\xbf\x7f\x1f\x00\xe4r\xc5\xb0\xb1\xe3\x07\xbc6\xa6z\x8d\x9</t>
        </is>
      </c>
    </row>
    <row r="210">
      <c r="A210" s="1" t="n">
        <v>208</v>
      </c>
      <c r="B210" t="inlineStr">
        <is>
          <t>polygon_sides_number</t>
        </is>
      </c>
      <c r="C210" t="inlineStr">
        <is>
          <t>What is the missing number of the part denoted with a question mark?</t>
        </is>
      </c>
      <c r="D210" t="inlineStr">
        <is>
          <t>[9, 4, 8, 7]</t>
        </is>
      </c>
      <c r="E210" t="inlineStr">
        <is>
          <t>8</t>
        </is>
      </c>
      <c r="F210" t="inlineStr">
        <is>
          <t>There are 6 numbered polygons arranged in a triangle with number ['?'] in the top row, [6, 3] in the middle row, and [7, 4, 5] in the bottom row.</t>
        </is>
      </c>
      <c r="G210" t="inlineStr">
        <is>
          <t>We observe that the polygon with 6 sides has the number 6, the polygon with 7 sides has the number 7, the polygon with 4 sides has the number 4, the polygon with 5 sides has the number 5, and the polygon with 3 sides has the number 3. Thus, the pattern is that the number inside the polygon represents the number of sides the polygon has.</t>
        </is>
      </c>
      <c r="H210" t="inlineStr">
        <is>
          <t>Based on the pattern that the number inside the polygon represents the number of sides of the polygon, the missing number of the polygon with 8 sides should be 8.</t>
        </is>
      </c>
      <c r="I210" t="inlineStr">
        <is>
          <t>b'\x89PNG\r\n\x1a\n\x00\x00\x00\rIHDR\x00\x00\x02\x00\x00\x00\x02\x00\x08\x02\x00\x00\x00{\x1aC\xad\x00\x00\x90\'IDATx\x9c\xed\xddwx\x14U\xd7\x00\xf0{\xef\xcc\xecn\xb6\xa6\xd3\x14\x04\xa4\x07\xa4I/\xa1\x17E@\xe9U@\x84\x0f\x11A\xec\xa8\x80\x08b\x01\x91\xe2+\xd2\xa5I\x07\x05\xa57\xa5\x13\x90\x0eBhRS6e\xb3uf\xee\xfd\xfe\xb8\xb0F\x8aR\x92\xad\xe7\xf7\xf8\xbc\xcfK\xb2\xc0\x90\x999\xe7\xd6s1c\x0c\x01\x00\x00\x08?\xc4\xdf\x17\x00\x00\x00\xc0? \x01\x00\x00@\x98\x82\x04\x00\x00\x00a\n\x12\x00\x00\x00\x84)H\x00\x00\x00\x10\xa6 \x01\x00\x00@\x98\x82\x04\x00\x00\x00a\n\x12\x00\x00\x00\x84)H\x00\x00\x00\x10\xa6 \x01\x00\x00@\x98\x82\x04\x00\x00\x00a\n\x12\x00\x00\x00\x84)H\x00\x00\x00\x10\xa6 \x01\x00\x00@\x98\x82\x04\x00\x00\x00a\n\x12\x00\x00\x00\x84)H\x00\x00\x00\x10\xa6 \x01\x00\x00@\x98\x12\xfd}\x01\x00\xf8\x01c\x8cR\x8a\x10"\x84\xa8\xaa*\x08\x02\xc6\xd8\xdf\x17\x05\x80\xafa8\x13\x18\x84\x15\xc6\x98\xaa\xaa\xa2xg\xd3GUU\x8c1!\xd0\'\x06a\x04\x1ew\x10.(\xa5&lt;\xca\x8b\xa2\xa8\xaa\xea\xa6M\x9b\xbav\xed\xda\xacY\xb3\xf9\xf3\xe7ggg\x0b\x82@\x08\xe1\x9f\x81V\x11\x08\x13\xd0\x03\x00!\x8e\x8f\xf6\x10B\xf8 \xcf\xcd\x9b7\xe7\xcf\x9f?\x7f\xfe\x82\xa3G\x8fx?\xf3\xe4\x93O\xf6\xeb\xd7\xafs\xe7\xcee\xcb\x96\xe5_Q\x14\x05\xc6\x85@\xc8\x83\x04\x00B\x16\xa5\x94R\xea\x1d\xed\xd9\xbd{\xf7\xdc\xb9s\x7f\xfe\xf9\xe7\x1b7n\xdc\xf3\xf3:\x9d\xaeE\x8b\x16}\xfb\xf6m\xd9\xb2\xa5F\xa3A\x08\xa9\xaa\x8a\x10\x12\x04\xc1g\xd7\x0c\x80/A\x02\x00\xa1\xe6\x8e&amp;\xbf\xcdf[\xbe|\xf9\xcc\x993w\xef\xde\xed\xfd\x8c$I\xb5j\xd4\xeb\xf0b\xb7\xe8\xa8\x98\x95k\x96\xfc\xb2~\x8d\xdb\xed\xf2~7!!\xa1w\xef\xde]\xbaty\xe2\x89\'\xee\xfe\x03\x01\x08\x19\x90\x00@\xe8\xa0\x942\xc6\xbc\r\xf6\xa3G\x8f\xce\x9f?\x7f\xc9\x92%\x7f\xfd\xf5\x97\xf73qq\xf1M\x1b\xb5\xea\xd9\xad_\x85\xf2\xcfH\x92DUJ\x04r\xf2\xd4\xb1\xb5\xbf\xae\xfay\xdd\xca\xe4\xf3\x7fz?i6[:tx\xe9\x95W^\xa9]\xbb6\xff\x8a\xa2(\x84\x10\x98(\x06!\x03\x12\x00\x08z\xde5\x9d&lt;\xf4\xbb\xdd\xee\r\x1b6L\x9d:u\xfb\xb6\xed\xb2"{?V\xadJ\x8d\x97\xdaum\xd6\xa4\xf5\x93O\x14s\xbb]\x0e\xa7\x831\x861b\x0c\xe9\xf5z\x9d.\xc2jM\xdf\xb5g\xc7\x0f\x0bg\xec\xd9\xf7\x9b\xa2(\xde\xdfX\xa7N\x9d\x97_~\xf9\x85\x17^(P\xa0\x00\x82\x0e\x01\x08!\x90\x00@\x10\xbbcM\xe7\xe9\xd3\xa7\x97,Y\xb2d\xc9\x92S\xa7Ny?c2\x99\x9b6j\xf5b\xbb\xce\r\xea6\xd6h\xb4\x0e\xa7\xdd\xedva\xfc\x8f\x86&lt;\xa5\x941*\x8a\x92\xd1`R\x14\xf9\xd8\x89?\xd6\xfc\xbc|\xd5OKR\xd3R\xbc\x9f)P\xa0`\xcf\x9e=z\xf6\xecY\xa9R%\xfe\x15UU!\r\x80\xa0\x06\t\x00\x04\xa5\xdc\xa3=\xaa\xaan\xdd\xbau\xc1\x82\x05K\x97.u\xb9\xfe\x1e\xca/]\xaa\\\x87\xf6][\xb7lW\xe2\xa9\xa7)\xa3\xb6\x9clF\xd9\xbf\x86l\xa6\xaa\x14c\xac\x8f\xd0\xeb"\xf4\x97/_\xd8\xb4\xe5\x97\x15\xab\x17\'\x1d\xde\xef\xfd\x84$I\x89\x89\x89\x83\x07\x0fn\xd1\xa2\x85V\xabE\xb7\'\x8a!\x13\x80`\x04\t\x00\x04\x93\x07Y\xd3\xa9\xd3\xea\xea\xd7k\xd4\xa1}\xf7\x06\xf5\x1aGG\xc7\xda\xed6\x97\xcb\x850\x12\xc8\x83.\xe6\xe1\xcb\x87t:\x9d^op9\x9d\x87\xfe8\xf0\xe3\xb2y\xeb7\xad\xb5\xd9\xb2\xbd\x9f)[\xb6l\x97.]\xfa\xf5\xeb\xc7\'\x8a\x11t\x08@\x10\x82\x04\x00\x82\xc3\x83\xac\xe9,T\xa8H\xa7\x17\xbb\xbf\xf0\xdcKe\xcb$ \x8c\xec\xf6\x1cY\x96\x1fy9?c\x8cR\x95\x10\xc1`0\nD8\x7f\xf1\xdc/\xebW/_\xb5\xf8\xcf\xb3\x7f\x8f/Y,\x96\xb6m\xdb\xf6\xe8\xd1\xa3q\xe3\xc6\xde\xee\x08\xec(\x06\xc1\x02\x12\x00\x08h\x0f\xbe\xa6\xb3\xfd\x0b\x9d\x9b4j\x19\x1f_\xc0\xedv;\x1cv\x94w\xc32\x94\xaa\x8c!\x9dNg0\x98\xac\xd6\xb4\x9d\xbfo]\xbej\xe1o\xbb\xb6\xe5\x1en\xaaT\xa9\xd2\xe0\xc1\x83a\xa2\x18\x04\x17H\x00 @=\xec\x9aN\x8dF\x93\x93c\x93e\xcf\x1d\x13\xbcy\x85O8K\x92d0\x18\x11C\xa7\xcf\x1c\xffi\xdd\x8ae+\x17^\xbb~\xd5\xfb\x99\x82\x05\x0b\xb6i\xd3f\xf0\xe0\xc1\xb9\'\x8a\xa1C\x00\x02\x16$\x00\x10X\x1ecM\'%$\xdf\x8b7x/O\xaf7h\xb5\xda\x94\x94\x9b[\xb6\xad_\xb9\xe6\xc7\xdfwo\xf7~\x86O\x14\xf7\xec\xd9\xb3m\xdb\xb6f\xb3\x19\xddNf\xd0!\x00\x81\x06\x12\x00\x08\x14y\xb5\xa6\xd37\xf8\xcaQI\xd2\x18\x8df\xb7\xdbu0i\xef\x8a\xd5\x8b7o\xfd5\xf7\xcaQ(1\x04\x02\x1c$\x00\xe0\x7f\xf9\xb3\xa6\xd3\x17\xf8D1&amp;\xc4\xa87J\x1a\xcd\xa5K\x17\xd6\xac]\xb6\xea\xa7\xa5\xa7N\x1f\xf7~&amp;""\xa2y\xf3\xe6\xaf\xbd\xf6Z\xee\x89b\x04%\x86@\x00\x80\x04\x00\xfc\x89R\x8a1\xce\xd75\x9d\xbe\xc1;\x04Z\xad\xce`0\xda\xb2\xb3\xf7\x1e\xf8}\xd5\x9a%\xbf\xac_\xe3r\xffc\xa2\xb8g\xcf\x9e\xb9K\x0c\xf1q!\xff]5\x08w\x90\x00\x80\xdf0\xc6x\xe8\xf7\xc1\x9aN\xdf`\x8c\xa9T\x15\x05\xd1`0\x12r\xab\xc4\xd0\xdau+\xcf\xfd\xa3\xc4\x90\xb9C\x87\x0e\xfd\xfa\xf5\xabS\xa7\x0e\xca\xf5C\x00\xc0\xf7 \x01\x00\xff\xe0m\xff\xcd\x9b7\x8f\x1c9r\xcf\x9e=\xde\xaf\xe7\xf7\x9aN\xdfP\xa9\x8an\x97\x18\xca\xc8\xb0\xfe\xba\xe1\xa7U?-\xd9\xbb\xffwY\xfe{\x1e\xbbv\xed\xda\x9f|\xf2I\xd3\xa6M\xf9\x82Q?^-\x08[\x90\x00\x80\x7f\xf0)\xdf\xf2\xe5\xcb\x9f={\x96\x1f\xc5\xe5\xcb5\x9d\xbe\xe1-1d2\x99e\x8f\xe7\xee\x12C%K\x96&lt;v\xec\x98N\xa7C\x08\x05Qz\x03!\x03\x12\x00\xf0\x03~\x0e\xfb\x96-[\x9a7oN\x08\xd1\xeb\r\xef\r\x1f\xe5\xfb5\x9d&gt;\xa3\xaa\n\xc6\x84\x97\x18\xbat\xf9\xfc\x96\xad\xeb\'|36+;S\x96\xe5\x9f\x7f\xfe\xf9\xb9\xe7\x9e\xa3\x94\xc2\x9c0\xf0\xbd`m[\x81\x100q\xe2DJ\xa9\xa2(\xbd{\xbc\xfa\xc6\xe0\xa1\x16K\xa45#\xcd\xe1t\x10B\x04A\x0c\x99\xe8\x8f\x10\x12\x04\x91\x10\xe2p:\xd2\xd2R,\xe6\xa87\x06\xbf\xd1\xef\xe5\xd7dY\xc6\x18O\x9f&gt;\xdd;\r\x0e\x80\x8fA\x0f\x00\xf8\x1a\x1f\xf2NNN\xaeX\xb1\x92\xd3\xe9\xd0\xeb\r\x9b\xd7\xed\x8b\x8f/\xe0\xf1x\xc2\xa1\x15\xacRU#jn\xdc\xbc\xde\xec\xf9ZN\xa7#"""))\xa9\\\xb9r0\x13\x00|\x0f\x1e8\xe0k|\'\xed\x82\x05\x0b\x9cN\x07B\xa8qb\xf3\xa7\x9e*\x11&amp;\xd1\x1f!$\x10\xc1#{J\x14\x7f\xbaU\xf36\x08!\xa7\xd39s\xe6Lt\xfb\xc7\x02\x80/A\x02\x00&gt;\xc57|\xb9\\\xae\xf9\xf3\xe7\xf3\xa1\x8f\x8e/vg4\xec\xba\xa1\x94\xd2n\x9d\xfb\xf0\xa5M\x8b\x17/\xb6\xdb\xed\x82 @w\x1c\xf8\x18$\x00\xe0S\xbc8\xda\xaaU\xab\x92\x93\x93\x11B%K\x94\xaaS\xabA\x8e\xdd\x16&amp;\xcd\x7fN\x10\x84\x1c\xbb\xadZ\xd5\x1a\x15\xcaWb\x8c]\xbf~}\xf9\xf2\xe5\x18c\xe8\x04\x00\x1f\x83\x04\x00|\x8a\x10\xc2\x18\x9b1c\x06\xc6\x981\xd6\xbb\xc7\x00\x93\xd1\x9c\xfb\x00\xde0\xa1\xaa\xaaN\x17\xd1\xads\x1f\xfe\xcb\xa9S\xa7\xf2\x8d\x11\xfe\xbd*\x10n`\x12\x18\xf8\x0e\x8fq\'O\x9e\xac\\\xb9\xb2\xa2(QQ\xd1\x1b~\xda\x1d\x13\x13\xcb\xd7\xc3\xf8\xfb\xea|\x8a1&amp;\n\xa2\xc3\xe9h\xda\xbaFjj\n&amp;d\xdf\xbe\xbd\xd5\xabW\xe7\x0bd\xfd}u \\@\x0f\x00\xf8\x0eO\x00s\xe6\xcc\xe1M\xfe\xe6\x8d[\x17-\xfa\x94\xcb\xe5\n\xb7\xe8\x8f\x10\xc2\x18\xbb=\xee\x02\xf1\x05\x9ek\xd5\x9e!F\xa9:m\xda4\x7f_\x14\x08;\x90\x00\x80\x8f\xf0\xe9\xdf\xb4\xb4\xb4\xf9\xf3\xe7\xf3\xaf\xbc\xf4b\xf70l\xfb{\x11B\\nW\xc7\x17\xbb\xf3\x9d\xc0\xcb\x96-\xbb~\xfd:L\x05\x03_\x82\x04\x00|\xc4;\xfd\x9b\x92\x92\x82\x10\xaa\xf9l\xdd\x9a\xd5k\xe7\xe4\x84\xd7\xf4on\x84\x10\xbb\xdd^\xe5\x99j\xb5k\xd6\xc7\x18\xdb\xed\xf6\xc5\x8b\x17\xa3\xdb\xc5\xa2\x01\xf0\x01H\x00\xc0Gx\xc1\x9f\x993g\xf2&amp;\x7f\xa7\x97zh\xb5:X\xf7\xc2\x18\xea\xf4RO\xde\xea\x9f9s\xa6\xd3\xe9\x84N\x00\xf0\x19H\x00\xc0\x17TU%\x84\x1c:t\xe8\xe0\xc1\x83\x8c\xb1\xf8\xb8\x02M\x1b\xb7\xb4\xe5d\x87m\xf3\x9f#\x84\xe4\xd8m\x89\r\x9a\x96,Q\n!t\xea\xd4\xa9-[\xb6 \xd8\x14\x06|\x05\x12\x00\xf0\x9di\xd3\xa6\xf1\xd0\xf6\\\xab\xf6\x05\x0b\x14\xf6x&lt;a;\x01\xc0a\x8ceY\x8e\x89\x8e\xed\xf8bw\xfeK(\r\x04|\t\x12\x00\xc8w|\xfa\xf7\xfa\xf5\xeb\xcb\x96-C\x08\xe9t\xba\x8e/vw\xb9\x9dP\xfa\x06\xdd\xde\x14\xf6|\xab\xf6\x11\x11z\xc6\xd8\x96-[N\x9d:\xc5\x87\xcb\xfc}i \xf4\xc1\x1b\x08\xf2\x1d\x9f\xd5\xe4\x05\x0f\x10\xc2\xb5k\xd6\xaf\xf2L5\xbb\xdd\x0e\t\x00!\x841v\xb9\\%\x8a\x97\x82\xd2@\xc0\xf7\xe0\r\x04\xf9N\x10\x04EQf\xcf\x9e\x8d\x10B\x88u\xea\xd0\x13\xe68\xef\x00\xa5\x81\x80_@\x02\x00\xf9\x8b\xaf\xfe\xdc\xb1c\xc7\x89\x13\'\x11BE\x9f,\xd6\xb0^\x93\x1c\xbb\r\x9a\xff^P\x1a\x08\xf8\x0b\xbc\x84\xc0\x17&amp;N\x9c\x88\x10C\x08\xb5k\xd3)&amp;:\x1ck?\xfc;(\r\x04\xfc\x02j\x01\x81|t\xaf\xb3_\xf6\x16,X\xc4\xe3qCt\xcb\x8d\x97\x06r:\x1d\x8dZVOOO\x83\xd2@\xc07\xa0\x07\x00\xf2\xd1\xbd\xce~)\xe9r9!\xfa\xdf\x81\x97\x06\x8a\x8b+\xd0\xb9c/(\r\x04|\x06\x12\x00\xc8/p\xf6\xcbC\xe1\xa5\x81\xda\xbf\xd0I\xa7\x8b@\x08-[\xb6\xec\xe6\xcd\x9b0\x15\x0c\xf2\x15$\x00\x90_\x02\xed\xec\x17\xc6\x98JUUUTU\xa5\x94\xb2[(\xbd\xfdE\xff\x86ZB\x88\xc3a/W6\xa1V\x8d\xba\x08!\xbb\xdd&gt;}\xfat\x04\xebAA~\x82\x04\x00\xf2K\xe0\x9c\xfd\xa2\xaa\xaa\xaa\xaa\xa2(\x9aM\x96\xe8\xe8\xd8\xc8\xc8(\xa3\xd1\xa4\xd5j%I\xd2\xe9\xf4&amp;\x93%::\xd6b\x89\x14\x04AUU&gt;Y\xed/\xfc\x07\x850B\x08\xcd\x9b7\xcf\xe9t\xf2\x1f\xa3\x1f/\t\x840\x98\x04\x06\xf9"@\xce~\xe1\xb3\xd0F\x83\x11cr\xfd\xe6\xd5\xe3\'\x8e\x1c;\xf1\xc7\x85\x0b\xc97n^s8\xec\xaa\xaaJ\x1aMtTt\x89\xe2\xa5\xabW\xadY\xf3\xd9:qq\x05\xb2\xb3\xb3\xf8\xef\xf2\xd9E\xde\x81\x10\xd2\xba]\xfds\xc9\x7f2\xc6\xd6\xad[\xd7\xbauk\x98\n\x06\xf9D\xf4\xf7\x05\x80\xd0D)\x15E\xf1\x8e\xb3_\xd2\xd3\xd3D\xd1w\x8f\x1c\xa5\xd4h4\xb9\\\xce\r\x9b\xd7\xfd\xb4v\xf9\xee\xbd;SRo\xde\xe7\xb3\xbfNG\xe8\x89"E{\xf7\xe8\xdf\xa7\xd7@Q\x94&lt;\x1e\xb7_r\x80\xa2(\xb1\xb1q/\xb6\xed\xf2\xf9\x84\xd1\x18\xe3\x89\x13\'\xb6j\xd5\n\xe6\xccA&gt;\x81\x1e\x00\xc8{\xfc\xa1JOO\xafP\xa1\x02\xaf\xfe\xbft\xe1\xaf\xb5k\xd6\xb3\xd9|W\xfe\x93R\xaa\x8f\xd0o\xdd\xb1q\xe27\xe3\x8e\x9d\xf8\x83\x7f\x91\x10"\n"\xc6\x98\xdd\xbaF\xc6c+\xa5\x8cR\x95\x8f\xb6\xd7\xa9\xdd`\xda\xa4\xb9\x16\xb3\xc5\xed\xf6C\x0e`\x8cI\x92\x94\x9a\x96\xd2\xaam\xbd\x8c\x0c\xab(\x8a\x7f\xfc\xf1G\xf9\xf2\xe5\x19c\xb0u\x0e\xe49x\xa4@\xde\x0b\x84\xb3_\x18c\x92Fc\xb5\xa6\x1f;\xf1\x87(\x8a\x92$\x89\xa2D)\xf5\xc8\x1e\xb7\xc7\xed\xf1xd\xd9#\xcb\xb2\xc7\xe3\xf1x&lt;\x8a"#\x841\xc6\x92(\xed\xde\xb3\xb3\xff\xffuU\x14\xc5/+pxi\xa0\xe2\xc5J4o\xdc\x1a!\xa4(\xca\x9c9s`W0\xc8\'\xd0\x03\x00y\x8fG\xab\xda\xb5k\x1f8p\x8016a\xfc\xff\xbaw\xe9\x93n\xf5\xe9\xf8\x0fB\x08!\xa6\xd1h\x9f\x7f1\xf1\xd4\xa9\xe3\x94Q\x84\x90(\x8a\t\xe5\x9fI\xa8P\xf9\xc9\'\x8a\x9aM\x16\x84qF\xa6\xf5\xd4\xa9c\xdb\x7f\xdbl\xb3e\xf3\x1a\x9c\x92$\xc9\xb2\xfc\xc6\xe0w\xdf\x7fk\xb45#M\x10|=L\xaa\xaa\xaa\xc9d\xde\xb3\xef\xf7N\xdd[!\x84\xe2\xe3\xe3O\x9c8\x11\x13\x13\x83\x10\x82\xb1 \x90\xb7 \x01\x80&lt;\xc6g,\x0f\x1e&lt;X\xb3fMJi|\\\x81M\xeb\xf6\xea\xf5\x06\xde-\xf0\xed\x95(QQ1?,\x98\xf1\xee\x87C\xca\x94.\xdf\xaeM\xc7\xa6\x8d[\x95,QZ\x1f\xa1G\x181\xc6\x10C\x18c\xca\xe8\xa5\xcb\x17F\x8eyg\xe3\xe6u\xb7\x97\xdc\xe0\xa8\xa8\xa8M\xeb\xf6Y\xcc\x16EQ|\x1fv\xf9\xf8U\xa7\x1e\xcf\xed;\xb0\x0b!\xf4\xfd\xf7\xdf\xf7\xef\xdf_Q\x14\x9fgP\x10\xe2`\x08\x08\xe4\x8b@8\xfbE\x10\x04\xbb=\xa7Y\x93\xd6\xd3\xa7\xce_\xbdt\xf3\x9bC&gt;(U\xb2\x8c\xc7\xe3\xb6f\xa4Y\xadi\x19\x19\xd6\x8cL\xab5#-#\xc3Z\xa8`\xe1\xef\xa7.\xa8Z\xf9YJ)\xc6\x04cd\xb5\xa6\x1fL\xda\xa3\x8f\xd0\xfbe\xec\x85R\xaa\xd5\xea:\xbd\xd4\x03!\x841\xe6\x05\xa2a\x0e\x00\xe49x\xa4@^\n\xb0\xb3_\xb0\xa2(F\xa3\xf9\xf9V/\n\x82\x90fMu\xba\x9c\x18cA\x10\x05A\x14n\x11EQ\xcc\xc9\xb1iu\xba~/\x0f\xe2\xbf\x8d\x97e&gt;}\xe6\xa4 \x88\xcc\x1f\xdb\x02\x04A\xb0\xe5d7m\xdc*6&amp;\x8e1v\xf0\xe0\xc1\xed\xdb\xb7\x13B\xe0\xbcx\x90\xb7 \x01\x80\xbc\x14hg\xbf`\x8c)U\xb3\xb23)\xa5\xa2 \xde\xef2\x04At\xbb]%K\x96\x16\x04\x81R\x15!\xc4\x18\xb3f\xa43\xc60\xf2\xc3\xb0;\xc6\xd8\xe3\xf1\x14\x88/\xd8\xb9c/\x84\x10\xa5\xf4\xfb\xef\xbf\xf7\xfde\x80\x90\x07\t\x00\xe4\xa5\x00&lt;\xfb\x05c,\x08\xc2\x7f\x0f@1$\x10\x01\xe3\xbf\xdf\x08\xff\xce\xb7\xdeQ\x1a\xe8\xe7\x9f\x7f\x86\xd2@ \xcfA\x02\x00y&amp;\xa8\xcf~\x11D!\xdd\x9a\xa6(2\xcf\x01\x18\xe3\xa8\xa8\x18\xbec\xc0/\xd7sGi\xa0\x9c\x9c\x1c(\r\x04\xf2\\\x10\xbc\x99 \xb8\x04\xe3\xd9/\xaa\xaa\xea\xb4\x11\xdbwlD\x08\t\x84\xf0RqeJ\x97WU\xc5/C@^P\x1a\x08\xe4+H\x00 oPJ\x05AHNN\xde\xb6m;BH\xaf7t\xe9\xd8\xcb\xee\xb0\x07~\x11\x1bEQ,\x96\xc8#\xc7\x0e-\xfcq._\x15\xca\x18\x8b\x8e\x8e\xadQ\xbd\xb6\xc3\xe9\xf0c\xf7\x85\xafb\xaaW\xa7a\xa9\x92e0\xc6\xe7\xcf\x9f\xdf\xb6m\x1bl\n\x03y\x08\x12\x00\xc8\x1bAz\xf6\x8b\xa2(&amp;\xa3)5\xf5\xe6kC\xfb\xd8r\xb21\xc6\xbc\x89\xdd\xbb\xfb+\x85\x0b=\xe1\xf7\x93\xcb\x14E1\x9b-/\xb6\xed\xc2\x18\xe3\xa5\x81\xf8\xff\xf1\xe3%\x81P\x02\t\x00\xe4\x81 =\xfbEQ\xe4\xc8\xc8\xa8\xcbW.u\xed\xfd\xc2\x99?O\x12B\x08&amp;\x8a\xa2TJ\xa82\xf0\xd5a\xd9\xb6,B\xfc\xdc}\x11\x04!\'\xc7\xd6\xbem\xe7\xa8\xa8h\xc6\xd8\x8e\x1d;N\x9e&lt;\t\x9d\x00\x90W \x01\x80&lt;\xc0\xa7\x7fW\xaf^\x9d\x9c\x9c\xcc\x18+Q\xbc\xa4\x7f\xcf~y\x10\xaa\xaa\xc4\xc4\xc4\xed\xdb\xbf\xabC\xb7\x96g\xfe&lt;)\x08\x02\xc1DQ\x95\xa7\x8a\x96\x98&gt;u\x81F\xd2\xf8~\xeb\xf2\xddn\x97\x06*\xd9\xb4Q+\x84\x90\xa2(s\xe7\xce\x85\x04\x00\xf2\n$\x00\x90\x07\x08!\x1e\x8fg\xda\xb4i&lt;b\xf6\xef;\xc4h0\xf9\xe5\xec\x97\x07\xa4R5:*v\xf1\xd2y]{\xb5\xb9q\xe3\x9a \x08\x08aEU\xca\x97\xad\xb8\xf8\x87\x9f\n\x17~\xc2\xe9\xd7\xd1\xff\xdc\x08!n\x8f\xbbk\xa7\xde\x92$!\x84\xe6\xcd\x9b\xf7\xd7_\x7f\x89\xa2\x08S\xc1\xe0\xf1\x05\xc4#\x0e\x82\x1a\x1f\x95VU\x95\xd7\xfeD\x08\xc5\xc6\xc4\x07\xf2P\xb5\xaa\xaaQ\x96\xe8\xa9\xdfM\x18\xf6\xf6\x00\xb7\xc7-\x10\x811\xa4\xaaJ\xe3\xc4\x16K\x16\xac-T\xe8\t{\x80\xf5](U\xcd\xe6H~IYYY\xd9\xd9\xd9\xe8v\xcdm\x00\x1e\x07$\x00\xf0\xb8x\xf4\x8f\x88\x88\x188p \x8fJ3\xe7NU\x94\x00]\xfd\xa9\xaajdd\xd4\x82\xc5\xb3?\x1d?B \x02!\x84!F\xa9:\xa0\xdf\x909\xd3\x97\xe8#\x0c\x0e\x87\xdd\xf7\x15@\xff\x05\xa54B\xa7_\xfd\xf3R\x97\xcb\x85\x10\xea\xd0\xa1C\x85\n\x15TU\r\x90\x0e\n\x08jP\r\x14\xe4\x01\xfe\x14\xa5\xa6\xa6V\xa8P!--M\x10\x84\xd5K\xb7T\xaaX\xc5\xe1\xf0[\x11\x88{\xa2\x94F\xe8"\xce_&lt;\xf7\\\xfb\x06.\x97\x9bg(J\xe9\xc8\x11\xe3\x07\r\x18\x96\x91a\r\xc0sWx~m\xd1\xa6\xce\xe5\xbf.b\x8c\xb7l\xd9\xd2\xa8Q#8$\x12\xe4\x89\xc0z\xd6A\x90\xe2\xd3\x92\xf1\xf1\xf1\xed\xdb\xb7G\x08\xa9\xaa\xba\xfa\xa7%\x11\xba\x88@\x9b\xabd\x8ciu\xba\xe93\';\x9dN\x81\x10\x84\x10\xa5t\xd4\x87\x9f\x0f\xfe\xbf\xb7\xd2\xd2SQ\xe0U\xdcT\x14\xc5l\xb2\xac[\xbf\x9aG\xffr\xe5\xca\xd5\xaf_\x9f\xaf\xb9\xf2\xf7\xa5\x81P\x10X\x8f;\x08j\x8c\xb1\xfe\xfd\xfb\xf3\xff\xbf\xfa\xe7e\x17/\x9f\xd7\xe9t\x81\xd3\xc5\xe4\xa7-\xa6\xa4\xdc\xd8\xb6s\x13\xc6\x18aL)}\xa9]\xd7A\x03\x86\xa5\xa6\xdc\xe0GE\xfa\xfb\x1a\xefD\x08q\xbb]\xcbV,\xe4\x9d\xf5a\xc3\x86\x89\xa2\x085AA^\x81\x04\x00\xf2\x06\xafSV\xadZ\xb5\xc4\xc4D\x84P\xba5m\xc3\xc6\xb5\x06\xbd1p\xa2\x15cL\xa3\xd1^\xfe\xebbj\xeaM\x84\x90\xaa*\x92$\xbd\xda\xefu\x87\xc3\x81I\xc0\x85~\x84\x90\xaa\xaaF\xa3i\xdf\xc1=\xfb\x0e\xecB\x88\xc5\xc7\xc7\xb7k\xd7\x0e\x9a\xff \x0fA\x02\x00y\x86RJ\x08y\xf5\xd5W\x11B\x18\xe3e\xab\x16:\x9d\x8e\xc0\x89V\x8c1Q\x14\xd3\xadi\x08!Q\x10\x11BE\x9f,^\xachq\xb7\xdb\xe5\xf7\r_\xf7\xc4\x18\xd3H\xd2\x8a\x95\x0b\xf9/{\xf6\xec\x19\x1b\x1b\x1b\x08\xbb\x13@\xc8\x80\x04\x00\xf2\x0c\xef\x04\xb4i\xd3\xa6P\xa1B\x08\xa1\xe3\'\x8e$\x1d\xdeo4\x98\x02\xa7\x13\x80\x10r:\x9d\x8c1EU\x18cf\xb3E\x17x\x13\x15\x1ccL\xa7\xd3]\xb8t~\xe3\xd6_\x10B\xa2(\xf6\xe9\xd3\'\x00\xe7\xa8AP\x83\x87\t\xe4\x19\xbe^\xc5h4v\xed\xda\x951F)]\xb4dN@\x05,\xc6\x98$i\xccfKtT\x8c\xd9l\x894[\x02\xb61\xcd\xc7\x7fV\xadY\x92\x91a\xc5\x187l\xd8\xb0|\xf9\xf2\x90\x00@\xde\x82e\xa0 /\xf1Q\xa0S\xa7NU\xabV\xcd\xe9tFD\xe87\xad\xddS\xb8\xf0\x13~9\x13\xf8n\x18cY\x96\x1d\x0e;\xc2\x081$\x88\xa2Qo\xf4W\xc5\xff\xffD\x08i\xdd\xae\xfe\xb9\xe4?\x19c\xeb\xd6\xadk\xdd\xba5\xac\xfe\x04y\x0bZ\x13 /\x11B(\xa5\xe5\xca\x95k\xd2\xa4\t\xc6\xd8\xe9t\xac\xfduU\xe0\x8c\x02\xf1\x85@\xd1\xd11Q\x91\xd1QQ1f\x9390\xa3\xbf\xaa\xaa\x06\x83\xf1\xf7\xdd;\xce&amp;\x9fa\x8c\x95(Q\xa2Q\xa3F\xd0\xfc\x07y\x0e\x9e\'\x90\xc7\x18c\x8c\xb1\x01\x03\x06\xf0\xce\xe5\xb2\x95\x0b\xd3\xadi\x92$\x05H_SUU\x97\xcb\xa5(\x8a\xa2x\xdcnw\x80\\\xd5\xdd\x04B\xe6-\x98\xce\xd3S\xef\xde\xbd#""(\xa5\x81\xd0\x8b\x02\xa1\x04\x12\x00\xc8c\xbc\x95\xda\xa4I\x93r\xe5\xca!\x84\x92\xcf\x9f\xdd\xbes\xb3\xd1`\n\x84\xb9V\xc6\x98V\xa3\x8d\x8a\x8a\x16\x04A\x145\xd1Q1\x01x\xca.\xa5\xd4`0\x1c&gt;\x92\xb4w\xff.\x84\x90\xc1`\x180`\x00\n\xbcMj \x04\xc0#\x05\xf2\x98\xb74\xd0+\xaf\xbc\xc2\x7f\xb9t\xc5\xfc@h\xb9\xf2}\x007Sn\xbc\xfd\xfe\xe0v\x9d\x9a\xb6\xef\xd4\xf4\x93\xcf&gt;p\xb9\x9c\x81VY\x93R\xaa\xd3\xea\x96\xad\\\xe8r9\x11B\x1d;v,P\xa0\x00\xac\xfe\x04\xf9\x01&amp;\x81A\xde\xe3\xa5@\xaf_\xbf^\xaaT)\xbb\xdd\xae\xd3\xe9V\xfe\xb8\xa9B\xf9\x8a\x0e\x87\xdfj,3\x860F\x8c\xb1\x0e][\x1c?y\xd4\xfb\xf5\xe6M\x9f\x9b\xf1\xedB\xa7\xc3\x81\x03\xa3}\xcd\x18\x13\x05\xd1\xe1t4m]#55\x05\x13\xb2o\xdf\xde\xea\xd5\xab\xc3\xf4/\xc8\x0f\x01\xf1\xd0\x83\x10\xc3;\x01\x85\n\x15\xea\xd8\xb1#B\xc8\xe5r-[\xb9P\xa7\xf5\xe7\x8a{\xc6\xa8^o8r4\xe9\xf8\xc9\xa3\xa2(\x12B\x04A\x10\x04a\xf3\xd6\xf5\xc9\xe7\xcfj\x03f7\x00\xa5\xd4`0\xae[\xbf:%\xf5&amp;C\xacj\xd5*U\xabV\xe5\xe7-\xfb\xfb\xd2@\x08\x82\x04\x00\xf2\xd1k\xaf\xbd\xc6\x9b\xfc\xeb~]u\xe3\xe65\x8dF\xe3\xaf\x1e\'_B\x93\x91i\xe5\xeb\x94(\xa5\xaa\xaa\xaa\xaa\xca\x18\xcd\xc8\xb0\x06Nx%\x04{&lt;\xeeEK\xe6\xf0_\x0e\x1e&lt;\x98\x9fQ\xec\xdf\xab\x02\xa1\n\x12\x00\xc8\x17\x82 PJ\xabV\xadZ\xbdzu\x8cqJ\xea\xcd\xcd[\xd7\x9b\x8cf\x7f\xad\x07\xc5\x183J#-Q|\xa7\x02?\xfc]\x10\x04\x82\xb1\xc5\x12\x19 \xabTUU5\x19\xcd;~\xdbr\xe2\xe4Q\x8cq\x81\x02\x05:t\xe8\x00\xab?A\xfe\x81\x07\x0b\xe4\x17\x1ej_y\xe5\x15\xde\x80]\xbab\x81\xdb\xed\xf2W,\xc3\x988\x9c\x8eg*U{\xbadiEQ\xf8FeUU\xeb\xd6I|\xbadi\x97\xdb\x19 A\x16\x13\xb2t\xc5\x02J)_Jk0\x18`\xf5\'\xc8?0\t\x0c\xf2\x0b\x7f\xb4\xd2\xd3\xd3+T\xa8\xc0O\x8b\\\xba\xf0\xd7\xda5\xeb\xd9l\xd9~\x19r\xe1\xa7\xc1$_8;\xee\x8b\x8f\xff8\x9a$\nB\xbd:\x8d\xde\x7f{tTT\xb4,\xfb\xff\xfc2\xbeH\xe9\xc6\x8d\xabM\x9f\xab\xe5p\xd8#"\xf4\xc7\x8f\x1f+Q\xa2\x04\xcf\xa3\xfe\xbd6\x10\xaa\x02\xe8\xe8;\x10b0\xc6\x8a\xa2\xc4\xc6\xc6\xf6\xec\xd9s\xc2\x84\t\x08\xa1\x15+\x176\xac\xd7\xc8_m\x0eB\x88\xd3\xe5,Q\xbc\xd4\x9c\xe9KR\xd3S\x08\x11\xe2b\xe3\xddnW D\x7f\xc4w\xff\xea\r?.\xfb\xc1\xe1\xb0#\x84\x1a5J,Q\xa2\x04,\xfe\x01\xf9\nz\x00 \x1f\xf1\xe1\x8b\x93\'OV\xae\\YQ\x94\xa8\xa8\xe8_\xd7\xfc\x1e\x17\x1b\xef\xc7\x98\xcbW\xfbH\x92\x84\x10\x92e\x0f\xc6$\x10\xa2?\xba\x95/\xe5\x96/\xd4\xbd\xfc\xd7%\x84\xf0\xe6\xcd\x9b\x9a4i\x02\t\x00\xe4+\xe8Z\x82|\xc4W\xb0\x94/_\xbea\xc3\x86\x18\xe3\x8c\x0c\xeb\xaa5K\x8cF\x7f\x96\x06"\x84\x10B\x14EQ\x14\x85\x10!@\xa2?\x9f\xfe\xfdm\xd7\xf6\xcb\x7f]\xc2\x18W\xa8P\xbea\xc3\x86p\xf6\x0b\xc8o\x90\x00@\xfe\xe2\x9b\xc2\xde|\xf3M\xfe\x7fV\xae\xf91;;K\x14\xfd&lt;\xf6\x881\x0e\x90\xd0\xcfa\x8ce\xd93w\xfet\xde)\xef\xd3\xa7\x0f\x1c\xfd\x08|\x00\x12\x00\xc8_\xbc\x13\xd0\xa8Q\xa3\x92%K"\x84\xce&amp;\x9f\xd9\xbdw\xa7\xd1\x10@GE\xfa\x1d\xa5T\xaf7\x1c;\xf1\xc7\xfe\x83\xbb\x11b|\xd6\x04\x9a\xff\xc0\x07 \x01\x80\xfc\xe5-\r\xc4\x83\x1abh\xf9\xca\x85\x81y\x04\xa3\xbfPJ\xb5Z\xed\xbc\x05\xdf\xf3\xa4\xd8\xae]\xbb\xf8\xf8xX\xfd\t|\x00&amp;\x81A\xbe\xe3\x0b\x19\x93\x93\x93\x13\x12\x12\\.\x97V\xab]\xbbrg\xa9\xa7\xcb8\x9d~+\r\x148\xf8\x11\x05\xe9\xe9i-^\xa8\x93\x91a\x15E\xf1\xc8\x91#\xe5\xca\x95\x83\xfd_\xc0\x07\xe0\t\x03\xf9\x8e\x10\xa2\xaaj\xc9\x92%_|\xf1E\x84\x90\xdb\xed\xfei\xed\xb2\x88\x80)\xbf\xe3_\xaa\xaa\x1a\xf4\xc6\r\x9b\xd7\xf1\xa3\x1f\xeb\xd7\xaf\x0f\xd1\x1f\xf8\x0c&lt;d\xc0w^y\xe5\x15&gt;\xac\xb1f\xedrkF:_\x8b\x19\xe6DQ\xcc\xc9\xc9\x9e\xb7`:\xc6\x981\xd6\xbf\x7f\x7f\x8c1\xa4F\xe0\x1b\x90\x00\x80/\xf0sWx\xf3\x16c|\xf9\xaf\x8b\xeb\xd6\xaf6\x9b,\x8a\xa2\xf8\xfb\xd2\xfc\x89\x1f\xfd\xf8\xdb\xee\x1d\xc9\xe7\xcf\xf2\xa3\x1f\xdb\xb7o\x0f\xd3\xbf\xc0g \x01\x00\x1fQUU\x14\xc5a\xc3\x861\xc6\x10\xc2\xcbW.\xf4x\xdc0\xd0\x811\x9e\xb7`:\x9f\x8a\xeb\xdd\xbb\xb7N\xa7\x83\xe9_\xe030\t\x0c|\xc4[\x1a\xa8\\\xb9riii\xa2(\xaeY\xba%!\xa1\xb2\xc3a\x0f\xcf4@)\x8d\x88\xd0\x9fK&gt;\xf3\xfc\x8b\x89.\x97\xd3h4\x9e;w\xae@\x81\x02|\xc3\x84\xbf\xaf\x0e\x84\x85p|\xf1\x80_\xf0\xa1\xed\xd8\xd8\xd8v\xed\xda!\x84\x14E\x99\xb7\xf0{\xadV\x1b\xb6\xe3\xdd\xfc\xe8\xc7U?-\xe5G?\xb6i\xd3\x06\x8e~\x04&gt;\x06=\x00\xe0;|p\xe3\xd4\xa9S\xcf&lt;\xf3\x0c/\r\xb4\xe1\xa7\xdd11\xb1\x01R\x8e\xcd\x97\xf8@\xbf\xc3\xe1h\xd2\xea\xd9\xb4\xf4TB\xc8\x96-[\x12\x13\x13\xa1\xf8\x0f\xf0%\xe8\x01\x00\xdf\xe1\xbb\x82\xcb\x95+W\xbf~}\x84PF\x86u\xc3\xa6\xb5\x06\xbd!\x0cw\x05\xf3\xe2?\x9b\xb7\xfe\x9a\x96\x9e\x8a1\xae^\xbdzbb"\x1c\xfd\x08|\x0c\x12\x00\xf0)\xde\t\xe8\xdf\xbf?B\x08c\xbcl\xd5B\xb7\xdb\x1d\x86Q\x8f\x10\xe2r\xbb\x96\xaeX\x80\x10b\x8c\xbd\xf2\xca+\xe8v\xa5R\x00|\x06\x12\x00\xf0)\xbe\x1e\x94\x8fw#\x84\x8e\x9f8\xb2\xe3\xb7-&amp;\xbf\xd6\x07\xf5=\xde\xfc?\x90\xb4w\xdf\x81]\x18\xe3\xf8\xf8xX\xfd\t\xfc\x02\x12\x00\xf0)&gt;\x15l4\x1a\x07\x0c\x18\xc0\xcfe\\\xbab\x01\x0e\xbfU@\x84\x90\xc5K\xe6 \x84\x18c={\xf6\x8c\x8d\x8d\x85\xe9_\xe0{0\t\x0c|\x8d\x97\x06:\x7f\xfe|BBE\xa7\xd3\xa1\xd7\x1b6\xaf\xdb\x17\x1f_\xc0\xe3\xf1\x84C\x13X\xa5\xaaF\xd4\xdc\xb8y\xbd\xd9\xf3\xb5\x9cNGDDDRRR\xd9\xb2e\xa1\xfc\x03\xf0=x\xe0\x80\xaf\xf1\xd2@%J\x94h\xd4(\x11!\xe4p\xd8\x17/\x9bW\xa8`\xac(\x8a\x8a\xa2\x84\xf088\xa5TQ\x14\x81\x88\x85\x0b\xc7\xfe\xfc\xcbJ\xa7\xd3\x811n\xd2\xa4\t\x14\xff\x01\xfe\x02\xcf\x1c\xf0\x9b7\xdf|\x93\x10"\x8a\xe2\xbc\x05\xdf\x7f3uRVVfll\xbc&gt;BO)UU\x15\xa1\x10\xe9\x9b2\xc6TUUU5"B\x1f\x1b\x1b\x9f\x95\x9d\xf1\xcd\xd4of\xcd\x9d&amp;I\x12c\x8c\x0f\x85AG\x1c\xf8\x05\x0c\x01\x01\xff\xe0a\xb1|\xf9\xf2g\xcf\x9e%\x84PJ\xe3b\xe3\xdb\xbf\xd0\xb9m\x9b\x0e\x15+T\x16E)\xc7nS\x149pNm|\x04\xfc\xdf(I\x92\xc1`\xc4\x18\x1f9\x92\xb4\xea\xa7\xa5\xab~Z\x92\x9a\x96\xc2?P\xb2d\xc9c\xc7\x8e\xe9t:\x84P\xf0\xfe3A\xf0\x82\x04\x00\xfc\x83\xaf\x07\xdd\xbcy\xf3\xc8\x91#\xf7\xec\xd9\xe3\xfd\xba(\x8a\xb5k\xd6\xef\xd5\xbd\x7f\xdd\xda\r\xa3\xa3c\x1c\x0e\xbb\xcb\xe5\xc2\x18\x05\xd7\x192\x94R\xc6\xa8V\xa33\x9a\xccVk\xda\xce\xdf\xb7._\xb5h\xe7\xef[\xdcn\xb7\xf73\xb5k\xd7\xfe\xe4\x93O\x9a6m\xca\'E\xfcx\xb5 lA\x02\x00~\xe3-z\xb3{\xf7\xeeY\xb3f-_\xbe";;\xcb\xfb\xdd\x92%J\xb5y\xee\xa5N/\xf5(V\xb48\xa5\xd4n\xcf\xe1\x812\x90[\xca\x8c1JUL\x88Qo\x944\x9aK\x97.\xacY\xbbl\xc5\xaa\xc5g\xce\x9e\xf2~\xc6l6w\xe8\xd0\xa1_\xbf~u\xea\xd4A\xb9~\x08\x00\xf8\x1e$\x00\xe0O\xbc\x1f\xc0#\xe0\x95+W~\xfc\xf1\xc7y\xf3\xe6\x1d?~\xdc\xfb\x01\x93\xd1\xd4\xb2y\x9b.\x1d{W\xad\xfc\xacN\x17\x91c\xb7yd\x0f\xc1$\xd0\x9a\xcc\xbc\xc9/I\x1a\xa3\xd1\xecv\xbb\x0e&amp;\xed]\xb1z\xf1\xe6\xad\xbfzG{\x10Be\xcb\x96\xed\xd2\xa5K\xbf~\xfd\x9ex\xe2\t\x84\x10\x1f\xfa\x0f\xb4\x7f\x08\x08+\x90\x00\x80\xff\xf1]`|\r\xa8\xc7\xe3Y\xbf~\xfd\xec\xd9\xb37l\xd8\xe0r\xb9\xbc\x9f\xa9Z\xa5F\xa7\x97z&lt;\xd7\xb2m\\l\x01\xb7\xdbew\xd8\x11B\x81\xd0!P\xa9\x8a\x18\xd2\xeb\rZ\xad6%\xe5\xe6\x96m\xebW\xae\xf9\xf1\xf7\xdd\xdb\xbd\x1f\x90D)\xb1Q\xe2\xe0\xc1\x83[\xb4h\xa1\xd5j\xd1?\xff\xbd\x00\xf8\x11$\x00\x10(\xf8\x94\xa9(\x8a\xfc\x97\xc7\x8f\x1f\x9f7o\xde\x82\x05\x0bn\xdc\xb8\xe1\xfdL\xe1BE\x9ek\xd9\xfe\xc5v\x9d\x9f\xa9T\x8d1f\xb7\xe7\xc8\xb2,\x08~\x98(\xe6\xa3=\x82 \x1a\x0cFB\xc8\xa9S\xc7~Z\xb7b\xe9\xca\x85\xd7\xaf_\xf5~\xa6`\xc1\x82m\xda\xb4\x19&lt;xp\xa5J\x95\xf8WTU\r\x84\xa4\x05\x00\x07\t\x00\x04\x16\xbe=\x18\xddn \xdf\xbcy\xf3\xa7\x9f~\x9a;w\xee\xee\xdd\xbb\xbd\x9f\xd1j\xb5\r\xea5\xe9\xd0\xbe[\x83z\x8d\xa3\xa3c\xedv\x9b/\'\x8a)\xa5\x94R\x9dN\xa7\xd7\x1brl\xb6\xbd\x07~_\xb5f\xc9\xba\xf5k\xdc\xee\xbf\xfb+\x95*U\x1a&lt;x\xf0\x0b/\xbc\xc0+^\xf0\x7f\x14\x84~\x10h \x01\x80\x00\xc5\xe3\xac\xb7C\xb0i\xd3\xa6\x05\x0b\x16\xacY\xb3&amp;+\xeb\xef\x89\xe2\xd2\xa5\xcauh\xdf\xb5u\xcbv%\x9ezZ\xa5j&gt;O\x143U\xa5\x18c}\x84^\x17\xa1\xbft\xf9\xfc\xe6\xad\xeb\xe7/\x9ay\xea\xf4\xdf3\x16:\x9d\xaeS\xa7N=z\xf4h\xdc\xb81O`\xbc\xc0\x03\x0c\xf4\x83\xc0\x04\t\x00\x04\xb4;\xda\xceW\xae\\\x995k\xd6\x8f?\xfex\xfa\xf4i\xefgL&amp;s\xcbf\xcf\xe7\xdfD\xb1w9\xbf\xd1`R\x14\xf9\xd8\x89?\xd6\xfc\xbc&lt;\xf7r~\x84\xd0\x93O&gt;\xd9\xaf_\xbf\xce\x9d;\x97-[\x96\x7f\x05F{@\xe0\x83\x04\x00\x82C\xee\x89S\xb7\xdb\xbda\xc3\x86\xa9S\xa7n\xdf\xbe]\x96e\xefg\xf2|\xa2\x98R\x951\xa4\xd3\xe9\x0c\x06Szz\xea\xae\xdd\xdb\x7fX4s\xcf\xbe\xdfr\x9fe\xdf\xacY\xb3\x9e={\xb6m\xdb\xd6l6{\xaf\x13B?\x08\n\x90\x00@0\xe1\x1d\x02\xef\xfa\x99\xa3G\x8f\xce\x9f?\x7f\xfe\xfc\x057o\xe6\xe5D\xb1\xb7\xdba0\x18\x05"\x9c\xbfx\xee\x97\xf5\xab\x97\xafZ\xfc\xe7?\x96\xf3[:tx\xe9\x95W^\xa9]\xbb6\xff\n\x8c\xf6\x80\xa0\x03\t\x00\x04\x9f;\xc6\x85\x1ed\xa28\xc7\x96\xed\xf6\xb8\xf0\x7f\x8d\x0b\xfd\xbd\x9c\xdf`r\xb9\x9c\x87\xfe8\xf0\xe3\xb2y\xeb7\xad\xb5\xd9\xb2\xbd\x9fIHH\xe8\xdd\xbbw\x97.]\xbc\xcb\xf9a\x82\x17\x04)H\x00 \x88=\xc8Dq\x99R\xe5^j\xdf\xb5\xed\xf3\x1d\x8b\x15+.{&lt;9\x8e\x1cF\xe9\xdd%\x86\xf8h\x0f_\xce\x9f\x96\x96\xb2n\xfd\x9a\xa5+\x16\x1c:\xbc\xdf\xfb\x01I\x92\x12\x13\x13\x07\x0f\x1e\xdc\xb2eK\x8dF\x83`9?\x08~\x90\x00@\xd0{\x90\x89\xe2\xb8\xd8\xf8\xa6\x8d[\xbd\xd4\xaek\xf5j\xb5\xb4Z]NN\xb6,{0!\x18\xe1[\xcb\xf9\xf5F\x8c\xf1\xe93\xc7\x7fZ\xb7b\xe9\x8a\x85\xd7o\xfc\xbd\x9c\xbf@\x81\x82={\xf6\xe8\xd9\xb3\xa7w9\xbf\xa2(~\xd9|\x00@\xde\x82\x04\x00B\xc7\xbd\'\x8a\xb7m\x97\x95\xbf\'\x8a\xeb\xd5I|\xb1m\x97&amp;\x8dZ\xc6\xc7\x17p\xb9\\\xaa\xaa\x1a\x0c\x86\x9c\x1c\xdb\xee\xbd;\x17,\x9e\xf5\xdb\xaem\xb9\xb7\x1f\xd7\xa9S\xe7\xe5\x97_\x86\xe5\xfc TA\x02\x00\xa1\xe6\xee\x89\xe2\xa9S\xa7\xfe\xfc\xf3\xcf\xb9w\x14\x17*T\xa4\xd3\x8b\xdd\xdb\xb5\xe9d4\x9a6m\xfdu\xfe\xc2\x19\xa7\xce\x9c\xf0~\xd7\xbb\x9c\xbfY\xb3f\xfc+\x8a\xa2\x10\x12p\x05\x88\x00xL\x90\x00@h\xba\xe7D\xf1\xd4\xa9S\x8f\x1e=\xea\xfd\x8c&gt;B\xaf\xd7\x1b\xd2\xd2S\xbd_)W\xae\\\xe7\xce\x9d\xbd\xcb\xf9\xa1\xc9\x0fB\x1b$\x00\x10\xe2(\xa5\x8c1\xef\xbe\xdc\xad[\xb7.X\xb0`\xe9\xd2\xa5\xb9\x87z\x10B\xcd\x9b7\xef\xd1\xa3G\xa7N\x9d\xa0^\x1b\x08\x1f\x90\x00@X\xb8c\\\xe8\xf4\xe9\xd3K\x96,Y\xb8paVVV\xdb\xb6m_~\xf9e^\x9d\x1f\xc1r~\x10N \x01\x800rG\xa59\x87\xc3a\xb7\xdb\xe3\xe2\xe2\x10\x8c\xf6\x80\xb0\x04\t\x00\x84\xa3\xdc\x1b\x08`\xb4\x07\x84-H\x00 |\xf1\x87\x1f\x9a\xfc lA\x02\x00\x00\x800\x053]\x00\x00\x10\xa6 \x01\x00\x00@\x98\x82\x04\x00\x00\x00a\n\x12\x00\x00\x00\x84)H\x00\x00\x00\x10\xa6 \x01\x00\x00@\x98\x82\x04\x00\x00\x00a\n\x12\x00\x00\x00\x84)H\x00\x00\x00\x10\xa6 \x01\x00\x00@\x98\x82\x04\x00\x00\x00a\n\x12\x00\x00\x00\x84)H\x00\x00\x00\x10\xa6D\x7f_\x00x,\xfc\x18\x93`,h\x0cGn\xe5v\xc7\x81e\x00\xf8\x06\x94\x83\x06\xfe\xc1\x18\x0b\xc6\xbc\x95\xaf\x18c\x8c1H\x8d\xc0g \x01\x04+\xde\xf0?\x7f\xfe\xfc\xa0A\x83TU\xe5\xb1\xc3\xdf\x17\xf5\xdf\x04APU\xb5A\x83\x06\xa3F\x8d\xe2G0\xfa\xfb\x8a\xfc\x8c\xff\x10\x0e\x1e&lt;x\xfc\xf8\xf1\x97_~\x19!\xa4\xaa*\x9cL\t|\x03\x12@\xb0RUU\x10\x84\xde\xbd{\xff\xf0\xc3\x0f\xfe\xbe\x96Gq\xfa\xf4\xe9\xd2\xa5KC\x83\x97\xdf\xc7\x8d\x1b7\xb6h\xd1\xa2y\xf3\xe6\x9f|\xf2I\xcd\x9a5\x11\xa4\x01\xe0\x13a\xfd\xee\x05/\x1e5v\xee\xdc\xb9p\xe1B\x8dF\xe3\xef\xcby8\x1a\x8d\x06c&lt;d\xc8\x10\x8c\xa1\xfdq\x8bF\xa3!\x84l\xdc\xb8\xb1~\xfd\xfa\xfd\xfa\xf5\xbbz\xf5\xaa \x08\x18c~^1\x00\xf9\x04\xde\xc0\xa0\xc4\xe3B\xe3\xc6\x8dw\xee\xdc\x891n\x92\xd8b\xe0\xabCm\xb6lB\x02w\x16\x911\xaa\xd1hn\xdc\xb8\xfe\xce\x88\xc1\xfcL\xf6\r\x1b64o\xde\x9c\'3\x7f_\x9d\xdf\xf0\x7f\xfe\xb6m\xdb\x1a7n,I\x92\xa2(\x8c\xb1\xf8\xf8\xf8\x0f?\xfcp\xc0\x80\x01\x1a\x8d\x86R\x8a`\xce\x1c\xe4\x0fH\x00\xc1\x87\x87\x8c\xf9\xf3\xe7\xf7\xea\xd5K\x10DB\xf0/\xab\x7f\xabV\xa5F\x8e=G\x08\xe0\x04\x80\x10S)5\x9bL\xaf\r\xed\xbb\xf0\xc79\x18\xe3\xd2\xa5K\x1f=zT\x14E\x8cq\xd8\x8eu\xe4N\x00\x84\x10\x1e\xee\xb9\x84\x84\x84/\xbe\xf8\xa2U\xabV\x08F\x84@\xfe\x80\x04\x10d\xf8d\xaf\xcdf\xabV\xad\xda\x85\x0b\x17)U\x07\xbe\xf2\xc6\xa8\x0f?OM\xbb)\x8ab@\xdfL\x8c\x18eZ\x8d6+;\xabq\xcbj\xb6\x1c\x1b\xa5t\xec\xd8\xb1\x1f|\xf0A8w\x02r\'\x00\x8cq\x91\xc2O\x9aM\xe6\x93\xa7\x8f{\xc7\xc7Z\xb5j\xf5\xc5\x17_$$$ \x84\x14E\xe1CC\xfe\xbej\x10"\xa0_\x19dxKp\xd2\xa4I\xc9\xc9\xc9\x18\xa3\xd8\xd8\xf8\xfe}\x07\xdb\x1d9\x92\xa4!D\x08hD\x10E\xd1\xedq\x17.Td\xc8k\xef\xf0\xd5/\x13&amp;L\xb8q\xe3\x06\xc68w\xcb7l1\xc6\x8a?Ur\xe3\xda=\xc3\x86\xbco0\x18\x11B\x82 \xfc\xfa\xeb\xaf\xd5\xaaU\x1b2dHJJ\n\xef-\xc1\xc4\x00\xc8+\x90\x00\x82\t\xdf+\x94\x9c\x9c\xfc\xf5\xd7_\x0b\x82\xa8\xaa\xea\xf0!\x1f&lt;Q\xa4\xa8\xcb\xe5\n\x96V\xa1 \x886[v\xaf\xee\xfd\x8b?U\x921f\xb5Z\xdf\x7f\xff}B\x08\xf4D9\x8f\xc7\xcd\x18{\xf7\xcd\x91k\x96m\xe9\xf8b7\x1e\xebUU\x9d2eJ\xd5\xaaU\xe7\xcc\x99#\xcb\xb2 \x08|\x12\xc5\xdf\x17\x0b\x82\x1e$\x80`\xc27O}\xf2\xc9\'YYY\x8c\xd1\n\xe5+uh\xdf-3+C\x14\x83fG7\xc6HQ\x15}\x84\xe1\xc3\xf7\xc6\xf25\xa0\x8b\x16-JJJ\xbac\xf8;laL\x10B\xa9i)%\x8a\x97\x9a2q\xf6\xc29\xab\xeb\xd4j\xc0\xd3\xc0\xd5\xabW\xfb\xf6\xed[\xbf~\xfdM\x9b6\x11B\x08!|\xc6\xd8\xdf\x97\x0c\x82\x18$\x80\xa0\x91{\xe9\xa7(\x8a\x94\xd2\xf7\x86\x8f2\x18\x8dA7  \x08B\xb6-\xabE\xd3\xe7\xea\xd6nH)\xf5x&lt;\xc3\x87\x0f\x87%\xa1\xb9\x89\xa2\xe8r9\xd33\xd2\x12\x1b4[4o\xcd\xe7c\xa7\xc4\xc7\x17D\x08\t\x82\xb0o\xdf\xbe\xe6\xcd\x9bw\xed\xda\xf5\xcf?\xff\x84\x11!\xf0\x98 \x01\x04\x13UU?\xfa\xe8#UU\x15Ei\xd9\xbcM\xa3\x86\xcd233\x84\xe0\x9c&gt;U)\xfd\xe8\xfdq\x92$\t\x82\xb0c\xc7\x8e\xe5\xcb\x97\x0b\x82\x00\xb1\xcc\x8b\x10"\nbVv\xa6\xcb\xe5\xec\xdd\xbd\xff/\xabw\x0e\x1e8\x9c`\x82\x10\x12E\xf1\xc7\x1f\x7f\xacQ\xa3\xc6\xe8\xd1\xa3\xb3\xb2\xb2\xf8\x88\x10\xfc\xe8\xc0#\x80\x04\x10\x1cx\xf3\x7f\xd1\xa2E;w\xee\x14\x04Q\x92\xa47\x87|\x10\xa4e\xe0\x10B\x84\x90\x9c\x1c[\x95g\xaa\xf7\xeb=\x88Ok\xbf\xfb\xee\xbbYYY\x08!\xe8\x07\xe4&amp;\x08\x02\xc6$\xdd\x9a\x16\x15\x19=\xe2\xbdO\xd7\xad\xde\xd9\xa6\xf5\x8b\x8a\xa2 \x84\xb2\xb3\xb3G\x8d\x1aU\xb3f\xcd9s\xe6\x10Bx\xfa\x84\x9f\x1ex(\x90\x00\x82\x00\x1f\xfa\xcf\xca\xca\x1a=z4!\x82\xaa*\xfdz\x0f\xaaT\xb1\x8a-\xc7\x16\xbc\xfb\x83\x04A\xc8\xb1\xdb\xfa\xf7\x1d\x1c\x1b\x1b\xcf\x8b\x1aM\x9a4\t:\x01\xf7$\x8a\xa2,\xcbVkz\x99\xd2\xe5\xbf\xfdf\xde\x829\xab*W\xaa\xc6\x9f\x8a3g\xce\xf4\xed\xdb\xb7i\xd3\xa6[\xb6l\x11\x04\x01c\x0c\x13\x03\xe0\xc1\x05k\xf8\x08+\xf7^\xfai\xcf\t\xd2\xc1\x1f\x0ec\xecr\xb9\x9e(Rt\xf8\x10\xbe\x0f@\xfc\xfa\xeb\xaf\x93\x93\x93\xf9\x80\x86\xbf\xaf.\xe0`\x8cEQt8\xec\xb6\x9c\xecF\r\x9b/_\xbc~\xe4\x88\xf1\xd1Q1\x08!A\x10\xb6l\xd9\xd2\xb4i\xd3~\xfd\xfa]\xbbv\r&amp;\x06\xc0\x83\x83\x04\x10\xe8B`\xe9\xe7\xfd\x88\xa2\x98\x99\x95\xd1\xa1}\xb7\n\xe5+1F\xb3\xb2\xb2&gt;\xf9\xe4\x13\x98\r\xfe\x17|\xa8\'++SU\xd5\x81\xaf\xbc\xb1q\xed\x9e\xde=\xfa\xf3^\xa0 \x88\xb3g\xcf\xaeR\xa5\xca\xa7\x9f~\xea\xf1x`\xa9(x\x10\x90\x00\x02]\x08,\xfd\xfc\x17\xaa\xaa\x1a\x8c\xc6\xf7\x86\x8f\xa2\x94\x8a\xa2\xb8p\xe1\xc2\x9d;w\xc2@\xd0\xbf\xe3=?kfzdd\xd4gc\xbeY\xbbb{b\x83\xa6\xaa\xaa \x84RRR&gt;\xfa\xe8\xa3j\xd5\xaa\xfd\xf8\xe3\x8f|\xa9(L\x0c\x80\x7f\x01\t \xa0\x85\xcc\xd2\xcf\xfb\x11\x04!33\xa3Q\xc3\xe6-\x9a=\xaf(\n_\xe6\x04\xed\xd6\x07!\n\xa2,\xcb\x99\x99\x19e\xcbTX0g\xf5\xe4\t3J=]\x16!\x840:~\xfcx\xd7\xae][\xb7n}\xfc\xf8q\xe1vUQH\x03\xe0n\x90\x00\x02](-\xfd\xbc\'\x8c\xb1\xa2*\xef\r\x1fe2\x99\x05A\xdc\xb9s\xe7\xfc\xf9\xf3\xa1\x13\xf0 0\xc6\x82 8\x9c\x0e\x9b-\xbbC\xfb\xeekWn\x7f\xf3\x8d\x0f\xf8\xc4\x00!$w\r\t\x01\x8aK\x83{\x81\x04\x10\xb8Bl\xe9\xe7\xfd\xf0%\xa1\t\x15\x9e\xe9\xdd\xbd\xbf\xaa*\x84\x08\xef\xbd\xf7\x9e\xd5j\x85\xc9\x80\x07\xc4\x87z2\xb32\x10B\xef\xbe9r\xdd\xaa\x9d\x1d_\xec\xce\x1f\x12^C\xa2b\xc5\x8aS\xa6L\x81\x89\x01p7H\x00\x01*$\x97~\xde\x0f\x9f\r~\xb5\xdf\xeb\xc5\x8a&gt;\x85\x10\xbbq\xe3\xc6\xc4\x89\x13\xa18\xc4C\x11\x04\x01!\x96\x96\x9e\x1a\x1fW`\xea\xd7\xb3\x97/Z\xef\xad!\x91\x92\x922d\xc8\x90j\xd5\xaa\xfd\xfa\xeb\xafPC\x02\xe4\x16j\xa1$d\x84\xe4\xd2\xcf\xfb\xc1\x18{&lt;\x9e\x02\x05\n\rz\xf5MJ\xa9 \x88_~\xf9\xe5\xd9\xb3gaI\xe8C\xc2|\xc7@Zzj\xf5\xaa5\x17\xce]\xf3\xe5\xb8\xa9\xc5\x9f*\x89\x10"\x04\x1f?~\xbcu\xeb\xd6]\xbbv=~\xfc8_*\xca7\x94\x81p\x06\t \x10\x85\xf0\xd2\xcf\xfb\x11E\xd1jM\xef\xdc\xb1\xd7\xb3\xd5j\xa9\xaa\xe2\xf1xF\x8c\x18\x81`c\xf0\xc3\xe3;\x06r\xec6\x97\xcb\xd9\xab{\xff\xd5K\xb7\x0c}\xfd=\x83\xde\x88n\xd7\x90\xa8V\xad\xdaG\x1f}\xc4\x8bK3\xc6`b \x9cA\x02\x08D\xa1\xbd\xf4\xf3~\x18c\x92(\xbd1\xf8=B\x88 \x88\xcb\x96-\xdb\xb1c\x07\xcc\x06?\x1aB\x04BHZz\xaa^\xaf\xff\xe0\x9dO~Z\xbe\xcd[CBQ\xd4O?\xfd\xb4J\x95*s\xe6\xcc\xe1\xd3\xc8\xaa\xaaBO+&lt;A\x02\x088!\xbf\xf4\xf3~\x04A\xc8\xcc\xcah\xd6\xb8e\xdb\xe7;\xa8\xaa\x821\x1e&gt;|\xb8\xa2(0\x1b\xfc\xc8DQTU55\xf5f\xf1\xe2O{kHP\xaab\x8c\xae]\xbb\x96\xbb\x86\x04L\x0c\x84\'H\x00\x81(\xe4\x97~\xde\x8f \x08v\x87\xfd\xdd\xe1##-\x91\x18\xe3\xa4\xa4\xa4\xe9\xd3\xa7\xc3l\xf0\xe3\xc0\x18\x8b\xa2\xe4t:x\r\x89\xa5\x0b\x7f\xf9|\xec\x94\xf8\xb8[\xc5\xa5\xbd5$\xa0\xb8tx\x82\x04\x10X\xf8\xa1\xaf|\xe9\xa7(\x8a\x92\xa4\t\xc9\xa5\x9f\xf7\x831v:\x9d%\x8a?\xfdr\xcf\x01\xfc\xcc\xc8\x8f&gt;\xfa(##\x03\x8e\x0c{L\xde\x1a\x12\x8c\xb1\xde\xdd\xfb\xaf[\xb5s\xf0\xc0\xe1\xb7kH\x08\xb3g\xcf\xaeQ\xa3\xc6\xa8Q\xa3\xbc\xc5\xa5!\xe3\x86\tH\x00\x01\x84\x9f\x90\x95\x9d\x9d\xcd\x97~*\x8a\xd2\xb7\xf7\xc0P]\xfay?\x82 ddf\x0c\x1a\xf0\xe6S\xc5\x8a3\xc6222&gt;\xfa\xe8#848O\xf0Nd\xba5-**\xfa\xc3\xf7\xc6\xae]\xb1=\xb1~S\xde\xe4\xe7O]\xcd\x9a5\xa1\x86DX\t\x97\xb0\x12\x14x\x9b\xf7\xf3\xcf?ONNF\x88\x15+\xfa\xd4\xe0\x81\xc3m6[8\x0c\xfex\xf1\xe5\x89F\xa3i\xe8\xe0\xf7yF\x9c&gt;}\xfa\x993g` (\xaf\xf0\xa5\xa2\xe9\xd6\xb4\xb2e\x13\xe6\xcf^5{\xfa\x92RO\x97\xf5\x16\x97\xee\xda\xb5k\xf3\xe6\xcd\xf7\xed\xdb\x075$\xc2\x01$\x80@\xc1\x97~\x9e={\xf6\xab\xaf\xbe\x12\x04\x91R:\xe8\xd57\xe3\xe3\x0bz&lt;\xee0\x19\xff\xf1\x12E1++\xb3\xe3\x8b\xddkT\xafM)U\x14e\xc8\x90!0\x15\x9c\x87\xbc\xc5\xa5s\xec\xb6\xe6M\x9f\xfbe\xd5\xce\x91#\xc6GEE#\x84\x08!\x9b6m\xaa_\xbf~\xbf~\xfd\xae^\xbd\n5$B\x1b$\x80@\xc1\xa3\xdb\x88\x11#&lt;\x1e\x8f\xaa*\xcfV\xab\xd5\xb9c/\xab5=\xb4\x97~\xfe\x0b\x95*\xef\xbd5Z\x14EB\xc8\xc6\x8d\x1b7n\xdc\x08KB\xf3\x16\x1f\xea\xc9\xce\xce\xa2\x8c\xfe_\xff\xa1\xb7kH\x10\x84\x90\xaa\xaa\xb3g\xcf\xaeZ\xb5*\xd4\x90\x08m\x90\x00\x02\x02_\xfa\xb9c\xc7\x8ee\xcb\x96\t\x82H\x08yc\xf0{\x92(\x85m\x9b\x97\x10b\xb3\xd9\xea\xd6n\xd8\xb9CO&gt;\x07&gt;d\xc8\x10\x8f\xc7\x03\xfd\x80&lt;wkb #\x8d\xd7\x90X\xb6\xe8\xd7zu\x12y\xac\xbf\xbb\x86\x04\x8c\x08\x85\x18H\x00\xfe\xc7\x87_\xddn\xf7\xf0\xe1\xc31&amp;\xaa\xaa\xb4y\xee\xc5f\x8d[ef\x85\xc5\xd2\xcf\xfb\xe1gF\xbe9d\x84\xc5l\xe1\xc3\xd3_}\xf5\x15\xcc\x04\xe4\x13^\\:-=\xb5z\x95\x1a?\xce_\xeb-.\x8d\xf1\xad\x1a\x12\xb9\x8bK\xc3\x8e\x81\x90\x01\t\xc0\xff\xf8\xdc\xef\x8f?\xfe\x98\x94\x94D\x081\x99\xccC\x06\xbd\xe3t:\xc2g\xe5\xcf=\xf13#\x0b\x17*2\xe4\xb5w\xf8\x8fh\xc2\x84\t7n\xdc\x80\x15A\xf9\x84O\x0c\xd8\x1dvoq\xe9\xe1o\x8c0\x1a\x8c\x08!A\x10r\x17\x97\x86\x1d\x03!#\xacCL \xe0\xcd\x7f\xab\xd5\xfa\xde{\xef\t\x82\xa0\xaaJ\xef\xee\xfd+U\xac\x92c\xcf\xf1{\x02\xa0\x8c\xaa*\xdf\x8e\xa6\xa8\xaa\xa2\xaa\x8a\xa2*\x8a\xaa\xf8\xacr\x80 \x886[v\xaf\xee\xfd\x8b?U\x921f\xb5Z\xdf\x7f\xff}\xd8\x13\xf0\xefxy\x9f;\xee\x9a\xaa*\xaa\xaa2\xf6\xdfw\xed\x1f\xc5\xa5\x87\x8f\\\xbdlK\xc7\x17\xbb\xf1X\xcf\x8bKW\xadZu\xce\x9c9\xb2,\xc3\xc4@\x08\x80\x04\xe0g\xbcm;q\xe2\xc4\x1b7n0\xc6\x8a\x15}\xea\xd5~\xafgf\xfa\xb3\xec\x0fc\x8c\x9f/\xa8\xd3FX,\x91\xd1Q\xb1\xb11q\xd1Q\xb1\xd1Q\xb1\xb1\xd1q\xb1\xd1qQ\x91\xd1\x11\x11z\x1fDa\x8c\x91\xa2*\xf</t>
        </is>
      </c>
    </row>
    <row r="211">
      <c r="A211" s="1" t="n">
        <v>209</v>
      </c>
      <c r="B211" t="inlineStr">
        <is>
          <t>shape_size_grid</t>
        </is>
      </c>
      <c r="C211" t="inlineStr">
        <is>
          <t>What is the size of the missing part denoted by a question mark?</t>
        </is>
      </c>
      <c r="D211" t="inlineStr">
        <is>
          <t>['small', 'large', 'medium']</t>
        </is>
      </c>
      <c r="E211" t="inlineStr">
        <is>
          <t>large</t>
        </is>
      </c>
      <c r="F211" t="inlineStr">
        <is>
          <t>There are 9 shapes arranged in a grid with different sizes in the image, of which there is 1 missing shape. The first row is ['small square', 'medium square', 'large square'], the second row is ['small pentagon', 'medium pentagon', '?'], and the third row is ['small hexagon', 'medium hexagon', 'large hexagon'].</t>
        </is>
      </c>
      <c r="G211" t="inlineStr">
        <is>
          <t>We observe that the columns contain small shapes, medium shapes, and large shapes respectively. On the other hand, the rows contain squares, pentagons, and hexagons respectively. Hence, the pattern is that the shapes within each row are the same, while each column progresses the size of the shapes.</t>
        </is>
      </c>
      <c r="H211" t="inlineStr">
        <is>
          <t>Based on the pattern that the shapes within each row are the same, while each column progresses the size of the shapes, the size of the missing pentagon should be large.</t>
        </is>
      </c>
      <c r="I211" t="inlineStr">
        <is>
          <t>b'\x89PNG\r\n\x1a\n\x00\x00\x00\rIHDR\x00\x00\x02\x00\x00\x00\x02\x00\x08\x02\x00\x00\x00{\x1aC\xad\x00\x00M\xa0IDATx\x9c\xed\xddy|\x14\xf5\xf9\x07\xf0\xb9vC\xee\x83\xbbj\xe5\xc6\x03(\x04+\x85p\x0b\tJ\xc5\xa2\x04O\x0em\x85zp\t\x08\x14\x11\x10" \x87\x88\x16\xc5\xa2\x1c\x1e?\x04,*R\t\x94pH@TR\x1aA!\xc8\xa9\x15\x0c!\xc9f7\td\xe7;\xf3\xfb\xe3!\xe3\x92\x00B\xb2\x9b9\xbe\x9f\xf7\xab/^&amp;\x85\xdd\x99\xdd\x99\xef3\xf3|\x9fy\xbe\xa2\xae\xeb\x02\x00\x00\xf0G2{\x03\x00\x00\xc0\x1c\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a5\x98\xbd\x01\x00Pst]\xd74\xcd\xec\xad\xb0(I\x92DQ4{+j\x94\xa8\xeb\xba\xd9\xdb\x00\x00\x00&amp;\xc0\x1d\x00\x00\x17t]\x17E\xb1\xa0\xa0`\xdf\xbe}fo\x8bE\xb5m\xdb6&gt;&gt;\x9e&gt;(\xb3\xb7\xa5\x86 \x00\x00pA\xd34Y\x96\xf7\xee\xdd\xdb\xbbwo\xb3\xb7\xc5\xa26o\xde\xdc\xabW/\xfa\xa0\xcc\xde\x96\x1a\x82\x00\x00\xc0\x11EQ$I\x92$\t3\x01\x81\xe8\x03Q\x14\xee\xc6C\xeev\x18\x80g\xc6$0\xfd)\x8a\xa2$\xf1[\n\xa8i\x9a1\t\x1a\xf8\xdf\xfc@\x00\x00\xe0\x97\xae\xeb\x8c1\xb3\xb7\x02L\x83\x00\x00\xc0#Q\x14u]\x8f\x89\x8di\xd5\xf6\x16\xa6j\xdc\xccz^\xa0\xeb\x82\xacH\xfb\xf7}[\xe4)\xe2g\xca\xb72\x04\x00\x00\x1eI\x92\xc4\x18k\xdd\xf6\x96O\xb6\xfd\xd3\xe7\xf5I2_\x89 \x8diQ\xd1Q\xfd\xba\xdf\x9b\xb9\xfd\x0bI\x928L\xfe\x10\x04\x00\x00~\xa9*\xf3\xf9|&gt;_1o3\x01\x9a\xa6\t\xa2\xa0\xaa\xbc\xa7\xbf\x10\x00\x00\xf8E\x93\xc0\xc4\xecm\xa9i\x1c&gt;\xf7[\x19w\xdf:\x00\x00\x10\x04\x00\x00\x00N!\x00\x00\x00p\n\x01\x00\x00\x80S\x98\x04\x06\xebrF\xbb\x02\x0e\xe7W\xc1.\x10\x00\xc0\xba0t\x02\x84\x14\x02\x00X\x11\xb5\xe4\x1d;v\xec\x7f\xfe\xf3\x1fY\x96\xed\xd8\xae\x806\xbb]\xbbv\xf3\xe7\xcf\xe7\xaa\xc30\xd8\x08\x02\x00X\x11\x8d\x98\x99\x99\x99{\xf6\xec1{[\xaa\xa5\xa4\xa4D(\xdf\x1d\xb3\xb7\x05\xa0"\x04\x00\xb0\xae\xa8\xa8(Y\x96m}\x07\x10\x15\x15e\xf6\x86\x00\\\x16\x02\x00X\x97\xa6i4\xf4\xd3\x9f\x92$\n\x82\xf5\xaf\xa3uM\xbb\xd0X\x861\xe6\x8cylp*\x04\x00\xb0\rM\xd3\x05\x81\xd3\xa6]\x00\xa1\x80\x00\x006@\xbd\x8b\'N\x1f\x9f\xd8\xa1m\xb1\xaf\xc4\x9a\xd5A\x9a\xa6EFEd\xed\xd97{\xea\\d\xfc\xc1\x16\x10\x00\xc0\x06(\x00$\xde\xde6%\xa5\xb7\xc7\xe7\x91\x15+.\xd9\xcaT\x16\x1b\x15K\xb7(\x08\x00`\x0b\x08\x00`\x1b\xc5\xc5%\x9eb\x8f\xc7\xe3\x95-\xd9\xbc\x9e1M\x10\x85\xe2\xe2\x12\xb37\x04\xe0j!\x00\x80mH\x92$\xcb\xb2,K\xb2l\xc5;\x00A\x10dY\xb6fz\n\xe0\x92p\xb0\x02\x00p\n\x01\x00\x00\x80S\x08\x00\x00\x00\x9c\xc2\x1c@p\xe8\xba^\x93\x8f\xfc`5;\x00\xa8&gt;\x04\x80\xe0\x10E\xd1\xb23\x93\x00\x00\x97\x84\x00P]\xd4\xe7\xab\xa0\xa0`\xdf\xbe}5\xf6\xa6m\xdb\xb6\x8d\x8f\x8fG\x8b1\x00\xa8\x0e\x04\x80\xea\xd24M\x96\xe5\xbd{\xf7\xf6\xee\xdd\xbb\xc6\xdet\xf3\xe6\xcd\xbdz\xf5\xa2\xb7\xae\xb17\x05\x00\x87A\x00\x08\x0eEQ$I\x92$)\xd43\x01\xf4\x16\x8a\x82/\x0e\x00\xaa\x0b\xe3Hp\x18\x93\xc0\xf4\xa7(\x8a\xc1} H\xd34]\xd7+\xff7\x00@\x95!\x00\x84\x84\xae\xebvla\x0f\x00\\A\x00\x082j[\x16\x13\x1b\xd3\xaa\xed-L\xd5\xaa?G\xab\xeb\x82\xacH\xfb\xf7}[\xe4)\xc2\x94/\x00\x04\x11\x02@\x90I\x92\xc4\x18k\xdd\xf6\x96O\xb6\xfd\xd3\xe7\xf5I\xd5n[\xa61-*:\xaa_\xf7{3\xb7\x7f!I\x12\x92?\x00\x10,\x08\x00!\xa1\xaa\xcc\xe7\xf3\xf9|\xc5\xd5\x9f\t\xd04M\x10\x05UEB\t\x00\x82\x0c\x01 $h\x12\x98T\xff\xd5\xf0\xdc/\x00\x84\x02z\x01\x01\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4\xb37\xc0\x99t]\xd74M\xd3\xb4\xea\xbf\x14\xbd\x8e\xae\xeb\xd5\x7f)\x00\x80@\x08\x00!\xa1(rTT\x94\xa0\x0b\x92\\\xdd{,\x8diQQQ\x8a"\x07e\xc3\x00\x00\x0c\x08\x00AFW\xfd\xdf\xec\xfb\xf6\xee\xee\xf72U\x13\xc5\xea\xbe\xa0\xae\x0b\xb2"\xed\xdf\xf7-\xbd\xb8X\xfdW\x04\x00\x10\x04\x01\x01 \xe8(WS\xe4)\xda\xb5\xfd\x8bP\xbc8\x02\x00\x00\x04\x0b\x02@H\x88\xa2(I\xc1\x9c`\xc74\x00\x00\x04\x1d\x02@p\xd0\x88\x1f8\xe8\x07w\xbc\x16E\x91\xae\xfd\xe9-p\x1f\x00\x00\xd5\x87\x00\x10\x1c\xaa\xaa\x06\xab\xec\xe7\xca\xe8-TU\r\xf5\x1b\x01\x80\xe3!\x00T\x17]\x92\xb7o\xdf&gt;##\xa3\xc6\xde\xb4m\xdb\xb6\xc6[\x03\x00T\r\x02@uQ6&amp;&gt;&gt;\xbeG\x8f\x1e\xa6\xbc5\x00@\xd5 \x00\x04\x07=\xf9Uco\'I\x12F\x7f\x00\xa8&amp;\x04\x80\xe0\x10EQ\x96\xf1\xac\x16\x00\xd8\t\x92\xc8\x00\x00\x9cB\x00\x00\x00\xe0\x14\x02\x00\x00\x00\xa70\x07\x00\xb6\xa1i\x1ac\x8c\xb1\x9a\x9bl\xbf&amp;\x8ci\x8c\xb1\x9a\xac\x05\x00\xa8&amp;\x04\x00\xb0\x8d\xc8\xc8\x88\xd8\xc8XA\x17dK\xf6Fe*\x8b\x8d\x8c\x8d\x8c\x8c0{C\x00\xae\x16\x02\x00\xd8\x00\xf5\xd5\xc8\xfar\x9f \n\xc5\xbe\x12k&gt;\x01\xa7iZdTD\xd6\x97\xfb\x04\xb4\xed\x03\x9b@\x00\x00\x1b\xa0\x000{\xea\\\xb37\xe4j\xa1s\x1f\xd8\x02\x02\x00\xd8\x86$\x89\x82`\xfd\xcbj]\xd30\xfa\x83= \x00\x80uI\x92$\xcb\xb2\xdd\x9e\xb0\x13i{i\xb3\xad\x99\xad\x02 \x08\x00`]&gt;\x9f\x8f1\xc6\x183{C\xaa\x826\xdb\xe7\xf3\x99\xbd!\x00\x97\x85\x00\x00VD3\xa8III\x11\x11\x11\xb2,\xdb1\x06\xd0f\xb7k\xd7N@\xdb&gt;\xb0*\x04\x00\xb0"\x1a1\xe7\xcf\x9fo\xf6\x86\x04\x07\x02\x00X\x13\x02\x00X\x973\x1e\xaa\xc24\x00X\x16\x02\x00X\x17\x86N\x80\x90\xc2\t\x06\x00\xc0)\x04\x00\x00\x00N!\x00\x00\x00p\n\x01\x00\x00\x80S\x98\x04\x06\xe0\x17\xade\xed\x8cj\xabkB{\x8d\x96M\x08\x00\x00\xfcR\x149**J\xd0\x05I\xe6+\x19\xa01-**J\xb1d_\xf1\x9a\x84\x00\x00\xc0#\xba\xea\xfff\xdf\xb7ww\xbf\x97\xa9\x1aoO\xaa\xe9\xba +\xd2\xfe}\xdf\n\x82\xa0i\x1a\xb7O\xea!\x00\x00\xf0\x88\xb2\x1fE\x9e\xa2]\xdb\xbf0{[L\xc6\xf3\xe2\r\x08\x00\x00\xfc\x12E\x91\xe7\xa7\xed0\r\x80\x00\x00\xc0\x11\x1a\xf1\x03\x07}\x9eG@Q\x14\xe9\xda\x9f&gt;\x10\x0e\xef\x03\x10\x00\x008\xa2\xaa*\x9fe?WF\x1f\x88\xaa\xaafoHM\x13y\x8e\xff\x00\xfc\xa0LwAA\xc1\xbe}\xfb\xcc\xde\x16\x8bj\xdb\xb6m||&lt;WS\x02\x08\x00\x00\x00\x9cB\n\x08\x80#\xf4\xe4\x97\xd9[aQ\x92$\xf1s\xedOp\x07\x00\x00\xc0)~+\xc0\x00\x008\x87\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f8\xa5\xeb\xba\xae\xebfo\x05\x80i\x10\x00\x80S\xba\xae\x8b\xa2(\x8a\xa2\xa6ifo\x0b\x809\x10\x00\x80G\xaa\xaa\xd2\xd0\xef\xf5z%IRU\xd5\xec-\x020\x01\x02\x00\xf0E\xd7uUU\x15E9u\xeaT\xaf^\xbd\xda\xb6m\xbbk\xd7.EQ4M\xc3\xad\x00\xf0\x06\x01\x008BC\xbc\xa2(\xabW\xaf\xbe\xed\xb6\xdb\xb6n\xddz\xf4\xe8\xd1n\xdd\xbaM\x9f&gt;]\x92$\xdc\n\x00oDL\x82\x01\'\x18c\xb2,\xab\xaa:~\xfc\xf8\x85\x0b\x17\n\x82 \xcb\xb2\xae\xeb\x14\x15RRR\x96-[\xd6\xb0aCUUeY\x16E\xd1\xe4\xcd\x05\x08=\x04\x00p&gt;\x1a\xe5eY\xce\xca\xcaz\xf2\xc9\'\xf7\xec\xd9#I\x12\xfd\x9e\xfe\x02\x05\x86\x86\r\x1b.\\\xb8p\xe0\xc0\x81\x82 h\x9aF\x7f\x07\xc0\xc1p\x88\x83\xc31\xc6DQ\x94ey\xe9\xd2\xa5\xdd\xbbw\xdf\xb3g\x0fe\xfc\x85\xf22PQ\x12\xe9\xaa\xff\xd4\xa9S\xf7\xdf\x7f\xff\x981cTU\x95$\x891f\xf6\xb6\x03\x84\x16\xee\x00\xc0\xc9h\xbe\xf7\xec\xd9\xb3O?\xfd\xf4\xaaU\xab\x04A\x90e\x99rA\x8c1\x97\xdb\x15\x15\x1dUp\xb6\x80~\x94$I\x14E\xc6XRR\xd2\xdbo\xbf\xdd\xa2E\x0b\xe3\x97f\xef\x07@H\xe0\x0e\x00\x9c\x89\xaaz\x14E\xc9\xcc\xcc\xec\xd4\xa9\xd3\xaaU\xab(\xb3O\xb9 \xc6\xd8-\xado^\xf7\xef\xd5\x9b\xbe\xd8\xd0\xb9G\'\xbaK\x10\x04\x811F\xff\xe4\xf6\xdbo_\xbat)\xfd\x13\xdc\n\x80S!\x00\x80\x03Q\x0eG\x92\xa4\xe9\xd3\xa7w\xef\xde=\'\'GQ\x14\xc6\x98(\x89\xba\xae3\xc6\xee\x1f4`\xed\xa6\xff\xfb]b\xeb\xf8\xdaq\xef\xaf_\xf9\\\xdaDI\x924M\x93\x15\x99\xd2A\x1e\x8f\xe7\xf1\xc7\x1f\x7f\xfc\xf1\xc7\xbd^/\xcd\x10\x98\xbdO\x00\xc1\x87\x14\x108\n\x8d\xefT\xe6\xff\xe8\xa3\x8f\xa6\xa7\xa7\x0b\x82@\x83\xbb\xa2(\xaa\xaa\xc6\xc6\xc5\xceX0\xf5\xbe\x07\xffTRR\xea/\xf3\x8b\xa2$\x08zB\x9d\x84\x1d[v\x8e\xfb\xeb\x84\x13\xc7N\xca\xb2\xa4i:\xfd+\xc6Xbb\xe2\xe2\xc5\x8b;t\xe8@\xd3\x06\x98\x19\x06\'\xc1\xd1\x0c\xce\x11X\xe6\xdf\xbe}\xfb\xf4\xf4tEQ\x04A\xd0u\x9dj\xfc\x13oo\xf7Q\xc6\x9a\x81\x83\x06x\n\x8b\x98\xcadY\x96$Q\x92\xa4\xbc\x9f\xf3:u\xed\xf0\xd1\xd65\x7f\xbc\xf7.\xc64\xea\x12AS\x05YYY\x9d;w^\xb8p!\xddR \x1d\x04N\x82;\x00p\x88K\x96\xf9\x1b\xf3\xbd\x82 \x8c|\xf6\xa9\x91\x13\x9et\xb9\xdd\xbe"\x9f\xe2R*\xfes\x95\xb9\xc3\xdc\x91\xd1\x91+\x96\xbc\xf3\xc2\xc4\x17K\x8aK\xe8\x8eA\x92$*\x16\x1a8p\xe0\xc2\x85\x0b\xe9A\x01\x8a+\x00v\x87\x00\x00\xb6w\xb92\x7fc\xbe\xb7n\xbd:s_\x9fu\xd7=}\n\xf2\x0b5\xa6I\xf2\xa5o|uM\xd74\xadv\xdd\x84\xbd{\xb2\xc6=1\xe9\xdbo\xbe\x93eY\xd34]\xd7)\x184l\xd8p\xd9\xb2e)))H\x07\x813\xe0\x08\x06{\xbbB\x99?\xa5q\xee\xbc\'e\xc3\xce\x8f\x92\xfb\xf6:\x93\x9b\xa7\xeb\xfa\xe5F\x7fA\x10DI\x94\x159/\xf7l\xebv\xad\xd7\xa4\xbf?d\xd8#\x8c1]\xd7\xe9\xc6\x82\xe6\x15\xfa\xf4\xe93m\xda4\xf4\x8d\x00g\xc0\x1d\x00\xd8\xd8\x95\xcb\xfc%I\xfa\xdb\x8cg\xff:fXYYYiI\xe9\xd5\xe7m\x18c.\x97\x12\x13\x17\xbb\xe6\x9d\xb5\x93\xc7L\xf3\x14z\x8ct\x90 \x08\x9a\xa6\xa5\xa4\xa4\xbc\xfa\xea\xab\xcd\x9b7G\xdf\x08\xb05\x04\x00\xb0%#\t\x93\x99\x99\xf9\xd8c\x8f\xe5\xe4\xe4P\xbaF(\xaf\xde\xb9\xa5\xf5\xcd\xb3\x16\xcd\xe8\x90\xf4\xfb\x82\xfcB\xe1\xda\xd35TMT\xbbn\xed\xef\xb2\xbf\x9b2\xee\x85\x9d[3\x8d\xc9\x00\n\x06\xb5k\xd7^\xbcx\xf1\xc0\x81\x03\xe9\x97H\x07\x81\x1d\xe1\xa8\x05\xfb\xb9\xca2\xff\xf6\x1d\xda\x9d\xcd\xcb\xa7\xbfy\xado!\x8a\xa2\xa2(g\xcf\x9cm\xdc\xbc\xf1{\x9f,\x1f\xf9\xecS4\x19@\xe9 Y\x96\xcf\x9e=K}#\xe8V\x03\xd5A`G\xb8\x03\x00;\xb9\xb62\xff\xf3~Y\x91\xab\xf9\x8e\x9a\xa6\x89\xa2\x98P;\xfe_\x1fo\x1c\xff\xc4\xa43\xb9y\x94_2V\x13\xeb\xd0\xa1\xc3\xe2\xc5\x8b\x13\x13\x13\xd17\x02l\x07w\x00`\x1b\xd7\\\xe6_\xed\xd1_\x10\x04\x1a\xd3\xcf\xe4\xe6%\xf7\xed\xb5a\xe7Gw\xde\x93\x128\xfa+\x8a\xb2g\xcf\x9e\xee\xdd\xbb\xa3o\x04\xd8\x11\xee\x00\xccD\x83\x85,\x07a\x9cr\xbcj\x96\xf9W\x9f\xaa\xaa\xe1\x11\xe1n\xb7\xfb\x8d\x97\xdf|q\xcaKF\x8d\xa9\xb1\x01\x0f&lt;\xf0\xc0k\xaf\xbdV\xbbvm&lt;(\x00v\x81\x00`\x0e\xa3t](\xefJ\x8f\xd4\xc1\xe5\x04\xab\xcc\xbf\xfa\xe8\x16$&gt;!nO\xe6W\x93FN1\x1e\x14\x10\xcag\x9e[\xb4h\xf1\xf6\xdbo\'%%\xe1A\x01\xb0\x05\x1c\xa0&amp;\xa0\xb4\xb2,\xcb\x1f\x7f\xfc\xf1+\xaf\xbcB\xf9\x04\xa4\x0e.)\x88e\xfe\xd5G\xf3\xc9g\xf3\xf2\xdbwh\xb7v\xd3\xff\r\x1c4\x80\x1e\x14\xa0-Q\x14%\'\'\xa7{\xf7\xee\xe8\x1b\x01v\x81;\x80\x9aV9\x95q\xff\xfd\xf7/X\xb0\xe07\xbf\xf9\rR\x07\x15\x84\xa8\xcc\xbf\xfa\x98Jk\tD\xaex\xf3\xdd\x99\x7f\x9b\xe5\xf3\x16\xcb\x8a\xccTF\xd3\xd1\x02\x16\x98\x04\x9b@\x00\xa89F*#\'\'\xe7\xb1\xc7\x1e\xcb\xcc\xcc4\x1e(E\x8f\x81\nB]\xe6_}\xf4m\xc6\'\xc4\x1f&lt;pp\xec_\'f}\xf9\x9f\xcb\xf5\x8d\x10\xb0\xc0d9c\x05\xe6\n\xc3\x8e(\x8a(\xa02\x05\x0e\xca\x1a\x12\x98\xca\xb8\xfd\xf6\xdb333)\x95\x81\x1e\x03\x95\xd5@\x99\x7f\xf5\xd1\xb7\x99\x7f6\xbfI\xb3\xc6\xab7\xbe\xf7\xe8\x13\x83\x03\xfbF\xd0\x02\x93}\xfa\xf41\x16\x98\xe4\xf6;\xa5\xafLUU\xca\x95\xc9\xb2,\xcb\xb2r1\xbaI\xd2u]UU\x8a\x10P3p\x07P\x13h\x94\xf7x&lt;\xe3\xc6\x8d[\xbat\xa9\x10\x90\xca\x10\x04\x81\xb2\x19\x02z\x0c\x98Q\xe6_}4\xed\x1c\x17\x1f\xbb\xfa\xdd\x0f_\x98\x90v&amp;7\xafB\xdf\x88\xa4\xa4\xa4e\xcb\x965o\xde\x9c\xb7\x07\x05\x8cG\xe7\x8c\xdf\x9c9s\xe6\xc4\x89\x13\xa7O\x9f&gt;s\xe6Lqq1c\xcc\xe5r\xd5\xae]\xfb\xba\xeb\xaek\xda\xb4i\xc3\x86\r\xe9\xaf\xf1\xf6A\x99\x08\x01 \xb4\xae\x90\xca\x10.\xae\xff\xa9\xdcc@\xe0,u@s\xe3\xa2(\xae^\xbdz\xf4\xe8\xd1\xa7N\x9d\xa2\x0f\xc4(\xbaO\xbc\xbd\xdd\xfc7\xe6\xdc\xdc\xfa\xa6\xfc\xbc|K\r\x10\x14\xb7\x12\xea$\x9c&lt;zr\xec\x13\x13wn\xcd\x0c|P\x80\xbe\xd3\xd7^{\xed\x81\x07\x1e\x10\xca\'\x81\xcc\xde\xe4\xd0\nl\x8fQRR\xb2s\xe7\xce\xcf&gt;\xfb,33\xf3\xf0\xe1\xc3\x85\x85\x85\x97\xfc\'\xd1\xd1\xd1\xadZ\xb5\xba\xe7\x9e{\x1ez\xe8\xa1\x1bn\xb8A\xe0\xec\xe07\x0b\x02@\x08\x19\x93\xba\xd3\xa7O\x9f9s&amp;]\xd43\xc6$Y\xd2\x98&amp;\x08\xc2\xbd\x0f\xfe\xe9\xfa\x1b\xae[\xf4\xd2\xdf\x85JU\xed#F\x8cHKK\x8b\x8e\x8e\xe6df\xd8\xf42\xff\xea\xa3\x07\x05dYZ0s\xd1k\xf3^g\x8c\xd1\xcc\xb0\xb1\x0b\x7f\xf9\xcb_\x16,X\xc0\xcfw\x9a\x9d\x9d\xbdr\xe5\xcau\xeb\xd6\x1d=z\xd4\xf8%\xa5\xfb\x85\x80\xbag\x8a\x16\xc6UQ\\\\\xdc\xc8\x91#\'O\x9e\xecv\xbb\x11\x03B\r\x01 $\xae\x90\xca\xa0A!22b\xca\xec\xc9C\x86=,\xcb\xca\xbf&gt;\xfal\xfc\x93\x17\xf5\x180\x16#\xfc\xc7?\xfe\xe1\xf8\x1e\x03\xd6)\xf3\xaf&gt;\x1a\xc5j\xd7\xad\xbd\xfd\xdf\x9f\xd3\x02\x934{!\x04,0\xb9t\xe9\xd2v\xed\xda9\xf5;\xa5\xdb\xb8C\x87\x0eM\x992\xe5\xa3\x8f&gt;\xa2\x99\x0f\x9a\xa7\xa1\x8c\x90\xf17\x8d\x1b_\xfa\xd3\x98\x07\xa6\x7f\xd2\xb9s\xe7\xd5\xabW7l\xd8\x90\xfe/\x93\xf6\xc6\xf9\xac{.\xd9\xd7\x95;\x160\x95\xfd.\xb1\xf5\xea\x8d\xef?\xfa\xc4\xa0\x82\xb3\x85\xb9?\xe7&amp;\xff\xb1b\x8f\x01\n\x1eYYY\x8e\xef1`\xa92\xff\xea\xa3\x91\xee\xcc\xe93\x1d\xbbv\xf8x\xeb\xda\xbb\xee\xe9cL~\x1a\xdfi\xb7n\xdd^}\xf5U\xa7~\xa7\xb4\xb3\x1e\x8fg\xed\xda\xb5t\xa3CC\xbf\xf1E\x0b\x01\x97\xfc\x14\x12h\x9e\x80&gt;\r\xca\xf8\xb9\\\xae\x9d;w\xf6\xe9\xd3\xa7\xb0\xb0\x90\xfe\x82\xd9\xbb\xe5X\xb8\x03\x08\xb2_Me&lt;\xfa\xc4\xe0\xe7\xd2&amp;\xb9\\\x8a\xd7\xeb\xa3\xc0\xc0m\x8f\x01\xcb\x96\xf9W\x1fSYX\xad0w\x98\xfb\xad\xbf/\x7fi\xfa\xfc\x92\xe2\x92\n\x0f\n\x0c\x1c8p\xf1\xe2\xc5\xce\xfbN\x85\xf2\xdc\xfd\xbd\xf7\xde\xfb\xd1G\x1f\xd1\x8cW\x85P\x17\x11\x11\x11\x1d\x1d\x1d\x11\x11!\x08\x82\xd7\xeb\xcd\xcb\xcb\xa3\xdf\x1b\x07\xbc \x08.\x97\xcb\xef\xf7\xdf\x7f\xff\xfd\xabV\xad\xe2a\xd6\xc4,\x08\x00As\x95\xa9\x8c&gt;w\'{\n\x8b*\x1c\xd3\x1c\xf6\x18\xa0KE\xcb\x96\xf9W\x1f]\xde\xd6\xa9W\xe7\xeb\xdd{\xc7=11\xf0;\xa5K\x84\x16-Z,Z\xb4\x88\x1e\x14p\x12:\xb6w\xec\xd8\xd1\xbd{wEQ\xfc~\xbf \x08\x91\x91\x91\xdd\xbauKIIi\xdf\xbe\xfd\x8d7\xde\x18\x1b\x1b\xebv\xbb\x05A(--=y\xf2\xe4\xe7\x9f\x7f\xbel\xd9\xb2\xbd{\xf7\x1a\x01R\x10\x04\x9a?\xdf\xb2eK\xcf\x9e=\x11\x03B\x04\x01 8\x8c\x03t\xe9\xd2\xa5\xcf&lt;\xf3\x8c\xd7\xeb\xad\xb0\xa4x\xe7\x1eI\xf3_\x9f}C\xa3\x1b\n\xf2\x0b.W\xdf\xa9\xaajl\\L\x91\xc7;\xed\xd9\x99\xab\xdfY+\\\\\x01\xa9(\xca\xdc\xb9sG\x8f\x1e-\xd8\xbf\x92D\xd7u\xbf\xdf\x9f\x96\x96\xf6\xe2\x8b/\xd2\xae\xd1\xbd?\x1d\x8d\xf7\x0f\x1a0\xf5\xa5\xe7bb\xa3=\x85Ev\xbf:\xf6\xfb\xfd\xb1q1\xde"\xdf\xf4gg~\xf0\xceZA\x10h7i\x97\x05Ax\xfe\xf9\xe7\x9f{\xee9EQ\x9c\x94\xe9\xa6\x9b\x80\x0e\x1d:|\xf9\xe5\x97\x89\x89\x89\x8f&lt;\xf2H\xff\xfe\xfd\x1b5jt\x85\x7f\xc2\x18\x9b9s\xe6\xb4i\xd3\x8c\xfb\x00\x9a&gt;\xe9\xd7\xaf\xdfG\x1f}\x84\xd9\xe0\x10A\x00\x08\x82+\xa72dY\x9e\xf4\xc2\xf8a\xa3\xfe\xa2\xfa\xd5\xd2\xd2_Iep\xd2c\x80\x92\xc2m\xda\xb49x\xf0 \xdd\xec\xd3\xb0\x18\x17\x1f\xf7\xc2\xbc\xe7\xef{\xc8Be\xfe\xd5\xc7\x18s\xb9]\x11\x11\xe1\x1f\xbe\xff\xd1\xf3\xe3^(,(\xa4\x9du\xb9\\\xaa\xaa\xb6l\xd92;;[\x96e\'\rpt\xd8o\xdb\xb6\xed\xd4\xa9S\x0f&lt;\xf0\x00\x1d\xa5\x94\xf4\x17\xcb\x19\x7f\x99n\x9di\xfad\xcc\x981\x0b\x17.4\xaa!t]\x8f\x8b\x8b\xfb\xfe\xfb\xefk\xd7\xae\x8d\xd9\xe0P@\x00\xa8\x16#k\x91\x9e\x9e&gt;r\xe4\xc8\x8bS\x19"cZ\xa3&amp;7\xce}}v\xd7;:\xe7\xe7\xe5\x0bW\x97\xca\xe0\xa1\xc7\x00\x85\xcc\x97_~\xf9\x99g\x9e1\xead\xea\xd6\xab\xf3\xde\'\xcb\x7f\xd7\xbeM\xde\x99\xb3\x0e\xab\x90\xa1\xef\xb4N\xdd\xda\xff\xdd\x9b\xfdp\xbf\xa1gr\xf3\x84\xf2D\xd0\x82\x05\x0b\xe8ia\xbb\xdf\xeb\\\x81\xf1h\xf7\x15\xfe\x0e\x9d5EEE\xcd\x9a5;{\xf6,\x8d\xfe\xf4\xe7\x8e\x1d;\xbat\xe9b\xf7\xbb^k\xb2\xdf\xd8a\x1d\x81\x1d\x0b\xfa\xf4\xe9\xf3K\xc7\x02\x91:\x16h\x03\x07\r\xd8\xb0\xf3\xa3?t\xbe=/7\xef\xea;\x16\xf0\xd0c\x80&gt;\x8a\xbe}\xfb\xba\xddnc\xde\xcf\xeb\xf5\xc9\x8a\xe2-\xf2U\xb8Bt\x00\xda#o\x91OV\x14\xaf\xd7G\xbfd\x8c\xb9\xdd\xee\xbe}\xfb\n\xf6\x9c\xe4\xf8Ut\x9fG\x17.\xbf\xba\x83\x94,\x8d\x8b\x8bKJJ\x12\xca?\x10\xfa\xf3\x87\x1f~\x10*\xb5\x0f\x82\xa0p\xe0aW\x03\xa8i\x89\xa2(\x87\x0f\x1f\xae\xd0\xc3\x87\xaa\x18\xa3\xa2#g\xbf:\xf3\x95\xa5\xf3\xdcano\x91\xb7\n\x17w\x8a\xa2\x94\x14\x972\x95\xcd^4\xf3\xd5e/\xd7\xadW\x87\xea\x08\xa9&lt;F\x92\xa4\x85\x0b\x17v\xef\xde\xfd\xf0\xe1\xc3\xf4K{\x9d\x1e\x94\xd1j\xd6\xacY\xbbv\xed\xa8:V\x96\xe5\xd2\x92\xd2\xcd\x1b\xfe\x1d\x15\x13\xe5\xc8n0\x9a\xa6E\xc5Dm\xde\xf0\xef\xd2\x92RJ\xf8\xe8\xba\xde\xae]\xbbf\xcd\x9a\xd9\xf46\xeeW\xd1\xd7z\xf5\xb1\x9cf\xcbn\xbc\xf1F\xa1\xfc)\x01\xfa\xd3\xeb\xf5\x86n#9\xe7\xc0\xc3\xae\x06\xd0\x8a\xe1\xabW\xaf\xee\xd8\xb1#\x95\xf9S\x8a\xc6X\x98p\xfd\xf6\x7f\x0e\x196\xa8 \xbf\x90\x1e\x04\xad\xda\xbbH\xb2\xa4\xebz\xde\x99\xb3\x03\x1e\xbe\xf7\xd3\x1d\xeb:\xf7H\xa2\x99RA\x10hf833\xb3c\xc7\x8e\xabV\xad\xb2\xe3d\x00\x8dz\xa9\xa9\xa9B\xf9\xbc\xa8 \x08{v~\xe9\xf7\xfbE\xd1\x81\x87\xa5(J~\xbf\x7f\xcf\xce/\x85\xf2\n(A\x10RSS\x03\xeb^\xc08\x12\x02!\xf3\x13:\x0e&lt;\xd3B\x8a\x92\xb9\xa7N\x9d\x1a5j\xd4\xfd\xf7\xdf\x7f\xf6\xecY#3C\xff\xd7\xc8g\x9f\xfa\xe0\xb3w\x9b4o\x92\x7f6\xbf\xfa\xe32E\x9a\xfc\xbc\xfc\xba\r\xea\xbe\xf7\xc9\xb2Q\x13\x9e\xbe\xf08q\xf9\x9b\x9e={\xf6\xc1\x07\x1f|\xfc\xf1\xc7O\x9d:U\xe1IK\x8b\xa3O\xa6{\xf7\xeeT\xf7I\x83\xe0\x9e]_\x9f8r\xa2V\xad0\x1b\xed\xc8\xd5\xd0u\xbdV\xad\xb0\x13GN\xec\xd9\xf5\xb5P\x9e\x1b\x91$\xa9{\xf7\xee\x02\x16\x83+G\x9f\xc3O?\xfd$\x04&lt;!,\x08B\x9d:u\x04|J\xa1\x81\x00pm\xe8\xbc\xdd\xb8q\xe3\xa2E\x8b\xa8t\x8f\x92\xfe\x8c\xb1:\xf5\xea,\xff\xf0\x1f\x93_\x9c\xa81\xad\xc4W\x12\xc49=EQ\xce\x9f;_R\\:\xf9\xc5\x89\xab\xfe\xf5\xee\x8d\x8d\x7fk\xbc)=6\xb9t\xe9\xd2\x8d\x1b7\xdak\t*\n\x99\xadZ\xb5j\xd6\xac\x99\xd1(\xb8\xd8W\xfcyFfDd\xb8\x8dv\xe4j0\xc6""\xc3?\xcf\xc8,\xf6\x15\x1b\xad\x8f\x9b5k\xd6\xaaU\xab\n\xfd2\xb9E7\xd0\xe7\xcf\x9f\xff\xfa\xeb\xaf\x85\xf2\xa1\x9f\x8e\xf0\xa6M\x9b\n\x08\x00\xa1\x81\x00pm\xe8\\\xbd\xf3\xce;\xe3\xe3\xe3\x8d\x1e/\x82 $\xf7\xed\xf5Y\xe6\xc7\xc9}{\xe5\x85\xa6c\x01\xe5\xfdsO\x9f\xe9\xd8\xa5\xc3\xc7\xdb&gt;L\xee\xdb\xcbxkUU\xe3\xe2\xe2\xee\xbc\xf3N\xc1n7\xcb\x8c\xb1\xb0\xb0\xb0{\xee\xb9G\x08\x98\x05\xdd\xb8~\x13c\xccaY Q\x94\x18c\x1b\xd7o\xa2\x1fig\xef\xb9\xe7\x9e\xb0\xb00\x87\x85\xba*\xa3\xb1~\xed\xda\xb5\'O\x9e\xa4\xb27\xaa\x04k\xd4\xa8Q\x8b\x16-\x04\x04\x80\xd0p\xd4iV\x03\xa8\xc7o\x83\x06\r:u\xeaD\xd7,4\x9bws\xab\x9b\x9a4k\x92w\xe6lH\x9f\xe8q\xb9\x94\xfc\xb3\xf9\xd7\xff\xf677\xb7\xba)\xf0\xdd\x93\x92\x92\x1a4h@E\xd6!z\xebP\xa0\xad\xbd\xef\xbe\xfb(\xafEY\xa0\xafv\xef=\xee\xac,\x10\xe5\x7f\x8e\x1f9\xf1\xd5\xee\xbdBy9\xbc$I\xf7\xddw\x9f\x80qM\x10\x04A\xa0\x02\x87\xdc\xdc\xdc\x89\x13\'\x1a\xd3\x00tl\xa7\xa6\xa6\x86\x85\x85\x19\xb3_\x10\\\x08\x00\xd7\x8c\xc6)\x9a\xbd4~\xdc\xb4a\xb3\xa7\xb0\x90\x9en\x0f)\xb7\xdb]TX\xb4i\xc3f\xe3\xad\x8d\x8d\xb1\xdd\\"e\x81\x8cJ\x18\xa7f\x81*\xe7\x7f\x02+\xa0\xecu\xd3\x16\nT\xe0_\\\\|\xdf}\xf7\xfd\xf8\xe3\x8f\xf4\xf9\xd05ALL\xcc\xc8\x91#\x8d\xa5\x05 \xe8\xf0\xb1^3:c{\xf7\xee\x1d\x11\x11A\xf5\x97\xa2(\x1e\xc99\x96\xf3\xdd\xf7\xe1\xe1\xb5B:\nk\x9a\x16\x1e^+\xe7\xbb\xef\x8f\xe4\x1c+\x7f\xda\x80EDD\xf4\xee\xdd[\xb0[\xfe\x87P-\xbc\xb3\xb3@\x97\xcb\xff\x04&gt;\x03\xc1-\xa3\x96\xe1\xae\xbb\xee\xda\xb9sg`\xbb$M\xd3^z\xe9\xa5\xeb\xae\xbb\xce\xa9e\xb2V\x80\x8f\xf5\x9a\xd1\x15J\xfd\xfa\xf5[\xb7n-\x94\x17;\x97\x95\x95e\xa4o\xab\x15\xfa\x00P+\xbcVF\xfa\xb6\xb2\xb22\xa3y@\xeb\xd6\xad\xeb\xd7\xafo\xbb\xfc\x0f\xb9R\x16(\xdc\tY ]\xd7k\x85#\xffsi\xf4\xdc\xcc\xf7\xdf\x7f\xdf\xa3G\x8f\x1d;v\x18\xcf\x84Sw\x90\xc7\x1f\x7f|\xf8\xf0\xe1x\x008\xa4\x10\x00\xaa\x82\n1\x07\x0c\x18 \x04T.o\xfat3=\xe3\x13\xba\xf7\xa5\xa7\xa56}\xbaY\x08\xa8%\x1f0`@\xe02\x93\xf6r\xb9,\xd0\x8e-;\xc3#\x9c\x90\x05b\x8c\x85G\x84\xef\xd8\xb2\x13\xf9\x9f\n(\xef\x9f\x91\x91\xd1\xa5K\x97o\xbe\xf9\x86*\x9b\xa9\xee\xd9\xef\xf7\x0f\x1a4h\xc9\x92%\xc6r\xd9\x10"\xf8p\xab\x82\x0e\xca~\xfd\xfa\xd1]&lt;\x8d\\\x07\xb2\xbf;x\xe0P\xe8\xb2@\x94\xff9x\xe0\xd0\x81\xec\xefh\x1c\xa1\xfcI\xbf~\xfd\x04;\xf7\x12\xb8d\x16h\xcb\xc6\xad\xba=\xefi*\x10EQ\xd7\xb4-\x1b\xb7\xd2\x8f\xc8\xff\x10\xba\xae\x7f\xe3\x8d7RRRN\x9f&gt;m\xac\x00A+\x82\x8d\x181b\xe5\xca\x95\x94\xfaw\xc01`ev\x1d5\xccet2HLL4:\x19\xf8\xfd\xfe\x8c\xf4\xed\xa1\xcb\x02\x95\xe7\x7f\xb6\xfb\xfd~\xa3\x97@bb\xa2\xdd{\t\x18Y \xa3\xe7\x9d \x08\xd9Y\xdf\xe4\x9e&gt;\xe3v\xbbm\x9d\x05\xd2u\xdd\xedv\xe7\x9e&gt;\x93\x9d\xf5\x8d\x10\xb0b\x04\xe7\xf9\x1f\x1a\xfd\xa7M\x9b\xf6\xc4\x13O\xd0\xb8O\xbf\xa1\xfc\xd8K/\xbd\xb4h\xd1"\xa3o\xa8\xd9\x1b\xebpv\x1d5LW!\x93[\x03Y\xa0K\xe6\x7f\x8c\xecy(\xde\xb1fT\x98\xc9\xa0\x80\x9a\xfb\xf3\x99=\x99_ED\x86\xdbz\xd74M\x8b\x88\x0c\xdf\x93\xf9U\xee\xcfg(`W\x98=2{\x03M@c\xfd\xcc\x993\xa7O\x9fN\x0fK\x1a+&amp;\xd5\xae]\xfb\x93O&gt;\x19?~&lt;\xe5\x820\xfa\xd7\x00\x1e\x0f\xc1\xa0\xb8|\x16(\'&lt;"\xf8\xc3\x96\xa6i\xe1\x11\xe1\x07\x0f\xe48,\xff#\x94\xaf\xfd\x1bX\xcbD\xbb\x93\xbe~\x93h\xe7\xfd"\xa2$\xa5\xaf\xdf$\x94\x17\x0b\x08\x01\xf5c\x1c\x0ep4\xfa\xaf[\xb7n\xca\x94)F\x13C\xfa\x8f\x96-[~\xfe\xf9\xe7w\xdf}7\xcd\x0cs\xf8\xe1\x98\xc2\xf6\'\x98Y.\x97\x05\xda\xf2YFX\xad\xb0P\x04\x80\xb0Za[&gt;\xcbpX\xfe\'\xd0\xc0\x81\x03\x85\xf2&gt;9\x82 |\x9e\x91\xf9\xf3O?\xdb7\x0bD\xf9\x9f\x9f\x7f\xfa\xf9\xf3\x8cLA\x10\x8c~G\xb4\x9b\x1c\xa2\xd3\xa4\xa0\xa0\xe0\xc9\'\x9f\xa4\x8b\x18\xa3\xc9y\xfb\xf6\xed\xb7o\xdf~\xf3\xcd7;{]\x04\x0br\xc2\xc0a\x96Kf\x81vd\xec\xf4\x97\x95\x05}D\x96$\xc9_V\xb6#c\xa7\xe0\xac\xfc\x0f\xa1\x8f\xabs\xe7\xce\xf4&lt;3\xfd\xe6Ln\x9e\xad\xb3@F\xfe\xe7Ln\x9e\xb1:t\x83\x06\r:w\xee,\xd8\xfc\xa6\xadj\xe8\xa6g\xe9\xd2\xa54\xebK\xa7\x0fc\xec\xd6[o\xdd\xb8qc\xfd\xfa\xf5\xa9.\xc8\xec\xcd\xe4\x0bwGa\x10\x19Y \xea\xe8B\xe3\xd4\xb7\xdf\x1c&lt;y\xfc\x87\xb0\xb0`\xd6\xb0\xeb\xba\x1e\x16\x16v\xf2\xf8\x0f\xdf~sP(\xbfF\x0e\x0b\x0bs@\xfe\x87P\x16(&amp;&amp;\xa6O\x9f&gt;\x82\x83\xb2@\x95\xf3?}\xfa\xf4\x89\x89\x89\xe13\xffC%\xbf\xabV\xad\n\\\xed+**\xea\xc3\x0f?\xacS\xa7\x0e=\x11f\xf66r\xc7\xc6g\x97\xe9(\x0fc\xf4t\xa4\x1avo\x91\xf7\xf3-A\xeedp\xa1\x97\xc0\x96Lo\x91\xd7\xe8%i\xf4\xd1t@\x000\x18=-\xec\x9e\x05\xba\\\xfe\xc7\xe8 \xc2\x1b\x9a$\xfb\xdf\xff\xfe\xf7\xddw\xdf\x19\xd5P\xba\xae\x8f\x181\xa2e\xcb\x96~\xbf\x1f\xd7\xfe\xa6p\xce\xd8a\n*b\xeb\xd1\xa3\x87\x10\xcaN\x06\x97\xec%\xd0\xa3G\x0f{\xf5\x7f\xbe2\x87e\x81\x90\xff\xa9\x80B\xf8\xf1\xe3\xc7KKK\xe9\xee\x87\xce\x9d\x07\x1f|\xd01\x93Xv\x84\xcf\xbdZ\x8cgqC\xd7\xcf\xf2r\xbd$\x8d\xe7\x90\xab\xff\x16Vp\xb9,\xd0\xc6O6\xd9t\x1fEQ\xdc\xf8\t\xf2?\x17\xc9\xcb\xcb\x13\x04\x81\x1e\xef\xd2u\xbd^\xbdz\x8d\x1b7\xbe\xfa\xe5\xb2!\xe8\xf0\xb9WK\r\xf4\xb3\xe4\xad\x97d\x85,P\xe6\xf6\xddy\xb9y.\x97\xcbFY ]\xd7].W^n^\xe6\xf6\xdd\x02\xf2?\x82 \x94\xdf\x01\x9c?\x7f^\tP\xbf~\xfd\x88\x88\x08\xb37\x8dk\x08\x00\xd5\x15\xea~\x96\xfc\xf4\x924\xb2@\r\x1b6\xa4h*IR^n\xde\xb7\xfb\x0f\x85\xba\xcb^p\xd13\xdb\xdf\xee?\x94\x97\x9bGW\xbb\x9a\xa65l\xd8\x90\xdb\xfc\x8f\xa1\xb4\xb4TU\xd5\xf3\xe7\xcf\x97\x95\x95\xa9\xaa\xea\xf1x\xe8\xd3\xe0\xf6\x96\xc8t\x98x\xa9.\xa3"s\xfe\xfc\xf9F\'\x03\xca\x025\xbc\xaeaYYYu\x0e\xee\xca\xf9\x1f\x1a\x16\x1d\xd9K\xc0\xc8\x02%\'\'\xafX\xb1\xc2X\xefl\xf3\xa7\xff\xee\xde\xbb\x8b\xbd\xee\x00\xdca\xae\xcd\x9f\xfe[\xd34\xe3a\xd7\xe4\xe4d\xca\xff8\xef\xa6\xedj\xd0\xb7y\xdbm\xb7M\x9b6\x8d\x8e[]\xd7\xeb\xd7\xafo\xf6v\xf1\x0e\x01\xa0\xba\x02\xb3@999\x94\xd0\xa4,\xd0\xd0\'\x06\x95\x9e)\xadNy\x03c,"\xea\x97\xfc\x0f\x95O\xb4h\xd1\xc2\xa9\xf9\x1f\x1a\xe5{\xf6\xec\xb9b\xc5\n]\xd7\xe9\xc7-\x1b\xb7\x8e\xcf\x1fc\xa3,\x90\xcb\xe5*\xcc/\xa4\x06pF\x9b\xee\x9e={\n\xe5;\xc8!\n\x00\xadZ\xb5j\xd5\xaa\x95\xd9\xdb\x02\xbf\xe0\xf7n4\x88.\x9d\x05\xfadS\xd9\xf92Z\xb3\xa5\xcat]/;_Fs\x89\x82\xa3\xf3?\xc4h\x96\x10\x1d\x1dM\xbb/I\xd2\xf1\xa3\'\xf6}\x9d\x1da\x93\xee\xd0\x8c\xb1\x88\x88\xf0}_g\x1f?z\x82\n\x85\x19c\xd1\xd1\xd1\xf6]\xb4\'\x884MS/f\xf6\x16\xf1\x0ew\x00Ap\xc9,P\xd6W\xfb\n\x0b&lt;\r\x1a\xd6?\x7f\xbeL\x92\xaa\x92\xab\xd14=,\xcc}\xfa\xd4\xcfY_\xed\x13\x9c\x9e\xff!F\xba\xbck\xd7\xae\x1b6l0\xfa\x03o\xde\xb0\xa5{rW[\\&gt;\xeb\xba\xee\nsm\xde\xb0\x85n\xd1(\x00t\xed\xda\x95&amp;6x\x9e\x00\x10\x04\x81\xee\x8f\x8d\xe9\x1c\xce?\r+@\x00\x08\x82\xcaY A\x10\xbcE\xdeU+\xd6\xb4m\xdf\xa6\xb8\xb8\xa4j\x07\xba\xa6i\x91\x91\x11\xfb\xf6f{\x8b\xbc\xd4\x1c\xd1\xd9\xf9\x1fB\xa3djj\xea\x86\r\x1b\x84\xf2\x85\x8em\x94\x05\xbad\xfe\xc7(m\xe2|\xc83.b\xe8G\xca\xf2q\xfe\x99\x98\x0b\x01 84Ms\xbb\xddIII\x14\x00\xe8\xde\xf6\xc5\xe7\xe6\x04\xf1-\xa8}JRR\x12\xe5\x7f\x9c\x1a\x00h\xbfRRR\xa2\xa3\xa3\xbd^/\x8d\x17\x94\x05J\xea\xd6\xb1\xa8\xc8k\xe5\x1dg\x8c\xc5\xc4Dgn\xdfm\xe4\x7f4M\x8b\x8e\x8eNII\x11\xb8\xcf\xff\x18c\xfd\x0f?\xfc\x90\x9f\x9f\x9f\x90\x90p\xc3\r7\x18m!\xcc\xde:N!\xf6\x06\x13%g\x02\xefp\x83\x82^\x8d^\x96\xde\xc2\xc1\xe8F\xa7A\x83\x06]\xbbv\x15\xca?C]\xd77o\xd8\xe2\n\xb3\xfa\x1d@`\xfe\xc7\xf8\xee\xbav\xedJ\x8f7\xf3&lt;\xcc\xd1(\x9f\x9d\x9d\x9d\x9c\x9c|\xf3\xcd7\xb7k\xd7\xee\xe6\x9bo\xbe\xf3\xce;\xf7\xef\xdfo4R\x84\x9a\x87\x00\x10\x1c\xc6\xa9\xde\xb0aCZ\xd7\x94\x1e\xda\n\nY\x96\xa9C:%\xc7\x05\xa7\'O+&lt;6ed\x81\n\xf3=.\x97\xcb\xcc-\xfb5.\x97\xab0\xdfc\xe4\x7f\xe8\x97F\xfe\xc7\xcc-3\x15\x8d\xef\xa7N\x9d\xea\xdd\xbb\xf7\xe6\xcd\x9b\x8b\x8b\x8bu]/..\xde\xb8q\xe3\x1dw\xdc\xf1\xd3O?\t|\x7f&gt;&amp;r\xf28R\x93\xa8\x86=::\xbaW\xaf^\x8c1UU\xabS\xfcS\x19\xbd`\xaf^\xbd\xa8&lt;\xc6\xd9\xd7\x92\x81Y\xa0\xc0Z\xa0\xac/\xf7Yy\xa5x\xc6XxDx\xd6\x97\xfb*\xd4\xff \xffCG\xec\xea\xd5\xabsss\xc3\xc2\xc2\x8c+\x9b\xb0\xb0\xb0\xdc\xdc\xdc\xf7\xdf\x7f\x9fn\xfb\xcc\xdeL\x1ea\x0e \xc8\x86\r\x1b\xf6\xe3\x8f?J\xc1n\xd3O/8l\xd8\xb0 \xbe\xa6e\x05f\x81\x02k\x81vm\xdf\xdd\xb3Ow\xcb\xa6\x0bt]w\x87\xb9wm\xdf]\xa1\xfe\x87\xf2?\xce\xbei\xbb\x1a\xdf}\xf7\x1d]\'\x19\xdf \x05\x86\xfd\xfb\xf7\x0b\x0e\xadj\xb3&gt;\x04\x80\xa0\xa1K\xbc\xce\x9d;gdd\xd4\xc0\x1b9\x9b\xd1\xf0\x8ej\x81h\xc8\xd8\xb9mWiq\x89ew_\x96\xe5\xd2\xe2\x92\x9d\xdbv\t\x01\x0f|Q\xcf&gt;\xce\x03\x00\r\xee~\xbf\xbfr\xf0\xd6u\xdd\xef\xf7\x9b\xb1Q \x08\x08\x00Ag&lt;\xbf\x1a\nt\xe3\x1c\xa2\x17\xb7\x14\x1a.;u\xea\xe4v\xbbi\x80\x10E\xf1\x9b}\x07\x0e\x1e\xc8\xb9\xb9U\xcb\x92\x92R\xab\x8d\xa7\x9a\xa6ED\x84\x7f\xb7\xff\xd07\xfb\x0e\x18\t\r\xb7\xdb\xdd\xa9S\'\xc1\xe9s6\xbf\x8a\xce\x08\x9a\x1e\x0b&lt;\x80\xe9\xc7\xeb\xae\xbbN\xe0\xf8\x19isq}\\\x86\x02\x95-\x86\x08\'\xa3\xbfp\x99%\x97U\xbf?#}\x9b5\x1b\xc3Q\x03\xb8\x8c\xf4m\xaas\x17m\xae2\xa9|\xed&lt;]\xd7UUu\xb9\\T\xd7\xa0\xaa\xaa\xae\xeb\xfd\xfb\xf7\x17\xb8\x8f\x91f\xc1\x87\x0e\x16u\xc9%\x977}\xba\xb9\xb4\xa4\xd4\x82Y Y\x96KKJ7}\xbaYp\xe2\xa2\xcd\xd5D\x1f\xc2\xed\xb7\xdf&gt;c\xc6\x0c\xca\xf9P]\x83 \x08/\xbe\xf8b\xc7\x8e\x1d\x11#\xcd\x82\n\\\xb0(\x1a\x14rrrZ\xb7nm\xa4\x89\x15EY\xbf\xfd\xc3\x9b[\xddd\xa9,Py\xfe\xe7\xe0\xdd\xdd\xee3\xfa\xdb\xb8\\\xaeo\xbe\xf9\xa6E\x8b\x16\x18\xdd\x08}\x0e{\xf6\xecY\xbf~\xfd\xa9S\xa7\x1a6lx\xcf=\xf7\xfc\xfe\xf7\xbf\xc7\xe7c"\xcc\x01\x80E\x05f\x81\xbe\xf8\xe2\x0bz\xae\xc2\xef\xf7g\xa4oo\xf7\xfb\xb6&gt;_\xb1uF\x8d\xf2\xfc\xcfvZ\xdb\x96\xea\x7f\x90\xff\xa9\x80\xbe\xd0\x0e\x1d:t\xe8\xd0\xc1\xf8%&gt;\x1fs\xe1\xa3\x07\xeb\xb2K\x16\x08\xf9\x9f\xabD\x1f\x08=\xd4\xa2\xaa*F\x7f\xd3\xe1\xd3\x07\xeb2&amp;\x0f\xa9\xfd\x11uS8\x90\xfd\xdd\xc1\x039\xe1\x11VY)^\xd3\xb4\xf0\x88\xf0\x83\x07r\x0ed\x7fG\xf5?\x8c1\xb7\xdb\xdd\xaf_?\x01s\x9b\x95H\x92D\xcf\xc9+\x8a\x82\x0f\xc7t\xf8\x02\xc0\xba.Y\x0b\xe4\xf7\xfb\xb7|\x96\x11V+\xcc:\x01 \xacV\xd8\x96\xcf2\xfc\xa8\xff\x01\xbb\xc1\x1c\x00X\x1a\xad\xaax\xdf}\xf7}\xf1\xc5\x17F\x16hG\xc6\xce\xa7\x9f}\x92\x92\tfo\xa0\xa0i\xda\xf9s\xe7wd\xec\x14*\xe5\x7fTUE\x00\x00+C\x15\x10X\x1a]D\x1f:t\xa8M\x9b6F-PTt\xd4\xf6}\x9b\x9b4n|\xce\x7fN4u\x84\xd55\xad\x96\xab\xd6\xd1c\xc7\xba\xb5\xed\xed\xf3\xfa\xe8\x97.\x97+;;\xbbe\xcb\x96\xb8\x03\x00\x8b\xc3\x1d\x00X\x1aeT\x1a7n\xdc\xb8q\xe3C\x87\x0e\xd1\x8f\xde"\xef\xb4\t3\x9b\xb7lz\xae\xf4\xbc\xb9#\xac\xa6i\xb5\xc2\xc3\x0e\x1f:\x12\xb8h\x0fm-\x96:\x01\xebC\x00\x00\xab3\xe6T\xe7\xce\x9d+\x95/\xb6\xf3\xc9\x9aO\xcd\xde\xae\x8a\xa8\x07\x9c\xa6i4k\xad\xaa\xaa\xa2\xe0\xfc\x02KC\n\x08\xac\x8e\x96?\xdb\xb3g\x0f\xf5\xd5\xa1\xb9_z,\xc0\xecM\xbb\x80\n\xff\x85\xf2\x9a\x9f]\xbbvu\xe8\xd0\xc1\xc1\xab\xb6\x81c \x00\x80\rP\xff\x806m\xda\x1c9r\xc4\xb2\xc5\xf5\xb4aM\x9b6\xcd\xce\xcev\xb9\\\xd6\x89O\x00\x97\x83[T\xb0\x01\xca\x02\xf5\xed\xdbw\xc1\x82\x05fo\xcb\xaf\xe8\xdb\xb7/\xf2?`\x178F\xc1\x06(\xb5\xf2\xd4SO\xc5\xc4\xc4Xv\tY\xda\xb0A\x83\x06\tx\xfe\x0bl\xc2\xa2\xe7\x12\x00\x00\x84\x1a\xee\x00\xc06\x8c\xb9V+\xb3\xd4\xec4\xc0\x95\xe1\x0e\x00\x00\x80S\xc8T\x02\x00p\n\x01\x00\x00\x80S\x08\x00\x00\x00\x9cB\x00\x00\x00\xe0\x14\x02\x00\x00\x00\xa7\x10\x00\x00\x008\x85\x00\x00\x00\xc0)\x04\x00\x00\x00N!\x00\x00\x00p\n\x01\x00\x00\x80S\x08\x00\x00\x00\x9cB\x00\x00\x00\xe0\x14\x02\x00\x00\x00\xa7\x10\x00\x00\x008\x85\x00\x00\x00\xc0)\x04\x00\x00\x00N!\x00\x00\x00p\n\x01\x00\x00\x80S\x08\x00\x00\x00\x9cB\x00\x00\x00\xe0\x14\x02\x00\x00\x00\xa7\x10\x00\x00\x008\x85\x00\x00\x00\xc0)\x04\x00\x00\x00N!\x00\x00\x00p\n\x01\x00\x00\x80S\x08\x00\x00\x00\x9cR\xcc\xde\x00\x00\xb0"M\xd3\xcc\xde\x84\xa0\x91$\\\xe9^\x9a\xa8\xeb\xba\xd9\xdb\x00\x00\xd6\xa2\xeb\xba(\x8afoE\xd08lw\x82\x08w\x00\x00p\x11M\xd3$I\x9a6m\xda\x8e\x1d;dYf\x8c\x99\xbdEUD\x1b\xdf\xb5k\xd7i\xd3\xa6\xd1N\x99\xbdE\x96\x83;\x00\x00\xf8\x85\xa6i\xa2(\xe6\xe4\xe4\xdct\xd3MfoK\xd0\x1c&lt;x\xb0E\x8b\x16\xba\xae#\x06T\x80\x00\x00\x00\xbf`\x8c\xc9\xb2\x9c\x92\x92\xb2i\xd3&amp;\xb7\xdbm\xdf\xcb\x7f"\xcbrYYYrrrzz:\xed\x9a\xd9[d-\x08\x00\x00p\x01\r\x91\x9b6mJII\xb9\x90\xfc\x11\x05I\x92\x04;\x0e\x12\xa2\xa0i\x9a\xa0_H\x04\xa5\xa7\xa7\'\'\'#\x06T\x80\x00\x00\x00\x82 \x08\xba\xae\xeb\xba\xae\xaaj\x9b6mrrrDQtF!\x90$I\xba\xae\xb7h\xd1";;[Q\x14Q\x141!l\xc0$0\x00\x08\x82 h\x9a&amp;\xcb\xf2\xbcy\xf3\x0e\x1d:\xa4(\ncL\x92$Y\x91\xe7\xbc\x9a\xd6\xe07\xf5\xcb\xca\xfcv\x197u]w\xbb]\xa7\x7f\xfay\xc2\x88\xc9Le\xba\xae\xcb\xb2|\xe8\xd0\xa1y\xf3\xe6\xfd\xedo\x7f\xc3M@ \xdc\x01\x00\xc0\x85\xaa\xff\xdc\xdc\xdc[o\xbd\xb5\xb0\xb0\x90\xe6K\x19c\xc3G\xfde\xee\xc2Y\x85\xc5\x85\xf6\x1a4\x19cq\x91q\xe3GOZ\xf2\xcaRY\x96if;..\xee\xc0\x81\x03\xf5\xea\xd5\x13\xf0d@9\x04\x00\x00\xb8\x90\xfd\x7f\xf4\xd1G\x97/_.\xcb2\xa5\x83~\xdb\xe8\x86O?_\x17\x16\x16\xe6\xf7\xdb\xe6\xf2\x9f\xe8\xba\xeer\xb9\xce\x9f?\xff\xc7.\xfdO\x1e\xff\x81\xd2&gt;\x8c\xb1\xa1C\x87.[\xb6\x0c7\x01\x06\x04\x00\x00\xde\xd1\x05rVVVRR\x92\xdf\xef\xa7\\\x10cl\xce\xabiC\x9f\x18\x9c\x97\x9b\xa7(\xf6\xcb\x15\xab\xaaZ\xa7^\x9d\xe5\xaf\xaf\x9c0b2\xed\x8e$I.\x97+33311\x11%\xa1\x04\x01\x00\x80wtE\xdc\xbd{\xf7\xed\xdb\xb7\xd3\xa51c\xec\xf7\x1d\xdb\xafI\xff\xbf\xd2\x92R\xfb\x0e\x94\x9a\xa6\x85G\x84\xa7\xa6&lt;\xf8\xd5\xee\xbd\xc6~u\xeb\xd6m\xdb\xb6m\xb8\t v\xfdj\x01 (h(\\\xb3f\r\x8d\xfeT\xf8/\xc9\xd2\xa8\x89#\\.\xc5\xd6\x17\x88\xba\xae\xbb\\\xca\xa8\x89#$Y\x12\xca\xf7t\xfb\xf6\xedk\xd6\xac\xb1\xf5\x13\xceA\x84;\x00\x00~\xe9\xba\xaei\x1ac\xacU\xabV\x87\x0f\x1f\x96$\x89r\xe5\xf7\xa4\xde\xfd\xe6\xfb\x7f\xcf;s\xd6\x8e\xc9\x9f@\xaa\xaa\xd6\xa9[{\xd8CO}\xbcf=\xcdmh\x9a\xd6\xbcy\xf3\xfd\xfb\xf7\xcb\xb2L\xfbk\xf66\x9a\tw\x00\x00\xfc2J?\x0f\x1f&gt;\xac(\n\xcd\xfdF\xc7D\x8f\x9c\xf0\x94\xad\x93?\x06I\x92JKJGNx*:&amp;\x9a\xf6NQ\x94\xc3\x87\x0f\xcf\x9b7\x8f\xaa\x83\xcc\xde@\x93\xd9\xfe\x0b\x06\x80\xaa\xa1\xfehG\x8e\x1c\x993g\x0e\x15}\xd2\x988d\xd8#m\x12[\xfb|\xc5\xce\x08\x00&gt;_q\x9b\xc4\xd6C\x86=bLnK\x924g\xce\x9c#G\x8eH\x92\xc4y\x0c\xb0\xfd\x17\x0c\x00UCM\x92_x\xe1\x85\xa2\xa2"\xa3P\xf2\x86\x1b\xaf\x1f6\xea\xcf\x85\xf9\x85vO\xfe\x18\x14E)\xcc/\x1c6\xea\xcf7\xdcx=c\x8c\xf6\xb4\xa8\xa8\xe8\x85\x17^\x10E\xdes\xe0\x08\x00`W\xbae\x98\xfdIT\x05]\xef\xef\xd8\xb1\xe3\xbd\xf7\xde\xa3\xebb\x1a\r\xc7M\x19S\xaf~\xdd\xb2\xb22\xc7$\xc7EQ,++\xabW\xbf\xee\xb8)ct]\xa78\'\xcb\xf2{\xef\xbdg\xf7~\xd7\xd5\xc7{\x00\x04\xe0\x13\x8dz={\xf6\xa4A\x90~s{\xc7\xdb\xd6e\xac\xf6\x14\x169\xafD\x921\x16\x1b\x17\xd3\xbf\xe7\xc0/w\x7fm\xeco\xd7\xae]322\x04Ap\xde\xfe^%\x04\x00\xb0\x1f\xba\x8e+,,\xa4\xff6qK\xe829..N\xb7\xd5\x9aSt\t\xfc\xce;\xef\x0c\x1e&lt;\xd8H\x8b+\x8a\xb2\xea_\xef\xdc\xf6\x87\xf6\xc5\x8e\xc8\xfeW\xa0iZdT\xe4\xd7_\xec}\xe0\xaeA\xaa\xaa\x1a\xf3\x01+W\xae\x1c4h\x10\xb7\x8f\x05 \x00\x80\xcd\xd0\xb9:{\xf6\xec9s\xe6P\xcf2\x137F\x96eUU\'L\x980q\xe2D\xbb\x0c"\x94\xb6\xf2z\xbd\xed\xdb\xb7?z\xf4\xa8\x91\xfd\xef\x7f\xff=K\xde\x7f\xed\xcc\xcf\xb6|\xee\xf7j\xa8\xaaZ\xb7~\x9d\xe1\x0f=\xbd\xee\x83\x8f\x8dv\x17M\x9a4\xd9\xbbwott4\x9f]B\x11\x00\xc0N\x02{\x96\xe5\xe7\xe7\x9b\xbd9\x17$$$\xd8\xa8\xcb\x98\xaa\xaa\x8a\xa2L\x9f&gt;}\xda\xb4i\x17"\xa8(\xc4\xc6\xc6|\xb6k}\xbd\x06u\xfd\xf6\xe9\xfay\xadt]w\xb9]\xb9\xa7\xcf\xdc\xd9\xe9n\x8f\xa7\x88\x96\nPUu\xda\xb4iS\xa7N\xa5\x8f\xc5\xecm\xaciV?X\x01\x02\xe9\xba.I\xd2\xa4I\x93\xf2\xf3\xf3].\x97(\x8a\x92\xa9DQt\xb9\\\xf9\xf9\xf9\x93&amp;M\x92$\xc9\xfa\x97S\x94\xfa8z\xf4\xe8\xcb/\xbfl$\x7ftM\x1f:|p\xd3\xe6\x8d\xcf\x95\x9es\xea\xe8/\x08\x82(\x8a\xe7J\xcf5m\xdex\xe8\xf0\xc1\xbav\xa1\xdd\xa9,\xcb/\xbf\xfc\xf2\xd1\xa3G\xf9|,\x00w\x00`\x1b\x95{\x96\x99\xbdE\x17H\xf6\xe92FC^jj\xea\xda\xb5k\x8d4\xc8\x8d\x8d\x7f\xbbi\xcf\x06\xfao\x07\x07\x00\xa1|\xf6H\x14\xc5\xe4\x0e}O\x1c;i\xa4\xbf\x06\x0c\x18\xb0f\xcd\x1a\xbb$\xf1\x82\x08\x01\x00l\xa3B\xcf\xb2\x0b]k$)&amp;6Z\xd34A\xa8\xc9\x91K\x97$\xa9\xc8\xe3\xa5 D\x1bc\xfd.cF3\x9c\xee\xdd\xbb\xd36\xd3\x9f\x0b\xff1o\</t>
        </is>
      </c>
    </row>
    <row r="212">
      <c r="A212" s="1" t="n">
        <v>210</v>
      </c>
      <c r="B212" t="inlineStr">
        <is>
          <t>shape_size_grid</t>
        </is>
      </c>
      <c r="C212" t="inlineStr">
        <is>
          <t>What is the size of the missing part denoted by a question mark?</t>
        </is>
      </c>
      <c r="D212" t="inlineStr">
        <is>
          <t>['medium', 'small', 'large']</t>
        </is>
      </c>
      <c r="E212" t="inlineStr">
        <is>
          <t>small</t>
        </is>
      </c>
      <c r="F212" t="inlineStr">
        <is>
          <t>There are 9 shapes arranged in a grid with different sizes in the image, of which there is 1 missing shape. The first row is ['?', 'medium square', 'large square'], the second row is ['small hexagon', 'medium hexagon', 'large hexagon'], and the third row is ['small pentagon', 'medium pentagon', 'large pentagon'].</t>
        </is>
      </c>
      <c r="G212" t="inlineStr">
        <is>
          <t>We observe that the columns contain small shapes, medium shapes, and large shapes respectively. On the other hand, the rows contain squares, hexagons, and pentagons respectively. Hence, the pattern is that the shapes within each row are the same, while each column progresses the size of the shapes.</t>
        </is>
      </c>
      <c r="H212" t="inlineStr">
        <is>
          <t>Based on the pattern that the shapes within each row are the same, while each column progresses the size of the shapes, the size of the missing square should be small.</t>
        </is>
      </c>
      <c r="I212" t="inlineStr">
        <is>
          <t>b'\x89PNG\r\n\x1a\n\x00\x00\x00\rIHDR\x00\x00\x02\x00\x00\x00\x02\x00\x08\x02\x00\x00\x00{\x1aC\xad\x00\x00Y\x86IDATx\x9c\xed\xddw|\x15e\xd6\x07\xf0g\xca\xbd\xe9\x95\x16\xd4U\x01\x01\x0b\xb0\x12T\x16\x82\xb4\xd5$\x8a\xa8(\x89Xh\xee+\xa8H\x13\x10X@@@@\x8a\x14\xcb\xea\xa2\x14\xcbb@Q\x01%(A\x90\x80\xa8DEj"\xcd\x06\x84\x94\x9b\xdc\x14\xc8\x9d\xf2\xfeq\xc8xMAH\xee\xbd\xd3~\xdf\xcf\xfb\xd9\x8f\xc9\xab\xc9\xcc\xcd\xccs\x9e9\xcf\x99\xf3p\xaa\xaa2\x00\x00\xb0\x1f^\xef\x03\x00\x00\x00} \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00\x00\x00\xd8\x14\x02\x00\x00\x80M\x89z\x1f\x00\x00\x04\x8e\xaa\xaa\x8a\xa2\xe8}\x14\x06\xc5\xf3&lt;\xc7qz\x1fE@q\xaa\xaa\xea}\x0c\x00\x00\xa0\x03&lt;\x01\x00\xd8\x82\xaa\xaa\x1c\xc7\x15\x16\x16~\xff\xfd\xf7z\x1f\x8bA\xddx\xe3\x8d111\xf4A\xe9},\x01\x82\x00\x00`\x0b\x8a\xa2\x08\x82\xb0g\xcf\x9e\xdbo\xbf]\xefc1\xa8\xcf&gt;\xfb\xec\xb6\xdbn\xa3\x0fJ\xefc\t\x10\x04\x00\x00\x1b\x11E\x91\xe7y\x9e\xe7\xb1\x12\xe0\x8d&gt;\x10Q\xb4\xddxh\xbb\x13\x06\xb03m\x11\x98\xfe\x97\xe38\x9e\xb7o)\xa0\xa2(\xda"\xa8\xf7?\xdb\x07\x02\x00\x80}\xa9\xaa*\xcb\xb2\xdeG\x01\xbaA\x00\x00\xb0#\x8e\xe3TU\x8d\x8c\x8als\xe3\xf5\xb2\xa4\xd8f\xd5\xf3&lt;Ue\x82\xc8\xef\xfb\xfe@qQ\xb1}\x96|\xabC\x00\x00\xb0#\x9e\xe7eYn{\xe3\xf5\x1f\x7f\xf1A\x89\xbb\x84\x17\xec\x95\x08Rd%&lt;"\xfc\xee\xee\xf7en\xfb\x8a\xe7y\x1b&amp;\x7f\x08\x02\x00\x80}I\x92\\RRRRRj\xb7\x95\x00EQ\x18\xc7$\xc9\xee\xe9/\x04\x00\x00\xfb\xa2E`\xa2\xf7\xb1\x04\x9a\r\xdf\xfb\xad\xcev\x7fu\x00\x00 \x08\x00\x00\x006\x85\x00\x00\x00`S\x08\x00\x00\x006\x85E`0.k\xb4+\xb0\xe1\xfa*\x98\x05\x02\x00\x18\x17\x86N\x00\xbfB\x00\x00#\xa2\x96\xbcc\xc6\x8c\xf9\xee\xbb\xef\x04A0c\xbb\x02:\xec\xf6\xed\xdb/X\xb0\xc0V\x1d\x86\xc1D\x10\x00\xc0\x88h\xc4\xcc\xcc\xcc\xdc\xbd{\xb7\xde\xc7R/eee\xac\xf2t\xf4&gt;\x16\x80\xaa\x10\x00\xc0\xb8\xc2\xc3\xc3\x05A0\xf5\x13@xx\xb8\xde\x07\x02P+\x04\x000.EQh\xe8\xa7\xff\xe5y\x8e1\xe3\xcf\xa3UE9\xdfXF\x96ek\xacc\x83U!\x00\x80i(\x8a\xca\x98M\x9bv\x01\xf8\x03\x02\x00\x98\x00\xf5.\x9e0}\\|\xc7\x1bKK\xca\x8cY\x1d\xa4(JXxh\xd6\xee\xef\xe7L\x9d\x87\x8c?\x98\x02\x02\x00\x98\x00\x05\x80\xf8[nLJ\xba\xbd\xa8\xa4H\x10\x8d\xb8e\xab,\xc9Q\xe1Q\xf4\x88\x82\x00\x00\xa6\x80\x00\x00\xa6QZZVTZTT\xe4\x16\x0c\xd9\xbc^\x96\x15\xc6\xb1\xd2\xd22\xbd\x0f\x04\xe0b!\x00\x80i\xf0&lt;/\x08\x82 \xf0\x82`\xc4\'\x00\xc6\x98 \x08\xc6LO\x01\xd4\x08\x01 \xa0\xb4-\xb9\xab\xec@Dm\xd9\x917\x00\x80@B\x00\xf0;\x1a\xf4UU\x15\x04\x81\xe3\xb8\x0b\xcc^i\x87n{\xee\xce\x01\x00\x81\x87\x00\xe0G\xda\xb8\xaf\r\xfag\xce\x9c9q\xe2\xc4\xa9S\xa7\xce\x9c9SZZ*\xcb\xb2\xc3\xe1h\xd0\xa0\xc1\xe5\x97_\xde\xa2E\x8b\xa6M\x9b\x8a\xa2\xc8\x18\xa30\x80\x07\x02\x00\xf0+\x04\x00\xbfPUUUU\x9a\xc8\x97\x95\x95\xed\xd8\xb1\xe3\xd3O?\xcd\xcc\xcc\xcc\xc9\xc9q\xb9\\5\xfe\'\x11\x11\x11m\xda\xb4\xb9\xe7\x9e{\x1ez\xe8\xa1\xbf\xfd\xedo\x8c1EQ\xf0(\x00\x00\xfe\x83\x00\xe0\x17\x1c\xc7q\x1c\xb7w\xef\xdeU\xabV\xad[\xb7\xee\xe8\xd1\xa3\xde\xff/\x1a\xd6\xb5\t&gt;E\x0b\xb7\xdb\xbdk\xd7\xae]\xbbv\xcd\x993g\xc4\x88\x11\x93&amp;Mr:\x9d\x88\x01\x00\xe0?\x08\x00&gt;\xa6(\n\xc7q\x87\x0f\x1f\x9e2e\xca\x87\x1f~(I\x12c\x8c\xd2\xfa\x94\x11b\x95m\xee)\x00\xd0w\xa8Y\x18\xa5}\\.\xd7s\xcf=\x97\x91\x91\x91\x96\x96\xd6\xb4iS\xf4\x11\x03\x00?\xc1\xec\xd2\xc7h\xbc.**Z\xbbv\xad$I\xa2(\xd2\xd0/\xcb\xb2\xb6\x02LS~EQ($h\xeb\xc3\xb2,K\x92\xc4q\x9c\xc3\xe1\xd8\xb1cGrr\xb2\xcb\xe5\xa2\x7fA\xef\xd3\x02\x00\x0bB\x00\xf01A\x10\x14E\xe9\xd8\xb1c\x9f&gt;}\xb4\x99\xbb \x08T\xe1#I\x92\xaa\xaa\xa1\xa1\xa1M\x9a4i\xd6\xacY\xb3f\xcd\x1a6l\xc8*\xbb\x86i\xe1\xc1\xe3\xf18\x1c\x8e\xbd{\xf7&gt;\xfe\xf8\xe3\x14?\xf4&lt;%\x00\xb0(\x04\x00\xdf\xa3\t\xfb\xa8Q\xa3\x18c\x1c\xc7\xd1\xf4?,,\xec\xce;\xef\\\xbcx\xf1\x8e\x1d;\x0e\x1f&gt;\x9c\x93\x93s\xf0\xe0\xc1\x83\x07\x0f\xe6\xe4\xe4\xfc\xf0\xc3\x0f/\xbd\xf4R\x87\x0e\x1d\xa8\xf8\x87~\x88\xc7\xe3\x11E\xf1\xbd\xf7\xde\xcb\xc8\xc80i?d\x0008\xac\x01\xf8\x1e=\x04t\xed\xda\xf5\xe6\x9bo\xfe\xfa\xeb\xaf\xe3\xe3\xe3\x1fy\xe4\x91&gt;}\xfa\\}\xf5\xd5\xd5\xff\xe5\xa0\xa0\xa0\xe8\xe8\xe8v\xed\xda=\xfe\xf8\xe33g\xce\x9c6m\x9a\xf7p\xcfq\xdc\x92%Kz\xf6\xec\x89e\x00\x00\xf09\x04\x00\xbf\xa0\x87\x80\xb9s\xe7\x9e&lt;y\xb2_\xbf~4|S\xd2\x9f\xab\xe4\xfd/S\xb5\xcf\xd4\xa9S].\xd7\xa2E\x8b(\x06\xc8\xb2\xac\xaa\xea\xb6m\xdb\xf2\xf3\xf3\x1b4h\x80\xd5`\x00\xf0-\xa4\x80\xfc\x82\xb2\xf9\xdd\xbbw\x7f\xf0\xc1\x079\x8e\x93$\x89\x86xQ\x14\xa9]\x0c\xe7\x85\xbe\xcf\x18S\x14e\xea\xd4\xa9\r\x1a4\xa0\x15c\x1a\xf1].\xd7\x81\x03\x07Xe\xed\x10\x00\x80\xaf \x00\xf8\x11e\xffUU\xa5Z\xa0\x0b\xff\xcb&lt;\xcf\xab\xaa\x1a\x1d\x1d\x9d\x90\x90@_j\xff\xfb\xcb/\xbf\xb0j\xed\x83\x00\x00\xea\t) ?\xba\xd4w\xb8\xa8\xe2\xf3\xaa\xab\xaeb\x95o\t\xd0\xff\xba\xddn\x7f\x1c\x1e\x00\xd8\x1c\x9e\x00\x8c\x852?U\xbei\xd8\xee\xc7\x00`j\x08\x00\x06B\xf3\xfd\xdf\x7f\xff\x9dy\xbd!\xcc\x18\xa3w\x05\xb0\x02\x0c\x00\xbe\x85\x00`\x14\xd4&lt;\xee\xdc\xb9s\xdf~\xfb-\xab\x1c\xfai5\xb8E\x8b\x16\x0c\x01\x00\x00|\r\x01\xc0(h\xac_\xbbv\xed\xcf?\xffLo\x12P\xb1\xd0\xd5W_\xdd\xaaU+\x86\x00\x00\x00\xbe\x86\x00`\x08\xb2,\x8b\xa2\x98\x9b\x9b;a\xc2\x04m\x19\x80\xea\x82RRR\x82\x82\x82\xa8G\x90\xde\x87\t\x00\x96\x82\x00\xa0?Y\x96\x05A(--\xbd\xff\xfe\xfb\x7f\xfd\xf5W\xea\x1eA-\x80"##G\x8c\x18\xa1m-\x00\x00\xe0C\x18Vt&amp;I\x92 \x08\xf9\xf9\xf9w\xdey\xe7\x8e\x1d;(\xf9\xc3*\xfbI\xbc\xf0\xc2\x0b\x97_~9v\x05\x00\x00\x7f\xc0\xb0\xa2\'\xea\x17\xfd\xd3O?\xf5\xe8\xd1c\xfb\xf6\xed\xa2(R\x17 \x87\xc3\xe1\xf1x\x1e{\xec\xb1\xa1C\x87\xd2\xf3\x81\xdeG\n\x00\x16\x84\x00\xa0\x1b\xca\xfbgdd\xdcz\xeb\xad?\xfe\xf8\xa3 \x08\x94\xe8\x17E\xd1\xe3\xf1\xf4\xef\xdf\xff\xb5\xd7^\xf3\xee\x0f\n\x00\xe0[\x18\\\xf4A\xf3\xfa\xff\xfc\xe7?III\xa7N\x9d\xa2\xeeoT\xf6#I\xd2\xf0\xe1\xc3W\xadZE\xa9\x7f\xac\xfd\x02\x80\x9f \x00\xe8\x80F\xffi\xd3\xa6=\xf1\xc4\x134\xee\xd3w\xa8]\xe8\x0b/\xbc\xb0d\xc9\x12\xado\xa8\xde\x07\x0b\x00\x96\x85^@\x81Fc\xfd\xcc\x993\xa7O\x9fNI\x7f\xda\x0bL\x96\xe5\x06\r\x1a,_\xbe\xbcw\xef\xde\xb42\x8c\xd1\x1f\x00\xfc\n\x01 \xa0h\xf4_\xb7n\xdd\x94)Sh\xf4\xa7^\xa1\x92$\xb5n\xddz\xdd\xbau\xd7]w\x1d\xad\x0c\xeb}\xa4\x00`}\x18h\x02\x87r\xfa\x85\x85\x85O&gt;\xf9$\x15\xfb\xd3v\xf0\x92$u\xe8\xd0a\xe3\xc6\x8dM\x9a4\xc1\xe8\x0f\x00\x01\x835\x80\xc0\xa1f\x0f\xcb\x96-\xa3U_\xaa\xee\x97e\xf9\x86\x1bn\xd8\xb4iS\x93&amp;M\xa8.H\xef\xc3\x04\x00\xbb@\x00\x08\x1cA\x10TU]\xbdz\xb5\xb6\xdb\x97\xaa\xaa\xe1\xe1\xe1\xef\xbf\xff~\xc3\x86\r)\xef\xaf\xf71\x02\x80\x8d \x00\x04\x08U\xf5\xfc\xf6\xdbo\x07\x0f\x1e\xa4M\x80)\x1e\x0c\x1f&gt;\xbcu\xeb\xd6\x1e\x8f\x07s\x7f\x00\x080\x04\x80\x00\xa1\xfen\xc7\x8f\x1f///\xa7\xf2\x1e*\x00}\xf0\xc1\x07\xd1\xe9\x01\x00t\x81q\'\xa0\xf2\xf2\xf2\x18c\xf4z\x97\xaa\xaa\x8d\x1b7n\xd6\xac\x19\xcf\xf3\x08\x00\x00\x10xH;\x04\x08=\x01\x9c;wN\x14EJ\xfe(\x8a\xd2\xa4I\x93\xd0\xd0P\xbd\x0f\r\x00l\n\x01 \xa0\xca\xcb\xcb%I\x92$\x89\xbe,**\xa2\xb9?\xde\xf9\x02\x80\xc0C\x00\x08\x10\x1a\xe8o\xba\xe9\xa6i\xd3\xa6\xd1p\xaf\xaaj\x93&amp;M\xf4&gt;.\x00\xb0/\x04\x80\x00\xa1\x00\xd0\xa6M\x9b6m\xda\xe8},\x00\x00\x8c!\x00\x04\x18\xb5{\xf3\xfe\x0e\xaa?\x01@/\x18}\x02\x8a\n~\xb4\x18\x80\xe2\x1f\x00\xd0\x11\x02@@\xd1\xeb`\xda\xb8\xaf\xaa*\xf6\xfb\x05\x00\xbd \x00\x04\x8e6\xd6\xff\xf2\xcb/\x05\x05\x05\xb1\xb1\xb1\x7f\xfb\xdb\xdf\xb4\xb6\x10z\x1f\x1d\x00\xd8\x0e\xe6\x9e\x01B\xa3\xfc\xde\xbd{\x13\x13\x13\xaf\xbb\xee\xba\xf6\xed\xdb_w\xdduw\xdcq\xc7\xbe}\xfb(\x06\xe8}\x80\x00`;x\x02\x08\x04\x1a\xdfO\x9e&lt;y\xfb\xed\xb7\xe7\xe6\xe6\xd27KKK7m\xda\x94\x95\x95\xf5\xddw\xdf5m\xda\x14\r!\x00 \xc00\xe2\x04\x025\x82NKK\xcb\xcd\xcd\r\n\n\xe2*\x05\x05\x05\xe5\xe6\xe6\xbe\xfb\xee\xbb\xb4=\x80\xde\x87\t\x00\xf6\x82\'\x80\xc09x\xf0 \xc7q\xb4\x0b\x18}\x87\x02\xc3\xbe}\xfb\x18^\x06\x06\x80\x80\xc3\x13@ \xd0\xe0\xee\xf1x\xaa\xe7\xfaUU\xf5x&lt;z\x1c\x14\x00\xd8\x1d\x02@ \xd0\xb8\xdf\xb4iS\xca\xfch\xdf\xa7//\xbf\xfcr\xed\xdf\x01\x00\x08\x18\x04\x80@\xa0\xd5\xdd\xbb\xef\xbe[UUI\x92\x1c\x0e\x87 \x08\xb4\x17\xbc\xaa\xaa}\xfa\xf4ax)\x0c\x00\x02\x0e\x83N \xd0\xdb\xbf\xb7\xdcr\xcb\x8c\x193(\xe7#\xcb2\xf5\x04}\xfe\xf9\xe7;u\xea\x84\x12 \x00\x08&lt;,\x02\x07\x08\xc5\x80\xc9\x93\'\xdf~\xfb\xed\xeb\xd7\xaf?y\xf2d\xd3\xa6M\xef\xb9\xe7\x9e\x9bo\xbe\x19\xa3\xffER\x14E\x96eY6h\xb9\x94,+\xb2,\xa3\x9a\x0bL\x04\x01 p(\x06t\xec\xd8\xb1c\xc7\x8e\xda71\xfa_\xbc\xb0\xb0\xd0\xa8\xb0(\xa62A\x14\xf4&gt;\x96\x1a\xc8\x92\x1c\x15\x16\x15\x16\x86\x1d~\xc04\x10\x00\x02\x8ab\x00u\x04\xa2\xce\x10\x18\xfd/\x06\xad\x90g}\xfd=\xe3XiI\x991?4EQ\xc2\xc2C\xb3\xbe\xfe\x9eU\xbe\xf8\xad\xf7\x11\x01\xfc\x05\x04\x80@\xc3\xa0_\x07\x14\x00\xe6L\x9d\xa7\xf7\x81\\,\xd4t\x81) \x00\x80i\xf0&lt;\xc7\x98\xf1\xa7\xd5\xaa\xa2`\xf4\x07s@\x00\x00\xe3\xe2y^\x10\x04A0b\xc6\xbfv\x1c\x1d/\x1d6\x9e\xf6\xc0\xc8\x10\x00\xc0\xb8JJJdY\x96eY\xef\x03\xa9\x0b:\xec\x92\x92\x12\xbd\x0f\x04\xa0V\x08\x00`D\xb4\x82\x9a\x90\x90\x10\x1a\x1a*\x08\x82\x19c\x00\x1dv\xfb\xf6\xed\x19\x1a=\x81Q!\x00\x80\x11\xd1\x88\xb9`\xc1\x02\xbd\x0f\xc47\x10\x00\xc0\x98\x10\x00\xc0\xb8\xac\xf1R\x15\x96\x01\xc0\xb0\x10\x00\xc0\xb80t\x02\xf8\x15n0\x00\x00\x9bB\x00\x00\x00\xb0)\x04\x00\x00\x00\x9bB\x00\x00\x00\xb0),\x02\x03\xd8\x97\xaa\xaa\xd4\x9dP\xef\x03\t4:k\xb4lB\x00\x00\xb0/Q\x14\xc2\xc3\xc3\x99\xcax\xc1^\xc9\x00EV\xc2\xc3\xc3EC\xf6\x15\x0f$\x04\x00\x00;\xa2Y\xff\x8f\xdf\x1f\xe8\xdd\xfd&gt;YR\xec\xf6\xa6\x9a\xaa2A\xe4\xf7}\x7f\x801F\xed\xd9\xf5&gt;"} \x00\x00\xd8\x11e?\x8a\x8b\x8awn\xfbJ\xefc\xd1\x99\x9d7o@\x00\x00\xb0/\x8e\xe3\xec\xfc\xb6\x1d\x96\x01\x10\x00\x00l\x84F|\xefA\xdf\xce# \xc7q4\xf7\xa7\x0f\xc4\x86\xcf\x01\x08\x00\x006"I\x92=\xcb~.\x8c&gt;\x10I\x92\xf4&gt;\x90@\xe3\xec\x1c\xff\x01\xec\x832\xdd\x85\x85\x85\xdf\x7f\xff\xbd\xde\xc7bP7\xdexcLL\x8c\xad\x96\x04\x10\x00\x00\x00l\n) \x00\x1b\xa17\xbf\xf4&gt;\n\x83\xe2y\xde&gt;s\x7f\x82\'\x00\x00\x00\x9b\xb2o\x05\x18\x00\x80\xcd!\x00\x00\x00\xd8\x14\x02\x00\x00\x80M!\x00\x00\x00\xd8\x14\x02\x00\x00\x80M!\x00\x00\x00\xd8\x14\x02\x00\x00\x80M!\x00\x00\x00\xd8\x14\x02\x00\x00\x80M!\x00\x00\x00\xd8\x14\x02\x00\x00\x80M!\x00\x00\x00\xd8\x14\x02\x00\x00\x80M!\x00\x00\x00\xd8\x14\x02\x00\x00\x80M!\x00\x00\x00\xd8\x14\x02\x00\x00\x80MaKH\x00\xa8\x81\x95v\x8e\xe4y\xcctk\x86-!\x01\xa0*UU\xad\xb4;\xae\xc5N\xc7\x87\xf0\x04\x00\x00\x7f\xa2(\n\xcf\xf3\xd3\xa6M\xdb\xbe}\xbb \x08\xb2,\xeb}DuD\x07\xdf\xb5k\xd7i\xd3\xa6\xd1I\xe9}D\x86\x83\'\x00\x00\xf8\x83\xa2(\x1c\xc7egg_{\xed\xb5z\x1f\x8b\xcf\x1c:t\xa8U\xabV\xaa\xaa"\x06T\x81\x00\x00\x00\x7f\x90eY\x10\x84\xa4\xa4\xa4\xcd\x9b7;\x9dN\xf3N\xff\x89 \x08\x15\x15\x15\x89\x89\x89\xe9\xe9\xe9tjz\x1f\x91\xb1 \x00\x00\xc0y4Dn\xde\xbc9))\xe9|\xf2\x87c&lt;\xcf33\x0e\x12\x1cS\x14\x85\xa9\xe7\x13A\xe9\xe9\xe9\x89\x89\x89\x88\x01U \x00\x00\x00c\x8c\xa9\xaa\xaa\xaa\xaa$I\xed\xda\xb5\xcb\xce\xce\xe68\xce\x1a\x85@&lt;\xcf\xab\xaa\xda\xaaU\xab\xbd{\xf7\x8a\xa2\xc8q\x1c\x16\x845X\x04\x06\x00\xc6\x18S\x14E\x10\x84\xf9\xf3\xe7\x1f&gt;|X\x14EY\x96y\x9e\x17Da\xee\xd2Yq\x975\xa9\xa8\xf0\x98e\xdcTU\xd5\xe9t\x9c\xfa\xfd\xf4\xf8\xe1\x93dIVUU\x10\x84\xc3\x87\x0f\xcf\x9f?\xff\xdf\xff\xfe7\x1e\x02\xbc\xe1\t\x00\x00\xceW\xfd\xe7\xe6\xe6\xdep\xc3\r.\x97\x8b\xd6KeY\x1e:\xf2\xff\xe6-\x9a\xed*u\x99k\xd0\x94e9:,z\xdc\xa8\x89\xaf-^&amp;\x08\x02\xadlGGG\xef\xdf\xbf\xbfq\xe3\xc6\x0co\x06TB\x00\x00\x80\xf3\xd9\xff\xc1\x83\x07\xafX\xb1B\x10\x04J\x07]y\xf5\xdf6|\xb9.((\xc8\xe31\xcd\xf4\x9f\xa8\xaa\xeap8\xce\x9d;w\xd7\xad}~&gt;\xfe\x0b\xa5}dY\x1e4h\xd0\xf2\xe5\xcb\xf1\x10\xa0A\x00\x00\xb0;\x9a gee%$$x&lt;\x1e\xca\x05\xc9\xb2&lt;w\xe9\xacAO\x0c\xc8\xcb\xcd\x13E\xf3\xe5\x8a%Ij\xd8\xb8\xe1\x8aWW\x8d\x1f&gt;\x89N\x87\xe7y\x87\xc3\x91\x99\x99\x19\x1f\x1f\x8f\x92P\x82\x00\x00`w4#\xee\xde\xbd\xfb\xb6m\xdbhj,\xcb\xf2\xcd\x9d:\xacI\xff_yY\xb9y\x07JEQBBCR\x92\x1e\xfcf\xd7\x1e\xed\xbc\xbau\xeb\xf6\xc5\x17_\xe0!\x80\x98\xf5O\x0b\x00&gt;AC\xe1\x9a5kh\xf4\xa7\xc2\x7f^\xe0GN\x18\xeep\x88\xa6\x9e \xaa\xaa\xeap\x88#\'\x0c\xe7\x05\x9eU\x9e\xe9\xb6m\xdb\xd6\xacYc\xea7\x9c}\x08O\x00\x00\xf6\xa5\xaa\xaa\xa2(\xb2,\xb7i\xd3&amp;\'\'\x87\xe7y\xca\x95\xdf\x93\xd2\xfb\xf5w_\xce;\x93o\xc6\xe4\x8f7I\x92\x1a6j0\xe4\xa1a\x1f\xadYOk\x1b\x8a\xa2\xb4l\xd9r\xdf\xbe}\x82 \xd0\xf9\xea}\x8cz\xc2\x13\x00\x80}i\xa5\x9f999\xa2(\xd2\xdaoDd\xc4\x88\xf1\xc3L\x9d\xfc\xd1\xf0&lt;_^V&gt;b\xfc\xb0\x88\xc8\x08:;Q\x14srr\xe6\xcf\x9fO\xd5Az\x1f\xa0\xceL\xff\x07\x06\x80\xba\xa1\xfehG\x8e\x1c\x99;w.\x15}\xd2\x988p\xc8#\xed\xe2\xdb\x96\x94\x94Z#\x00\x94\x94\x94\xb6\x8bo;p\xc8#\xda\xe26\xcf\xf3s\xe7\xce=r\xe4\x08\xcf\xf36\x8f\x01\xa6\xff\x03\x03@\xddP\x93\xe4\xe7\x9e{\xae\xb8\xb8X+\x94\xfc\xdbUW\x0c\x19\xf9/W\x81\xcb\xec\xc9\x1f\x8d(\x8a\xae\x02\xd7\x90\x91\xff\xfa\xdbUW\xc8\xb2LgZ\\\\\xfc\xdcs\xcfq\x9c\xdds\xe0\x08\x00`V\xaaa\xe8\xfdI\xd4\x05\xcd\xf7\xb7o\xdf\xfe\xce;\xef\xd0\xbc\x98F\xc3\xb1SF7n\xd2\xa8\xa2\xa2\xc22\xc9q\x8e\xe3***\x1a7i4v\xcahUU)\xce\t\x82\xf0\xce;\xef\x98\xbd\xdfu\xfd\xd9=\x00\x02\xd8\x13\x8dz={\xf6\xa4A\x90\xbesK\xa7\x9b\xd6e\xa4\x15\xb9\x8a\xadW")\xcbrTtd\x9f\x9e\xa9_\xef\xfaV;\xdf\xae]\xbbfdd0\xc6\xacw\xbe\x17\t\x01\x00\xcc\x87\xe6q.\x97\x8b\xfeY\xc7#\xa1irtt\xb4j\xaa=\xa7h\n\xfc\xd6[o\r\x180@K\x8b\x8b\xa2\xb8\xfa\x93\xb7n\xfaG\x87RKd\xff\xabP\x14%,&lt;\xec\xdb\xaf\xf6\xf4\xbb\xb3\xbf$I\xdaz\xc0\xaaU\xab\xfa\xf7\xefo\xdb\xd7\x02\x10\x00\xc0d\xe8^\x9d3g\xce\xdc\xb9s\xa9g\x99\x8e\x07#\x08\x82$I\xe3\xc7\x8f\x9f0a\x82Y\x06\x11J[\xb9\xdd\xee\x0e\x1d:\x1c=zT\xcb\xfe\xf7y\xe0\x9e\xd7\xde}\xe9\xcciS\xbe\xf7{1$Ij\xd4\xa4\xe1\xd0\x87\x9eZ\xf7\xdeGZ\xbb\x8b\xe6\xcd\x9b\xef\xd9\xb3\'""\xc2\x9e]B\x11\x00\xc0L\xbc{\x96\x15\x14\x14\xe8}8\xe7\xc5\xc6\xc6\x9a\xa8\xcb\x98$I\xa2(N\x9f&gt;}\xda\xb4i\xe7#(\xc7\xa2\xa2"?\xdd\xb9\xbeq\\#\x8fy\xba~^*UU\x1dNG\xee\xa93wt\xee]TTL[\x05H\x924m\xda\xb4\xa9S\xa7\xd2\xc7\xa2\xf71\x06\x9a\xd1/V\x00o\xaa\xaa\xf2&lt;?q\xe2\xc4\x82\x82\x02\x87\xc3\xc1q\x1c\xaf+\x8e\xe3\x1c\x0eGAA\xc1\xc4\x89\x13y\x9e7\xfet\x8aR\x1fG\x8f\x1e}\xf1\xc5\x17\xb5\xe4\x8f\xaa\xa8\x83\x86\x0eh\xd1\xb2\xd9\xd9\xf2\xb3V\x1d\xfd\x19c\x1c\xc7\x9d-?\xdb\xa2e\xb3AC\x07\xa8\xca\xf9v\xa7\x82 \xbc\xf8\xe2\x8bG\x8f\x1e\xb5\xe7k\x01x\x02\x00\xd3\xa8\xde\xb3L\xef#:\x8f7O\x971\x1a\xf2RRR\xd6\xae]\xab\xa5A\xaejv\xe5\xe6\xdd\x1b\xe9\x9f-\x1c\x00X\xe5\xea\x11\xc7q\x89\x1d{\x9d8\xf6\xb3\x96\xfe\xea\xdb\xb7\xef\x9a5k\xcc\x92\xc4\xf3!\x04\x000\x8d*=\xcb\xcew\xad\xe1\xf9\xc8\xa8\x08EQ\x18\x0b\xe4\xc8\xa5\xf2&lt;_\\\xe4\xa6 D\x07c\xfc.cZ3\x9c\xee\xdd\xbb\xd31\xd3\xff.\xfa\xef\xfc\xd4\x01}\x0b\xf3\x0b\xed\x90\x03\x91$)\xa6AL\xda\xaa\xb5\xa3\x1e\x1b\xeb\xfd!|\xf1\xc5\x17\xdd\xbau3\xf2\x9f\xcf\x1f\x10\x00\xc0\x1c\xe8\xce\\\xbbvmJJ\x8a\x96\xbb`\x8c\xbd\xb2j\xc9\xad=\x12J\xdc%\xd4\xf0+0\x14Y\t\x8f\x08\xffrk\xe6\x93\x03F\xb0\xca\xbc\x8a,\xcbk\xd6\xac\xe9\xdb\xb7\xaf1\x07\x11\x9a\xe0{&lt;\x9e\x84\x84\x84\xac\xac,m\xf2\x9b\xd0\xbds\xda\xa7o\x17\x17\xb9\x8d\xfc\xe0\xe2[\x8a\xa2DFE\xa4\xde\xf1H\xe6\x17;\xb5\xc7\xa0\xf8\xf8\xf8\xcc\xccL\xca+Z\xfb1\xc8\x1b\x02\x00\x98\x80\xaa\xaa\x8a\xa2\x94\x94\x94\xc4\xc7\xc7\x1f;v\xec\x8f\xc2\x95\xd4\xbb__\xfdja~a\xe0\x07\\Y\x96c\x1a\xc4\x0c\xe9\xf7\xc4\xba\xb4\x8f\xb5A\xa4Y\xb3fYYY\xe1\xe1\xe1\xbc\xf1\xba\x8cQXZ\xb9r\xe5\xa0A\x83\xb4\x08\xca\xf3\xfc\x86/\xd7]\xd7\xe6\xda\xb2\xd22[\x05\x80\xd0\xb0\xd0\x83\xfb\x0e\xdduk\x1fEQ\xb4\xf8\xbdb\xc5\x8a\x81\x03\x07\x1a3~\xfb\t\x02\x00\x98@m\x85+\x9bv\xaeo\xd4\xa4Q\xc5\xb9\n\x8e\x0f\xf4h\xab*\xaa3\xc8y\xe6\xf4\x99d3\x94\x94P|r\xb9\\7\xdcpCnn\xaeZ\xb9\xe3\xe3\xc3\x8f\xf6\x9b\xff\x9f9\x05y.Q\xb4\xcb\x90G$I\x8em\x18=\xf6\xf1\t\xef\xbc\xb9Z\xdb3\xb2q\xe3\xc6\xfb\xf7\xef\x8f\x8e\x8e\xb6\xcfC\x80]b&gt;\x98\x17M\xd0\x8e\x1c9\xf2\xe2\x8b/\xd2\xb0\xa5\x15\xae4o\xd9\xec\xec\xd9\xb3\xbc\xc0s\x01\xc7\x0b\xfc\xd9\xb3g\x9b\xff\xb9\xa4\x84\xe7\xf9\x17_|\xf1\xc8\x91#F+)\xa1\xbeo\x0b\x17.&lt;u\xea\x14\rm\x8a\xa2DEG&gt;=ydYI\xb9\x10\xc0\xec\x99A\x08\x02_VR\xfe\xf4\xe4\x91Q\xd1\x91\xf4\x97\xe28\xee\xd4\xa9S\x0b\x17.\xe4\xed\xd4!\xcev\x7fx0\x1d\xb5\xb2gYQQ\x91\x96\xfc\xb9\xba\xf9UO\x8e\x19ZX\xa0\xe7f\xe5\x82 \x14\x16\xb8\x9e\x1c3\xf4\xea\xe6Wi]\xc6\x8a\x8a\x8a\x8c\xd6e\x8cF\xff\x9c\x9c\x9cy\xf3\xe6\xd1\xe8F\x15\xab#\x9e\x19v\xd9\x15M\xcf\x9e\xb5r\xe9gm8\x8e;{\xf6\xeceW4\x1d\xf1\xcc0z\x1e\xa2\x8fe\xde\xbcy\xb4/\x82Mb\x00\x02\x00\x18Z\x8d=\xcb\x18c\xa3&amp;\x0e\x0f\x8f\x0c\x97$I\xc7\xc1\x8b\xe38I\x92\xc2#\xc3GM\x1cN_\x1a\xb3\xcb\x18E\xd0I\x93&amp;Q\x8b7\x8e\xe3\x14Env\xcd\xd5\x03\x86&gt;\xe2.r\x0b6K\xfeh\x04Qp\x17\xb9\x07\x0c}\xa4\xd95W+\xca\xf9\xf8]QQ1i\xd2$C\xc5o\xbfB\x00\x00\xa3\x93ey\xca\x94)4\x98\xd2\xa8zK\xa7\x9bR\xfa\xdfWTP\xa4{\x9e]\x14\xc5\xa2\x82\xa2\x94\xfe\xf7\xdd\xd2\xe9&amp;m\xf1\xd0\xfb\x80uGG\xb5y\xf3fm\x1fD\x8e\xe3T\x95M\x9e5144D\x92d.\xa0\xe5\xb3\x06\xc21N\x92\xe4\xd0\xd0\x90\xc9\xb3&amp;\xaa\xea\x1f\xf1{\xcd\x9a5\x9b7o6N\xfc\xf6+\x04\x000.\xba!\xdf}\xf7]mB\xad\xaa\xaa\xd3\xe9\x9c0c\x9c,)F\x19\xb88&amp;K\xca\x84\x19\xe3\x9cN\xa7\xaa\xaa\xda#\xcb\xbb\xef\xbe\xab\xfb Bs\x7fI\x92F\x8c\x18A\xb3Z:\xa4\x84\xee\x9d\x93z\xdfV\\\xe4\xb6O\xb9K\x8d\x04A(.r\'\xf5\xbe-\xa1{g\xfa\xc3\xd1\'6b\xc4\x08z\xb8\xb4\xfcs\x00\x02\x00\x18\x14\xdd\x8aEEE\xd3\xa7O\xd7\x06/EQz\xf5\xb9\xa3K\x8f\xce\xeeb\xa3\xd4\xad\xf3&lt;\xef.vw\xe9\xd1\xb9W\x9f;h\xbd\x9a\x8e|\xfa\xf4\xe9\xb4h\xa1\xe3 By\xed\xd7^{\xed\xf0\xe1\xc3\x94\xf7\xa7~8SfO\x94e[\xe4\xb8/\x86,+SfOt8\x1d\xf4\xf9\xf0&lt;\x7f\xf8\xf0\xe1\xd7^{\xcd\x0e+\x01\x86\xb8\x85\x00\xaa\xa3\xa2\x9aE\x8b\x16QQ\x8d\xaa\xaa\x8a\xaaD\xc7D=3m\x8c\xbb\xb8\xc4PSWA\x10\xdc\xc5%\xcfL\x1b\x13\x1d\x13\xa5\xa8\n\xc5\xaa#G\x8e,Z\xb4\x88\xaa\x83t9*\x1a\xcb\n\x0b\x0b\xa7L\x99\xc2q\x1c\x05\x03EQ\xfe\xf5\xe4\xa0\xf67\xfd\xbd\xc4]b\x90\x08\xaa/\x9e\xe7K\xdc%\xedo\xfa\xfb\xbf\x9e\x1c\xa4}D\x1c\xc7M\x992\xa5\xb0\xb0\xd0\x14\xfd\x9d\xea\x03W\x80\xbf\xc8&gt;\xa5\xf7\xd9\x04Z\xad=\xcb\x1e7b\xcf2N\xeb2\xf6\xb8\x81\xba\x8cU\x19\xc8\x18c\xaa\xaa6j\xdc\xf0\xb1\xe1\x8f\x96\xb8K\r\x15A\xf5%\x08B\x89\xbb\xf4\xb1\xe1\x8f6j\xdc\x90\x86\xfb*\x81S\xef\x03\xf4#\xeb\'\xb9\xc0\x8c\xe4\x9az\x96]\xdd\xe2\xaa\xf4]\xebU\x95\x19\xb0gYe\x971\x96\xd4\xa9\xf7\xf1#\'\xb4rU\xbd\xba\x8c\xd1\xe8\x9f\x9d\x9d\xdd\xa6M\x1b\xef\x97]g/\x9e\xf1\xe8\x93\x03\xf3\xce\xe4\xeb\xbe~n(\x92$5l\xd4\xe0\xcdWVN\x1c9\xc5\xfb5\xe9}\xfb\xf6\xb5j\xd5\xca\xe0\r\xfe\xea\x03\x01\xc0\xf7\xa8oAff\xa6\xaff\xee\x82 $$$\x18\xb0\xbb\x80\x9f\xc8\xb5\xf4,{\xe3\xbd\xd7\x92\xefN,r\x15\x19s\xf6*\xcbrTt\xd4\xa6\x8f7\xff\xeb\x81\xa1\xbaw\x19\xa3_\x97\x94\x94D\x05-\x14A\xafow\xdd\x87[\xd2\x14\x05\xb7|\xcdx\x9e\xbb\xf7\x9f\xa9\x07\xf6\x1e\xd4\xe2wbbbzz\xba\x85\x9bC \x00\xf8\x98\xec\xb5\xd9\x9e\x0f\x7f\xac}6\xae\xbb@\xcf\xb2\xf7&gt;y\xcb]l\xe8\xcc\xb5\xa2(\x11\x91\xe1\x0f\xdc\xd9_\xdf.cZ\xe9gRR\x92w(zk\xdd\x9b\xff\xbc\xa3\xa7\xabP\xcf\xb7\xe7\x0cK\x96\xe5\xe8\x98\xe8-\x9ff\xf4\xef\xf3\xa8\xf7\x87\x96\x9e\x9e\x9e\x98\x98h\xd5[\x0f\x01\xc0\x97\xbc7\xdb;v\xec\x98O\xaa\x08\xe8\x874k\xd6\xcc&amp;\x1b\xd7\xc9f\xeeYf\x84.ct\x11J\x92\xd4\xae]\xbb\xec\xecl-\x82&amp;\xdf\x9d\xb8l\xf5\xab(\xfd\xbc\x00Y\x96#\xa3"\xfe\xaf\xdf\x13\x9b&gt;\xfe\xe3\xb1\xa9U\xabV{\xf7\xee\x15E\xd1\x92\xb7\x9eq\xef%3\xf2.\\\xe1y^\x92$m\x03\x8a\xba\xa1;\x99\xe7y\xddKJ\x02\x83&gt;\xae\x82\x82\x82\t\x13&amp;P\xe4\xa3\x15\xd4\x07\x06\xf4\xfd{\x87\xb6%n\xa3oV\xce\xf3|\x89\xbb\xf4\xef\x1d\xda&gt;0\xa0\xafv\xf0&lt;\xcfO\x980\xa1\xa0\xa0 0%\xa1\xf4\x1b\xe7\xcf\x9f\x7f\xf8\xf0am\x14s8\x1dOO\x1a\xa9\xc8\x8a\xf5\x860\x1f\xe28N\x91\x95\xa7\'\x8d\xd4JB\x05A8|\xf8\xf0\xfc\xf9\xf3\xadZ\x12j\xe8\xdb\xc9\\\xaa\xf7,c\x8c\xd1\x9bAuF\xe3\x85l\xe0.c\xbee\x81\x9ee\xfav\x19\xa3\xb5\xdfS\xa7N-X\xb0@\xebO\xa7(\xca\xa3O\x0cl\x17\xdf\xd6\x8d\xd2\xcf\x0b\xe2y\xde\xed.i\x17\xdf\xf6\xd1\'\x06\xd2\xa5H\x1f\xe0\x82\x05\x0b\xe8\x82\xb4\xde\xad\x87\x14\x90\xcf\xd0\x03\xfe\xc0\x81\x03W\xadZE\xc3\xb4\xaa\xaa\xe1\x11\xe1\x7f\xef\xd0N\xf2\\\xf2F\xdb\xaa\xaa\x8a\x0e\xc7\x0f{\xf6\x96\xb8K8\x8e\xa3kq\xc0\x80\x01+W\xae\xb4j:R\xebY\xd6\xa6M\x1bzx\xa2\xb3\x9e\xf2\xfc\xc4\'\xc7\x0e-\xc83\xcd~U\x92$\xc56\x8cye\xfek3\xfe=[k5,\x8a\xe2\xbe}\xfbZ\xb6lI\xa7\xe9\xa7_M\xd7\xc6\xe0\xc1\x83W\xacX\xa1M\xff\xaf\xbc\xfao\x1b\xbe\\\x17\x1c\x12,K2\x9e\x00.LUUA\x14\xce\x96\x9f\xbd\xeb\xd6&gt;?\x1f\xffEK\xa0\r\x1a4h\xf9\xf2\xe5\xd6\xbb\xf5\x10\x00|C\xael\x00\xd0\xb3gO\xedKY\x96_|}\xde\xa0\xc7\x06\x14\xb9\x8b.u\xf6*\xcbJTD\xd4\x8a\xff\xae\x1a=d\x9c\xb6$\xc5\x18\xcb\xc8\xc8\xe8\xda\xb5\xab\xf5.DV\xf9\xa1\xa5\xa6\xa6R\xd7\x1aUUUU\xb9\xba\xc5\xd5\x9bwoT\x15EQU\xb3t\xadQ\x99\xcas\x1c\xc7\xf3\x89\x1d{\x1d?r\x9c\xe3x\x1aDRRR\xd2\xd2\xd2\xfc\xf7\xb7\xab\xbeg2]9s\x97\xce\x1a\xf4\xc4\x80\xbc\xdc&lt;\xb3DP}I\x92\xd4\xb0q\xc3\x15\xaf\xae\x1a?|\x92\xb6\ne\x96=\x9f/\x15\x02\x80oP\xc2\xa7g\xcf\x9e\xd4\xb5\x86\xbesK\xa7\x9b\xd6m]\xe3*p\xd5\xed\x8aQ\x14%:6\xbaO\x8f\x94\xafw}\xab\xfd\xcc\xae]\xbbfdd0\xc6,\x16\x00.X\xfay{\x91\xab\xd8\\\xe7+\xcbrTt\xe4\xa6\x8f?\x0bdI\xa8\xfc\xe7=\x93\xe9;7w\xea\xb0&amp;\xfd\x7f\xe5e\xe5V\x1a\xb6\xfcMQ\x94\x90\xd0\x90\x94\xa4\x07\xbf\xd9\xb5G\xfb$\x8d\xbf\xe7s\x1d\xe0\x9a\xf0\x01\xf9B=\xcbdJ\xe0\xd4\x01\xc7q\xb2$\x1b\xb3\xcb\x98oi=\xcb\xc6\x8c\x19\xc3Y\xa2gYm]\xc6\xc6\x8c\x19\xe3\xa7.cre\'K\x1a\xfd\xe9\xf2\xe0\x05~\xe4\x84\xe1\x0e\x87\x88y\xde%QU\xd5\xe1\x10GN\x18N\x1bMk\xb3\x13\xad\xa3\xaa\xde\x07\xe83\x08\x00\xf5\xf5\x97=\xcb\xea&lt;x\t\x82`\xd8.c\xbe\xa5\xf5,\xdb\xb3g\x0f-ZZ\xa3g\x99w\x971:\xc7={\xf6\xf8\xa3\xcb\x18]\t\xd4\xcb\x9e\xbe\xa4q\xaa\xf7}\xbdn\xbf\xb3\xa7\xab\xd0\xa0\xaf\xce\x19\x96 \x08\xae\xc2\xa2\xdb\xef\xec\xd9\xfb\xbe^Z\xfcf\x8c\xd1\x9e\n\xac\xf2\x03\xb7\x00\x04\x80\xfa\x92\xfd\xd9\xb3\xcc\x98]\xc6|\xcb\xbbg\x99w\xe9\xa7\xd9{\x96U\xe92\xa6\x95\x84\xfa\xa3\xcb\x18\xfd\xfc\xf9\xf3\xe7\xe7\xe4\xe4\x88\xa2Hk\xbf\x11\x91\x11#\xc6\x0fC\xf2\xa7nx\x9e//+\x1f1~XDd\x04}\x9e\xa2(\xe6\xe4\xe4\xcc\x9f?\xdfJ\x95x\xb82\xea\xa5\xd6\x9eeC}\xd3\xb3\xec\x8f.cC\r\xd4e\xcc\xb7\xbc{\x96\xd1\xc7e\x99\x9ee\xd5\xbb\x8cq\x1c\xe7\xf3.c\x14W\x8e\x1c92w\xee\\\xed\nQ\x14e\xe0\x90G\xda\xc5\xb7-)1\xfa\xcb\x13\xc6\xc4\xf3|IIi\xbb\xf8\xb6\x03\x87&lt;\xa2-\xa7\xf3&lt;?w\xee\\z\xcb\xc7\x02\xb7\x1eC\x00\xa8\'\xca\xc9\x8c\x1f?\xbe\xa8\xa8\x88\xd1\x8b$\x8a\xe2\xdb\xedj\x05\xaf\x8dgi\xacd\x8c\x15\x15\x15\x8d\x1f?\xde\x02Y \x1a\xbc\xb4\xf6\xebZ\xdd\xfa\xd3\x93F^q\xe5\xe5f\xdf\xae\x96\xe3\xb8\xb3g\xcf^q\xe5\xe5OO\x1a\xe9]W\xae5\xe8\xf7\xc9 \xa2V\xee\x99\\\\\\\xac\x95-\xfe\xed\xaa+\x86\x8c\xfc\x97\xab\xc0\x85\xca\x9f:\x13E\xd1U\xe0\x1a2\xf2_\x7f\xbb\xea\n\xb9r\xcf\xe7\xe2\xe2b\xa3\xed\xf9\\\x1f\x08\x00u\xa7-\rQ\xc7J\xf9\xfcf{\xaao\xb7\xab\xe5\xbc6\x9e\xa5[\x9d~\xef\xda\xb5k\xbd\x97\xfbL\xaa\xca\x06L4&amp;\xde\xf0\xf7\xeb\xfb&gt;\xdc\xc7U\xa8\xff\x8e\x8f\xf5\'\x8a\xa2\xab\xb0\xa8\xef\xc3}n\xf8\xfb\xf5\x14\x03\xb8?o\xd1U\xcf\x9f\xaf\x95\x06x\xef\x99\xac\xaa\xea\xd8)\xa3\x1b7iD\x9b\x00\xfb\xe4Dl\x88\xe3\xb8\x8a\x8a\x8a\xc6M\x1a\x8d\x9d2\xda\xfb\xd63\xda\x9e\xcf\xf5\x81\x00PGtA\x9c;w\xaez\xe1J\xca#\xf7\x15\xf9t\xf0\x12E\xb1\xa8\xb0(\xe5\x91\xfb\xaa\x97\x94\x9c;w\xce\xbc\x93\x11\xb9\xb2g\x99\xb6\x05+\x9d\xcb\x84ic\xc3\xc2\xc3-pw\x11Y\x96\xc3\xc2\xc3\'L\x1b\xeb=\x88x\x9fu\xfd\x7f~\xf5=\x93\xfb&gt;\xdc\xa7 \xdf4\xaf\xce\x19\x96(\x8a\x05\xf9\x85}\x1f\xeec\xd8=\x9f\xeb\t\x01\xa0\x8eh6\xb7z\xf5j\xef\xc2\x15Q\x14\xa7\xcc\x9e(I~\xb92$I\x9e2{"-\xf1i%%\xabW\xaf6i:R\xade\xbb\xda\xe4\xbb\x13{$u\xb3R\xc7JA\x10\\\x85\xae\x1eI\xdd\x92\xefN\xf4\x8e\xdf\xf5\xdfx\xf6B\xf5\xc7h\xfb\xe3#\x1c\xc7\xc9\xb2A\xf7|\xae?\x04\x80\xba\x08|\xcf2#t\x19\xf3\xad\xda\xb6\xab\xb5d\xcf\xb2\xea]\xc6\xf8zo&lt;\xfb\x97\xf5\xc7X\xfb\xf5\t\xde\xc0{&gt;\xd7\x1f.\x91\xba\xd0\xa5g\x99\xbe]\xc6|\x8bn\xa1\x1a\xb7\xab\xb5d\xcf2\xad\xcbX\x8d\x1b\xcf\xd6m\x10\xf1k\xfd1x\xb3p5\xb6\xa5n\xb3\xc0\xa0Y@NN\xce\xbcy\xf3\xe8N\xa6\t\xec\x88g\x86]vES\xff\x15\xaePI\xc9eW4\x1d\xf1\xcc0\x9aB\xd2\xaf\x9e7o^NN\x8e\xb9JB\xabT\xc4\xd3w\x1a6n\xf8\xd8\xf0GKM^\xfaY\x1bA\x10J\xdd\xa5\x8f\r\x7f\xb4a\xe3\x86\xf4\x97\xaa\xf2\xf6\xc3%\xfd4\x7f\xd7\x1f\x837\x0bWc#\x00\\2\xefw\x02\xa92LQ\xe4f\xd7\\=`\xe8#\xee"\xb7 \xfaq\xf0\x12D\xc1]\xe4\x1e0\xf4\x91f\xd7\\\xad(\xe7\xeb\xd2\xbc\xdf\xff\xf4\xdf\xaf\xf6\xa1\xea\xef\xc4R\x04\x1d3y\x94\x05J?k\xa3\x95\x84\x8e\x99&lt;\xca;~{\xbf\xff|\xf1?-\x00\xf5\xc7\xe0\xcd\xaa\xd5\xd8\x08\x00\x97\xa6\xc6\xae \xaa\xca&amp;\xcf\x9a\x18\x1a\x1a"I\xb2_;Vr\x8c\x93$944d\xf2\xac\x89t\xc9\xd5\xd8\x01\xc6\xe0\xaat\xc5\xa1\xf9\xd4\xcd\x9d:&lt;48\xd5\xda\x85+TR\xf2\xd0\xe0\xd4\x9b;u\xa09{\x95\x0eH\x17\xf9s\x02S\x7f\x0c\xde\xacZ\x8d\x8d\x00p\t\xe8\x0f\xef\xf1x\xbcK?\x15E\xe9\xdc\xadS\xc0z\x96i]\xc6:w\xeb\xe4\xbd$5f\xcc\x18\x8f\xc7c\xfc\xc9H\xf5\xdb\x86\x8e\x7f\xe4\x84\xa7\xa8\xc0I\xef\x03\xf4/*\x15\x1b9\xe1)\xfaKU\x1f\xca/\xe6\'T\xbf\x08eY\xee\xdc\xad\x93\xcf\xeb\x8f\xc1\x9bV\x8d\xdd\xb9[\xa7*\xd5\xd8\xa6\xb8\xf5j\x84\x00p\t\xe8\x99\xfd\x8d7\xde\xd0\x9e\xd9\x15E\t\x0e\t~n\xfe\xb3~*\xfd\xac\x8d$\xc9\xcf\xcd\x7f68$\x98\x8e\x812*o\xbc\xf1\x86\xc1W\x83)\xf5QTT4a\xc2\x04\xbaaDQT\x14%\xf5\x91\xfbo\xef\xf5O;\xf4,;\xdfe\xac\xd7?S\x1f\xb9_Q\x14\x8ay\x1c\xc7M\x980\xa1\xa8\xa8\xe8b\x1a\x04]\xe0"\xf4x\xa4\xc0\x9c\x85\x9dy&lt;\x92\x19o\xbd\xda \x00\\\x02\xba9\x7f\xfb\xed7\xc6\x98\xf7S6m\xda\x15\xc8#\xe18\xae\xc4]\xe2\xfd\xa5v`\x06\x9f\x86P*&lt;??\x9fUn_\xce\x18+++\xaf8w\xc9\x9b\xa6\x99\x14\xc7q\x15\xe7&lt;ee\xe5\xcc\xeb\x13\xc8\xcf\xcf\xbf\xc8\xc5\x0f\xe3\\\x84\xf6d\xde[\xafF\x08\x00\x97\x80\x1e\xfaF\x8d\x1a\x15\x17\x17G\x89W\x9e\xe7\xcf\x96\x9f\x9d5i\x8e\xe8\x10Y\xc0\xfe\xfa*\x13\x1d\xe2\xacIs\xce\x96\x9f=\xbfm\x80,\xc7\xc5\xc5\x8d\x1a5\x8a\x12\x02\x81:\x8eKF\x87\xda\xa4I\x93q\xe3\xc6i;&gt;\xf2&lt;\xbf\xfe\xfd\x8d[7o\x8b\x8e\x896i"\xf5\xe2\xc9\xb2\x1c\x1d\x13\xbdu\xf3\xb6\xf5\xefo\xd4N_U\xd5q\xe3\xc65i\xd2\x84.\xaa\x0b\xff\x04\xa3\\\x84\xf6d\xda[\xaf6\x08\x00\x97\x80j-\x1a4h0g\xce\x1cm\xfc\x12\x04\xe1\x9b]{\xd6\xbc\xf5~Tl\x94$\xf9\xfd\x19\\\x92\xa4\xa8\xd8\xa85o\xbdO{\x15i#\xc8\x9c9s\x1a4h\xa0\xd5\'\x18\x16=)\x8f\x1d;\xb6u\xeb\xd6\xda\xee\xb8\x1c\xc7\xe6N\x9b_Zb\xfd\xeauA\x10JKJ\xe6N\x9bO\x7f%\xfa4Z\xb7n=v\xec\xd8\x8b\xdc+\xd8\x08\x17\xa1=\x99\xfd\xd6\xab\x11\x02\xc0\xa5\xa1?|\xff\xfe\xfd\xb5\x8dy\xe9\xb9o\xd1\xec\xa5%\xc5%\x01X\x7f\x13E\xb1\xa4\xb8d\xd1\xec\xa5\xcck\xdf\x8f\xae]\xbb\xf6\xef\xdf\xdf\x14\x9b\xd5Q\xea\xdf\xe9t.Y\xb2\x84\xd2\xdf\x8a\xa2\xf0\xbc\xb0\xff\x87\x03k\xdfY\x17\x15c\xe5\xf1K\x92\xa4\xa8\x98\xa8\xb5\xef\xac\xdb\xff\xc3\x01\x9e?\xbfY\xbc\xaa\xaaK\x96,\xa16\x03\x179\x82\xe8~\x11\xda\x93\xd9o\xbd\x1a!\x00\xd4\x05\xcf\xf33f\xcc\xa0?\xb9\xa2(\x82(\x1c?z\xe2\x95\x85\xaf\xc54\x88\xf1\xeb\xf8%IRL\x83\x98W\x16\xbev\xfc\xe8\tA&lt;\xff\xfa\x89 \x083f\xcc0\xd1\xab\xb3t\xe7$&amp;&amp;&amp;&amp;&amp;j\xcd\xeby\x9e_8k\xf1\xef\xbf\xfc\x1e\x1c\x1cl\xc6\\\xea_RU588\xf8\xf7_~_8k\xb1\xd6&gt;\xa4\xca\xe7pI?P\xaf\x8b\xd0\x9e\xacq\xebUg\xe2C\xd7\x8b\x16\xf9\x1f~\xf8aY\x96EQTd\x85\xe7\xf9e/-\xff\xf1\xbb}aa\xa1~*\x06P\x14%,,\xf4\xc7\xef\xf6-{i9\xcf\xf3\x8a\xac\x88\xa2(\xcb\xf2\xc3\x0f?\xac\xcd\x04\xfd\xf1{\xfdA\x9b\xf9j\xdbWq\x1cw&amp;7o\xc1\xccE\xa1\xe1!\xa6\xde\x06\xb26\xb2\xac\x84\x86\x87,\x98\xb9\xe8Ln\x1e\x9d&gt;\x15AiOB\x97\xf4\xd3\xf4\xba\x08\xed\xc9J\xb7^\x15\x08\x00uA7\xf0\xb3\xcf&gt;\x1b\x19\x19\xa9\xbd\xd6_\xe2.Y2\xf7\xe5\x90\xd0\x10\xff\x05\x80\x90\xd0\x90%s_\xd6vIT\x14%22\xf2\xd9g\x9f\xad\xc3\x08\xa2/-\xf7=t\xe8P\xef\xed\x96\xde[\xb5\xf6\x87=?\x86G\x84Yl\xfcR\x14%&lt;"\xec\x87=?\xbe\xb7j\xad\xf7\xa6]C\x87\x0e\xf5^\x0b\xb9$\xba\\\x84\xf6d\xa5[\xaf\n\x04\x80\xba\xa0\xf1\xabE\x8b\x16\xe3\xc7\x8f\xa7\xf1K\x92$A\x10\xd6\x7f\xb0\xf1\xb3O2\xa2c\xa2|^\xcd"\xcbrtL\xd4g\x9fd\xac\xff`\xa3\xf6\xeb\x14E\x19?~|\x8b\x16-\xea6\x82\xe8\x8b&gt;\xc3\x193f\xc4\xc5\xc5\xd1]D/[\xce\x988\xdbO\xdd\xf4\xf4%\x08\xfc\x8c\x89\xb3\xe95]\x1a\xbb\xe3\xe2\xe2f\xcc\x98Q\xe7\xbf]\xe0/B{\xb2\xde\xad\xe7\xcd\xc4\x87\xae/\x9a\xc7\x8d\x1d;\xb6e\xcb\x964{e\x8c)\xb2\xb2x\xceR\x7f\xbc\x8bO\x83\xe3\xe29K\x15Y\xd1~{\xcb\x96-\xc7\x8e\x1d\xab\xfdvs\xa1A0&amp;&amp;f\xce\x9c9\xdav\x89\x82 d~\xb13}\xfd\xe7\x91Q\x91\x96\x19\xbfdY\x8e\x8c\x8aL_\xffy\xe6\x17;\xb5g\x1dEQ\xe6\xcc\x99\x13\x13\x13S\x9f)\xa4\xf7E(I\x92\xf7E\xe8\xf1\xa0!\x84op\x1c\xe7\xf1\xfc\xe9\xd6\x93$\xc9\xd4\xb7\x9e7s\x1f\xbd\x8e\xe8\xeer:\x9d\xb3f\xcd\xf2\xee\r\xf2\xcd\xae=\xef.O\x8b\xf5\xe9B\x9c$I\xb1\rb\xde]\x9e\xa6\xd5\x9f\xd1\xe89k\xd6,\xa7\xd3\xc9\xfe\xfcB\x90\x89\xd08\xd8\xaf_\xbf\x0e\x1d:h-\xe18\x8e\x9b9i6\x95\x84Z`5\x98\xcaEJKJfN\x9aM\x7f5:\xeb\x0e\x1d:\xf4\xeb\xd7\xaf\x9e\xf3G\xef\x8b\x90U\xbefA\x17\xe1{+\xd7\xc46\x8c\xc5jp=I\x92\x14\xdb0\xf6\xbd\x95k\xbco=\xc6\x98\xd9o=\r\x02@\xdd\xd1\x05\x91\x92\x92\xe2]\xcd\xc2q\xdc\x82\x99\x8b~\xfd\xf97_U\xb3P\xf5\xc8\xaf?\xff\xb6`\xe6"*\x9a\xd4\xaaGRRRL\xbd\x00E\x03bPP\xd0\x82\x05\x0b\xbcJB\xf9c?\x1d\x7fe\xe1\xeb1\xb1Vx/L\x96\xe5\x98\xd8\xe8W\x16\xbe~\xec\xa7\xe3\xda6\x00\xaa\xaa.X\xb0 ((\xa8\xfe\x19d\xed"\xec\xd6\xad\x9bw\x83\x9aW\x16\xbe\x96{*\xd7\x19\xe4\xb4@\x10\xd5\x8b\xaa\xaa\xce g\xee\xa9\xdcW\x16\xbe\xe6\xddv\xa9[\xb7nf\xbf\xf54\x08\x00\xf5R\xbd\x9a\x85\xe7\xf9\xbc\xdc\xbc\xff.}3&lt;"\xcc\'\xe3\x97,\xcb\xe1\x11a\xff]\xfaf^n\x9e\xb6sV\x9d\xabG\x8cF\xbb\xa3\xfa\xf6\xed\xfbG\x10\xe5\xb9\x15\xffYu$\xe7Xp\x88\xb9KBUU\r\x0e\t&gt;\x92sl\xc5\x7fVq\xfc\x1f\xc1\xbbo\xdf\xbe\xdax]\xff\xdfR%\xa2P\x10=q\xec\xe7\x97\xe6\xbd\x1a\x11\x19a\x81 \xaa\x17Y\x96#"#^\x9a\xf7\xea\x89c?k\xdb\xbez\xcfW\xf4&gt;@\x1f@\x00\xa8\x97\xda\xaaY\xdexe\xc5w\xdf\xfe\x10\x1e\x11^\xcfb\x0cEQ\xc2#\xc2\xbf\xfb\xf6\x877^Y\xe1\xab\xea\x11\xa3\xa1\xf1k\xee\xdc\xb9QQQ\xf4\x1d\x81\x17\\\x85E/L[\x10\x11i\xee\xad\xe1eY\x8e\x88\x0c\x7fa\xda\x02Wa\x91\xc0\x9f\x1f\xeb\xa3\xa2\xa2\xe6\xce\x9d\xeb\xc3\x11D\xcb)=\xf8\xe0\x83\xd4`\x8e.\xc27_]\xb97\xeb\xc7\x88z_\x84\xf6\xa4(JDD\xf8\xde\xac\x1f\xdf|u%\xddz\xd4\xb8\xf0\xc1\x07\x1f\xd42\x96z\x1f\xa3\x0fX\xe1\x1c\xf4E\xb3\xf2\x193fh\x0bz\x1c\xc7y*&lt;\xbe\xaaf\xa1\xea\x11O\x85G\xab\x1e\x89\x89\x89\x991c\x06=m\xd4\xff\xe7\xeb\x8e\xee\xae\xe6\xcd\x9b\x8f\x1e=\x9a"\x1c\xadgn\\\xf7I\xe6\xd6]\xe6]\r\xa6\xb5\xdf\xcc\xad\xbb6\xae\xfb\x84V\x0ei~0z\xf4\xe8\xe6\xcd\x9b\xfbv\xfd\x90\xb2g\xb3g\xcf\x8e\x89\x89\xa1,\x13]\x84\x0bg-\xe6\x85\xbf\xee0\n\xd5\xa9\xaa\xca\x0b\xfc\xc2Y\x8b\xb5[OQ\x94\x98\x98\x98\xd9\xb3g\x9b\xb4\xebC\x8d\xac0\x82\xe8K\xbb2\xb4\x92\xbe?W\xb3\xd4\xfd\x19\\\x96\xe5\xc8\xa8\x88\xea\xd5#\x14l\xact\x15\xd2c\xcd\xa8Q\xa3Z\xb4h\xa1\xed\x94RQ\xe1\x995y\xee\xc5\xf4G3&amp;Z\x92\x9d5ynE\x85G\xdb\xf7\xa6E\x8b\x16\xa3F\x8d\xa2\x87E\x1f\xfe.\x9a\x85x\xd7\x95\xd2E\xb8\xe9\xe3\xcd[\xd3\xb7\xa1$\xf4RQ\xe9\xe7\xd6\xf4m\x9b&gt;\xde\\\xe5\xd6\xa3\xaaek\xcc\xbd\x18c\xa6\xdc\xc4\xc0h(/\xaf(\xca?\xfe\xf1\x8f\xac\xac,\x1a\xb0TU\xb9\xba\xc5\xd5\x9bwo\x94%\xb9\x0e\x835]d\x82($v\xecu\xfc\xc8q\x8e\xe3\xe9\x9b\xf1\xf1\xf1_}\xf5\x15\r\x91&amp;\x1d\x19kD\x03\xd6[o\xbd5`\xc0\x00Q\x14\xb5\xf9\xf2\xdc\xa5\xb3\x06=1 /7\xcf\\-n$Ij\xd8\xb8\xe1\x8aWW\x8d\x1f&gt;\x89N\x84Nj\xd5\xaaU~j\x1d\xa3]\x84m\xda\xb4\xc9\xce\xce\xae\xbc\x08\xd5\xeb\xdb]\xf7\xf1\xd6\xb5\x92$\xabL\xf5\xebvu\x96A\x1f\x94(\nw\xf7\xe8{`\xefA\xed\x93l\xd5\xaa\xd5\xbe}\xfb,v\xebY$\x8e\xe9K\xdb\xdb\xe4\xcf\xd5,\xc2\xb1\x9f\x8e\xafz\xed\xed\xb8\xc6MB\xc3B\xc2#\xc2.\xe9\xffB\xc3B\xe2\x1a7Y\xf5\xda\xdb\xc7~:\xee\xdd8l\xc1\x82\x05\xda."z\x9f\xb7/\xd1(\xf9\xd0C\x0f\xddz\xeb\xad4\xfak\xd5,\xa7\x7f?M\xbd\xd2\xf4&gt;\xc6\x8bE\xdd\xeeN\xff~\xda\xbbzD\x92\xa4[o\xbd\xf5\xa1\x87\x1e\xf2S\xf5\x88v\x11\xfe\xb9\xcb\x1e\xbf\xff\x87\x03+\xfe\xf3Vdt\x84\x1c\xd8=\x8b\xccK\x96\xe4\xc8\xe8\x88\x15\xffyk\xff\x0f\x07\xbc\x0b\xb7\xb4Z\x0f+\xddzx\x02\xf0\x19\xba\xb1SSSi\xbb`Zy\x0b\nr\xc6wl/K\xca\xa5^3\xaa\xca\x04\x91\xcf\xda\xfd\xdd\xb9s\x15\xac2Q\x9e\x92\x92\x92\x96\x96f\x8d\xfa\xb3\xeah\xc0\xca\xca\xca\xea\xd4\xa9\x93$I\xb4\x9e)I\xd2Sc\x9f\x98\xfa\xc2\xe4\xd3\'O;\x1c\x0e\xbd\x8f\xf1\xa2x&lt;\x9e&amp;M\x9bL\x7ff\xe6K\xf3_\xa5S\xe0y^\x14\xc5]\xbbv\xc5\xc7\xc7\xfbu\xfd\x90\xae\x8d\xa4\xa4\xa4\xcd\x9b7ku\xc9\x11\x91\xe1\x19Y\xe9\xd1\xd1\xd1\xb4s\xa1\x9f~\xb55\xa8\xaa\xeap8\\.W\xcf\xf8$wq\x89\xd6p;111==\xddz\xb7\x1e\x02\x80\xcf\xd0\x8d\x9d\x93\x93\xd3\xa6M\x1bY\x96}\x9bu\x15\x04A\x10\x84}\xfb\xf6\xb5l\xd9\xd22\x15\x08\xd5\xd1\r6x\xf0\xe0\x15+VP5\x0b\xc7qa\xe1a\x1ff\xaci\xd1\xb2Yy\xf9Y\xe3\x9f\xb8\xa2(!!\xc1Gr\x8e\xdd\xdb3\xa5\xb4\xa4T\x9b\xfe\x0f\x1a4h\xf9\xf2\xe5\xfe\x1eAh\xc4\xcf\xce\xcen\xd7\xae\x1d\x05Qz\xb4z\xf8\xd1~\xf3\xff3\xa7 \xcf%\x8a\x96\x1a\xbf|N\x92\xe4\xd8\x86\xd1c\x1f\x9f\xf0\xce\x9b\xab\xb5\xec\xbf(\x8a{\xf7\xeem\xd5\xaa\x95\x95\xb2\xff\xc4R\'\xa3\xaf*\xed\x19\xe8&gt;\xe78N\xa8\x07\x9a\xaf\xd1\x85X\xa5\xed\x84%i\xd5,\xb1\xb1\xb1\xf4\x08\xc5q\x9c\xbb\xd8m\xa2\x06gZ\xe30w\xb1\x9b\xfe|\x8a\xa2\xc4\xc6\xc6\x06\xa6zD\xabK\x1e7n\x9c\x1d\xba\xec\xf9Vm=\xfb\xc6\x8d\x1bg\x99\xaa\xeb*\xacv&gt;\xfa\xa2\xdb\x8f\xbaDQBVk\xfc[7\x1c\xc7Q\xdaQ\xeb\xf9e\xbdK\xd0\x9bV\xcd2f\xcc\x18m\xfc\xa2\x06g\x9f\x7f\xba5\xda\xf0\xef\x06\xcb\xb2\x1c\x1d\x1b\xfd\xf9\xa7[\xa9q\x9</t>
        </is>
      </c>
    </row>
    <row r="213">
      <c r="A213" s="1" t="n">
        <v>211</v>
      </c>
      <c r="B213" t="inlineStr">
        <is>
          <t>size_grid</t>
        </is>
      </c>
      <c r="C213" t="inlineStr">
        <is>
          <t>What is the size of the missing part denoted with a question mark?</t>
        </is>
      </c>
      <c r="D213" t="inlineStr">
        <is>
          <t>['small', 'large', 'medium']</t>
        </is>
      </c>
      <c r="E213" t="inlineStr">
        <is>
          <t>medium</t>
        </is>
      </c>
      <c r="F213" t="inlineStr">
        <is>
          <t>There are circles arranged in a grid formation with varying sizes in the image. The sizes in the first row are ['medium', 'small', 'medium'], the sizes in the second row are ['small', 'large', 'small'], and the sizes in the third row are ['?', 'small', 'medium'].</t>
        </is>
      </c>
      <c r="G213" t="inlineStr">
        <is>
          <t>We observe that the circles at the corners are medium size, while the circles directly adjacent to the center are small size. Only the center circle is large size. Hence, the pattern is that the circles alternate in size depending on if they are at the corner or adjacent to the center.</t>
        </is>
      </c>
      <c r="H213" t="inlineStr">
        <is>
          <t>Based on the pattern that the circles alternate in size depending on if they are at the corner or adjacent to the center, the size of the missing part that is at the corner should be medium.</t>
        </is>
      </c>
      <c r="I213" t="inlineStr">
        <is>
          <t>b'\x89PNG\r\n\x1a\n\x00\x00\x00\rIHDR\x00\x00\x02\x00\x00\x00\x02\x00\x08\x02\x00\x00\x00{\x1aC\xad\x00\x00OJIDATx\x9c\xed\xddy|\x14E\xde?\xf0ou\xf7\xccdrO\x0e\x0eQn\x12\xae\x00\x89\x84C\x10\x01\x11\x8c\x82\xb8\x8a\xa0\x0b\x8a \xa0?\xbc\x82\xa2\x8b\xab\xae\xa2&gt;\xbb\n\xac\xb0\xae &amp;\n*(\xac&lt;\xba\x08\xb2\x12H@\xb91\x120\t\x89\x84K\xae\x1c\x1c9\x98\x9c3]]\xbf?J\xe6\xc9\xe2\xc519&amp;\xfdy\xbf|=\xafg\x87I\xd2\x99|\xbb&gt;\xd5U\xd5\xd5L\x08A\x00\x00`&gt;JC\x1f\x00\x00\x004\x0c\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Jk\xe8\x030\x17Q\xcbE\xff\xc4ji\x90c\x03\xa8k\xa8\xff\xc6\x86\xfd\xfc/\x01^\'\x840\x0c\x83\x88TU\xfd\xdd7s\xce\x85\x10\x8a\xa2(\n\xae\xcf\xa0)@\xfd7Z\x08\x80\xbae\x18\x86\x10\xc2S\xf7\x9c\xf3S\xa7N\x1d&gt;|\xf8\xd8\xb1c\xc7\x8f\x1fc\x8c\tAD"4\xd4\x11\x13\x13\xd3\xa2E\x8b\xb6m\xdb\xda\xed\xf6\xda_\xab(\n\xfaD\xe0\xa3P\xff\x8d\x1c\x02\xa0\xae\x18\x86\xe1\xb9\x9e-**\xda\xbe}\xfb\xbau\xeb\xd2\xd3\xbf=v\xec\xf8\xf9\xf3\xe7\x7f\xf1Kl6k\xabV\xad\xe2\xe2\xe2n\xbf}d\xbf~\xfd:w\xee,_\xe7\x9c_J\xd7\t\xa0\xf1@\xfd\xfb\x04\x04\x80\xf7\xc9\x0b^Y\xb2\x99\x99\x99\x0b\x17\xbe\xfd\xe5\x97\xeb\xf2\xf3\xf3/z[dd8\tC\x101\xa6\x94\x959].W\xed\x7f\r\x08\xf0\xbf\xe5\x96[\xa6O\x7ft\xe8\xd0\xa1\xaa\xaa\xca+h\\\x14C\xe3\x87\xfa\xf7!\x08\x00/3\x0cC\x96ivv\xf6\x9f\xfe\xf4\xa7\xd4\xd4TOe\xb7i}M\xef\xde\xdd\xe2zF\xf7\xee\xd9\xd9\xe1\x08\xee\xd8\xa15\x19\x06\x11\x91\xaa\x15\xe6\x17\x15\x9c)\xce\xca9\x92\x99\x95\x97\xbeg\x7fVv\x9e\xe7\x1b\xf6\xec\xd9\xf3o\x7f\xfb[BB\x02\xa1+\x04\x8d\x1e\xea\xdf\xb7 \x00\xbcI\xd7uM\xd3\x9cN\xe7\xf3\xcf?\xff\xde{\xc9UU\xd5D\xe4o\xf7\xbb\xe7\xee\xe1w\xdd9l\xf0\xc0\xb8\xe0\xe6\x11D*\x91N\x86A5."9\xb8)\xc8\xa2\x91\xa6\x11\xa9D\x82;\x9d\xbb\xf7\xec_\xbdv\xf3\xc7+\xd6\xe5\x17\x9c\x91\xdf9!!a\xc1\x82\x05QQQ\xf2G4\xdc\xaf\x08\xf0\xabP\xff&gt;\x07\x01\xe05\xb24322\xa6N\x9d\x9a\x91\x91ADv?\xdb}\xe3\x12f&lt;~\x7f\xf7\xeb\xbb\x13\t\xaa\xac\xe4.\xb7\x10\xc4\x18#FJ\xad\xa9-\xb9.N\x08\xc1\x18\xa9\xaaJ\x01vRlE\'N,N\xfe\xf4\xdd\xe4U\x05\x85g\x89(""b\xe1\xc2\x85c\xc7\x8e\xad=\xba\n\xd0H\xa0\xfe}\x11\x02\xc0;d\xf5/Y\xb2d\xc6\x8c\x19r\x8e\xeb\xd6a7\xcc\x9b3\xb3[l7r\xbbxy%1\xba\xc4\xf5\x0c\x82H\x18\x86a\x18\x9a\x9f\x1f\xd9\xfdO\x9f,x\xed\xaf\x8b\x17.^i\x08AD\x89\x89\x89\xf3\xe7\xcf\xc79p\xf5jW&gt;&gt;\xc9\xab\x84\xfa\xf7Q\x08\x00/\x90\xd5\x9f\x9c\x9c&lt;m\xda4"\xb2Y-\xaf\xbf\xfad\xe2S\x93\x88\x04wV0\x85]\xd9\xe4\x95\x10\x82s.O\x83\x94\xb5\xa9\x0fM\xfb\xcb\xa9\xc2\xb3D4u\xea\xd4\xa4\xa4$\xce9V\xc8].\xc30&lt;mG\xed?\x8a\x9c\xb7\xc4\xf2\xf3+\x83\xfa\xf7]\x08\x80\xabuQ\xf5\x87\x85\x06\xad\xf9\xfc\xed\x01Cn0\xcaJI\x08E\xbd\xda\xd6D\x08\xc1\xb9\xa19B\n\x8e\xe7\x8f\xbe\xf3\xb1\xf4\xbd9t\xe1\x1c\xd0u]UU\x9c\x03\x97\x82sN\xff}#RYY\x99\x0c\x03"\n\r\r\xf5\xbc^{\x11\x0b\xfc.\xd4\xbfOC\x00\\\x15\xb9,\xe1\xc3\x0f?|\xf0\xc1\x07\x89\xa8kt\xbb\xe5\xcb\xe6\xc6\xc6\xc7\xe8\xc5%\x9a\xc5\x9bSU\xba[\xd7\x82\x02KJ\xca&amp;O\xfe\xf3\xeau\xdf\x10\xd1\xc3\x0f?\xbcx\xf1b\xcc\x89\xfd\xae\xda\r\xfa\xc9\x93\'SSS\xb7m\xdbz\xf4\xe8\x8f\xb9\xb99\xba\xae3b\x82\xa8c\xc7\x0e\xadZ];`\xc0\x80\x11#Ft\xe9\xd2\x85.lZ\x80\xab\x81\xdf\x86\xfa\xf7u\x08\x80+\'W\xbceee\xf5\xef\xdf\xaf\xa2\xa22\xdc\x11\xbcy\xc3\x92\x98\xde=\xf4\xe2s\x9a\xc5\xe2\xf5\x1f\xc7u\xae\x06\xd8\xab\xab]\x83\x06\xdf\x9f\xbe7\x97\x88\x96,Y2i\xd2$\xac\x8d\xfb\r\x9e\x0f\'--\xed\xa3\x8f&gt;Z\xbbvmII\xc9o\xbc\xdff\xb3\xddt\xd3M\xe3\xc7\x8f\x7f\xe0\x81\x07\x08\xeb\x0e\x7f\x13\xea\xbf\t@\x00\\!\xd9\xaf\xac\xac\xac\x1c8p@ff\x96\xa6\xa9[S\xde\xef7\xb4\xbf^\\\xacY-T7\x1f\xaa\xc1\xb9\xe2g+)+\xef\xddo\xdc\xd1c\xf9\xfe\xfe\xfe;v\xec\xe8\xd1\xa3\x87g\xf15\xd4&amp;\x9b\x86\xfc\xfc\xfc\x17_|q\xe9\xd2\xa5\x9eRo\xd3\xfa\x9aN\x9d\xdat\xef\xdc\xce\x11\x16J\x9c\xbb\xdd\xfaw\x99y\'O\x16f\xef?D\x17\xfer\xc3\x86\r{\xed\xb5\xd7\xfa\xf6\xed\x8b\xf9\xc6_\x84\xfao\x1a\x10\x00WH6.\x8f=\xf6\xd8\xc2\x85\x0b\x89h\xfe\xdf\x9eJ\x9c5\xdd]|\xd6\xe2\xd5+\xdf_\xf8\xb9:WC\x83w\x7f\xbd{\xd0\x88).\xb7\x1e\x1b\x1b\xbbk\xd7.M\xd3\xd0H]D\x0e\x0e\xa4\xa4\xa4&lt;\xf4\xd0\xe4S\xa7\xf2\x89\xc8\xeeg\xfb\xe3\xb8\xdb\xee\xbb\xf7\xb6\xf8\x9e\xd1\xc1-#\x89\x14\xb9\xf0\x9c\x88H\xe8\xba\xb3&lt;#\xfb\xe0\xfa\x94m\x8b\x93V\x15\x14\x9e!"\xab\xd5\xfa\xc6\x1bo$&amp;&amp;"\x03~\x0e\xf5\xdf4 \x00\xae\x84\xecq\x1c8p &amp;&amp;F\xd7\xf5\x9b\x07\xc7o\xdc\xf8\x81^^\xae\xd5K7Dw\xebZX\xe4\xec\xe7^\x7f\xf9\xf5d"\xfa\xe0\x83\x0f&amp;N\x9c\x88\x0b\xe1\xda\xe4\xa7\xe1\x99\x99$\xa2\xc9\x0f\xdc\xf9\xd4\x93\xf7w\x8b\xebNdPe\x95\xe1\xd2\r!\x88\x84\xbc\x17IaLQ\x15\xf2\xb7\x93j-:qrq\xf2\xaa\x7f\xbc\xb5\xac\xa4\xccI\x17\xe6\x1b\x91\x01\xb5\xa1\xfe\x9b\x0c\x04\xc0\x95\x90\xcdABBBJJ\x8a\x9f\x9f\xf5\xfb\x1d+\xa3b\xa2\x8c\xf2\xca\xab_\xf3p)\x84\x10\x06c\x06Sz\\\x7fW\xde\xa1\xe3\xcd\x9b7\xcf\xcc\xcc\x0c\x0f\x0f\'\xacg\'\xa2\x9f\xb5\xfe\xe1\x8e\x90E\xff|a\xec\xf8?\x90\xbb\x8aWT\x121E\xf9\x85\xa6\xfc\xc2\xf2s\xa1\xd9\xac\xe4\x1f\x92\x91\xbeg\xea\x94\x1722\x0fP\xadu\x87hb$\xd4\x7f\x93\x81\x81\xb3\xcb&amp;\xab?777--\x8d\x88\xc6\xdd5&lt;*\xb6;wV\xd4O\xf5\x13\x11cL\xe8\xdc\x12\x18\xf8\xdc\x8c\x07\r\xc3(((X\xbdz5cL\xaet49\xd9L\xa7\xa6\xa6zV%~\xb5f\xd1\xd8\xf1w\xb9\x8b\xcf\x1a\x95U\xaa\xaa\xaa\xea//\x1egD\x8a\xa2h\x9a*t\xdd}\xae(\xaew\xb7\xd4\x8dK\xe2c\xbb\x10Qrr\xf2\xec\xd9\xb3UU\xd5u\xbd\xbe\x7f\x9f\xc6\x07\xf5\xdf\x94\xe0\n\xe0\xb2\xc9&amp;f\xda\xb4i\xc9\xc9\xc9v\xbb\xdf\xde\xed\x1fGu\x8f\x12\x95U\xf59\r%\x88\x04#\xb7Aq}\xef\xc9=\xf0c\xb7n]\xf7\xee\xdd\x875\xd1r\xcf\xc8\xd3\xa7O\xc7\xc6\xf6*,,\ns\x04\xaf_\xf3N\xfc\xc0\xde\xees\xc5\x16\xeb\xe5\xadK\xe1\xba\xae\x06\xf8\x97\x94:\x87\xdf:\xe5\xbb\xbd\xb9\x8c\xb1\r\x1b6\x0c\x1b6\x0c\xd7\x01\xa8\xff\xa6\x04W\x00\x97G&gt;\xdd\xa2\xa8\xa8\xe8\x8b/\xbe`\x8c\xc6\x8c\x1e\x1a\x1d\x1bc\x94W\xd6\xf3"\x04Fd\xb8\xb9-8\xf8\xe9\xc7&amp;\x08!rrr\xbf\xf9\xe6\x1bt\x82\xe4\xca\xfd\xe7f\xcd*,,\xd245\xe9\xad\xe7\xe3\x07\xf6\xbb\x82\xd6\x9f\x88TM\xe3\x15U\x8e\x88\xd0O\x97\xcf\x8b\x08\x0f%\x12\x8f=\xf6\x98\xcb\xe5b\xcc\xd4}&amp;\xd4\x7f\x13\x83\x00\xb8&lt;\xb2\xc2v\xee\xdcy\xfa\xf4i!\xe8\xde\xbbG\x08aPC\xf4;TU\x11\xd5\x95\xb7\xdfzchH\x90a\x18k\xd7\xae\xa1\xff\xde\xdf\xc6ld\xcft\xcb\x96-\xcb\x96/\'\xa2\xf1c\x13\xee\x9e0\xc6]|\xe6\nZ\x7fI\xd5Tw\x89\xb3]\xd7\xe8y\xaf=)\x04\x1d8p`\xde\xbcy\x8a\xa2\xc8\xeb\x0csB\xfd71\x08\x80\xcb#\xaf1\xbf\xfc\xf2K\xc6\xd8\xb5\xad\x9a\x0f\xbc1\x8eUU*J\x03\x9c\x00\x8c1Q\xedj\xde\xee\xdaA\x03\xe2\x88(-m\x93\xcb\xe52\xf9\xe8\x04\x11-^\xbc\x98sn\xb3Y\x9f\x9b9\xc9pU\xa8W70\xadY5\xee,\xbd\xf7\x8f\xa3:G\xb5e\x8c-Y\xb2\xa4\xaa\xaaJQ\x14\xd364\xa8\xff&amp;\x06\x01py\x14Eq\xb9\\;v\xec\x10B\xf4\xef\x13\x13\xdc&lt;\x92\xbb\xdc\r5\xf2h\x08A\x8av\xcb\x90&gt;Dt\xe8\xd0\xc1\xa3G\x8f2\xc6\xcc\xd9?\x95C\x13\x05\x05\x05\xffY\xb7\x8e16a\\Btl\xf7\xab\x1f\x98fD\xa4s[p\xd0\x9f\x9f\x9eDD\x87\x0f\x1f\xde\xb4i\x93i?dB\xfd79\x08\x80\xcb \xd7?\xe4\xe7\xe7\x9f&lt;y\x82\x88\xe2zv&amp;R\x1b\xb0/\xc8\x18#\xa1\xf7\xea\x11\xad(JuuMff&amp;\x99\xf5*X\x0eMl\xdc\xb8\xb1\xec\xfcy!\xc4\x03\xf7\xdd.\x84q\xe1y#WEQ\x15QU9z\xe4\xe00G\x081\xf6\xf9\xe7\x9f]\xfd\xf7\xf4Q\xa8\xff\xa6\x07\x01p\x19dm\x1d?~\xdc\xe9,\'\xa2^1QD\xbc\x01\x17\x1e(\n\xa3\x1aWT\xc76!\xc1AD\x94\x97w\x80\xccz\x02\xc8\xbf\xc2\xa6MiD\xd4\xb6\xcd5=zv\xa6\xaa*\xaf\x0cM0\xc6\x84\xcb\x1d\xd8,b\xd0\x80X\x12b\xe7\x8e\x9d\xd5\xd5\xd5\xe6\xdcx\x00\xf5\xdf\xf4\x98\xb1\x8e\xaf\xd2\xd1\xa3G\x88\xc8b\xb1DD8\xc8\xe0\r\xbb\xf0Lp\xc3?\xc8?44\x90\x88\x8e\x1e=Jf\xbd\x17F.\xce9r\xe4(\x11uh\x7f]h\xcb\x08\xe1\xd6\xbd\xf5Q\x18\x86P4[lL\x14\x11\x15\x16\x15:\x9dN3\xaf\x05B\xfd7%\x08\x80\xcb \xcf\xf9C\x87\x0e\x11\x91#4\xb8S\x87\xd6T\xe3j\xc0\x82c\x8c\t]\x0f\x8cpt\xea\xd0\x9a\x88\x0e\x1d:L\xa6&lt;\x01\xe4\xea\xcf\xb2\xb2\xb2C\x87\x0e\x12QL\xd7\x0e$T/6\xd0\x8c1"\xbd[\xd7\x8eDTVv&gt;77\x97.\xdcs`*\xa8\xff\xa6\x07\x01p\xd9\xacV+]\xd8\r\xb1\xa1\x8f\x85\x88\x88.\x1c\x89&lt;0\xd3\x12B\xb8\xddn"\x8a\x08\x0b!\xa6x\xbb\x83."\xc2C\x88\xc80\x0c\x93\xdf\x0f\x8c\xfaoJ\x10\x00W\xae\xf1\x0c\x024\x9e#iXrh\x9e\xf3:i\x98&lt;\xdf\xd6\x9c\x13\x00?\xd7x\xaa\xae\xf1\x1c\x89\xcfA)_6\xd9\x01T\x14f\xd14j\x0c\x95\xa7(\x16M\xa3\x0b\x07fZ\xf2\x11\xb2D\xe4v\xebu\xf1wq\xbb\x7f\xfaxM~\xbb)\xea\xbf)A\x00\\\xb6\xf0\xf0\x08"*/\xaf&lt;q\xaa\x88\xac\x96\x06\xec}\x08!\x98\xaaV\x95:O\xe6\x9f&amp;"\xb9!\xa2\t\xc9)\xd9\xe0\xe0\xe0\xf6\xed;\x10\xd1\xde\xac\x03\xc4\xb8\x17\xefN\x12B\x10i\xfb2\x0f\x10QppP\xa7N\x9d\xc8\xc4c\xcd\xa8\xff\xa6\x04\x01p\x19\xe49\xdf\xbd{w"\xaa\xa8\xac*(&lt;C\x9a\xd6\xb0} \xa6*\xd5\xe7\xcb\xf3\x0b\xce\x12Q\xf7\xee\xdd\xc8\x94\x93\x93Dd\x18\x86\xa6i\xad[\xb7&amp;\xa2c\xc7\x0b\xab\xcb\xca\x99\xf76\xa7d\x8cH\xf0\xbc\xc3\xc7\x89(\xcc\x11\x16\x11\x11A\xa6\x0c\x00\xd4\x7f\xd3\x83\x00\xb8\x0c\xf2\x04h\xd1\xa2\xb9\xdd\xeeGD\x07\x0e\x1e#\xf2\xe6j\x93\xcb%\x84 \x9b\xe5\xc7\x13\x05\xe5\x15\x15Dt\xed\xb5\xd75\xd4\x9148\xf9W\x188p \x11\xe5\xfcp$7+\x8f\xecv\xee\x8d\xb6@\x08\xa1X\xb4\xea\x92\xd2\r\x9bv3\xc6b\xe3b\xfd\xfd\xfd9o\xc8\xf5\xef\r\x05\xf5\xdf\xf4 \x00.\x83&lt;\x01\xda\xb5k\xdf\xbcys"\xda\xb3\xef\x07"\xd1\x80\xed\x80a\x08R\xacY\xd9\x07].\xb7\xa6iqqqd\xd6)J\xf9[\xdfz\xeb\xadV\xab\xd50\x8c\xb5_ma\xaa\x95\x0c/\xb4M\x86!\x98\xdd\x7f\xd7\xce}\x05\x85g\x84\x10\xa3F\xddAf\x9duD\xfd7=\xf8\xb0.\x83\xdco\xd6n\xb7\xc7\xc6\xc61\xc6v~\x9b\xe5r:\x15\xad\xc1\xf6\x9fb\x8c\x88\xc4\xe6m{\x88\xe8\x9ak\xae1\xf3\xd8\xb4\xdc\xa43::z\xe0\xc0\x81\x8c\xb1\xb7\x93&gt;={\xe2$\xb3ye\x84Z\x90a\xbc:\xf7}]\xe7\xcd"#G\x8e\x1cID\xe6\xdct\x0c\xf5\xdf\xf4 \x00.\x8flPF\x8d\x1a)\x84\xc8;tl\xef\xb7Yd\xb7\xd7\xd1\xba\xc3\xdf=\x12\xc5j9_t:u\xf3\xb7D4d\xc8\xe0\xc0\xc0@s\x0eMHr\xa7\x9a)S\xa6\x08!\xce\x9c-Y\xf8\xce\n\xc5?Tw_\xd5\xca\x10\xaes54d\xcb\xc6\xed\x9b\xb7|GD\xa3\xef\xbc322\xd2\xcc\x1f2\xea\xbf\x89A\x00\\\x1ey\x81y\xe3\x8d\x83\x02\x02\x028\xe7\x9f\xad\xdd\xccT[\x83\x0c\x08\x18\\0\x7f\xffm[3N\x9e*"\xa2\xe1\xc3G\x90Y\x87&amp;$M\xd3\x0c\xc3\xb8\xe7\x9e{\x06\r\x1a\xc4\x88\x16\xbc\xb3"+\xfd;\x8b#\x84_\xe9\xea@\xc30\x98\xcdRYr\xfe\xc9Y\xf3\x18caa\x8e\xd9\xb3g\xcb\xbb\x8e\xbd{\xe4&gt;\x04\xf5\xdf\xc4\x98\xb7\x94\xaf\x8c\xa2(\x9c\xf3\x8e\x1d;\x0e\x192\x84\x88\x96\xad\\w\xee\xc4\t\xd5\xcfZ\xff\x95\xc7\x14"\x9d\xcf_\xf41c\xace\xcb\x96w\xdcq\x07\x99uh\xa26M\xd3\xe6\xcf\x9f\xafjji\xa9s\xc2\xa4?\x97\x9c)Q\x03\xfc\xb9~\xd9+\xf7\r\xc3\x10LQ\xfc\xfd\xa7?:{_f\x9ea\x18\xaf\xbc\xf2j\xcb\x96-\xe5uF]\x1c\xb9O@\xfd71\x08\x80+\x94\x98\x98\xa80VXt\xee\xedwV0{`=_\x05sn\xb0\xa0\xc0\xafS\xb6\xa6n\xfeV\x081u\xea4\\\xff\xd2\x85\xe6)..n\xee\xdcyD\x94\xb9\xff\xd0\x88\x84)%%N5$\xc8\xedv_z\x13\xc5u]\xb1X\xd4\xa0\x80i\x0f\xce\xfap\xc5:"\x1a3f\xcc\xa3\x8f&gt;\xaa\xeb:\x9a\x18\t\xf5\xdf4\x98wS\xc3\xab!o:\xed\xd9\xb3Gn\xee\x0f\x11\xe1\xa1\x07\xbe_\x1d\xe2\x08f\xde\xdb~\xf2wq\xce\xd5\x90\xe0\xa1\x83\xef\xffz\xeb\x1e\xab\xd5\x9a\x93\x93\xd3\xbe}{\xc30\xcc&lt;:\xe1Q\xfb\xa9\xe5D\x14\x1f\xd7\xf5\xe3es;u\x8d&amp;g)\xd7\xb9\xa2*\xbf\xf6g\x12\x82\x0c\x833bJh\x88\xb3\xa4,\xf1\x89\xd7\x96,_CD\xf1\xf1\xf1)))!!!\x8c141\x84\xfaoB\xf0y]\ty\xdb\xd1\xfc\xf9\x0b\xe4|\xe3\x8b/\xbf\xad\xd4c\'\x88\xeb\\\ru\xac\xfah\xf5\xd7[\xf7\x08!f\xce\x9c\xd9\xbe}{\xce9\xaa_\x92+\x82\x92\x92\x92\xa6N\x9dJD\xe9\x199\x03\x06\x8d_\x9a\xf4\x89\xcb \xd5\xe1`\x9a&amp;7t\xe3\x9csn\xc8\xff\xe4\xffb\nSC\x83\x95 \xff\x8d\xeb\xb7\x0c\x19:\xb1v\xeb\xefp8\x08+L.@\xfd7\x19\xb8\x02\xb8B\xb2\xbb1b\xf8\xf0\r\x1b72\xc6RV\xbf}\xcb\x1d7\xeb\xc5\xa5\x9aE\xab\xeb\x9f\xcbl\xd6\xd3\x85\xe7z\xf4\xb9\xe7\xf4\x99\xe2f\xcd"ss\x7f@\xf3t\x11!\x84\x9c\xad}\xf9\xe5\xd9\xb3g\xbf,_\x8c\xe9\xd6i\xc6\x13\x13\xee\xb8}px\xcb\x08RlD:\x91\xa7\xf85"^Y\\\xba}\xf7\xf7\x7f\x9f\xffa\xca\xc6\x1d\xf2\xd5\xb1c\xc7.^\xbc\xd8\xe1p\xa0wy\x11\xd4\x7f\xd3\x80\x00\xb8Br2\xf0\xc8\x91#}\xfa\xc4\x17\x17\x97\xb4h\x16\xfe}\xfa\xaaf-#yy\xa5Zg+\xa3\x85!\x0c\x85\xa9\x81\x01\xc3o\x9e\xb8q\xf3\xb7D\xb4j\xd5\xaa1c\xc6\xc8A\x8f:\xfa\xa1&gt;\xca\x93\x01)))3g\xce\xcc\xce\xce\x96\xaf7\x8b\x0c\xbb\xa1_\xcf^\xbd\xba\xc4D\xb7s\x84\x87\x107\xdcn==\xf3\xc0\x91#\'6o\xf9\xee\xe8\xd1\x93\xf2m-Z4\xff\xf3\x9f\x9f\x7f\xfc\xf1\xc7\xe9Bc\xd7`\xbfI\xa3\x84\xfao\x1a\x10\x00WN\x96\xddg\x9f}6f\xcc\x18"\xea\x13\xd75\xe5\xab\xe4\xd0\x90 ^UU\x17\xe5\xe8\xa9\xfei\x93\x9eK\xfep5\x11%&amp;&amp;\xce\x9f?\x1f\xd5\xff\x1bt]\xd74\xcd\xe5r\xcd\x993g\xc5\x8aOrrr\x7f\xf7KZ\xb6l9r\xe4\xc8\x97^z\xa9U\xabV\xb2\x99C\xd7\xf2\x17\xa1\xfe\x9b\x00\x04\xc0U\x91\xed\xcb\x8c\x193\x16,X@Dw\xde~\xd3G\x1f\xff=\xc8f\xe1U\xd5\xde\xed\x07\x19\xdc\x10\xaa\xa2\x06\x06\xfc\xcf_\xdez\xe1\xb5w\x88\xa8\x7f\xff\xfe[\xb7n%"E\xf9\xd5YM\xa0\x0b\xed\x14\x11\xd5\xd4\xd4\xac_\xbf~\xcd\x9a5\xe9\xe9\xdf\x16\x14\x14\x9c={\xce\xf3\x9e\xe0\xe0\xe0\x88\x88\xf0\xd8\xd8\xb8\x91#G\xdev\xdbm\xcd\x9a5\xab\xfd\x85\xf0kP\xff\xbe\x0e\x01pU\xe4r\x08M\xd3&lt;kN\xfa\xc4u\xfdj]RX\xf3p\xbd\xa4L\xd5T\xaf\x94\xa6\xae\xeb\x9a\xddN6\xab\xa7\xef\x13\x1f\x1f\xbf~\xfdz\x0c}^"\xf9\xf8*Ok\xce9/))\xc9\xc9\xc9\xe1\x9c3FBP\xc7\x8e\x1d#""\xecv\xbb\xe7\rhV.\x05\xea\xdf\xd7!\x00\xae\x96g\xac\xd9s\x0eDuh\xbd$\xf9\xd5\x01C\x06\x90\xb3T\xd7\xb9\xaa\xaaW\\\xa2\x9c\xcbU\x89\xa1\x05\xc7\x8eOz\xe8\x85\x94\xb4]Tk]\n\xc6\xa6/\x8b\xe7)\x86\xbf\xd6\xaf\xe7\x9c\x0b!T\xd5;\xcd\x96I\xa0\xfe}\x1a\x02\xc0\x0b&lt;\x1d\xccG\x1ey\xe4\xddw\xdf%"\x9b\xd5\xfa\xdc3\x93\x9f\x9b5\xd5\x1a\x18H\xe5N\xdd\xcd\xd5__~\xfek\xdf\x901\xa6\x04\x07\x92\xa0\x95\x1f\xaf\x9d\xf9\xa7y\xa7\n\xce\x10\xd1\x80\x01\x03\xd6\xae]\x8b\xea\xbf\x1a\xb2\xe6ko\x1c\xcf.h\xb8\x83\xf2a\xa8\x7f\xdf\x85\x00\xf0\x0e\xcf9\xf0\xde{\xef=3sfiY\x19\x11\xc5t\xeb8\xe3\x89\xfb\xc7\x8f\xbb\xdd\x1a\x12L\xd5\x95F\xb5\xcb\x10\x821&amp;\x1fVU\xfb|\xf8\xa9I\x12B\x18\x82\x11\xa9V\x0b\x05\xf8\x13\xe7\x1b7l\x9b\xf7\xe6\x07\x1bRw\xca\xb7%&amp;&amp;\xce\x9d;Wnz\x83\xea\x87\xc6\x03\xf5\xef\xa3\x10\x00\xde$\xa7\r322\x1e}t\xfa\xae]\xbb\xe5\x8b=\xbaG=&gt;\xfd\xbe[o\x19pm\x87k\x89i$t\xaaq\x117\x0c\xb7N\xf2\x14\x10\xa4h*\xa9\nY\xad\xa4jDt\xbe\xe8\xcc\xd7\xdb3\x16-^\xe9Y\x90\xde\xaaU\xab7\xdf|s\xec\xd8\xb1$\x9f\x84\x87\xbe*4&gt;\xa8\x7f\x9f\x83\x00\xf02y\x0e\xe8\xba\xfe\xd1G\x1f\xbd\xfc\xd2K\'N\xfe\xb4\xae\xdc\xe1\x08\xb9\xe9\xc6\xeb\x07\x0f\xea\x1d\x1b\x13\xd55\xaam@\x80\xdd\x1e\xe1 !H\x10)\n/s\x9e/\xaf&lt;\xf4\xe3\xa9\xfd\xb9\x87\xb7\xed\xd8\x9b\xb6\xf9\xdb\x1f\x8f\x9d\x92_h\xb7\xdb\x9f~\xfa\xe9\xc7\x1f\x7f\xbcY\xb3f\x98\x9c\x84F\x0e\xf5\xef[\x10\x00\xde\xe7\xb9&gt;=}\xfa\xf4\x17_|\xb1h\xd1\xa2}\xfb\xf6\xd5~CxXhpp@\x87\x0e\xad\xc90H\x10ija\xfe\xe9\xa23\xc5g\xce\x94\xd4\xba7\x95\xda\xb4i=i\xd2\xe4q\xe3\xc6u\xee\xdc\x99\xb0*\x11|\x04\xea\xdf\x87 \x00\xeaD\xedu\x87\x9c\xf3\xb4\xb4\xb4\xf5\xeb\xbfJMM\xcb\xcb;PS\xe3\xfa\xed\xafm\xdf\xbe\xdd\xe0\xc1C\x06\x0f\x1e&lt;z\xf4\xe8\xe0\xe0`\xc2\xaaD\xf05\xa8\x7f_\x81\x00\xa8C?_~\x9e\x97\x97\x97\x9b\x9b\x9b\x9d\x9d}\xfc\xf8\xb1c\xc7\x8e\xcb\x9a\x16B\x84\x86\x86\xc6\xc4\xc4\xb4n\xdd\xba[\xb7n\xdd\xbau\xf3\xf7\xf7\xf7|\tc\x0c\xf3]\xe0\x8bP\xff\x8d\x1f\x02\xa0\xce\xc9\xd3@\x08\xa1i\x97\xbaO\x16\x16\xa4C\x93\x81\xfao\xcc\x10\x00\xf5G\xd4r\xd1\xaas\xf9"\x11\xc9\xfe\x0e\xea\x1e\x9a\x1e\xd4\x7f#\x84\x00\x00\x000)\x0c\xae\x01\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i\r}\x00\x00\xf5M\x08\xf1\x8b\xaf3\xc6\xea\xf9H\x00\x1a\x16\x02\x00\x9a2Q\x0b\x11)\x8a\xe2\xf9\xbf?g\x18\x86\xe7\xff\xb2Z\xea\xf1x\x01\xea\x15\xfb\xb5\xde\x10\x80\x8f\x92\xcd\xbda\x18\x8c1UU\x7f\xfe\x06\xc30\xca\xca\xca\x18\xfb\xa9\xf8\xe5\xff\xe3\xe7\xe7g\xb7\xdb\x7f\xf1\xcd\xf2[)\x8a\x820\x80&amp;\x06\x01\x00M\x84l\xf4\x85\x10\x9a\xf6\x7f\xd7\xb5\x9c\xf3\xfc\xfc\xfcC\x87\x0eeee\x9e={6=\xfd;]\xd7\x8b\n\x0b\x0b\x8b\n\x191A\xb2\xf8\x19\x91\x08\x0c\x08\xec\xd8\xa9\xa3\x10\x14\x13\x13\x13\x11\x11\xd1\xbbw\xef\xeb\xae\xbb\xaeM\x9b6\xfe\xfe\xfe\xb5\xbf\x1b\x11!\t\xa0\xc9@\x00\x80\xcf\x13Bp\xce=\xed&gt;\xe7&lt;///%%e\xdb\xb6myyy\xc7\x8e\xfdx\xfe\xbc\xf3\n\xbe\xad\xcdf\xbd\xe6\x9ak\xa2\xa3\xa3\xfb\xf5\xeb?|\xf8\xf0\x9e={z\xc2@\xd7uEQ~m(\t\xc0W \x00\xc0\x87\xc9.\xb9\x1c\xe7\xe1\x9c\xef\xde\xbd{\xf5\xea\xd5_}\xf5\xd5\xc1\x83y55\xae\xda\xef\x0c\n\n\x08\x08\xf0\xef\x1a\xd5V\xd1\xd4\x90\xa0\x80\x1e=\xa2\x047d7^\x08\xc14\xcb\xb1\x1fO\x1e?Y\xc8T\xf5\xd0\xa1\xe3\xe7\xcf\x97\x9f+.\xbd\xe8g\xb5k\xd7v\xc8\x90\xa1\xa3G\x8f\x1e&lt;xppp0]\xb8\xe6\xc0\x05\x01\xf8.\x04\x00\xf8$\xce\xb9\xa7\xe5=y\xf2\xe4\xca\x95+?\xfe\xf8\xe3}\xfb\xf6\xfd\xdf;\x18k\xdb\xa6\xd5\xf5\xb1]\xe2zF\xf7\xee\xd5\xb9Kt\xfb\xe0\x90\xc0\x90H\x07)*)\x8c\xc8BT\xbb\xf2\x19\x91N\x06\'\xc6\xaa\xce\x96TTT\xed\xcf\xfbqof^V\xf6\xc1\xf4=\xfb\x0f\x1e:V]]\xe3yk\x9b6m\xc6\x8e\x1d;a\xc2\x84\x1e=zx\x0e\xe6\x17\'\x1b\x00\x1a9\x04\x00\xf8\x189\xd0/\x1b\xdc\x1d;v\xbc\xff\xfe\xfb\xff\xfe\xf7\xe7%%\xa5\xf2_\x1d\x8e\xe0\xdeq\xddF\xdc\xdco\xd0\x8d\xbd\xbbun\xeb\x1f\x11F\xa4\x11\xe9T\xe3"n\x18n7\x11\tAB\x18D\xb5\xbb\xed\xe2\xa7\x05?\x82\x14\x8bF\xaaB6+1\x8dH\xf0\xf3\xce\xbc\xc3\'v\xa7g~\x99\xb2m\xcf\x9e\x9c\x1f\x8f\x9d\x92_`\xb5Z\x07\x0f\x1e&lt;}\xfa\xf4\x84\x84\x04\xab\xd5*\xaf\x06\x10\x03\xe0[\x10\x00\xe03j\x8f\xf5\xa7\xa5\xa5\xcd\x993g\xc3\x86\r\x9e\x7f\x1dxC\xec\xe8QC\xee\x1d3\xe2\xda\xf6\xd7\x92b!\xc3MU5\xdc\xad\x0b!&lt;\xeb9/e\xacF\x9e\x11\x86!\x84\x10\x8c\x91\xaa\xa9d\xb3\x91\xc5Jd8\x8b\x8aW\xaf\xdb\xfc\xf9\xeaM\x1b7\xed\xac\xa8\xa8\x92\xef\xef\x11\x13\x938c\xc6\xa4I\x93\xe8\xbf\xafK\x00\x1a?\x04\x00\xf8\x069\xdaNDyyyo\xbc\xf1\xc6\x07K\x97\x1aB\x10\x91\xdd\xee\xf7\xc7\xb1\t\x93\x1f\xfc\xc3\r\xfd{\x92\xcdN5UFu\x8da\x08\xa60\xc5\x1b\xab\xf8\xe5\xe5\x82!\x04#R\xad\x16\xf2\x0f a\xfc\x90\x9d\xf7\xafU)I\xef\xad\xca/8#\xdf6l\xd8\xb0Y\xb3f\xdd|\xf3\xcd\x84\x11!\xf0\x1d\x08\x00\xf0\x01\xba\xaek\x9a\xe6r\xb9\xe6\xcc\x993\x7f\xfe\x9b\xc5\xc5%D\x14\xe6\x08\x99&lt;\xe9\x0f\x13\xef\xbb\xbd{\xef\x9ed\xb8Ey%\xe7\x86\xaa\xd6a\x07\xfc\xa7\xdb\x0b\x88\x94\x00;Y\xecE\xc7\x8e/[\xf9\xd5\x92\xa5\x9f\xe5\x1e8JD\x8c\xb1I\x93&amp;\xbd\xfa\xea\xab\xd7\\s\r.\x05\xc0\' \x00\xa0Q\x93\xf7\xe5*\x8a\xb2}\xfb\xf6G\x1ey$;;\x9b\x88\xec6\xdb}\xf7&amp;&lt;\xfb\xd4\xe4\xe8\x1e\xdd\xc8]\xc1+\xaa\x181E\xad\xbfE\x99\x86a\x18\x86\xd0\xfc\xacd\x0f.;]\xb8\xe0\xed\xe5\xef&amp;\xaf*(&lt;KD-Z4\x7f\xf5\xd5\xd7\xa6L\x99B\xb8\x14\x80F\x0f\x01\x00\x8d\x97\xa7\x01}\xf9\xe5\x97_\x7f\xfdore\xe7\xb0!}_{\xe5\xf1\xbe\x03\xfb\x92\xabJ/\xafT\xd4\x06[\x8f/\x84\xe0:\xd7lV\n\x08\xce?r\xf4\xc5\xd9\x0b?X\xf6\x85\x1c\x98\xba\xf7\xde{\xdf~\xfb\xed\xf0\xf0py\xed\xd2 \x87\x07\xf0\xbb\x10\x00\xd0H\xc9\xd6\xbf\xa0\xa0`\xd2\xa4I)))D\xe4\x08\r\x9a\xfd\x97G\x1f\x7fl\x02)\x8c\x9fw\xb2\xc6q+\xd6OS\xd3v?\xf2\x0bHY\x9b\xfa\xe4\xd3\xaf\x1f8x\x8c\x88\xa2\xa2\xa2\x96,Y2`\xc0\x00\\\x07@\xa3\x85\x00\x80\xc6Hv\x9c\xb7o\xdf&gt;v\xec\xd8\xfc\xfc|"\x1a\xd8\xbf\xd7\xfb\xc9\xafFu\xebl\x94\x95\x92\x10\xf59\xe0s)\x84\x10\x9c\x1b\x9a#\xa4\xec\\\xe9\xcc\x99o\xbc\xf7\xc1\xbf\x89\xc8f\xb3\xfe\xe3\x1fo=\xfc\xf0\xc3\x98\x12\x80\xc6\xa9q\x9dE\x00t\xa1\xf5ONN\x1e2d\x88l\xfd\x13\x1f\x1b\xbfy\xe3\xd2\xa8\xa8\xb6z\xc99E\xa9\xd7\xe1\xfeK\xc4\x18\xd34\x95\x97\x94\x85\xd8\xad\xc9K_O~\xe7\xe5\xd0\xe0\xc0\x9a\x1a\xd7#\x8f&lt;\xf2\xc8#\x8f\xa8\xaa*o_h\xe8\xc3\x04\xf8/\xb8\x02\x80\xc6\xc5\xd3\xfaO\x9b6\x8d\x88B\x82\x02\xde\x9c\xf7\xec\xe4i\x13\x84\xb3Dp\xa3\x116\xfd\x17\x11B\x18\xdcP\x1d\xe1\xdfn\xdb}\xff\x83\xb3\xf2\x0e\x9f \xa2\xa9S\xa7&amp;%%\xe1:\x00\x1a\x1b\x04\x004"\x17\xb5\xfe\xe1\x8e\xe0\xaf\xd6\xbc\x13?\xb0\xaf^|V\xd5T\x1fj:u\xb7\xae\x85\x06\x17\x9f.N\xb8}\xda\xb7\x199\x84\x0c\x80F\xa9\xb1\xf7\xa7\xc0&lt;.j\xfd\xfb\xc4u\xdd\xb9}E\xfc\r\xb1z\xf1Y\xcd\xa2\xf9V\xa3\xa9Y4^\xe6\x0cs\x04\xa5\xa6~0y\xc2\x1dD$\x7f/\x8c\x05A\xa3\x82+\x00h\x14~\xde\xfa\xaf\xffO\xb2#2\x94\x979U\x9f]FipC\xb1Z\xc8\xee7m\xd2s\xc9\x1f\xae\xa6\x0b\xd7\x01\xf2\t3\xbe\x15i\xd0$!\x00\xa0\xe1\xc9\x85\x92\x9e\xd6?&gt;\xb6K\xcaW\xef9\x1cA\xbc\xa2J\xd5|{\x01\xa5a\x18BQ\xd4\xc0\x80\x8b2\x00kC\xa11@\x00@\x03\x93M\xe1\xce\x9d;\x07\x0e\x1ch\x18FXh\xf0w;V\xb4\x8bn\xcb\xcb\xca}\xbd\xf5\x97\x84a\x08Ue\x16\xcb\x80\x1b\xff\xb83=\x9b\x88\xe6\xcf\x9f\x9f\x98\x98\x88{\xc4\xa0\xc1!\x00\xa0!\xc9\xc1\x90\xd3\xa7O\xf7\xec\xd9\xa3\xa8\xe8t\x80\xbf}sJr\xfc\rq\xbc\xcc\xd94Z\x7f\xc90\x0c\xb2XJ\x9d\x95C\x86&gt;\x90\x99s\x98\x886l\xd8p\xcb-\xb7\xe0:\x00\x1a\x16&amp;\x81\xa1!\xc9\xad~\xee\xbf\xff\xfe\xa2\xa2\xd3D\xb4\xf0\xcd?\xc5\x0f\xec\xa7\x97\x9eoJ\xad?\x11)\x8a"j\\a\x91\x8e\xe5\x1f\xbc\x1e\xe6\x08&amp;\xa2\x07\x1e\xb8\xbf\xa8\xa8HQ\x14\xf9\t\x004\x08\x04\x004\x189\x06\xf2\xca+\xafl\xdc\xb8\x91\x88\x12\xff\xdf\xbd\x13\x1f\xbe\xdf]|V\xb34\xc1\x81\x11US\xf5\xd2\xf31\xf1\xb1Io\xbd@D\x85\x85E\xf7\xdf\x7f?c\xb8\x04\x87\x86\x84\xfa\x83\x86!\xf7\xf7\xdf\xb5k\xd7\xa0A\x83\xdcnw\xbf\xde\xdd\xb7mY.\xdc\xbaJ\xa2\t/\x8f\xd1u]s\x84\xcf\x98\xfe\xe2\x82wV\xd2\x85\xc9\x00\x0c\x04ACA\x00@\x03\x90\x1b\xebs\xcecbb\xf2\xf2\xf2\x82\x82\x02\xf6\xed\\\xd9&gt;\xaa\xadQQ\xd5\xf8\xef\xf5\xbd\x1aB\x08\x831\xd2\xb4&gt;\xfd\xc7e|\x9f\xa7iJv\xf6\xfe\xa8\xa8(!Dc\xd8\xd8\x0e\xcc\x065\x07\r@&gt;&gt;w\xde\xbcyyyyD\xf4\xfaK\x8f\xb6\xef\xd6YwV4\xed\xd6\x9f\x88\x18c\xc4\r\xd5byo\xe1_l6\x0b\xe7\xc6\x13O&lt;\x81\x81 h(M\xfc|\x83FH\x0e\xfe\x1c&gt;|x\xce\x9c9D4h@\xec\xf4\'\'\xf2\xb2\x92&amp;9\xf4\xffs\xaa\xaa\xe8Ng\xec\x80\xbe3\x1f\x1b/\x84\xd8\xb0a\xc3\xaaU\xabTU\xe5\x9c7\xf4\xa1\x81\xe9\xa0\xeb\x01\xf5M\x0eyO\x9c8\xf1\xa3\x8f&gt;\xf2\xf3\xb3m\xdf\xf8~\\\xbf^Fye\x93\xef\xfe{\x08!\x0cU\xad\xa8\xac\xee\xdd\xff\xde\xc3GOt\xec\xd8)++K\xd34\xdc\x1e\x0c\xf5\xcc,\xa7\x1c4\x12\xb2\xf5\xdf\xb2e\xcb\xc7\x1f\x7fLD\xe3\xfe0,n`?\xee,7O\xebOD\x8c1\xe1r\x07GF\xbe\xf0\xccd\xc3\x10yyy\xf3\xe6\xcd\xc3\x92P\xa8\x7f\xb8\x02\x80z%\xdb\xb8a\xc3\x86m\xde\xbc9&lt;,d\xd77\xcb\xdawjK\xd55\x8ab\xae\x9e\xaf \x12Dnb\x83\x86&lt;\x90\x9e\x91\x13\x16\x16\x96\x93\x93\x13\x19\x19Ir\x9e\x00\xa0^\x98\xa8\xdb\x05\rNn\x86\x9c\x91\x91\xf1\xf5\xd7_\x13\xd1\xa4\xf1\xa3:v\xefnTT\x9a\xad\xf5\'"F$tn\x0b\n\x9c\xfd\xdc4!\xc4\xb9s\xe7\x96/_\xce\x18\xc3L\x00\xd4\'\x04\x00\xd4\xb7E\x8b\x16\t!\xfc\xfc\xac\x93\x1f\x18-\\\xe5\x8aY\x97\xc0+\x9aj\x94;\x07\xdd\xdc\xbfst[\xc6\xd8\x92%K\xaa\xaa\xaaTU\xc5E9\xd4\x1b\x04@\x83\x11\xb54\xf4\xb1\xd4\x07!\x84|\xc8\xfb\xff\xfe\xef*"\xbao\xcc\xad]z\xf74*\xabL\xd8\xfd\x97\x18\x91ps\xff\xd0\xd0\xe7f&lt;(\x84\xd8\xbf\x7f\x7fZZ\x1ac\xcc$3\x01f\xab\xff\xc6\t\x01P\xaf\x0c\xc3\xd0u\x9ds\xee\xd9\x11^\x12Bp\xceu]o\xc2\'\xbf\x1c\xdcX\xb1b\x85\xd3Y\xae\xaa\xea\xf4)c\x84\xe1&amp;2i\xeb/)\xaa"*\xcb\xef\xbek\xf8\xb5\xad\x9a3\xc6\x92\x93\x93\xa8I\xcf\x01\x98\xb9\xfe\x1b\'\x04@=\xe1\x9c\xcb\x11pM\xd3TUU\x14\xa5\xac\xac\xac\xa4\xa4\xa4\xb4\xb4\xb4\xb4\xb4\x941\xa6\xaa\xaa\xa6i\x8a\xa2\xc8\x93\xa1\xa1\x8f\xd7\xfbTUu\xb9\\\x1f~\xf0\x01c\xac\xcf\xf5\xdd\xe2\xfa\xf5\x14\xe5\x95\xaa\x99\x16\xff\xfc\x1cc\x8c\xd7\xb8\x03"#\xee\xbb{\xb8\x10"--\xed\xe0\xc1\x83Mr9\x10\xea\xbfq2\xc5\xad7\rKn{ 7{9y\xf2djj\xea\xb6m[\x8f\x1e\xfd177G\xd7uFL\x10u\xec\xd8\xa1U\xabk\x07\x0c\x180b\xc4\x88.]\xba\xc8\x81\xe0\xa6\xb4=\x80\\\xfd\xb9woFVv\xb6\x10\xe2\xee;\x86(6\x7f\xbd\xb2ZiZ\xbb~^\x01\xc6\x18\x19\xee\xbbG\xdf\xfc\xf7\xb7?\xae\xa8\xa8\\\xbdz\xf53\xcf&lt;#\xef\x95k\xe8C\xf3\x0e\xd4\x7fc\x86e\xa0u\xcb\xb3\xcfWZZ\xdaG\x1f}\xb4v\xed\xda\x92\x92\x92\xdfx\xbf\xcdf\xbb\xe9\xa6\x9b\xc6\x8f\x1f\xff\xc0\x03\x0f\xd4\xfer_\'7\xfe\xfc\xd3\x9f\x9e\x9d3gn\x98#$\xfb\xdbO[^\xd7\\\xd4\xb8\x9b\xf0p\xc7\xa53\x84 \x9b\xed\xa6!\x0fl\xdf\xf5\xfd\r\xfd\xfbo\xd9\xba\x95\x88\x9aF\xdb\x87\xfao\xe4\x10\x00uH\x96o~~\xfe\x8b/\xbe\xb8t\xe9R\xcfG\xdd\xa6\xf55\x9d:\xb5\xe9\xde\xb9\x9d#,\x948w\xbb\xf5\xef2\xf3N\x9e,\xcc\xde\x7f\x88\xe8\xa7\xf7\x0c\x1b6\xec\xb5\xd7^\xeb\xdb\xb7o\xd3x~\xac\x10B\xd7\xdd\xbdz\xc5\xe6\xe4\xe4\x0c\xbd)&gt;m\xd3\x87\x86\xb3\xbci\xb4qWO\xd7\xb9\xe6\x08\x9b\xfd\xfc\xdc\x97\xff\x9a\xe4\xe7\xe7\xf7\xfd\xf7\xdfGEE5\x81\x8b\x00\xd4\x7f\xe3\x87!\xa0\xba"\xfb\xbc)))\x0f=4\xf9\xd4\xa9|"\xb2\xfb\xd9\xfe8\xee\xb6\xfb\xee\xbd-\xbegtp\xcbH"\x85H\xfd\xa9\xe2\x85\xae;\xcb3\xb2\x0f\xaeO\xd9\xb68iUA\xe1\x99\xd4\xd4\xd4-[\xb6\xbc\xf1\xc6\x1b\x89\x89\x89rD\xd8w\xcf\x81\x0b\x9b\xff\x1c9r\xe40\x11\xdd:\xec\x06R4\xc3\x10&gt;\xde\xbey\rc\x8c\x0c\xd7\xf0!\xfd^{\xe3\xfd\xea\xea\xea\xed\xdb\xb77\x81\x00@\xfd\xfb\x04\\\x01\xd4\x89\x8b\x9erND\x93\x1f\xb8\xf3\xa9\'\xef\xef\x16\xd7\x9d\xc8\xa0\xca*\xc3\xa5\x1bB\xde\r\xca\x88HaLQ\x15\xf2\xb7\x93j-:qrq\xf2\xaa\x7f\xbc\xb5\xac\xa4\xccI\x17\x9e!\xee\xd3\xfd \xd9\x16,X0\x7f\xc6\x8c\xa74U\xdd\xbd\xf9\xc3\xb8\x01\xb1\xfc|\x85\xc9g\x80=\x84\x10LU*\xab]]\xe3\xee:v\xbc\xe0\x0f\x7f\xb8\xf3\xf3\xcf\xff\xed\xd3\xa3\x1f\xa8\x7f_\x813\xd0\xfb.\xaa\xfepG\xc8\xbf\x96\xcf}\xff\xc3y\xddb\xa2xi)/u\n\x9d+\xaa\xa2i\xaa\xa6i\x9a\xa6j\x9a\xaa\xa8\x8a 2\xca+\xf4\x92\xe2\xe6\xe1\xa1/\xbd23u\xe3\x92\xb8\x1e\xd1D$\xbf\x8fO\xaf\x0c\x91\xe7\xed\xb6\xed\xdb\x89\xa8\xd55\xcd\xa2;\xb7\xa3\xaaj\xd3.\xff\xff9\xc6\x18ws\xff\xb0\xd0\xeb{u&amp;\xa2\xbd\x19{+++}\xf7\x8e0\xd4\xbf\x0fA\x00x\x99\xac\xfe\xd4\xd4TY\xfda\xa1A_\xadY4v\xfc]\xee\xe2\xb3Fe\x95\xaa\xaa\xaa\xaa\xfcbG\x86\x11)\x8a\xa2i\xaa\xd0u\xf7\xb9\xa2\xb8\xde\xddR7.\x89\x8f\xedBD\xc9\xc9\xc9\xb3g\xcfVUU\xd7\xf5\xfa\xfe}\xbcAQ\x14\x97\xcb\xf5Cn.\x11\xc5_\xdf- "\x8c\xbb9zs\xb5\t!\x88\xa9\x83\x07^ODE\xa7\x8bN\x9c8\xf1\xd3\x8b\xbe\x06\xf5\xef[\x10\x00\xde$/T\x0b\x0b\x0b\xef\xbf\x7f\x02\x11\x859\x82\xd7\xaf]\x1c?\xb0\xb7\xfb\xdci\x8bE\xbb\xc4!]\xc6\x98\xc5j\xe1\xa5\xe7\x1d\xa1A)\xeb\xdf\xeb\x1d\xdb\x85\x88f\xcf\x9e\x9d\x9a\x9a\xaai\x9a\xcf-\x91\x96\x9fIAA\xc1\xf1\xe3\xc7\x89\xe8\xfa^\x9d\x89i\xbe\xd8\xb4\xd5)\xc6\x18\t=\xb6ggEQ\xaa\xaa\xaa333\xc9\x07\x03\x00\xf5\xefs\x10\x00\xde$W.?7kVaa\x91\xa6\xa9Io=\x1f?\xb0\x9f\xfb\\\xb1\xc5j\xb9\xdco\xa5j\x1a\xaf\xa8rD\x84~\xba|^Dx(\x91x\xec\xb1\xc7\\.\x97\xcf==J\x1e\xed\xd1\xa3G\x9d\xcer"\xea\xd5#\x9a\x08\xdd\xff\x8b)\n\xa3\x1aWt\xc76\xa1!AD\xf4\xc3\x0f\xb9\xe4\x83\x01\x80\xfa\xf79\x08\x00\xaf\xf1\xect\xbfl\xf9r"\x1a?6\xe1\xee\tc\xdc\xc5g\xae\xa0\xfa%US\xdd%\xcev]\xa3\xe7\xbd\xf6\xa4\x10t\xe0\xc0\x01_\xdc5^\x9e\xaeYY\x99D\x14\x12\x1c\xd4\xadK{\xaa\xa9A\x00\\D&gt;!\xc0qMd\xa7\x8e\xad\x89(++\x9b|m\xdd\x0b\xea\xdf\x17!\x00\xbcl\xf1\xe2\xc5\x9cs\x9b\xcd\xfa\xdc\xccI\x86\xebj\x17\xbahV\x8d;K\xef\xfd\xe3\xa8\xceQ\xff\xb7a\xa4\xbc]\xde[\x07\\?\n\x0b\x0b\x89\xc8\xdf\xdf/$$\x888\xf7\xa9\x96\xad\x9e\x08!4\x9b5&lt;,\x84\x88\x8a\x8a\x8a\x84\x10\xbe\x15\x00\x12\xea\xdf\xb7 \x00\xbc\xc3\xb3\xd5\xe5\x7f\xd6\xadc\x8cM\x18\x97\x10\x1d\xdb]TV]\xe5RnFD:\xb7\x05\x07\xfd\xf9\xe9IDt\xf8\xf0\xe1M\x9b6\xf9\xd6\x86\x91\xf2\x13\xc8\xc8\xd8KD\x9d\xa3\xdb\x06F:\x0c\xb7\xee\x8bM[]3\x0cAL\xbb\xbegg"\xca\xcb;PZZ\xeaC-\x1d\xea\xdfG!\x00\xbcC\xceMm\xdc\xb8\xb1\xec\xfcy!\xc4\x03\xf7\xdd.\x84\xe1\x95\xad.\x15U\x11U\x95\xa3G\x0e\x0es\x84\x10c\x9f\x7f\xfe\xd9\xd5\x7f\xcf\xfa\'\x1b2\xd6Tv8\xa83L\xae\x8e\xf5l\x9e\xe3+P\xff&gt;\ng\xa3w\xc8.\xed\xa6MiD\xd4\xb6\xcd5=zv\xa6*\xef\xect/G\x87\x03\x9bE\x0c\x1a\x10KB\xec\xdc\xb1\xb3\xba\xba\xda\x87\x9aQ\xc6Xuuu\xfe\xa9SD\xe4\x08\r&amp;b\xbe\xd1\xa7m\x18\xc2\x11\x1aLD\x15\x15\x15\xa7N\x9d"\xdf\x99\x07F\xfd\xfb(|\x8e\xde!\x17\'\x1c9r\x94\x88:\xb4\xbf.\xb4e\x84\xf0\xde@\x87a\x08E\xb3\xc5\xc6D\x11QaQ\xa1\xd3\xe9\xf4\x95\xb5\x10r \xbb\xb2\xb2\xf2\xe4\xa9\x93D\x14\xdb#\x8a\x14\x8b0|\xe0\xc8\xeb\x1fc\x8c\x88\xc7\xf6\x8c&amp;\xa2\x8a\x8a\xca\x93\'O\x92O\x05\x00\xea\xdf\x17!\x00\xbc@\xae~+++;t\xe8 \x11\xc5t\xed@\xc2\x9b\xb7q2\xc6\x88\xf4n];\x12QY\xd9\xf9\xdc\xdc\\\xba\xf0tu\x9f\xc0\x18\xb3X,D\xa4\xeb&gt;s\xcc\r\xc5\xf3\x11\xc9O\xcc\'\xa0\xfe}\x17\x02\xc0k\x84\x10n\xb7\x9b\x88"\xc2B\x88)\xde\xee\xa0\x88\x88\xf0\x10\xba\xf0L%\xef~\xebz\xf0\xd3\x1c\x00\xa6~\x7f\x8f\xe7#\xf2\xb9\x1e.\xea\xdf\x17!\x00\xbcI\x0eMr^\'}\x13\xcf\xb7\xc5\x00(4N\xa8\x7f\x9f\x83\x8f\xd2k&lt;\x8f\xb2s\xbbu\xaa\x83\xee\x9b\xdb\xfdS\xc7\xc7\x17\xef\x86\x97\xc3\xc1&gt;\xd7\xab\xad\x7f\x9e\x8f\xc8\xe7V\xca\xa2\xfe}\x11\x02\xc0\x0b\xe4\x94Tppp\xfb\xf6\x1d\x88ho\xd6\x01b\xdc\x8b\xbb]\n!\x88\xb4}\x99\x07\x88(88\xa8S\xa7N\xe4S\r\x84\x10B\xe7:\x11Y}g\\\xbb\xa1x&gt;"\x1f\x1a\xe8@\xfd\xfb.\x04\x80w\x18\x86\xa1iZ\xeb\xd6\xad\x89\xe8\xd8\xf1\xc2\xea\xb2r\xe6\xbd\xcd\xee\x19#\x12&lt;\xef\xf0q"\ns\x84EDD\x90\xef\x9c\x00B\x08\x8b\xc5\x12\x12\x1cBD\x87\x8e\x9e \x81\x8d\x80~\x83r\xe8\xe8\t"\xb2X,!!!\xe4;\x7fe\xd4\xbf\x8fB\x00x\x87\xbcr\x1f8p \x11\xe5\xfcp$7+\x8f\xecv\xee\x8d\x85\nB\x08\xc5\xa2U\x97\x94n\xd8\xb4\x9b1\x16\x1b\x17\xeb\xef\xef\xcf\xb9o4\xa3\xb2o\x18\x14\x14\x14\x15\x15MD\x87\x8f\x9e"\xa1\xfb\xc2\x817\x00!\x04\x91r\xf8\xc8I"r8B\xa3\xa2\xa2\xc8w\x9a9\xd4\xbf\x8fB\x00x\x87\x9c\x98\xba\xf5\xd6[\xadV\xaba\x18k\xbf\xda\xc2T+yc\xc1\xbba\x08f\xf7\xdf\xb5s_A\xe1\x19!\xc4\xa8Qw\x90\x0f\x0e\xa6\xbb\\."\xf2\xf3\xb3\x12C\xc9\xfd\x16\xbb\x9f\x8d\x888\xe7\xbe5\xd2\x8d\xfa\xf7Q8\x1b\xbdCnR\x18\x1d\x1d=p\xe0@\xc6\xd8\xdbI\x9f\x9e=q\x92\xd9,\xde\xa8TA\x86\xf1\xea\xdc\xf7u\x9d7\x8b\x8c\x1c9r$\x11\xf9\xd0&gt;\x01r\xbdv\xcf\x9e=\x89(\xef\xd0\x89\xf2\xb3%L\xc3\xf3\x00~\x81|$\xc0\xde\xac&lt;"\xea\xd8\xb1Spp\xb0\x0f\xed\x07\x87\xfa\xf7Q\x08\x00\xaf\x91O\xc3\x982e\x8a\x10\xe2\xcc\xd9\x92\x85\xef\xacP\xfcCu\xf7UM\xe5q\x9d\xab\xa1![6n\xdf\xbc\xe5;"\x1a}\xe7\x9d\x91\x91\x91\xbex\xfd\xdb\xb2e\x0b"*-uV:+\xbd8:\xdc\x940\x85\x0c\xae\x17\x9d)&amp;\xa2\xc8\xc8H\xcd\xd7b\x12\xf5\xef\x8bp*z\x8d\xa6i\x86a\xdcs\xcf=\x83\x06\rbD\x0b\xdeY\x91\x95\xfe\x9d\xc5\x11\xc2\xaft9\x87a\x18\xccf\xa9,9\xff\xe4\xacy\x8c\xb1\xb00\xc7\xec\xd9\xb3\xe5]\x97\xde=\xf2:%\xcf\xd5\x98\x98\x1eDTv\xde\x99w\xe8\x18\xd9\xac\x06v\x83\xf8oB\x08E\xd3\x9c\xa7\x8b\x0f\x1f&gt;ID\xdd\xbbw#_\xbb\xd9\x15\xf5\xef\x8b\xf0Qz\x99\xa6i\xf3\xe7\xcfW5\xb5\xb4\xd49a\xd2\x9fK\xce\x94\xa8\x01\xfe\\\xbf\xec\xf1\\\xc30\x04S\x14\x7f\xff\xe9\x8f\xce\xde\x97\x99g\x18\xc6+\xaf\xbc\xda\xb2eK\xd9\xcf\xaa\x8b#\xaf#\xf2h\xdb\xb6m\xeb\xe7\xe7g\x18\xc6\xbe\xcc&lt;&lt;\x12\xf2\xe7\x84\x10\xe4g;r\xe4\xc4\x99\xb3\xc5D$\xe7\xcc}\x11\xea\xdf\xb7 \x00\xbcIQ\x14\xcey\\\\\xdc\xdc\xb9\xf3\x88(s\xff\xa1\x11\tSJJ\x9cjH\x90\xdb\xed\xbe\xf46\x8f\xeb\xbab\xb1\xa8A\x01\xd3\x1e\x9c\xf5\xe1\x8auD4f\xcc\x98G\x1f}T\xd7u\x9f\x1b\xfd\xf4\x04\xc05-[\x12\xd1\xde\xcc\x03D\x02\xa7\xf0E\x0cC\x90\xa2e\xed?\xe4\xd6u\x8b\xc5\xd2\xabW/\xf2\xc1[^Q\xff&gt;\xc7\xc7*\xac\xf1SU\x95s\x9e\x98\x988u\xeaT"J\xdf\x9b;\xe2\xb6\xa9\x07\x7f8j\t\x8bdD\\\xe7\xbf\xd1\xf9\x15\x828\xe7\x067T\x87\xc3Y\xe3~\xe8\x81?%\x7f\xb8\x9a\x88\xe2\xe3\xe3\x93\x92\x92|n\x8fxI&gt;\xbe\xc3n\xb7GEG\x13\xd1\xae\xf4,\x97\xd3\xa9\xf8\xe0/R\xa7d"~\xbdm\x0f\x11\x85\x87\x87\xb5o\xdf\x9e|g\rhm\xa8\x7f\xdf\x82\x00\xf0&gt;\xb9""))\xe9\xa7s #g\xc0\xa0\xf1K\x93&gt;q\x19\xa4:\x1cL\xd3\xe4\x86V\x9cs\xce\r\xf9\x9f\xfc_Lajh\xb0\x12\xe4\xbfq\xfd\x96!C\'.Y\xbe\x86\x88\xe2\xe3\xe3SRR\x1c\x0e\x07\xf9f\x8b@\x17\xc6\xb2\xe3\xe3\xe3\x89\xe8\xc8\xd1S?\x1e&lt;\xc6\xec6L\x03\xd4\xa6\xa8\xaa\xdb\xe9\xdc\xfd\xdd~"\xea\xd2\xa5kPP\x90\xef\x8eu\xa0\xfe}\x08\x02\xc0\xfb\x18c\xb2\xdb\x9b\x94\x94\xf4\xd2K/\x13\xd1\x99s\xa5\x93\x1f\xfeK\xef\x01\xf7-MZq\xae\xe4\xbc\x12\x14\xa09"\xd4\xd0\x1054H\xfe\xa79\xc2\xd4\xd0\x90J\x97{\xe3W[nM\x986&lt;a\xea\x9e}\xb9D4v\xecXY\xfd\x86a\xf8\xdc\x80\x80\x87&lt;o\x13\x12\x124M\xab\xae\xa9\xd9\xbe\xfb{\xd2\xac\xbe5\xc3Y\xa7\x0cC0\xbb\xed\xf0\x81\x1f\x8f\xfcx\x8a\x88n\xbb-\xc1\xa7\x1f}\x8e\xfa\xf7!x\xaeB]\x11B\xc8\x15\x0b)))3g\xce\xcc\xce\xce\x96\xaf7\x8b\x0c\xbb\xa1_\xcf^\xbd\xba\xc4D\xb7s\x84\x87\x107\xdcn==\xf3\xc0\x91#\'6o\xf9\xee\xe8\xd1\x93\xf2m-Z4\xff\xf3\x9f\x9f\x7f\xfc\xf1\xc7\x89\xc8\xd7\xab\xdf\xf3X\x98.\x9d;\x1f?q\xe2\x0f\xa3\x86|\xfe\xc5"^v\x1eW\xf4\x92\xaes\xd5\xe1x\xeb\x8dw\x13g\xfd]U\x95o\xbfM\x8f\x8b\x8b\xe3\x9c\xfb\xf4\xe7\x83\xfa\xf7\t\x08\x80\xba\xa5\xeb\xba\xa6i.\x97k\xce\x9c9+V|\x92\x93\x93\xfb\xbb_\xd2\xb2e\xcb\x91#G\xbe\xf4\xd2K\xadZ\xb5\x92\xe3\x00M\xe0\xcaW6g\x93&amp;M\xfa\xe0\x83\x0f\xae\xbb\xb6EN\xc6g\x81\x01v\xa1cA7\x11\x91\xc1\xb9\x12\x12|\xe7\xa8\xff\xb7\xe6?\xdft\xe9\xd29#c\xaf\xd5jm\x1a\x9f\x0c\xea\xbf\x91C\x00\xd49OW\xae\xa6\xa6f</t>
        </is>
      </c>
    </row>
    <row r="214">
      <c r="A214" s="1" t="n">
        <v>212</v>
      </c>
      <c r="B214" t="inlineStr">
        <is>
          <t>triangle</t>
        </is>
      </c>
      <c r="C214" t="inlineStr">
        <is>
          <t>What is the missing number of the part denoted with a question mark?</t>
        </is>
      </c>
      <c r="D214" t="inlineStr">
        <is>
          <t>['9', '1', '6', '8']</t>
        </is>
      </c>
      <c r="E214" t="inlineStr">
        <is>
          <t>6</t>
        </is>
      </c>
      <c r="F214" t="inlineStr">
        <is>
          <t>There are three groups of numbers with a triangle arrangement in the image. The first group is [4, 5, 20], the second group is [9, 2, 18], and the third group is [3, '?', 18].</t>
        </is>
      </c>
      <c r="G214" t="inlineStr">
        <is>
          <t>We observe that the number 20 is the product of 5 and 4. Similarly, the number 18 is the product of 2 and 9. Hence, the pattern is that the rightmost number in each group is the product of the other two numbers.</t>
        </is>
      </c>
      <c r="H214" t="inlineStr">
        <is>
          <t>Based on the pattern that the rightmost number in each group is the product of the other two numbers, the missing number of the group [3, '?', 18] should be 6.</t>
        </is>
      </c>
      <c r="I214" t="inlineStr">
        <is>
          <t>b'\x89PNG\r\n\x1a\n\x00\x00\x00\rIHDR\x00\x00\x02\x00\x00\x00\x02\x00\x08\x02\x00\x00\x00{\x1aC\xad\x00\x00\xbd$IDATx\x9c\xec\x9dwxTE\xf7\xc7\xcf\xdc{\xf7nI6\xbb\xa9\xf4@(\xa1\x86\x12z\t\x1d\x0c\x88/(H\x15\xa5\xa3 \xaf \x02\x16\xa4\x89\x05\x14A\x01\x0bHS\x14D\x9a\x82Bh\xa2\xf4^\x12\xa9!@\xa8\xe9\xdb\xcb-3\xbf?\x06\xf6\x97\x97&amp;\t!l\xc8|\x1e\x1f\x1fr\xf7\xb6-\xf7|\xcf\x9c9s\x0e"\x84\x00\x83\xc1`0\x8a\x1f\xdc\x93\xbe\x01\x06\x83\xc1`&lt;\x19\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84\'}\x03\x8c\xc7\x0e!\x84\xfe\x9f\xfe\xc3\x07\xba\xcd\x13\xba/\x06\x83\xf1\x84Aw\x18\x05\xc6\xd3\x01!\x04cL\x08A\x08\xf1&lt;\xff\x90{r\x1c\xc7\xf4\x80\xc1(&gt;0\x01x\xaa \x84\xa8\xaa\xcaq\x1c\xc7\xfd\x7fpOUU\xbb\xdd~\xf3\xe6\xcd\x1b7n\x00 \x80[\xdfx\xe5\xca\x95\x8dF\xa3\xd9l\xce}\x06UU\x01\x80)\x01\x83Q\x1c`\x02\xf0\x94\x801\xc6\x18\x0b\xc2\xad\x98^vv\xf6\xf1\xe3\xc7w\xed\xda\xb5\x7f\xff\xfe\xabW\xaf\xdeLK\xb3\xd9l\x92\xd7\x9b\xfb\x10cP\x90N\xab\xadT\xa9R\xd9\xb2e[\xb4h\xd1\xacY\xb3\x9a5k\x1a\x0c\x06\xfa\xaa\xa2(&lt;\xcf3\x19`0\x9eb\x98\x00\x14yh\x0c\x87\xc6y\xecv\xfb\xfa\xf5\xeb\xd7\xac]\xbbo\xef\xbe\xf4\xf4\xb4\xbc\x9e***\xaaM\x9b6\xbd{\xf7n\xdb\xb6-=!\x1dO0\x19`0\x9eJ\x98\x00\x14ar\x9b\xfe\xa4\xa4\xa4e\xcb\x96\xad\xfa\xe5\x97\xd4\xcb\x97};\x18\x83\x82*V\xa9^\xa2t\x99\xcaUk\x06\x04\x04V\xadU\x07\xab\n\x9d\xfdUd\xf9T\xe2Q\x8f\xdb}\xf6\x9f\x137\xaf_\xbb\x9cr\xde\x9bk|P\xb7n\xdd~\xfd\xfa\xf5\xef\xdf\xbfD\x89\x12\x00\xa0\xaa\xea\x83\'\x12\x18\x0cFQ\x84\t@Q\x05cL\x03\xfd\xd7\xae]\x9b4i\xd2\x8a\x15+\xdcn7}\xa9t\xd9\xc8&amp;qm[u\x88\xafV\xab^\x99r\x15\xb4:Q\x10\x00\x13P\x95\xff9\x83\xa0\x01 \xa0(\xe0t\xd8S/&amp;\'\x1e;\xf2g\xc2\x86\xc3\xfbvY-9t\x87\x92%K\x8d\x1c9b\xfc\xf8\xf1\xa2(b\x8cY\xca\x10\x83\xf1\x94\xc1\x04\xa0H\xa2(\x8a \x08\xb2,\x7f\xf3\xcd7\x1f}\xf4\xd1\xcd\x9b7\x01@\x14\xc5\x86\xcd[\xf5\x19\xf0j\xfd&amp;-"JF`\x0c^\xaf$y\xbd\xb7\x92|\x00r\x9bo\x02\xe0\xdb\xc8\xf1\x82V\xab\xd5\xea\x04E\x81\xab\x97/\xec\xde\xb1e\xe5\xd2oO\'\x9d\xa0{\xc6\xc4\xc4\xcc\x981\xa3S\xa7N\xc0\x86\x02\x0c\xc6\xd3\x05\x13\x80\xa2\x07\xb5\xfe\xe7\xcf\x9f\x1f8p\xe0\x9e={\xe8\xc6\xce\xcf\xf7\x1a\xf6\xc6\xf8\xaa5j\x0b\x1a\xc1\xe5t\xc9\xb2\x04\xf0\xf0i\x9d\x04cB\x08F\x80D\x9d\xce`\xd0\xda\xed\xae#\xfb\xfe\xfe\xf2\x93)\'\x8e\x1c\xa0{\x0c\x192\xe4\xf3\xcf?7\x1a\x8d\xf4\xea\x8f\xed\xcd1\x18\x8c\xc2\x83\t@Q\x82.\xe6\xe28n\xd5\xaaU#G\x8e\xcc\xcc\xcc\x04\x80\xda\xb1\x8d\xdexgj\xf36\xcf\x10B\\N\x07\xdd!\xdf\xb1\x1aB\x08\xc6*\xc7\xf1\xc6 \xa3\xd3\xe1\xd8\xb0z\xc5\xdc\x19S\xd2o^\x07\x80\xd8\xd8\xd8\xef\xbe\xfb\xae^\xbdzL\x03\x18\x8c\xa7\x03&amp;\x00E\x06\x9f\xf5\x9f:u\xea\x94)S\xe8\xc6\xd7\xde|\xef\xd57\xdf3\x04\xe8\xad\x16+]\xc9UP\x97\xa3\xd1\x1e\x939\xf0\xca\xa5\xcb\x1f\xbe\xf7\xe6\x96\rk\x01 $$\xe4\xeb\xaf\xbf\xee\xd9\xb3\'\xd3\x00\x06\xe3)\x80\t@\xd1\xc0\x97\xf03l\xd8\xb0\x85\x0b\x17\x02@x\x89\x92\xd3g/\xec\xf8\\\x17K\x8e\xe3\xf1\x85\xe6\x15E\xd6\xeb\x03DQ\xf3\xdd\xdc\xcff\x7f4Q\x96$\x00X\xb0`\xc1\xd0\xa1C\x99\x060\x18E\x1d&amp;\x00E\x00\xba\xbeW\x10\x04\x9f\xf5\xafQ;\xf6\xeb\x1f\xd7\x95.\x1bi\xc9\xb1&lt;\xee\xe5Z\x18c\x00\x08\t\r\xda\xfd\xe7\xce\x91/\xbf`\xb3\xe4\x00\xd3\x00\x06\xe3\xa9\x80\t@\x11\x80\xda\xd9W_}\xf5\xdbo\xbf\x05\x80\x1a\xb5c\x17\xaf\xded2\x878\x1cvA\xd0\x14\xce=\xc8\xb2\x1c\x16\x1e|p\xcf\x9ea\xbd\xbb\xd8\xac\x16\x00X\xbat\xe9+\xaf\xbc\xc24\x80\xc1(\xba0\x01\xf0w\xa8\x85]\xb0`\xc1\xf0\xe1\xc3\xe1\xb6\xf57\x9a\xccn\xa7\x8b/\\\xcb\xab\xc8rpX\xf0\xe1\xbd\xb74   `\xe7\xce\x9d\r\x1a4\xf0\xadH`0\x18E\x0b&amp;\x00~\r\xb5\xad\x07\x0e\x1ch\xd6\xac\x19\xc6\xb8J\xb5\x9a?\xfc\xb6\xc3h2\xbb]\xee\'\x92\x8f\xaf\xc8rHX\xf0\xc1={\x06\xbf\xf8\x8c\xcb\xe9\x8c\x8a\xaax\xe4\xc8aZN\x8e\xad\x11c0\x8a\x1c\xccq\xf3_\xa86gee\xf5\xed\xdb\x97\x10b0\x04|2\x7fiHX\x98\xcb\xe9zR\xab\xb1\x04\x8d&amp;+3\xa7i\xab\xe6\xe3\xa7|\n\x00\x17/\xa6\x0c\x1b6\x8cNP?\x91\xfba0\x18\x8f\x02\x13\x00\xff\x85\xba\xffc\xc7\x8eMII!\x84\x8c\x9b\xfail\xa3\x06\x96\x1c\xeb\x93\x8d\xb9k4\x9a\xcc4K\xffa\xaf\xfd\xe7\xc5\x97\x00`\xf5\xea\xd5?\xfc\xf0\x03\xcf\xf3\xb4\x8e4\x83\xc1(B\xb0\x10\x90\x9fB3;w\xed\xda\xd5\xa6M\x1bUU;vy\xe1\x9b\x9f\xd6dgZ\n9\xee\x7fO\x08!&lt;\xcf\xcb\x92\xf4B\xdb\xfaWS/EDD\x9c:u\xcad2\xb1bA\x0cF\xd1\x82\x8d\x00\xfc\x11\xda\x9f\xcb\xeb\xf5\x8e\x193FUUsH\xe8\xbb\x1f\xcev:=\xc8?\xe6Z\x11B\xb2$\x99\x82\xcdoO\x9f\x8d1\xbey\xf3\xe6\xa4I\x938\x8ec\x81 \x06\xa3h\xe1\x17\x06\x85q\x074\xf8\xb3r\xe5\xca#G\x8e\x00@\xbf\xc1#\xcbW\x8c\xf4\xb8=\x05\x9blCn\xe3\xeb\x11\xf6\xf0\xf0\x82`\xb3\xd8\xdau\xea\xd2\xb4e;\x00\xf8\xf6\xdbo\xcf\x9c9\xc34\x80\xc1(Z\xb0\x10\x90?BW~\xd5\xa9S\xe7\xcc\x993QU\xaa\xae\xdez\x10\x10\x00&amp;Pp\x01\x16B\x88F\xa3!\x00\xe8v7\xb1\xbc\x9e\x01cl0\x18\xce\x9eJ\xea\xd3\xb9\x85\xdb\xe5\x1c2d\xc8\xc2\x85\x0bY\xb9P\x06\xa3\x08\xc1F\x00~\x87\xaa\xaa\x08\xa1]\xbbv\x9d9s\x06c\xdc\xf5\xc5\xfe\xe6\xe0@EV\n\xd0\xfa\x03!\x82F\x93\x93\x95i\xc9\xca\xcc\xc9\xcat\xbb]\xf9\x88\xdds\x1c\xe7t:k\xd5\xad\xdb\xb0Y\x1c\x00\xfc\xf6\xdbo\x99\x99\x99\x1c\xc71\x97\x82\xc1(*0\x01\xf0S\xbe\xfb\xee;\x8cqhx\xc4s=\xfa9\xec\x9e\x02t\xab\x15E\t\n6~\xff\xed\x17\xcf6\xaf\xf5|\xdb\xfa\xcf\xb6\x88\xf9y\xe9\x02\xa3\xc9\xa0*\xca\xbf\x1f\xfc\xbf \x00\xac\xe2\xbe\x83Fr\x1c\x9f\x9e\x9e\xben\xdd:\x84\x10K\x07b0\x8a\nL\x00\xfc\x0b\x9a`s\xe3\xc6\x8d\x8d\x1b7\x02@\x8b6\xcf\x94\xaf\x18\xe9\xf1x\n*\xbbFUUc\x90\xf1\xc8\xfe\x03_|&lt;\xc9n\xb3fgf\xd8\xad\x96\xfc\x8d\x00\x00\x80\xe3y\xa7\xd3\xdd4\xaem\x85J\x95\x11B\x8b\x17/f\xab\x82\x19\x8c"\x04{V\xfd\x0b\xea&gt;o\xd9\xb2\xc5f\xb3\x01@\xbbN\xffQURP\xd6\x9f\x10"\x08\xbc\xc7\xed~\x7f\xcc0Y\x928\x9e\xe7\x05\x01!\xc4q\xf9\x1f^(\x8al4\x19\xe2\xdau"\x84\x1c?~&lt;99\x99M\x053\x18E\x05&amp;\x00\xfe\x05\xb5\xf5\x7f\xfd\xf5\x17\x00\x94,]\xb6A\xd3\x96nW\x81%\xff\xa8\xaa\x1ad\x0e\xfc|\xfa\xc4\xb3\xff\x9c\xe48\x0e\x1e!\x0b\xc8\x07\x87\x90,\xe3v\xf1\xff\xe1y\xde\xe3\xf1\xec\xdd\xbb\x0fn\x17\x10e0\x18~\x0e\x13\x00\xff\x82\xe38Y\x96\x0f\x1c8\x00\x005\xeb\xd4\x0f/\x11!IR\x81\x8c\x00TE1\x07\x9b\xb7\xfd\xfe\xc7\x0f\x0b\xbeD\x1cW\xafa\xb3\xe8\x1a\xb5\xf3\x11\xf7\xbf\x03\xc4q\x1e\xb7\xa7j\xcd\xda\x11\xa5J\x03\xc0\xdf\x7f\xff\r\xac.\x10\x83QD`\x02\xe0G`\x8c\x11B\xc9\xc9\xc9\x17.\xa4\x00@\x83\xa6q&lt;\x0fP\x10I5\x84\x10Q\xab\xcdLO\x9f2n\x04\x00\x10\x8c\x87\xbe1\xbe@\xce\x8c\x10\x92e9844\xa6nC\x00\xd8\xbf\x7f\x9f\xc7S\xc0\xeb\x15\x18\x0c\xc6c\x82=\xa8~\x04M\xa0\xbct\xe9\x92\xd7\xeb\x01\x80J\xd1\xd5\x15\xa5`\xbci\x8c\xb1!@\xff\xe1\xbb\xa3\xaf_\xb9L\x08\xe9\xd6\xfb\x95f\xad\xda\xd3N\xbf\x8f\x0e!D\xa3\x81\x8aU\xaa\x01\xc0\x8d\x1b7m6\x1bBl}\t\x83Q\x04`\x02\xe0GP\xa3y\xfc\xf8\t\x00\x082\x99\xcaU\xa8(\x17D\xfcGU\x94\xe0\x10\xd3\xea\x1f\x97m\\\xb3\x02!T\xaal\xe4\xbb\xd3?\xb3\xdb\xac\xb2"\x17\xc0M\x03p\x08)\nT\xa9^\x0b\x00l6\xeb\xd9\xb3g\x81M\x030\x18E\x01&amp;\x00~\x87\xd3\xe9\x04\x00\x9e\x17\x02\x03\x8d\x18\xe3G\\\xff\x851\xd6\x1b\x0c\x17\x93/|2\xf1M\xbaJk\xca\xa7_\x85\x95\x08s\xbb\\\xa4\xe0l4!\x10d2\xd3\xcb\xb9\xdd\xee\x82:-\x83\xc1x\xac0\x01\xf0#h\xe8\xfc\xc8\x91\xc3\x00P\xaeBESp\xa8\xa2(\x8f&gt;\x02\xe0\x05~\xd2\xd8\xd7,9\xd9\x18\xe3W\x86\xbf\xd1\xbe\xf3\xb36\x8b\xf3\xf6\x92\xdd\x02\x88/\xd1\xdape#\xa3\x8cA&amp;\x008t\xe80\xdc\x1e\xcd0\x18\x0c\x7f\x86\t\x80\xdf!\xcb2\x00\x04\x1a\x83\xb4:\xdd#\x06R\x14E\t\x0e\rZ&lt;\xef\xf3\xbd;\xb7\x02@\xb5Zu\xde|\xffC\xab\xc5^\xc0\xe5z\x10\xc2\x18\x1b\x83\x82DQ\x84\xdb\xf7\xcf`0\xfc\x1f&amp;\x00~\x07u\xf9\xb1\xaa&gt;\xa2\x13\x8d\xb1j4\x1a\x8f\x1f:\xf2\xe5\'\x939\x8e\x17\xb5\xba\x0ff/\xd0\xeat\xaa\xaa\x16dY!\xdf\xe5n\xdf0\xcb\x01e0\x8a\nL\x00\xfc\x0ej@\x1f1\x80B\x08\xe18^\x92\xbc\xef\x8f\x19\xee\xf1\xb81VG\x8d\x9f\\\xbfI#\xbb\xad\xa0\xdd\x7f\xdf\x15o\xff\x83\t\x00\x83QT`\x02\xe0w(\x8a\x02\x00\x82 p\\\xfe-\xa9\xaa\xaa\xa6\xe0\xc0/&gt;\x9e\xfc\xcf\x89#\x00\xd0\xa4e\xdb\xa1\xff}\xcb\x92e{L\xed$\t!\x82  \xc4\xc1\xed\xfbg0\x18\xfe\x0f\x13\x00?\x82\x86PBCC\x01 \xed\xc6u\x9b\xd5\xca\xf3|&gt;\x02A\xaa\xa2\x9a\xcc\xa6\x9d[\xb6.\xf9\xeas\x8e\xe3\x82\xcc\xc1\xd3f}\xa3\xa8\xf81M\xcc\xd2\xd6\x027o\\s\xb9\x1cp\xfb\xfe\x19\x0c\x86\xff\xc3\x04\xc0\x8f\xa0\x06\xbaf\xcdZ\x00\x90\x99~\xd3\xedt\xe4#\\C\x08\xd1\xea\xc4\x9c\xec\xec\xc9c_\xa5\x9d^\xde\xf9\xe0\xf3J\xd1U\xdc.\x17\xf7\x98Z\xb5\x10\xc2\x0bBVf\x86\xdb\xe5\x02\x80\xda\xb5c\x80\x05\x82\x18\x8c\xa2\x00\x13\x00\xbf#8\xd8\x0c\x00\x92\xd7\x9b\x99\x91\xc6\x0bB^\x0b6\x10BD\xad\xf8\xc9\xc4\xb1W.\xa5\x00@\xd7^\xfd{\xbe&lt;\xc0j\xb1\x8b\xa2\xc8\xfd/\xbeC\x10B\x1c\x07wl\xcc\xc3\x15\x018\x0e\xd2\xae]\x01\x00Q\x14\x03\x03\x03\x81\t\x00\x83Q\x14x,\x11aF\xfe\xa0F\xb3N\x9d:\x00\xe0r9\xaf]I\xadU7\xd6M\xc8\xc3\x9bR\x8c\xd5\x80@\xe3\xa1\xbd\xbb\xd7\xad\\\xc6\xf1&lt;V\xd5\xa4c\x87\x9f\x8b\x8b\xa5]\xc6r_H\x91e\xb7\xcbE\xe7nW}\xbf`\xe7\x96\x8d\xb4\x12\xf5\xf4\xd9\x0bj\xd4\xa9\xefv9\x1f^\x0c\x08!&lt;\x0f\x97.\x9c\x03\x00\xa31\xa8J\x95*\xc0\x04\x80\xc1(\n0\x01\xf0#\xa8\xd1\x8c\x8a\x8a2\x1a\x83\xecv\xdb\xa9\x13G:w\xeb\x86\t\xc9\x83[N\x80\xe38\x87\xdd\xc6\xf1&lt;\x87\x10p\xdc\x85s\xa7\xff\xf5\xa0\x8c\xb4\x9b\x19i7\xe9\xbf]NG^\xc7\x01\x1c\xc7y&lt;\xea\xa9\xc4\xe3\x00P\xb1bT@@\x00!\x05\xd6\xc3\x80\xc1`&lt;&gt;X\x08\xc8\x8f\xa0\xabs\xcb\x95+W\xbdzu\x008zp\x8f$\x91\xfc\x85e\xb0\xaa*\x8a\x92\x8fudy\x9d&amp;&amp;\x84\x88\xa2\x98\x99v\xf3\xec?\'\x01\xa0E\x8b\x16\x1a\x8d\x86u\x85d0\x8a\x04l\x04\xe0_\xa8\xaa*\x08B\xd3\xa6M\x0f\x1e&lt;p:\xf1\xf8\xd5\xcb\x17K\x96.+I\xde\x87t\xa8\x11\xc7y\xdc\xee\xea1u\x17\xac\xfc\x1d\xd0\xbd\xcd9!D\xd0\x08\x96\xec\xec\xf7\xde\x18\xe2q\xbb\x01H\xd7\x9e\xfd{\xbe2\xd0nqp&lt;_)\xba\xba\xd7\x9b\x87\x0e\x94\x18c\x9d^{\xfc\xf0\xfe\x9c\xecL\x00\x88\x8bk\t,\xfe\xc3`\x14\x11\x98\x00\xf8\x17\xd4t\xb6o\xdf\xee\x8b/\xe6X-9{vn}i\xc8p\x8f\xdb\xc5?\\\xfe&gt;BHQ\x94\xe0\x90\xd0\xd6\x1d;\xdfo\x1fB@#B\xfa\x8dL\xdf\x9a\x80\xa8\xcaU;tn\x93\x95\xa1\xf2\x02\xefv\xbbq\x1e\x0b\x10!\x0em\xfb}=!\xc4d25n\xdc\x08n\x175z"\xdc\x9d\xea\xca\xd4\x88\xc1\xb8\x1fL\x00\xfc\x0bj:[\xb5jU\xa6L\xd9\xeb\xd7\xaf\xed\xd8\xfck\xbf\xc1\xc3\xf3T\xb9\x81j\x80\xddj\xbd\xdf\x0e\x84\x10A\x14\x1dv\xab\xcfVz\xbd\x1e\xabU\xb5[-\xbc  \x8e{x\x8bI\xe3?Y\xe9Y\xfbv\xef@\x08\xb5l\xd9\xb2t\xe9\xd2\x85\xdc\x17\x1ecL\x1b["\x84\x10Bw_\xda\xb7\x03\x00p\x1cGw+\xb4\xdbc0\xfc\x196\x07\xe0_P\xf3m4\x1a{\xf7\xeeE\x089\xb8\xe7\xef\x93G\x8e\x18\x0c\x86&lt;E\xf3\x11B\x1c\xcf?\xe0?\x9e\xe79\x8eG\xff\x0f\xc7\xdf~)O\xc6\x11\xab\xaa!@\xbf\xf9\xb7_\xd2o\\\'\x84\x0c\x1b6\x0c\n\xab\x0e\xa8\xaa\xaa\x8a\xa2\x10B8\x8e6\xb7\x17x\x9e\xe78\xce\xedv\xe7\xe4\xe4X,\x16\x8b\xc5\x92\x93\x93c\xb5Z};\x08\x82@\x05@UU\xf5\x91K-1\x18O\x01l\x04\xe0wP\x1fv\xe0\xc0\x81_~9\xd7\xedr\xae\xff\xf9\xfbiM\xbep:\xf2\x90\x97\xf9\x90(\xb2L\x08\x06\x00\x8c\xf39g\x8b8NQ\xf0\xea\xe5\x8b\x10B\x95*Uj\xd7\xae\x1d\xb5\xc8\x05z\x9b\xff\x03!\x84\x8e0|K\xe4\xae\\\xb9r\xf8\xf0\xe1\xc4\xc4\xc4\x93\'OZ\xad\xd6\x0b\x17.\xd8\xed\x0e\x84\x80\x00\x00\x01^\xe0kT\xaf\xae\xd3\xe9\x1a4hP\xb1b\xa5\xc6\x8d\x1bU\xa9R\xc5\x17\xfb\xa2\xd9\xb1\xac\x81%\xa3\xd8\xc2\x04\xc0\xef\xe08\x0ec\\\xb3f\xcd\xb8\xb8\x16\x7f\xfe\xf9\xe7\xef\xeb~\x1e\xf0\xda\x98\xf0\x12%eY.\xc0\xd8\x05B\xc8\x1c\x12\xeat:\x01\x88^o\xc8O\xc1\tU\r2\x05m\xfb\xfd\xb7S\'\x8f\x11B\xfa\xf7\xef\xaf\xd7\xeb\x15Ey|\xe5\x860\xc6&lt;\xcfS\xd3\xbfw\xef\xdeu\xeb\xd6\xed\xde\xbd\xfb\xd4\xa9S6\x9b\xed\x01\x07\xa6\xdd\xbc\t\x00\x9b6m\x02\x00\xadV[\xa5Jt\xc3\x86\r\xbav\xed\x1a\x1f\x1f\xaf\xd5j\x81\xc9\x00\xa3\x18\xc3z\xb7\xfa#\xaa\xaa\xf2&lt;\xbfs\xe7\xce6m\xda\x00\xc0\x7f^\xec\xf7\xc5\xe2\xe5\x99\x19\x96\x02\xb4\xad\x84\x10\x87\xddF\x97\x19\x8b:\x9dN\xa7\xcf\xc7/\x81\xe3\xb8n\xad\xeb]L&gt;\x17\x16\x16\x96\x94\x94\x14\x1e\x1e\xfe\x98"\xec\xf4\x03\x01\x80\xb4\xb4\xb4\xdf~\xfbm\xd9\xf7\xdf\xef\xd9\xbd;\xf7\x0e\xe6\xe0\x90\x88\x92\xa5\xc3K\x94\x0c\x8b(\x15Y!J\x96\x15\x00\xe0\x05\xc1\x92\x93u\xf1\xfcY\x87\xddv5\xf5bvfF\xeeCj\xd4\xac\xd9\xf3\xc5\x17{\xf5\xeaU\xadZ5\x00P\x14\x85\xcfc\x04\x8c\xc1(\xea0\x01\xf0S\xa8\xc9\xeb\xd9\xb3\xe7/\xbf\xfc"j\xb5\xcb\xd6\xed\x88m\xd4\xd8n\xcfOu\xa0\xfb\xc1\x0b\x02\xb5v\xb4dP\x9e\x8eUd94"\xf8\xdb\xd9\xb3fLz\x0b!\xf4\xd9g\x9f\xbd\xf9\xe6\x9bt\xba\xb5`\xcbM\xd3\xf9[\x8e\xe3\xacV\xeb\xec\xd9\xb3\x17,Xp\xe3\xc6\r\xfa\x92\xa8\xd5\xd6\xaa[\xbfI\\\xdb\xba\r\x9aFW\xaf\x15d2\x07\x06\x05!\x04\x82\x06\x08\x81\xdbo\rT\x05&lt;\x1e\x8f\xd5\x92}\xe5R\xca\xc9\xa3\x07\x0e\xed\xfd\xfb\xf0\xbe]VK\x0e=\x89\xc1`\xe8\xdd\xbb\xf7\x84\t\x13\xa2\xa3\xa3\xe9G\xc1\x86\x02\x8c\xe2\x03\x13\x00?\x05c\x8c\x10\xbax\xf1b\xbdz\xf5l6[\xf5Zu\x7f\xd9\xbaW\x96\xd5\x02\\d\xeb\xfb\xea\x11\x82&lt;\xf5\x86\xc4\xaa\xaa\x0f\x08\xb8\x94|\xfe\xc5\x8e\x8d\xdc.\x17\xc6\xb8Z\xb5j\xe3\xc6\x8d{\xf9\xe5\x97\x05A\xa0ZR f\xd4\xe7\xf8\xaf\\\xb9r\xea\xd4\xa9g\xce\x9c\xa1\xdb\xab\xd6\x88\xf9O\xcf~\xcd[?S\xa5z\r\xbdATd\xf0z\xbc\xaa\xaa\xa8\x8aB\xfew\x16\x1a!@\x08q\x88\xe35\x1aQ\x14E\x91SdH\xbd\x94|`\xf7_\x7f\xac\xffy\xcf\x9f[\xe9n\xc1!!o\x8e\x193~\xfcxQ\x14}\x17e0\x9ez\x98\x00\xf8/\xd4\x12}\xfc\xf1\xc7\xef\xbe\xfb.\x00\xf4\x1d4\xe2\xc3/\xe6g\xa6\xe7\x08\x1a\xcd\x13\xbc+B\x08\x02\x104B\x9fg[&amp;\x1d;\xec\xcb\xab\x01\x80\xa6M\x9bN\x9d:\xb5C\x87\x0eP\x10\x11\x15:\x9dp\xfd\xfa\xf5!C\x86\xd0\x08&gt;\x004m\xd9\xb6\xdf\x90\xd7\x9b\xc4\xb5\r\r3\xb9]\x8a\xc7\xe3VU\x95C\x08\xd1\xe6\t\xf7\xbf\x1c\x1dI\x10\x8c\x11BZ\x9dN\x1f\xa0\xf5\xba\x95c\x87\xf6\xac\xfeq\xc9\xfa\x95\xcb\xe8CP\xabV\xado\xbe\xf9\xa6y\xf3\xe6T}Y8\x88\xf1\xd4\xc3\x04\xc0\xaf\xa1\xf3\x93\xf1\xf1\xf1[\xb7n\x05\x80\xcf\xbeY\xfeb\xff~i7\xb25\xa2\xf8\xa4nIQ\xe4\x12%\x83\xdf~}\xe4O\x8b\xbf\x02\x80\x0f&gt;\xf8\xa0s\xe7\xceo\xbf\xfd6\xbdC\x00\xe8\xdb\xb7\xef;\xef\xbcS\xabV-\xb8m\xc4\xf3z\t_\xd8\'!!a\xd0\xe0\xc1\xd7\xaf]\x03\x80\xa8\xca\xd1\x83_\x7f\xeb\xf9&gt;\xafh\xb5\xa2\xdd\xe6T\x149\xff\xe5K\t\xc1\xaa\x8a8.0\xd0(h\xd0\xce\xad\t\x0b\xbf\x98\xb1\x7f\xd7\x9f\x00 j\xb53&gt;\xf9d\xf4\xe8\xd1\xc0\xc2A\x8cb\x00\x13\x00\xbf\x86\xda\xa0\xb4\xb4\xb4\xda\xb5\xeb\xa4\xa7\xa7\x99\xcc\xc1\xdf\xae\xd8\xd0\xa0Y\xf3\x9c\xcc\'3\x0eP\x14%&lt;\xc2\xbch\xfe\xbc\xe9o\x8f"\x04\xda\xb7o\xbfe\xcb\x16\xea)\xaf\\\xb9\xf2\xe3\x8f?&gt;y\xf2$\x00\x18\x0c\x86\xb1c\xc7\x8e\x1d;\xd6d2\xe5ub\xc0g\xfd\xe7\xcc\x993f\xcc\x18\xba\xb1\xef\xa0\x11\xa3\xdf\x9d\x1a\x16\x11\x96\x93m#\x04\xf3&lt;\x9f\xa7\x98\xd5\xfd\xc0X%\x98\x04\x99\xcd\xaa\xaa\xfc\xb0`\xde\x97\x9fLv\xd8m\x000h\xd0\xa09s\xe6\x18\x8dF\xa6\x01\x8c\xa7\x1b&amp;\x00\xfe\x0e\r\x04\xed\xdb\xb7\xafE\x8b\x16\x18\xe3 \x93y\xc1\xca\x8d\r\x9a5\xcf\xce\xcc\xd1\x14\xa6\x06\x10\xa2(Jx\x89\xe0\xc5\xf3\xe7O\x9b\xf0:\x00DEE\x1d:t($$\x84\x06L8\x8e\x93$i\xe6\xcc\x99_}\xf5\x15\x9d\xa7\xad^\xbd\xfa\xb8q\xe3\x06\x0e\x1c\x08\x0f\x9dj\xe9\xcb\xf5\x1c6l\xd8\xc2\x85\x0b\x01\xc0\x14\x1c2i\xc6\x97/\xf4\xe9g\xb3\xba$Iz\x1c9\xa6\xf4\xdeB\xc3\x82\x8e\x1c8\xf4\xde\x1bC\xcf$\x9d\x00\x80F\x8d\x1am\xde\xbc988\x98i\x00\xe3)\x86\t@\x11\x80j\xc0\xc2\x85\x0b\xe9R[\xaa\x01\x8d\xe3\x9ag\xa4\x15\x92\x06`\x8c\x81\x90\xf0\x12\xa6\xef\xe6\xde\xb2\xfe!!!\t\t\t\r\x1a4\xf0\xd9G\xdf\xdc\xe9\xf5\xeb\xd7\xdf\x7f\xff\xfd\xa5K\x97\xd2\xd9\xe0\x0e\x1d:L\x980\xa1]\xbbv\xf0o\x13\x03&gt;\xdf\xdfg\xfdk\xd4\x8e\xfd|\xc1\xf2*\xd5\xabggY\x1ew\x8e\xa6"\xcbF\x93\xc9\xe9\xb0M\x1b\xff\xdf_W\xfd\x00\x00\r\x1b6LHH`\x1a\xc0x\x8aa\x02P4\xa0\xc1t\x9f\x06\x98\xcc\xc13\xbf\xfe\xbec\x97.9\xd9vB0\xc7=\xc6\xac\x15EQt:\x9dV\xa7]\xf8\xc5\xa7\x9fN\x9d\x00\x00!!!\x9b7on\xd8\xb0\xe1\x1d\t3\x84\x10Z\xcd\x14\x00\xb6o\xdf&gt;c\xc6\x0c:1\xc0q\xdc\x80\x01\x03|\xa9\x96\xf7K\xb3\xa1\xdbs[\xff\xc5\xab7\x05\x87\x86\xd9,\xd6\xc2\x89w\xa9\xaa"\x8aZ\xbdA?~\xc4\xc0u+\x96\xc2m\r0\x9b\xcd\xc0\x8a\xca1\x9eF\x98\x00\x14\x19\xee\xd0\x00\x00x\xed\xcd\xf7\xfe\xfb\xf6T\x02\xc4i\xb7\xf3\x82P\xe0\x16\nc\x8c\xb1\x1a\x1c\x12\x9c~\xf3\xe6\x94\xb7Fn\xd9\xb8\x16\x00BCC7m\xda\xd4\xb0a\xc3\xfbM\xf0\xfa\xc28\x00\xb0d\xc9\x92O?\xfd\xf4\xf4\xe9\xd3\xf4\xc0Q\xa3F\x8d\x1e=\x9aN\x0c\xc0\xff\xa6\x8a\xd2\xb3\xf9\xe2\xfe\xd4\xfa\x1bMf\x97\xd3\xf5\x98\x96\x16\xdf\x13\x8c1\xc7\xa1\x80\xc0\xc0\t#\x07Q\r\xe8\xd1\xa3\xc7/\xbf\xfc\xf2\xf8V83\x18O\x10&amp;\x00E\tj\x86\x12\x12\x12^z\xe9\xa5\xcc\xccL\x00h\xd6\xaa\xfd{\x1f\xcd\xa9Y\xa7\xa6\xd5\xe2\x92$\xa9\xa0\xe2$\x04c\x15c\x83!@o\xd0l\xfbc\xe3\x87\xef\x8e\xb9\x9c\x92\x0c\x00\x8d\x1a5Z\xbe|y\x95*U\xfe5Y\xde\x17\xf4\xb7Z\xads\xe6\xcc\x99;wnVV\x16\x00T\xaf^}\xd2\xa4I\xbd{\xf7\xa6\xfb\xf8\xb2Hy\x9e\xdf\xbauk\xc7\x8e\x1d\x01\xa0FL\xbd\xc5k6\x1bMf\xb7\xcb]\xf8)\xf9\x04c\xc4\xa1\xc0@\xe3\xf8\x11\x03\xd6\xad\\\x06\x00S\xa6L\x99&lt;y2\xd3\x00\xc6\xd3\x07\x13\x80"\x06\xb5\x95\xe7\xcf\x9f\x1f8p\xe0\x9e={\x00\xc0d\x0e~i\xe8\xeb/\r\x19U\xb2t\xb8\xdd\xe6\xf1z=\x8f\x94\x1f\x891\x00\xe8\r\x86\x80\x00\xcd?\'\x12\xbf\x9b;\xeb\xd7U?\xd0\x8dC\x86\x0c\x995kVPP\xd0\xc3/\x95\xf2\xedy\xee\xdc\xb9\x993g.Y\xb2\x84\x9e\xaac\xc7\x8e\xd3\xa6Mk\xdc\xb81\x00\xc8\xb2\xcc\xf3|zzz\xdd\xba\xf5\xd2\xd2n\x06\x99\x83Wm\xde\x1bU9\xdaf\xb3=)\x83KG0\x1a\x8d\xa6w\xa7\xe6\x89\xc7\x0e#\x84\x12\x12\x12:t\xe8\xc0\xd6\x881\x9e2\x98\x00\x14=\xa8\x19\x92ey\xfc\xf8\xf1_\x7f\xfd\xb5\xd7\xeb\x05\x80\xa8\xcaU\x07\x8e\x18\xdd\xaaC\xe7r\x15"%/q\xbb\x9c\xaa\xa2\xc0\xed\xc4\x9b\x07\x0c\x0b\xc8\xed%R\x00\xa0\xd1h\r\x01z\x84\xe0tRR\xc2\xaf\xbf\xfc\xb0p.-\x99P\xa2D\x89\xe9\xd3\xa7\x0f\x192\x04\xf2\x9e\x1d\x7f\xc7\xc4\xc0\xfb\xef\xbf\xbfo\xdf&gt;\x00\xd0\xe9t}\xfb\xf6\x9d6mZ\x992e\x00 &gt;&gt;&gt;!!\x01!\xf4\xe9\xd7?&lt;\xdf\xb7_VF\xe1\xe68\xdd\x85\xaa\xaa\x06\x83\xe1rJr\xefN\xcd\xad\x96\x9c\x12%J\x9e&gt;}\xcad2\xb1\x05b\x8c\xa7\t&amp;\x00E\x12\x9f\x15&gt;p\xe0\xc0\xc4\x89\x13\xb7m\xdbF\xb7G\x94,\xd5\xa5{\xdf6\xcft\xa9U\xb7\x81\xc9\x1c\xa8\xaa\xe0\xf5J\xaa\xa2(\x8a\x02\x84\xe0\xdc5\x12\x00\x10\x87\x10 A\xa3\x114\x1aQ+ \x80\xb4\x9b\xe9G\xf7\xef\xda\xfa\xfb\xfa-\x1b\xd6\xba\xdd.\x00@\x08\r\x1c8\xf0\x83\x0f&gt;\xa0\x9d^\xf2m\xfeh\xb9!A\x10\x14E\xf9\xe1\x87\x1f&amp;O\x9e|\xe5\xca\x15\x00(Y\xb2\xe4\x84\t\x13\xc2\xc3\xc3_z\xe9%\x00\xe8\xf9\xf2\xd0\x19_-\xc8L/\xc8\xb2w\xf9F\x91\x95\xd0p\xf3/?|?a\xe4+\x00\xf0\xfa\xeb\xaf\xcf\x9d;\x97\r\x02\x18O\x13L\x00\x8a*\xb9\xe7Z\x17/^&lt;g\xce\x9c\xc4\xc4D\xdf\xab\xd1\xd5k5m\xd9\xb6n\xa3f5cbM\xc1!\xe6\x90P\x84 \xb7KM\x08\xc82\xa8\xaa\x92\x93\x95\x91\x99~3\xe9\xf8\xe1\xa3\x07\xf6\xed\xdf\xb5\xe3\xda\x95\xcb\xbe}:v\xec8~\xfcx\x9a\xc1Y \x86\xcfw\x92\xf4\xf4\xf4y\xf3\xe6\xcd\x9a5\xcb\xe5\xba%3\x08\xa12\x91\x15\xd6l?\xa4\xd5\xea\xe8\xfc\xc1#^\xab@PU\xd5\x1cl\x1a\xf1R\xf7-\x1b\xd7j4\x9a}\xfb\xf6\xd5\xaf_\x9fe\x852\x9e\x1a\x98\x00\x14m|^\xb9$I\x9b7o^\xbcd\xc9\xd6-[\xa8U\xa5\x04\x1a\x83\x82CB\xcbU\xa8h\x08\x08\xacZ\xb3\xb6\xaa\xaa@\x00\x10(\xb2r&amp;\xe9\xb8\xd7\xeb\xb9|\xe1\x9c\xc5\x92#y\xbd\xbeCJ\x95.\xdd\xa5K\x97\x01\xaf\xbc\xd2\xacY3\xc85U[ 7\x9c;"\x94\x94\x944c\xc6\x8cu\xeb\xd6y%I\x91\xe5\x0f&gt;_\xd0o\xc8\xd0\xac\xcc\x87r\xff\x1f\xb1(\xdeC\x1e\x8e16\x18\xf4\xe7\xcf\x9c\xea\xd1\xbe\xb1$y[\xb5j\xbds\xe7\x9fL\x00\x18O\rL\x00\x9e\x06r\xbb\xe7g\xcf\x9e\xdd\xb0q\xe3\x96\x84\x84\x13\'N\xa4\xa7\xa7?\xfcI\xa2\xa2\xa2bcc\xbbt\xe9\xd2\xb9s\xe7\x88\x88\x08\xf8\xdfAF\xc1B\x08Q\x14E\xa3\xd18\x1c\x8eJ\x95*edf6l\x12\xb7t\xdd\x16\xb7\xdb\xf3\x00\xdb\x8a1&amp;\x04#@\x1c\xcf!\xc4\xd1\xdb#\x04#\xf4P\x93\xde\xbe)n:IN\x08\xc1X%\x84\xd0\xee\x98\xf7;JQ\x94\x90P\xf3\'\x13\',\x9c;\x13!\xb4c\xc7\x8e\xd6\xad[\xb3@\x10\xe3\xe9\x80\t\xc0S\x02\xb5n\xb9\xcb-dgg\x1f;vl\xff\x81\x03\x17\x92/\\\xb9r%-\xed\xe6\x8d\x1b7\x11\x02\xbb\xdd\xa1(\x8a \xf0u\xeb\xd6\r4\x1acj\xd5*_\xbe|\xb3f\xcdj\xd6\xaci0\x18\xe8\xb1\x85\xd0$KQ\x14\x8e\xe3\xbe\xfb\xee\xbb\xe1\xc3\x87\x03\xc0\xdc\xa5\xab;u\xebn\xc9\xb6\xf0\xf7r\xffo\xe7&amp;\x05h\xb5\xbc\xaa\x82\xc7\xed\x91e\x89\xe7y\x9d^\xaf\xd1p\xb2L\x9c\x0e;B\x80\xd0\xfd\xc5CUy\x8d&amp;0\xd0@\x08x\xdc\x1eI\xf2\xf2\x82F\xaf7\x08\x02\xb8\x9c^\xaf\xd7s?\x83N\x1b\xdf\xa7\xdf\xbc\xf1\\\\\x8c\xd3\xe1\xe8\xdb\xb7\xef\x8f?\xfe\xc8\x04\x80\xf1t\xc0\x04\xe0i\x83N\xb7\xde\x9d\t\x8a1\xb6X,\x1c\xc7=\xff\xfc\xf3;w\xeel\xdd\xba\xf5\x9f\x7f\xfey\xc7\xb1\xb4Uz\xe14\xc6\xa26\xbdY\xb3f\x07\x0f\x1e\xac\x14]\xfd\xe7\xcd{8\xda\xc9\xe5.TU\t\x08\x0c\xe28\x94t\xe2\xe8\xee\xed\t\'\x8e\x1cH\xbbq\xd5\xedr\t\x1aMhXx\x8d\xda\xf5\xdb&lt;\xf3l\x83\xa6-eY\x92\xbc\xde{\x8a\x96\xaa\xaaFc\x90\xcd\x9a\xb3e\xe3\xba\xbd\x7fm\xbb|1\xd9\xe5p\x88Zm\xa9\xd2\xe5\x1a6o\xd5\xa9\xdb\x8be#\xcb\xdb,V\xee&gt;6]UU\x939\xe8\xad\xe1\xaf\xfc\xba\xea\x87\xa0\xa0\xa03g\xce\x94*U\xaa\x00\x1b30\x18O\x8a\'\x9fk\xc1(X|\xa6\xffv\x84\x84\xd0I\x02\x8e\xe3BBB\x00\x80\xa6Wj4\x1a\x1a\x8e\xa7G\xd1\x1d\n\xcd\xab\xa5\x1e\xf4\x81\x03\x07\x0e\x1f&gt;L\x08\xf9\xcf\x8b/\x85\x84\x9b\xefN\xfe\xa1j\x14d2\x1f9p\xe0\x9b\xcf?\xfak\xdb\x1f\xaa\xa2\xdcq\xaa}\x7f\xefX4\xef\xd3g\x9e\xeb\xfe\xeeG\xb3\xc3"Jz\xdc\xee;4@U\xd5 \x93i\xff\xae\x1dS\xc7\xbd~\xe1\xdc\xe9\xdc/\x9dI:\xf1\xe7\x96\x8d\x8b\xe6~\xfa\xd6\xe4Oz\xbc4\xd0f\xb5\xde\xb3\xa8\x06\x02\xc0\x98\xbc\xf8\xd2\xe0\r\xab\x7f\xb2\xd9l?\xfd\xf4\xd3\xd8\xb1c}3\x19\x0cF\xd1\x85\xcde=\xb5 \x84x\x9e\x17\x04\x81\xe7y\x1a\xf2\xa6\x0e&gt;\x1d\xf3Qa\xe08N\x10\x04\xbaOa\xfa\xb3\xf4\x1eV\xaf^\xad\xaa\xaa\xa8\xd5\xc6\xb5\x8bw\xbb\x14\xfe.\xe7\x9dC\xc8\xeb\xf1\xcc\xf9hj\xbfg[\xee\xd8\xfc\x1b\xbe-W\xff\x0b\xe2y&gt;a\xc3\x9a\x81/t\xc8L\xbf)jE\xba\xa6\x81\x82U\xd5\x18d\xdc\xff\xf7\x8e\xa1\xbd\x9e\xbdp\xee\xb4om\x81\xef\xcdr\x1c\x97\x95\x99\xfe\xce\xa8A\xdf\x7f;\xcfd6\xa9\xf7\xba\x04\xc7\xf3.\xa7\xbbF\x9d\xd8\n\x95*\x03\xc0\x9a5k\xe8\xc4\xf8\xa3\x7f\x0e\x0c\xc6\x93\x85\xb90\xc5\x05t\x9b\'}#\x00\x00&lt;\xcf\xab\xaa\xfa\xd7_\x7f\x01@\xcd:\xb1\xd15jy\xdcntG\xccJU\x8d&amp;\xe3\xee\r[\xe6\xce\x98\xc2\xf3\x02\x00\x10Bb\x1b5k\x1b\xff\x9f\xca\xd5j\x06\x04\x06:\x1d\x8e\xc3\xfb\xfe^\xb9t\x81\xc3n\x15Em\xca\xf9\xb3\xd3&amp;\x8c\xfa\xea\x87\xb5\x92W\xa2\xef\x92\x10\xa2\x11\xc5\xec\xcc\x8c\xf1#^\xf1z&lt;\x1a\x8d(\xcbR\xbbN]_\xe8\xf3JXDI\xb7\xdb\xb5\xe7\xcf-\xdf/\xf8R\x92$\x0eq\x1f\xbd7\xbaf\xdd\xd8\xba\xf5\x1b9\x1d\xce\xbbcA\x8a"\x87\x86\x99[ux6\xe5\xfc\xd9\xc4\xc4\xa4\x9b7o\x96)S\x86E\x81\x18E\x1d\xe6\xc50\n\x1b:Y}\xf3\xe6\xcd\xb3g\xcf\x02@\xd3\xb8v\x06\x83\xe6n\xd7\x9b\xe3y\xbb\xcd\xd1\xfe\xd9\xff\xf4\x1b&lt;BU\x95\xcaUk\xcc\xff~\xed\xf2\r;_{kB\xdb\xf8.\r\x9b\xb5j\xf3L\x97\xf7g\xcc\\\xbe\xe1\xcf\xf0\x12%eY\xe2\x05a\xc7\xa6\xdfN\x1c&gt;h\x08\x08\xa0\x13\x0cXU\x03\x8c\xfa\xef\x17\xcc\xbdy\xfd\xaaF\x14eY\x1a\xfc\xfa[\x8b~Y\xdf\xa1\xcb\xf3\xb5c\x1b5\x89k3i\xe6\x8cy\xcb\xd6\x8a\x1a\x11!PUu\xf6\xf4\x89\x04\xee\xddW\x92CHQH\xb3V\xed\x11B\x0e\x87\xfd\xd0\xa1\xc3p{\x1a\x83\xc1(\xba0\x01`\x1464\xfe\xb3\x7f\xff~\x9b\xcd\xc6q\\\xdd\x86Me\x99p\xf72\xbb\x08!YR\xdex\xf7\x837\xdf\xffh\xd9\xfa\xed\xf1\xdd\x9ew\xbb\xdd9\x99\x16\xbb\xd5\xeat\xd8\x1d6\xeb\x8dk\x99\xb1\x8d\xeb\r\x1f\xfd.\x9d- \x84\x1c\xd8\xf3\x97V\xcb\x13\x8c\x81\x10\x8d(fed\xff\xfa\xf3\x0f\x08!Y\x96\xaa\xd6\xa8=f\xe2\xf4\x9cl\x87\xd5bq\xb9\x9cN\xbb\xfd\xfa\x95\xacg\xfe\xd3\xe9\xa5!#i\xa1\xb7\x83{v\x1e;t\xc0\xa7\x1f\xffs\'\x1c\xe7\xf5x\xa3\xab\xd7\n\r\x0b\x07\x80\x1d;v\x14\xc2\x07\xc5`&lt;n\x98\x000\n\x1b*\x00II\xff\x00@\xa0\xd1X\xb9j\r\xc9+\xa1{\x85\xd4\x11B\xb2,kD\xed\x88\xb1\xef\x04\x06\x99r\xb2,\x1c\xc7\xf1\x82\xc0\xf1&lt;\xc7q\x1c\xcfk4\xa2\xdd*7h\xda\x82\xe7yEQ\x00\xe0\xfa\xd5\xcb\x84\x00 \xc0\x04\xeb\xf4\xfa\xc4\xa3\x87\xae_M\xe5y\x01\x08\xf4\xe8?X\xaf\xd7*\x8a,\x08\x02=\\\xd0hlV\xa9{\xbfAZ\x9d\x0e\x13B\x08\xd9\xb1\xe9\xb7[\xfaq\xd7\x9dH\x92\x14Q\xb2LdTe\x008}\xfa\x14\xb0\x0e\x01\x8c\xa2\x0f\x13\x00FaC\xa7O\x13\x13O\x02@\xc9\xd2\xe5\xcc\xc1!\x8a\xa2\xdc\xcf\x98"\x84\x00cK\x8eUU\x14:\x13\xf0\xbf\xaf\x02\x01\xa2\xd5\xea\x04\x8d\x86Zm\x9f\xed&amp;\x98h4\xe8\xf8\xe1\xfd\x00@\x08\xe6\x05\xa1a\xd3\x96^\x8f\xc2\xe7\xca\xf3\xe18N\xf2z#+V\xaeZ\xa36\x9da&gt;\xbc\x7f\x97\xdb-\xdf3\x1f\x94\x10\xa2\x11\xb9\xf2\x95\xaa\x00\xc0\x85\x0b\x17\xecv;B,\x8b\x9aQ\xb4a\x02\xc0x2X,\x16\x00\x08\x0e\r\x0b0\x06\xdd3\xf7\xe6\xffA\xe8~IJ\x84\x00\xcf\xf1v\xbbM\xf2J\x1c\xcf#\x84B\xc3#\x10\x02 \x00\x08\xa9*\x9c\xfd\xe7$\x00\xa8\xaaZ\xa2d\x99Re\xcbI\x92tG\x88\x1fcU\xaf\x17\xab\xd5\xaaC\xff\xbct\xe1\\VF:\xcd\x91\xbd\xebZD\x10\xa0d\xa9\xb2\x00`\xb5\xda\xfc\xa7`\x11\x83\x91o\x98\x000\n\x15\x9a9c\xb7\xdbSRR\x00\xa0d\xe9r\x1cG\xf2\xedG\x13\x82E-\x7f:\xf18!\x98C\x1c!\xa4zL=U\x01Z\x07\xdb\xe3\xf1\xfaj\xdb\x95,]\xc6h4a|\x97\xd5&amp;\x00\x08\xcaU\xa8\x08\x00&lt;\xcf[s\xb2\xd3n\\\x13\xee%\x00\x08!E\x81\x12\xa5\xcb\x02\x80\xc3aONN\x86\xdb\xe1,\x06\xa3\x88\xc2\x04\x80Q\xd8\xd0\xc8\xbe\xc5b\x03\x80\xc8\n\x155\x9a\xfc\x07R\x10\xe2$\xafB\xfbv)\xaa\x12Q\xaat\x83&amp;-\\.7\x87\x10\xcf\xf3.\xa7\xc3\x92\x9dI\xf7\x0c\t\x8b\x104\xc2\xdd\xc1}@\x88`\x08\x8f(\t\x00t\xb5DVF\x1a\x9dO\xbesG\x00\x8c!\xb2BE\x00\x90$\x89\x8e`\x98\x000\x8a4L\x00\x18O\x00\x84\x90 \xf0\x00 \xcbr\xbeM\xa8"\xcb\xc1!A\xeb~\xfe\xe1\xf8\xa1}\x1a\x8dH0\xee;\xf0\xb5\x88\x92\xe1\xb2\xe4\xa5+\x9b%\xaf\xc7\xe9\xb0\xd3\x9d\x8d&amp;\x13\xc7\xc1=/\x85\t\x18Mf\xdf\x9fVK\xce\x03\xd6x\xc9\xb2L\xff\xc1\x96\x013\x9e\x02\x98\x000\x9e\x0c\x8f\xe8;\xab\xaa\x1a\x18d&lt;w\xfa\xcc\xccIo\xf1\xbc \xcbR\xc5*\xd5^\x1e6\xcaf\xbd\xb5\x8c\x0b!$I\xb2\xcf^\xebtz\x84\x00\xee\x92\x00\xbaM\xab\xd5\xf9^s\xbb\\p\xaf=\x0b\xf6\xfe\x19\x0c\x7f\x80\t\x00\xe3\xc9@\rh\xfe\xfch\x8cU\xadNk\xb7Z\xdf\x18\xd4\xcb\x92\x93\x8d\x10hDq\xfa\x17\x0b\x03\x02\x8d\xea\xed\x84"\x04@\xab=\xd3?\xefY\xe4\xe7\xf6\x9d@\xee\xba\x0eXU\x1f0\xb7\xeb\xbba&amp;\x00\x8c\xa7\x00&amp;\x00\x8c\'\x00B\x88ZRKN\x16\xc6y+\xa8\x801\xd6h4XU_\x7f\xa5\xc7\xd9\x7fN\x8a\xa2\xa8(\xca\x94O\xbfj\xd4\xbc\x85\xddf\xf3ep\x12\x00\x9e\xe3}\x99\x9a\x18\xdf7\xd1\x08\xa1[kz\xe9Mp&lt;\x7f?\xd3\x8e\x10X\xb2\xb3\x00\x00!\x8e\x85\x80\x18O\x01L\x00\x18\x85\nB\x08cl2\x99\xaaW\xaf\x06\x00\xc9gO)J\x1e*\x14\xd1\xc6\xc2\x1c\xc7\xbf1\xa8\xf7\xc1=;E\xadV\x92\xa47\'~\xd4g\xe0\xe0;z\t\x10L4\xa2\xa8\x11E\xfa\xa7\xc7\xe3!\x04n\x1b\xf9\xff\x87n\xf3z=\xbe-:\xbd\x1e\xee\xb5\'&amp;D\xa3\x81\xe4\xb3\xa7\x00 88\xb8F\x8d\x1a\x00\xc0J\xc21\x8a4\xec\xe7\xcbx\x02 \x84\xf4z=\x00\xb8\x9cN\xaf\xe7A]\xc0r\x831\x16\x04^\xd0\x08c\x86\xf4\xdd\xb9e\xa3\xa8\xd5I^\xefkc\'\x8e\x1c\xf7Nv\x96\xf5\x8eeb\x84`\xadN\x17h4\xd1?\xedV\x0b\xc6w\x19u\x00\x00\xe0\x10\xd8mV\xdf\x9fA&amp;\xf3=\xa3;\x08!U%tOQ\x145\xb9;,3\x18E\x13&amp;\x00\x8c\xc2\x86\xc6[\xea\xd4\xa9\x0b\x00W.]\xb0dg\n\x82\xf0\xaf!u\xda\x9cR\xa3\xd1\xbc9\xb4\xdf\xd6\xdf\xd7\x8aZ\xad\xe4\xf5\xbc\xf6\xe6{oM\xfa\xc0\x92c\xbb\xa3\x944BHU\xd5\x80\x00#-\xdd\x03\x00\xd9\x99\xe9\x8a\xac\xdc\xa3\xe0\x04!\x88\x83\xcc\xf44\x00\xc0\x84\x00@Hh\x98\xaa\xe2\xbb\x07%\x08!YF\xe7\xcf$\x01@\x95*\x95\x83\x82\x82hU\xbb|~\n\x0c\x86\x1f\xc0\x04\x80\xf1d\xa8R\xa52\x008\xec\xf6\xab\xa9\x974\x1a\xf1\xc1\x02@\xad\xbf\xa8\x15\xdfz\xf5\xe5\x84\xdfV\x8bZ\xad\xe4\xf5\x8e\x9a0\xe5\xad)\xd3-96\x84\xd0\xdd%&lt;1\xc6Z\x9d\x86\xae\xf0\x02\x80\x9b7\xae\xd9\xedV\x8e\xbb+\xc1\x1f\x01\x10\xb8z9\x05nU\x0f5\x86\x97,\xad\xc8\xf2\x1d\x96\x9d\x10"\x08\x825\'\xf3\xfa\x95\xcb\x00P\xb1bEV\x07\x82\xf1\x14\xc0\x04\x80Q\xd8\xd0\x80O\x8b\x16-\xb4Z\x9d,K\xc7\x0f\xed\x13\xb5\xdc\x03J+\x13\x8cy\x9e\xd3\xea\xb4\xe3_{\xe5\x8fu?S\xeb?\xfa\xdd\x0f\xc6\xbc7\xd9\x92e\xbdo\x93\x03B\x10\x075j\xc7\x02\x00\xcf\xf3i7\xae\xdd\xb8zE\x14\xc5;\xbaN"\xc4y&lt;2\xad\x18A\x08)\x1bY!,\xbc\xa4|/\x01\xd0\xeat\x17\xce\x9d\xbe~5\x15\x00\xda\xb4i\x03,\x11\x88Q\xf4a\x02\xc0(l\xe8\x82\xdb\n\x15*T\xacX\x11\x00\x0e\xee\xfdKQ\xee\x9b\x08D0F&lt;\xa7\xd3\xeb\'\x8c\x18\xb8q\xcd\nQ\xd4J^\xef\x9b\x13?\xfa\xef\xdb\x13\xb3\xb3\xac\x88\xe3\xee[E\x8e\xe3$/\xae\xdf\xb89\xed\x14\xaf*\xca\xe1}\xbb\xb4:A\xcd\xa54\x04c\xadV{\xf5\xf2\xc53\xff\x9c\xe08\x0e!T;\xb6q`\x90\xfe\xee\xc6\x93\x18cQ\xe4\x0e\xef\xdb\xad\xaa\xaaV\xabk\xd2\xa4\t\xb0\x19`F\xd1\x87\xfd\x82\x19O\x00\x8c\xb1(\x8aM\x9a4\x06\x80#\xfbw\xa7\xa6\xa4\xe8t\xba{\xd6_\xe3xNo0\xbc=r\xf0o\xbf,\xe7\x05A\x92\xbco\xbe\xff\xd1\x88\xb7\xde\xc9\xcc\xc8\x06\x00B0V\xd5\xff\xff\x0f\xab\x18\xab\xb4%$\xc7q\x1e\x97\xb3z\xed\xba\xd5j\xd6\xa6\xc1\xfa\xd5\xcb\x17y\xdc\x92\xc0\xf3\x8a\xa2`\x8c1VeY\x0e2k\xd7\xadX\xe6v\xb9h\xf9\x876\xcftQ\x15rw@\x89\xe7y\xb7K\xda\xbe\xf9W\x84P\xa5J\x15\xa3\xa2\xa2\x08!L\x00\x18E\x1d\xf6\x0b~\x9a\xa1}\x80\x15EQ\x14EUU\x8c1m\x13O_\xf2m\xa7\xbd\x82\x0b\xff\xf6\xbaw\xef\x0e\x00v\x9bu\xdf\xae\x1d\x86\x00\xed\x9d-\x7f\tA\x08iu\xbaw_\x1f\xb2\xfe\xe7e\x1aQ\xd4\x08\x9a\xa9\xb3\xbe\x990\xed\x1dYVM\xe6\x90 \x93\xc9\x18d2\x9ar\xfd\x17d\n4\x9a\xb4:=};*V\r\x01\xfa^\x03\x86\x13B\x04\x8d\xe6\xcc?\'f\x7f818\xd4h2\x9b\xf5\x06C@\x80\xb1t\xb9\xd0\xed\x9b\xb6.\xfbv\x0e/\x08\x8a\xa2T\xaeV\xa3y\xeb\xf6N\x87\x8b\xff\xdfr\xd0\x04c\xbd^\x9f|\xf6\xf4\x99\xc4\xe3\x84\x90\xce\x9d;\x8b\xa2\xf8/\x15L\x19\x8c\xa2\x00[\xcc\xf2\xb4A\x08\xa1V\x9e\xe3h\xd7\x93;W\xc0\xd2\x15L\xb4\x17|\xee\xedT\x06\xe8Q\x8f\xfb&amp;i\x14\xa8m\xdb\xb6U\xaaTINN\xde\xb8\xe6\xa7\xee}_\xb9\xb3\'0!\x81\x81\x01\xd3\xdf\x19\xb3v\xc5\x12A\xa3\x91%I\x17d:\xb0k\xc7\x8e\xcd\xbf!t\xcf\x06b\xc0q\xbc,K\xad;&lt;\xdbo\xf0\xab\x0e\x87\x83\xe7\x05\xbb\xd5\xf1B\x9f\x97W/_\x94t\xfc\xb0\xa8\xd5~7\xf7\xd3\xcb)\xc9/\xf4\x1d\x10\x1eQ\xd2\xe5r\xed\xfdk\xeb\xd2\xaf\xe7x\xddnA\xa3Q\x89\xf2\xdf\xb7\xa7\x19\x02\x02\xac\x16\xeb\x1d\x1f\x1a\xc6X\xd4\n\x7f\xac\xff\xd9\xeb\xf5\x8a\xa28`\xc0\x00`\xf1\x1f\xc6S\x01\xcbdxz\xa0\xfe~n\xb3\x9e\x95\x95\xf5\xcf?\xff\\\xb8p\xe1\xca\x95+\xa9\xa9\xa9\x97._\xe6\x10:v\xecXNNNppp\xff\xfe\xfdM&amp;s\xed\xda1e\xcb\x96\xadY\xb3\xa6\xc1`\xf0\x9d\x07c\xcc\xdd?\xbc^ \xd0.\x8c\x93&amp;M\xfa\xe0\x83\x0f\x10B?\xfc\xba\xb3a\xf3\x16\x0e\x9b\xfd\xff\x97\xf2\x12\xa2\xd5\xeazvlr\xeeL\x12\x02\x84\xb1\xaa\xaa\x98\x86w\x1eL\x8f\x97\x06\xcf\xfc\xea\xbb\xec,\x0b\xcf\x0b\x18c\xbd^w)\xe5\xc2+\xdd\xdaf\xa4\xdd\x14\x04\x8d\xa2\xc8p\xbb+=\x00p\xdc\xad\xf9\xe7\xc1\xaf\xbf\xf5\xf6\x07\x9f\xdem\xfdi\xb3I\x8f\xdb\xdd\xa5E\xad\xcc\xf4\xb46m\xdal\xdf\xbe\x9d~&gt;\x05\xff\xa10\x18\x85\x0b\x1b\x01&lt;\rP\x97\x9f\xe7yA\x100\xc6\x07\x0e\x1c\xd8\xb2e\xcb\x9e={\x8e\x9f8\x91\x91\x9e~\xcfC233g\xcf\x9e\xed\xfb3***\xb6~\xfd\xb8\x16-:v\xecX\xbdzuj\x04UU}|2@=\x8fQ\xa3F}\xf9\xe5\x97V\xab\xf5\x97\xe5\x0b\x9b\xb5n\x89\t\xf9_\xb3\x8a$\xc9+KR\x9e\xce\x9c;\x94\xc4q\x9c\xcb\xe5\xaeX\xa5\xea\x92\xb5[\'\x8d\x19~\xf4\xe0^\xba\xdd\x17\xc0\xc1\x18\x07\x1a\x83^\x1b\xfb\xde\x90\xd7\xdf\xb2\xdb\xec&lt;\x7f\xa7YWU\xd5\x1cl\xfc\xf5\xe7\x1f2\xd3n\x12\x80!C\x86\xd0\xa3\x98\x000\x9e\x02\xd8\x08\xa0hC\xbduj\xaf\xaf^\xbd\xbar\xe5\xca\x1f\x7f\xfc\xf1\xf8\xf1\xe3\xb9\xf7A\x08BB\xc3uzC\xf9\x8a\x95\xe94\x00\x00\xa8\xaaz9\xe5\xbc"\xcb\x96\x9c\xec\xdc;k\xb5\xda\xd6\xad[\xf7\xeb\xd7\xafk\xd7\xaeAAAt\xcf\xbb\xe3H\x8f\x02\xbd\x01\x8e\xe3$IZ\xb0`\xc1\x94)S\xec\x0e\x87\xa2(\x0bW\xfe\x11\xd7\xae\xbd\xcdj\xa7\x97#\x84\x08\x82f\xcdO\x8b\xd3\xae_{\xc8\xa4{\xc4q\x04\xe3Z\xf5\x1a\xb4\x8d\x7f\xd6\xe3\xf6\xd0\xfc\x1f\xfa\x16\x0c\x86\x00E\x91wl\xde\xf0g\xc2\xc6\x94\xe43N\xbb]\x14\xb5\x11%K\xc76i\x1e\xff\x9f\x1e\x95\xabV\xb5Y\xed\x88~X\xb9\xa0\xe9\xff6KN\xb76\xf5\xb32\xd2\xaaT\xa9r\xe2\xc4\tQ\x14\xef\x9b{\xca`\x14)\x98\x00\x14a|\xa69))i\xf6\xec\xd9\xeb\xd6\xad\xcb\xc9\xc9\xa1/i\xb5\xda\xea1uk\xc76\x8em\xd4\xacD\xe92e\xcbW\x14\x04MHX8\xfd\xba\x11\x02\xac\xe2\xac\xcctI\xf2\xa6\xa6\x9c\xbf\x9az\xe9\xd8\xc1\xbdI\xc7\x8f\x9c;\x95\xe8\xfb5DF\x96\x1f8p\xc0\x88\x11#"""\x08!\x05\x92\xf4\x92[\xae6m\xda\xf4\xf6\xdbo\x9f&lt;y\x92\xbe\x84\x00\xea5n\xfe\xd3\xef\x7f9\x1d\xce\\\x17"\x81F\xa3 \xd0\xb6]\x0fq~\x00\x04\xe0\xf5b\x97\xd3\x89\xeel\xfd\x889\x8e\x0b4\x06"\x04n\xb7W\xf2zy\x9e\xd7\x1b\x02\x04\x01&lt;n\xc9\xedv\xdfS\xe4\x14Y\x0e/\x11\xfc\xc1\xdb\xe3\x17\xcd\xfb\x14\x00V\xadZ\xf5\xe2\x8b/\x16\xb8"2\x18O\n&amp;\x00E\x12\x9f%\xb5Z\xad\x9f}\xf6\xd9\xacY\xb3\xdcn7})\xb6q\xf3\xb6\xcft\x89k\x17_\xb9j\r\x9dA\xc4*\xa8*\x96$\x89`\xa2(RnC\xaa\xd1\x88\x08!Q\xab\xe5\x05@\x006\xab#\xe9\xf8\xe1?\x136\xfc\xbdmS\xf2\xd9\xd3t\x9f\xb2e\xcbN\x9b6m\xe0\xc0\x81\xf0hC\x81\xdc\xf3\x13III\x13&amp;L\xf8\xe3\x8f?\xe8K={\xf6,S\xa6\x0c\x8dG\xbd\xfd\xc1\xacW\xdf|3\xe3f\x8ep\xbb\xd2N\x9e2\x94h3\xe0\x07\xccc\xfb\xe2\xfet\x16\x1acL{I\xde\xa3D\x04\x80\xaa(A\xa6\xa0\xa3\x07\xf7\xbf\xdc\xad\xad,I\x1d:tHHH`\xd6\x9f\xf14\xc1\x04\xa0\xe8\xe1\x0b@\xafZ\xb5j\xd2\xa4Ig\xcf\x9e\x05\x00\xadV\x17\xdf\xb5G\x97\xee}\x9a\xb7\xe9\xa8\xd5\n^\xaf\xe2q\xbb\xb1\xaa\x02B\xbex\xc5\xdd\xab[\x01\x80\x10\x9a\x18\x8a\xa8G,\x8a(\'\xdb\xb2e\xe3\xfa\x8d\xab\x7f\xda\xb3s+\xdd\xb3]\xbbv3g\xce\x8c\x8d\x8d\xcd\xdf\xac\x80\xcfh\xa6\xa7\xa7\x7f\xf8\xe1\x87\x0b\x17.\xa4rU\xbbv\xedO&gt;\xf9\xa4S\xa7N\x84\x90j\xd5\xaa\x9d?\x7f\xde\x10\x10\xf8\xfd\xfa\x1d5\xeb\xd6s\xd8\xec\xfc\xe3\xac\xb7\xec\xeb\x13p\xff\x1d0\xcf\xf3\x8a"\xf7\xe9\x14w\xfe\xcc?\x1c\xc7\xff\xf3ORtt4K\xffg&lt;M0\x01(bPc\xaa(\xca\xb8q\xe3\xe6\xcc\x99C76k\xd5\xfe\xf5\xf1\x93\x9b\xb6l!I\xc4i\xb7c\x8cQ\xbe\xb29\xe9\x0c\x81F\xa3\t4\x06`L~]\xb5|\xc1\x9c\x19\xe7\xcf\xfc\x03\x00&amp;\x93\xe9\xb3\xcf&gt;\x1b2dH\x9e\xc2A\xbep\xbf,\xcb\xcb\x97/\x9f2eJjj*\x00\x94*U\xea\x9dw\xde\x19&gt;|8\xad\xe6\xcf\xf3\xfc\x81\x03\x07\xe2\xe2\xe2\x14E\xa9R\xad\xe6\xcf\t{xA\xa3\xc8\xca\x134\xb5\xaa\xa2\x84\x84\x99G\x0f\xee\xff\xdb/\xcb\x01`\xf6\xec\xd9\xa3G\x8ff\</t>
        </is>
      </c>
    </row>
    <row r="215">
      <c r="A215" s="1" t="n">
        <v>213</v>
      </c>
      <c r="B215" t="inlineStr">
        <is>
          <t>shape_reflect</t>
        </is>
      </c>
      <c r="C215" t="inlineStr">
        <is>
          <t>What is the missing shape denoted by a question mark?</t>
        </is>
      </c>
      <c r="D215" t="inlineStr">
        <is>
          <t>['square', 'triangle', 'hexagon', 'pentagon']</t>
        </is>
      </c>
      <c r="E215" t="inlineStr">
        <is>
          <t>triangle</t>
        </is>
      </c>
      <c r="F215" t="inlineStr">
        <is>
          <t>There are six shapes in the image separated by a line. In the top part there are ['hexagon', '?', 'pentagon']. In the bottom part there are ['hexagon', 'triangle', 'pentagon'].</t>
        </is>
      </c>
      <c r="G215" t="inlineStr">
        <is>
          <t>We observe that the hexagon is reflected across the line as a hexagon. Similarly, the pentagon is reflected as a pentagon. Hence, the pattern is that each shape in the top part is reflected in the bottom part.</t>
        </is>
      </c>
      <c r="H215" t="inlineStr">
        <is>
          <t>Based on the pattern that each shape in the top part is reflected in the bottom part, the missing shape which is reflected from a triangle part should be a triangle.</t>
        </is>
      </c>
      <c r="I215" t="inlineStr">
        <is>
          <t>b'\x89PNG\r\n\x1a\n\x00\x00\x00\rIHDR\x00\x00\x02\x00\x00\x00\x02\x00\x08\x02\x00\x00\x00{\x1aC\xad\x00\x00b\x11IDATx\x9c\xed\xddg|\x14\xd5\xfe\x06\xf0\xdf\xccl6\x9b\xb2\xd9M\x02$4\x150\t( B\xfc\x13j\x14\x08MA/\x1d\x14\x94\x88\xa0R\x0c\x88\xf4\x0e\x01B\'\x01\x94\x16\x10P@\x8a\x95\x1a\xe9-\xd1\x04)\x01\xe9\xc5\x0b!\t\x90^w\xa7\xfc_\x9c\xcb\xde\\\x9a\x08\xc9\xb6y\xbe\x9f\xfb\xc2\x9b\x84\xe4\xec\xec\xecy\xce\xfc\xce\x993\x9c\xa2(\x04\x00\x00\xea\xc3\xdb\xba\x01\x00\x00`\x1b\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b6$I\x92,\xcb\xb6n\x85*(\x8a\xa2(\x8a$I\x8f\xff1Y\x96eYV\x14\xc5:\xadR9v\xb4m\xdd\nU\xe3p\xae\xdb\x04\xebe\x04A "Q\x14\x05A\xe08\xce\xd6\x8dr*\x8a\xa2X\xbar\x9e\xe7y\xfe\x9f\x8du\xd8\xbfU\x14\x85\xe38\x9e\xe7\xf1\xee\x94:I\x92\xd8\xf9o\xf9\x0f\xb0&gt;\\\x01X\x9b\xa2(\xa2(\xf2&lt;/\x08\xc2\xaf\xbf\xfe\x9a\x9c\x9c\xac\xd1h8\x8e\xfb\xdb\xc1)&lt;!Y\x96%I\xe28N\x10\x04\x8dF\xa3\xd1hx\x9e/,,\xbc}\xfb\xf6\xb1c\xc7DQ|\xe8\xbfbQq\xe2\xc4\x89k\xd7\xae\xe5\xe4\xe4\xb07H\xa3\xd1\xb0lf\xbf\xd3\xba\xaf\xc3i\xb1\x8f\x80 \x08\xd7\xae]KHH\x10\x04\x01\x97\x02\xb6\x82+\x00\xab\xb2\x0cv.\\\xb80k\xd6\xac\x95+W\x1a\x8d\xc6\x88\x88\x88\x88\x88\x08\x83\xc1P\xf2\xb2\x00\x9eQ~~\xfe\xd9\xb3g\xcf\x9c9s\xea\xd4\xa9\xe4\xe4\xe4\xcb\x97/ggg\xe7\xe5\xe5]\xbf~\xdd\xcf\xcf\x8f\r\xedK\xfe\xbc,\xcb&lt;\xcf\xd7\xabW\xef\xd2\xa5KF\xa31((\xe8\x85\x17^\xa8[\xb7n\xbdz\xf5j\xd7\xae\xed\xeb\xebk\xab\x17\xe2d\xd8q&amp;\xa2\xef\xbe\xfb."""\xfdv\xfa\x84\xf1\x13&amp;L\x98@D\xa2(j4\x1a[7Pe\x14\xb0\nI\x92$IR\x14%++k\xe2\xc4\x89&gt;&gt;&gt;%\xdf\x85Z\xb5j\xc5\xc6\xc6\xb2\x9f\x14E\xd1R\x7f\x80\x7f\x84\xcd\xa9\xec\xde\xbd;&lt;&lt;\xbcz\xf5\xea\x0f\xad\xdb,X\xb0@Q\x14\xb3\xd9|\xdf?T\x14\xe5\xf7\xdf\x7f\x7f\xe8g\xc4\xcf\xcf\xef\x9dw\xdeY\xbe|\xb9e\x86\x00\x9e\x0e;\xec999\x83\x07\x0f.y\x84\xdb\xb6m\x9b\x92\x92\xc2~\x00G\xd8\x9ap\x05P\xe6\x14E\x91e\x99\x8d\xeb7l\xd80y\xf2\xe4s\xe7\xce\xb1ou{\xaf3q\xdcwk7\xb3\xff\x1b\x16\x166r\xe4\xc8\x96-[\x12&amp;\x06\x9e\n\x1bB~\xf9\xe5\x97\x9f~\xfa\xa9\xe5\x8b\xfe\xfe\xfe\xb5j\xd5\xaaW\xaf^\xb9r\xe5\x82\x83\x83\xcb\x97/\xff\xea\xab\xaf*\xff{\x05\xc0\xfe\xef\xb5k\xd7\xae\\\xb9\x92\x9c\x9c|\xfb\xf6\xed\xa4\xa4\xa4s\xe7\xce\xa5\xa4\xa4\x14\x17\x17\xb3\x9f\xe9\xd4\xa9\xd3\x96-[P\xb0~:\x96O\xc1\xf1\xe3\xc7\xfb\x0f\xe8\x9f\x94\x98DDM\xdfh\\\xf5\x85\xaa\xebWm$\xa2\xcaU*\xcf\x9b;\xaf[\xb7nT\xe2*\x01\xca\x9cM\xe3\xc7\xc9\xc9\xb2,\x8a"\xfb\xef\xf8\xf8\xf8\xd6\xad[[\x0e{\x93\xd0F\xdf\xfc\xb4:\xd5\xf4W\xaa\xe9\xafo~Z\xdd\xf4\xf5\xc6\xec\xeb\x1c\xc7\x85\x87\x87\xdf\xbcy\x93\xfd+\xcb?\x87\x92\xd8H\xff\xc1\xaf\xb3\xc3u\xf0\xe0\xc1\xca\x95+w\xe9\xd2e\xfe\xfc\xf9\xbf\xfd\xf6[VV\xd6\xd3\xfd\x95\xfc\xfc\xfc3g\xce\xc4\xc6\xc6~\xf4\xd1G5k\xd6\x9c1c\x86\xf2\xc0\xa5C\xc9&amp;=\xdd_Q\x03\xcbi\x1c\x1d\x1dm\xf46\x12\x11G\xdc\x90\x91\x03/\xde9\x93j\xfekf\xcc4\x83\xd1\xc0\xce\xff\xc1\x83\x07\xe7\xe4\xe4(\x8f&gt;\xceP\xba\x10\x00e\xc5r\xd2\xdf\xb8q#&lt;&lt;\xdcU\xe7\xcaNq\xffJ\xfeQ\x8b"\xaf\xe5\\\xb8Yx\xe5L\xca\x1fgR\xfe\xb8Yx\xe5j\xf6\xf9\xd9\x8bg\xbc\x18X\x83\xfdL\xc5\x8a\x15\xa7N\x9dZ\\\\\xac\x94\xa8\x1d\x81\xf2\xbf\x99\xfa\xd0\xef*\x8a\x92\x99\x99\x99\x99\x99Y\xf2\xeb\x92$\x99\xcdf\xb3\xd9,\x8a\xe2c\x0e&amp;\xfb\xe5\xec\'\xef\xfb\xb1\xe2\xe2\xe2\xd4\xd4\xd4G\xfdC\xf6\xc3l\xa2\xf8\x89_\x8a*\xc8\xb2\xcc\xba\xf2\x9b7ov\xef\xde\x9d\x9d\xde\xd5^|\xe1\xeb\xad+\xd3\xcc\x7f\x9dO?}&amp;\xe5\x8f[\xc5\xd7\xf7\x1d\xdf\x15\x1cR\x9f}\xb7A\x83\x06III\nj\xa1V\x81\x00(}\x96.\xbb\xb8\xb88::\xda\xdf\xdf\x9f\x9d\xd9\xae:\xd7A\xc3?I\xbct4\xd5t\xfd\\\xea\xa9\xb3\xb7N\x9cO?}&gt;\xfd\xf4\xd9[\'\xfeL=\x99f\xfe\xeb\xe4_\xbf\x0f\x1d3\x98\r\x91\x88\xa8n\xdd\xba\xeb\xd7\xafg\xbf\x13\x1f\x06\xa5\xc4\xa8\xf0\xc2\x85\x0b\x7f\xdb\xd5\xb2\xae\xfcY\x8e\x1b\xeb\xd0\xd9/\xf9\xdb\x1f\xfe\xf3\xcf?-\x7f\x17\xef\x14cy\x8fv\xee\xdcY\xa5J\x15vV\xbf\xf9N\xbb\x13\xd7~K)\xbev\xe6\xe6\x1f\xe7\xd2N\xb1\x0c\xb8\x9e{\xf1\xe2\xdd3CF\x0edu9\xa3\xb71::\x9a\xfd[\\\x04\x97)\x04@i\xb2\x8cw\x14E\xd9\xbe}{\x9d:u,5\x9f\x0e\x9d\xdf\xdc\x9d\xb0\xed\x96\xe9\xfa\xe5\x8c?\xcf\xa4\xfc\xc1\xba\xfe\x92\xff;\x93\xf2\xc7\xc5;g\xd2\xa5\x1b\xfb\x8e\xef\xea\xd8\xe5-\xcb?l\xdd\xbau||&lt;\xfb\x9d\xaa\xed\\,\x83\xeb\xb4\xb4\xb4\xcf&gt;\xfbL\xa7\xd3\xcd\x993\xe7QW\x03e1U\xfb\xa8\xdf\xc9Zu\xe8\xd0!\x9dN\xd7\xb6m\xdb\xe4\xe4d\xf6ut[\xec\x83`6\x9b\x87\x0e\x1d\xca\xbau/\x83\xd7\xa4Y\xe3\xff\x9d\x7f\xf9\xc1\x8f\xc0\x9f\xb7N\x9eO?\x9d.\xfe{\xf5\x96\xe5~\x15+\xb03\xbf{\xf7\xee\xac\x16\x8a\x99\xe1\xb2\x83I\xe0RcY\xc4\x96\x9c\x9c&lt;}\xfa\xf4\xf5\xeb\xd7\xb3\xaf\x07\xbd\x148r\xf2\xf06o\xb5\x12E)/7\xef1S\xbb\x8a\xa2H\xa2\xe4\xa1\xf7\x10\x04\xe1\xc0\xaf\x07\xe7M[x\xfc\xf7\x13D\xa4\xd3\xe9z\xf5\xea5e\xca\x94\xca\x95+\x93\xfan\x9c\xb1\xbc\xdeU\xabVM\x980\xe1\xc6\x8d\x1bD\xe4\xe2\xe2r\xe4\xc8\x91\xe0\xe0`EQl5a\xc8&gt;B\x19\x19\x19\xcd\x9a5c\x13\xfbnnn\x9f\x7f\xfe\xf9\x88\x11#\xf4z\xbdj\x175*%\xe6{\x07\x0e\x1c\x18\x1f\x1fOD\xf5\x82_\x89\x9c?\xf9\xff\x1a\x07\xdfN\xbf\xc3\xee\xad{\xf0_I\x92\xe4\xedc\xbc\xf1\xd7\xcd\xc9#"\xb7\xfd\xb0\x83\x88\xaaT\xa9\xb2b\xc5\x8a6m\xda\x10f\x86\xcb\x06\x02\xa0\x14H\x92\xc4n\x16MOO\x8f\x89\x89\x99;wnaa!\x11\x95\xabPn\xe0\xe7\x1f\xbf\xf7aO7w\xb7\xdc\xec\\\xe2\xe8I\xce`6\xd81x\x1b\xf2s\xf3\x7f\xd8\xf8\xd3\xfc\x191\xb7n\xde""\xff\x8a\xfecF\x8f\x190`\x80V\xabew\xcd\xa8\xe1\xf3\xc0\xba\xd1\x94\x94\x94a\xc3\x86m\xdc\xb8\x91}\xb1g\xcf\x9ec\xc7\x8e\r\x0c\x0cd\xf7\xd0\xd9\xb0y\xac\xb3KKK\xfb\xea\xab\xaf\xe6\xcc\x99\xc3\xde\xf7\x06\r\x1a,^\xbc\xb8a\xc3\x86\xb2,s\x1c\xa7\xaa\xa5\\\x96\xb4\x8e\x89\x89\x990qBVf\x16G\xdc\x07\x9f\xf4\x19\x179\xd2\xc5\xc5%7\'O\xe3\xf2\xb8P\x14E\xd1\xcd\xdd\xcd\xc5\xc5e\xe5\xe2\xd5\xf3"\x17\xe6d\xe7p\x1c7q\xe2\xc4\xb1c\xc7j4\x1a\xb5\r}\xac\x00\x01\xf0LJ\xde\xbaUr|\xaauu}\xbb\xeb[\xc3\xc6~V\xad\xc6\xf3\xd9Y9Oq\xe2\xb2\x7fb0z\xdd\xf8\xeb\xe6\xea\xa5kW\xc4\xac***"\xa2:u\xebD\xcd\x8cj\xd7\xae\x1d\x95\x08\x9e2xevd\xd7\xae]\x1f~\xf8\xe1\xcd\x9b7\x89\xa8f\xcd\x9a\xf3\xe6\xcdc/\xdf\xde\x9c9sf\xf8\xf0\xe1;w\xee$"WW\xd7\x993gFDD\xd0\xbd5\xa66n\\\xd9cCx\x8dFs\xf7\xee\xdd\x81\x03\x07\xb2\xb4\xf6\xab\xe8\x17\xb5hZ\xdb\x0e\xad\x9f\xfcS\xc0&gt;S\xe5+\x94\xfb\xedh\xe2\xd8\xa1\x13O$\x9e$\xa2\xa6\xcd\x9a\xae\\\xb1200P%\xe7\xbc\xd5 \x00\x9e\x92\xe5t\'\xa2={\xf6\xcc\x9c9\xf3\xd7_\x7fe\xdfj\xd6\xa2\xc9\xd01C\x9a\xbc\xde8/\'\xaf\xa8\xa8\xe8Y\xea\x00\xa2(\xeat:\x0fO\x8f\x93I\'gN\x9c\xb3o\xf7\x01\xf6\xf5\xf6\xed\xdbGEE\xd5\xae]\x9b\x9c\xf4\x8e\x01vZ\x16\x14\x14DFF\xce\x981\x83}q\xf0\xe0\xc1S\xa7N5\x18\x0cl\xa7\x07\xfb\xb9\x00*y2\xc4\xc4\xc4L\x980!++\x8b\x88\xbat\xe92{\xf6\xec\xe7\x9e{\xce\xe9\xaf\x03,\xf5\x99]\xbbv}\x16\xf1\xd9\xf9s\xe7\x89\xe8\xcdw\xdaM\x9c5\xb6\xcas\x9533\xb2\xfe\xe9)*\x9aE\xbd\x97\xa7\xd9l\x8e\x1c\x1b\x15\xfb\xe5\xd7D\xe4\xe3\xe3\x13\x15\x15\xd5\xaf_?R_\x15\xb4\xec \x00\x9eF\xc9\x1d\x1d\xa2\xa2\xa2V\xadZ\xc5\x0ec\xf5\x17\xab\r\x1d3\xf8_=\xde\x91%)\xf7\xb1\xe5\xfe\'\xc7:\x17O\xbd\'\xcfsq\xdb\xf7FM\x9c{\xfe\xecy"rss\xfb\xe8\xa3\x8f\xc6\x8e\x1d[\xa1B\x05r\xba\x8f\x04+\xafgee\x85\x84\x84\\\xbcx\xb1B\x85\n111\xec.!\xbb}\xa5\x96\xba\xdc\xf1\xe3\xc7\xfb\xf7\xef\x9f\x94\x94\xa4\xd1h\x8e\x1d;\x16\x1c\x1c\xec\xdc\xf5k\xf6\x8e\x88\xa2\x18\x19\x199y\xf2dEQ\xbc\xbc\xbc\x86\x8d\xfb\xec\xc3\x81\x1f\x98\xcd\xe6\xc2\x82\xc2\xa7\x1b\x03\xb1_k\xf46|\xb7n\xcb\xb413\xd3n\xa5\x11Q\xcf\x9e=cbb|}}U;\xc5R\xba\x10\x00\xff\x8c\xe5Cn2\x99f\xcd\x9a5o\xde\xbc\xcc\xccL"2z\x1b&gt;\xf8\xb8O\xdfO\xfaT\xf0\xaf\x90y7\xb3\xd4\xc7\xa7\xec\xef\xea\xbd\xf4\x85\x05\x85\xebV\xae\xffr\xde\xd2\xf4\xb4\xdbDT\xb5j\xd5\xc9\x93\'\xbf\xf7\xde{...N61\xc0&gt;\xff{\xf6\xec\x19=z\xf4\xfa\xf5\xebk\xd4\xa8\xe1\x10\xd7:\xacc\xca\xcb\xcb\x0b\x0f\x0f\x0f\n\n\x9a:u\xaa\xdd&amp;\xd6\xb3\xb3\xcc\xf7^\xb8p\xe1\xc3~\x1f\x1e&gt;t\x98\x88j\xbf\xf2r\xd4\xe2\xc8\xd7\x1a\x05\xdfy\xc4|\xef?\xfa\xfd\x92$\xf9\x94\xf3\xf9\xeb\xca_\xc3?\x1d}h\xefa"\n\n\nZ\xb9re\x93&amp;M\x9c\xec\x84\xb7\t\x04\xc0\x93R\xfewG\x87\xe9\xd3\xa7\x9f&gt;}\x9a\x888\x8e\xeb\xd2\xeb_\x1f\x0f\xed_\xe7\xd5\xda\xd9\x99\xd9&amp;\x93Y\xa3)\xabO\xbb$I\x82F\xf0\xf2\xd2\xa7\xdc\xb8\x153k\xc9\x86\xaf7\xb1\x89\x81F\x8d\x1aM\x9e&lt;9,,\x8c\x9c\xab"\xa4(\x8a(\x8a\xa2(\xba\xb9\xb99\xd0\x88\xcf\xd2\xe3\x17\x14\x14\xb8\xb9\xb9\x11\x91s\xbc\x1d\xf7\xb1\xbc\xcc\x15+V\x8c\x1c92##\x83\x88\xde\xef\xff\xde\x88I\x9f{\x19\xbc\xb2\xb3\xb2]\\\\J\xe5\x0f\xb1\x13@\xe3\xa2Y\xb6p\xc5\xac)\xf3L\xc5&amp;W\x9d\xeb\xe8Q\xa3\'N\x9cH\xd8B\xee\xd9 \x00\xfe^\xc9\xae?!!a\xfc\xf8\xf1qqq\xec[\xaf\x06\xbf\xf2\xc5\xc4a-\xda\xbc^XXT\x90W h\xca\xbe\xe7UH\x94$\x9d\xce\xd5\xcd\xc3\xed\xf4\xf1\xd3%\'\x06z\xf6\xea9f\xf4\x18\xcb\xc4\x803}*\x1c\xae\x84\xe2\xf4\x13\xbf\xec\x04\xbb{\xf7\xee\xe0\xc1\x83\xd9\x8ag\xbf\x8a~\xe3\xa6\x8f\xea\xd6\xbbKNV\xb6\xd9,\x96\xeeE\x0f\x1b\xec\xfb\x94\xf39\xb8\xe7\xd0\xc8\x81c\xaf\\\xbaJDm\xdb\xb6\x8d\x8e\x8e\x0e\x08\x08p\xa6A\x8f\x95!\x00\xfe\x86e\x98\x93\x9e\x9e&gt;m\xda\xb4e\xcb\x96\xb1\xdd\xc1*V\xf2\x8f\x183\xf8_\xdd\xdf\xf6\xf0\xf4\xc8\xca\xccz\x8aG\x8e&lt;\x0bEQdI\xf6\xf0t\x174\x9a\xad\xeb\x7fX2w\xe9961\xe0\xee6\xfc\xf3\xe1\x83\x06\r\xaaP\xa1B\xc9\xdcrh\x0e\xda\x99\xb2O\x96#\xb6\xfc\xf1,\x85\x97]\xbbvED|v\xee\xdcy"j\xd6\xa2\xe9\x9c%3\x9e\xab\xfe\\\xc6\x9d\x8c\xb2\xeb\x8bEQ\xf42x\xe5d\xe7L\x195}\xe3\x9aMDT\xbe|\xf9E\x8b\x16\xd9\xf9\xe4\x90=C\x00&lt;R\xc9r\xff\xd2\xa5K\xa7O\x9f\x9e\x9a\x9aJD:\x9d\xae\xdf\xa0\xbe\x1f|\xdc\xbb\xcas\x95\x9fn\x89g\xe9\xb6\xd0`4\xe4\xe6\xe4.\x8b^\xb1f\xf9\xb7\xb7KL\x0c\xf4\xed\xdb\x97\x88\xecm\xc1\xcc\xa38J;\x9f\x1d\x0bf\x07]\xcbh\xb9\xb2\x9c&lt;y2\x9b\xef\xd5j\xb5#&amp;\x0e\xeb\xffY?\xd1,\x16\x16&gt;\xe5|\xef\x93\x93$I\xab\xd5\xba\xb9\xeb\xb6|\xfb\xc3\xa4\x11\xd32\xeef\x10\xd1\xe0\xc1\x83###\xd5|\xf3\xddSC\x00&lt;D\xc9U};v\xec\x189r$+\xf7\x13\xd1\xeba\xcdGO\xf9\xe2\x95\x06\xaf\xe4\xe7\xe5?\xe3\x12\xcf\xd2"\x89\x92\xa0\x11\x8c&gt;\xc6+\x17\xaf\xce\x8f\\\xf8\xe3\xa6_\xd85\x8a\x03m.m\xa9\xf08\\\xa9\xe7\x9fr\xd0\xab\x19*Q\x08\xbdx\xf1\xe2\x90!C\xd8\xed\x0e\xb5_y9r\xc1\xe4\x86M^\xcb\xca\xcc\xb6\xda-\xd9\xac%&gt;\xe5|\xfe&lt;}n\xf8\'\xa3\x92\x12\x8e\x13Q\x83\xe0\x06\x8b\x17\xfd\xe7\xe6;\xc2\xcc\xf0\x13\xc3a\xba\x9f(\x8a\x1c\xc7i4\x9a\xe4\xe4\xe4^\xbdz\xb5o\xdf\x9e\xf5\xfeA\xb5\x02c7-[\xfbCl\xcd\xda5\xef\xde\xb9k6\x9b\xed\xa1\xf7\'"A#\x90Bw\xd2\xefT\xf0+\x1f\xb3z\xfe\x86\xedk\x9b\xbc\xde\x88\x88\xe2\xe2\xe2\xc2Z\x87}\xf8\xe1\x87\x17.\\\xb0\xe7\xa7N\xb2N\x7f\xc6\x8c\x19\xd7\xaf_\xe7y\xde\x89G$\xac\xf7\x97$i\xfa\xf4\xe9\x96M\xaam\xdd\xa8\'by\xc4\xe6\x86\r\x1b\x9a6m\xcaz\xff\xf7\xfb\xbf\xb7q\xc7\xba\x06\r\xeb\xdf\xbd\x93a\xcd\xab7\xd6\x92\xbb\xe9w\xab\x07T\xdb\xb8}\xed\x90\x91\x039\xe2\x92\x12\x93BCC\x17,X\xc0\x8a\xb1\xf6y\xaa\xdb!\\\x01\xfc\x97\xa5\n\x91\x9d\x9d=g\xce\x9c\x87\xef\xe8\x90\x93K\xf6:\xbe`\x17.^\x06\xbd(J\x9b\xd6m]\xb6p\xc5\xa5\x0b\x97\x89\xc8\xc7\xd7g\xc8\xe0!\x96\xa7N\x92=\xb5\x9f\x15\xd0V\xaf^\xdd\xb7o_\xa3\xd1\xb8p\xe1\xc2\xde\xbd{\xdbp{\x9f\xb2\xc3\xb6\x858q\xe2D\xcf\x9e=\xcf\x9f?\x1f\x1e\x1e\xber\xe5J\x87(Y\xb0Ffgg\x0f\x1f&gt;|\xc5\x8a\x15D\xe4\xe3\xeb3e\xce\xf8\xaee3\xdf\xfb\xe4dI\xe6\x05\xde\xe8c\xd8\xf9S\xdc\xa4\x11S\xaf^\xbaFD\xdd\xbbw\x9f7o^\xa5J\x95\xec\xfc\xaa\xd7N \x00\x88\xfew\x9d\xcf\xaaU\xabf\xcd\x9a\xc5\xf6\xf6\xd2j\xb5ow\xeb\xf0,;:X\x9f,\xc9\xc4\x91\x8f\xafw\xea\xad\xb4\xd5_\xaeY\xf5\xd5\xda\xac\xcc,"\xaaU\xab\xd6\x84\t\x13z\xf4\xe8Av\xb3\x87\x04\x1b\xfb\x9f:u\xaaq\xe3\xc6EEE\x95+W\xde\xbbwo\xf5\xea\xd5\xc9\x19\xe7N\xd9x?//\xafW\xaf^\xdb\xb6m#\xa2\xd8\xd8\xd8\xbe}\xfb\xda\xf3Ie\x19.\x1c9r\xa4_\xbf~\xecC\xd1\xacE\xd3)\xb3\xc7\xd7\xaa[\xeb\xee\xed\xbb6\xefa\xd9\xfe\x89\xde\xe5\xbc\xd3o\xa5\x8f\x89\x98\xb0\xfd\x87\x9d\x84-\xe4\xfe\t\xb5\x07\xc0cvth\x1c\xda\xe8\x8b\tC\x1b\x87\x86\xe4\xe5\xd8K\xb9\xff\xc9\x89\xa2\xa8\xd5j\r\xde\x86\xd3\x7f$\x7f\xb5`\xf9\x96o\xbe\x97\x15\x99\x88Z\xb7n=e\xca\x94\x86\r\x1b\x92\xad\'\x06X\xe8\x12\xd1k\xaf\xbd\xf6\xc7\x1f\x7fh4\x9a#G\x8e\xfc\xdf\xff\xfd\x9f\x13\x7fbY\t(;;\xbb~\xfd\xfaW\xaf^uww?u\xeaT\xf5\xea\xd5\xed\xf3%\x97\x9c\xef\x9d1sFqQ\xb1V\xab\xfddh\xffa\xe3\x86(\n\xe5\xe7\xe5\xdb\xcf\'\x82\xed\x98\xa2u\xd5\x96\xdcB.""b\xd6\xacY\xd8B\xee\xf1T\x1d\x00\x963#%%e\xfc\xf8\xf1\xb1\xabbI!"\xaa\x11P}@\xc4G]\xdf\xeb\xa4\xd1\x089\xd9\xb96\x1f\xe6&lt;\x1d68r\xf7tws\xd3\xed\xd9\xb9o\xc9\xbceG\xf6\x1f%\xbb\xd9\\\x9a\xfd\xdda\xc3\x86\xcd\x9f?\x9f\x88\xe6\xcf\x9f\x1f\x11\x11\xe1\x10%\x91g\xc1^uBBB\xf3\xe6\xcdM&amp;SHH\xc8\xa1C\x87X\xe1\xd1~\xce1\xcb\xa8\xa8\xe4|o\xf5\x17\xabE-\x8e\x0cm\xd5\xfc\xee\xed\xbbdOUD\x06[\xc8=\x1dU\x07\x00\x11\xb1\x1d\x1d\x16/^\xcc\x96x\x1a\x8c\x86\xbe\x9f\xf4\xe9\xfbI\x1f\xff\x8a~\x19w3I!^\xb0\xaf\x13\xfd\x9fbO21z\x1b\xccf\xf1\xbb5\x9b-\x9bKW\xacX\xf1\xd3O?\x1d1b\x84V\xab\xb5I\xab\xd8\x9e9\r\x1b6\x14E\xb1U\xabVqqqN\xdf\xfb3\xeceN\x9e&lt;y\xd2\xa4ID\xb4h\xd1\xa2\x81\x03\x07\xda\xcf(\xd5\xd2\x92\xef\xbe\xfbn\xd0\xa0A\xb7o\xdf&amp;\xa2\xee}\xbaN\x989\xc6\xcb\xe0\x95\x93\x95\xf3\xf8\xfd\x9cm\x0b[\xc8\xfdS*\r\x00\xf6\x84\xa9-[\xb6L\x9b6\xed\xcc\x993\xec\x8b\x1d:\xbf9l\xec\x90\x97_y9;3\xdbd29Sg$I\x12\xcf\xf1F\x1f\xc3}\x9bK\xd7~\xb9\xf6\xd8qc;w\xee,\x08\x825\xc7t,\x00BCC\x0f\x1e&lt;h0\x18\x92\x92\x92\xaaW\xaf\xee\x94s\xbf\x0fR\xee=_\xacQ\xa3F\xc7\x8f\x1f\xf7\xf6\xf6&gt;w\xee\\\xf9\xf2\xe5\xed\xa1\x10\xc4\xc2)77w\xec\xd8\xb1111D\xe4[\xcegb\xd4\xb8\xce\xbd\xde),(2\x99L\xf6\xdf\x81b\x0b\xb9\x7fD\x8d\x01\xc0N\x91C\x87\x0e5o\xde\x9c}\xa5^\xf0+\xc3\xc7\x0f\rm\xd5L\x92\xa4\xfc\xdc|k\xec\xe8`\x0b\xacT\xea\xee\xe9~\xfa\x8f\xe4\x98\xa8%\xdb\x7f\xdc\xc9V\xcb\x1d&lt;x\xb0Y\xb3fV\x1b\x1f\xb1?\x14\x13\x133d\xc8\x10"\x8a\x8c\x8c\x1c3f\x8c\xaa&gt;\x99\x963\xf0\x8d7\xde\x90e\xb9s\xe7\xce\x1b7n\xb4&lt;X\xc2&amp;,\xf3\xbd\t\t\t\x03\x07\rLJL"\xa2f-\x9aN\x9e=\xfe\xe5\xba\xb5\xee\xde\xc9p\xa0\x12\xcaC\xb7\x90\xabY3h\xc5\nl!w?\xf5\x1e\x05\xb3\xd9\xcc\xf3\xbc \x08CF\x0c\xfca\xcfw\xaf\x875\xcf\xcd\xc9-,(\xd4\xb8\xd8\xf8!SeG\xa3\xd1\x98\xcd\xe6\x8c;\x19\x81\xb5\x02Vn\xfaj\xe2\xacql\xe0o6\x9b\xad\xd9\x0cvx\xef\xdc\xb9CD\x01\x01\x01\xc3\x87\x0fW\xdb\xb59\xdb&lt;\xb9Y\xb3fl\xcdkqq1;\x1bm\xd5\x1eQ\x14\xd9\xf2\xf9\x05\x0b\x16\x84\x86\x86&amp;%&amp;q\xc4\r\x199p\xdd\x8f\xab\xaa\x07T\xbbc\x07\xab}\xfe\x11v\x1fO\xc6\x9d\x8c\xf2~\xe5\xbf\xf9i\xf5\xb8\xc8QZ\xad\xf6\xdc\xb9\xf3-[\xb5\x9c&lt;y2{\xa5\xa2(\xda\xba\x99vA-c\xae\x07q\x1c\xc7\xc6\x02M[4\xd1\xea\xb4w\xd33\xb4\xae6\xa8\x86[\x19\xfbl\xe4\xe5\xe6i4B`\xcd\x00v\x05`\xe5\xcf6\xcf\xf3\xb2,O\x9e&lt;Y\xaf\xd7\x1b\x8dF\xadV\xcb\xee\xc0\xb0f\x1bl\x8e\xdd\xf26d\xc8\x1077\xb7%K\x96\xd8\xeaB\xdc2\xdf\x9b\x92\x92\xf2\xe1\x87\x1f\xb2\xf9\xdej/V\x9b4k\\\xdb\x8ea\x99w\xb3\x14Eq\xd0+3\x8dFS\\\\l2\x99\x06}\xf1\xc9k\x8d\x83\xc7FLL&gt;yf\xd2\xa4I\xf1\xf1\xf1l\x0b9\xcc\x0c\x93\x9a\xaf\x00,\xf2\xf3\xf2eI\x16\xcal\x0fg;\xc4\xce\xfb\xc2\xc2"\x1b6@\x96\xe5\xe1\xc3\x87\xf7\xeb\xd7\xcf\xb6\xa5\x0f[ao\xc1\xab\xaf\xbe\xbad\xc9\x12"\xb2\xc9#\xc3\xd8\xbdi\x1a\x8d\xe6\xbb\xef\xbek\xd8\xf0\xffX\xef\xdf\xa1\xf3\x9b[\x7f\xdd\xd0\xfa\xcd\x96w\xd2\xee:\xfa\xeeL\xec \xdf\xbd\x93\xd1\xa0\xe1\xab\xdf\xed\xfc\xa6{\x9f\xaeD\xb4s\xe7\xce\xa6M\x9bn\xd8\xb0\x81]\xd6\xa8\xfc\x9ea\x07~wK\x8bjG\x01&lt;o\xcbW\xcd2\xc0q\xf7\xc6)-\xec2\xd4\xfaX\xd9\'77w\xc8\x90!\xdd\xbbw\xbfq\xe3\xa6\xc1h\x98\x193m\xf9\xfa%z\xbd&gt;\xe3n\xa6=\xaf\xf6\xf9G4\x1aMNV\xae\x8b\xd6e\xde\xd2\xa8\xe8\x95\xf3|\xcb\xf9\xa4\xa7\xa7\xf7\xec\xd9\xf3\xa3\x8f&gt;\xca\xcd\xcde\xe58[\xb7\xd1f\x10\x00`3\xaa\x8d\xde\x92\xac?\xc4\xb6\x94}\x8e\x1f?\xfeF\x8b7\xd8j\x9f\xe0\x90\xfa?\xec\xfd\xee\xfd\xfe\xbd3\xeef\x8afg\x9b\x90\x174\x82$J\xd9Y9\xdd\xfbt\xd9\xb4k}\xb3\x16M\x89h\xc5\x8a\x15o\xb4x#!!A\xa3\xd1\xb0uY\xb6n\xa6\r \x00@EX\xdf\'&gt;@\x92$\x95|\xfe-\xdb\xba\xc5\xc4\xc4\xb4l\xd5\xd22\xdf\xbb~\xdb\xda\xea\x01\xd53\xeef\x08\x82\xc0\xd9\xf4\xd2\xb0\x8c\xb0W}\xe7\xf6\xdd\xea\x01\xd5\xd6\xfd\xb8j\xc8\xc8\x81D\x84-\xe4\x10\x00\xe0\xfcX\xbfo\xe9\xfb4\x0f`\xab\xa1\xd8\x8f\xd9\xba\xb1e\x88\xad\xb6JII\xe9\xd1\xa3\xc7\x90!C\xb22\xb3\xaa\xbd\xf8\xc2\xea\xad+\xc6F\x8e\x94%\xb9 \xaf\xc0\xc9\x06\xfe\x0f\xd2h4\x85\x05\x85\x85\x05\x85c#G~\xbdue\xb5\x17\xab\x15\x17\x17\x0f\x1d:\xb4]\xbbv)))\x82 8\xf7\t\xf0 \'\x7f\xbf\xc1\xaeX\xbf\xe2o\xd9\xe6\x8f\xcd3\xe7\xe5\xe5\x9d;w\xee\xe2\xc5\x8b\xd7\xaf_\xcf\xca\xca*..\xd6j\xb5&gt;&gt;&gt;\x01\x01\x01u\xea\xd4\t\x08\x08\x10\x04\xc1\xb6O\xf2*\xbbC\xc4&amp;\xdbw\xed\xda\x15\x1e\x1e\x9e\x92\x92BD\xed\xdfi7}\xc1\xe4\n\x15+\xdcI\xbb+h\x04G\xbf\xe9\xfd\t\xb1\x9a\xdb\x9d\xb4\xbb\xad\xdflY\xb7~\xed\t\x9fO\xf9y\xcb\xb6\x9d;w\xbe\xf6\xdak\xb1\xb1\xb1m\xda\xb4Q\xd5\xbc\x14\x02\x00\xac\x87-\xbd\xb5\xe6\x8a\x176\xe4\xcf\xca\xca\xda\xb1c\xc7\x0f?\xfcp\xf4\xe8\xd1\x1b7n&lt;\xf4\'\xb5Zm\xc3\x86\r?\xfe\xf8\xe3^\xbdz\x91\x8dv\x91,\xbb?\xca~\xb3e\xff\x89\xf2\x15\xca\x7f\xfay\xff~\x83\xc2M\xc5\xa6L\'\x9a\xef}r\x1a\x17M\xc6\xddL\xbd^\xbf|\xfd\x92U_\xae\x99\x17\xb90%%\xa5m\xdb\xb6\x93&amp;M\x9a8q\xa2=\xdc\x95m\x1d\xaa{\xe3\xc1V\x14E\xc9\xcd\xcd\xf5\xf2\xf2\xb2\xda\x9f#\xa2\xeb\xd7\xaf/[\xb6l\xed\xda\xb5\x96~\x9f-|,\xf9\xf1f\x95\x1f\x93\xc9t\xe8\xd0\xa1C\x87\x0e\xad[\xb7n\xd5\xaaU~~~\xd6\x1f\t\xf2&lt;\x9f\x9f\x9f\xaf\xd5j]\\\\J\xf77\xb3\x1e\xcdr\xdb\xc7\xf0\xf1\x11\x9f\x0e\x1a\xf0\xd7\xad\x7f\xf3&lt;\xef\xf4e\x9fG\xd1h4\xa2Y\xbcs\xfb\xee\xa7C&gt;\xe6y~\xd4\x90q\x96\x1a\xa0z\x02@\x15/\x12l\x8b\xf5\xc5YYY\xc1\xc1\xc1\xa1\xa1\xa1\x0b\x17.$\xa2\xb2.\xb6\xb2\x8a\xff\xb6m\xdbf\xcc\x98q\xe3\xc6\rA\x10,\x1d\xab\xd9l..\xc1d2\xb1\xf2\x08\x9b\x1e\xd8\xb1cGXX\xd8\xdd\xbbw\xad\xf6\xc4.v(\xf6\xee\xdd\xdb\xa2E\x8b\xa0\xa0\xa0\xc3\x87\x0fSi\x1f\x1f\xd6\x9d\xbd\xff\xfe\xfb:\x9dNQ\x94\xa4\x84\xe39E9\xa4\xfa\x1d\x118\x9e\xe38.\xaf(7)\xe1\xb8\xa2(:\x9d\xee\xfd\xf7\xdf\'5\x1d\x16\xb5\xbcN\xb0!\xb6\xc0\xe6\xe8\xd1\xa3\x17/^&lt;x\xf0\xa0\x9f\x9f\x1f\xddK\x85\xb2\xc3\x8a\xfe\xbd{\xf7\xaeZ\xb5\xaa\x8b\x8b\x0b\xc7q&amp;\x93\xc9l6+\x8aR\xb9r\xe5F\x8d\x1a\xb5k\xd7\xaec\xc7\x8e\xaf\xbf\xfe\xfas\xcf=\xc76\x07T\x14\x85=G\xe1\xf4\xe9\xd3\x03\x06\x0c`w*\x94i#\x19v\x9dQ\xbdz\xf5}\xfb\xf6\xdd\xbcy\x93\xdd\x90U\xba\xc7\x87\xbd\x96j\xd5\xaa\xbd\xfa\xea\xabD\xb4?\xee\xe0\xed\xb4;\xae\xae\xae*\xdc\n\xac$EQ\\]]o\xa7\xdd\xd9\x1fw\x90\x88^}\xf5\xd5j\xd5\xaa\xa9g\xf8O\x08\x00\xb0\x02\xd6\xcb\xec\xde\xbd\x9b\xe38ooo\xb6\x07_Y\xdf\xfd\xcbq\x9c(\x8a^^^\xfd\xfa\xf53\x9b\xcd\xa2(\xd6\xad[w\xca\x94)\x89\x89\x89\xe7\xcf\x9f?z\xf4\xe8\xf6\xed\xdb\x7f\xfc\xf1\xc7}\xfb\xf6\x9d={v\xe7\xce\x9d\x8d\x1a5b\x9f|\xb6\xe7\xe5\x96-[\x0e\x1f&gt;l\x9de!l\x01\xd2\xf3\xcf?\xdf\xa8Q#\x9e\xe7\xf7\xee\xdd\xcb\x9e\xd5S\xba\x7f\x85\xbd\xbaN\x9d:\x11Qz\xda\xed\x84#\xbf\xbb{\xb8\xa9d\xf1\xeb\xa3\xc8\xb2\xec\xee\xe1\x96p\xe4\xf7\xf4\xb4\xdbD\xd4\xa9S\'\xab\xa5\xbe\x9d@\x00@\x99c\x1f\xaa\x13\'N(\x8a\x12\x18\x18h\xb5\xf2:\xebX\xc3\xc3\xc3\xbbw\xef\xbec\xc7\x8e\x13\'N\x8c\x1f?\xbeA\x83\x06\x1e\x1e\x1e\x96\x85\xa1\xb2,{xx\xb4i\xd3f\xff\xfe\xfd-[\xb6dK\x86\xd84\xf5\xda\xb5k\xa9\xec\xafT\x18V\xb0\n\t\t\x91e\xf9\xca\x95+\x99\x99\x99\x1cW\xca;\xf5\xb2Qm\xc7\x8e\x1d]]]\x89h\xd7\xcf\xbb\xd5\xb3\xd6\xe518\x8e\xdb\xf5\xf3n"ruu\xed\xd8\xb1#\xa9\xa9\xfeC\x08\x00(kl\x97\xff\xbc\xbc\xbcK\x97.\x11QHH\x88\xd5V[\xb3;\x8d\xabT\xa9\xb2a\xc3\x86\xb6m\xdb\xb2k\x02\xcb\xfe\x13\xac\xe8\xcfB\xc2d2i\xb5\xda\xe8\xe8h\x17\x17\x17\xf6\x03\x8a\xa2\xfc\xf6\xdboV\xdb\xa7\x88\xf5\xc5\xcd\x9a5#\xa2\xac\xac\xac\xf3\xe7\xcfSi\xef\x12\xc1b\xf8\xc5\x17_\x0c\x0e\x0e&amp;\xa2c\x87\x12\xee\xa4\xdfqqqQm\x15HQ\x14\x17\x17\x97;\xe9w\x8e\x1dJ \xa2\xe0\xe0\xe0\x17_|QU\xf5\x1fB\x00@Yc\xfd\xcb\xa5K\x97\xd8\xb3\xa5\xea\xd5\xabg\xfd\x06\xb0\xc1&gt;\xdb\xd8\xf2\xc1\xfd\'8\x8e\xd3j\xb5\x8a\xa2\xd4\xaaU+((\xc8ru\x92\x96\x96\x96\x9f\x9f_\xea#\xf1\x87b\x7f\xf1\xa5\x97^\xd2\xe9t\xecj\x89\xca\xe0\xe2\x83\xf5naaaD\x94\x9ev\xfbl\xf2y\x9d\x9bNU\x15\x8f\x92dY\xd6\xb9\xe9\xce&amp;\x9fg\xf5\x9f\xb0\xb00\xb5\xd5\x7f\x08\x01\x00e\x8d\xf5bW\xae\\1\x9b\xcdZ\xad\xf6\x95W^!\xeb^e[\x06\xfb\x8f\xafx\xb0v\xfa\xfa\xfaZ\xbeb2\x99\xac\xb6M\x18\x8b\x99\xaaU\xabV\xa9R\x85\x88.^\xbcHep3\x1a\xfb\x85\xad\xc3Z\xf3&lt;/\x89R\xdc/\xbfj]U}\x05\xa0uu\x89\xfb\xe5WI\x94x\x9eo\x1d\xd6\x9alw\x03\xa0\xad \x00\xa0lY\xae\x00\x04A\xd0\xeb\xf5/\xbc\xf0\x02\xd9\xe5\xc7\x8c\xd5\xfd\xf3\xf2\xf2,_qss\xb3\xda\x03\x93Y\x00\xb8\xbb\xbbW\xadZ\x95\xe7\xf92\n\x00v\x9fs\x83\xe0\x06\x81\x81\x81D\xb4o\xf7\x81\xac\x8c\xacR\xbf\xe7\xc0Q\xb8\xb8\xb8ded\xed\xdb}\x80\x88\x02\x03\x03\x1b\x047P\xe1\xce\xe4\x08\x00([\xac\x17;~\xfc\xb8$I\xfe\xfe\xfel\x1d\xba\xad\x1bu?V\xf7\xbf}\xfb6\xeby\x99J\x95*\xb9\xbb\xbb[\xedv0vX\xd82\xc4\xd3\xa7O\x17\x14\x14\x94E\xf5I\x92$\xadV\xdb\xa1C\x07"\xbaz\xf9\xda\x89\xc4S\xee\xeenj\xdb\x00\x87\x88$Irww;\x91x\xea\xea\xe5kD\xd4\xa1C\x07\xf6`"[\xb7\xcb\xda\x10\x00P\xb6\xd8,k\xdb\xb6m\xdb\xb6m[\xadZ5777;\xdck\x85=\x1cj\xc5\x8a\x15999\x961`\xd3\xa6M\xa9\xecoX\xb3\xb0\x04@\xbdz\xf5&gt;\xfe\xf8c*\x9b\xeb$\xf6;;w\xee\xcc\xea\xddq\xdb\xf6\xb8\xa8\xb2\n\xa4(\x8a\x8b\xabK\xdc\xb6=l^\xa4s\xe7\xced\x97\x17\xa6eM\xa5w\x81\x83\xd5\xb0\x0fUxxxxxxjj\xaa\x1d\xae\xb20\x9b\xcd...\xbf\xfd\xf6\xdb\xb4i\xd3X\\\x11\x91 \x08}\xfb\xf6%+NW\xb0-\x19&gt;\xfa\xe8\xa3q\xe3\xc6Y\xbeXFU\xa0W_}500\xf0\xdc\xb9s\x96*\x90\xda2\xe0\xbe\xfa\xcf\xab\xaf\xbe\xaa\xc2\xfa\x0f\xe1\n\x00\xac\x83\xad\xb8\xf7\xf7\xf7\xb7\xcf\xde\xff\xf7\xdf\x7f\xef\xd0\xa1CAA\x01\xeb\x05$I\x1a8p`\xed\xda\xb5\xd9\x95\x815\xdb\xc3n\x93.\xd3\xc9gT\x81P\xff\xb1\xb0\xafO#8+\xcb\x8a{[7\xe4\xbf\xd8\xc6\x0f...l\xf3\x9f\xf4\xf4t\xb63\x9a\xd9ln\xdc\xb8\xf1\xcc\x993mr\xb1\xc2nA(\xd3\r\xdaP\x05B\xfd\xc7\x02\x01\x00\xd6c?\x9f1K?\xbbh\xd1\xa2\xb7\xdez+;;\x9b=\x13\xcal6\x87\x84\x84\xfc\xf4\xd3Onnn6yP\xbb\x15\xfeh\xc9*\x10\xa9r-\x10\xea?\x16\x08\x00P\x1d\xd6\xfb\xf3&lt;\x1f\x11\x111x\xf0`\xf6\xdf\xec&gt;\xe1\xb7\xdezk\xf7\xee\xdd\xbe\xbe\xbe\xec\xb9\x05\xb6niYQs\x15\x08\xf5\x9f\x92\x10\x00\xa0:\xec\xc2\xbf_\xbf~\x0b\x17.\xd4h4l\xb5\xa5$IC\x87\x0e\xfd\xe9\xa7\x9f\xf4z\xbd\x1d\xceT\x97.5W\x81P\xff)\xc9\x99\xcfr\x80\x07\xb1\xe7\xe2FFF\xae\\\xb9\xd2\xb2\xf3\x0f\xc7qK\x97.\x9d7o\x9e\xe5\xe2\xc0\xd6\xcd,[j\xae\x02\xa1\xfeS\x92\x93\x9f\xe8`\'dY\xb6\xda\xb6\n\x8fo\x86 \x08g\xcf\x9e\x9d4i\x92eO:\x8dF\xb3y\xf3\xe6\xfe\xfd\xfb\x8b\xa2h\x93\xba\xff}\xd8\xceEV\xf8+\xff[\x05:\xed\xee\xe1\xfcU I\x92\xdc=\xdcN$\x9eF\xfd\x87A\x00\x805X\x1e=h\xdb:\x03\xfb\xeb\x8b\x16-b}=\x11\xc9\xb2\xbcj\xd5\xaa\x7f\xfd\xeb_f\xb3\x99\x95\x83l\xd8&lt;\xba\x17QV\x18\x90\xdeW\x05\xda\xfdK\x9cF\x05w\x03(\x8a\xa2qq\xd9\xfdK\x1c\xea?\x0c\x02\x00\xca\x9c\xa2(III\xd3\xa7O\x1f8p \xd9.\x03\xd8\x95\xbe(\x8a{\xf7\xee\xe58\x8eu|=z\xf4x\xf7\xddw\xd9\xdd\x006i\x95\x05\x1b\x87~\xf9\xe5\x97\x9f~\xfa\xe9\xbe}\xfbL&amp;S\x99\xfe\xb9\xfb\xaa@\xbf\x1fK,,(p\xfaJ\x88 \x08\x85\x05\x05\xbf\x1fK$\xd4\x7f\x88\x08\x01\x00e\x8d=\xead\xd2\xa4Ic\xc7\x8e=r\xe4\x88(\x8a6\x0c\x00"\xba}\xfb\xf6\x8d\x1b7,\x8f\xff\x1e0`\x80\x9dL\xf9\xb2\xe6\x9d;w\xee\xcb/\xbf\xec\xd9\xb3gqqqY?\x94X\x96e\xadV\xdb\xa8Q#":\xff\xe7\xa5\xf3g.\xba9\xf5\xee\xd0\xb2,\xbb\xb9\xe9\xce\x9f\xb9x\xfe\xcfKD\xd4\xa8Q#\xadV\xeb\xc4\xaf\xf7I\xd8\xfe\xbc\x07\xe7\xc6\xba\xb0\xd7^{M\xa3\xd1\xdc\xbau\xab\xa0\xa0\xc0\xb6w\x84eff\xb2\x87&gt;\x12\x91^\xaf\x0f\x0c\x0cdw\x00\xd8\xaa=\x16\xac\r\x17.\\\xd0h4u\xea\xd4\xd1\xeb\xf5\xd6\xd94\x89\x95A\x8a\x8b\x8a\xf6\xee\xda\xef\xdc\x8f\x07`\x0f\x00\xd8\xbbk\x7fqQ\x11\xdd{\xe1*g\xfb\xf3\x1e\xd4\xa0j\xd5\xaa\xa2(\xe6\xe7\xe7\xa7\xa5\xa5\x91Mg\x02\x8a\x8b\x8b\xcdf3\x9bh5\x99L\x1e\x1e\x1e\xb6j\xc9}\xd8c\xebSSSEQ\xacZ\xb5*\x95\xfdQb\x91\xd3\xbcy\xf3J\x95*\x11Q\xdc\xf6=\x85\x85\x85N\\\x0f\x11\x04\xa1\xb0\xb00n\xfb\x1e"\xaaT\xa9\x12{6\xb5=d\xbf\ra38([l\x0c[\xb3fM\x9e\xe7\xf3\xf3\xf3O\x9d:\x15\x18\x18h\x93\x00`-1\x18\x0co\xbc\xf1\x06[\xfbo0\x18\xcat\xd3\x85\'\xc7\xcaP\xa9\xa9\xa9W\xae\\!\xa2Z\xb5jQ\xd9\x07\x00\xc7q\x92$\xe9\xf5\xfa\xd6\xad[\xaf^\xbd\xfa\xcc\xa9?\xcf%\x9f\xafU\xbbfAA\xa1\xf3u\x8b\xb2,\xbb\xbb\xbb\xfd\x99|\xee\xcc\xa9?\x89\xa8u\xeb\xd6z\xbd\x9e\xad\t\xb6u\xd3l\xc9\xd9\xdef\xb07\xac+\xa9Q\xa3\x86\xb7\xb77\x11\x9d&lt;y\x92lt\x05\xc0\x02\xa0z\xf5\xea{\xf7\xee\xdd\xb3g\xcf\xde\xbd{\xbf\xff\xfe{v\x05`\xf3u \x96\t\x00\xf6D\x9a:u\xeaX\xb3U]\xbat!"Sq\xf1\xde]\x07\x9c\xb5\nt\xaf\xfes\xc0T\\L\xf7^2 \x00\xa0l\xb1\xb1\xb6\x8f\x8fO\xb5j\xd5\x88(!!\xc1\xe6wZI\xf7\xd8OO\xc7\x02 !!\x81\x88\xf4z\xfdK/\xbdDV\t\x00\xf5T\x81P\xffy(\xb5\xbf~\xb0\x02Y\x965\x1aM\xed\xda\xb5\x89\xe8\xe4\xc9\x93\x99\x99\x996\x9c\x07\xb6l\xf7\xcf\xba9;\xc9\x00\xd6\x13\x1d&lt;x\x90\x88\xaaT\xa9\xe2\xef\xefo\x9d\x98,Y\x05""V\x05r\xbe\xb5@l\xfd\xcf\xb9\xe4\xf3\xf7\xd5\x7fl~\xe5gs\x08\x00(s\xac\xcfe\x95\xf7\xf4\xf4\xf4\x13\'N\x90\xedz^\xf6\x8c\xf8\xfc\xfc|\xcb\x0e\xa06\xbf\xfb\x89\xf5\xf5\x19\x19\x19III\x1c\xc75n\xdc\xd8\xfa\xcb\x13\x9d\xbb\n\x84\xfa\xcf\xa3 \x00\xa0\xcc\xb1\xb1v\xcb\x96-]\\\\\xbc\xbc\xbc\x0e\x1d:d\x93f\xb0\x8e\xfe\xe6\xcd\x9b\xbd{\xf7\x0e\n\n\n\x08\x08h\xd3\xa6Mbb"\xc7q\xb6\xed\xef\xd8_OLLd\x8d|\xf3\xcd7\xc9\x8a\xd3$j\xa8\x02\xa1\xfe\xf3(v\xb1\x04\x02\x9c\x1b\xbb\xd0\xf6\xf3\xf3\xdb\xbf\x7f\x7f@@\x00[xc\xfd.\x86\xddW\xf5\xde{\xef\xed\xdf\xbf\x9f}e\xf7\xee\xdd\x89\x89\x89g\xce\x9c\xf1\xf3\xf3\xb3\xe1\x93\x8a\xd9\xa1h\xdc\xb8\xf1\xe5\xcb\x97/\\\xb8\xc0n\xcd\xb5\xda\xf1q\xfa\xb5@X\xff\xf3\x18\xce\xf0\x06\x83C\xd0h4\x8d\x1a5*W\xae\x9c\xd1h\xb4\xfe_g\xeb,\xaf]\xbbv\xf0\xe0A\xf6x2\x8e\xe3\xb4ZmFF\x06\xdb\x19\xc2\xe6;\x82yzzz{{7l\xd8\x90-\x97\xb2~\x1a9k\x15\x08\xf5\x9f\xc7@\x00\x80\xf5H\x92T\xd6\xdb\x1b&lt;^ff&amp;\xdb\x04\x82\xed\x02\xcdR\xe1\xce\x9d;\xb6jOI\xec\xc8\xb0Cd\xe5?\xed\xdcU \xd4\x7f\x1e\x03G\x01\xacG\x10\x04\xdb\xee\xb7\\\xbe|y\xb6\xfe\x87]\x01\xb0\xfd\xe0*V\xach\xab\xf6\x94\xc4\x8e\x0c;D\xd6\xff\xd3\xf7\xad\x05:{\xfa\x9cs\xac\x05b\xeb\x7f\xce\x9e\xbe\xbf\xfe\x83\xf5?\x0c\x02\x00T\x81\xf5\xf5\xcf=\xf7\\\xdb\xb6m-W\x00&amp;\x93\xa9r\xe5\xca-[\xb6T\xf9\x96\x90\x16]\xbbv\xe58\xceT\\|x\xdfQ\x9d\xbb\x93\x04\x80\xce]wx\xdfQSq1\xc7q]\xbbv\xb5u\x8b\xec\x0b\x02\x00\xd4\x82\xdd\x92\xb6z\xf5\xea\xf0\xf0\xf0*U\xaaT\xa8P\xa1}\xfb\xf6\xbbv\xed\xf2\xf1\xf1!;\xb8\x19\xd8\xb6XI\xa4Q\xa3F\xech$\x1c\xfa\xcdl\x169\xce\xe1\xfb\x07\x8e\xe3\xcdf1\xe1\xd0oD\xe4\xe3\xe3\xc3\xb6&gt;E\xfd\xc7\x02\xab\x80\xc0f\xd8\x00\xd3j\x9fF\xd6\xc5\xfb\xfa\xfa\xae\\\xb9\xb2\xa0\xa0\xc0l6\x1b\x0c\x06"\xb2\xe1\xfa\x1f6\x0fa\x0f\x17\x1fl-\xac\xd1h\x0c\t\t\xd9\xb6m\xdbo\xc7\x12\xaf_\xbe^\xb1rE\x93\xc9\xe4\xb8\xd1\xa8(\x8aN\xe7z\xfd\xf2\xf5\xdf\x8e%\x12QHH\x88\xd1h\xb4\x93\xdd\xbf\xed\x04\x0e\x04\xb1j\x80\xad[a\x03\xb6}\xd5\x92$\xd9d\x1ff6\xd1\xea\xee\xeen0\x18dY\x96e\xd9\x86\x1d\x1c+\xfa\xdb|\x01\x12\xc3\x0e\x05+\x92\xe4\xe6\xe4\x1e\xda{\xc4\xd1\x1f\x12\xc9\x1e\x00yh\xef\x91\xdc\x9c\\\xbaW\xe0r\x82\xbaV)B\x00\x90\x87\xa7\x07/\xf0\x0e}\xa2\xffSl\xe0\xe9\xa2\xb5\xd93\xb0\xd8\xb0w\xdf\xbe}\xfb\xf7\xefg\x8d\xb1\xda\x9ff}\xae\xe5\xe1\xef\xb6\x1a\x0c\xb2\x06\xfc\xf5\xd7_k\xd7\xaee\xed\xb1I3Jb\x17"m\xda\xb4a\x17F\xbb~\x89\x93$\xc9\xa1\xab@\x1c\xc7K\x92\xb4\xeb\x978"2\x18\x0cm\xda\xb4![\xdc\x80b\xcf\x1c\xf8\xdd}F\xec\xf3/\x08\xc2\xe1\xbdGL\xc5&amp;o\x1foQ\x14\xd50:\x10EI\xab\xd5z\xba{\xa6\xa5\xa4\xd9d\xd9\t\x1bin\xdc\xb8\xf1\xcd7\xdf\x1c7n\x1c+\xcd[\xb3\x01to\xc9\x8d\x95\xffhIl!Jlll\x9f&gt;}&amp;O\x9el\xc3\x07\xa5Y\xb0\xd1\xb1\xbf\xbf\x7f\xb3f\xcd\x88(1\xfe\xf8\xb5\xcb\xd7u:W\x9b7\xec\xe9\xb0\xfa\xcf\xb5\xcb\xd7\x13\xe3\x8f\x13Q\xb3f\xcd\xfc\xfd\xfdm{\xc1g\x87\xd4\x1b\x00...\xb2,K\x92\x14=k\xf1;ot=\xb8\xe7\x90o9\x1f\x9d\x9bN\x14E[7\xad\xac\xb0\xab\x1c\x1f_cNvN\xc4\x80\xe1\xe3\x87Mf\xeb\xff\xac\xfc\x92\xd9\x870!!\xa1\xb0\xb00&gt;&gt;~\xf3\xe6\xcd\xf6S\x06\xb1\x0ev\x01t\xe5\xca\x95\xe8\xe8h\x8e\xe3~\xfc\xf1G\xb2uE\xce\xd20\xbaw\xab\x94\xa3W\x81\xee\xab\xff\xb0\x17\xa5\x86\x11\xde?\xa2\xc6\x00\x10\x04A\x96\xe5\x90\x90\x90\xf5\xeb\xd7\xbf\xfc\xf2\xcbDt"\xe9\xd4\xbb\x1d?\x18\xdcw\xe8\x95\x8bW\xcbW(GD\x92\xe8\x90\'\xfd\xa3\xb0\xa83\x18\r\x82 |\xb5`E\xdbF\x1d\xbe^\xb6.??_\xa3\xd1\x0c\x1e&lt;\xb8A\x83\x06\xd6\x9c\x19c\x15\x8f)S\xa6\xd4\xa8QC\x92\xa4Q\xa3F\xe5\xe6\xe6\x92}\xf4\x80\xd6\xc1"p\xd4\xa8Q\x99\x99\x99...\xabV\xad\xb2\xf9#\xe9\x19g\xaa\x02\xa1\xfe\xf3$\x1c\xf2\xad}v&lt;\xcf\xbb\xb8\xb8\xf4\xe8\xd1\xe3\xf8\xf1\xe3S\xa7N\xf5\xf6\xf6V\x14e\xd37[;\xb5\xea\x165i.\x11\x19}\x8cl\x86\xd0\xd6-}V\x8a\xa2\x88\xa2\xe8\xee\xe1\xae\xf7\xd2\xef\xdb}\xa0k\x9b\x9e\x93GN\xbb\x9d~\x87\x88\xda\xb7o\x9f\x94\x94\x14\x1d\x1d\xed\xed\xed\xcdn\x8c\xb2N\x93X\xa9\xc1\xd3\xd3s\xe6\xcc\x99Dt\xf9\xf2\xe5\xd1\xa3G\xab\xe7"@\x92$\x8dF\xb3i\xd3\xa6M\x9b6\x11Q\xff\xfe\xfd_y\xe5\x156%n\xeb\xa69O\x15\x08\xf5\x9f\'d\xfbs\xce\x86$I\xd2j\xb5\xe3\xc6\x8d\x8b\x8f\x8f\x0f\x0f\x0f\xe78.;+g\xee\xb4\x05\x1dC;o\xfef\xab\xdeK\xef\xe1\xe1.\x896\xb85\xbf\xb4\x88\xa2(h\x04\x9fr&gt;\xe7\xcf^\xf8\xb4\xcf\x90\xf7\xde\xfe\xe0\x8f\xc4\x93DT\xa7N\x9d\xed\xdb\xb7o\xdb\xb6\xadv\xed\xda6\xd9{\x80u\xf7]\xbata\xe3\xb2%K\x96\xc4\xc5\xc5i4\x1a\xa7\xcf\x00v\xa5\x95\x96\x966h\xd0 \x8e\xe3\xfc\xfd\xfd\xa7L\x99bW\x0b\x13\x9d\xa3\n\x84\xfa\xcf\x13\xb2\x97\xd3\xce&amp;X-B\x14\xc5\xc0\xc0\xc0\x95+W\xc6\xc5\xc5\x85\x84\x84\x10\xd1\xf9?/\x0c\xf9pX\xcf\xb7z\'&amp;\x1c\xf7)\xef\xe3\xe2\xa2\x11\x1d\xad"$K\xb2,\xcb\xe5\xca\xfb\x16\x16\x14F\x8e\x99\xd9!\xb4\xd3\xcf[\xb6\x11\x91\xbf\xbf\xff\xd4\xa9S\x13\x13\x13\xdb\xb5k\xc7.ql\xb2\xf7\x00\xdd\x1bl\xae^\xbd\xbaB\x85\n\x8a\xa2\xf4\xe9\xd3\'--\x8dU\xe7\xac\xdf\x18k\xe28\xaew\xef\xde\xe9\xe9\xe9\x8a\xa2\xacY\xb3\x86]}\xda\xcf\xc8\xd49\xaa@\xa8\xff&lt;!\x07{_K\x1d\xc7q\x1a\x8dF\x96eQ\x14[\xb6ly\xe8\xd0\xa1\xd8\xd8\xd8*U\xaa\x10\xd1\xa1\xbdGz\xb4\xef=j\xd0\xd8\xac\xccl\x1f_#\xdd\x9bD\xb5s,\xd2&lt;\xbd&lt;tn\xba5\xcb\xbey\xa7E\xb7Es\xbe,.*v\xd5\xb9\x86\x87\x87\'&amp;&amp;\x8e\x1b7N\xab\xd5\xdaj\x19\xbe\x05{\x12\x8b\xbf\xbf\xff\xe2\xc5\x8b\x89(55\xb5O\x9f&gt;EEE\xb6j\x8f\x15\xb0c&gt;q\xe2\xc4\xb8\xb88"\x8a\x88\x88\x08\x0b\x0b\xb3\xb7}\x89\x9d\xa0\n\x84\xfa\xcf\x93S{\x000&lt;\xcf\xb3\xfa\x83F\xa3\xe9\xdb\xb7oRR\xd2\xb8q\xe3\xdc\xdc\xdcL&amp;\xd3\xea\xa5k\xdb6\xee\xf8\xd5\x82\x15\x82 \x18\x8c\x06\xbbz\x90\xec\xfd\x14\x12E\xd1\xc5\xc5\xa5\\\x05\xdf\xc4\xf8\xe3\xefv\xfc\xe0\x8b\x81\xa3\xaf\\\xbcBD\xadZ\xb5:\xb0\xff\xc0\xca\x95++W\xae\xccV\x1c\xdaC\xa7#\x08\x82(\x8a]\xbat\x19:t(\x11\xed\xde\xbd{\xf5\xea\xd5&lt;\xef\x9c\xf7d\xb0:\xcf\xef\xbf\xff\x1e\x15\x15ED\x8d\x1a5\x9a3g\x8e\x9d\x94\xfe\xef\xe3\xe8U \xd4\x7f\x9e\x9c\r\x96`\xdb3v\x9b({bIrr\xf2\xc8\x91#\xb6o\xdf\xc1\xbe\xf5j\xf0+\x9f\x8f\x8f\x08m\xd5\\\x92\xa4\xfc\xdc|Ac\x9b\xca\xc9\xa3\xb0\x81\xa4\xd1\xc7x\xe5\xe2\xd5y\x91\x0b\x7f\xfc\xeeg\x93\xc9DD5k\xd6\x1c1bD\xdf\xbe}\xe9\xde\x08\xd4\xae\x9am\xd9\x1d\xbac\xc7\x8e\xfd\xfb\xf7o\xd3\xa6\x8dV\xab\xb5\xab\x16\x96"vv]\xb8pa\xc4\x88\x11s\xe7\xce\r\n\n\xb2\xab\xea\xbf\x05+I\xa5\xa6\xa6\xd6\xacY3;;\xfb\x8d\xd6\xa1\xeb~\\\x95\x9d\x95+\x08v\xd7\xd4\x87\x92$\xd9`\xd4\xbf\xf7v\xdf}\xbb\x0f\x18\x0c\x86s\xe7\xce\xb1g,;\xeby\xf5,\x10\x00\x0fQr\x87\x96\x1d;v\x8c\x1c9\xf2\xf4\xe9\xd3\xec[\x1d:\xbf9l\xec\x90\x97_y9;3\xdbd2k4\xb6\x1fG\xb3\xa1\x8d\x97A\x9f\x97\x9b\xbf,z\xc5\x9ae\xdf\xb0E&gt;nnn\x9f\x7f\xfe\xf9\xf0\xe1\xc3\xd9\x9e\x07\x84=\xb0\xec\x8c=wI,\x99:t\xe8\xf0\xcb/\xbf\xe8\xbd\xf4\xdb\x8f\xfcX\xb9j%S\xb1\x03\xec\x0b\xa4(\x8a\xd6U{\xf3\xdf)\xed\x9b\xbc\x9d\x9b\x93\xfb\xd6[o\xfd\xfc\xf3\xcf\xf6\x19\xb4\xf6\x00\x07\xe5!\xd8\xfd\xb1l\x8e\xb4]\xbbv\x89\x89\x89S\xa7N\xf5\xf7\xf7\'\xa2\x9f\xb7l{\xa7E\xb7\xe9\xe3\xa2\n\n\n|\xcay\xdb\xb6"\xa4(\x8a$J\xee\x1e\xee\x9ez\x8f]\xbf\xfc\xda!\xb4\xd3\xdci\x0bY\xef\xdf\xb3g\xcf\xdf~\xfbm\xea\xd4\xa9\x06\x83A\x14E\xdb\x96\xfb\x9f\x04\x1b\x1d\xdb\xba\x15\xd6\xc0\xf6\x9e\xb2\xe7\xde\x9f\xee\x8d*:w\xeeLD\xb99\xb9\xa7\x8e\x9fv\x94\xc7\x03\xb0\x07\x00\x9c:~\x9a\xd5\x7f\xd8Kp\x88\x96\xdb\x84]w\n\xb6\xc5:M\xcbR\xd1\xa4\xa4\xa4\xf0\xf0p\xe2(;+{\xc1\x8c\x98\x7f\xb5\xe8\xb6y\xdd\x16/\x83\x97\x87\x87\xbbM\xee\xe3g\xe5~\xa3\xaf\xf1\\\xf2\xb9\xde\xef\x84\x87w\xed\x7f\xe1\xcf\x8bD\x14\xd2(d\xf7\xee\xdd\xdf~\xfbm\xed\xda\xb5Y\xc3XE\xcb\xce\xb1\xd0\xb5u+\xac\x81U\xe1\xec\xb9\xf7\xa7{\x17\x8b\x8d\x1b7vuu%\xa2\xbd;\xf7\x93}7\xf8\x7fp\xdc\xde\x9d\xfb\x89\xc8\xd5\xd5\xb5q\xe3\xc6\x84k\xdfGC\t\xe8\xef\x95\x9c\x18\xd8\xb3g\xcf\xcc\x993\x7f\xfd\xf5W\xf6\xadf-\x9a\x0c\x1d3\xa4\xc9\xeb\x8d\xf3r\xf</t>
        </is>
      </c>
    </row>
    <row r="216">
      <c r="A216" s="1" t="n">
        <v>214</v>
      </c>
      <c r="B216" t="inlineStr">
        <is>
          <t>polygon_sides_number</t>
        </is>
      </c>
      <c r="C216" t="inlineStr">
        <is>
          <t>What is the missing number of the part denoted with a question mark?</t>
        </is>
      </c>
      <c r="D216" t="inlineStr">
        <is>
          <t>[4, 9, 7, 3]</t>
        </is>
      </c>
      <c r="E216" t="inlineStr">
        <is>
          <t>9</t>
        </is>
      </c>
      <c r="F216" t="inlineStr">
        <is>
          <t>There are 6 numbered polygons arranged in a triangle with number [7] in the top row, [6, 5] in the middle row, and [8, '?', 3] in the bottom row.</t>
        </is>
      </c>
      <c r="G216" t="inlineStr">
        <is>
          <t>We observe that the polygon with 7 sides has the number 7, the polygon with 6 sides has the number 6, the polygon with 8 sides has the number 8, the polygon with 3 sides has the number 3, and the polygon with 5 sides has the number 5. Thus, the pattern is that the number inside the polygon represents the number of sides the polygon has.</t>
        </is>
      </c>
      <c r="H216" t="inlineStr">
        <is>
          <t>Based on the pattern that the number inside the polygon represents the number of sides of the polygon, the missing number of the polygon with 9 sides should be 9.</t>
        </is>
      </c>
      <c r="I216" t="inlineStr">
        <is>
          <t>b'\x89PNG\r\n\x1a\n\x00\x00\x00\rIHDR\x00\x00\x02\x00\x00\x00\x02\x00\x08\x02\x00\x00\x00{\x1aC\xad\x00\x00\xa4\x88IDATx\x9c\xec\x9dw|\x14E\xff\xc7gfw\xaf\xe6r\xe9\xa1W\t\x1d\xe9M\x08\xa1J\x13\x01i\xd2\xab EA\xec\xe0\x03\x08\xd8)R\x94^\x05iR\x14\xa4#\xa0 \x1d\xa4\xd7\x10:\xa4\xdc\xe5J\xae\xec\xee\xcc\xfc\xfe\x18\xc8\x93\x1f\xedA%Wr\xf3~\xf1\xf2%\x97K2\xdc\xee~?3\xdf\n)\xa5\x80\xc3\xe1p8\xa1\x07\xf2\xf7\x028\x1c\x0e\x87\xe3\x1f\xb8\x00p8\x1cN\x88\xc2\x05\x80\xc3\xe1pB\x14.\x00\x1c\x0e\x87\x13\xa2p\x01\xe0p8\x9c\x10\x85\x0b\x00\x87\xc3\xe1\x84(\\\x008\x1c\x0e\'D\xe1\x02\xc0\xe1p8!\n\x17\x00\x0e\x87\xc3\tQ\xb8\x00p8\x1cN\x88\xc2\x05\x80\xc3\xe1pB\x14.\x00\x1c\x0e\x87\x13\xa2p\x01\xe0p8\x9c\x10\x85\x0b\x00\x87\xc3\xe1\x84(\\\x008\x1c\x0e\'D\xe1\x02\xc0\xe1p8!\n\x17\x00\x0e\x87\xc3\tQ\xb8\x00p8\x1cN\x88\xc2\x05\x80\xc3\xe1pB\x14\xd1\xdf\x0b\xe0p\x9e?\x18c\x00\x00B\x08B\xe8\xef\xb5p8\x81\x0b\xe4C\xe19y\tv?g\xdb}B\x08!\x04B\x08!D\x88\x9fw9\x9c\xff\x07\x17\x00N\xde\x81\x10\xc2\xac\xfc\xd6\xad[\xc3\xc3\xc3\xcb\x95+g6\x9b\xb3\xbfJ)%\x84PJ\x99\x18\xf0\xc3\x01\x87\xc3\x05\x80\x93G\xc0\x18\x0b\x82\xa0\xaa\xea\xd0\xa1Cg\xcf\x9e\r\x00\x88\x8d\x8d\xadT\xa9R\x9d:u\xaaV\xadZ\xbdz\xf5\xc2\x85\x0b\xe7|\x7f\xf6\xe1\x80\x8b\x01\'d\xe1\x02\xc0\xc9\x0b0\xeb\x7f\xe7\xce\x9d\x8e\x1d;\xee\xdb\xb7O\x924\x8a"\xe7|CXXX\xf9\xf2\xe5\xcb\x95+W\xbf~\xfd\xf2\xe5\xcbW\xa8P\xc1`0d\x7f\x95R\x9a3l\xc0\xf5\x80\x13"p\x01\xe0\x047\xcc\xb1#\x08\xc2\xbe}\xfb:v\xecx\xe7\xce\x1dQ\x14UU\xadT\xa1\x8a\xd5f\xb9q\xe3\xdac\xbf\xabH\x91"e\xca\x94\xa9S\xa7Nbbb\xa5J\x95bbbr~\x15c\xcc=E\x9cP\x80\x0b\x00\'\x88\xc9v\xfa\xcf\x9e={\xe8\xd0\xa1\xaa\xaa"\x84\x08!\xa3&gt;\x980\xb0\xff[\x99\x99\xd6+\xc9\x17/_\xb9p\xf8\xe8\x9f\'N\x1e\xbd}\xe7\xa6\xd3\xe9|\xf4\x87DFF\x96*U\xaan\xdd\xba/\xbe\xf8b\xadZ\xb5\x12\x12\x12\x04A\xc8\xf9+\xb2\xc3\xc8\xfcp\xc0\xc9cp\x01\xe0\x04+\xaa\xaa\x8a\xa2h\xb7\xdbG\x8e\x1c9o\xde&lt;Q\x94TU1\x87\x9b\xa7M\x9a\xffr\xd3\xd6\x996+BH\xa7\xd3K\x92\x04\x00\xb0\xd92\xd3\xd2SO\x9e:v\xe6\xdc\xa9\xe3\'\x0e_\xbc|&gt;##\xed\xd1\x9f\xa9\x914\xa5\x12J%$$$&amp;&amp;V\xa9R\xa5b\xc5\x8aQQQ9\xdf\xc0\x0f\x07\x9c\xbc\x04\x17\x00NP\xc2\xac\xff\xa5K\x97\xbaw\xef~\xe8\xd0!\x8dF#\xcbr\xc5\n\x95\xa7O\x9e_\xbaTY\x8b\xd5"\x8a"}\x00\x00@\x10\x04I\xd2\xe8\xb4:A\x14&lt;\x1eOFFZ\xca\xb5\xe4c\'\x0e\x1d=v\xf0\xca\xd5\xcb)\xd7\xae\xc8\xb2\xfc\xe8o\x89\x8e\x8e\xae\\\xb9rv\x18\xb9@\x81\x02O:\x1c\xf0\x1cSN0\xc2\x05\x80\x13d0\x9b\x8e\x10\xda\xbauk\xd7\xae]-\x16\x8b$I\x8a\xa2tz\xad\xfb\xd8\xd1_\x86\x19\xc3\x1cN\xbb(J\x8f\xfdF\x96\x06\x8a\x10\x92$I\xa3\xd1j$\r&amp;\xd8\xe9t\xa4\xa4\\IN\xb9|\xf8\xe8\x81#\xc7\x0e^\xbb\x9el\xb3e&gt;\xfa\xed\xa60S\xe1"\x85k\xd5\xaaU\xa9R\xa5\xbau\xeb\xf202\'\x0f\xc0\x05\x80\x13L\xb0l\x1f\x00\xc0\xd4\xa9SG\x8c\x18\x01!\xa4\x80\nH\x187\xfa\xab\xfe}\x868\x9cvEQrn\xd2\x9f\xc4\x83\xb3\x01\x01\x00\n\x82\xa0\xd5\xea4\x92F\x10\x04g\x96#=#\xed\xdc\xf9\xd3\'O\x1d?s\xee\xe4\x99\xb3\x7f\xa5\xa6\xa5\xca\xb2\xf7\xd1\x9f\xc0\xc2\xc8u\xeb\xd6\xad[\xb7n\x992e\x1e\xca1\xe5\x9e"NP\xc0\x05\x80\x1340\xb7\x8f\xc3\xe1\x18&gt;|\xf8\x82\x05\x0b4\x92FV\xe4\x98\x98\xb8\xef\xa6.J\xac\xd7\xc8b\xcd\xf8\xc7\xd6\x96\x9d\x0c\x98\x96H\x92\xa4\xd5\xea$IR\x15\xd5b\xcd\xb8}\xe7\xe6\xc9S\xc7\x0e\x1d\xf9\xf3\xd2\x95\xf3\x97._\xc8\xcazL\x189,,\xac\\\xb9ru\xeb\xd6\xadT\xa9R\xed\xda\xb5\x8b\x16-\x9a\xf3p\xc0\xc3\xc8\x9c\x80\x85\x0b\x00\'8P\x14E\x92\xa4\xe3\xc7\x8f\xf7\xeb\xd7\xef\xf8\xf1\xe3Z\xad\xd6\xeb\xf5V\xad\\c\xd6\xf4%\x05\n\x14\xb6\xd92E\xf1\xf94\xb6\xa2\x94\x12J(\xa1\x10AI\x94$I\xa3\xd5j\x01\x05\x1e\x8f\xfb\xfa\xcdk\xc9W/\x1d?q\xf8\xf0\xd1?/]\xbe\x90\xfe\xd80\xb2F\x93/_\xbej\xd5\xaaU\xadZ\xb5N\x9d:U\xaaTy(\x8c\xcc\xe1\x04\x0e\\\x008\x81Nv\xa6\xff\xaaU\xab\x06\r\x1ad\xb5ZY\xa6\xff\xeb\x9dzM\x1c7\x19\x00\xe8\xf1\xb8\x04!W\xda\x1a\xe6\x0c##\x84\xb4\x1a\xadF\xab\x15\x05\xd1\xe3ea\xe4+\xc7\xff:z\xe1\xe2\x99\x13\'\x8f=)\x8c\x1c\x13\x13S\xbe|\xf9*U\xaa$&amp;&amp;\x96.]:!!\x01!\xc4#\xc6\x9c\x00\x81\x0b\x00\'\xa0\xc9v\xfa\x8f\x1b7n\xec\xd8\xb1\x08"B\x89\xd1`\xfc\xe4\xe3\xcfzv\x1d\xe0p:\x08\xc1&gt;\xb3\xa7\x8f\t#k4\x94R\xbb\xdd\x96\x92r%9\xe5\xca\xc1\xc3\xfb\xce\x9d?u\xf1\xf2y\xab\xd5\xf2\xe8\xb7#\x84\x06\x0c\x180k\xd6\xac\xec\x7f\x14\x87\xe3_\xb8\x00p\x02\x17\xe6\xf4\xb7Z\xad\x83\x06\rZ\xb5j\x15\xcb\xf5,Z\xa4\xf8\xb7\xdf\xcc\xad[\'1==\xcd\x8f!\xd6\xc7\x84\x915\x1a\x04\x91\xac\xc8w\xee\xde\xba\x92|\xf1\xec\xb9\xd3\x87\x8f\xfey\xe6\xec\xc9\xb4\xb4{^\xd9\x0b\x00\x80\x10\x8a\xa2x\xea\xd4\xa9\x84\x84\x04\xa6"~Y9\x87\x93\r\x17\x00N\x80\xc2\xac\xffCN\xffzu\x93\xa6M\x9a\x1f\x17\x1b\x9fi\xb7J\x8f\xcb\xf5\xf4\x17\xecd\x00\x00\x85\x10i4\x1a\xadV\'\x8a"V\xb1\xc5\x9aq\xfb\xce\x8d3\xe7N\xcd\x9a;5\xf9\xeaeUU{\xf5\xea\xb5h\xd1"~\x08\xe0\x04\x02\\\x008\x01G\xb6\xd3\x7f\xc1\x82\x05\xc3\x87\x0fw8\x1c\xcc\xe9\xdf\xa7\xe7\xc0q\x9f|\xad(\xb2\xd7\xeb\rd\xeb\xc9N\x06\x94R\x00\xa1$J\x08\tq\xb1Q\xeb\x7fY\xdf\xa3o;\xe6;\xfa\xeb\xaf\xbf\xf8!\x80\x13\x08\xf0\xfb\x8f\x13X`\x8c!\x84\x82 \x8c\x181\xa2_\xbf~.\x97\x0b\x00\xa0\x914_M\x9c\xfe\xd5\xc4\x19YYNY\x96\x03\xd9\xfa\x03\x00 \x84\x08\t\x82 \nH\xc0\x18\xcb\xb2\xf7\xda\xf5\x9b\r\xea7\xaeU\xa3.\xa5\xc4\xeb\xf5~\xfe\xf9\xe7\x10\xf2\xbd\x17\xc7\xff\xf0\xbb\x90\x13@0\xb7\x8f\xc5b\xe9\xda\xb5\xeb\xd6\xad[5\x1a\xad,{\xcb\x96.?\xe9\xcb\xef\xabV\xa9\x95\x91\x91&amp;\x08B0\xe6\xd1c\x8c\xcd\xe1\x11;~\xdb\xd2\xab\xffk\xfc\x10\xc0\t\x1c\xf8\xcd\xc7\t\x08X+\x05Q\x14\xf7\xed\xdbW\xbbv\xed\xad[\xb7j4\x1aY\xf6\xb6x\xb9\xcd\x8a\xa5\x9b*U\xac\x9a\x9e\x9e*\x8ab0Z\x7f\x00\x80 \x08v\x87\xadQ\x83\xa6\xfc\x10\xc0\t(\xb8\x00p\xfc\x0f!\x04\x00 \x08\xc2\xec\xd9\xb3\x93\x92\x92.]\xba\x84\x10\x92e\xf9\xad\xc1\xef\xcf\x99\xf1CXX\x98\xcd\x9e\xc9\x9az\x06/\x94R\x84\x84\xc1\x03GR\n\x10B+V\xacHNNf\xcd\xab\xfd\xbd4N\xe8\xc2\x05\x80\xe3g0\xc6\x08!\x8c\xf1\xa0A\x83\x06\r\x1a\xc4\xf6\xf8\xa60\xd3\x8c)\x0bF\x7f4\xc1\x99\xe5\x94eY\xcc\x9d:/_\xc2\x0e\x01\r\xef\x1f\x02\xa8\xd7\xeb]\xb2d\t?\x04p\xfc\x0b\x17\x00\x8e?QU\x95\x8drLJJ\x9a={\xb6V\xabU\x14\xa5b\xf9\xca\x1b\xd6\xec\xea\xd0\xaekZ\xda\xbd\xbcT7K\x08\xd1HR\xc7\xf6\xdd)\xa5\x10\xa2\x993gfdd \x84\xb8\x06p\xfcE\x1ey\xb48A\x07\xcb\xf5dN\xffj\xd5\xaa\xed\xdb\xb7O\xa3\xd1x\xbd\xde\xd7\xda\xbd\xbej\xd9\xa6\x12\xc5^H\xb7\xa4=\xb6\xabs\xf0\xc2\xc6\xd7\xb4n\xd9\xaex\xb1\x92\x00\xd0\xf4\xf4\xf4\x193f@\x08\xb9\x17\x88\xe3/\xb8\x00p\xfc\x00\xcb\xf5D\x08M\x9d:5))\xe9\xce\x9d;\xcc\xe9?\xea\x83\xf1S\xbf\x9e#I\x1ag\x963\xa0\xea\xbc\x9e\x17\x8a\xaaDDD\x0e\xec\xf7\x16\xcb\xff\x99&gt;}:?\x04p\xfc\x08\x17\x00\x8e\xafan\x1f\x87\xc3\xd1\xaf_\xbf\x11#F\xb0\x17Ma\xe1\x8b\xe7\xae\x19\xf6\xe6{YY\x8eg\xec\xe9\x1f\x8c\x88\xa2h\xb7\xd9\xda\xbd\xda\xb9x\xb1\x92\x94\xd2\x8c\x8c\x0c~\x08\xe0\xf8\x11.\x00\x1c\x9f\x92=\xca\xb1I\x93&amp;\x0b\x16,\xd0j\xb5\xaa\xaaV\xad\\c\xc3\xea\x1d\xcd\x9a\xb4\xca\xb0\xa4C\x98w\x9c\xfe\x8fEQ\x15sx\x04?\x04p\x02\x81\xbc\xfc\xa4q\x02\x8al\xa7\xff\xd6\xad[k\xd7\xae}\xe8\xd0!I\x92\xbc^\xef\xeb\x9dz\xad\xf9qK\xb1b/X\xac\x19\xcf\xab\xa7\x7f #\x8a\xa2\xdd\xfe\xff\x0e\x01\xd3\xa7O\xe7\x87\x00\x8e_\xe0\x02\xc0\xf1\x059\x9d\xfe\xcd\x9b7\xb7Z\xad\x00\x02B\xc8\x841\x93&amp;\x7f5KQT\x97++\x14\xac?#\xe7!\x00B8k\xd6\xac\xac\xac,~\x08\xe0\xf8\x1e.\x00\x9c\\\x879\xfd\xadVk\xe7\xce\x9dG\x8c\x18!I\x1aJiLt\xdc\x8fK~\xe9\xdfg\x88\xd5j\xa1\x94\xe4U\xa7\xffc\x11E\xd1\xee\xb0\xb5m\xd3\xa9H\xe1\xa2\x00\x80{\xf7\xee\xfd\xf4\xd3O\xfc\x10\xc0\xf1=\\\x008\xb9\x8b\xa2(\xac\xabs\xe3\xc6\x8dW\xadZ\xa5\xd5j\x15E\xaeZ\xb9\xc6\xa6u{\xea\xd6N\xcc\xb0\xa4\x07i{\x9f\x7f\x89\xa2(\x91\x11\x91\xaf\xb6\xee\xc8\x0e\x01\x9f}\xf6\x99\xd7\xeb\xe5ua\x1c\x1f\xc3\x05\x80\x93[\xb0\xf6&gt;\x92$\xadZ\xb5\xaaq\xe3\xc6\xc7\x8f\x1f\x17E\xd1\xeb\xf5\xf6\xe99h\xf5\xb2_\xe3b\xe2\xed\xf6\xe76\xc87\xe8\x10\x04\xc1\x99\xe5\xec\xd9m@dD\x14\x84\xf0\xc2\x85\x0b+W\xae\xe4\x9d!8&gt;\x86\x0b\x00\'W`\x1b[A\x10\xc6\x8d\x1b\xd7\xb9sg[\xa6\r\x00\xa0\xd1h\xbf\x9a8\xfd\xab\x89\xd3U\x8c=^O.\r\xf2\r\n \x84\x1e\x8f\xa7H\x91b\xdd^\xefC\x08\xe1\x87\x00\x8e_\xe0\x02\xc0y\xfe\xb0a\x89iii\x9d;w\x1e;v\xac(\x8a\x84\x92\xa2E\x8a/_\xb4\xa1w\x8f\x81\xa9iwy\x1bd\xc0\x0e\x01NG\xafno\xf0C\x00\xc7_\x84\xfaC\xc8\xc9\r\x08!\x08\xa1\xbf\xfe\xfak\xd5\xaaU\x1a\x8dVU\xd5zu\x93\xd6\xaf\xdcQ\xbdj\xed\xb4\xf4{\xa2(\x85\xa0\xd3\xffQ\x1e{\x08\x90e\x99\xa7\x03q|\x06\x17\x00Nn!\x8a\xa2 \x08\xb2,W(\xff\xe2\x8f\x8b\x7f\x0e7\x9b\xed\x0e[\x1ek\xef\xf3/y\xf4\x10\xb0|\xf9r\x9e\x0e\xc4\xf1\x19\\\x008\xb9\x05\x0b\x02\x03@\xcd\xa6\x08\x00\x80\xc7\xe3\t\xa9\\\xcfg!\xc7!\xa0/;\x04\xcc\x9c9\x93\xbd\xee\xef\xa5qB\x02.\x00\x9c\\G\xc5*\x05\xdc\xe9\xffx\xd8!\xa0g\xb7\x01\x91\x91Q\x94\x82c\xc7\x8e\xed\xde\xbd\x9b\rH\xf0\xf7\xd28y\x1f\xfeLrr\x1d\x08!\x04|K\xfbx\xd8!\xa0h\xe1\xa2M\x1a6\x07\x80\x12B\xc6\x8d\x1b\x07\xf8!\x80\xe3\x13\xb8\x00p8~\x06!\xe4\xf1x\xfa\xf6\x1a\xac\xd1h\x10B\xbbw\xef\xe6\x87\x00\x8eo\xe0\x02\xc0\xe1\xf8\x19\x84P\x96\xcbY\xe5\xc5\xea\xad\x9a\xb7e\xe1_~\x08\xe0\xf8\x06.\x00\x9c\xbc\t\x0bA\xff{\x08\xf1\xc56\x1cB\xe4\x95=\x03\xfb\xbf\xcd\x0f\x01\x1c_\x12\xba\xa5\x98\x9c&lt;\x0c\xa5T\x14D}\x98\x01\x00\n\xfey\xf8\x81\x02\x00)\xa0.WVn\'\xe6#\x84\x9cNg\xe5JU[5o\xbb\xee\xe7U\x00\x80q\xe3\xc6%%%\xf1C\x00\'W\xe1\x02\xc0\xc9kPJEQ\xb4\xd92\xf7\x1d\xd8\x0b\x01\xf8\xc7\x96\x9b}\xaf \xa0\xca\x95\xaai4Z\x1fh\x80W\xf6\x0e\xec\xff\xf6\xa6-\xebUU\xdd\xbd{\xf7\xae]\xbb\x1a6l\x881\xe6\xe9\xb3\x9c\\\x82\x0b\x00\'\xafA)\xd5ju\x97.\x9f\xef\xd5\xff\xb5\x7f\xff\xd3 \x84{w\x1c/X\xa0\xb0,\xcb\xb9\xba\x1f\xff\xef!\xa0E\xdbu\x1bV\x01\x00&amp;M\x9a\xd4\xa8Q\xa3\xdc\xfb\x8d\x1c\x0e\x8f\x01p\xf2&amp;\x82 \x08H\x10\x05Q@\xc2\xdf\xf8#\x08\x08\t\x08!\x84\x90 \x08\x08\xa1\xb00\x93\xcf*\x18\x10B\xb2,\x0f\xe8=T\x10D\x08\xc1o\xbf\xfdv\xe1\xc2\x05\xde\x1d\x88\x93{p\x01\xe0\xe4M(\xa5\x98`\x15\xab\x98\xe0\xbf\xf1\x07cB0\xc9\x81\xa2(&gt;\x8b\xc4"\x84\xb2\\Y\x15\xca\xbfX\xa3Z-J\x81\xdb\xed\xfe\xfc\xf3\xcfy\x7fPN\xee\xc1\x05\x80\x937a\x13(\x05ADHx\xc6?l\xcb/I\x9a\xec\x9f\x00!\x8c\x8c\x8c6\x9b#}\xa6\x01\x94RA\x14\xdf|\xe3\x1d\x00\x00Bh\xc5\x8a\x15\xfc\x10\xc0\xc9=x\x0c\x80\x93\xd7@\x08y&lt;\xee\xd2\t\xe56\xae\xdd\xf3\xb7\x9c\xf6\x18c\xb39r\xd5\x9a\x1f\xa6\x7f\xff\xb5\x80\x04\x00!!j\x87\xb6]\xf2\xc5\xe5\xcf\xb0\xa4\xf9fz\x81 \x08v\xbb\xadQ\x83\xa6\xb5j\xd4=td\xbf\xd7\xeb\xfd\xfc\xf3\xcf\x17-Z\xc4\x05\x80\x93\x1bp\x01\xe0\xe4A\x08!z\xbd\xa1|\xd9\x8a\xcf\xfe-\xcc\xc9"\x08\xc2\x9e\xdfw\x00\x00\x00\x04\x84`\xa3\xc1\xd8\xf1\xb5n.w\x96/\x1b\x19QJ\x11\x12\x06\x0f\x1cy\xf0\xf0~v\x08\xf8\xe8\xa3\x8f\x12\x12\x12X\x93m\x9f-\x83\x13\n\xf0\xfb\x89\x937!\x84\xb8\xdc\xaeg\xff\xe3\xccr\x88\x82\xf8\xcb\xafkO\x9e&gt;\x8e\x10\x02\x00RJ[4\x7f\xb5\xd4\x0be\xdcn\x17\x84\xbe{R\x04A\xb0;\xee\x1f\x02(%\xec\x10\xc0#\x01\x9c\xdc\x80\x0b\x00\'\xcf\x82\xfe\x0e\x02\x120\xc1\x8b\x7f\x98\x03\x00\x80\x10\x12\x82\x11\x12\xbaw\xe9\xab(\x8a/\xad?#\xfb\x10@\xe9\xfdH\xc0\xb9s\xe7x$\x80\xf3\xdc\xe1\x02\xc0\xe1\x00LHX\x98\xe9\xc0\xc1\xdf\x0f\x1d\xda\xcf\xcc=\xa5\xf4\xa5\xda\x89\xd5\xaa\xd6\xca\xcar\xfa\xde\xf1\xc2\x0e\x01\r\x1b4\xadS\xab\x1e\xa5\xd4\xeb\xf5\xce\x9f?\x9f\x0f\x8a\xe1&lt;w\xb8\x00p8\x00P* \xb4h\xe9\x1c\n(B\xf7\x9d-=\xbb\xf7\xf7\xe3tFJ\xa9$\x8a\xbd{\x0c\xa2\x94B\x88\x96.]\x9a\x91\x91!\x08\x02w\x04q\x9e#\\\x008\xa1\x0e!\xc4h0\x9e&lt;}|\xc7o[X\xad/!\xa4tB\xb9\xa4\xc4\xa6N\xa7\xc3_m\x18\x04Ap8\x1d\x89\xf5\x1a\x16/V\x12\x00\x9a\x9a\x9a:c\xc6\x0c~\x08\xe0&lt;_\xb8\x00pB\x1dB\x89V\xab[\xba|\xbe\xa2\xb0\x81\xec\x00\x00\xd0\xfd\xf5\xbe\xa6\xb0p\x8cU?.LQ\x94\xc8\xc8\xe8\x81\xfd\xde\xa2\x94"\x84\xa6O\x9f\x9e\x91\x91\xc1G\xc6s\x9e#\\\x008!\r\xa5T\xaf\xd3_N\xbe\xb8a\xe3\x1a\x96iC\x08\x89\x8b\x8d\x7f\xa5e{\x87\xd3\x8e\x90?\xbb\xb0\x89\xa2h\xb7\xd9\xda\xbd\xda\xb9x\xb1\x92\x94\xd2\x8c\x8c\x0c~\x08\xe0&lt;_\xb8\x00pB\x1aB\xb0\xc1\x10\xb6j\xcdR\xa7\xd3\x81\x10\x82\x10\x01@;\xb6\xef\x96/_AE\xc9\xdd\xeeo\xcf\x82\xa2*\xe6\xf0\x08~\x08\xe0\xe4\x12\\\x008\xa1\x0b\xa5T\x924w\xef\xdeZ\xb1z\xc9\x83\xed?\xd6\xeb\r\x1d_\xeb\xee\xf6m\xf1\xd7\x93\x10E\xd1f\xb7\xb5{\xb5s\xb1\xa2%\x08!\xfc\x10\xc0y\xbe\xf8\xff\x16\xe7p\xfc\x05&amp;\xd8\x14\x16\xbe\xfe\x97\xd5\xa9i\xf7\xd8\xf6\x9fR\xda\xbc\xd9+\xa5K\x95u\xbb\xdd\xbeO\xff\x7f,\xaa\xaa\x84\x9b\xc2\x87\r~\x0fB\xc4\x0e\x017n\xdc\xe0\xe9@\x9c\xe7B@\xdc\xe2\x1c\x8e_\x10\x05\xd1f\xcf\\\xbal\x1e\x80\x90R\xc0z-t\x7f\xbd\x9f\xa2*~w\xfed\x03!\xc4\x84\xc4\xc7\xe5G\x08\x02\x00\xecv\xbb\xddn\x07\x00p\x01\xe0\xfc{\xb8\x00pB\x14\x8c\xb1\xc9\x14\xbeu\xfb\xc6+W/!\x08!\x04\x94\x92\xda5\xeb\xd5\xa8V\xdb/\xc5_O\x02BH\t\x99\xf6\xddW\x18cBH\xb7n\xdd\xca\x97/\x8f1\x0e\x9c\x15r\x82\x17~\x0fqB\x14\x84\x90\xd7\xeb]\xb8d6`F\x96\x15\x7fu\x1b \x06\x92w\x05c\x1cn2\xef\xda\xb3\xfd\xd0\xe1\xfd\x08!\xadV\xfb\xe1\x87\x1f\x02\x00\x02\xe7\x80\xc2\tj\xb8\x00pB\x11BpX\x98\xe9\xf7}\xbf\x1d\xff\xeb0\x82\x88\xf9\x7fJ\xbdP\xa6QR3\x87\xff\x8a\xbf\x1e\x85u%\xfan\xf6$\x08\x01!\xa4K\x97.\xa5K\x97\xe6\xdb\x7f\xce\xf3\x82\xdfF\x9c\xd0e\xd1\xd2\xd9\x00\x00\x88\xee\xef\xa7\xbbu\xe9\x13n2\xab~-\xfe\xcaI\xf6\xf6\xff\xe0\xe1\xfd\x10"\xadV\xfb\xd1G\x1fQJ\xf9\xf6\x9f\xf3\xbc\xe0\x02\xc0\t9\x08!\x06C\xd8\xb1\xe3\x87\xf6\xfc\xbe3\xbb\xf8+&amp;&amp;\xaeM\xeb\xd7\x9cY\x0e\xc1\xaf\xc5_9y\xec\xf6\x9fO\x05\xe0&lt;G\xf8\x9d\xc4\t9(%\x1a\x8df\xc9\xf2y\x18\xab\x08\t,\xfb\xb3C\xdb\xd7\x0b\xe4/\xec\x95\xbd\x01\xb2\xbf\xc6\x18\x87\x87\xf3\xed?\'w\xe1\x02\xc0\t-\x08%z\x9d\xe1\xc2\xc5\xb3\x9b6\xafg\x15U\x84`\x9dN\xdf\xb9c\x0f\xb7\xdb\x158\x9bk\x08!V\xd5\xef\xe7L\x06\x80o\xff9\xb9\x05\xbf\x998\xa1\x05!\xc4`0._\xb9\xd8\xedv!$\xb0\xe6\xcf/7i]:\xa1\x9c\xdb\xedB\x81Q\xfc\xc5\x1a\x94\x9e&gt;\xf3\xd7\xe1\xa3\x07!\x04z\xbd\x9eo\xff9\xb9A@\xdc\xee\x1c\x8eo\xa0\x94j5\xda\x1b7\xaf\xadY\xbb\x0cBH)&amp;\x84B\x08\xbbw\xed\x8bU\x1c8\xe6\x95\x10\xa2\xd1h\xe6.\x9a\x81\xb1J)h\xd8\xb0!\xdf\xfesr\x03~?qB\x08LpX\x98\xe9\xa7\xf5?Z\xac\x19\x0fz?\x90Z5\xea\xd6\xac^\xd7\x99\xe5\x08\x10\xf3J\x08\t\x0b\x0b;q\xf2\xd8\xa6\xcd\xeb\xd9\x92F\x8e\x1c\x198\xa5\t\x9c\xbc\x84\xe8\xef\x05p8&gt;\x83J\xa2\x94aI\xff\xe1\xc7\x059g\xac\xf7\xec6@\x12\xa5\xc0\xb1\xb0\x84\x10\xadF;{\xde\xb7\xb2,\x03\x00\x92\x92\x92\x1a5jD\x08\t\x9c\xea\x04N\x9e! \xb6&lt;\x1c\x8e\x0f\xc0\x18\x9b\xc2\xc2\x7f\xdd\xb2\xe1\xc6\xcdk\xcc\xd7O\t)Y\xa2T\xe3\x86\xcd\x1dN{\x80\x98\xd7\xffn\xff\xb7\xdc\xdf\xfe\x8f\x193\x06\xf0\xce?\x9c\xdc\x81\x0b\x00\'T@Hp\xb9\xb3\x16/\x9d\x03\x00\xa0\x80B\x08)\x00\xdd\xba\xf45\x9b#\x02\xa7\xf8+\xe7\xf6\x9f\x10\x92\x94\x94\x94\x94\x94\xc4\xb7\xff\x9c\\\x82\x0b\x00\'$`\xad\xdf~\xdb\xbb\xfd\xf4\xd9\xbf\xd8@\x15BpTTL\x9b\xd6\x1d\x9c\xce@)\xfe\xe2\xdb\x7f\x8e\x8f\xe1\x02\xc0\t\t \x84\x04\x93\x85Kf\xb1\xffGH\xa0\x14\xbc\xd6\xb6K\xa1\x82E\x02\xa7\xf8\x8bR\xa2\xd5\xea\xf8\xf6\x9f\xe33x\x10\x98\x93\xf7!\x84\x18\x8da\x07\x8f\xec\xfb\xf3\xc0\xef\x10"6NK\xab\xd5v\xee\xd0\xd3\x13X\xb9\xffa\xc7\x8e\x1ff\xdb\x7fB\x08\xdf\xfesr\x9b\x80\xb8\xf59\x9c\\\x85R\xa2\xd5h\x97\xfd\xb8\x00B\xa4\x91$\x8d\xa4\x81\x106m\xdc\xb2\\\xd9\n\xae\x80\xa9\xfe%\x84\xe8\r\x865k\x97\xc9\xb2L)m\xd4\xa8\x11\xdf\xfesr\x1b~\x02\xe0\xe4q\x08!F\xa3\xe9\xcf\x83\xbf\xaf\xfby\x15\x00\x00?\x88\xf7\xf6\xec6 p\x8a\xbf(\xa5:\x9d\xee\xda\xb5\xab\x1b6\xaea)\xaa#G\x8e\x04|\xfb\xcf\xc9e\xb8\x00pB\x02\xb7\xc7=t\xd0H$\x08\x94RJidDT\xe5J\xd5\\\x811\xf9\x1d\x00\x801\x8e\x8c\x8c\x9a2\xfd\x8b\x0cK:\x84\xb0t\xe9\xd2\r\x1b6\xa4\x94\x06\xc8\xf28y\x15.\x00\x9c&lt;\x0eB\xc8\xedv\xd5\xa9U\xbfq\xd2\xcb\x14\xb0\r5$\x04\xdb\xed6?\xaf\xec\x01l\xfb\x7f\xfdz\xca\xb2\x1f\x170\xef\xff\xc7\x1f\x7f\xac\xd7\xeb1\xc6\xdc\xff\xc3\xc9U\xb8\x00p\xf2&gt;\x10B\x8f\xc7\x95\x95\xe5\xcc\xf9J\xe0\xd8\xd6\x07\xdb\xff\xcf\xad\x99\x16\xb6\xfd\xef\xdc\xb93\xef\xfc\xc3\xf1\x01\\\x008\xb9\x0e\xa5\xf4\xc1\xd6\xdbo@\x88D1\x10\xedi\x8e\xed\xff\xc2\xec\xed\xbfV\xab\xe5s\x1f9&gt;\x80\xdfa\x9c\\G\x14D\x08 K\xbe\xe4&lt;\x04\xc68,\xcc\xb4x\xd9\x1ck\xa6\x85R\xca\xb7\xff\x1c_\xc2o2Nn\xf1\xc0\xcd\x02m\x8eL\x00\x80N\xa7\xc3\x18\xfb{Q\x81\xc5C\xdb\x7fJ)\xdb\xfe\xf3\xd6\xff\x1c\xdf\xc0\x05\x80\x93[\xa8\xaa\x8a1\xd6h4\xa7\xcf\xfc\xf5z\xaf6v\x9b-\xdcdVU\xc5\xdf\xeb\n \xf8\xf6\x9f\xe3_\xf8}\xc6y\xfe0_\xf6\x8b/\xbe\xd8\xa9S\'Y\xf6\x8a\xa2\xf8\xc7\xfe\xddm;79r\xec@lL\xbc\xaa*&lt;\xbd\x1d\xb0\xed\xbfVw\xed\xdaU\xbe\xfd\xe7\xf8\x0b.\x00\x9c\xe7\x0f\x84\x10B\x18\x1b\x1b\xbbr\xe5\xca\xb1c\xc7\xaa\xaa\x8a \xbav\xfdj\xd7\xde\xaf.Z:;.6\x1f\x1b\xc6\xeb\xefe\xfa\x19\xb6\xfd\xdf\xb6c\x13\xdb\xfe\x97-[\x96o\xff9&gt;\x86\xdfj\x9c\\\x81\x95\xb3b\x8c\xc7\x8c\x19\xb3r\xe5Js\x84\x19\x00 \xcb\xde\xf7G\r{\x7f\xd40Q\x10tZ\x1d\x0e\x98&amp;\xcc~A\x12\xa5L\x9bu\xc1\x92\xef\xd9g\xd5\xbf\x7f\x7f\xadVK\x08\xe1\xdb\x7f\x8e\xcf\xe0\x02\xc0\xc9-X\x10XQ\x94N\x9d:\xed\xdc\xb9\xb3J\x95*\xaa\xaaj\xb5\xda\x85Kfu\xec\xd625\xfd^xx\x84\xaa\x86\xa8\x06\xa8\xaa\x1a\x1en^\xb7ae\xf2\xd5\xcb\x10\xc2\xe8\xe8\xe8\xee\xdd\xbbSJ\x03\xa7:\x81\x13\np\x01\xe0\xe4.\x92$\xa9\xaaZ\xa5J\x95\x9d;wv\xea\xd4\xc9\xeb\xf5J\x92\xe6\xd8\x89\xc3\xad\xda5\xd8\x7f`otT\x0c\xc68\x04C\x02\x92(\xd9\xec\x99\xb3\xe7Oc\xde\xb0a\xc3\x86\xc5\xc5\xc5\xf1\xed?\xc7\xc7p\x01\xe0\xe4:\xa2(b\x8c###W\xae\\9e\xca\x14E\x91!\x84\xe9\x19\xa9\xaf\xf7|e\xde\xc2\x99\x91\x91Q\x10\xa2\x90\xca\x10\xcd\xde\xfe_M\xb9\xc2\xb6\xffC\x87\x0e\xe5\x9d\x7f8\xbe\x87\xdfp\x1c_ \x08\x02\xa5\x94\x102|\xf8\xf0-[\xb6DFF\x02\n\x10B\xa3\xc7\x8d|\xe7\xfdA\x92$\x1a\x0c\xc6\xd0q\x07=\xba\xfd\x8f\x8e\x8e\xe6\xdb\x7f\x8e\xef\xe1\x02\xc0\xf1\x11\x10B\x84\x90\xaa\xaa/\xbf\xfc\xf2\x81\x03\x07j\xd6\xac\xa9(\x8aV\xab\xfdq\xd5\xe2\x0e\xaf7OI\xb9\x1c\x15\x19\x1d\n\x1a\xc0\xb7\xff\x9c\xc0\x81\xdfs\x1c\x9f"\x8a\xa2\xaa\xaa\xa5J\x95\xda\xb1cG\xdf\xbe}\xbd^\xaf(\x8a\xc7N\x1c~\xb5c\x93m;6EG\xc5PJ\xf2p\x86(\xa5T\x92\xf8\xf6\x9f\x13(p\x01\xe0\xf8\x1a\x16\x120\x99L\xf3\xe7\xcf\x9f2e\n{\xd1\xe1\xb4\xf7\x1a\xd0a\xfa\xf7_\x1b\x8d&amp;I\x92\xf2jH\x00cl\n\x0b\xffi\xfd\x8a\xab)W\x00\x00|\xfb\xcf\xf1/\xfc\xb6\xe3\xf8\x81\x9c!\x81\xdd\xbbw\xe7\xcf\x9f\x9f\x10\xa2\xd1h&amp;~\xf9\xc9\xf0\xf7\xdeP\x149\xcc\x18\xa6\xe4\xc5\xa6\x11\x08!Y\xf1\xfe\xb8j\x11\xcb\xfd\xe7\xdb\x7f\x8e\x7f\x81!\x98\x81\xc7\t\x1cTU\x15E\xf1\xce\x9d;\x1d;v\xdc\xb7o\x9fV\xab\xf5z\xbd\x15\xcbW\x9e&gt;e~\x99\x84\xf2\x19\x964Q\x94\xfc\xbd\xc6\xe7\x06\xc6\xd8\x1c\x1e\xb1\xf3\xb7-\xbd\xdf\xe8H)5\x18\x0cW\xae\\\x89\x8b\x8b\x03\x00p\x01\xe0\xf8\x05~\x02\xe0\xf8\x13\xe6\x0e\xca\x9f?\xff\xee\xdd\xbb\x07\x0e\x1c\xe8\xf5z%I:u\xe6\xc4\xab\x1d\x1a\xadY\xb7&lt;66\x9e\x90\xbc\x13\x12\x80\x10\x12\x82g\xce\x9eD\x08\xa1\x94\xbe\xf6\xdak\xf1\xf1\xf1|\xfb\xcf\xf1#\xfc\x04\xc0\xf1?\xcc\x08B\x08g\xcf\x9e=t\xe8PUUY;\xb9\xb7\x06\xbf\xff\xde\x88\xd1\xb2"{\xbc\x1eQ\x08\xee\xe1El\xfb\xbf\xe3\xb7-\xbd\xfa\xbf\x86\x10\x92$\xe9\xaf\xbf\xfe*]\xba4o\xfe\xc3\xf1#\xfc\xce\xe3\xf8\x1ff\x011\xc6\x03\x07\x0e\xdc\xbd{w\xa9R\xa5XH`\xdaw_\xbd1\xb4\xbb\xd3\xe94\x87G(Jp\x87\x04\xd8\xf6\xff\xbb\xd9\x93 \x04\x84\x90.]\xba\x94.]\x9a\x8f\xfd\xe2\xf8\x17~\x02\xe0\x04\x10,$`\xb1X\xbav\xed\xbau\xebV\x8dF+\xcb\xde\xb2\xa5\xcbO\xfa\xf2\xfb\xaaUjed\xa4\t\x82\x10\x8c\x0e\x93\xc7n\xff\x13\x12\x12x\xfe\x0f\xc7\xbf\xf0\x9b\x8f\x13@\xb0\x90@TT\xd4\x96-[\x86\x0f\x1f.\xcb^A\x10\xce]8\xd3\xe1\xf5\xe6K~\x98\x13\x17\x1b\xcfr\x87\xfc\xbd\xcc\xbf\x01[0!\x04?\xb2\xfd\xe7\xce\x1f\x8e\xdf\xe1\'\x00N\xc0\xc1\x8c\xa6 \x08\x0b\x16,\x18&gt;|\xb8\xc3\xe1`\xe5c}z\x0e\x1c\xf7\xc9\xd7\x8a"{\xbd\xde@\xee\x9aI)\xa5\x94PJ\x01\x84\x92(!$\xc4\xc5F\xad\xffe}\x8f\xbe\xed\xf8\xf6\x9f\x13Pp\x01\xe0\x04(\xcc\x1dt\xfc\xf8\xf1~\xfd\xfa\x1d?~\x9ce\x88\xd6\xab\x9b4m\xd2\xfc\xb8\xd8\xf8L\xbbU\n\xa4\x0cQ\x96\xd8\x03\x00\x85\x10i4\x1a\xadV\'\x8a"V\xb1\xc5\x9aq\xfb\xce\x8d3\xe7N\xcd\x9a;5\xf9\xeaeUU{\xf5\xea\xb5h\xd1"\x8cq k\x18\'D\xe0\x02\xc0\t\\\x98\x06X\xad\xd6A\x83\x06\xadZ\xb5J\xa3\xd1\xc8\xb2\\\xb4H\xf1o\xbf\x99[\xb7Nbzz\x1aB\xc8_!\x01z\x1f\x02\x00\x14\x04A\xab\xd5i4\x1a\x04\x91\xac\xc8w\xee\xde\xba\x92|\xf1\xec\xb9\xd3\x87\x8f\xfey\xe6\xec\xc9\xb4\xb4{^\xd9\x0b\x00\x80\x10\x8a\xa2x\xea\xd4)\xbe\xfd\xe7\x04\x08\\\x008\x01M\xf6Ny\xdc\xb8qc\xc7\x8eE\x10\x11J\x8c\x06\xe3\'\x1f\x7f\xd6\xb3\xeb\x00\x87\xd3A\x88\xef\x12i\x98o\x8a\xd9nI\x924\x1a\xadF\xa3\xa1\x94\xda\xed\xb6\x94\x94+\xc9)W\x0e\x1e\xdew\xee\xfc\xa9\x8b\x97\xcf[\xad\x96G\xbf\x1d!4`\xc0\x80Y\xb3f\xf1\xed?\'@\xe0\x02\xc0\tt\xb2C\x02\xabV\xad\x1a4h\x90\xd5je!\x81\xd7;\xf5\x9a8n2\x00\xd0\xe3q\t\xb9S%\xf0`\x9bO\x01\x00\x08!\xadF\xab\xd1jEA\xf4x=\x19\x19i)\xd7\xae\x1c\xff\xeb\xe8\x85\x8bgN\x9c&lt;\x96r\xed\x8a,\xcb\x8f\xfe\x84\x98\x98\x98\xf2\xe5\xcbW\xa9R%11\xb1t\xe9\xd2\t\t\t\x08!\xbe\xf7\xe7\x04\x08\\\x008\xc1\x81\xa2(\x92$=\x14\x12\xa8Z\xb9\xc6\xac\xe9K\n\x14(l\xb3e\x8a\xe2\xf3\xd1\x00J)\xa1\x84\x12\n\x11\x94DI\x924Z\xad\x16P\xe0\xf1\xb8\xaf\xdf\xbc\x96|\xf5\xd2\xf1\x13\x87\x0f\x1f\xfd\xf3\xd2\xe5\x0b\xe9\x19i\x8f~\xbbF\xa3\xc9\x97/_\xb5j\xd5\xaaV\xadZ\xa7N\x9d*U\xaaDEE=\x97\x85q8\xcf\x1d.\x00\x9c\xa0\x81\x85\x04\x1c\x0e\xc7\xf0\xe1\xc3\x17,X\xa0\x914\xb2"\xc7\xc4\xc4}7uQb\xbdF\x16k\xc6?\x0e\t0\xc7\x0e\x05T@\x82$IZ\xadN\x92$UQ-\xd6\x8c\xdbwn\x9e&lt;u\xec\xd0\x91?/]9\x7f\xe9\xf2\x85\xac,\xe7\xa3\xdf\x1e\x16\x16V\xae\\\xb9\xbau\xebV\xaaT\xa9v\xed\xdaE\x8b\x165\x18\x0c9\x7fxv\xa93\xe3\x9f\x7f\x04\x1c\xces\x85\x0b\x00\'\x98\xc8\xf6\x9eO\x9d:u\xc4\x88\x11\x10Bf\xb5\xc7\x8d\xfe\xaa\x7f\x9f!\x0e\xa7]Q\x94gq\xaf?&amp;\x84+i\x04Apf9\xd23\xd2\xce\x9d?}\xf2\xd4\xf13\xe7N\x9e9\xfbWjZ\xaa,{\x1f\xfd\tE\x8a\x14)S\xa6L\xdd\xbau\xeb\xd6\xad[\xa6L\x99\xc2\x85\x0b?\xb4NJ)\x9b\x81\xc3-&gt;\'`\xe1\x02\xc0\t2\x98\xe5F\x08m\xdd\xba\xb5k\xd7\xae\x16\x8bE\x92$EQ:\xbd\xd6}\xec\xe8/\xc3\x8ca\x0e\xa7\xfd\xb1=D\x1f\x13\xc2\x954\x98`\xa7\xd3\x91\x92r%9\xe5\xf2\xe1\xa3\x07\x8e\x1c;x\xedz\xb2\xcd\x96\xf9\xe8\xb7\x9b\xc2L\x85\x8b\x14\xaeU\xabV\xa5J\x95\xea\xd6\xad[\xa1B\x85\x9c\xdb|J)\x9ba\xc0,&gt;7\xfa\x9c\xa0\x80\x0b\x00\'(a\xee\xa0K\x97.u\xef\xde\xfd\xd0\xa1C,C\xb4b\x85\xca\xd3\'\xcf/]\xaa\xac\xc5j\x11E1g\x08W\x10\x04I\xd2\xe8\xb4:A\x14&lt;\x1e\x16\xc2M&gt;v\xe2\xd0\xd1c\x07\xaf\\\xbd\xfc\xa4\x10nttt\xe5\xca\x95\xeb\xd4\xa9S\xb5j\xd5\xea\xd5\xab\x17(P \xe7\xf1"\xa7o\x87\xc7u9\xc1\x08\x17\x00N\xb0\xc24\xc0n\xb7\x8f\x1c9r\xde\xbcy\xa2(\xa9\xaab\x0e7O\x9b4\xff\xe5\xa6\xad3mV\x84\x90N\xa7\x97$\t\x00`\xb3e\xa6\xa5\xa7\x9e&lt;u\xec\xcc\xb9S\xc7O\x1c\xbex\xf9|\xc6cC\xb8\x92\xa6TB\xa9\x84\x84\x84\xc4\xc4\xc4*U\xaaT\xacX\xf1\xa1\x10.\xf7\xedp\xf2\x12\\\x008ALv;\x9d\x87\xfaH\x8f\xfa`\xc2\xc0\xfeoefZ\xaf$_\xbc|\xe5\xc2\xe1\xa3\x7f\x9e8y\xf4\xf6\x9d\x9bN\xe7cB\xb8\x91\x91\x91\xa5J\x95\xaa[\xb7\xee\x8b/\xbeX\xabV\xad\x84\x84\x84\'m\xf3\xb9o\x87\x93\xc7\xe0\x02\xc0\tn\xb2\xab\x04\xf6\xed\xdb\xd7\xb1c\xc7;w\xee\xb0*\x81J\x15\xaaXm\x96\x1b7\xae=\xf6\xbbX\x08\xb7N\x9d:\x89\x89\x89\x95*U\x8a\x89\x89\xc9\xf9U\xbe\xcd\xe7\x84\x08\\\x008y\x01\x96\x1d\x94=ZR\x924\x8a\xf2\xff|\xfaaaa\xe5\xcb\x97/W\xae\\\xfd\xfa\xf5\xcb\x97/\xcfC\xb8\x1c\x0e\xe0\x02\xc0\xc930\rPUu\xe8\xd0\xa1\xb3g\xcf\x06\x00\xc4\xc6\xc6V\xaaT);\x84\xfbP\xa6f\xb6o\x87o\xf39!\x0b\x17\x00N\xde!;$\xb0u\xeb\xd6\xf0\xf0\xf0r\xe5\xca\x99\xcd\xe6\xec\xaff\xa7\x81r\xa3\xcf\xe10\xb8\x00p\xf2\x14\xec~\xce6\xee&lt;S\x93\xc3y\n\\\x008y\x90\x9c\x0e}\x7f\xaf\x85\xc3\t\\\xb8\x00p8\x1cN\x88\xc2\x0f\xc5\x1c\x0e\x87\x13\xa2p\x01\xe0p8\x9c\x10\x85\x0b\x00\x87\xc3\xe1\x84(\\\x008\x1c\x0e\'D\xe1\x02\xc0\xe1p8!\n\x17\x00\x0e\x87\xc3\tQ\xb8\x00p8\x1cN\x88\xc2\x05\x80\xc3\xe1pB\x14.\x00\x1c\x0e\x87\x13\xa2p\x01\xe0p8\x9c\x10E\xf4\xf7\x028\x1cN\x00\xc1z\xa6\x02\xdeI)4\xe0\xbd\x808\x1c\xce\x7f\xdb\xa6\xe6\x1c\x87\xc9\xc9\xf3p\x01\xe0pB\x17f\xf7\x11B\xd9\xbd\xb2\xedv\xfb\x9e={V\xadZ\xe5\xf5zW\xae\\I)\xe5m\xb4\xf30\xdc\x05\xc4\xe1\x84\x1c9\xed&gt;\xb3\xef7o\xde\xdc\xbe}\xfb\xef\xbf\xff\xb1s\xe7\x8e\xeb\xd7\xaf\xb3\xb7\x95/_~\xcc\x981\xaa\xaa\x8a"7\x14y\x13~\x02\xe0pB\x85G\xf7\xfb\xcc\xeeo\xd8\xb0a\xcf\x9e=\x99\x99\x999\xdf,I\x92\xa2(;v\xech\xdc\xb81\x1b\xb7\xe9\x87\x15sr\x19.\x00\xc1\r\x0b\xd9\x05c\xb0\x8e;\x16|\x06\xb3\xfb\x82 d\xdf\'O\xb2\xfbZ\xad\xb6H\xe1\xe2\xad\x9a\xb7\xb9|\xe5\xd2\xc6\xcd\xeb\x10B\xc5\x8b\x17?t\xe8\x90\xd9l\xe61\xe1&lt;\t\x17\x00\x8e\x7f`\xb3y\xfd\xbd\x8a&lt;\x0b\xa5\x94m\x0er\xda\xfds\xe7\xcem\xda\xb4i\xeb\xd6\xadG\x8e\x1c\xc9i\xf75\x1am\xa5\n\x95\x9b6n\x99\x94\xd8\xb4h\x91\xe21\xd1\xb1i\xe9\xa9\xcdZ\xd7\xbeu\xfb&amp;!\xa4S\xa7N+W\xae\xe4\x8e\xa0&lt;\t\x17\x80`\x85m\xfc\x93\x93\x93\x07\x0f\x1e\x8c1f\x0f\xbc\xbf\x17\xf5\xbf\x11\x04\x01c\x9c\x98\x988v\xec\xd8\xec\x19\xee\x9c\xe7E\xf6\xe0\xfb\x9c\xc6\x9a\xd9\xfd\xf5\xeb\xd7\x1f&gt;|X\x96\xe5\xec\xd75\x1aM\xa5\nU\x98\xddO(UV\xaf\xd7{&lt;\x1e\xaf\xd7\xe3\x95\xbd\x91\x11Q\x07\x0e\xfe\xfez\xaf6\x80\x02\x15\xab\x0b\x16,\xe8\xd3\xa7\x0fw\x04\xe5=\xb8\x00\x04+\xeci\xec\xd5\xab\xd7\x92%K\xfc\xbd\x96\x7f\xc2\xf9\xf3\xe7\x13\x12\x12x\x92\xc9s\xe1Q\xbb\x8f1\xbex\xf1\xe2c\xed\xbe\xd9\x1cQ\xa1\xdc\x8b\xf5\xea&amp;5Jz9\xdb\xee{&lt;nB0\x84\xf7\xc3\x03\xaa\xaa\xc4\xc5\xe6\x1b\xf7\xd9G3\xbe\xffF\x14%\xadV\xb3\x7f\xff\xfeJ\x95*q\xcd\xcecp\x01\x08J\x98\xf5\xdf\xbbwo\xa3F\x8d\x04A\xc8\xf9x\x07&gt;\x1a\x8dFQ\x94\xa6M\x9bn\xdd\xba\x95o*\xff\r\x8f\xb5\xfb\x07\x0f\x1e\\\xb7n\xdd\xe6\xcd\x9b/_\xba\xec\x95\xbd\xd9o6\x87G\xd4\xac^\xa7i\xe3\x96/\xd5M*R\xa8\x98$I\x1e\xef\xc3v?\'\x84\x10\xa3\xc1\xd8\xa5g\xeb\xfd\x07~\x07\x00T\xa9R\xe5\xf0\xe1\xc3\x80\x17\x88\xe5-\xb8\x00\x04%\x18c\x00@\xa3F\x8d\xf6\xee\xdd\x0b!l\x9c\xf4\xf2\xa07\x86;\x1cv\x84\x02\xd7\x98RJ4\x1a\xcd\xdd\xbbw\xde\x1f5\x94\x85%\xb7n\xdd\xda\xacY3\xae\x01\x7f\x97\xecb\xdd\xec\xcf-\xa7\xdd?s\xe6L\xce7\xe7\xb4\xfbE\x8b\x14\x17\x04\xc1\xedvy\xbd^J\xc9c\xed~6\x84\x10\xadV\x97\x96v\xaf\xc5\xab\xf52mVB\xc8\xf0\xe1\xc3\xa7L\x99\xc2\x83\x01y\t.\x00\xc1\x07\xb3\x98K\x97.\xed\xd9\xb3\xa7 \x88\x08\xc1_\xd7\xff^\xadJMg\x96S\x08`\x01\x00\x80bB\xc2M\xa6!\xc3\xfb.[\xb1\x10B\x98\x90\x90p\xf2\xe4IQ\x14!\x84|S\xf9?y\xd4\xee;\x1c\x8eC\x87\x0em\xd9\xb2\xe5Q\xbb_\xb0@\xa1\x97\xea4\xa8Q\xadN\xdd\xda\x89E\x8b\x96x`\xf7=\x94\xfe\x8d-\xbc\xaa\xaaQQ\xd1\xab\x7fZ\xf6\xd6\xc8\xfe\x1a\x8dF\x96\xe5\xd5\xabWw\xe8\xd0\x81kv\x9e\x81\x0b@\x90\xc1\x82\xbd\x0e\x87\xa3Z\xb5jW\xaf\xa6\x10\x82\x07\xf5\x7f{\xec\xe8/\xd3\xd2\xef\x89\xa2\x18\xd0\x17\x13\x02J\xa8V\xa3\xb5\xd9m\x8d\x9aWs8\x1d\x84\x90\x89\x13\'~\xfc\xf1\xc7\xdc\xa0&lt;\x85G\x9b4\xd8\xed\xf6\xdd\xbbw\xaf_\xbf~\xe7\xce\x9d\xd9E[\x8c\x02\x05\n\xbdT\xbbA\xd3\xc6-kV\xaf\x1b\x1f\x9f\x0f\x00\xf0\x0f\xec~NTU\x8d\x8d\x89{\xf7\xa3\xc1K\x96\xcdC\x08EGG\x9f:u*..\x8e\x07o\xf2\x06\\\x00\x82\x0cv\x00\x1f7n\xdc\xd8\xb1c\x05A\x88\x8c\x8c\xde\xfa\xf3\xbe\x88\x88HEQ\x82b\x13\xad\xaajTd\xf4ws&amp;\x8f\xff|\x14B(""\xe2\xcc\x993qqq\x80W\x06\xfc\x7f\x1e\xdb\xa4\xe1\x89v?\x7f\xa1\x97\xea\xfc\xd7\xee\x13B\\.\x97\xa2\xc8\xe0_\xbb\xecY\xb6\xae$J\xad\xda%\x9e\xbbp\x06\x00\x90\x1d\xbc\xe1\x8e\xa0&lt;\x00\x17\x80`";\xf5\xb3Z\xb5jNg\x16\xc6\xea\xe7\x9fN\xed\xdb\xeb\xcd\xf4\x8c\xb4`y\x1a)\x05\x08B\x88`\xb3\xd6uR\xae%SJ{\xf7\xee\xbdp\xe1B~\x08`&lt;\xa9Xw\xe3\xc6\x8dG\x8e\x1cy\xc8\xee\'\x94*\x93\x94\xd8\xb4\xfeK\r+\x94{1\x7f\xbe\x02\xf8\xf9\xd9\xfd\x9c`\x8c\xc3\x8ca\xa7\xce\x9c\xe8\xd0\xb5\x85\xaa*\x8a\xa2\x8c\x1d;\x96\xb7\x88\xc8\x1bp\x01\x08&amp;r\xa6~"\x84\xca\x96\xa9\xb0~\xe5\x0eB\x89\xbf\xd7\xf5\xf7\xc0\x18\x9b\xc3#\xb6l\xff\xa5\xdf\xa0.\x08!Q\x14\xf7\xef\xdf_\xb5j\xd5P\xf6*&lt;{\xb1.\x00 \xa1T\xd9\xa4\xc4&amp;M\x1b\xb5\xacT\xb1\x8a\xd9\x1c\xa9\xaa\x8a\xc7\xe3f\x99`\xb9\x94\xa2\xa3\xaajlL\xec\xdc\x85\xdf\x8d\x1a3B\x10D\x08\xc1\x1f\x7f\xfcQ\xabV-\x9e\x15\x1a\xecp\x01\x08\x1ar\xa6~B\x08UU]:\x7fm\xe3F\xcd33\xadA\xb7w&amp;\x84\x98\xc2L\x9d{\xb4\xde\xf7\xe7\x1e\x00@\x83\x06\rv\xef\xde\x1d\x82\x87\x80G\xed\xfe\xf5\xeb\xd7w\xed\xda\xb5~\xfd\xfa\x87\x9b4h\xb4\xe5\xcaV\xac^\xadv\xb3\xc6\xad*U\xacb6G(\x8a\xe2re\xa9X\x85\x10"\x98\xeb\xa9\x99\x18\xabQQ1\xbd\xfbw\xdc\xb2\xfd\x17\x08Q\xf1\xe2\xc5N\x9e&lt;\xa9\xd3\xe9xVhP\xc3\x05 h\xc8\x99\xfa\t\x00h\xde\xec\x95y\xdf-\xb7;\xec\xc1h4\t!\x06\x83\xf1\xdc\xf9\xd3\xaf\xbc\x96D\x08\xc1\x18\x87Nz\xc9S\x9a4\xac_\xb7\xfe\xe4\xa9\x93\x0e\x87#\xfb\xcd9\x9b4$\x94*\xa3\xd7\x19\x14\xf5\xbe\xddGOM\xe2\xcc\x8de\x8b\xa2\xe8t:\xdathx\xf3\xd6\rBH\x9f&gt;}\x16,X\xc0\x1dAA\r\x17\x80\xe0\xe0\xd1\xd4\xcfM\xeb\xf6\x96I(\x97\xe5\xca\n\xd23\xb8\xaa\xaa1\xd1\xb1c\xc6\xbf?k\xde\xb7\x08\xa1b\xc5\x8a\x1d;v,,,,\xaf\xee(\xffV\x93\x06\xadF[\xf1\xbfv\xff\xf1\xc5\xba\xbe\x87\x05\xf0\xb7\xee\xd8\xd4{@\x07\xd6+\x94\xb7\x88\x08v\xb8\x00\x04\x01\x8fO\xfd\xfc\xe4\xcb\x8c\x8c\xf4\xe0\xdd|QJ%I\xca\xcc\xb4\xbe\xdc\xe6%\xab5\x03c\x9c\'C\x8b\x8f-\xd6=v\xec\xd8\x9e={\xd6\xad[w\xe4\xc8\x91\x9cv?&lt;\xdc\\\xab\xc6K\xb5k\xd6{\xa9Nb\xe9\x84\xf2\x01b\xf7s\xa2\xaajLL\xec\xf8\xcf&gt;\x9e1k\x92$I\x1a\x8d\xe6\xe4\xc9\x93%J\x94\xe0\xc1\x80 \x85\x0b@\x10\x10\xec\xa9\x9fO\x82\x1d\x02\x16,\xfe\xfe\xa3\xff\x0c\x17\x041,\xccx\xf4\xe8\xd1\x12%J\xe4\x81h\xf0\xd3\x9b4&lt;\xbdXW\x14\xc5@\xb3\xfb9\xa1\x94\x1a\x0c\xc6\xce\xdd[\xfey\xf0\x0f\x00@\xed\xda\xb5\xff\xf8\xe3\x0f\xc0[D\x04\'\\\x00\x02\x9d&lt;\x90\xfa\xf9t\x10Dm;79w\xfe4!\xa4g\xcf\x9e\x8b\x17/\x0ej\x97\x02\x0b\xd5&lt;[\x93\x06s\xcd\x1au\x9b6z\xa8I\x83\x87R\x1a\x80v?\x1bL\xb0Ao\xbc\x9ar\xf9\xd5\x8e\x8d\xb3\xb2\xb20Vy\x8b\x88\xe0\x85\x0b@\xa0\x937R?\x9f\x04\xc68""r\xe7\xae-=\xfa\xb5\x17E\x91R\xbak\xd7\xae\xc4\xc4\xc4\xa0\xd6\x00\x00\x80\xc3\xe1\xd8\xb5k\xd7\xee\xdd\xbb\xb7o\xdf\xfe\x90\xddgE[\x8d\x1a\xbe\\\xb1\xdc\x8b\xc5\x8a\x95\xfcgM\x1a\xfc\x8b\xaa\xaa\xd1\xd11\xab\xd6\xfc\x90\xdd"b\xdb\xb6mM\x9b6\r\xf6\xab\x16\x82p\x01\x08h\xf2R\xea\xe7\x93\xc0\x18\x87\x9b\xcc\xfd\xde\xec\xb2u\xfbF\x00@bb\xe2o\xbf\xfdF)\r\xba\x7f \xa5TU\xd5-[\xb6\xac]\xbbv\xc7\x8e\x1d7o\xde\xcc\xf9\xd5\x87\x9a4PJ=\x1ewp\xd9\xfd\x9c\xa8\xaa\x1a\x1b\x1b7\xfc\xdd7\x96\xaf\\\x84\x90\x10\x1b\x1b\xf3\xd7_\x7f\xf1\x16\x11A\x07\x17\x80\x80&amp;/\xa5~&gt;\tB\x88^o\xb8z\xf5r\x9b\x8e\x8d\\.\x17\xc6\xea\xa2E\x8bz\xf5\xea\x15\\\xdbI\xd62\xc1b\xb1\xc4\xc7\xc7\xab\xaa\x9a\xfdz\xe1BEj\xd7\xac\xd7\xb4q\xab\xe7\xde\xa4\xc1\xbfPJ\x11\x12TUi\xdb\xa9\xf1\xc5K\x17\x00\xa0M\x9b6\xdd\xb6m[p]5\x0e\x17\x80\xc0%\xef\xa5~&gt;\tEQ\xe2\xe3\xf2\x8d\x9b\xf8\xe1\x8cY\x93\x10\x12\xe2\xe2b\xcf\x9c9\x13\x11\x11\x11D]B\x99\x00X\xad\xd6\x84\x84\x84\xcc\xccL\x84\xd0\xeb\x9dz\xb7i\xf5ZB\xa92\xd1\xd1\xb1\x80\xd2\xac&lt;a\xf7s\x8216\x99\xc2O\x9e:\xde\xa9[\x0bY\x91\x15E\x992e\xca\xf0\xe1\xc3y0 \x88\xc8Sv$/\xc1\x0c\x8a\xcdf\x1b7n\x1cB\x02\xc6j\xbf^\x83+U\xac\xe2p:\xf2\x98\xf5\x07\x00\x88\xa2\x98i\xb3\xbe\xd1oX\xd1"\xc5\x00\xa0w\xef\xde\x9d&lt;y2B\x88u?\x0e.0&amp;\xaa\xaa\x1a\x0c\xc6\x8f\xdf\xfb\xb4n\x9dD\xadV\x97\x99i\xcd\xb4eb\xac\n\x82\x90\xb3\xf8+\xd8\x11\x04\xc1f\xcb\xacY\xbd\xce\xc8\xb7G)\x8a"\x8a\xd2\xbb\xef\xbe{\xe2\xc4\tQ\x14\xd9\xc9\x95\x13\xf8\xe45S\x92g\xc0\x18#\x84\xa6N\x9dz\xe5\xca\x15\x08ALL\xdc\x80\xbeC\xb3\xb2\x9cy\xf2|\r!\x94e9&gt;&gt;\xff\xe07\xde!\x84\x08\x82\xf8\xf5\xd7__\xbatI\x10\x84`\xd4\x00\x00\x00\xa5\xd4\x9aiq:\xed\xec\x18\x97\x97\xec~N$IJKO}\xa3\xdf\xb0\x97\x9b\xb4RU\x85R\xda\xabW\xaf\xac\xac,\x00\x00w-\x04\x05\\\x00\x02\x11\xd6\'\xe0\xca\x95+S\xa6L\x11\x04\x11c&lt;\xf2\xad\x8f\x0b\x15,\xe2\xf1x\xf2\xa4\x1d\x01\x00\x88\xa2h\xb1dt\xee\xd8\xb3F\xb5\xda\x18\xab\xb2,\x8f\x1a5\n\x04\xb3\x1d\x11\x04\x01\xa1\xbci\xf7s\x02!\x94\x15e\xc2\xd8\xc9\xd1\xd1\xb1\x00\x80\x93\'O\x0e\x1b6L\x10\x04~\x08\x08\n\xb8\x00\x04"\xcc\xff\xf3\xe9\xa7\x9f\xdal6JI\xf9r\x95:\xb4\xeb\x9ai\xb3\xe6m\xd7*\xa5T\x12\xa5\xb7\x87~\x88\x10\x12\x04q\xf5\xea\xd5{\xf6\xec\xe1\xa6$\xc0A\x08\xb9\xdd\xae\x82\x05\n\x7f\xf3\xf9L6\xf5s\xe1\xc2\x85\xabW\xaf\x16E1g0\x9c\x13\x98p\x01\x088\xb2S?\x97-[&amp;\x8a"!\xe4\xc3\x91c\x8daay\xde\x0e\n\x82\x90i\xb36m\xd4\xfc\xd5\xd6\x1d0V!\x84#G\x8eTU\x15B\x9e\xaa\x10\xd0\x88\xa2h\xcd\xb4\xb4j\xdev\xf0\x1b\xef\xc8\xb2,I\xd2\xa0A\x83\x92\x93\x93\xd9\xdd\xeb\xef\xd5q\x9e\x06\x17\x80@\x04c\xfc\xc9\'\x9f`\x8cUUm\xde\xec\x95\x86\r\x9a\xe6\xa5\xc4\xff\xa7 \x08B\x96+\xeb\x83\x91c"\xcc\x11\x10\xc2\xa3G\x8f\xce\x9e=;H\xa3\xc1!\x85 \x08\xd6L\xcb\x88\xb7&gt;\xaeT\xb1\x8a\xa2(\x16\x8b\xa5[\xb7n\x8a\xa2\xb06V\xfe^\x1d\xe7\x89p\x01\x08,TU\x15\x04a\xf9\xf2\xe5{\xf7\xee\x15EQ\x924\xef\xbc\xf51\xeb\x06\xe1\xef\xa5\xf9\x02\x08\xa1\xdb\xed.Q\xfc\x85\xde=\x06\xb2\xfeb\x9f|\xf2\x89\xd5jE\x08q;\x12\xc8@\x081\xc6\x92(N\xfbf\x9e\xd9\x1c!I\xd2\x81\x03\x07&amp;N\x9c\xc8=x\x01\x0e\x17\x80\x00\x82UQ\xda\xedv\x96\xfa\xa9\xaaj\xdf^\x83\xf2j\xea\xe7\x93\x10\x04\xc1\x9ai\x1d&lt;\xf0\x9dbE\x8bSJ\xadV\xeb\'\x9f|\x02!\xe4\x87\x80\x00G\x10\x04G\x96\xa3l\x99\n\xe3F\x7f\xa5(\x8aF\xa3\x197n\xdc\xf6\xed\xdbyVh \x13*f%(`{\xde/\xbf\xfc\xf2\xca\x95+\x00\xd0\xa2E\x8a\r\x1d4\xd2\xe1p\x84\x82\xf3\'\x1b\xd6\xf1",\xcc4|\xe8GL\x11g\xcf\x9e}\xe1\xc2\x05\xee\x08\n|$Q\xca\xb0\xa4wz\xad{\xfbW;\xcb\xb2\x8c\x10\xea\xd1\xa3GZZ\x1a\xbfv\x01\x0b\x17\x80@\x81\xa5~^\xbat\xe9\x9bo\xbe\x11\x04\x91\x102\xf8\x8dw\xe2\xe2\xf2\xc9\xb27D\xfc?\xd9\x88\xa2h\xb3evl\xdf\xadf\xf5:\x84\x10UU\xdfz\xeb-\x1e\n\x0e\n\x10BY\xae\xac\x89\xe3\xa6\x94N(\x0b\x00\xb8w\xef\xde\xe0\xc1\x83\xf9\x01.`\xe1\x02\x10(0\xeb6j\xd4(Y\x961VkT\xab\xdd\xb9cO\x8b%#o\xa7~&gt;\x05L\xd4\x0f\xdf\x1d\'\x8a"Bh\xdb\xb6m\xdb\xb6m\xe3\x0e\xe5\xc0\x07B(+^\x93)\xfc\xab\x893 \x84\xa2(\xadY\xb3\xe6\xbb\xef\xbe\xe3Y\xa1\x81\t\x17\x80\x80\x80\xa5~\xee\xd9\xb3g\xf5\xea\xd5\x82 "\x84\xde\x1e\xfa\xa1$J!\xbb\xe7E\x089\x1c\x8e\x97\xea4\xe8\xdc\xa1\x07\x8b\x81\xbf\xf5\xd6[\xb2,\xf3s@\xe0#\n\xa2\xcd\x96Y\xab\xe6K\xef\xbf\xf3\x1fUU$I\xfa\xe0\x83\x0fN\x9d:\xc5\xb3B\x03\x10.\x00\xfe\x87\x95}y\xbd\xde\x91#GB\x880V_i\xd5\xbei\xa3\x16\x99\xb6\x90H\xfd|\x12\x82 8\xb3\x1c\xef\xbc5\xca\x1cn\x86\x10^\xb8p\xe1\x9bo\xbe\xe1\xde\xe4\xa0@\x14\xc5L\xabu\xf0\xc0w\xea\xd6NT\x14\xc5\xe9tv\xeb\xd6\xcd\xe1p\xf0\xac\xd0@\x83\x0b\x80\xffa\xb1\xdf\x15+V\x1c=z\x14!d2\x85\xbf5\xf8}\xb7\xdb\x15:\x99?\x8f\x05B\xe8\xf1x\n\xe4/\xf8\xd6\x90\xf7\xd9G4i\xd2\xa4\xbbw\xefr\x87rP@\x01U\x14y\xcaW\xb3\xa3\xa3c\x05A8u\xea\xd4G\x1f}\xc4\x9dx\x81FH\x9b\x98@ \xbb\x8f\xfc\x87\x1f~(\x08\x02\xc6j\xafn\x03*U\xac\xe2\xccr\xfa]\x00\x08%\x18\xb3r4\x15c\x15cU\xc5\xaa\x8aU\x8c\xb1oL\xb0 \x88\x0e\x87\xbdg\xb7\x01\xc5\x8b\x95\xa4\x94Z,\x96\x8f&gt;\xfa\x88\xd7\x04&lt;\x16\xfa\x8f\xc8\xbd\xf5 \x84\xdcnw\xe1\xc2E\xbf\xf9|&amp;\xc6X\xa3\xd1\xcc\x9c9\xf3\xa7\x9f~\xe2Y\xa1\x01\x05\x17\x00?\xc3</t>
        </is>
      </c>
    </row>
    <row r="217">
      <c r="A217" s="1" t="n">
        <v>215</v>
      </c>
      <c r="B217" t="inlineStr">
        <is>
          <t>color_size_circle</t>
        </is>
      </c>
      <c r="C217" t="inlineStr">
        <is>
          <t>What is the missing color of the part denoted with a question mark?</t>
        </is>
      </c>
      <c r="D217" t="inlineStr">
        <is>
          <t>['dark purple', 'light blue', 'light red', 'dark red']</t>
        </is>
      </c>
      <c r="E217" t="inlineStr">
        <is>
          <t>dark red</t>
        </is>
      </c>
      <c r="F217" t="inlineStr">
        <is>
          <t>There are circles of various sizes and colors in the image. The circles are ['medium', 'small', 'extra large', 'large'] size, and their colors are ['medium red', '?', 'very light red', 'light red'].</t>
        </is>
      </c>
      <c r="G217" t="inlineStr">
        <is>
          <t>We observe that the largest circle is very light red color, and the smaller circles change color from light red to medium red. Hence, the pattern is that the circles become darker as they become smaller.</t>
        </is>
      </c>
      <c r="H217" t="inlineStr">
        <is>
          <t>Based on the pattern that the circles become darker as they become smaller, the missing color of the smallest circle denoted with a question mark should be dark red.</t>
        </is>
      </c>
      <c r="I217" t="inlineStr">
        <is>
          <t>b'\x89PNG\r\n\x1a\n\x00\x00\x00\rIHDR\x00\x00\x02\x00\x00\x00\x02\x00\x08\x02\x00\x00\x00{\x1aC\xad\x00\x00\xe4\x9eIDATx\x9c\xec\x9dwxUE\xfa\xc7g\xe6\x94\xdbs\xefM\x03B\n\t\x10\x92\x90\x10\xba\x04\x90"\xa0" \xa0\x8b\x15Q\xb1\xd7\xb5\xbb\xae\xeb\xaa?uw\xd1E]\xfbZP\x10\x15\xc4F\x13\x04\x14D\x9a\x80@ $$\x84\x84\x90\x10 \xfd\xe6\xd6Sf\xe6\xf7\xc7\x90k\x04t-@\xe6&amp;\xe7\xf3\xec\xb3\xcf=\xd7\x00\x93s\xce\xbc\xdf\x99\xb7\r\xa4\x94\x02\x03\x03\x03\x03\x83\x8e\x07j\xeb\x01\x18\x18\x18\x18\x18\xb4\r\x86\x00\x18\x18\x18\x18tP\x0c\x010000\xe8\xa0\x18\x02````\xd0A1\x04\xc0\xc0\xc0\xc0\xa0\x83b\x08\x80\x81\x81\x81A\x07\xc5\x10\x00\x03\x03\x03\x83\x0e\x8a!\x00\x06\x06\x06\x06\x1d\x14C\x00\x0c\x0c\x0c\x0c:(\x86\x00\x18\x18\x18\x18tP\x0c\x010000\xe8\xa0\x18\x02````\xd0A1\x04\xc0\xc0\xc0\xc0\xa0\x83b\x08\x80\x81\x81\x81A\x07\xc5\x10\x00\x03\x03\x03\x83\x0e\x8a!\x00\x06\x06\x06\x06\x1d\x14C\x00\x0c\x0c\x0c\x0c:(\x86\x00\x18\x18\x18\x18tP\x0c\x010000\xe8\xa0\x18\x02````\xd0A1\x04\xc0\xc0\xc0\xc0\xa0\x83b\x08\x80\x81\x81\x81A\x07\xc5\x10\x00\x03\x03\x03\x83\x0e\x8a!\x00\x06\x06\x06\x06\x1d\x14C\x00\x0c\x0c\x0c\x0c:(\x86\x00\x18\x18\x18\x18tP\x0c\x010000\xe8\xa0\x18\x02````\xd0A1\x04\xc0\xc0\xc0\xc0\xa0\x83b\x08\x80\x81\x81\x81A\x07\xc5\x10\x00\x03\x03\x03\x83\x0e\x8a!\x00\x06\x06\x06\x06\x1d\x14C\x00\x0c\x0c\x0c\x0c:(\x86\x00\x18\x18\x18\x18tP\x0c\x010000\xe8\xa0\x18\x02````\xd0A1\x04\xc0\xc0\xc0\xc0\xa0\x83b\x08\x80\x81\x81\x81A\x07\xc5\x10\x00\x03\x03\x03\x83\x0e\x8a!\x00\x06\x06\x06\x06\x1d\x14C\x00\x0c\x0c\x0c\x0c:(\x86\x00\x18\x18\x18\x18tP\x0c\x010000\xe8\xa0\x18\x02````\xd0A1\x04\xc0\xc0\xc0\xc0\xa0\x83b\x08\x80\x81\x81\x81A\x07\xc5\x10\x00\x03\x03\x03\x83\x0e\x8a\xd8\xd6\x03008KPJ\x7f\xe5OB\x08\xcf\xe8H\x0c\x0c8\xc1\x10\x00\x83\x08&amp;l\xd3\t!\'|\x03!lm\xc7O\xb8\xfc\x9f\x7fmk\xb5h}\x19\xfeK\x10B\'|c`\x10q\xc0_\xbf,20h+\xd8[\xca\xac&lt;\xfb\xcc\x0cz\xd8\n\xff\x1a\x1a\x1b\x1b!\xfc\x1f/&lt;\xfb\x01\xb7\xdb\xfd\xeb\xffZBHX!\x98\x18\xb0Q\x19\xc2`\xc0?\x86\x00\x18p\x07m\x05\x00\x00B(\x08\xc2)\x7f\x12c\xdc\xdc\xdcL\x08\xd9\xbbw/\xc6X\xd7\xf5\xad[\xb7j\x9a\x06!\xac\xa8\xa88x\xf0`\xd8\xe2\xfb|\xbe\xd2\xd2\xd2_9\x80\x1e=z\xd8\xedv\xd0\xa2\x07\xdd\xbauKII\xa1\x94J\x924x\xf0`Q\x14\x05A\xe8\xdd\xbb7B(**\xea\x17\xc6\xd6Z\xab~\xd3\x16\xc4\xc0\xe0\xec`\x08\x80A\xdbC)\r\xaf\xee\x11B\'\xaf\xeb1\xc6^\xafw\xff\xfe\xfd&gt;\x9f/??\xdf\xe3\xf1\xe4\xe7\xe7755\x1d;v\xec\xc8\x91#\x94\xd2\xa6\xa6\xa6\xb3&lt;f\x97\xcb\x05!\xec\xd2\xa5K\xa7N\x9d\\.Wnn\xae\xd3\xe9\xcc\xcd\xcd\xb5\xdb\xed={\xf6t8\x1c\'\x0b\x03!\x84\x10\x12\xde%\x18z`\xd0\xe6\x18\x02`\xd0\x06\xb4^\xe3\x9fl\xf1\x83\xc1`]]]ii\xe9\xee\xdd\xbbkkk\xb7m\xdbVYYy\xf4\xe8\xd1\xc6\xc6\xc6\xb6\x1a\xf0o\xc2\xedvw\xee\xdc9))i\xd0\xa0Aqqq}\xfa\xf4\xe9\xd1\xa3Gll\xac\xc5bi\xfdca=0\xf6\x07\x06m\x85!\x00\x06g\t\xb6\xcc\xa7\x94\x9e\xec\xd2\xf1x&lt;%%%UUU;v\xec\xd8\xbaukQQQ}}} \x10\xf8\xf5\x7f\xb9\xc5l\xb6\x98L\x84\x90\xb4\xa4$\xa7\xc3\x811v9\x1c\xb9\xbdz\xe1\x96\xe0\xb0(\x08\x03\xb3\xb3EA\xa0\x94\x82\x9f3\xb5\x94B\x08u\x8c\xb7\x17\x14\xe8\x18\xb3\xef\x04\x84\xf2\x8b\x8b\x9b\xbc^A\x10&lt;^oYe%B(\xa8(\xc1P\xe8\xd7\x0f\xcfj\xb5\xc6\xc4\xc4dff\x0e\x1e&lt;\xb8\x7f\xff\xfe\x89\x89\x89\xe9\xe9\xe9N\xa7\xb3\xf5\xcf0\x97\x11\x0bl\x18b`pv0\x04\xc0\xe0\x0c\xf2sF\x1fc\\RR\xb2o\xdf\xbe\x1d;vl\xde\xbc9??\xbf\xae\xae\xee\x7f\xfem\xa2 8\xec\xf6N\xd1\xd1]\xe2\xe3\xbb\xc6\xc7\xa7&amp;%\xd9\xcc\xe6~\x19\x19:\xc6\xdd\x93\x93\x9dv;\xc68\xd6\xed6\x99L\x80R\x80\x10\x90$\xd0\xfa\xf5\xd6\xf5_;n\xb1Uv\x1c\x84@\xd3\x00!\x00BEQ\xea\x1a\x1b\x05A\xf0\xf8|\x07\x0e\x1d\x12\x05a\xe7\xbe}\xfeP\xa8\xbc\xb2\xf2pM\xcd\x91\x9a\x9ac\r\r^\x9f/,\x1e\xbf@lllnnn^^^\xff\xfe\xfd322\xd2\xd3\xd3O\xb8?\x86\x18\x18\x9c\x05\x0c\x0108\xfd0\xa3\x0f\x00hm\xd4\x02\x81@AA\xc1\xa6M\x9bv\xef\xde\xfd\xfd\xf7\xdf\x97\x94\x94\xe8\xad,\xf2\xc9\xf99Qv{B||\x97\xf8\xf8\xcc\xd4\xd4\xeeIIY\xdd\xbb\xc7GGw\xe9\xd4\xc9f6G9\x1c\x00B \x8a\x80\x10\x801\x00@SUB\x08\x80P\xd34B)\x04\x80\x02@\ti\xbd\xd8\x87\x00\xfc\xec\xda\xbf5\'\x8c\x83R\x88\x10\xfb\x0b\x11\x84\x92$\x01J\x11B\x92,\x03\x00\x80 \x00\x84\x80\xae\x03J\x9b\xbd^\x7f(t\xe4\xd8\xb1\x9a\x86\x86\xc2\x03\x07\x0eTV\x16\x95\x97\x1f\xa9\xa9\xa9\xae\xa9i\xf6\xf9Z\xff\x95\'\xfc\xb2\xa2(\xa6\xa7\xa7\x9fs\xce9}\xfa\xf4\x19:thvv\xb6\xd5j\r\xffW\x8c1\xfb#\xbf)\xe5\xc9\xc0\xe0\xd7`\x08\x80\xc1\xe9!\xbc\xd8o\xed\xd3\xc7\x18\xef\xd8\xb1c\xe3\xc6\x8d\xdf}\xf7\xdd\xf6\xed\xdb\x0f\x1d:\x14\xfeyfR[\x13\xe7v\xf7JM\xed\x9b\x91\xd1\xa7W\xaf\xd4\xa4\xa4\x9e\xc9\xc9\xd1N\xa7\xc3n\x07\x08\x01\x08\x01\xc6D\xd75]\xc7\x84\xe8\x18\xb30\x02hq\x9d\x87=\xe8gz\xbd\xcc\xe6\x0b\r\x7f\xa0\x949\x8e\x00\x84\xa2 \x08\x08I\xa2\x88D\x11\x08\x02\xa0\x14\x10\xe2\xf5\xf9\x1a&lt;\x9e\xfd\x87\x0e\x95WV\xee..\xde\xb5o_qyy\xedO\x83\x19\'\xdc\x8a\xe4\xe4\xe4\x81\x03\x07\x9e{\xee\xb9\xc3\x86\r\xeb\xdf\xbf\x7fXD\xc31\x03c[`p\xba0\x04\xc0\xe0\x0f\x11\xb6\xfbb+\xb7IUU\xd5\xd6\xad[\x97-[\xf6\xfd\xf7\xdf\x17\x16\x16\x86\xbf?a\xe5\x1b\xedt\xf6\xee\xd1#\xb7W\xaf&gt;\xbdze\xf6\xe8\xd1#11&gt;:\x1a1\x07\x0e\xc6\xaa\xaa\xea\x18\xeb\xad\x93)[\xec;\x9f\xe6/,\t\xb4U\xb1\x82(\x08\xa2 \xc8\xb2\x0c\x04\x01@H\x14\xa5\xa6\xa1\xa1\xb4\xaa\xaa\xa8\xb4twqq~q\xf1\xde\xd2\xd2\x06\x8f\'\xfc\x97\x9cp\x8b\xb2\xb2\xb2\xce9\xe7\x9c\x89\x13\'\x0e\x1e&lt;8111\xfc\xbd\xae\xeb\x86\x12\x18\xfcq\x0c\x010\xf8=\x9cl\xf7\xd9b\xff\xdbo\xbf]\xb9r\xe5\xb6m\xdb\x9a\x9b\x9b\xd9\xf7\'X\xb4\xe4.]\xfage\r\xef\xdf?\xb7W\xaf^\xa9\xa9\x89\x9d:AY\x06\x94\x02]\x0f\xa9\xaa\xa6\xeb,\x1f\x14B\x88 \xe4\xd4\xd2\xff\x16\x98&amp;\x90\x96\x9a\x06\x84\x90$\x8afY\x06\xa2\x08 \xa4\xaaZu\xecXqyy~q\xf1\x86\x1d;v\x14\x16\x1e:r$\xfcg[\xdf\xba\xa8\xa8\xa8A\x83\x06]x\xe1\x85#G\x8el\xbd-0\x94\xc0\xe0\x8f`\x08\x80\xc1o\xe0\x94v\xff\xfb\xef\xbf\xff\xfc\xf3\xcf\xbf\xfc\xf2\xcb\xd6\x8b\xfd\xd6\x84\x8d\xfe\x90&gt;}2\xbbw\x8fv\xbb\x81 \x00]WTUUU\xc2,c\x87I\x85d\xc9\xaf\xe1\xdfZ\x96e\x13\xd3\x03\x8c\x1b\x1a\x1b\x8b\x0e\x1c\xd8\xb2{\xf7\xc9b\xd0\x9a\xac\xac\xac\x8b.\xbah\xea\xd4\xa9\xe7\x9cs\x8e\xa1\x04\x06\x7f\x04C\x00\x0c~\x15\xcc\x01\xfd\xcbv\xbf\xf5\x8a\xd5a\xb3\r\xcc\xce\x1e\x97\x977r\xe0\xc0^\xa9\xa91\xd1\xd1@\x10\x80\xa6\x05\x15E\xd3\xf5\xe3).\x1d\xc3\xe2\xff2\xb4e\x7f\x00!\x94D\xd1b2\x01I\x02\x18\xd774\x14\x97\x97\x7f\xbb}\xfb\xea\xcd\x9b\xb7\x17\x14x\xfd~\xf6\xf3\xado\xf2\xcf)\xc1)\x8b\xe9\x0c\x0cN\xc6\x10\x00\x83_\x82-\xf9\xc3\xeb\xca\xffi\xf73\xd3\xd2\x06\xf7\xe93~\xc4\x88\x81YY\xdd\x93\x93\x81(\xb66\xfa\x1dg\x99\xff\xfb\x08o\x0e~"\x06\xba~\xe0\xd0\xa1\xed\x85\x85+\xd6\xaf\xdf\xba{wQY\x19\xfb\xe1_V\x82\x13\x1e\x9c\x81\xc1)1\x04\xc0\xe0\xd4\xb0\xec\xc3\xf0\xba\xb2\xb0\xb0\xf0\xcb/\xbf|\xff\xfd\xf7w\xef\xde\xcd\xbeA\x08\x85{pf\xa6\xa5]x\xee\xb9\x93\xcf;o`\xef\xde6\x87\x03P\xaa)JHQ\x88a\xf4\x7f/a1@\x10\x9aM&amp;\xc9d\x02\x10\xfa\xbd\xde\xed{\xf7.\xfe\xe6\x9b\x95\xdf}\x17V\x82\xd6\x0f\xa2O\x9f&gt;\xd7\\s\xcdE\x17]\x94\x95\x95\xc5\xbe9\xe19\x1a\x18\xb4\xc6\x10\x00\x83\x9fp\xc2\xca\xb1\xb9\xb9y\xf1\xe2\xc5\xef\xbf\xff\xfe\xda\xb5kY\xda~ks3$7w\xca\x981\xe7\xf6\xef\xdf\xa7W/\xbb\xcb\x05T\xd5\x1f\x0c2\x8bc\xac=O#\xe1^I\x82 \xd8,\x16 \xcb\xbe\xa6\xa6\xdd\xc5\xc5\xdf\xed\xd8\xf1\xc5\xd7_o\xc9\xcfg?\x16~4\xa2(\x8e\x1e=\xfa\x9ak\xae\x99&lt;yrTT\x1406\x04\x06?\x83!\x00\x06\xc7a\xd1\xdd\xf0Rq\xd3\xa6M\xef\xbd\xf7\xde\x8a\x15+\xaa\xaa\xaa\xc0\xa9\xd6\xfb\x17\x9fw\xde\xf0~\xfdD\xb3\x99jZ0\x18\xd40\x86\x10\n\x86\xeb\xf9\x0c\x83\t\xa1\x94J\x82`\xb1X\xa0$\xe9\xa1\xd0\x86\x9d;\x97\xfc\xcc\x9e 11q\xfc\xf8\xf1\xd7]w\xdd\xd0\xa1C\x8f\xffq\x8c\x8d\x9a2\x830\x86\x00\x18\xfc\xc4K\x10^\xf2\xaf^\xbd\x9a\xfd\xd7\xb05\xe9\xda\xa9\xd3\x85\xc3\x87_3y\xf2\xc0\xac,[T\x14\xd04_ \x80\tA\x10\xb2ZY\x83\xb3\x06\xabs&amp;\x94\n\x08\xd9\xadV I\xfe\xe6\xe6\xed\x85\x85\xef/^\xbcr\xc3\x86\xc3\xc7\x8e\x81\x9fj\xf6\xb8q\xe3Zo\x08\x0c\xbf\x90\x01\xc3\x10\x80\x8e\xcb\tn\x81}\xfb\xf6-\\\xb8\xf0\xed\xb7\xdffK~Q\x10XO\x1b\x93,\x8f\x1b:\xf4\x92\xb1c\'\x8e\x1e\x1d\x17\x1b\x0bt\xdd\x1f\x0c\xea\xc6z\x9f\x1b\xd8\x9e@d\xde!Q\xac\xad\xab[\xb6v\xedgk\xd6\xac\xde\xb4IQU\xd0\xeaQ&amp;&amp;&amp;\xdex\xe3\x8d\x97_~yFF\x060\xfcB\x06\x86\x00tL\xd8\xcc\x0f/\x00W\xaf^=\x7f\xfe\xfc\x85\x0b\x17*\x8a\x02Z\xad\x1c{u\xebv\xd9\xf8\xf1\x97]xavz:@(\xe4\xf7\xab\x9a\x06\x0c\xbb\xcf+\x98\x10@\xa9,If\x9b\r\x10RPR\xf2\xf1\xca\x95\x1f\xafXQ|\xf0 h\xf5XM&amp;\xd3\xe5\x97_&gt;}\xfa\xf4q\xe3\xc6\x1d\xff\x83\x18\x1b2\xd011\x04\xa0c\xd1\xda\xf4\xab\xaa\xbar\xe5\xcaW^y\x85y{\xc2\x06B@h\xf49\xe7\xdcv\xc5\x15c\x86\x0cq\xba\xddXQ\xfc\x81\x000\xe2\xba\x11B8bl\xb3Z\x05\x93\xc9\xd3\xd8\xf8\xf5\x96-\xaf/X\xb0\xf6\xfb\xefYs\xec\xf0\x83\x1e7n\xdc\x9dw\xdey\xe1\x85\x17\xca\xb2\x0c\x0c\x19\xe8\x90\x18\x02\xd0Q8\xc1\xf4\x7f\xf0\xc1\x07\xcf?\xff|AA\x01\x00@\x14E\x96\xe1\x13\x1f\x1d=\xfd\xe2\x8b\xaf\xbc\xe8\xa2~YY\x82(\x06\xfc~M\xd7\x91\x113\x8cL\x08!\x84RI\x14\xad6\x1b\xd6\xf5\x9d\x85\x85\x1f}\xf9\xe5\xfc%Kj\x1a\x1a@\xab\x87\x9e\x9d\x9d}\xdf}\xf7]}\xf5\xd5\x86\x0ct@\x0c\x01h\xff\xfc\x1a\xd3\xdf\xbbG\x8fk&amp;O\xbe\xea\xa2\x8b\x92RRH0\xe8\x0f\x06)\xa5H\x10\x0c3\x10\xe9P\x00\x08\xc6\x10B\x9b\xc5\x82,\x96\xca\x8a\x8a\x0f\xbf\xfc\xf2\xfd\xc5\x8b\xf7\x96\x96\x02C\x06:&lt;\x86\x00\xb4g~\xc1\xf4K\xa2\xa8\xe9:\x00`l^\xde\xd5\x13\'N=\xff|\xa7\xcb\xa5\xf8|!E1\x1a\t\xb4KX3\x0f\xb3\xc9d\xb2\xdb=MM\x9f\xafZ\xf5\xc1\xb2ek6o\x06\xad^\x06C\x06:\x1a\x86\x00\xb4[0\xc6\xa74\xfda\x17\xf0\xd8\xbc\xbc\xfb\xaf\xbb\xee\x82a\xc3\xa0$\x05|&gt;M\xd3\x04A0f{\xfb\x86R\x8a1\x96$\xc9j\xb7SM\xfbj\xe3\xc6\xd9\xef\xbd\xc7d \xfcb\x9c,\x03F\xc2h{\xc5\x10\x80vH\xb8\xd8\xe7D\xd3/\x08\x04cY\x92\xa6]x\xe1U\x13\'\x8e\x1f6\x0c\n\x82\xd7\xeb%\x94\n\x86\xb7\xa7#A\xd9\xea\x1eB\x87\xc3A1^\xb1q\xe3\x87\xcb\x96-Z\xb9R\xd54\xf6\x92\x80\x9f\xca\xc0\tE\x82\x06\xed\x06C\x00\xda\x15\xad\'\xea\x82\x05\x0b\x9ey\xe6\x99\xe3\x0e\x1fI\xd24M\x12\xc5\xab&amp;N\xfc\xf35\xd7\xf4\xcb\xce\x06\x18{}&gt;cVwp\xd8Z\xc1a\xb7\x03A\xd8YP\xf0\x9f\xf7\xdf\xffp\xd92M\xd7\xd9\x0b\x03\x00\xc8\xce\xce~\xf4\xd1G\xaf\xb8\xe2\n`T\x11\xb7G\x0c\x01h\'\xb4v\xf7\x7f\xfd\xf5\xd7\xb3f\xcdb\xc9\x9d\xe1\x99|\xd9\x85\x17&gt;r\xcb-}\xb3\xb2\xb0\xaa\xfa\x02\x01\xa3\x8c\xcb \x0c+%\xb3[\xad\x82,\xef*,\xfc\xe7\x7f\xff\xfb\xf1\xca\x95\xa0\xd5\xcb3n\xdc\xb8\x87\x1f~x\xcc\x981\xc0\x08\x0c\xb4/\x0c\x01h\x0f\x84\xbd\xb4\x05\x05\x05/\xbc\xf0\xc2\x9c9s@\xab\xd9;6/\xef\xbe\xeb\xae\x1b\x7f\xee\xb9\x84\x10\xaf\xdfo\xa4u\x1a\x9c\x12\x966\xea\xb0\xd9\x10B+\xbe\xfb\xee\xf9\x96\xd8@\xf8E\x9a9s\xe6\xbd\xf7\xde\x9b\x9d\x9d\r\x8c\xc0@{\xc1\x10\x80\xc8\x86\xb4\x94\xf6x&lt;\x9e\x7f\xff\xfb\xdf\xcf&gt;\xfb\xac\xaa\xaa\xe1\xdc\xbe\xc199O\xdeu\xd7\xf9C\x87"Ah\xf6z!\x00\x86\xe97\xf8e\x08!\x14\x80(\x87\x83`\xbcj\xd3\xa6\xc7_~y\xeb\x9e=\xa0%aT\x96\xe5\x87\x1ez\xe8\x81\x07\x1ep:\x9d\xe1w\xaf\xad\x87l\xf0\xfb1\x04 Ri\xed\xf3Y\xb0`\xc1\xe3\x8f?^RR"\x08\x02\xeb\xf3\x95\xd5\xbd\xfb\x9fg\xcc\xb8j\xe2D\xbb\xcd\xe6mn6|\xfd\x06\xbf\x89\xe3\xb1\x81\xa8(\x9f\xdf\xff\xe1\xb2e\xff\x997\xaf\xf0\xc0\x01\x00\x00{\xc1\xd2\xd3\xd3\x9f|\xf2\xc9p`\xc0\xf0\x08E.\x86\x00D$\xad}&gt;\x0f=\xf4\xd0\x8a\x15+@\xcbV=\xce\xed\xbe\xf3\xea\xab\xef\xbb\xee:{T\x94\xbf\xb9\xd9\xd8\xaa\x1b\xfcn\xd8\xcbc\x8b\x8a\xf257?\xff\xde{\xaf|\xf0Amcc\xd8#4~\xfc\xf8g\x9f}\xd6\xf0\x08E4\x86\x00D\x18\xe1\x85\x7fk\x9fOxN^;y\xf2\xe3w\xde\x99\xda\xad\x9b\xdf\xe3\xd116\x92;\r\xfe ,aT\x14\x04\x9b\xd3Y~\xf0\xe0\x93\xaf\xbc2w\xf1b\xd0\xb2\xdah\xed\x112\xb6\x02\x91\x88!\x00\x91\x84\xae\xeb\xecX\xf6\x15+V\xdcs\xcf=\xad}&gt;\x83\xb2\xb3\x9f\xbe\xe7\x9e\xf3G\x8cP\x03\x81`($\x88\xa21\x11\rN\x17\x14\x00\xac\xeb\x16\xb3Y\xb6ZW\xad_\xff\xb7\x17_\xdcVP\x00Zy\x84^|\xf1\xc5\xf1\xe3\xc7\x83V\xaf\xa8AD`\x08@d\x10^\xf8WWW\xdf\x7f\xff\xfd\x0b\x16,\x00\xad|&gt;\x7f\xbd\xe5\x96\x9b/\xbf\xdcj6{\x9a\x9b\x05c\x15fpf\xa0\x94bB\x9cQQ\x81P\xe8\xcd\x85\x0b\xff\xf1\xdf\xff\xb6\xf6\x08]q\xc5\x15\xb3g\xcfNHH0\xb6\x02\x11\x84!\x00\x11@xU\xb5`\xc1\x82\xfb\xef\xbf\xbf\xba\xbaZ\x96$\xb5\xb5\xcf\'%\xc5p\xf7\x1b\x9c\x1d\xc2\x81\x81\xf2\x8a\x8a\xb0G\x88\xbd\x90\t\t\t\xb3g\xcff\xc1ac+\x10\x11\x18\x02\xc05\xa7\\\xf8\xb3\x84\xbc\x1e\xc9\xc9/&lt;\xf2\xc8\xc4\xb1cU\xbf?\xa8(\x86\xbb\xdf\xe0\xac\xc1\x02\x03\x16\x93I\xb6\xd9\x96\xadYs\xef?\xffYz\xe8P8\xf9\xd8\xd8\nD\x10\x86\x00\xf0KxE\xff\xe3\xc2_\x96UU\x15\x05\xe1\xc1\x1bn\xb8\xff\xdakcbb&lt;\x1e\x8f\xe1\xf31h\x13\x8e{\x84\x9c\xce\xfa\xfa\xfa\xd9s\xe7&gt;\xf7\xce;:\xc6\xec\x15m\xbd\x1506\xa6&lt;c\x08\x00\x8f\xb0\x96\x8d\xa2(\xd6\xd7\xd7\xdfy\xe7\x9d\xad\x17\xfe\x83\xb2\xb3_x\xe4\x91a\xe7\x9c\x13lnf\xfd;\xdbz\xb0\x06\x1d\x1a\xd6[\xd4\x12\x15\xb5\xf1\xfb\xef\xef\xfd\xe7?\xb7\x15\x14\xb4\xde\n\xbc\xf2\xca+111\xba\xae\x1b\x8df\xf9\xc4\x10\x00\xee`\xe7t\x03\x00\xbe\xfa\xea\xab\xbb\xef\xbe\xbb\xa4\xa4\x84\xad\xaa\x04\x84\x1e\xb9\xf9\xe6\xbf\xde|\xb3\xc5d\xf2x\xbd\xc6\x8c2\xe0\x04\xb6^q:\x1cAE\xf9\xc7\x9bo\xfe\xf3\xcd71!\xec\xa5MOO\x7f\xe9\xa5\x97.\xb8\xe0\x02\xd0\xea\xc56\xe0\x07C\x00\xf8\x82\x85\xcet]\x7f\xf0\xc1\x07_|\xf1E\xd0\x12^;\xbe\xf0\x1f&lt;\xd8\xef\xf1\x18{j\x03\x0e9\x1e\x1cv:7n\xdd\xca\xb6\x02\xe1T\x85{\xee\xb9\xe7\xb9\xe7\x9ec/\xb6\x11\x19\xe6\nC\x00x!\xec\xf6\xd9\xbf\x7f\xff\xf5\xd7_\xbfq\xe3\xc6\xf0\xfc\xb9\xeb\xea\xabg=\xf0\x80Y\x96\x9b\x8d\x85\xbf\x01\xc7\xb0w8\xca\xe1\x08\xa9\xea\xc3\xff\xfe\xf7\xcb\x1f|\x00ZV0\xc3\x86\r{\xf7\xddw{\xf6\xeci\xb8\x83\xb8\xc2\x10\x00.\x08\xef\x8e?\xfe\xf8\xe3\xdbo\xbf\xbd\xbe\xbe\xded2)\x8a\xd29&amp;\xe6\xed\xa7\x9e\x9a0v\xac\x91\xe5i\x10)\x84\xf3D\x97\xafYs\xe3c\x8f\x1dmy\x99cbb^{\xed\xb5\xcb.\xbb\x0c\x18\xee n0\x9eA\xdb\xa3\xeb:BH\xd7\xf5{\xef\xbd\xf7\xf2\xcb/\xaf\xaf\xaf\x17\x04AQ\x94K\xc6\x8d\xfb~\xd1\xa2\t\xe7\x9d\xe7il4\xba\xb9\x19D\n\x82 PJ=\x8d\x8d\x13\xce;\xef\xfbE\x8b.\x197NQ\x14A\x10\xea\xeb\xeb/\xbf\xfc\xf2{\xef\xbd7\xfc\xc2\xb7\xf5H\r\x8c\x1d@[\xc3\xbc\xa2?\xba}Z\xe2\xbd\xff\xbc\xef\xbe\x07f\xce\xd44-\x18\n\x89\x86\xe97\x88@t\x8c-f\xb3$I\xff\x9e3\xe7\x91\xe7\x9f\x0fG\x86[\xbb\x83\x8c\x90@\xdbb\x08@\x9b\x11.\xf2\n\xbb}\xcc&amp;SHQ\xba\'%\xbd\xfd\xf4\xd3\xa3\x86\x0e\xf566\x02\xa3\xdf\xbaA$\xc3\xce\x0cp\xb8\xdd\xeb6m\xba\xf1o\x7f;PY\xc9^\xf2\xb0;\xc8(\x16k[\x0c\xe3\xd26\xb0~\xeb\x82 &lt;\xf9\xe4\x93a\xb7OHQ.\x197n\xc3\x87\x1f\x8e\x1a&lt;\xd8S_\x8f\x102\xac\xbfAD\xc3\xdeaO}\xfd\xa8\xc1\x837|\xf8\xe1%\xe3\xc6\x85Z\xb9\x83\x9e|\xf2I\x16\x10f\r\r\r\xce&gt;\xc6\x0e\xa0\r`;\xdf\xc6\xc6\xc6[o\xbd\xf5\xe3\x8f?f\xed\xb4\x04A\xf8\xe7\xbd\xf7&gt;0s\xa6\xaa\xaa!E1\xdc&gt;\x06\xed\t\x1dc\xb3\xc9$\xcb\xf2\xbf\xe7\xccy\xe4\x85\x17X\xf9\x98\xa6i\x97]v\xd9\x1bo\xbc\xe1v\xbb\rwP\x9b`\x08\xc0\xd9\x86\xe5H\xec\xdf\xbf\xff\xea\xab\xaf\xde\xb6m\x9b\xd9l\x0e\x85B\x9dbb\x16\xcc\x9e=j\xd80\xc3\xedc\xd0^\xf9\xd1\x1d\xb4q\xe3\x15\xf7\xdf\x7f\xac\xbe\x9e\xbd\xfc\x83\x06\r\xfa\xe0\x83\x0fz\xf6\xeci\xe4\xb9\x9d}\x0c\x018\xab\xb0e\xce\xc6\x8d\x1b/\xbe\xf8\xe2\x86\x86\x06\x96\x1e7$7w\xe1\xf3\xcf\'w\xe9\xe2in6\x16A\x06\xed\x1b]\xd7\x9dQQ\x87\x8e\x1c\xb9\xfc\xbe\xfb\xb6\xe4\xe7\xb3)\x10\x1d\x1d\xbdd\xc9\x92a\xc3\x86\x19\xfb\x80\xb3\x8c\xb1\xd2&lt;K\x84\xeb\xbc\xdez\xeb\xadQ\xa3F544\xc8\x92\xa4(\xca\x8d\x97^\xbav\xde\xbc\xce\xb1\xb1\x1e\xaf\xd7x\xf5\r\xda=\xa2(z\xbc\xde\xce\xb1\xb1k\xe7\xcd\xbb\xf1\xd2K\x15E\x91%\xa9\xa1\xa1a\xd4\xa8Qo\xbd\xf5\x96(\x8a\x18ccUz\xd60v\x00g\x83p\xd9\xcb\xbd\xf7\xde\xfb\xe2\x8b/\n\x82@\x08\xa1\x94\xbe\xfc\xe8\xa3w\xce\x98\xe1\xf7\xf9\x08\xc6\x86\xdb\xe7\xb4\xc0\xdeg\xda\xf2Z\xff\xf8zS\n D\xbf"\xdb\x84P\xca~\x98]\xb2\x04\x15\x18\xfe`\xe4\xab\x9c\x0e\x08!H\x10lv\xfb+\xf3\xe6\xdd\xf5\xcc3\x10B\x84\x10\xc6\xf8\x9e{\xeey\xe1\x85\x17\x80Q)v\xb60\x04\xe0\x8c\xc3^e]\xd7o\xbf\xfd\xf6\xb7\xdez\x8b\xa5B\xbb\x1c\x8e\xf9\xcf&gt;;\xe1\xbc\xf3\xbc\x1e\x0f\x84\xd00+\xbf\x15f\xe2)\xa5\x94R@)\x84\x90\xd9wI\x92\x00\xa5&amp;Y\x06\xcc|\x08\xc2qS\x0e! \x04h\xda\xff\xfe\xab%\t \x04\xd8\xbc\xa0\x14\xb0\x04\x15B\x14U\x05\x10j\x9a\xc6\x14\x82R\n`\x0b\x860\xfcv\xd8\xb3s8\x9d\xcb\xbf\xf9f\xfaC\x0f5y\xbdlj\xdct\xd3M\xaf\xbd\xf6\x9a(\x8a\x86\x06\x9c\x05\x0c\x018\xb3\xb0\xb8Vcc\xe3\xa4I\x936n\xdc\xc8\xa2^\xdd\x93\x92\xe6\xcd\x9a5t\xf0\xe0\xa6\xba:\xc9p\xfb\xfc\n\xc2\xb6\x9eR\xca\xac\xad$I"B"3\xf4\x82\x00t\x9d\xd9\xe8\xba\x86\x06A\x10\xf6WTx\xfd~Q\x10v\x15\x17{\xbc^\x00\x80 \x08\rMM\x05\xfb\xf7\x03\x08\xc1\xcf\xbd\xf3\x10\x02J\xb3{\xf6\x8cv\xb9Xb\xa2\xd3\xe1\xe8\xdb\xab\x97\x8e\xb1\xc3f\xeb\x99\x92\x821\x8e\x8d\x8e&gt;\xae.\xa2\x080\x06\x84\xe8\xaa\xaa\x13\xa2i\x1a\xd3$\xd8J\x15\x0c\xfe\'\x9a\xae\xbbbc7m\xdd:\xe3\xe1\x87\x0fTV\xb2\t2l\xd8\xb0\xa5K\x97\xba\xddn#,|\xa61\x04\xe0\x0c\xc2^\xdf#G\x8eL\x9e&lt;9\x9c\xf03 +k\xf9\x9bo\xc6GG{\x9a\x9b\r\xeb\xff\x0b\x90V\x16_\x14\x04I\x92$Y\x06\xa2\x08\x08!\xaaZ\xdb\xd8\xd8\xd8\xdc\\q\xe4HyUUum\xed\xc1\xca\xca\xaac\xc7\x9a\xfd\xfe\x03\x87\x0eA\x84\x1a=\x9e\xd3&gt;\x1e\xb7\xd3I\t\xe9\x9e\x9c\x1ce\xb3%v\xea\xd4-))!..511\xa5K\x17wTT\x9c\xdb\x8d\x980\xe8\xba\xa6\xaa\x9a\xa6\xe9\x18\x87\xf5\xe0\xd7\xb8\x9e:,\x9a\xae;\xa3\xa2j\x1a\x1a&amp;\xdc|\xf3\x0f\x85\x85\xe1\xd4\xa0\xc5\x8b\x17w\xe9\xd2\xc5\xd0\x803\x8a!\x00g\n\x96\xcf\xb0m\xdb\xb6\xc9\x93\'\x1f9r\x84\x15@^s\xf1\xc5/\xfd\xedoV\x93\xc9h\xf0p2\x14\x00J\x08\xa1\x14\x00  d\x92\xe5\xe3\x16\x1fc\x9f\xcfW]S\xb3\xaf\xaclWqqiEEYUU\xc9\xc1\x83\xbe@ \x18\n\xb5\xf5\xa8\x81\xc5l\xb6[\xad\xe9\xdd\xba\xa5%&amp;\xf6HI\xe9\xdb\xabWFZZB|\xbc\xddng[\x13MU\x15U\xc5\x84\x00\x00\x10\x84\x10!C\rN\x805\x8d\x08(\xca\xddO?\xfd\xfe\x92%l\xb2t\xe9\xd2e\xf1\xe2\xc5\x83\x06\r2R\x83\xce\x1c\x86\x00\x9c\x11\xc2\xd6\xff\x82\x0b.hlld\xce\xcd\xeb\xa7N\x9d\xf3\x8f\x7f\x84B!U\xd3\x04\xc3\xb9\xd9\x02k\x89A\x01\x90\x04\xc1d2\t\xb2\x0c \xd4\x82\xc1\xf2\xc3\x87\xf7\x95\x95\xed,*\xdaU\\\\\\VVQ]\x1d\xf8\xd5\xe6\xde"\xcbfI"\x94vr:\xbb\xb8\xdd\xc7\xfd9VkNR\x12&amp;\x04\xfc\xdcz\x9cR\x01\xa1=\x95\x95\x9e@\x00\x00 \x08\xc2\x91\xc6\xc6c\x1e\x0f\x820\xa4iAU\xfd\x95\xff\xba\xd5lNIH\xe8\x95\x96\xd6\xb7W\xaf~\x99\x99\x19ii\xa9]\xbbJ\x16\x0b\xa0\x14\xab\xaa\xa2(\x1a\xc6\x10\x00\xa3\x05Bk0!\xb2$\x99\xcd\xe6\x99\x7f\xfd\xeb\xbb\x9f\x7f\xce\xa6\x8c\xdb\xed\xfe\xea\xab\xaf\x0c\r8s\x18\x02p\xfa\t\'\xfbO\x9a4\xa9\xb1\xb1\x91U&lt;&gt;{\xff\xfd\xf7\xcf\x9c\x19\x0c\x06\x8d\xd0\x16h\xb5\xd8G\x10\x9aM&amp;\xc9d\x02\x82\xe0\xf3xJ\x0f\x1d\xda\xb6g\xcf\x9e\xfd\xfb\xb7\xec\xda\xb5\xb7\xb4\xf4\x7fZ\xfc(\x8b%\xcabI\x8b\x8fwX,9II6\xb3\xb9Or2&amp;$5&gt;\xdei\xb1\xe8\x84DY,N\x8b\x05\xb7D\x0edQl\x9d\xe1s\xd2\xb0(\x80P\xd5u\xe6\xcd\x17 \xf4\x04\x83\xcd\xc1\xa0\x88\x90\'\x18,\xaf\xa9\x11\x10\xda}\xe8\x90?\x14\xdaSY\xe9\r\x06\xcbjj\x9a\x83\xc1\xe6`\xf0\x97\x07i5\x9b{\xf7\xe81\xa4o\xdf\x9c\x9e=\x07\xe5\xe4\xf4HN\xb6;\x9d\x00cMQB\x8a\xc2n\x82\xb1-\x00-\xe9\x12\x16\x8be\xf6\x9c9\x0f\xcd\x9e\xcd&amp;\x8e\xdb\xed^\xbat\xa9Q"p\x860\x04\xe04\xc3^\xd3\xb7\xdez\xeb\xf6\xdbo\xc7\xba.J\x92\xa6i\xaf\xfc\xedow\xcc\x9c\xe9\xad\xab3\xa2\x83\x98\x10J\xa9$\x08V\x8b\x05H\x12\xd0\xf5\x03\x87\x0em\xdf\xbbw\xe3\xce\x9dk6o.9x\xf0\x17\xda\xc2DY,\xdd;uJ\x8c\x8e\xceJL\xccHH\x88\x8b\x8a\xea\xde\xa9\x93\xcdd\x8a\xb5\xdb\x01\x84\xb2(\x12Ju\x8c!\x00\x8a\xaecB \x84\x98\x10\x1dcv\xcf\x8f\xa7\x0c\xfd/\xc2\xcf\x88R*\n\x82\x80\x10\xa5T@\xc8$\x8a\x14\x00Q\x10\x10\x84\xaa\xae\x03J\xeb|&gt;\xbf\xa2\x1c8v\xac\xb6\xb9y_uuaUUUC\xc3\x81c\xc7~A\x12\x04AH\xef\xd6ml^\xde\xb0~\xfd\x06\xf6\xee\xdd=9\x19\x88"\xd0\xb4@0\xa8\xb1\xf6P\x1d{qp&lt;5(6\xf6\xd59s\xee|\xfaiI\x92tM\x13D\xf1\xb5\xd7^\xbb\xe9\xa6\x9b\x0c\r8\xed\x18\x02p:\t[\xff\x9bo\xbeY@\x88\x851_}\xec\xb1\xdb\xaf\xbd\xb6\xa9\xaeN\x14\xc5\x0ek\xfb\x99\xdd\x17\x05\xc1f\xb1\x00Y\xf655\xed..\xfev\xfb\xf6\xd5\x9b7o/(\xf0\xfa\xfd\xec\xc7 \x00\xad_G\xab\xc9\x94\x99\x90\x90\x91\x90\x90\x9d\x9c\x9c\x9d\x98\xd8\xb3s\xe7NN\xa7E\x96E\x84tB\x08\xa5\x8a\xa61\x13\xcf\xd2\x84\xc2\xc9\x98?\x06]\xff\x98\xde\xb2\x9a\x02\xf6\x99\x05\'\xd87L"\x98&lt;\x98$\tA\xc8\x86\x14T\xd5c\x1e\xcf\xfe\xa3G\x0b\xaa\xaa\n\x0e\x1d\xdaW]]T]\x1dP\x94\xf0_\xd8\xfa\x17t\xd8l\x03\xb3\xb3\xc7\xe5\xe5\x8d\x1c8\xb0O\xaf^v\x97\x0b\xa8\xaa?\x18\xd4;\xb6\x12P\x00t]w\xc5\xc6\xbe6w\xee\x1dO=\xc5B\xe8\x98\x907\xdf|\xd3\xd0\x80\xd3\x8e!\x00\xa7\x8d\xd6\xd6\x9f\xed^\x8f\'\xfb\x8f\x1e\xdd\xec\xf1t\xccL\x06B\x08\t\xdb}I\xf277o\xdf\xbbw\xf17\xdf\xac\xfc\xee\xbb\xa2\xb2\xb2S\xfe\x11\xb7\xcd\x96\x9d\x94\x94\xd7\xb3\xe7\xa0\xee\xdd{v\xee\xdc-.\xce"\xcb\x08B\rcE\xd3T]g\xb2\xca\x0c;\x82\xb0\r3\xf0\x99\x18\x90\x96\xd23f\xaadQ4I\x92$\x08\x84\xd2\xa0\xaa\x1e\xac\xad\xdd\x7f\xf4\xe8\xb6\x03\x076\xef\xdf_PY\xd9\xd8"u\'\x90\x99\x96v\xe1\xb9\xe7N&gt;\xef\xbc\x81\xbd{\xdb\xa2\xa2\x80\xa61%@\x10vL\x87!\xc68\xca\xe9\\\xbev-+\x11`\x13\xca\xd0\x80\xd3\x8e!\x00\xa7\x87SZ\xff\xe5o\xbc1\xf4\x9cs:`\xb2?\xa5\x14\x13\x82\x10\xb2\x9a\xcd\x82\xc9tJ\xbb\x0f\xe1\x8f\xef\x9e\xddl\xee\x9f\x9a:\xa4G\x8f!={f\'%%\xb8\\&amp;I\xd21Vt]\xd14\xc2\xf2\xebY\n\r\xf7\x0e4Ji\xeb\x01\x9b$\xc9$\x8a\xa2 (\x9aV\xdd\xd4TPY\xb9e\xff\xfe-\xa5\xa5;\xca\xcb}-\x11\x8e\xd6\xb7\xe2\x04%\xc0\x8a\x12\x08\x85\x08!B\xc7\x8b\x18\x1f/\x11\xf8\xfe\xfb\t\xb7\xdejh\xc0\x19\xc2\x10\x80\xd3\xc0\xcfZ\xff\x81\x03\x9b\x1a\x1a$Ij\xeb\x01\x9e=\xd8\x92\xdf,\xcb&amp;\x9bMW\x94\xc2\xd2\xd2E\xabV}\xfa\xd5Wa\xbb\x8f $-\xaf\\RL\xcc\x88\x8c\x8c\x0b\xfb\xf6\xed\x9b\x92\x92\x16\x1f/\x8b\xa2\x86q\x88-\xf3\ta\x0b\xeaH\xb7z\xc7\xf5\x80R\x84\x90,\x8afI\x92\x04A\xd5\xf5\xb2\x9a\x9a]\x15\x15+w\xedZ\xbfo_e}=\xfb\xe1\xd67\'3-\xed\xd2\x0b.\x98v\xfe\xf9Y=z\x88&amp;\x93\xe2\xf7\x87T\xb5\xa3m\x084MsEGo\xda\xbe\xdd\xd0\x803\x84!\x00\x7f\x94_\xb2\xfe\x8d\x8d\x1dd\xedO\x01\xc0\x18#\x08m\x16\x0b2\x99\x0eUV\xae\xde\xb4i\xc1\x97_\xae\xdb\xbaU\xc7\x18\xfc\xd4\xb4e$$\x9c\xdf\xa7\xcfE}\xfbf\'%\xc59\x1c\x14\x80\xa0\xa6)\xaaJ"g\x99\xff\xfb\x08o\x0e\x10\x00&amp;Y\xb6H\x12\x04\xa0\xd6\xeb-\xa8\xac\xfcr\xd7\xaeU\xbbw\xef\xab\xaef?\x19\xbe]\xa2 \x8c\x1a&lt;\xf8\x8a\x8b.\x1a7thrR\x12Q\x14\x7f0H(\x15\x04\xa1}\xde\xa3\x93\xd0t\xdd\xe5v\x1b\x1ap\x860\x04\xe0\x0faX\x7f\xe6\xed\x91D\xd1j\xb7cM\xdbYT\xf4\xdf\x05\x0b\x96\xac[WS_\x0f~\xea\xdc\x08\xdb\xfd\xfe\xa9\xa9n\x9bM\xd5\xf5\xa0\xaaj-\xf2\xd0^\x8d\xfe\xcfA[\x82\x07\x92 XdY\x16\xc5F\xbf\x7fGy\xf9\tJ\x10\xbe\x81\xf111\x17\x8f\x1au\xcb\x15W\xf4\xcb\xcc\x14$)\xe0\xf3i\xba\xdeA\xfcB\x86\x06\x9c9\x0c\x01\xf8\xfd\xb0\x97\xef\xed\xb7\xdf\xbe\xe9\xa6\x9b:\xa0\xf5\'\x84\x10B\xccf\xb3\xc9j\xf545}\xbez\xf5\x07\xcb\x96\xad\xfd\xfe\xfb\xe3%\xaf\x08\xb1\x03@\x12\xdc\xeeK\x07\x0f\x9e\xd8\xaf_\xbf\x16\xbb\xefW\x14\x16\xde4\x92\xdfA\xab\x92\x08Q\x10l&amp;\x13S\x82\x9d\xe5\xe5\xcbv\xee\xfct\xeb\xd6\xea\x96\x03\x82\xd8\xcd\x14\x10\x1a}\xce9WO\x9c8u\xdc8\xa7\xcb\xa5\x04\x02\xa1P\xa8#\x1c\x1dzJ\rx\xeb\xad\xb7n\xbc\xf1FC\x03\xfe\x08\x86\x00\xfcN\xd8k\xb7e\xcb\x96\xa1C\x87\n\x82\xa0\xebz\xc7\xb1\xfe\xac\x97\xb5\xcdj\x15,\x96\xaa\xca\xca\xff~\xfc\xf1\xa2\x95+\x8b\xcb\xcbA+\xdf\x85,\x8ac\xb3\xb3\xaf\x1e&gt;|x\xaf^\tnwk\xbb\xdf\xee\xad\xd5\xef\x86\xfcT\t\xaa\x1b\x1b7\x14\x17\x7f\xb0a\xc3\x9a\x82\x02U\xd7A\xab\xdb\xdb+5u\xda\x85\x17\xder\xd9e\x89II8\x18\xf4\x07\x02\xb0\xbd\xdf\xd8\x134\x80\x9d\x1c\xb0i\xd3\xa6!C\x86\x18\x1a\xf0\xbb1\x04\xe0\xf7\xc0\x1aTm\xdb\xb6\xed\xc2\x0b/l\xf6x\x00\x84QV\xeb\x92\xd7_\x1f\xd6\xde\xad\xff\x8f\xa6\xdfd\xfa!?\xff\xc3\xe5\xcb\xe7/YR\xd3\xd0\x00\x00\x10\x05\x81\xb9\xfb\xd3\xbbt\xb9t\xf0\xe0K\x06\x0f\xceNL\x04\x10\x06\x14E\xd14\xc3\xee\xff&amp;\x98\x12\x98$\xc9j2\x01J\x0b\xaa\xaa&gt;\xdb\xba\xf5\xd3\xad[K\x8e\x1c\x01\xadnu|t\xf4\xf4\x8b/\xbej\xc2\x84\x01\xb9\xb9XQ\xda\xbd\x0c0\r\xd8\xb8}\xfb\xc5\xb7\xdd\xd6\x1c\x08\x00J\xa3\x9c\xce\x95+W\x0e\x1a4\xc8\xe8\x19\xf7\xfb0\x04\xe07\x13\xb6\xfe\xac\xcf\x8f$\x8a\x9a\xae/{\xfd\xf5\t\xe3\xc65\xd5\xd6\xb6\xd7\x9c\x9f\x1fM\xbf,\xef((x\xe9\xfd\xf7?Z\xbe\\\xd54\xd0\xcaA1\xbaw\xef+\xf2\xf2&amp;\x0f\x1c\x18m\xb7\x07U\x95\x15@u@\xff\xfe\xe9"\x1c\'\xb0\x9aL\x16Yn\xf0\xf9\x16o\xdf\xbe`\xf3\xe6\xb5{\xf7\x82V\xb7]\x96\xa4+\'L\xb8\xfb\x9ak\xfaggcUm\xdf2\xa0i\x9a+.n\xf9\xea\xd5\x13o\xbb\x8dM\xbdp\xbf C\x03~\x07\x86\x00\xfc6X\xbb\x92\xda\xda\xda\xde\xbd{\xd7\xd6\xd6J\xe1N\x0f\xd3\xa7{\x9a\x9a\xda\xe5&gt;\x945k\xfb\x89\xe9_\xb6L\xd5u\x01!L)\xa0T\x16\xc5\xcb\x86\x0c\x991b\xc4\x90\x1e=\xcc\x92\xe4\t\x044B\x90\xd1\x03\xf9\xf4A(%\x94J\x089\xad\xd6\x90\xa6m)-\x9d\xb7~\xfd\xc7[\xb6\xa8\xba\x0e \x14 \xc4\x84\xc8\xa2x\xe5\xc4\x89\xade\xa0\xbd6\x9b\xd3u\xdd\xe9r\xbd:\x7f&gt;\xeb\x15\xa1iZ\\\\\xdc\xde\xbd{\xe3\xe2\xe2\x8cF[\xbf\x15C\x00~\x03l\xc1\xd5\xd4\xd44~\xfc\xf8\xad[\xb7\xb2\xf3\xac_\xf9\xdb\xdf\xee\xb8\xee\xba\xe6\xfa\xfa\xf6\xb7\xfa`\xe7\x18\x9b\xcdf\x93\xd9\xbcs\xef\xde\xff\xb46\xfd\x84\x00\x00\xe2\xa2\xa2n\x1c=\xfa\x92\xc1\x83Y\x97Mo(D(\x15\x8d\x19x\xc6\xd0\tA\x10:\xccf\xd6\xb5\xf4\xb3\xad[\xdf^\xbb\xb6\xb6\xb9\x19\x00\xc0\x1e\n\x93\x81?_sM\xbf\xde\xbd\x95P(\x14\n\t\x82\xd0\xfed\x00c\x1c\x15\x13\xf3\xea{\xef\xdd\xf9\xf4\xd3l\x1a\x0e\x1e&lt;x\xc5\x8a\x15.\x97\x0b\x00`h\xc0\xaf\xc7\x10\x80_\x0bm\xe9@0l\xd8\xb0\xcd\x9b7\xb3\x96\xe5\xff\xba\xef\xbe\x87\xef\xba\xab\xe9\xd8\xb1\xf6\xe7\xf7\xd7u]\x96e\x8b\xdd^]]\xfd\xcc\x7f\xff\xfb\xd6\xa2E\xdaI\xa6\x7f\xe6\xa8Q\xdd\xe2\xe2\x02-\xde\x9e\x0e\xdb\xbe\xe6,\xc3\x1e\x81\xd5d\xb2\xca\xf2\xc1\xda\xda9\xeb\xd6\x9d \x03\x92(\xde4m\xda\xa3\xb7\xdc\x92\x90\x90\x10\xf4\xf9TUm\x7f{SM\xd7]\x9d:\xcdz\xf9\xe5\xbf&lt;\xff&lt;\x9b\x8cyyy\x1b7nd\x93\xb4\xfdi\xde\x19\xc2\x10\x80_\x05[\x0b\x8b\xa2x\xf3\xcd7\xbf\xf5\xd6[\x16\xb39\x18\n]7e\xca;\xff\xf8\x87\xcf\xe7C\xed+\x9d\x91\xf5\xd1t\xb8\\u55/\xcd\x9f\xff\xdf\x85\x0bk\x1a\x1aNi\xfa\xbd\xa1PHU\x11B\x86\xb7\xe7\xecC(%\x84\x98e\xd9a6\x9fR\x06\xe2\xa3\xa3o\xb9\xfc\xf2\xbb\xa7O\x8f\x8d\x8f\xf765\xb1\x9e\xa6m=\xea\xd3\x06\x05\x80\x10b\xb7\xdbo\xf8\xeb_\xdf\xfb\xe2\x0b6%o\xba\xe9\xa67\xdf|S\xd7\xf5v\xb9\xef9\x13\x18\x02\xf0\xab`yf\xf7\xde{\xef\x8b/\xbe\xc8\x8e\xac\xbbj\xc2\x84\x0ff\xcf\xf6\xf9|\xa0\xa51Y;\x80Uu9\xedv\x15\xe3\xb9_|\xf1\xdc;\xef\xec\xaf\xa8\x00-\x06\xe5d\xd3\xdfA\n\x91x\x86=\xb2\x93e ,\xd8=SR\x1e\xbc\xe1\x86k\xa7L\x91\x05\xc1\xe3\xf3\xb5\xa7G\xc6\xfa\xbf\xda\xed\xf6\xab\xef\xbf\xff\xc3\xe5\xcb\xd9\xc4\xbc\xe7\x9e{^x\xe1\x05#1\xf4Wb\x08\xc0\xff\xa6u\xb9/s8\xf6\xcf\xcc\xfcf\xee\\Y\x92tMk7\x0eG\x1dc\xd6\xc3g\xe3\xd6\xad\x8f\xbd\xf4\xd2\xda\xad[\x01\x00,\xd1B\x12\x84?\x8f\x1f\x7f\xeb\xd8\xb1)\xb1\xb1\x86\xe9\xe7\x90\xd62PQW\xf7\xc6\x9a5\xffY\xb1B\xc3\x98=&gt;\x00\xc0\xe8\xc1\x83\x9f\xba\xfb\xeea\x83\x07\xb3\x9eB\xed\xe68RB\x88(I\xaa\xa6\x9dw\xed\xb5;\x8a\x8a\xd8\xf44\x8a\x84\x7f=\x86\x00\xfc\x0fXnY\xeb\x82\xaf\x94\x84\x84m\x1f\x7f\xect8B\x8a\xd2&gt;\xf6\xd4,\xb8\xedp:\xab\x8f\x1e}\xe6\x8d7\xde\xfc\xf8c\x1dc\x93$)\x9a\x06\x00\xb8z\xf8\xf0;\xcf?\x7f@Z\x9a\xcf0\xfd|\x13\x96\x01\xbb\xd9\xfcCY\xd9+\xabV}\xb0a\x03\x00\x80=JQ\x10n\xbe\xec\xb2Go\xbd5\xa1sg\xaf\xc7\x03\xdaK\xb0\x14\x13b6\x99&lt;^\xef\xa0\xcb.\xab\xa8\xaen] f$\x86\xfeO\x0c\x01\xf8%XVYyy\xf9\xc0\x81\x03=\x1e\x0f\x840\xcaf[\xfa\xfa\xeby\xb9\xb9\xcd&gt;_\xfbXF\xe9\xban\xb3ZEQ\x9c\xbfd\xc9C\xb3g\x1f\xa9\xad\r{\x0fFdf&gt;0a\xc2\x85\xb9\xb9!M\xf3\x85B\x86\xe9\x8f\x08\x98\x0c\xd8\xcdf\xb3$\xad\xcc\xcf\xff\xf7\xf2\xe5\xeb\x8b\x8a@\x8b\x1f\xafK\\\xdc\xb3\xf7\xdf?\xfd\xe2\x8bu]\xf7\x07\x02\xedc\x8d\xacc\x1ce\xb7o\xce\xcf\x9ft\xdbm\xcd~?\xa5\xd4\xe9tn\xdf\xbe=55\xd5H\x0c\xfde\x0c\x01\xf8Y\xd8\x9dijj:\xff\xfc\xf3\xb7o\xdf\xceN\xa9&gt;^\xf0\xd5.Z\xfc\x13B\x00\x84\x0e\x97koQ\xd1\xfd\xcf&gt;\xfb\xd5\x86\r\xa0\xa5\xca\xb4\xb3\xcb\xf5\xb7\xa9Sg\x9c{\xae$\x08\x8d~\xbf\x11\xe6\x8d8X\x88\xd8m\xb3i\x18\xcf\xfb\xee\xbb\xa7?\xff\xfchSS\xb8\x84\xf8\x82\xe1\xc3g?\xf4P\xef\xccLoS\x13\xa0\xb4\x1d\x98Hvx\x00+\x10cSu\xe0\xc0\x81\xabV\xadb\x89\xa1\xc6\xc2\xe5\xe70\x04\xe0ga&gt;\xc4i\xd3\xa6}\xf2\xc9\',\xcf\xec?\x8f&lt;r\xf7u\xd7y\x1a\x1b\xdb\xc1\xbaI\xd7u\xbb\xcdF!|e\xfe\xfc\xc7_~\xb9\xd9\xef\x97E\x91\xe5\xf8\xdf8z\xf4\xc3\x17_\x9c\x18\x1d\xdd\xe0\xf7\xb7\xb3\xd4\x91\x8e\x06K\xe8\x8a\xb6\xd9\xaa\x1a\x1af-Y\xf2\xf6\xda\xb5\xacV@\xd5\xf5(\x9b\xed\xc9\xbb\xee\xbas\xfatH\xa9\xcf\xefo\x1f\xaf\xb4\xd3\xed~\xe9\xbd\xf7\xfe\xfc\xcf\x7f\xb2\t\xfb\xa7?\xfdi\xd1\xa2EF0\xe0\x170\x04\xe0\xd4\xb0\x97\xe6\xc9\'\x9f|\xe2\x89\'Xv\xc1\xf5S\xa7\xce\x995\xcb\xdb\xd4\x14\xe9\xcb\xa5\xe3\x1e\x7f\xb7\xbb\xb0\xa8\xe8\xcf\xff\xfc\xe7\x9a\xcd\x9b!\x00\x10!B\xc8\x80\xd4\xd4\xe7\xae\xbezxF\x86/\x18\x0ciZ\xfb\xf0q\x19\xe8\x18\x9b%\xc9n\xb1l\xd8\xb7\xef\xc1\x0f&gt;\xf8\xa1\xbc\x1c!D\t\xa1\x00\x8c\xcd\xcb\xfb\xcf#\x8fdefz[\xda\x8e\xb6\xf5`\xff\x10\x84\x10\x87\xcb5\xf3\xe1\x87\xdf\xfd\xfcs6m\x9fx\xe2\x89\xc7\x1f\x7f\xdc\xd0\x80\x9f\xc3\x10\x80S\xc0bG\x9f~\xfa\xe9\x9f\xfe\xf4\'\x93,+\xaa:8\'\xe7\xbb\xf9\xf35M\xa3\x11\x9e\xf4\xa9cl5\x9b\x05Q|\xe9\xfd\xf7\xd9\xc2\x9fE\x08\x1d\x16\xcbcS\xa7\xde0z4\xeb\xe5`\xb8\xfb\xdb\x19\xc7\x13|\xad\xd6\x90\xa6\xbd\xb3v\xedS\x9f\x7f\xee\r\x06\xd9\xa3g[\x81\xbb\xaf\xb9\x06\xebz \x14\x8ah\xd5g\xd3S\x92\xa4s\xa7O\xdf\xbag\x0f\x9b\xbc\x9f|\xf2\xc9\xa5\x97^j\x04\x84O\x89!\x00\'\xc2\x0e#d\x81\xdf\xe6\xe6fJi\x8c\xd3\xf9\xc3\xa7\x9fv\x8a\x89Q\x14%\xa2\x97H\xac\x89\xca\xa1\xea\xea{\xff\xf9\xcf\xcfV\xaff\x05\x93\x84\x90\xf3z\xf7~\xee\xea\xab\xfb$\'7\xfa\xfd\x98\x10\xc3\xe7\xd3^a\x0f\xd7m\xb3\xed&gt;t\xe8\xc1\x0f&gt;\xf8f\xef^\x84\x10+q\xbfd\xdc\xb8\x17\x1ey$9!!\xd2[Z\x11BL&amp;\xd3\xb1\xfa\xfa\x01\x97^Z\xcf\x127\xa2\xa2X@\x98\xb6\x8bh\xc7\xe9\xc5\x10\x80\x9f\xc0\x1a\x9f\x01\x00\x86\x0f\x1f\xbee\xcb\x16I\x92\x08\xc6\xab\xdfyg\xd49\xe7x\xbd\xde\xc8]A0U\xb3\xbb\\\xcbW\xaf\xbe\xf1\xb1\xc7\x8e\xd6\xd7\x9be9\xa4\xaa6\x93\xe9\xf1?\xfd\xe9\xb6\xb1c)\xa5\xbe\x08_\xfd\x19\xfcJt\x8c\xedf3\x84\xf0\xf55k\x9e\xfc\xe4\x13\xbf\xa2\xb0\x97\xa1sL\xcc\xdbO=5a\xdc8_SSD\xdbJ\x8c\xb1\xc3\xe1X\xf7\xfd\xf7\xe3n\xb8\x01\t\x82\xa6iC\x86\x0c\xd9\xb0a\x03\x00\xa0\xbd6\xc8\xfb\xddD\xea3&gt;C\xb0}\xe2\x03\x0f&lt;\xb0e\xcb\x16\xb3\xc9\xa4i\xda3\xf7\xdc3\xfa\xdcs\x9b\x9b\x9b#\xd7\xfa\xeb\x18\x9bM&amp;\x8b\xd9\xfc\xb7\x7f\xff{\xe2\xed\xb7\x1f\xad\xaf\x97E1\xa4\xaa\xfdSSW&gt;\xf2\xc8\xfd\x17]\xe4W\x94\x80\xa2\x18\xd6\xbf\x83 \nB@Q\xfc\x8ar\xffE\x17\xad|\xe4\x91\xfe\xa9\xa9!U\x95E\xf1h}\xfd\xc4\xdbo\xff\xdb\xbf\xffm1\x9b\xcd&amp;\x13\xcb\x17\x8aD\x04Ahnn\x1e}\xee\xb9\xcf\xdcs\x8f\xa6if\x93i\xcb\x96-\x0f&lt;\xf0\x80 \x088b\x7f\xa93\x84\xb1\x03\xf8\x91\xd6\xae\x7f\x96E0\xf9\xbc\xf3&gt;\x7f\xf5U\x9f\xd7\x1b\xb9\xab!\x1dc\xa7\xd3y\xa8\xaa\xea\x86\xc7\x1e[\xb3ys\xb84\xf4\xa1I\x93\x1e\xbe\xf8b\x93(z\x82A\xc90\xfd\x1d\x12\rc\xa7\xc5\xa2\xe8\xfa\xac%K\x9e]\xba\x14\xb4\x14~\x8f\xcd\xcb{\xe7\xa9\xa7\x92\x13\x13=\x1eO\xe4.\x0b\x08!v\x87c\xea\x1dw,\xfe\xe6\x1b6\x9d\x8d`\xc0\xc9\x18\x02p\x9c\xd6\xae\x7f\xaf\xd7K\x08I\xee\xd2e\xeb\xc2\x85\x0e\x9bM\xd3\xf5H\xcc\x82\'\x94B\x00\xecN\xe7\xf25kZ\xbb}\xe2\x9d\xce\xd7g\xce\x9c&lt;p`\x83\xcfgx\xfc;8\xec\x05\x88\xb6\xdb\x17o\xdf~\xdb\x9c95\x1e\xcfO\xdcAc\xc7\xfa&lt;\x1e\n@\x84\xbe\xff\x92(z\xfd\xfe\xc1\x97_~\xe8\xc8\x11\x84\x90\xc3\xe10\x82\x01\'`\x08\x00\x00\'\xb9\xfeeI\xc2\x18\x7f\xfd\xee\xbb#\x07\x0f\x8eP\xe7\x0f&amp;D\x96$\xd9d\x9a\xfd\xce;\x0f\xcd\x9e\rZ\x16w\xa3\xb3\xb2^\xbf\xe1\x86nqq\r&gt;\x9f \x08\x917\xad\rN7\x14\x00\x8cq\xb4\xdd~\xb0\xb6\xf6\xb6w\xdeY[X\x18\xde&amp;&gt;{\xff\xfd\xf7\xdfp\x83\xaa(\xaa\xa6E\xe2B\x01c\x1c\x15\x15\xf5\xed\xd6\xadc\xae\xbf^\x10\x04\xd5\x08\x06\x9cD\xe4=\xd43Ak\xd7\xbf\xc9dR5\xed\x99{\xee\x199t\xa8\xc7\xe3\x89D\xeb\xafcl\xb5XB\x9av\xfd_\xfe\xf2\xd0\xec\xd9\xachY\xd3\xf5\x87/\xbex\xc9\x83\x0fvv\xb9\x1a|&gt;\xd1\xb0\xfe\x06\x00\x00\x00 \x00\xa2 4\xf8|\x9d]\xae%\x0f&gt;\xf8\xf0\xc5\x173\xeb/\x89\xe2C\xb3g_\xff\x97\xbf\x844\xcdj\xb1DbH@\x10\x04\x8f\xc73r\xe8\xd0g\xee\xb9G\xd54\x93\x11\x0c8\tc\x07p\xdc\xfa\x7f\xfd\xf5\xd7c\xc7\x8ee\xdd\x04\xa7\x9cw\xdeg\x11\xeb\xfa\xd7u\xdd\xe9pT\x1e;6\xf5\xce;\x7f(,d;z\x97\xd5\xfa\xce-\xb7L\x1e8\xb0\xde\xeb\x8d\xd0\x1d\xbd\xc1\x99\x86\xf9\x0cc\x1c\x8e\xc5\xdb\xb7\xdf\xf0\xdf\xff6\x05\x02\xec\xe5\x19\x90\x95\xf5\xf9+\xaf$u\xea\xe4\xf1z#1C\x94\x05\x03.\xb9\xe3\x8e/\xbe\xf9\x86M\xf05k\xd6\x8c\x193\xc6\x08\x06\x00C\x00X\x12tSS\xd3\xe0\xc1\x83\xcb\xcb\xcb\x01\x00\xb1.\xd7\x0f\x9f~\x1a\x17\x1d\xadF`\xd6\xbf\xae\xeb\xce\xd8\xd8\x8d[\xb6\\\xfa\xe7?\x1fkq\xfa\xf7\xed\xd6\xed\xbd[o\xcd\xec\xda\xb5\xce\xeb5\xe2\xbd\x06\xbf\x8c\x86q\xac\xc3Qt\xf8\xf0uo\xbc\xb1\xeb\xe0A\xf6\nu\x8a\x89\xf9\xf4?\xff\x196d\x88\xa7\xae.\xe24\x80\x10"\x9bL\xb5\r\r\x03.\xbd\xb4\xae\xa9\t\x00\x90\x9a\x9a\xbau\xebV\x97\xcbe\x9c\x1d\x16a\x06\xee\xb4\x831F\x08\xddv\xdbm\x07\x0e\x1c\x90D\x91\x10\xf2\xce\xd3O\'v\xe9\x12\n\x85"\xcb\xfa\xb33\xcb\x9c\xb1\xb1o}\xf0\xc1\x857\xdf|\xac\xbe^\x96\xa4\x90\xaa^5l\xd8\xca\xbf\xfc\xa5G\xa7N\x86\xf57\xf85H\x82P\xe7\xf5\xf6\xe8\xd4i\xe5_\xfer\xd5\xb0a!U\x95%\xe9X}\xfd\x857\xdf\xfc\xd6\x07\x1f8cc1\xc6\x91\xb5jD\x08\x85B\xa1\xc4.]\xdey\xfaiB\x88$\x8a\x07\x0e\x1c\xb8\xed\xb6\xdb\x10B\x86#(\x92l\xdci\x87\x9d\xf2\xf8\xf1\xc7\x1f\x7f\xfc\xf1\xc7\xacj\xfc\xf6+\xae\x988vl\xc4e\xbfQJ)\x00Q.\xd7+\xef\xbe{\xf3\xe3\x8f\xfb\x83A\x08\xa1\xaaiO_~\xf9[7\xdf,\t\x827\x142\xac\xbf\xc1\xaf$\xfc\xc2\xbcu\xf3\xcdO_~\xb9\xaai\x10B\x7f0x\xf3\xe3\x8f\xbf\xf2\xee\xbbQ.\x17m\xe9\x95\x1b)\x88\x82\xe0\xf1x&amp;\x8e\x1d{\xfb\x15W(\xaaj\x92e6\xeb\xd9\xe1\x01m=\xba\xb6\xa4\xe3\xba\x80X\xdaO]]]NNNC}\xbd\x8eqn\xaf^[\x16.\xc4\xba\x1eY\r\x7f\x08!\x10!\x9b\xd5z\xf3c\x8f\xbd\xfd\xe9\xa7\xb2$i\xban\x95\xe5g\xaf\xba\xea\xb6q\xe3j&lt;\x1e\x00\xa1\xe1\xf47\xf8\xad\x10J\x01\xa5\xf1N\xe7\xeb\xabW?\xf4\xe1\x87\x01U\x95DQ\xd5\xb4\x1b/\xbd\xf4\xcd\xa7\x9e\xf2\x07\x024\xa2Z\xed\xb3I-\x88\xe2\x90\xcb/\xcf/.\x16\x05!:&amp;f\xcf\x9e=\xb1\xb1\xb1 \xf2\xbb\xe0\xfdn:\xe8\xaf\rZ\x0e{\xb9\xeb\xae\xbbjjj\x10B\x92(\xbe\xfe\xf7\xbfK\x92\xc4:\xe8\xb6\xf5\xe8~-\x98\x10I\x92\xecv\xfb\xcc\xbf\xfe\xf5\xedO?5I\x92\xaaiQ\x16\xcb\x92\x07\x1f\xbcu\xec\xd8#MMF+\x7f\x83\xdf\x07\x82\x10!t\xa4\xa9\xe9\xd6\xb1c\x97&lt;\xf8`\x94\xc5\xa2j\x9aI\x92\xde\xfe\xf4\xd3\x99\x7f\xfd\xab\xddng\x93\xa5\xad\x87\xf9k\x81\x10\xb2\xc9\xf2\xfa\xdf\xff.\x89"B\xa8\xa6\xa6\xe6\xae\xbb\xeeB\x08\x91\xc8\xf9-N;\x1dT\x00\x98\xf3g\xd1\xa2E\xcc\xf9\xa3j\xda\x03\xd7_\x9f7x\xb0\xcf\xeb\x8d\xa0|g\x8c\xb1\xc5ln\xf6\xfb/\xbd\xf3\xce\xf7\xbe\xf8\xc2,\xcb\x8a\xa6\xe5\xa6\xa4|\xfb\xf7\xbf\xe7\xf5\xecy\xd4\xe31\xdc&gt;\x06\x7f\x10I\x10\x8ez&lt;y={~\xfb\xf7\xbf\xe7\xa6\xa4(\x9af\x96\xe5\xf7\xbe\xf8\xe2\xd2;\xefl\xf6\xfb-fs\x04\xb9P\x04\x84|^o\xde\xe0\xc1\x0f\\\x7f\xbd\xaai\xcc\x11\xb4h\xd1\xa</t>
        </is>
      </c>
    </row>
    <row r="218">
      <c r="A218" s="1" t="n">
        <v>216</v>
      </c>
      <c r="B218" t="inlineStr">
        <is>
          <t>color_overlap_squares</t>
        </is>
      </c>
      <c r="C218" t="inlineStr">
        <is>
          <t>What is the missing color of the part denoted with a question mark?</t>
        </is>
      </c>
      <c r="D218" t="inlineStr">
        <is>
          <t>['blue', 'red', 'yellow', 'green']</t>
        </is>
      </c>
      <c r="E218" t="inlineStr">
        <is>
          <t>blue</t>
        </is>
      </c>
      <c r="F218" t="inlineStr">
        <is>
          <t>There are 3 squares which overlap each other in the image. The color of the squares are ['?', 'yellow', 'red']. The part where the first and second squares overlap is green. The part where the second and third squares overlap is orange.</t>
        </is>
      </c>
      <c r="G218" t="inlineStr">
        <is>
          <t>We observe that the yellow and red squares overlap to form orange. Hence, the pattern is that the color of the part where two squares overlap is determined by mixing the two colors.</t>
        </is>
      </c>
      <c r="H218" t="inlineStr">
        <is>
          <t>Based on the pattern that the color of the part where two squares overlap is determined by mixing the two colors, the missing color of the part which overlaps with yellow to form green should be blue.</t>
        </is>
      </c>
      <c r="I218" t="inlineStr">
        <is>
          <t>b'\x89PNG\r\n\x1a\n\x00\x00\x00\rIHDR\x00\x00\x02\x00\x00\x00\x02\x00\x08\x02\x00\x00\x00{\x1aC\xad\x00\x00 \xd3IDATx\x9c\xed\xdd}\x8c]e\x81\xc7\xf1\xe7\xbc\xdc{;w\x86N\x87n\xc1%]\xe2\xa2+f\x17\x16\x08\x14\x15u\xe8\x06\x9a\n\xc1\xc0\xaeAwc\xd3 \xda\x97@\xad\x9b5\xa0hw\x13\x16\x04\x13\xff\x91\xca[\xdb`\xb0@\x16q\rF\x13\x94\x8d\x90\xa5\xe2Bmy)/*J\x90e\x05SJ\x99\xb6\xf3z\xef=\xe7&lt;\xfb\xc7\x03\xc30\x9dN\xef\xcbs\xcey^\xbe\x9f?H\x1dJ\xe68\xed\xfc\xbe\xf7\x9es\xe6\xde@J)\x00\x00\xfe\t\xcb&gt;\x00\x00@9\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K\x9a\xa6R\xca\xb2\x8f\x02\xc5\t\xf8\xf3\x06 \x84\x90R\x06A0\xf3\x17p\x1e\xcf\x00\x00\xdfI)\xd5\xe8\xdfp\xc3\r{\xf7\xee\r\x82 \xcb\xb2\xb2\x0f\nE \x00\x80\xd7\xa4\x94Y\x96\x05A\xb0~\xfd\xfa\xaf\x7f\xfd\xeb\x17_|\xf1\xc8\xc8H\x18\x864\xc0\x07\x04\x00\xf0\x97Z\xff(\x8a\xd6\xae]\xbbe\xcb\x96z_\xdf\xce\x9d;W\xae\\I\x03&lt;A\x00\x00O\xcd\\\xffm\xdb\xb6\xd5*\x95\x89\xc9\xc98\x8ew\xed\xdaE\x03&lt;A\x00\x00\x1f\xcd^\xffj\xb5\xd1j}\xf8\x84\x13\xd2$\xa1\x01\xfe \x00\x80wf\xad\x7f_\xad\xd6h6?}\xf2\xc9?\xbf\xf4\xd2o\x0e\x0f\'IR\xabTh\x80\x0f\x08\x00\xe0\x97\xc3\xd7\x7f\xb2\xd1\xf8\xc7\x0f~\xf0\xd6\x15+^\x9f\x98X\x7f\xfa\xe9\xdf\x1c\x1en\xb4Z4\xc0\x07\x04\x00\xf0\xc8\x91\xd6\xff\xe6\xf3\xcf\x1fk6\x85\x10\xfb&amp;&amp;\xae\xa0\x01\xde \x00\x80/\xe6_\xffL\xca0\x08\xe20|\x9d\x06x\x83\x00\x00^hg\xfd\xd5\xef\xa4\x01\xfe \x00\x80\xfb\xda_\x7f\x85\x06x\x82\x00\x00\x8e\xebt\xfd\x15\x1a\xe0\x03\x02\x00\xb8\xac\xbb\xf5Wh\x80\xf3\x08\x00\xe0\xac^\xd6_\xa1\x01n#\x00\x80\x9bz_\x7f\x85\x068\x8c\x00\x00\x0e\xd2\xb5\xfe\n\rp\x15\x01\x00\\\xa3w\xfd\x15\x1a\xe0$\x02\x008%\x8f\xf5Wh\x80{\x08\x00\xe0\x8e\xfc\xd6_\xa1\x01\x8e!\x00\x80#\xf2^\x7f\x85\x06\xb8\x84\x00\x00.(f\xfd\x15\x1a\xe0\x0c\x02\x00X\xaf\xc8\xf5Wh\x80\x1b\x08\x00`\xb7\xe2\xd7_\xa1\x01\x0e \x00\x80\xc5\xcaZ\x7f\x85\x06\xd8\x8e\x00\x00\xb6*w\xfd\x15\x1a`5\x02\x00X\xc9\x84\xf5Wh\x80\xbd\x08\x00`\x1fs\xd6_\xa1\x01\x96"\x00\x80eL[\x7f\x85\x06\xd8\x88\x00\x0061s\xfd\x15\x1a`\x1d\x02\x00X\xc3\xe4\xf5Wh\x80]\x08\x00`\x07\xf3\xd7_\xa1\x01\x16!\x00\x80\x05lY\x7f\x85\x06\xd8\x82\x00\x00\xa6\xb3k\xfd\x15\x1a`\x05\x02\x00\x18\xcd\xc6\xf5Wh\x80\xf9\x08\x00`.{\xd7_\xa1\x01\x86#\x00\x80\xa1l_\x7f\x85\x06\x98\x8c\x00\x00&amp;rc\xfd\x15\x1a`,\x02\x00\x18\xc7\xa5\xf5Wh\x80\x99\x08\x00`\x16\xf7\xd6_\xa1\x01\x06"\x00\x80A\\]\x7f\x85\x06\x98\x86\x00\x00\xa6p{\xfd\x15\x1a`\x14\x02\x00\x18\xc1\x87\xf5Wh\x809\x08\x00P&gt;\x7f\xd6_\xa1\x01\x86 \x00@\xc9|[\x7f\x85\x06\x98\x80\x00\x00e\xf2s\xfd\x15\x1aP:\x02\x00\x94\xc6\xe7\xf5Wh@\xb9\x08\x00P\x0e\xd6_\xa1\x01%"\x00@\tX\xff\x99h@Y\x08\x00P4\xd6\xffp4\xa0\x14\x04\x00(\x14\xeb\x7f$4\xa0x\x04\x00(\x0e\xeb??\x1aP0\x02\x00\x14\x84\xf5o\x07\r(\x12\x01\x00\x8a\xc0\xfa\xb7\x8f\x06\x14\x86\x00\x00\xb9c\xfd;E\x03\x8aA\x00\x80|\xb1\xfe\xdd\xa1\x01\x05 \x00@\x8eX\xff^\xd0\x80\xbc\x11\x00 /\xac\x7f\xefh@\xae\x08\x00\x90\x0b\xd6_\x17\x1a\x90\x1f\x02\x00\xe8\xc7\xfa\xebE\x03rB\x00\x00\xcdX\xff&lt;\xd0\x80&lt;\x10\x00@\'\xd6??4@;\x02\x00h\xc3\xfa\xe7\x8d\x06\xe8E\x00\x00=X\xffb\xd0\x00\x8d\x08\x00\xa0\x01\xeb_$\x1a\xa0\x0b\x01\x00z\xc5\xfa\x17\x8f\x06hA\x00\x80\x9e\xb0\xfee\xa1\x01\xbd#\x00@\xf7X\xffr\xd1\x80\x1e\x11\x00\xa0K\xac\xbf\th@/\x08\x00\xd0\r\xd6\xdf\x1c4\xa0k\x04\x00\xe8\x18\xebo\x1a\x1a\xd0\x1d\x02\x00t\x86\xf57\x13\r\xe8\x02\x01\x00:\xc0\xfa\x9b\x8c\x06t\x8a\x00\x00\xedb\xfd\xcdG\x03:B\x00\x80\xb6\xb0\xfe\xb6\xa0\x01\xed#\x00\xc0\xd1\xb1\xfev\xa1\x01m"\x00\xc0Q\xb0\xfe6\xa2\x01\xed \x00\xc0|X\x7f{\xd1\x80\xa3"\x00\xc0\x11\xb1\xfe\xb6\xa3\x01\xf3#\x00\xc0\xdcX\x7f7\xd0\x80y\x10\x00`\x0e\xac\xbfKh\xc0\x91\x10\x00`6\xd6\xdf=4`N\x04\x00x\x17\xd6\xdfU4\xe0p\x04\x00x\x07\xeb\xef6\x1a0\x0b\x01\x00\xde\xc2\xfa\xfb\x80\x06\xccD\x00\x00!X\x7f\x9f\xd0\x80i\x04\x00`\xfd\xbdC\x03\x14\x02\x00\xdf\xb1\xfe~\xa2\x01\x82\x00\xc0s\xac\xbf\xcfh\x00\x01\x80\xbfX\x7fx\xde\x00\x02\x00O\xb1\xfeP|n\x00\x01\x80\x8fX\x7f\xcc\xe4m\x03\x08\x00\xbc\xc3\xfa\xe3p~6\x80\x00\xc0/\xac?\x8e\xc4\xc3\x06\x10\x00x\x84\xf5\xc7\xfc|k\x00\x01\x80/X\x7f\xb4\xc3\xab\x06\x10\x00x\x81\xf5G\xfb\xfci\x00\x01\x80\xfbX\x7ft\xca\x93\x06\x10\x008\x8e\xf5Gw|h\x00\x01\x80\xcbX\x7f\xf4\xc2\xf9\x06\x10\x008\x8b\xf5G\xef\xdcn\x00\x01\x80\x9bX\x7f\xe8\xe2p\x03\x08\x00\x1c\xc4\xfaC/W\x1b@\x00\xe0\x1a\xd6\x1fyp\xb2\x01\x04\x00Na\xfd\x91\x1f\xf7\x1a@\x00\xe0\x0e\xd6\x1fys\xac\x01\x04\x00\x8e`\xfdQ\x0c\x97\x1a@\x00\xe0\x02\xd6\x1fEr\xa6\x01\x04\x00\xd6c\xfdQ&lt;7\x1a@\x00`7\xd6\x1feq\xa0\x01\x04\x00\x16c\xfdQ.\xdb\x1b@\x00`+\xd6\x1f&amp;\xb0\xba\x01\x04\x00Vb\xfda\x0e{\x1b@\x00`\x1f\xd6\x1f\xa6\xb1\xb4\x01\x04\x00\x96a\xfda&amp;\x1b\x1b@\x00`\x13\xd6\x1f&amp;\xb3\xae\x01\x04\x00\xd6`\xfda&gt;\xbb\x1a@\x00`\x07\xd6\x1f\xb6\xb0\xa8\x01\x04\x00\x16`\xfda\x17[\x1a@\x00`:\xd6\x1f6\xb2\xa2\x01\x04\x00Fc\xfda/\xf3\x1b@\x00`.\xd6\x1f\xb63\xbc\x01\x04\x00\x86b\xfd\xe1\x06\x93\x1b@\x00`"\xd6\x1f.1\xb6\x01\x04\x00\xc6a\xfd\xe1\x1e3\x1b@\x00`\x16\xd6\x1f\xae2\xb0\x01\x04\x00\x06a\xfd\xe16\xd3\x1a\x10H)\x0b\xfe\x94(Q\xe9w\x1d\xccCJ\x19\x04A\x18\x86j\xfd\xab\xd5j\xb3\xd9\xfc\xf4\xc9\'\xb3\xfeE\xe2\x8b\\\x80$\xcb\x8e\xab\xd7o{\xfa\xe9\xaf\xec\xd8\x11\xc7q\x92$\xcb\x96-{\xf0\xc1\x07\x87\x86\x86\xd4wAaGB\x00`\x16\xb5\xfe\xb5j\xb5\xd5j}\xee\x94S\xbes\xdeyc\xadV\xc1\xdf\x15\xde\xca\xb2l*M\xcb&gt;\n/$Y\xb6\xa4^\xbf\xed\xe9\xa7\xff\xfd\xb1\xc7\x12!\x9a\xad\xd6\x87?\xfc\xe1\xef\x7f\xff\xfbK\x97.\r\x82\xa0\xb0\xbf\xed\x04\xc0\x17jC\xbf\xfc\xe5/?\xf5\xd4SQ\x14\xa5\xe6}\x9f\x07Ap\xf0\xe0\xc1\'\x9exB\x1d^\x14\x04\x1f9\xe1\x04)D*e(\x04\x7fMs\x15\x05A*\xe5\xdf,^|\xdd\xc7?&gt;\xd5j\x91\xdb\xbceR\n!\x8e\xab\xd7W\xfc\xe0\x07\x8f\xbd\xf6Z\xbd\xafobr\xf2\xba\xeb\xae\xdb\xb4iS\x9a\xa6Q\x14\x15s\x18q1\x9f\x06\xa5S\x01\xf8\xe5/\x7f\xb9s\xe7\xce\xb2\x8fe&gt;\xb5j\x9cfY\x1c\x85I\x9a=\xfa\xea\xabe\x1f\x8e_&amp;\x93$\x0e\x02)\x04\xf3\x9f+u&gt;s\xa0Z\xbd\xfcg?{\xec\xb5\xd7j\xd5\xea\xc4\xe4\xe4\xbau\xeb\xae\xb9\xe6\x1au\r\xac\xb0#!\x00~\x19\x18\x18\x88\xa2(\x8a\xa2f\xb3Y\xf6\xb1\xcc\xad\xd1L\xd4/\x82@\x84"P\x0f\xfc3\x9e\xa7\xe6\xac\x1a\x86\xa9\x94\xfd\x95\n_\xe8\xbcM\xaf\xff\x86\x9f\xff\xfc\xbe\x17^\xa8U\xab\x8dfs\xcd\x9a5\xb7\xdf~{\xf1\xe7c\x08\x80_\xb2,K\xd3TJ\xb9\xfcC\',\x1f\xfe\x8bl\xa2\x15\x86f=\xda\x93R\x888\xdc\xbf\x7f\xf2\xe6\xbb\x9e\xcb\x02\x19\x04A\x18\x04\xeb/&lt;\xf5=\x8b\x07&amp;&amp;\x9aQ\xa4\xce\x06\x99u\xcc\xf6\xca\xa4\xac-\xa8&lt;\xfc\xc4\xff&gt;\xfa\xdck\x99\x94\x846o3\xd7\xff\xde\xdf\xfeV\xdd\xe7\xb6f\xcd\x9a\xad[\xb7\xa6i\x1a\x86a\xc1\'\xdf\x08\x80\x8f\xb2,\xbbp\xf8/\xae\xba\xe1\\\xf1\xfa\x84\x88\xcd\xbb\x15XJQ\x8b\xff\xf6\xe4c\xd7n\xda\x11GA\x9a\xc9\x17_=\xf0\x9d\r\x7f\x17\x0e\xd4\xc4T"\xa2\x80\x0b\x02\xda\xa4\x99\x18\xea\x8f\xbf\xf3\xf0\x8eg9\xdb\x96;\xd3\xd6_\x10\x00o\x8dM\xb4\x92\xd7\'\x927&amp;b\x03\x03 D&amp;\xc5\x9au\xa7\x0b!\xd6n\xdaQ\x89\xc3\xffz\xf2\x953\xd6\xdf\xf3\xb3\x1b\xffah\xa0:5\x95D\x11\xcf\x00\xf4H\xd2\xec\x18!\xc6\'[e\x1f\x88\xfb\x0c\\\x7fA\x00\xbc\x15\x86A\x1c\x87"\x0e\xcd\x0c\x80\x10"y}b\xba\x01\xb5j\xf4\xcc\x1f\xde\xb8h\xd3\x8f\x1e\xfc\xe6\xdf\x0f\xf5\xd7&amp;i\x80&gt;q\x14\x9av\x1a\xd0=f\xae\xbf\xe0\'\x81a\xac8\x0eU\x03\xb6^?\xdch\xa6\xb5j\xf4\xe4\x8b\xaf\xaf\xfc\xea\xfd#\xe3\x8d\xbe\x05q\x9ar\x1a\x08v0v\xfd\x05\x01\x80\xc9h\x00lg\xf2\xfa\x0b\x02\x00\xc3\xd1\x00\xd8\xcb\xf0\xf5\x17\x04\x00\xe6\xa3\x01\xb0\x91\xf9\xeb/\x08\x00\xac@\x03`\x17+\xd6_\x10\x00\xd8\x82\x06\xc0\x16\xb6\xac\xbf \x00\xb0\x08\r\x80\xf9,Z\x7fA\x00`\x17\x1a\x00\x93\xd9\xb5\xfe\x82\x00\xc0:4\x00f\xb2n\xfd\x05\x01\x80\x8dh\x00Lc\xe3\xfa\x0b\x02\x00K\xd1\x00\x98\xc3\xd2\xf5\x17\x04\x00\xf6\xa2\x010\x81\xbd\xeb/\x08\x00\xacF\x03P.\xab\xd7_\x10\x00\xd8\x8e\x06\xa0,\xb6\xaf\xbf \x00p\x00\r@\xf1\x1cX\x7fA\x00\xe0\x06\x1a\x80"\xb9\xb1\xfe\x82\x00\xc0\x194\x00\xc5pf\xfd\x05\x01\x80Kh\x00\xf2\xe6\xd2\xfa\x0b\x02\x00\xc7\xd0\x00\xe4\xc7\xb1\xf5\x17\x04\x00\xee\xa1\x01\xc8\x83{\xeb/\x08\x00\x9cD\x03\xa0\x97\x93\xeb/\x08\x00\\E\x03\xa0\x8b\xab\xeb/\x08\x00\x1cF\x03\xd0;\x87\xd7_\x10\x00\xb8\x8d\x06\xa0\x17n\xaf\xbf \x00p\x1e\r@w\x9c_\x7fA\x00\xe0\x03\x1a\x80N\xf9\xb0\xfe\x82\x00\xc0\x134\x00\xed\xf3d\xfd\x05\x01\x80?h\x00\xda\xe1\xcf\xfa\x0b\x02\x00\xaf\xd0\x00\xcc\xcf\xab\xf5\x17\x04\x00\xbe\xa1\x018\x12\xdf\xd6_\x10\x00x\x88\x06\xe0p\x1e\xae\xbf \x00\xf0\x13\r\xc0L~\xae\xbf \x00\xf0\x16\r\x80\xe2\xed\xfa\x0b\x02\x00\x9f\xd1\x00\xf8\xbc\xfe\x82\x00\xc0s4\xc0g\x9e\xaf\xbf \x00\x00\r\xf0\x13\xeb/\x08\x00 h\x80\x7fX\x7f\x85\x00\x00B\xd0\x00\x9f\xb0\xfe\xd3\x08\x00\xf0\x16\x1a\xe0\x03\xd6\x7f&amp;\x02\x00\xbc\x83\x06\xb8\x8d\xf5\x9f\x85\x00\x00\xefB\x03\\\xc5\xfa\x1f\x8e\x00\x00\xb3\xd1\x00\xf7\xb0\xfes"\x00\xc0\x1ch\x80KX\xff#!\x00\xc0\xdch\x80\x1bX\xffy\x10\x00\xbfH\xc9lu\x80\x06\xd8\x8e\xf5\x9f\x1f\x01\xf0\x85\x94RJ\x19\xc7q\xd9\x07b\x19\x1a`/\xd6\xff\xa8\x08\x80\x17\xa4\x94A\x10\x04Ap\xe0\xc0\x01\xdf\xff\xcaw\x8e\x06\xd8\x88\xf5o\x07\x01p\x9f\x942\xcb\xb20\x0c\xd7\xae]\xbb{\xf7\xeeJ5\x16Bp*\xa8#4\xc0.\xac\x7f\x9b\x08\x80\xe3\xd4\xfaGQ\xb4v\xed\xdam\xdb\xb6EQ\x94e\x99\x10\xa2\x12\x87\x19\x11\xe8\x04\r\xb0\x05\xeb\xdf&gt;\x02\xe0\xb2Y\xeb_\xadV\xd34U\xff\xea\xf5\xfd\x93a-\xa6\x01\x1d\xa1\x01\xe6c\xfd;B\x00\x9c5k\xfdk\xb5Z\xb3\xd9\x0c\xc30I\xb20\x0cn\xfd\x8f_o\xbb\xf9\x89\xea\xf1\x03I\x92\x95}\xa46\xa1\x01&amp;c\xfd;E\x00\xdc4k\xfd\xfb\xfa\xfa\x1a\x8d\xc6\xfa\xf5\xeb\x87\x87\x87\x85\x10A\x10\xa6\xa9\\\xfb\xaf;\xb6my*&gt;\xaeN\x03:B\x03\xcc\xc4\xfaw\x81\x008\xe8\xf0\xf5\x9f\x9c\x9c\\\xb5j\xd5m\xb7\xdd6\xe3\xe7\x00d\x1c\x87k7\xed\xd8\xb6\xe5i\x1a\xd0)\x1a`\x1a\xd6\xbf;\x04\xc05s\xae\xff\xea\xd5\xab\xef\xb8\xe3\x8eF\xa3\x91$\xc9\xdb\xbfM$IF\x03\xbaF\x03\xcc\xc1\xfaw\x8d\x008e\x9e\xf5\x1f\x1d\x1d\x15B\x84a(\x84H\xd3t\xf9\xa7\xcf&gt;\xf9\xac\xbfL\x92\xacR\x8dh@wh\x80\tX\xff^\x10\x00w\xcc\xbf\xfeY\x96\xcd\xfcN\x18\\|\xcc\xbf\xdc\xfe\xb9\xa5\x7f\xf5\x9eV3\xa5\x01]\xa3\x01\xe5b\xfd{D\x00\x1cq\xd4\xf5W\x8f\xfd\xa7MM4\xeb\x03\x0b\xbet\xf3\xea\x13?\xf8\xe74\xa0\x174\xa0,\xac\x7f\xef\x08\x80\x0b:]\x7f!D\x14\x85\x8d\xa9f\xfd\x98\xbe\x7f\xbe\xe52\x1a\xd0#\x1aP&lt;\xd6_\x0b\x02`\xbd.\xd6_\t\xdfj\xc0\x02\x1a\xd0;\x1aP$\xd6_\x17\x02`\xb7\xae\xd7_\t\xa3\xb01I\x03\xf4\xa0\x01\xc5`\xfd5"\x00\x16\xebq\xfd\x15\x1a\xa0\x11\r\xc8\x1b\xeb\xaf\x17\x01\xb0\x95\x96\xf5Wh\x80F4 ?\xac\xbfv\x04\xc0J\x1a\xd7_\xa1\x01\x1a\xd1\x80&lt;\xb0\xfey \x00\xf6\xd1\xbe\xfe\n\r\xd0\x88\x06\xe8\xc5\xfa\xe7\x84\x00X&amp;\xa7\xf5Wh\x80F4@\x17\xd6??\x04\xc0&amp;\xb9\xae\xbfB\x034\xa2\x01\xbdc\xfdsE\x00\xacQ\xc0\xfa+4@#\x1a\xd0\x0b\xd6?o\x04\xc0\x0e\x85\xad\xbfB\x034\xa2\x01\xdda\xfd\x0b@\x00,P\xf0\xfa+4@#\x1a\xd0)\xd6\xbf\x18\x04\xc0t\xa5\xac\xbfB\x034\xa2\x01\xedc\xfd\x0bC\x00\x8cV\xe2\xfa+4@#\x1a\xd0\x0e\xd6\xbfH\x04\xc0\\\xa5\xaf\xbfB\x034\xa2\x01\xf3c\xfd\x0bF\x00\x0ce\xc8\xfa+4@#\x1ap$\xac\x7f\xf1\x08\x80\x89\x8cZ\x7f\x85\x06hD\x03\x0e\xc7\xfa\x97\x82\x00\x18\xc7\xc0\xf5Wh\x80F4`&amp;\xd6\xbf,\x04\xc0,\xc6\xae\xbfB\x034\xa2\x01\n\xeb_"\x02`\x10\xc3\xd7_\xa1\x01\x1a\xd1\x00\xd6\xbf\\\xe5\x0f\n\x14+\xd6_\xa1\x01\x1a\xf9\xdc\x00\xd6\xbft\xa6l\x8a\xe7,Z\x7f\x85\x06h\xe4g\x03X\x7f\x13\x985+~\xb2n\xfd\x15\x1a\xa0\x91o\r`\xfd\ra\xe2\xb2x\xc5\xd2\xf5Wh\x80F\xfe4\x80\xf57\x87\xb9\xe3\xe2\x03\xab\xd7_\xa1\x01\x1a\xf9\xd0\x00\xd6\xdf(\xa6\xef\x8b\xc3\x1cX\x7f\x85\x06h\xe4v\x03X\x7f\xd3\xd811\xeeqf\xfd\x15\x1a\xa0\x91\xab\r`\xfd\rd\xd3\xca8\xc3\xb1\xf5Wh\x80F\xee5\x80\xf57\x93}Cc;\'\xd7_\xa1\x01\x1a\xb9\xd4\x00\xd6\xdfX\xb6n\x8d\xa5\x1c^\x7f\x85\x06h\xe4F\x03X\x7f\x93\xd9=7vq~\xfd\x15\x1a\xa0\x91\xed\r`\xfd\r\xe7\xc2\xe2X\xc1\x93\xf5Wh\x80F\xf66\x80\xf57\x9f;\xa3c2\xaf\xd6_\xa1\x01\x1a\xd9\xd8\x00\xd6\xdf\n\xae\xed\x8e\x81&lt;\\\x7f\x85\x06hdW\x03X\x7f[\xb89=\xe6\xf0v\xfd\x15\x1a\xa0\x91-\r`\xfd-\xe2\xf2\xfa\x94\xce\xf3\xf5Wh\x80F\xe67\x80\xf5\xb7\x8b\xfb\x03T\x16\xd6\x7f\x1a\r\xd0\xc8\xe4\x06\xb0\xfe\xd6\xf1e\x83\n\xc6\xfa\xcfB\x0342\xb3\x01\xac\xbf\x8d\xfc\x9a\xa1b\xb0\xfes\xa2\x01\x1a\x99\xd6\x00\xd6\xdfR&gt;.Q\xaeX\xffy\xd0\x00\x8d\xcci\x00\xebo/\x7f\xc7(\x0f\xac\xffQ\xd1\x00\x8dLh\x00\xebo5\xdf\xf7H#\xd6\xbfM4@\xa3r\x1b\xc0\xfa\xdb\x8eI\xd2\x83\xf5\xef\x08\r\xd0\xa8\xac\x06\xb0\xfe\x0e`\x954`\xfd\xbb@\x034*\xbe\x01\xac\xbf\x1b\x18\xa6^\xb1\xfe]\xa3\x01\x1a\x15\xd9\x00\xd6\xdf\x19lSOX\xff\x1e\xd1\x00\x8d\x8ai\x00\xeb\xef\x12\xe6\xa9{\xac\xbf\x164@\xa3\xbc\x1b\xc0\xfa;\x86\x85\xea\x12\xeb\xaf\x11\r\xd0(\xbf\x06\xb0\xfe\xeea\xa4\xba\xc1\xfakG\x034\xca\xa3\x01\xac\xbf\x93\xd8\xa9\x8e\xb1\xfe9\xa1\x01\x1a\xe9m\x00\xeb\xef*\xa6\xaa3\xac\x7f\xaeh\x80F\xba\x1a\xc0\xfa;\x8c\xb5\xea\x00\xeb_\x00\x1a\xa0Q\xef\r`\xfd\xdd\xc6`\xb5\x8b\xf5/\x0c\r\xd0\xa8\x97\x06\xb0\xfe\xcec\xb3\xda\xc2\xfa\x17\x8c\x06h4O\x03\xea\x0bb\x99\xcd\xdd\x00\xd6\xdf\x07\xcc\xd6\xd1\xb1\xfe\xa5\xa0\x01\x1a\x1d\xb1\x01c\x8d`A\x9c\xa4\xb3\xbf\x98\xac\xbf\'X\xae\xa3`\xfdKD\x034\x9a\xbb\x01_\xfb\xd1\xf8x\xf3\x98\xbe\xca\xcc\xdf\xc9\xfa\xfb\x83\xf1\x9a\x0f\xeb_:\x1a\xa0\xd1\xe1\r\xd8\xf3\xd2\xbe\x8b\xaf\xfa\xcf?\xbd91\xfd{X\x7f\xaf\xb0_G\xc4\xfa\x1b\x82\x06h4\xab\x01\x958|h\xcf\x1fo\xf9\xc9\x9e(\x08\x84\x10R\xcaP\x08\xd6\xdf\x1fL\xd8\xdcX\x7f\xa3\xd0\x00\x8df6\xa0\x95d\x958\x9c^\xf5(\x0cY\x7f\xaf\xb0bs`\xfd\rD\x034\x9a\xd5\x00!\x02\x11\x08!D\x10\x04\x1b\x1ez\xe8\xbe\x17^`\xfd=\xc1\x90\xcd\xc6\xfa\x1b\x8b\x06h\xf4v\x03\xce\xd8z\xddp\x14\x05\xeaV\xd0\xffy\xf5\xd5\xef&gt;\xfbl\xb5Ra\xfd=\xc1\x96\xbd\x0b\xebo8\x1a\xa0Q\x1c\x87\xcd\xbdck6\x9cy\xc5?\xfdu\x96\xc98\x0e3)\xab\x95J\xb3\xd5b\xfd=\xc1\x9c\xbd\x83\xf5\xb7\x02\r\xd0(\x0c\x82\xac\x91\x1c\xb7\xb8O\xfd\xcf(\x8aX\x7f\xaf\xb0hoa\xfd-B\x034\n\x83\xa0\x95dB\x880\x0c\xd34e\xfd\xbd\xc2\xa8\t\xc1\xfa[\x88\x06h\xa4v\xbe\xd5L\xce:\xeb\xac\xad[\xb7\xaa\xbf\xf0\xac\xbf\x0f\xd85\xd6\xdfV4@/)\xc4\xa2E\x8b\xa4\x94RJ\xd6\xdf\x13\xbeO\x1b\xebo5\x1a\xa0W\x92$A\x10\xb0\xfe\xfe\xf0z\xddX\x7f\x07\xd0\x00\x8d\x98~\xdf\xf8;p\xac\xbf3h\x00\xd0\x1dO7\x8e\xf5w\x0c\r\x00\xba\xe0\xe3\xcc\xb1\xfeN\xa2\x01@\xa7\xbc[:\xd6\xdfa4\x00\xe8\x88_c\xc7\xfa;\x8f\x06\x00\xed\xf3h\xefX\x7fO\xd0\x00\xa0M\xbeL\x1e\xeb\xef\x15\x1a\x00\xb4\xc3\x8b\xd5c\xfd=D\x03\x80\xa3r\x7f\xf8X\x7fo\xd1\x00`~\x8eo\x1f\xeb\xef9\x1a\x00\xcc\xc3\xe5\xf9c\xfd!h\x00pd\xce. \xeb\x8fi4\x00\x98\x93\x9b#\xc8\xfac\x16\x1a\x00\x1c\xce\xc1\x1dd\xfd1\'\x1a\x00\xcc\xe2\xda\x14\xb2\xfe\x98\x07\r\x00frj\rY\x7f\x1c\x15\r\x00\xa6\xb93\x88\xac?\xdaD\x03\x00\xc5\x91Md\xfd\xd1\x11\x1a\x00\x087\x02\xc0\xfa\xa3\x0b4\x00\xb0~\x19Y\x7ft\x8d\x06\xc0sv\x8f#\xeb\x8f\x1e\xd1\x00\xf8\xcc\xe2}d\xfd\xa1\x05\r\x80\xb7l\x9dH\xd6\x1f\x1a\xd1\x00\xf8\xc9\xca\x95d\xfd\xa1\x1d\r\x80\x87\xec\x1bJ\xd6\x1f9\xa1\x01\xf0\x8de[\xc9\xfa#W4\x00^\xb1i.Y\x7f\x14\x80\x06\xc0\x1f\xd6,&amp;\xeb\x8f\xc2\xd0\x00x\xc2\x8e\xd1d\xfdQ0\x1a\x00\x1fX\xb0\x9b\xac?JA\x03\xe0&lt;\xd3\xa7\x93\xf5G\x89h\x00\xdcf\xf4z\xb2\xfe(\x1d\r\x80\xc3\xcc\x1dP\xd6\x1f\x86\xa0\x01p\x95\xa1\x1b\xca\xfa\xc3(4\x00N2qFY\x7f\x18\x88\x06\xc0=\xc6-)\xeb\x0fc\xd1\x008\xc6\xac1e\xfda8\x1a\x00\x97\x18\xb4\xa7\xac?\xac@\x03\xe0\x0cS&amp;\x95\xf5\x87Eh\x00\xdc`\xc4\xaa\xb2\xfe\xb0\x0e\r\x80\x03\xca\x1fV\xd6\x1f\x96\xa2\x01\xb0]\xc9\xdb\xca\xfa\xc3j4\x00V+s^Y\x7f8\x80\x06\xc0^\xa5-,\xeb\x0fg\xd0\x00X*.\xe5\xb3\xb2\xfe\xa5\x93\x99L\x93,K\xd9&amp;=\x02!&amp;\xc6\xa6j\xf5\xea\x177\xaf\xfe\xf6\x15w\xbe\xfa\xe2\xde8\x0e\xd7n\xda!\x84X\xb3\xee\xf4\xe6\xde\x890(\xfb\x10\xe7\x92$\x99H\xb2,\x93e\x1f\x08\xcaQB\x00X\x7f\x13\xd4\xfa\xaa\x83\x7f6 \x02\x11E|\xb5u\t\xb24[xl\xff\xbf\xdd{\xe5MW~\xef\xb7\xbb^z\xa7\x01W\x9e)\x1a\x89\x08\x8c\x8b@\x9cd\xe2\xb8\xfa@\xbdR\xf6\x81\xa0\x1cE\x07\x80\xf57A\x18\x86\xcf?\xfe\xe2=7\xfe\xa41\xd9\n\xcd[%KI!\x03\x11\xa4i\xb6\xa0^]r\xe2\xe2\xdf\xee\xfeC\x96\xc9 \x08\xd6n\xda\xf1\xcc\x0bo.^\xdc\'\x92\xcc\xb4/v\x96\xc9\xb0^\xf9\xef\x1d\xff\x17\x86a\x96\xf1t\xd0;\x85\x06@J)\x84\x98^\xffZ\xad\xc6\xfa\x17,\x0c\xc3(\x8a\xa2(\xfa\xfdS/\xff\xfe\xa9\x97\xcb&gt;\x1c\x97EQ$\x82 \x08D\x96\xa57\xdf\xf5\\\xd9\x87s\x14\xd5j5MS\xbe\x01}St\x00\xa4\x94W^y\xa5Z\xffF\xa3\xb1j\xd5*\xd6\xbf0A\x10\x8c\x8d\x8d\xa5i\x9a\xa6i\xd9\xc7\xe2\xbe\x99_\xe48\nE \xa20l4\x93\x12\x0fi\x1e\xcdfS\x08166V\xf6\x81\xa0P\xc5\x05 M\xd3(\x8a\xae\xbf\xfe\xfa-[\xb6\xd4\xeb\xf5\x89\x89\x89\x8f}\xeccw\xddu\xd7\xfe\xfd\xfb\x85\x10\xac\x7f\xde\x82 H\x92\xe4C\x1f\xfaP\xbd^\xe7\xf9~\x01\xb2,\x8b\xe38\x08\x82_\xfc\xe2\x17I\x9aFQ\xd4h&amp;g\x9ey\xe6\xe0\xe0\xa0z*l\x94(\x8a\xd24=\xe3\x8c3\x84\x10\x81i\'\xaa\x90\x9b\xa0\xb0\xbf\x8b\xea\xe1\xff\x1f\xff\xf8\xc7\xcf|\xe63\x8f?\xfex\xb5Z\xadT*7\xdcp\xc3\xc6\x8d\x1b\xf7\xed\xdb\x17\xc7\xe5\xdc\x8f\xe4\x9b\x05\x0b\x16DQT\xf6Q\xb8/\xcb\xb2 \x08j\xb5\xda\x15W\\\xb1e\xcb\x96J\xa5\xd2h4\xd6\xacY\xb3u\xeb\xd6\xb2\x0f\rxGq\x01\x10BH)\x83 \x18\x19\x19Y\xb9r\xe5\xae]\xbb\xd4\x83\x8e\x9bn\xba\x89\x06\x14\x86\x07\xfe\x05P\xe73\x8f9\xe6\x98\xcb/\xbf\xfc\x9e{\xee\xa9V\xab\xcdfS\xad\x7f\x96e\xea\xbb\xa0\xecc&lt;"\x9e\x8b{\xa5\xd0\x00\x88\xb7\xbf7\xa6\x1b\xa0\xae\x04\xd0\x008cz\xfd?\xff\xf9\xcfo\xdf\xbe]\xdd\xe7\xa6\xd6_]e5y\xfd\xe1\x9b\xa2k\xaf\xce&gt;\x0f\r\r=\xf8\xe0\x83\xcb\x96-k4\x1a\xb5Z\xedK_\xfa\xd2\xe6\xcd\x9b\x97,Y\x92$\x86^"\x03\xda\xc1\xfa\xc3.%&lt;\xdd\xa3\x01p\x12\xeb\x0f\xeb\x94s\xbe\x8f\x06\xc01\xac?lT\xda\x05\x1f\x1a\x00g\xb0\xfe\xb0T\x99W\xfci\x00\x1c\xc0\xfa\xc3^%\xdf\xf2E\x03`5\xd6\x1fV+\xff\x9e_\x1a\x00K\xb1\xfe\xb0]\xf9\x01\x104\x00\x16b\xfd\xe1\x00#\x02 h\x00\xac\xc2\xfa\xc3\r\xa6\x04@\xd0\x00X\x82\xf5\x873\x0c\n\x80\xa0\x010\x1e\xeb\x0f\x97\x98\x15\x00A\x03`0\xd6\x1f\x8e1.\x00\x82\x06\xc0H\xac?\xdccb\x00\x04\r\x80aX\x7f8\xa9\xe8\x97\x83\xee\x88\xc3\xaf\x1d=\xeb\xcb\xce|\x98\x8c\xf5\x87\xab\x8c\x0e\x80p\xab\x01Y\x96\xa97\x8aRo\xcb\xae\x86CJ\x99e\xd9\xf4\xfb\xf4\xb2&amp;\xa6a\xfd\xe10\xd3\x03 \xeco\x80\x942M\xd38\x8e\xeb\xf5z\xb5ZM\xd3tllltttrr\xb2\xd9lV*\x95z\xbd&gt;88800\x90e\xd9\xe8\xe8\xa8z\xf3\xe4\xb2\x8f\x1aB\xb0\xfep\x9d\x05\x01\x1067 \xcb\xb2Z\xad\xd6\xdf\xdf\x7f\xf0\xe0\xc1={\xf6\xec\xd8\xb1c\xf7\xee\xdd/\xbd\xf4\xd2\xde\xbd{\'\'\'\xd5\x88\xd4\xeb\xf5\xa5K\x97\x9ev\xdai\x17^x\xe1\xf9\xe7\x9f?00p\xf0\xe0A\x1aP:\xd6\x1f\xce\xb3#\x00\xc2\xce\x06dY\xd6\xdf\xdf\xff\xca+\xaf\xdc{\xef\xbd?\xfc\xe1\x0f\x9fy\xe6\x99\xa3\xfe\'\xa7\x9dv\xda\xb5\xd7^\xfb\xc9O~rdd\x84wg-\x11\xeb\x0f\x1fX\x13\x00a[\x03\xd24\x1d\x1c\x1c\xfc\xde\xf7\xbew\xf5\xd5W\x8f\x8c\x8c\xa8\x0fV*\x155\x1c\xeaz\x80\x10"\x08\x025\xf4\xeab\x80\xfa\xe0\x8d7\xdex\xd5UW\x8d\x8c\x8c\xf0&lt;\xa0\x14\xac?&lt;a\xd3cL\xeb\xee\r\x95R\x1e\x7f\xfc\xf1###\x95J\xa5R\xa9DQ\xd4j\xb5\x9a\xcdf\xb3\xd9L\x92D\xcd}\x9a\xa6\xadV\xab\xd5j\xa5i*\xa5T\xd7\x87\xaf\xb9\xe6\x9a\xed\xdb\xb7\x0f\r\r\xa9+\xc3(\x12\xeb\x0f\x7f\xd8\xf4\x0c@\xb1\xe8y@\x96e\x83\x83\x83\x9f\xf8\xc4\'\x1ez\xe8!\xf5\x91\xe3\x8e;\xee\x9cs\xce9\xeb\xac\xb3\xde\xf7\xbe\xf7-Z\xb4(\x8a\xa2\xf1\xf1\xf1\xdf\xfd\xeew\x0f&lt;\xf0\xc0#\x8f&lt;\xa2~O\x18\x86R\xca\xc5\x8b\x17\xef\xde\xbd\xfb\xd8c\x8fm\xb5Z,NaX\x7fx\xc5\xbe\x00\x08{\x1a\x90\xa6\xe9\xa2E\x8b~\xfc\xe3\x1f\x7f\xeaS\x9f:\xf7\xdcsW\xadZu\xfe\xf9\xe7/]\xba4\x8e\xe34M\xb3,\x93R\x86a\x18EQ\x92$\xdb\xb7o\xff\xe2\x17\xbf\xd8h4\xd4\x07\xd34\xbd\xf1\xc6\x1b\xbf\xfa\xd5\xaf\x1a\xf5\xff\xc8m\xac?|ce\x00\x84=\r\x08\x82\xa0\xd9l\xfe\xfa\xd7\xbf&gt;\xfb\xec\xb3\xfb\xfa\xfa\xc6\xc6\xc6\xd4\xc4\xab)Q?\x07\xa0\xfe\x08\x96,Y\xf2\xado}\xeb\xea\xab\xafV\xe7\xfd\xb3,[\xbe|\xf9O\x7f\xfa\xd3\xb1\xb11\xae\x06\x17\x80\xf5\x87\x87l\r\x80\xb0\xaa\x01}}}\xe3\xe3\xe3\xea\x06\xff9wD=\xea\x1f\x1f\x1f?\xe3\x8c3\xf6\xed\xdb\x17EQ\x9a\xa6\xef}\xef{\x1f\x7f\xfc\xf1\x05\x0b\x16\xa4i\xca\xfa\xe4\x8a\xf5\x87\x9f,~hi\xcb5a)\xe5\xd8\xd8X\x10\x04q\x1c\x1fiG\x82 P\xe7\x8bN:\xe9$\xf1\xf6+C\x1c:thjj\x8a\x87\xffyc\xfd\xe1-\xbb\xc7\xc5\x96\x06\xb49\xe2A\x10\xcc\xdc\x1a\xa6\xa7\x00\xac?|fw\x00\x84=\r\x98\x9f\xba\x01t||\xfcO\x7f\xfa\xd3\xf4\x07\x17-ZT\xaf\xd7\xb9\x134?\xac?&lt;g}\x00\x84\x13\rH\xd3t``\xe0\xc9\'\x9f|\xe5\x95W\xd4m\xa0A\x10|\xe0\x03\x1f\x18\x1c\x1cL\x92\x84\x19\xca\x03\xeb\x0f\xb8\x10\x00ay\x03\xb2,\xabT*\xadV\xeb\xdak\xaf\x9d\xbe&amp;/\xa5\xbc\xe8\xa2\x8b\xa2(\xb2\xf7*\xbd\xc9X\x7f@X}\x17\xd0\xe1l\xb9/h&amp;u\xcc\x0b\x17.\xfc\xc2\x17\xbep\xe7\x9dw\xaa\xab\x05Y\x96\xbd\xff\xfd\xef\x7f\xec\xb1\xc7\xe28V\xaf ]\xf6a:\x85\xf5\x07\x14G\x9e\x01(\xd6=\x0fH\x92\xa4V\xab\xd5j\xb5\xcb.\xbb\xec\xce;\xef\x9c\xf9\xca?\xdf\xfe\xf6\xb79\xff\x93\x07\xd6\x1f\x98\xe6T\x00\x84U\rH\x92d\xe1\xc2\x85\x87\x0e\x1d\xba\xe4\x92K\xee\xbe\xfb\xee\xe9\xb3=Y\x96m\xde\xbc\xf9\x82\x0b.8p\xe0\x00/\x06\xa7\x17\xeb\x0f\xcc\xe4\xd4)\xa0i\xe6\x9f\x0bJ\x92dhhh\xcf\x9e=\x9f\xfd\xecg_x\xe1\x055\xf4j\x83n\xb9\xe5\x96u\xeb\xd6\xed\xdf\xbf\x9f\xf5\xd7\x8b\xf5\x07fq3\x00\xc2\xec\x06\xa8\xf5\xdf\xb1c\xc7\xa5\x97^\xfa\xe6\x9boN\xaf\xff\xd0\xd0\xd0w\xbf\xfb\xddK.\xb9\xa4\xf4#t\x0f\xeb\x0f\x1c\xce\xd9\x00\x08S\x1b\xa0\xde%\xe6\xb9\xe7\x9e[\xb1b\xc5\xf4I\x9e4MO9\xe5\x94\xbb\xee\xba\xeb\xd4SO}\xf3\xcd7Y\x7f\xbdX\x7f`N.\x07@\x98\xd7\x00u\x83\x7f\x10\x04\xc3\xc3\xc3\xcf&gt;\xfbl\x1c\xc7\xea\x1d\x83\x97/_~\xef\xbd\xf7.Z\xb4\xe8\xe0\xc1\x83\x95J\xa5\xe0\xa3r\x1b\xeb\x0f\x1c\x89k\x17\x81g1\xed\x9a\xb0z\x9b\xb0\xbb\xef\xbe[\xad\xbfzC\x98s\xcf=\xf7\xfe\xfb\xef\xef\xef\xef?t\xe8\x10\xeb\xaf\x17\xeb\x0f\xcc\xc3\xf1\x00\x08\xc3\x1a\x10\x86a\xab\xd5\xba\xef\xbe\xfb\xd4\xf3\x00)\xe5\xd2\xa5K\xb7o\xdf^\xadV\xa7\xa6\xa68\xf3\xa3\x17\xeb\x0f\xcc\xcf\xfd\x00\x08c\x1a \xa5\xacV\xab{\xf7\xee\xfd\xcdo~#\xdf\xb6q\xe3\xc6\x13O&lt;qll\x8c{~\xf4b\xfd\x81\xa3\xf2"\x00\xc2\x8c\x06\xa8W|{\xe3\x8d7\x0e\x1e&lt;(\x84Po\x0f0&lt;&lt;&lt;99\xc9\xfa\xeb\xc5\xfa\x03\xed\xf0%\x00\xc2\x8c\x06\x84a8999\xfd\xce0\x0b\x17.T\x9f\x9a=\xd2\x88\xf5\x07\xda\xe4Q\x00\x84\x19\rP\xef\x06\xac\xfe955\xc5c\x7f\xbdX\x7f\xa0}\x8e\xdf\x06:\xa7\xb2\xee\rU\xa7\x80FGG\x9f|\xf2I\xf5\x91J\xa5\xb2l\xd92u3hN\x9f\xd4+\xac?\xd0\x11\x1f\x03 J\xfd\xf9\x800\x0c\xfb\xfb\xfb\xd5\xaf\xa5\x94\xe3\xe3\xe3~\xfe\x11h\xc7\xfa\x03\x9d\xf24\x00\xa2\xd4\xe7\x01I\x92dY&amp;\x84\x08\xc3\x90\x1b\xff\xb5`\xfd\x81.\xf8\x1b\x00QR\x03\xd4KA,X\xb0@\x08\xd1j\xb5FGG\xc5\xdb\xef\x02\x8f\xee\xb0\xfe@w\xbc\x0e\x80(\xbc\x01R\xca\xfe\xfe\xfe_\xfd\xeaW\x8f&lt;\xf2\xc8\xd4\xd4\xd4\xd9g\x9f\xbdb\xc5\x8aF\xa3\xc1\xbb\xbet\x8d\xf5\x07\xba\xe6{\x00D\x81\rP\xaf\x03\xb1y\xf3\xe6\xaf|\xe5+\xd3o\xf5\xbez\xf5\xea[o\xbd\xb5\xd1h\xb0S]`\xfd\x81^\x10\x00!\ni\x80\x942\x8e\xe3\x03\x07\x0e\x9cz\xea\xa9\xea5\x7f\xd4O\x02\xa7i\xfa\xc0\x03\x0f\x9cw\xdey\xa3\xa3\xa3\xea\xfd \xd1&amp;\xd6\x1f\xe8\x11\x8b#D!?\x1f \xa5\xac\xd5j/\xbf\xfc\xf2\xe8\xe8h\x10\x04\xadVK\xfd\xfcW\x18\x86\xcf?\xff|\xa5RQ\x97\x85\xd1&amp;\xd6\x1f\xe8\x1d\x01xK1?#6\xe7c|\x1e\xf8w\x8a\xf5\x07\xb4`z\xde\x91k\x03\x82 \x98\x9a\x9a:\xe9\xa4\x93\x16/^\xac^\x15N\xbd\x1ct\x96e\xa7\x9f~z\xb3\xd9$\x03mb\xfd\x01]\x18\x9dw\xc9\xaf\x01\xea\xb4\xcf\x92%K\xbe\xf1\x8doT\xab\xd5f\xb3\xa9~\x1a`\xc3\x86\r\xe7\x9cs\xce\xd8\xd8\x18\x01h\x07\xeb\x0fh\xc4E\xe09\xe4wMXJ900\xf0\xc4\x13O&lt;\xfc\xf0\xc3\x93\x93\x93\x1f\xf9\xc8G\xce;\xef\xbc\xa9\xa9)\xfe\x14\xda\xc1\xfa\x03z\x11\x80\xb9\xe5\xd7\x80,\xcb\xea\xf5z__\x9f\x10\xa2\xd9lr\xf3O\x9bX\x7f@;\x02pD\xb96@\xdd\xf3\x13\x04\x01\xaf\x06\xda\x0e\xd6\x1f\xc8\x03\x01\x98\x8fi\xef)\xef\'\xd6\x1f\xc8\t\'\x1f\xe6c\xc2\xfb\x07x\x8e\xf5\x07\xf2C\x00\x8e\x82\x06\x94\x88\xf5\x07rE\x00\x8e\x8e\x06\x94\x82\xf5\x07\xf2F\x00\xdaB\x03\n\xc6\xfa\x03\x05 \x00\xed\xa2\x01\x85a\xfd\x81b\x10\x80\x0e\xd0\x80\x02\xb0\xfe@a\x08@gh@\xaeX\x7f\xa0H\x04\xa0c4 \'\xac?P0\x02\xd0\r\x1a\xa0\x1d\xeb\x0f\x14\x8f\x00t\x89\x06h\xc4\xfa\x03\xa5 \x00\xdd\xa3\x01Z\xb0\xfe@Y\x08@Oh@\x8fX\x7f\xa0D\x04\xa0W4\xa0k\xac?P.\x02\xa0\x01\r\xe8\x02\xeb\x0f\x94\x8e\x00\xe8A\x03:\xc2\xfa\x03&amp; \x00\xda\xd0\x806\xb1\xfe\x80!\x08\x80N4\xe0\xa8X\x7f\xc0\x1c\x04@3\x1a0\x0f\xd6\x1f0\n\x01\xd0\x8f\x06\xcc\x89\xf5\x07LC\x00rA\x03fa\xfd\x01\x03\x11\x80\xbc\xd0\x80i\xac?`&amp;\x02\x90#\x1a X\x7f\xc0`\x04 _\x9e7\x80\xf5\x07LF\x00r\xe7m\x03X\x7f\xc0p\x04\xa0\x08\x1e6\x80\xf5\x07\xccG\x00\n\xe2U\x03X\x7f\xc0\n\x04\xa08\x9e4\x80\xf5\x07lA\x00\n\xe5|\x03X\x7f\xc0"\x04\xa0h\x0e7\x80\xf5\x07\xecB\x00J\xe0d\x03X\x7f\xc0:\x04\xa0\x1c\x8e5\x80\xf5\x07lD\x00J\xe3L\x03X\x7f\xc0R\x04\xa0L\x0e4\x80\xf5\x07\xecE\x00Jfu\x03X\x7f\xc0j\x04\xa0|\x966\x80\xf5\x07lG\x00\x8c`]\x03X\x7f\xc0\x01\x04\xc0\x14\x165\x80\xf5\x07\xdc@\x00\x0cbE\x03X\x7f\xc0\x19\x04\xc0,\x867\x80\xf5\x07\\B\x00\x8ccl\x03X\x7f\xc01\x04\xc0D\x066\x80\xf5\x07\xdcC\x00\x0ceT\x03X\x7f\xc0I\x04\xc0\\\x864\x80\xf5\x07\\E\x00\x8cVz\x03X\x7f\xc0a\x04\xc0t%6\x80\xf5\x07\xdcF\x00,PJ\x03X\x7f\xc0y\x04\xc0\x0e\x057\x80\xf5\x07|@\x00\xacQX\x03X\x7f\xc0\x13\x04\xc0&amp;\x054\x80\xf5\x07\xfcA\x00,\x93k\x03X\x7f\xc0+\x04\xc0&gt;95\x80\xf5\x07|C\x00\xac\xa4\xbd\x01\xac?\xe0!\x02`+\x8d\r`\xfd\x01?\x11\x00\x8bii\x00\xeb\x0fx\x8b\x00\xd8\xad\xc7\x06\xb0\xfe\x80\xcf\x08\x80\xf5\xban\x00\xeb\x0fx\x8e\x00\xb8\xa0\x8b\x06\xb0\xfe\x00\x08\x80#:j\x00\xeb\x0f@\x10\x00\x97\xb4\xd9\x00\xd6\x1f\x80\x12H)\xcb&gt;\x06\xe8\xa4\xf6}ddd\xe5\xca\x95\xbbv\xed\xaa\xd5j\x8dF\xe3\xa6\x9bn\xda\xb8q\xe3\xbe}\xfb\xc20d\xfd\x01(&lt;\x03p\xcd\xfc\xcf\x03\x84\x10\xac?\x00\x85g\x00n:\xd2\xf3\x80\r\x1b6\xac^\xbd\xfa\x9e{\xeea\xfd\x01\x10\x00g\xcdj@\x1c\xc7i\x9a~\xf4\xa3\x1f}\xf4\xd1GU\x0fX\x7f\xc0s\x04\xc0e\x877 I\x12\xd6\x1f\x80\xc25\x00\x97\xcd\xba\x1e\x90$I\xbd^g\xfd\x01(&lt;\x03p\xdf\xf4\xf3\x80\x0b.\xb8`\xe7\xce\x9d\xeb\xd6\xad\xbb\xfd\xf6\xdbY\x7f\x00\x04\xc0\x0b\xaa\x01{\xf7\xee\xbd\xe3\x8e;\xbe\xf6\xb5\xaf\xa9?t\xd6\x1f\xf0\x1c\x01\xf0\x85\x94R-\xfe\xf4/\x00x\x8ek\x00\xbe\x08\x82@J\x99\xa6)\xeb\x0f@\xe1\x19\x00\x00x\x8ag\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fa\x7f\x1f\xd8\x19\xe0\xc9\xd6\x16\x93\x00\x00\x00\x00IEND\xaeB`\x82'</t>
        </is>
      </c>
    </row>
    <row r="219">
      <c r="A219" s="1" t="n">
        <v>217</v>
      </c>
      <c r="B219" t="inlineStr">
        <is>
          <t>grid_number</t>
        </is>
      </c>
      <c r="C219" t="inlineStr">
        <is>
          <t>What is the missing number of the part denoted with a question mark?</t>
        </is>
      </c>
      <c r="D219" t="inlineStr">
        <is>
          <t>['2', '8', '6', '3']</t>
        </is>
      </c>
      <c r="E219" t="inlineStr">
        <is>
          <t>3</t>
        </is>
      </c>
      <c r="F219" t="inlineStr">
        <is>
          <t>There is a 3x3 grid of numbers. The first row is [9, 1, 8]. The second row is [9, 1, 8]. The third and last row is [6, '?', 9].</t>
        </is>
      </c>
      <c r="G219" t="inlineStr">
        <is>
          <t>We observe that [9, 1, 8] sums to 18, and [9, 1, 8] also sums to 18. Thus, the pattern is that the numbers in each row add up to the same value.</t>
        </is>
      </c>
      <c r="H219" t="inlineStr">
        <is>
          <t>Based on the pattern that the numbers in each row add up to the same value, the missing number of the row [6, '?', 9] should be 3.</t>
        </is>
      </c>
      <c r="I219" t="inlineStr">
        <is>
          <t>b'\x89PNG\r\n\x1a\n\x00\x00\x00\rIHDR\x00\x00\x02\x00\x00\x00\x02\x00\x08\x02\x00\x00\x00{\x1aC\xad\x00\x00\x80\xe0IDATx\x9c\xed\xddw\x9c\x14E\xda\x07\xf0\xa7\xaaz\xf2\xee\xcclf\xc9\x19Q\x10$*\xa0`\x00s\x02D\x11\xf0\x10\x05\x03\xea\xa1\xaf\xf9TT&lt;\xf3\xa9g\xe4@\xc4\x13EO1`B\x82\x18Q@P\xf2"9n\x0e3;y\xba\xab\xea\xfd\xa3vWD\x91\x05fvvv\x9e\xef\xe7&gt;\x1cl\xb2\xf77=\xfdtW$RJ@\x08!\x94zh\xa2\x0f\x00!\x84Pb`\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X\x00\x10B(Ea\x01@\x08\xa1\x14\x85\x05\x00!\x84R\x14\x16\x00\x84\x10JQZ\xa2\x0f\xa0Q\x90R&amp;\xfa\x10\x12\x80\x10\x92\xe8C\xa8\x81\xf9\'\x16\xe6\x9f\xb2R\xb4\x00H)\x85\x10RJB\x08!\x84\xd2T|\x12J`\x08\x98?`\xfe\x89\x86!\x00\x00I\xa9\xe2\xaf^r\x00`\x8c\x1d\xf8q\xaf\xd7+\x84 $U\xd2P\xf7&gt;n\xb7\xfb\xc0\x0f\xaa7\x03\xa54~wF\x98\xbf\x82\xf9\'V\xa2\xf2o\x84R\xe5%\x97Rr\xce5\xad\xe6\x89\xc7\xe7\xf3\xad\\\xb9r\xf9\x8a\x15\xbf\xfc\xfcseeeAA\x81ap \x00)\x11\x06\x00\x01\x00\xe8\xd8\xa1\x83\xdb\xed\xee\xd3\xa7O\xaf^\xbd\xfa\xf5\xeb\xd7\xa2E\x0b\xf5I\xc30(\xa5\xb1\xbd!\xc2\xfc\x7f\x07\xf3O\xac\x06\xcf\xbf\xf1\x92)\xc00\x0c\xf5\x97H$2\x7f\xfe\xfc\x11#F\xb4i\xd3&amp;\xd1\xc17.\x19\x19\x19C\x87\x0e\x9d9sfII\x89\xcaJ\xd7uuO\x84\xf97\x00\xcc?\xb1\xe2\x9a\x7fc\xd6\xc4\x9f\x00\xd4oG\x08\xf1z\xbd3g\xce\x9c3g\xce\xbau\xeb\xea&gt;\x9b\x96\x9e\xde\xbce\x9b\x9c\xbc\xbc\xb6\x1d\x8esgfq\xc3H\x85\xa7?\t\x92\x12\xaa\xeb\xd1\xcd\x1b\xd6z=U{wm\xaf\xaa\xac\xa8\xfbl~~\xf31c\xae\xbc\xf6\xdak\xbbt\xe9\x02\x00B\x88c\xb9\x15\xc2\xfc\xff\x08\xf3O\xac\x86\xcc\xbf\xf1k\xca\x05\x80s\xae\xda:g\xcf\x9e\xfd\xe4\x93On\xde\xbcY}\xbcy\xcb\xd6\'\x9fv\xc6\xe0\xb3\xce=\xae[\xcf\xdc\xbc|GZ:\xd3\xa0I\xbf\xca\x7fBJ0\x0c\x88\x84#\x15e\xc5[\x7f\xdd\xf4\xc3\xd7\x8b\x97}\xb5xK\xc1\x06\xf5\xd9\xcc\xcc\xcc\x9bo\xbe\xf9\xd6[ou\xb9\\\x86a\xd45\x1d\x1c\x11\xcc\xff/`\xfe\x89\xd5\x00\xf9\'\x85&amp;[\x00\xd4\xd9_XX8a\xc2\x84\x85\x0b\x17\xaa\x0fv\xee\xda\xed\xaa\xebn\x1ez\xfe\xa5Y99RB$\x12\xd5\xa3\xba\x10\\J\xd1Dc8$\x02\xa0\x86&gt;\x98Lf\x8b\xd5\xa2i\xe0\xab\x0e\xae\xfc\xe1\x9b\xd7_~v\xd9\xd7\x8b\xd5\xd7t\xe9\xd2e\xd6\xacY\x03\x07\x0eT=\x84Gt{\x88\xf9\xff5\xcc?\xb1\xe2\x9d\x7f\xb2h\x9a\x05@\x15\xed\x85\x0b\x17N\xb8\xe6\x9a\xc2\xfd\xfb\x01\xa0]\xc7\xce\xd7\xdct\xfb\xf9\x97^\xeet;\xfd\xbe\xa0\xaeG\x01\x08\xa5\x94\x10\xa8\xe9\x12JURJ)\x84\x94\x92i\x9a#-\x8ds\xb1\xec\xabE\xaf\xbe\xf0\xe4\xf2\xef\xbe\x02\x00\xb3\xc5\xf2\xc4\xe3\x8fO\x992\xe5\x88\xde\x03\x98\x7f\xfda\xfe\x89\x15\x8f\xfc\x93H\x13,\x00\xea\xec\x9f9s\xe6\xa4I\x93\xd4G\xae\x9cp\xe3\x94{\x1f\xca\xce\xcd\xf6z\xfc\xdc0(cM\xef\x85\x8c\t\xce9!$\xdd\xe9\xe4\xdc\x983\xe3\xc5\xe7\x1f\x9f\xea\xf7U\x03\xc0\xc4\x89\x13g\xcc\x98\xc19\xaf\xcf 9\xcc\xff\xa8a\xfe\x89\x15\x93\xfc\x93KS+\x00\xea\xc9\xb7\xee\xecw\xb93\x1fx\xf2\x85\xe1\xa3\xaf\xac\xf6\x06\xa3\xd1h\x13n\xcb\x8b!\xf56\xc8\xcav\xae^\xf1\xd3?n\x99\xb8y\xe3Z\xa8}\x0f\x1c\xf6&gt;\x08\xf3?v\x98\x7fb\x1dK\xfeI\xa7I\x15\x80\x83\xce\xfe\xec\xdcf/\xbc&gt;o\xc0\xe0\x81\xa5\xc5UL\xd3\x9a\xd2\xcb\xd6\x00t]wgdT\x94\x95\\\x7f\xe5\xc5kW\xaf\x80\x03\xee\x83\x0e\x9aFT\x07\xf3\x8f!\xcc?\xb1\x8e"\xffd\xd4t\n\x80za\x96,Y2t\xe8P\x00\xc8\xc8\xca~w\xe1\x8fm\xdaw\xf4VUi&amp;S\xa2\x8f.)q\xc30[-\x8c\xb2\xabG\x9c\xbdr\xd9\xd7\x00\xf0\xe0\x83\x0fN\x9d:\xf5O\xc7E`\xfe1\x87\xf9\'\xd6\x11\xe5\x9f\xa4\x9aH\x01P\xc3uKJJz\xf4\xe8YZZ\xe2t\xb9\xa7\xcf\xfd\xb8\xf7\xc9\x03\xbd\x1e\x8f\xa6\xe1\xd9\x7f\xf48\xe7\x16\xab\xc5\xef\xf5^3\xea\xdcM\xeb~!\x84,\\\xb8p\xe8\xd0\xa1\x07\xdd\x07a\xfeq\x82\xf9\'V=\xf3O^Md\xf4\xaf\x94\x92s&gt;n\xdc\xb8\x92\x92b\x00\xb8\xff\xf1\x17\x06\x0c\x1e\xe4\xa9\xc2\xb3\xffX1\xc6"\xa1pfN\xee33\xe6\xba\xdc\x19R\xc2\xb8qW\x15\x17\x17\x13B\xd4\xaa2\n\xe6\x1f\'\x98\x7fb\xd53\xff\xe4\xd5\x14\n\x80\xaa\xc6s\xe7\xce]\xbcx1\x00\\6\xee\xda\x11c\xc7\x94\x14W\x99\xf0\xc97\x16\x98\xa6y=\x9e\xce\xc7\x1fw\xef?\x9f\x03\x90%%\xc5\xf7\xdcs\x0f\xa5\xb4\xee\xd9\x11\xf3\x8f+\xcc?\xb1\x0e\x9b\x7fRK\xfa&amp; \xb5\xa2\x85\xc7\xe3\xe9\xdf\xbf\xff\x8e\x1d;Z\xb6i7o\xc9J\x8b\xc5\xaa\xba\xf2\x13}tM\x07\xe7\xdc\x9d\xe1\xbaq\xec\x88E\x9f~`\xb1X\xbe\xfb\xee\xbb&gt;}\xfaH)\xd5\x12\x92\x98\x7f\xbca\xfe\x89u\xa8\xfc\x93}\xa1\x88\xe4&gt;z\x00P\x83sg\xcf\x9e\xbdm\xdb6!\xc4\xb57\xdf\x99\x9d\x9b\x19\x8dF\xf1\xec\x8f-B\x88\x1e5&amp;\xdf\xf1\x80\xc5j\x8dD"S\xa7NU\x97\x1e\xcc\xbfa`\xfe\x89u\xa8\xfc\x13}\\\xc7*\xb9\x0b\x80\x94\x921\x16\n\x85f\xcf\x9eM\x08i\xd7\xb1\xcb\x85#G{\xab\xfcM\xa6\x8f\xbe\xf1\xa0\x94\xfa\xfd\xfen={\x9c}\xe1\x08\x00\xf8\xf6\xdbo\x0b\n\n\x18c\x94R\xcc\xbf\x01`\xfe\x89u\xa8\xfc\x93\xbd\' \xb9\x0b\x80\x9a\x97\xb1d\xc9\x92\x8d\x1b7J)\xaf\xbe\xf16\xa7+\x9d\x1bF\xa2\x8f\xabi\xa2\x94F#\xfa\x84\xc9\xb7\xdb\xec\x8e@ \xf0\xea\xab\xaf\xaa\x0fb\xfe\r\x03\xf3O\xac?\xcd\x1f\x0b@\xe2\xbd\xfe\xfa\xeb\x84\x90\xdc\xfc\xe6\xc3.\x18\xee\xf7\x05i\x93\x18\x9e\xd5\x08QJ\x03\x81`\xb7\x9e=\xfb\r&lt;\x8d\x102o\xde&lt;\xbf\xdf\x0f\x00\xea\xf6\x13\xf3\x8f7\xcc?\xb1\xfe\x98\x7f0\x18\xd44-\xa9\x1b\x82\x92\xb8\x00\xa8\xf6\x1f\xaf\xd7\xbbr\xe5OR\xca\x01\xa7\x9d\x95\x9d\x9b\xad\xeb:\xb6~\xc6\x91\x94\x84\xc0\x99\xe7^"\xa5\xdc\xbf\xbfp\xd3\xa6M\x86a\xacX\xb1\x02\xf3o \x98\x7fb\xfd&gt;\xff\xb5k\xd7B\x92?\x04$q\x01P\xb9\xafZ\xb5j\xdf\xbe\xbd\x000x\xe8y\x89&gt;\xa2\xa6\x8f2\x16\nEO\x1etzZ\xba\x93s\xe3\xdbo\xbf]\xbf~}aa!`\xfe\r\x02\xf3O\xac\x83\xf2_\xb0\xe0\x0b\xa8\xddu\'I%q\x01P\xb9\xaf\\\xf9\x13\x00\xd8\x1d\x8e\xae\xddzD\xc2\xd1d\x1f\x95\xd5\xc8\x11B\xa2\x91H~\xcb\xd6m\xdaw\x04\x80\xb5k\xd7.[\xb6\x0c\x00\x1c\x8e4\xcc\xbf\x01`\xfe\x89uP\xfe\xabV\xfd\x04\x00I\x9dy\x12\x1f\xbaz\xd4]\xbdz\x15\x00\xb4l\xdd./\xbf\x05&gt;\xff6\x00!\x84\xcdn\xe9r\xc2\x89\x00\xb0v\xdd\xba\xcf\x17,\x00\x80\xe6\xad\xdb`\xfe\r\x03\xf3O\xac\x03\xf3/((\xf0\xfb\xfdI=),\x89\x87\x8b\xa9q\xb8eee\x00\x90\x99\x9dcOK\xf7\xfb\xaa\x93\xba\x1a\'\x05)%c\x90\x97\xdf\x02\x00\xaa*+UC\\f\x16\xe6\xdf@0\xff\xc4R\xf97\xcbo\t\x00\x1e\x8f7\x14\n\xa5\xa5\xa5%\xfa\xa0\x8e^\xb2\x16\x005\x07\xcf\xe3\xf1l\xd9\xb2\x05\x00:t&gt;^\xd3d\xf2\xd6\xe1$B\t1\x0c\xe8\xd0\xf9x\x00()))//\x07\xcc\xbf\x01a\xfe\x89\xa5\xf2o\xdf\xb9+\x00TW{\x0b\n\nrrr\x84\x10I\xba6\\\xb2\x16\x00EJ\xa9\xeb\x06\x00ddfQ\xda\x14&amp;\xe6%\x05)!#3\x0b\x00\x0c\xc3Pw\xa0\x98\x7fC\xc2\xfc\x13\xab.\x7f!\x84\x91\xe4\xb3.\x92\xfe\x81Q5z&amp;\xfb\xcb\x90tT\xe0u\xbb#a\xfe\r\x0c\xf3O\xac\xba\xc0\x93\xbd\xd3%\xe9\x0b\x80\x92\xec/C\xd29(p\xcc\xbf\x81a\xfe\x89\xd5d\x02o"\x05\x00!\x84\xd0\x91\xc2\x02\x80\x10B)\n\x0b\x00B\x08\xa5(,\x00\x08!\x94\xa2\xb0\x00 \x84P\x8a\xc2\x02\x80\x10B)\n\x0b\x00B\x08\xa5(,\x00\x08!\x94\xa2\xb0\x00 \x84P\x8a\xc2\x02\x80\x10B)\n\x0b\x00B\x08\xa5(,\x00\x08!\x94\xa2\xb0\x00 \x84P\x8aJ\xee\xfd\x00\x92\x91\x94RJ!%\x00H\x90\x00\x04j\x97\xf5%Mf\x89A\x84\x0eE\xd6\xaa9\xff\x01\xdf\x02\x89\x84\x05\xa0\x81H)\x85\xe0\x94R\x93\xd9b6[\x18\x03B\x00\x08\x80\x04!\xc00D4\x12\xd6u\x9d\x00\xd0\xe4\xdcZ(\x19\t\xce\xe1\xf7W\x1cJ\xd5\xab\x82bLJ)\x84 \x00\x9a\xc9l\xb6\x985\x8dQZ\x9b\xb4\x04!\x80\x1b"\x1a\x8d\xeazTJA)\xc3J\xd00\xb0\x00\xc4\x9d\xba\xf4[,V\xbb#=\x126\x8a\n\xf7\xee\xdd\xb9\xbd\xb8h\xbf\xb7\xb2R7\xa2f\x8b5;\'\xafe\xeb\xb6\xad\xdbu\xc8\xca\xcd\x91\x02\xfc&gt;\x9f\x14\x02\xcb@\\\xa9\x9b\xd04\xa7\xeb\xa0]\xb4"\xe1\xb0\x10\x06\xd6\x80\x18R\xe7\xbf\xd9l\xb1;lB@EY\xe9\x96\x82]E\xfb\xf6T\x94\x95\x06\x83\x01\x00i\xb5\xd9\xb3\xb2s\x9b5o\xd9\xa2u\xdb\x9c\xbcf&amp;\x13\r\x06#\x91p\x08\xcb@\x03\xc0\x02\x10_j\xb3P\x97;}\xef\xee=o\xcdzo\xe9\x82O\n6\xac\xf1U{\xff\xf8\x95\xcd[\xb6\xee}\xf2\xa0\xf3\x87\x8f\x1et\xfaP\x93\xd9\xec\xab\xf62\x86\xafN\\\x08\xc1\x19\xd3\xd2\x9d\x8e7_\x9d\xfe\xe9\xfbo\x13B\xa5\x94\x84\x80\x94\xf2\xce\x87\x9e:\xa1G\xefp0@pw\xf5X\xa8;\xff\x8b\x0b\x8b?}\xff\xed\xaf\x16~\xb2\xfe\x97U%E\xfb\xfft\xf7\xca\xac\x9c\xbc\xe3\xbb\xf7&lt;m\xe8yg\x9esQ\x9b\xf6m\x03\xfeP4\x1aM\xd2\xbdv\x93\x05^b\xe2\x88snw8\xa2\x91\xc8\xf3\x8fO{s\xe6\x8b\x15\xe5\xa5\xea\xe3\x84\x10B)\x01Pm@R\x82\x10\xbcp\xdf\x9e\xc2ys?\x997\xb7w\xffA7\xdf5u\xd0\x99gU{|\xd0\x84\xf6\x1ej$\xb8a\xd8\x1d\x0e\xc3\xd0\xef\xbb\xf5\xc6\xb7_{\xe5\xa0\xcfz\xab*5\x8dI)1\xf4c\xc7\xb9\xe1p\xa4\x85\xc3\xe1\x97\x9f~\xfc\xadY/\x15\x17\xee\xab\xfb\x14\xa5\x8c\x10\xa8k\x03Ro\x81\x8a\xb2\x92\xef\x96.\xfcn\xe9\xc2\x97\x9ezx\xc4\x98\xab\xaf\xbd\xe9\x8e\xcc\xec\x1c_u5\xd6\x80\xf8\xc1\xdb\x9cx\xe1\xdcHw:w\xef\xd8z\xd5\xc5g\xfc\xfb\xb1\x07*\xcaK\x19\xd3\xd4S\xad\x94R\nQ\xdb\x1b,\xa5\x14\x84\x10B(c\x8cR\xbaz\xc5\xf7\xe3\x87\x0f}\xfa\xa1\x7f\xd8\xecvJ)\xee\xf4\x1dC\x86a\xb82\xdc\xfb\xf7\xee\xbez\xf8\xd9o\xbf\xf6\nc\x8c1F\x19\xa3\x8c1M\xa3\x8ci\x9a\x86y\xc7\x04\xe7&lt;\xdd\xe9\xda\xbeu\xf3\xb8\x8bN\xff\xd7\xb4{\x8a\x0b\xf7\xa9\xb4\t\xa1\x84\x10\xd5\xf1\x0b5\x1d.\x04HM/0e\x8c1\xe6\xa9\xac\x98\xf5\xc2\xd3W\x9c;h\xd5\xf2\xef]n\x17\xc7\x1d\x8f\xe3\x06\x0b@\\p\xce\xd3\xd2\xd3\x0b\xd6\xaf\xb9\xea\xe23\xd7\xfd\xbcR\xd34B\x08\xe7\x86\xea\x07V\x97uQKJ\xa9\xde\x15\x9cs!\x04e\x8cR:\xfd\x99G\xef\xbc\xe1*\x93\xd9\xa4\nF\xa2\x7f\xa1\xa4\xa7\xe2\xce\xcaq/\xfd\xe2\xb3\xd1\xe7\x9d\xbaz\xc5\xf7L\xd38\xe7\x9csq\xc0\xff0\xea\x98\x10\x9c\xa7\xa5\xa7oX\xb3\xfa\xaa\x8b\xcf\xdc\xb0fU\xed\xf9\xcf\x85\x10\x94\x12)\xa5\xe0\x9cs\x83\x1b\x067\x0c\xce\r\x95&lt;\xa5T\n\xc19\'\x84h\x9a\xb6{\xc7\xd6kF\x9e\xf3\xdd\xd2EN\xb7\x8bs\x9e\xe8\xdf\xa9i\xc2&amp;\xa0\xd8\x93BX\xad\x96\x92\xa2\xc2\x1b\xc6^RVR\xa4i\x9aa\x18P\xdb\x98\xa3Ne\xa7\xcb\x9d\x93\x97o\xb5\xd9\xc2\xa1PI\xd1~\xbf\xaf\x1a\x00(\xa5B\x08\xa1\xde\x00&amp;\xd3\'\xf3\xe6Z,\xd6G_\x9c\xe5\xf3VcC\xd0\xb1\xe0\x9c\x9b\xcdf\x8b\xd5\xfa\xc2\xe3\xff|\xee\xd1\xfb\xa5\x94\x8c1\xbc\xaf\x8c\x13)\xa5\xd9b)+-\xbe\xf9o#*\xcbK\x0f&lt;\xff\xa5\x94\x9cs\xb3\xc5\xda\xb5{\x8fv\x1d:\xbb2\xb2\x00\xa4\xa7\xb2r\xd7\xf6-\x9b7\xac\x8dD\xc2u_f\x18\x06c,\x1c\n\xdez\xcd\x15\xef.Z\xde\xb2u\x9bp8B\xb1c&amp;\xd6\xb0\x00\xc4\x9e\x04\xd0L\xa6\x07n\xbd\xbeh\xdf\x9e\x83\xce~\x008\xe3\x9c\x0bG\x8c\x99p\xc2\x89\xbd\x9c\xee\x0c\xcdd2t\xddSY\xb1f\xd5\x8fsg\xbd\xbcj\xf9\xf7\xeaB/\xa54t]\xd3L\xf3\xdez\xadk\xf7\x9e\xe3o\xb8\xb9\xaa\xc2\xc34|\xb1\x8e\x86a\xe8\xe9N\x97\xd7Sy\xe7\rW}\xf1\xf1&lt;\xd5\x01\xc39W\xe56\xd1G\xd7\x04\t!lv\xeb\x03\xb7\xdd[\xf8\x87\xf3\xdfb\xb5^}\xc3\xad\x17_~U\xeb\xb6\xed-V3\xa1\x00\x00R@$\x1c\xdd\xb3k\xc7\xc7\xef\xbe9\xfb\x95g\xc3\xa1`]\xa9`\x9a\xe6\xf5T=9\xf5\xceW\xde\xfa0\x1c\x8e$\xf8\x17k\x8a\xb0\xa2\xc6\x18\xe7\x86\xd3\xed\xfc\xfc\xc3\xf7\xbeY\xf29\xfb\xfd\xd9\x9f\x96\xee|f\xe6\xdc\x19\xef|&lt;\xf4\x82K\xb2rr\t\xa1\\\xd7\t\xa19y\xf9\x17]6z\xce\'_\xdd&gt;\xf5q\x00\xf5\xe5\xeaY\xc1\xa0\x94&gt;3\xed\xde\xad\x9b\x7f\xb5\xd9\xedx\xb5:RRJ\xce\x8d\xcc\xec\x8c\x8dk\x7f\xbe\xf2\xfc\xc1_|&lt;\x8f1Mu\xc0\xa8\xab?\xa5\xd8\xbb\x18cR\x08\x9b\xdd\xbey\xc3\x86O\xdf\x7f\x9bR\xaa\x9ew\t\xa5 !\'/\xff\xbf\x1f}y\xf7\xb4G[\xb5m\x1f\t\x87=U\xde\xaarOU\xb9\xc7S\xe5\x8dD\xc2\xad\xda\xb6\xbf\xeb\xe1G\xe6\xcc_\x9a\x97\xdfB5\x8a\x02\x007\x0cJ\xe9W\x0b?]\xbbz\x95\xdd\xe1\xc0\xb7@\xcca\x01\x881J\xb5p04\xf3\xf9\'\xebn\xf9U\xef\x96\xcdf\x7f\xe9\x8d\x0f\x87_9\xdaS\xe9\xa9\xf6xu]\x07\x10@\x08\x80\xd0\xf5\xa8\xa7\xd2\x13\x0c\x04o\xb9\xeb\xaeG\xfe\xfd\xaa\x94B=\xeaJ)\t!\x81\x80\xff\xe5\xa7\x1f\xb1X\xcdR\xe2\xd9\x7f\x04\x84\x10\x84\x90\x8cL\xf7{o\xbc&gt;\xf6\xc2!\xdb\x7f\xdd\xc4\x98\xc6\xb9\xa1z\x1a\x85\x10c\xae\x99\xdc\xadgo\x00\xc0\x86\x85\x18\x12BXm\xa6o\x96|\xae\xebQ5\xbeV}\x9c2\xfa\xd8\x8b\xb3O\x1e4\xa0\xa4\xb82\x1a\x0e\x13J\x19cL\xd3\x98\xa6\xa9\x9e\xe1h8\\R\\\xd9g@\xff\xc7_|];\xe0a\x97\x10*\x04\xffv\xc9\xe7f\x0b\x93X\x00b\rO\xfdX\x12\x9c;\xd2\xec?\xfd\xf0]\xc1\xfa_\x00\x88\xa8\xbd\xfd\x11B\xdct\xd7\x83C\xce&gt;\xa3\xb4\xa8\xb2\xf6\x8c\xaf\x9bqJ\x08!L\xd3\x08!\xc5EUc\xaf\x9d0a\xf2\xffq\xce\xd5\xcd\xa9\xba\x8a-\x98\xff\xee\xa6u\xeblv\xbc\x03\xaa/)\xa5\xcdn\xd7L\xda\xc3wN\xb9\xfb\xa6\xabC\xc1\x00\xa5L=Q\x01\x80\xe0\xfc\xba)\xf7&lt;\xf0\xe4\x0b\xc1\x80?\xd1G\xda\xe4\x10"8\xac\xff\xe5\xa7\x9ai\xee\x00\x941)\xc4)\x83\xcf\x1a2\xf4\xec\xb2R\x8f\xd9l\xfe\xd39\x16\x84R\xb3\xd9\\^Ru\xea\x99g\r\x182TJQ;\xfaS\x02\xc0\xc6\xb5?s\x03\x00{\xc2b\r\x0b@,I)M&amp;\xba\xf4\x8bO\x00\x802\n\xea\xea\xcfy\xab6\xed\xaf\x18\x7f]e\xb9\xdfd6\x1d\xea{\xd5\xc8\x87\xaa\x8a\xc0Mw\xdc\xdf\xa6}G\xf5\x1c \xa5\xa4\x8c\xe9\xd1\xe8\xfc\xf7\xde\xb4\xd9Lx\x07T\x1fRJ\xa6\xb1\xbd\xbbvL\x1cu\xfe\x7f\xff\xf3oUn\x85\xe0\x8c1!\x04\xa1\xf4\xc1\xa7_\xbe{\xda\xa3U\x15\xe5\xc1@\x00\x00p\xdcO\x0cQJt\xdd(),T\xa3\xfb\xa1f\xb0\'\x0c\x18|\x16!\x87\x9f]A\x08!D\x9e|\xea\x19\xea\x1fP\xfbSJ\x8b\x0b\xa3\x91(&gt;\xab\xc5\x1c\x06\x1aK\x94i\x01\x7f\xf8\xe7\x95\xcb\x00@]\xac\xd5);\xec\xc2\xe1\x19\x99N\xc38\xcc\x1a\x03\x84\x10]\xd7]\x19\xae\xbf]?EJY\xf3\x06\x10\x02\x00\x96|\xf6\x91\xa7\xb2Z3\x1d\xb2~\xa0:RJ\xb3\xc5\xfc\xd0\xed7.\xffn\xa9\xc9l\xe6\x9cK)\xd5\xa0\xcf\xac\xec\xdc\x19o\x7f:n\xd2\r\x9eJ\x1f\xe7B\xd7#\xea\x1b\x12}\xc8M\t\xe1\x86\x11\x8d\xaa\x0e\xdb\xba%\x0f!\'/_\x08r\xf8[xB\x84 \xb9y\xf9PW@\x00\x00 \x1a\x8d\x18\x86\x8ec\xe1b\x0e\x0b@\xccH)MfSYi\xf1\x9e];\xa0\xf6\xf4U\x97\xef\xbe\x03N3\x0cI\xebq\xfa2\xc6\x02\x81\xf0Y\xe7]\xe2\xce\xc8R\xe3AU+\xd0\x9e\x1d\xdb\n6\xac\xb1\xdal\xd8\nT\x1f\x82\x8b\xff\x9b\xfaX\xba\xcbm\xe8\x06\xa1\x941\x8d\x1b\xc6\t\'\xf6z\xeb\xb3o\x86\x0c;\xa7\xa2\xac\x92i\x9a\x94\xc2\xc0\x91\xa0\xb1\'\x99\xa6\x99-\x16\x008\xf0v\x87s\xa3\xbe\x0b,\x110\x0c\xfd\xa0\x8f\x99\xcd\x16\xa6i8K#\xe6\xb0\x00\xc4\x8c\x94\xd2\xa4\x99\xca\x8a\n\xd5\xa0~)A]\xbe\xcdfs\xeb\xb6\x1d\xf4\xa8A\xe8\xe1\xdf\x01\x84\x90h$\xd2\xacy\x8b^\xfd\x07B\xed\x03\x04eL\x82\xfce\xe5\x8ff3\xc5V\xa0\xc3\xa2\x94\x86\x82\xa1\x93\xfa\xf5}\xe0\x89\x17TK\x1a\xe7\xc6\xb9\x97\x8czc\xfe\x97\xad\xdbu\xac\xaa\xf4h\x9a\t\x08\x11B\x08\x8ea\xc6\x98\x10\xd2d\xd2\xd4-\xbc\xba\xe1Q\xb7\xed\xfbv\xed`\xb4\x1e\x0f[R2\n{\xf7\xec\xac\xfbF\xd5[\x96\x97\xdf\xdcj\xb5\xe0\xddO\xcca\x01\x88\x19)%e\xd4\xe3\xa9\x04))\xa5um\xcb\xe9N\xb7\xd3\x9d\xc9y\xbd\xd7\x98\x94\x92ipb\xef~\x00\xb5\xef!\t\x00\xb0q\xdd\xcf\\`?X\xbd0\xc6*\xcb&lt;#\xc6\x8c\xbd\xfa\xc6\xdb\xb8a\xdc|\xf7\x83\xcf\xbd\xf6\x8ef\xb2\x04\x03\x81\x03G\x98\xe0\xc0\xaa\xd8\x93\x922\xe8z\xe2I\x00\xa0Nxu\xcb\xf2\xcd\x92\xcf#a\xe3\xb0K\xec\x11J#a\xe3\xfb/\x17\xd6}\xa3\xeaL&gt;\xb1w?\xca\xb0\xb1.\xf6\xb0\x00\xc4\x12!\x10\x0c\x06j\xfeV\xfb\xa7\xd5n7\x99LG\xf0\xf4J\x88\xe0\xd0\xaeCg\x00\x90BB\xeduj\xf7\xf6\xad\xa1@X\xf5-\xa3\xc3b\x8c\xf9\xbc\xa1\xebo\xbdw\xd6{_\xdc|\xd7\xd4\xa0\xcf\xcf\xb9^\xb7\xac\xd8o\xdd\x8b(\xa6\x08\xa5\xd1\x08\x1ft\xfa0J\x99\x10\x1c\x00\x84\x10\x94\xd2\xf5\xbf\xac\xfa\xe8\xdd7\xb3r\x9cz4z\xa8\xef\xd5\xf5hF\x96s\xe1\'\x1f\xac]\xbdBM\xd4 \x84H)L&amp;\xd3\x19g_\x14\x0e\xe9\xd8\t\x1cs\x18h\x8c\xa9K\xf6\xc1\x8e\xe4\xae\x9d\x10\x10B\xba3\xb2\xa0\xf6\xd2_3\x10\xa2\xa4\xc8\xef\xf3\xaa\xa9L19\xd4&amp;\x8e\x10\xce\r\x8b\xd5:\xf0\xf4a&gt;\x8fW-\xc1\x9a\xe8cj\xfa(\xa5\xc1@\xa0\xfbI\xbd\x07\x9d1L-\xb9\x0153Z\xe8?\xef\x99\xf2\xe37\xdf\xe74\xcb4\x0c\xfd\xa0\x96L)\xa5\xae\xeb\x99Y\x99\x9b\xd7o\x9av\xf7-\x84\x10u\x8a\xab\x81[\x17\x8d\x1a\xd7\xb5{\xf7P0\x88kt\xc7\x1c\x06\x1ac\x16\xab\x15\xa0\xb6\xf9GJ\x00\x08\x07\x83z\xf4\x88\x060\x10)\xffdv\x92\xdfW\xed\xab\xf6\xe2\xd2\xb8\xf5\xa7\xfa`\x02\xfej\xdc]\xa7\x81\t.\xfe~\xcf\xc3&amp;\xb3Y\xfe\xb6\x08\x8a\xf4\xfb\xbc\xd7\x8d\xbe\xf0\x93\xf7\xe6eeg\x98-V\xc30\xd4\xad\x8c\x9a\xee\x9b\x93\x97\xb1j\xf9\x0f\xd7\x8e:\xb7\xa2\xac\x84\x10"\x85`\x8c\x19\x86\x91\xdf\xb2\xd5m\xf7=\x12\x0c\x84\xf1\xf6?\x1e0\xd3\x98!\x04\x04\x97N\x97\x1b~\xdf\xb8\\\xed\xf5TU\x963\xcdT\xcf\x11\xe7RJ\xc6\xa0\xb4\xb4\x08\xd4\x1c\xfaZ\xd1H8\xe0\xf31\xca\xf0\t\xa0\xfe\x08!\xb8\xdeC\x03\xa3\x94\x06\xfc\x81\x9e}\xfa\xdcv\xdf?\x05\xe7\x8ci\xaa\x06\x10J\xab\xbd\x9e[\xae\xbe\xec\x8e\x1b&amp;\x14\x15\xee\xc9\xcav\x9b\xccf\x00\x92\x91\xe56\x0c\xfd\x99i\x0f]u\xd1\x19\x85\xfb\xf6\xa8\xc6\x1f\xc64\xce\xb9#-\xed\xd9\x99\xefd\xe5\xe4\xe9\xd1\x08\x8e\x01\x8d\x07,\x001C\x80\xea\x86\x9e\x93\xd7\xdcb\xb5\xa9U\x1c\xd4\n\xb7\xba\x1e\xdd\xfe\xeb&amp;\xb3\x99\x89?m\x1d\xfa\x03)%e\xe4\x87\xaf\x16C\xed@\x08u\xc5\x17B\x84#\xe1\xfa\x0c%B(\xb1\x98\xc6&lt;U\xd5\xd7\xdet\xfb\xf8\xeboU\xe3\xf7\xd5R\xcfjY\x94\xf7\xdf\x9a=\xe2\x8c~\x8f\xdd\x7fwI\xe1&gt;!\x8c\xb9\xb3g\x8e\x1av\xf2\x0bO&lt;\x18\x8dF\x08\xa5\xb5\x936\x8c\xec\xdc\xbc\xe9o\x7f\xda\xfb\xe4\x01\xfej|\x86\x8b\x17,\x001C(\xd1\xf5h^~\xf3\x16\xad\xda@\xdd 6J\x01\xe0\xebE\x9f\xa9e\xd0\x0f\xfbC\x84\xe06\xbb}\xc7\x96m\x0b?\xf9\x80\x90\x9a\xc5$\xea~\x9a\xa8\xffP"\x84\x12\x8a\x10\xe2\xf3\xf9\xfe\xf1\xe83\x7f\xbf\xe7a\xb5\xefE\xcdJ|R2\xc6\xaa\xbdU3\xff\xfd\xc4\x883\xfb\x0e?\xa3\xcf\xfdS&amp;\xed\xd8\xfa+cL\x9d\xe5RJn\x18\'\x9fz\xfa\xdc\xcf\xbe\xeb?p\xb0\xd7\x83\xeb\xe0\xc6\x11\x16\x80X\xe2\x86\xe1t\xa5\xf5\xecs\xb2Zs\x18\x00\xd4d\xae\xc5\x9f}\xb8\xed\xd7\xadv\xbb\xfd\xaf\xf7\xb5P\xc3\x1e\xacV\xf3\xe3\xf7\xdf\xee\xf7y\x0f\\KK\xfd\x1fvc\xa2d\xa1nY\xaa\xab\xabo\xb9\xe7\xfe\x97\xde\xfc0\xb7Ys\xcek\xa6\xdd\xa9-_\x18c^O\xd5\xee\x1d\xdb\xd4\x0eH\x9cs\x02 \x84HKw\xde\xf1\xd0\x93\xaf\xbe\xf7E\x8b\xd6m\xab\xbd\x1e\xdc\x19;\xae\xf0\x82\x12[\x84sy\xd6\xf9\x97\xaa5\x87\xa1v\xfcC\xc0\xef{b\xea\xed\x16\xab\x99i\xac\xae\xef\xeb@R\x08\xc3\xd0\xcdf\xb3\xcb\xed|\xe4\x9e\xdb\xbe\\0\x9fi\x9a\x1aEW\xfb\x15\x12\x00\x98\xa6\xe1Ph\x94,T\xcbOey\xd5\x99\xe7\\\xf4\xf1wk\xc6\\;\xd9d2\xa9\x9b\x18\xb5\xdc\xbf\xfa\x02Q\xb3SX\xcd\xa2)K\x7f\xd91\xf9\xf6;B\xc1@8\x14\xc2\xab\x7f\xbca\x01\x88%\xc6X\xc0\x1f\x188\xe4\xac\xce\xc7wW\xeb\xb8\x01\x80\x10\x9cR\xb6t\xc1\xc7\xf7\xdfz\xa3\xd9lvg\xba5M\x93B\xd4lC(8\x00Xl\xb6\xac\x9c\x0cOU\xc5-\xe3G\xbf\xfe\xca\xb3j\xe9\x82\xba\x1f\xabn\xa6(c\x16\x8bE`\x01@\xc9Cpn2\x99)\xa5&gt;\xaf\x97\xd4\x8c\xc4\xad9\x81\xd5?\xeb&amp;\xf7\xaa\xbb\xa2\x82\xf5k\xde|\xf5\xa5\xdd;\xf6edf\x00\x00N\xfd\x8d7,\x001\xc69\xb7;\xec\x93\xefx@\xca\xdf\x16\xffQ[\x01\xbf=\xfb\x95\xd1\xe7\x9d\xf6\xf9\x07\xefV{=\x16\x9b=\xdd\xe5Jw\xb9\xd2\xd2]@`\xc7\xd6\xcd/&lt;\xfe\xcfKO\xef\xf3\xd9\x87\xef\xa8\x1e\xb0\x8c\xccl\x9b\xdd~\xe0O6\x9b\xcc6\xbbC\n\x8e\xc3!PR\xe0\x86aw8\x80\x90\x17\x9f|\xe8\xe2\xd3z\xbe9\xf3\xc5h4\xa2\xc6G0\xc6\xa4\x94\xea\xeeG-\xd7\xaa\xba\x07\xf6\xee\xda\xf1\xfc\xe3S\xaf8g\xc0\xff\xdex\xcd\x91\x96f\xb1Xp7\xe0\xb8\xc2\'\xac\x18c\x8cU{\xaa\xcf\xbdd\xe4\xd2\x05\xe3\xe6\xbf;\xc7d2\xe9\xba\x0e\xb5\xf3!\xd7\xad^\xf1\xf7\t\x97gf\xe7\xb6i\xdf13;G\xd3L\x01_uq\xd1\xfe]\xdb\xb6\xa8\x05\xb04\x93\x89\x1b\x86\xd5f\x7fj\xfa\x9c{o\xb9&amp;\x14\x0c\xd6]\xee\xad6\xbb#-\x9d\xe3=\x11J\x06\xdc0\\\x19\xee\x82\r\xeb\xee\xfb\xfb\xc4u?\xaf\x04\x00\xc6\x18\xe7\\\xfd\xc99\xcf\xc9\xcbo\xde\xb2\xd5\xda\xd5+\xd5%^}\\\r\xdb-\xda\xbf\xf7\x1f\xb7\\\xb3t\xc1\xc7\xf7?\xfe|~\xcbV\xd5^\xaf\x86\xfd\xc0\xf1\x81\xb1\xc6\x1e\xa1$\x14\x08&lt;\xf8\xf4KE\xfb\xf7\xac\\\xf6\r\xd34!\x84\x14\xa2\xae\xa1\xb3\xb2\xbc\xb4\xb2\xbc\xf4\xa0\xefbL#\x94\x18\xba\x0e\x00O\xbe\xfcz\x97\x13N\xac\xa8\xfd\x1au\x7f\xe4rg\xd8lv\x817D\xa8\xd1\xe3\xdcpg\xba\xbf\xfc\xe2\xb3;\xae\x1b[\xed\xf50M\xabk\xe8\xe7\x9cgdf\x8f\xbb\xee\xe6\x91c\xae\xc9\xce\xc9Y\xbbz\xe5\xbc\xb7f\x7f\xfe\xe1;\xa1`\x10\x08\x10B87\x08\xa1\x94\x92/\x17\xcc\xdf\xb4\xee\xe7gf\xbe\xdd\xe7\x94\x81\xde*\x1c\x0b\x14\x17\xd8\x04\x14{\x84\x10\xc3\xe0\x9afz\xe5\xad\x8f\xce\xb9h$7\x0c5\xad\x911&amp;eM\xb70U\xfff\x1a\xd3j\x08!\x0c]\xb7;\x1cOM\x9f3b\xcce\xbbwl\x15\x9c\x13\x02u\x1b\x03df\xe7\xd8\x1dij\xa4P\xa2\x7fE\x84\x0e\x89s\xc3\xe5r\x7f\xbd\xe8\x8b\x9b\xc6\r\xaf\xf6z\x18c\xdc0\x00\x88\x94R\x081|\xf4\xf8\x0f\xbe\xfai\xca=\x0f\xb83\xb2B\xa1\xc8I}\x07&lt;\xf1\xf2\xacy\x8bW\x8e\x1c;\x81\x00\x11B0\xc6\xa4\x14jG\xf8\xa2\xfd{\xaf\x1du\xee\xcae\xdf\xa6\xbb\\\xd8\x16\x14\x0fX\x00\xe2\x82R\x1a\x8dF5\xcd\xfc\xec\xacw\xa6=;\xa3U\xdb\xf6\xea\xb1WJ\xa1\xa6\xc5\x83\x94j\xcbrn\xd4\x90R\x0c\x1ez\xde\xdc\xcf\xbf\xbf\xe8\xb21\xbej^QVZ\xb75\xb6\xdaS)\xbfEk\x93Y\xc3n1\xd4\x98\t!l6\xfb\xce\xed[\xff\xef\xba1\xba\x1e\xa5\xb5\r;R\n\x9b\xdd\xf1\xd4+o&lt;5}vvn~E\xb9\xc70tJI \xe0\xf7Tz\xdav\xec\xfc\xf8K\xb3\xde\x98\xbf\xf4\xb8n=T3\x11\x00p\xc3`\x8c\x05\xfc\xbe[\xc6_\xb6w\xd7\x0e\x9b\xcd\x8a\'\x7f\xcca\x01\x88\x17\xf5\xb4\x1b\n\x04F_=q\xde\xe2\x15\x8f\xbe0k\xe8\xf9\x976o\xd9\xdad2\xab[!u6\xdb\xec\x8eN\xc7\x9d0z\xfc\xf5o\xcc_\xfa\x9f\xb9\x9ft\xee\xda\xcdSYa6\xb3\xdd;\xb6B\xddR\x10\x04\x00\xa0M\x87N\xb8".j\xf4\x08\xd3\xd8\xc3w\xdd\xec\xad\xaadLS\xf3`\x08!vG\xda+o}4r\xdc\xb8\xca\n\x8f\x1e\x89h\x9aV3\xb6\x8dR\xc6\xb4p(\xe4\xa9\xf0\xf4\x1f8\xe4\xed\xcf\xbf;o\xf8\x15\x9cs5\x82\x8es\xce\x98VQ^:\xf5\xffn\xa0\x8c\xe1,\xc8\x98\xc3f\xb58"\x84\x00!\x9e*\x8f\xd5f\x1f5n\xc2\xc81\x13*+\xcaK\x8b\x0b\xab*\xca#\xe10\xa5\xd4\xeeH\xcb\xca\xc9\xcbm\x96\xeft\xa5\xe9\xba\x0c\xf8}\x00\xa0i&amp;\xce\xe1\xd7M\xeb\x01j\x86\xcc\xa9\x15F;\x1dw\x82\xc0\xfd\x00P#&amp;8Ow9\xbf\\\xf0\xe9\xf7K\x17R\xc6\xd4\xcc/\xb5$\xdf\xd4\xa7^\x1a2\xf4\xac\xd2\x92J\x93\xc9\xfc\xc7o\xa4\x94\x02\xa5\xd5^\x8f\xc9l~\xee\xd5\xb7)\xa1\x9f\xbe?\x972&amp;8\xe7\xdc`L[\xf6\xf5\xe2\xc5\x9f\xce?\xf7\x92\xe1^O5\xae\x87\x18CX\x00\xe2N-k\xe5\xa9\xf2\x12\x00\x9b\xcd\xde\xa1\xf3\xf1\x9a\xa6\xa9\xcb\xb8\x10\xc20\x0c=\x1a\xad\xaa\xf4\x1c\xb0l\x19\xf1U\xfb6\xad\xfb\x05\x00\xa4\x14jCs\x93\xc9\xdc\xa9\xeb\tz\x04\xb7EE\x8d\x1b\x81\x0f\xe6\xbeF\x08Q\xed\x96jl\xcf\x19\xe7\\8b\xccUe\xa5\x9e?\xbd\xfa\xd7a\x9af\x18F(\x18|\xe4\xb9\xffl\xd9\xb4n\xcb\xe6\x8d\xb5\x9b\nHB\xc8\xfbo\xcd:\xe7\xe2\xe1x\xfa\xc7\x166\x015\x045\xf0Y\xb5\x87\x86CA\xbf\xcf\xeb\xf3z}^o\xc0\xef\x8fF"\x00\xc0\x98\xa6\xae\xfeB\x08\xab\xd5\xb2s\xeb\xaf{vn\x83\xda\xc5!\x00\xa0m\xc7N\xad\xdat\x88D"\xb8(.j\x9c\xa4\x94&amp;\xb3\xb9\xac\xb8\xf4\x97\x9f~T\x8d\x9cP;\xbdk\xcc5\x93\xb9Q\xaf\xc1\x0b\xaa\xf3,-=\xed\x86\xdb\xfe\x01\xaa\xb7\x0c@\x08!\xa5\\\xbbzE\xf1\xfeB\xb3\xd9\x82\xab\xe1\xc6\x10^M\x1a\x94\x9a\xfbN)\xa3\x8c\xa9%P\x0ezWH!,V\xed\x87o\x96\xa8Q\x10P\xdb\r\xd0w\xc0\xe0t\xa7\x9d\xe3&amp;\xe6\xa8\xb1\x92R\x9a\xcc\x96\xc2\xbd\xbb*\xcaJ\xe1\xb7\x87W\x91\x95\x93\xd7\xb5{\xcfp\xa8\xbe\xf7.\x8c\xb1@ \xd4w\xe0\xe0\x8c\xac\xec\xdaM\xc1$!\xc4SU\xb9\x7f\xef.\x93\xd9\x8c\x05 \x86\xb0\x004.\x94\xb1@ \xb2`\xfe\xbbP\xbb\'\xaa\xfas\xc8\xd0\xf39\x97\xd8\xfe\x83\x1a-)%c\xb4\xb2\xa2\\\xd6\xec\x89]\xb3\x84I\xb3\xe6-\xd2\x9c.\xce\x8dz\x9e\xbd\x84\x10n\x18NwF\xf3\x96jU\xdd\xdf~\x94\xa7\xaa\x822\x8a\x05 \x86\xb0\x004"\x9c\x1bi\xce\xb4e_-\xde\xb4\xee\x17\xb5-\x06\xa5T\x08\xd9\xbam\x87\xde\'\x0f\x0c\x06\x82\xb8*:j\xcc\x08\x81\xda-\x7fI\xdd\x9f&amp;\x93\x99\x1d\xf9\x9e&lt;\x942\xcdd:\xf0g\x83Z[7\x06\x87\x89~\x83\x05\xa0\xb1\x90RR\xca\xf4H\xf4\xc5\'\x1f\x02\x00u\xc6\xab\xc5\xb3.\x18yeF\xa6KM\x12F\xa8q"\x00R\x82\xd9j\x01\x80\xba=Q\x01\xa0\xba\xda\x13\x89\x84\x8f\xe4\xe1U\x12J#\xe1\xa0\xb7\xaa\xa2\xee\x87\xa8-\xf6l\xf64!p(h,a\x01h,\xb8\xa1ge\xa7\xbf\xfc\xf4?7\xacYE\x19\x13\x82\x13B\x84\x14\xe9N\xd7\xf0+\xc7\x07\x02\x11\xbc\xfdG\x8d\x1a!\x9c\xf3\xcc\xcclB\xe9\x81=\xc0\xfbw\xef*.\xdcg2\x9b\x85\xac\xd74.!\xa4\xd9d.\xdc\xb7g\xff\x9e\xdd\x00D\x88\x9a\xcd\xf5L&amp;SN^3\xc30\x007\xc5\x8b\x1d,\x00\x89\xa7\x06\x83\xe66\xcb\xfc\xdf\x1bs^\xfe\xd7#\x941\xf5\xfe\xa1\x94I!\xc6\\3\xb9}\xc7\xf6\x91P\x08;\x00PcF\x08\xd1\xa3\xd1\xe6\xad\xdade\xe7\x00\x80\xda\xce\x881\x16\x89\x84\x17~&lt;/-\xcd\xcc\xf5z\ra\xe0\x86\xe1H7}\xfe\xc1\xfft=\xca\x18Sc@\x01\xa0y\xab\xb6\xcd[\xb5\xd1\xa3\x11\x8a\xdb"\xc5\x0eF\x19G\xf2/oy\xd4P9\xc30\xccfsV\x8e\xfb\x8d\xff\xcc\xb8\xe7\xa6\xab\x01\x88\x14\x02\xa4\xa4\x94rn\xb4i\xdf\xf1\xda\x9bo\xaf\xf6b\xeb?j\xecT\x01\xc8\xce\xcd=\xb1W?B\x08\xa5\x04j\xc71\xbf&gt;\xfd\xb9\xcd\x1b7\xbb22t=Z\xb7\x1f\xc0\x1fI)\xf5h43;s\xed\xaa5sf\xbe\xa0f\xc0@\xed@\xb8SN;\xc3\x9d\xe1T\x8b\xe6\xa2X\xc1\x02\x10/\x94R\x8b\xc5\xa6v&gt;\xe2\x86\xc1\r\x83sC-\xfe\xc3\xb9!\x04\xa7\x8c9\xd2\xd22\xb3\xdd\x95\xe5\xa5w\xdd8\xf1\xfe\xdb\xaeSs^\xd4\xa07 \x8416\xed\x99\xff\xa4\xbb\\j[\xedD\xffB\x08\x1d\x86\x04 \x84\\0\xe2\xca\xdf\xb62\x95\x92\x10\xe2\xad\xaa\xbc\xe5\xeaQ\x85\xfbvg\xe7f\x02\xd0\xda\xf7\x02W{"q\xce\xd5[\x83R\x96\xd3,sK\xc1\xa6[\xae\xbe\xcc\xef\xab\xae\x1b\x00*\x85\xa4\x94\r\x1f}u4j\xe0\xae\xa8\xb1\x853\x81\xe3\x82R\x1a\x0c\xf8\xab*+Z\xb5ig\xb5Y\xd5\xed\xbbzS\x10\x02R\x82a\x80\xb7\xaar\xe3\x9aU\x8b?\xfbh\xfe\xbbs\xaa*\xca\t\xa5j\x858B\x08e\x8c\x1b\xc6}\x8f\xfd{\xe0\x19gT\x95\xe3B\xb8(90\xc6\xfc&gt;\xff\xd0\x0b.\xee\xd6\xa3\xf7\x86\xb5\xab\xd54`5\x98m\xcb\xa6\xf5\xa3\xcf=\xf5\xd6\x7f&lt;r\xe6y\x17gd\xb9\x01@\x08P=\xba\x84\x02\xa5 %\x94\x97\x95\xbd\xff\xd2k/&lt;\xfe\xa0\xa7\xaa\x82\xd6v$0\xc6\x0c\xc3\x18&gt;\xfa\xea^\xfd\xfb{\xaa\xbc\xb8\x0eDl\xe1\x95%\xf6\xa4\x10&amp;\xab\xb5t{\xd1\x98\x0bNk\xd5\xb6}\xfbN\xc75k\xde\xca\x9d\x99\xa5\xb67\n\x06\xfc\x15\xe5\xa5{wn\xdf\xb1\xed\xd7\xfd{v\xa9oQo\x15\xf5\x17!\x047\x8c[\xee~h\xfc\x8d\xb7TUx\xf1\xea\x8f\x92\x88\x10\xdc\xa4\xd9\xee\x7f\xf2\x85\xb1\x17\x0e1t]]\xc7U\r(.\xdcw\xd7\xe4\xf1\xad\xdbu\xe87p\xc8q\'\x9c\xd8\xacy+\xbb\xc3!\x01\x82\x01\x7f\xe1\xbe\xdd\x05\xeb~Y\xf1\xfd\xd7E\xfb\xf7\x02@\xdd\xd5_\xd34\xc30\xdau\xecr\xd7\xc3O\x04\x02!\x9c\x06\x1fsxq\x89\x0b5\x17&amp;\x14\x0c\x16\xac_S\xb0~\xcd_|%c\x9a\x10\x9cs\xaef\x05s\xceM&amp;\xf3\xbd\x8f&gt;3n\xd2d/\xde\xef\xa0dC)\xf3\xfb\xfd\xbd\xfb\x9f\xf2\xe8\xf3\xb3\xee\xb8~\x9c\x94\x92i\x1a7\xb8\xea\x0c \x84\xec\xd9\xb9}\xcf\xce\xed\x87\xfcv\xc6\xd4J\xb9j\xf5\x14\xc30\xf2[\xb6~i\xce\x07\xe9\xae\x8c` \x80o\x87\x98\xc3\x8a\x1aG\x8c1J\xa9\xa6iL\xd3\x18\xd3\xeav\x80a\x9a\xc6j\xd7\x81\x10RPJ\xd5-\x0f\xe7\xbcG\xef\xfes&gt;\xfe\xea\xaaI\x93=\x95^z\xe4\xd3g\xd0\x11!\x7f\x90\xe8#j\n\x18c\x9e*\xef\xa5W\x8c}\xe9\x8d\x0f\xb2rr\xb9a\x00H\xc64\xd5\xa6\xaf\xd6\x7f\xae9\xff)%\x94R\xca\x18\xd3\x18\xd3\x08\xa5R\x08B(c\x9a\x94\xd20\x8c&gt;\xa7\x9c:g\xfe\xd2\xf6\x9d\xba\xe0\xd5?N\xf0\t \xbeTw.\x08\xf9\xdb\xd4\x18\t\x00D\xad\xea\xac\x06\xfc\xa8\x8d\x8e:w\xed6v\xe2M\x17_&gt;\xceb\xb1VU`\xbb\x7fC0t]\xedE\x0e\xb5\x83\xd6q\x99\x81\x98`\x8cy\xaa&lt;\xc3.\xbc\xb4\xcb\t\'\xbe\xf4\xf4\xb4\xcf\xde\x7f;Z3C\x18\x08\xa15s\x1c\x81\x90\xba\x11A\x04\x00\x80H\x10R\xaa7Dn\xb3\xfc\xbf]\x7f\xeb\xb8\x8971M\xf3\xfb\xfcx\xf5\x8f\x13\xbc\xca\xc4\x0b!T\x8fF%H\xf8\xcb\xad\xecZ\xb6n\xdb\xab\xff\xc0a\x17\x8e\x180\xf8,\xa7+\xddW\xed\x0f\xf8|x\xf5o\x00\x84\x10wf\x16\xd3\xb4\xdfF\x9bH\xa9i&amp;\xac\x011\xc1\x98\xe6\xf5x\x9b5o\xf5\xe4\xcb\xaf\xff\xed\xba\xbf\x7f\xf6\xe1\xff\xbeY\xf4\xf9\x8em\x9b\r]\x87C\x8f\x8e\xb6\xd9\xed\'\xf4\xe83\xec\x82K\xcf\xbddT\xf3\x96\xcd\xab\xbd~]\xd7\xf1\xea\x1f?x\xa1\x89=B\xa9\x1e\x894k\xd1\xf2\xbf\x1f/\xdd\xb1\xa5\xa0h\xdf\x9e\xca\xca\n\x7f\xb57\x12\x0e\x13\x02\x16\x8b5\xdd\xe5\xce\xcem\xd6\xba]\x87v\x1d\xbb\xb4i\xdf13;KJ\x08\xfa\x03\x9e*\x0fc\x1a\x0e\xf9\x8f7B\x88a\x18\x8et\xe7;\x0b\x96\x1d\xb4\xc3\x9a=--\x1c\xc2Y\x17\xb1\xc1\x18\x8bF\xc3\xe1p\xa8\xf3\xf1\xdd\xbb\x9ft\xd2\xe4\xdb\xef\xdf\xb3s\xfb\xb6_7\xed\xda\xb1\xb5\xac\xb8\xc8\xeb\xa9\x8c\x84\xc3RJ\x8b\xd5\xea\xce\xc8\xcak\xde\xa2}\xa7\xe3:w\xed\xd6\xaam{\xab\xd5\x14\xf0\x87\xab*=\xaa\xa5(\xd1\xbfGS\x86\x05 .$\x80\xa6i\xfd\x06\x0c\x1e8x\x88j\x01\x92\xe2\xb7a\xa0\x94\x02! \x04\xe8\xba\x88F\xc2\xde*/\x000J\x19\xc3\x97\xa3\xe1\xa8\'\x80\x83Z\xfd9\xe7\xf8\x04\x10C\x84P\xc6 \x14\x0c\x06\x03\x821\xadc\x97\xe3\xbbv?\x911\x90\x12\xc4\x1f\xde\x11\x9cC$\x12\x8d\x84\xc3\xa1`@u\x0c$\xfa\xf0\x9b&gt;\x8c8^\xa4\x94\x01\xbfOJ\xa1\xa6\xc7@\xed\x02\x89j\x93\xc7\x9a93\x84\xa8\xd1\x0e\x89&lt;\xd0\x14\xf6\xc7\xf5\xf5\xb0\x1f8\x1e(\xa5j\xbcI(\x14\x0c\x06%HY\xdb\r\x00\xf0\xfbw\x04\xa5j\x1a\x0c^\x97\x1a\x08\x06\x1dGu\xe7=j\x9c\xf0r\xdf\xc0\xb0=\xa7\xb1\xc1\xd7\x03!\x84R\x14\x16\x00\x84\x10JQX\x00\x10B(Ea\x01@\x08\xa1\x14\x85\x05\x00!\x84R\x14\x16\x00\x84\x10JQX\x00\x10B(Ea\x01@\x08\xa1\x14\x85\x05\x00!\x84R\x14\x16\x00\x84\x10JQM\xa4\x00\xe0\x9c\xfe\x06vP\xe0\x98\x7f\x03\xc3\xfc\x13\xab\xc9\x04\x9e\xdc\x05@J\xa9\xf6\x0e\xd5\xf5(\xae\xe1\xd8\x90t=\n\x98\x7f\xe2`\xfe\x89\xa5\xf2\x07\x00\x95\x7f\xf2J\xd6\x02\xa0\xb6\xefp:\x9d\x9d:u\x04\x80\xcd\x1b\xd6\xea\x06.5\xd5\x10\x84\x94&amp;\x13l\xde\xb0\x16\x00\xf2\xf2\xf2:t\xc4\xfc\x1b\x14\xe6\x9fX*\xff_7\xac\x03\x00\xa7\xd3\xd5\xa9S\'H\xe6\x07\x82$&gt;c\xa4\x94\x9a\xa6egg\x03\x80\xc7S\x19\rG\x92\xf7eH.BBEy)\x00\xa4\xa7\xa7\xe7\xe5\xe5\x01\xe6\xdf\xb00\xff\xc4\xaa\xcb\xdf\xe1\xb0gdd\x00\x16\x80\x84P\x0f_\'\x9e\xd8\x03\x00\xf6\xec\xd8V^Rd6\x9bq7\x8fx\xa3\x94F\xc2\\\xdd\x81v\xeb\xd6\xed\xeca\xc3\x00`\xef\xce\xed\x98\x7f\xc3\xc0\xfc\x13K\xe5_\xb0a\r\x00t\xea\xd4\xc9\xe1p\x08!\xb0\x00$\x80\n\xbdO\x9f\xde\x00\xe0\xab\xf6n\xdf\xba\xd9l1\xcb$o\x92k\xe4\xa4\x94f\xb3\xb9\xa2\xb4x\xd7\xf6-\x00\xd0\xad{\xf7A\x83\x06\x01\xe6\xdfP0\xff\xc4:(\xff\x9e={RJ\x93\xba\x1b \x89\x0b\x80j\xf1&lt;\xe5\x94S233\x85\x10\xcb\xbe^\xaciD\xe0\x1dP&lt;I!\xac6\xcb\x9aU\xcb+\xcb\xcb(\xa5\xa7\x0e\x1a\xd4\xaf_?\xb7\xdb\x8d\xf97\x0c\xcc?\xb1\x0e\xca\x7f\xd8\xb0a\x90\xcc\xed?\x90\xd4\x05\x80\x10"\x84\xc8\xcf\xcf\xef\xd1\xa3\x07!\xe4\x9b\xc5\x9fU{\x83\x9a\x86{\x9c\xc5\x91\x90\x921\xb2\xe4\xf3\xf9RJ\xb7\xdb\xdd\xbbwo\xbb\xdd\xde\xb3gO\xcc\xbfa`\xfe\x89uP\xfe\x03\x07\x0e\x84$\xdf\xe6,\x89\x0f\x1dj\xbb\x01.\xbf\xfc\n)\xe5\xae\xed[W.\xfb\xca\x91\xe6\xe0\x9c\'\xfa\xb8\x9a&amp;)\xa5\xd5j\xdd\xbb{\xdf\xf7_-\x04\x80\xb3\xcf&gt;G\xf5\x80]q\x05\xe6\xdf\x100\xff\xc4\xfac\xfe.\x97\x8bs\x8eO\x00\t\xa3\xb6S\x1f9rD^^\x9e\x94\xf2\xd5\x17\x9eJ\xea\x0e\x99F\x8es\xeeH\xb7\xbe\xfd\xda\xcb\x15e\xa5\x8c\xb1I\x93&amp;\xaa\xc1\xb8#G\x8e\xc4\xfc\x1b\x00\xe6\x9fX\x7f\x9a\x7f\xa2\x0f\xeaX%w\x01 \x84\x18\x86\x91\x95\x955v\xecX)\xe5O?|\xfb\xed\x92ENg:\xde\x04\xc5\x9c\x94\xd2b\xb5\xee\xdf\xbd\xff\x7fo\xcc$\x84\x9ct\xd2IC\x86\x0c\x11Bp\xce1\xff\x06\x80\xf9\'\xd6\xa1\xf2W\xf7\xa0\xc9+\xb9\x0b\x00\x00PJ\xa5\x94\x93&amp;Mr\xbb\xdd\x000\xe3\xb9\xc78\xde\x04\xc5\x017\x0c\xa7\xd3\xfa\xdf\xe9\xff\xae\xaa(\x07\x80;\xee\xb8\x03\x00\xa4\x94\x98\x7f\xc3\xc0\xfc\x13\xebP\xf9\'\xfa\xb8\x8eUS(\x00B\x88\xce\x9d;O\x992EJ\xb9j\xf9w\xaf\xbf\xf2\xef\xacl\xa7\xae\xeb\x89&gt;\xb4\xa6\x83\x1b\x86\xcb\xedZ\xfe\xdd\x0fo\xcc|\x1e\x00N;m\xf0\xa8Q\xa3\xd4\xed\x0f\xe6\xdf\x000\xff\xc4\xfa\x8b\xfc\x13}h\xc7\x8a4\x81"\xa6VD\xf1\xfb\xfd\xbdz\xf5\xda\xb1s\xa7\xc3\xe1x\xe3\xa3\xaf\xba\xf7\xea]\xed\xf12\x1c\x14q\xcc\xa4\x10\x9a\xc9d\xe8\xd1+\xce\x1d\xb4u\xf3FJ\xd9\x8a\x15\xcb{\xf5\xea\xa5n?\x01\xf3\x8f3\xcc?\xb1\x0e\x9b\x7fRK\xfa_\x00\x00\x08!\x84\x10\x97\xcb5w\xee\\\x8d\xb1\xa0\xdf\x7f\xf7M\xe3+\xcb\xcb\xccV\x0b6\x86\x1e#)\xa5\x94\xd2j\xb5&lt;\xf0\x7f7n)\xd8 \xa5|\xfa\xe9\xa7z\xf7\xee-\x84\xa8;\xfb1\xff\xf8\xc1\xfc\x13\xab&gt;\xf9\'\xb5\xa6\xf0;\x00\x00\xa5\xd40\x8c\xfe\xfd\xfb?\xf5\xd4S\x12`\xeb\xe6\x8d\x13/\xbf\x80Qj\xb1Z\xb9a$\xfa\xe8\x92\x95\x10BJ\x91\x9b\xefz\xf0\xce\x9b?}\x7f.\x00\x8c\x1c9r\xca\x94)\x86a\x1c\xf4\xf0\x8b\xf9\xc7\x03\xe6\x9fX\xf5\xcf?y5\x91\x02\x00\x00\x9a\xa6\x19\x861e\xca\x94\x89\x13\'\x02\xc0\xfa_~\xba\xe6\xb2\xf3|^O\xba\xcb\x85\xed\xa1G\x81\x1b\x86\xc9dJKK\xbf\xfb\xa6\x9b\xde\x99\xfd\n\x00\xf4\xed\xdbw\xc6\x8c\x19\x87j\xfa\xc4\xfcc\x0b\xf3O\xac#\xcd?I5\x9d\x02\x00\x00\x8c1!\xc4\x8c\x193\xd4{`\xf9wK\'^~\xde\xce\xad\x9b\xb3s28\xe7I\xbddGC\x92R\x1a\xba\x9e\xeer\xe9z\xe4\xce\x1b\xc7\xbf\xf5\xeaKB\xc8\xbe}\xfb.\\\xb8\xf0\xaf\xd7&gt;\xc4\xfcc\x02\xf3O\xac\xa3\xce?\x195\x85N\xe0\x03\xa9\x0e1\xc6\xd8\xa4I\x93f\xce\x9c\t\x00\xee\x8c\xac\x7f&lt;\xf6\xdc%\x97\x8f\xd5u\x1e\xf4\xfb\x08\xa5M\xa3\xf1.\x1e\xa4\x94\x9cs\x8b\xd5\x9a\x9en]\xb9\xec\x87\xa9\xb7\xdf\xa8V\x9d\xec\xd7\xaf\xdf\x17_|\x91\x91\x91q\xd8\xa6O\xcc\xffX`\xfe\x89u\xec\xf9\'\x9d\xa6V\x00\xa0\xb6\xdf\x86R\xfa\xd0C\x0f&gt;\xf8\xe0C\xea\x83\xe7]2\xea\xfa\xdb\xee9\xfe\xc4\x9e\xd1\xa8\x11\x0c\x04\x00$\xa5\xac)U\xf2cQ\xb3\xb1\x94\x94\x16\xab\xd5\x91f\xdd\xb7g\xff[\xb3^\x9a\xfd\xd2\xbf\xa2\xd1(\x00\x8c\x1a5j\xfa\xf4\xe9\xf5?\xfb1\xff#\x85\xf9\'Vl\xf3O.M\xb0\x00\xc0\x01\xef\x81\x85\x0b\x17N\x98pMa\xe1~\x00\xb0Z\xad\xe7]z\xf9U\xd7\xddrB\x8f^\x84@8\x14\x8dF#B\x08)%I\xbd\xb7\x82\x04\x90R\x12\x02\x84P\x93\xd9l\xb3Y\x19\x83\xbd\xbb\xf7\xbd\xfb\xc6\x8cw\xdf\x98YVR\x0c\x00f\xb3\xf9\x89\'\x9e\x982e\n\x00\x1c\xd1\xd9\x8f\xf9\x1f\x16\xe6\x9fXq\xcd?\x894\xcd\x02\xa0\x18\x86\xa1iZaa\xe1}\xf7\xdd7w\xee\xdb\x91H\x18\x00l6\xfb\x80!g\x9d~\xf6\x85\xfd\x07\r\xceo\xd1\xdaj\xb30\x06\x86\x01M7\x86C2\x99@\x08\x88FyYI\xf1\xdaU?~\xbd\xe8\xf3\xef\x96~QZ\\\xa4&gt;;t\xe8\xd0i\xd3\xa6\xf5\xef\xdf_-/s\x14\x97\x08\xcc\xff\xafa\xfe\x89\x15\xef\xfc\x93BS.\x00\x00\xc09W]\xf6+V\xacx\xec\xb1\xc7\x16/^\x1c\x0c\x06\xd5\xa7\xd2\x9d\xce\xf6\x9d\xbav\xe8\xdc\xb5y\xabVm;\x1c\x97\x91\x99e\x18FS}\x99\x7fO\x12Bu=\xbay\xc3\xda\xca\x8a\xb2-\x9b\xd6o\xdfRPQVZ\xf7\xe9\x01\x03\x07\xde4y\xf2\xe8\xd1\xa3\xe1\x80\x00\x8f\x0e\xe6\xffg0\xff\xc4j\xb8\xfc\x93\x80l\xea\x84\x10\x86a\xa8\xbf\xaf_\xbf\xfe\xf6\xdboo\xdb\xae]\xa2So\x8crss\xaf\xfa\xdb\xdf\x16-Z\xa4\xb2\xe2\x9cs\xce1\xff\x06\x83\xf9\'V\x9c\xf2o\xe4\x9a\xf8\x13@\x1d\xd5\xd6\xa9\x8a\xb9\xcf\xe7+((X\xb6l\xd9\xea\xd5\xab\xd7\xaf_\xef\xf1x\x8b\x8a\nSo\xce$\xc9\xcd\xcbu8\x1c={\xf6\xec\xde\xad[\xff\xfe\xfd{\xf7\xee\x9d\x93\x93\x03\x07\x8c$\x89\xe1\x7f\x0c\xf3\xff\x03\xcc?\xb1\x1a4\xffF+U\x96\nQ\xdb\x87I)\t!\xe9\xe9\xe9}\xfb\xf65\x99L\x94\xd2\xaa\xaa*\xcaXiiI\x8a\x14\xc2Z\x04\x00\\NgVVV\xef^\xbdN9\xe5\x94\xde\xbd{\xa7\xa7\xa7\xab\xcfq\xcec\xde\xdf\x85\xf9\xff\x1e\xe6\x9fX\r\x9d\x7f\xe3\x95\x90\xe7\x8e\x06V\xf7\x08\x1c\x89D\xe6\xcf\x9f?|\xf8\xf0\x96-[%:\xf8\xc6\xc5\xe9t\x9ey\xd6Y3f\xcc())QY\xe9\xba\xae.\x19\x98\x7f\x03\xc0\xfc\x13+\xae\xf97fM\xbc\tH\xfdv\x84\x10\xaf\xd7;s\xe6\xcc9s\xe6\xac[\xb7\xae\xee\xb3i\xe9\xe9\xf9-Z\xe7\xe4\xe5\xb5\xedp\x9c;3\x93\x1b\xc9\xbd\xbb[=I</t>
        </is>
      </c>
    </row>
    <row r="220">
      <c r="A220" s="1" t="n">
        <v>218</v>
      </c>
      <c r="B220" t="inlineStr">
        <is>
          <t>color_grid</t>
        </is>
      </c>
      <c r="C220" t="inlineStr">
        <is>
          <t>What is the color of the missing part denoted with a question mark?</t>
        </is>
      </c>
      <c r="D220" t="inlineStr">
        <is>
          <t>['blue', 'green', 'red', 'orange']</t>
        </is>
      </c>
      <c r="E220" t="inlineStr">
        <is>
          <t>blue</t>
        </is>
      </c>
      <c r="F220" t="inlineStr">
        <is>
          <t>There are circles with different colors arranged with a grid formation in the image. The colors in the first row are ['blue', 'orange', '?'], the colors in the second row are ['orange', 'red', 'orange'], and the colors in the third row are ['blue', 'orange', 'blue'].</t>
        </is>
      </c>
      <c r="G220" t="inlineStr">
        <is>
          <t>We observe that the circles at the corners are blue, while the circles directly adjacent to the center are orange. Only the center circle is red. Hence, the pattern is that the circles alternate in color depending on if they are at the corner or adjacent to the center.</t>
        </is>
      </c>
      <c r="H220" t="inlineStr">
        <is>
          <t>Based on the pattern that the circles alternate in color depending on if they are at the corner or adjacent to the center, the missing color of the part that is at the corner should be blue.</t>
        </is>
      </c>
      <c r="I220" t="inlineStr">
        <is>
          <t>b'\x89PNG\r\n\x1a\n\x00\x00\x00\rIHDR\x00\x00\x02\x00\x00\x00\x02\x00\x08\x02\x00\x00\x00{\x1aC\xad\x00\x00\x80\xb2IDATx\x9c\xed\xddy|\x14U\xba7\xf0\xe7\x9cZzI:{\xc8\x06\x08!!@V\x91\x80\x02"\x9b(:\x88\x8a\x0b\x8er\x11\x14\xf1\xba0\xea8\x8e\x8e\xde;\xbe8\x8e\x82\xa8\x8c\xe36.\xe8UQFTp\x1b\x08\x08\x02\x82\xa8@\x80,\x04\x92\x90\x10\x02\xd9\xb7N\xd2{\xd59\xef\x1f\x05mLX5\x9dt\xba\x9e\xef\x1f|\x9c\xa4\xa7\xd3\xf9\xe5\xa9zN\x9d:UE8\xe7\x80\x10BH\x7fho\x7f\x00\x84\x10B\xbd\x03\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J\xec\xed\x0f\xa0G\x9c\xf3S~\x9d\x10\xd2\xc3\x9fD\x9f0\x7f\x844\xd8\x00|\x8bw\x00\x00\x94R\xef\xbf]1\xc6\xbc\xff\x92\x0ez\xf0\xf3\x06\x1a\xcc\x1f\xa13 \xa7\x1b\r\xa1_M\xdb\xdd0\xc6\x08!\x82 t}\x01c\xccj\xb5\x12r"|\xed?\x8cF\xa3\xc9d:\xe5\x8b\xb5\xb7\xa2\x94\xe2\xce\xe8\\`\xfe\x08\x9d#l\x00\xddF\xdb\xe9p\xceE\xf1\xe7\xe3*UU\xab\xaa\xaaJKK\xf3\xf2\xf2\x1a\x1a\x1av\xed\xda\xad(JMmMuuM\xa7\x1d\x90%88)9\t8\xa4g\xa4GGE\x8d\x1a5j\xc0\x80\x01\x17\\p\x81\xd9l\xee\xf8n\x00\x80{\xa2S:s\xfe\xf9Z\xfe\xbbw)\x8aR[SSSS\r@\x00\xb4\xe2\'\x00&lt;8\xd8\x92\x94\x94\xc49\xa4g\xa4GEEc\xfeH\x0f\xb0\x01t\x03\xce\xb9\xaa\xaa\xde\xfd\x8e\xaa\xaa\xc5\xc5\xc5999\xdfm\xdf~\xe8PqEEE{[\xeb\xafx[I\x92\xe3\x13\xe2\x87\xa5\xa4\\r\xc9%\xd3\xa6M\xcb\xcc\xcc\xf4\xee\x8c\x14E\xa1\x94\x9en*CoN\x97\xff\xf6\xed\xdf\x15\x1f:TQQ\xd1\xda\xd6\xfe+\xde\xd6 \x8b\xf1\xf1\t))\xc3.\xc6\xfcQ\x80\xc2\x06\xf0\x9bhCBm\x9eAU\xd5\x1f\x7f\xfcq\xcd\x9a\xb5\xeb\xd6\xaf+..\xf1\xb8]\x1d_i4\x07KFsx\xfc\x10*\x08\x9218z\xd0\x08\xc6Tm\x18\xc99\x17D\xc9Z{\xb4\xad\xb1\x8aR\xa1\xa5\xba\xdc\xedh\xb7\xb56w\xfaY\x17\x0c\x1a&lt;y\xf2\xa4kg\xce\x9c8qbHH\x08\x9c\x1c\xf3\xeay@\xda5\xff\xb5k\xd7\xac[\xb7\xae\xa4\xb8\xd8\xe5\xf6t|\xa5\xc5l\x0c2I)\xfd\xc3DJ-f)cp\x14c\x0c\x80\xc0\x89\xfc\x85\x8a\x1ake}\xbb \xd0\x92\xaa\x96V\x9b\xbb\xa9\xd5\xde\xe9g\r\x1et\xc1\xa4\xc9\x93g\xce\xbc\x16\xf3G\x01\x03\x1b\xc0\xaf\xa4\xaa\xaaw\xcb?v\xec\xd8\xaaU\xab&gt;\xf8`\xe5\xfe\xfd\xfb\xbc/\xa0\x94\x84D\x0f\xe8\x97\x98\x16=8\xb5\xdf\xa0\xd4\x88\xfeI\x06\xb3\xc5\x14\x12I(%\x84\x08\xa2\xcc\x81k; \x00N\x800Ua\xaaJ\x08\xb1\xb76y\\\xf6\xe6\xaa\xc3\r\x15\x07\x1b*\x0e\xd6\x1e\xde\xdfR]\xeev9\xbd\xef&lt;`\xe0\x057\xdft\xd3\x9c9\xb7eddx?\xcc)\'\xbb\x03X\xd7\xfcW\xae\xfc`\xdf\xbe\xfd?\xbf\x82\xd0A\xb1!#\x87Dg\r\x89\xba01z\xd8\x80\xf0\x90 C\xbfP\x13P\x02\x84\x80D\xa1c\xe1\x13\x00\x95\x81\xca\x81@\xb3\xd5as*\x87\x8e5\xef+o(8\xd2\xb4\xbb\xb8\xb6\xb4\xca\xeat\xb9\xbd\xaf\xbd`\xe0\x80\x9bn\xba\xf9\xb69s\xf4\x9c?\n\x0c\xd8\x00\xce\x9b6\xd1\xacm\xf0\xdf\x7f\xff\xfd\xdbo\xbf\xfd\xe9g\x9fY[Z\xb4\xef\x9a-a\xfd\x12\xd3\x07f\\\xda?\xf5\xe2\x88\x84!\xa6\x90H*\x88LUT\x8f\x9b1\x95\xa9\x1em\xbf\xc39\xeb\xf4\xb6\x84\x10\xad\x1fPQ$\x84\x8a\x92\x81\x8a"\xe7\xdcekm\xa99RS\xb2\xaf&lt;\xf7\xdb\xba\xb2\xbc\x96\xdaJ\xed\xf5\xa2$O\x9e4\xf1\x9e{\xee\x99&gt;}\xba,\xcb\xdahT\x0f\xbb\xa1\xae\xf9\xaf\xf9\xec\xd3\xe6\x16\xab\xf6\xddp\x8bidr\xbf\xcb\xb3\xfaO\xc8\xe8?\xac\x7fxx\x98\t\x04\n*S=\xaa\xaa2\x8f\xca\x80\x03?\xd5JPm\xb9\x0f\x07\x90D*P"J\x02\x08\x14\x00l\xed\xae\xd2*\xeb\xaeC5\xebwW\xec.\xa9\xaf\xa8i\xd1^/K\xe2\xc4I\x93u\x98?\n$\xd8\x00\xceC\xc7\xb9\xe6M\x9b6-Y\xbat\xe3\x86\r\xda\xb7(\x81\xf8a\xd9\x89\xd9\xd3R\xc6\xfe.4\xf6\x02A\x90T\xc5\xa3\xb8\x9dL\xf5p\xce\t!@(\x01\x80s\x99+\xd0\xfe$\xda\xcaE\x02\x94\n\xa2l\x10$\x03g\xccnm&lt;\xbc+\xa7\xf4\xa7\x9c\xca\xbc\xef\\\x8e\x13s\x14\xe9\xe9\xe9\x0f&gt;\xf8\xe0\xbcy\xf3\xe0\x97\xe3\xe2\xc0\xd3)\xff\xa5K\x97l\xd8\xb0\xf1\xc4\xf7\x08\x1d7"n\xc6\xc5\x83o\x9a\x90&lt;8.\x14D\n\ns\xb9\x15\x8f\xc2\xb4\xfc\t\x01rn\x0b\xfd\xb5\xf4\x19\x07\xce9\x01\x10\x05j\x90E"\t\xc0yC\x8b\xfd\xab\x9d\xe5kv\x1e\xde\xb4\xf7\x98\xcdqb\x8aO?\xf9\xa3\xc0\x83\r\xe0\\i\xb3\xbd\x00P\\\\\xbcd\xc9\x92\x15+\xde\xd1\xd6\x90\xc8\x06\xe3\xd0\xf13\xd3\xa6\xcc\x8e\x1fz\x91d4{\x9c6\xc5\xed:\xb9\xd3!\xe7\xb4\xc7?\x1b\xce\x99\xb63\xa2\xa2$\x1b\x839g\xf5\x15E\xc5;\xbe\xcc\xdf\xb8\xb2\xad\xa9V{\xcd\xd4\xa9S\x1f}\xf4\xd1)S\xa6@\x80\xceHt\xca\xff\x9dwVh\x95k2\xc87OL\x9e\x7f\xc5\x88\xb1\xc3\xe3\x04\xa3\xa4:\xdcN\xb7\xca8\xa7\xdd\xb4\x88\x9f\x9f\x98\xeb\xe7\x84\x10Y\xa4\xb2I\x06\xce\x0b\xcb\x1a&gt;\xdeV\xf2\xe6\xba\x82\xea\xc6\x13\xa7\x97\x03&gt;\x7f\x14\x90\xb0\x01\x9c\x13EQDQt\xbb\xddK\x97.}\xfe\x85\x17Z\x9a\x9b\x01\xc0d\tK\x9b2{\xd8\xa5\xd7\xc5\x0f\x1d\xa9\xaa\x1e\xb7\xc3\xc6\x99J\xa8\xe0\xc3\x01 \xe7\x8c3\x02 \x19\xcc\xa2\xc1\xd4R]~p\xfb\x17\x05\x9b&gt;l&lt;v\x18\x00\x00\xc8\xfc\xf9\xf3\x9ez\xea\xa9\xf8\xf8\xf8\x00\x1b\x8av\xcc\xff\xc5\x17\x9eojn\x01\x80\x08\x8bi\xde\x15#n\x9d\x94r\xe1\xf0XP\x98\xdd\xe1V\x19\x17\xa8\x0f/\xdd\xe2\x1c\x18c@H\x90Q$\x06\xe9\xd8\xf1\x96\x0f\xb7\x16\xafX_x\xa8\xb2\t\x00\x08\xc0\xbc\xf9\xf3\x032\x7f\x14\xa8\xb0\x01\x9c\x85v](\xa5t\xc7\x8e\x1dw\xdf}wAA\x01\x00H\xb2!e\xfc\xb5\xd9\xd7\xfewLR\xa6\xc7\xd1\xeev\xd9\t\x10\xd2\x83\x8b\x029g\x9c1Q6\x18\x82B\xdb\x1a\xaar\xbf~;\x7f\xc3\xca\xf6\xe6:\x00\x88\x89\x89\xf9\xdb\xdf\xfev\xe7\x9dwB@\x0cEO\x99\xbfQ\x96fOL~\xf8\xc6\x8bR\x87\xc6p\x87\xdb\xe6\xf0\x00!\x02\xed\xb9\xbd-\xe3\x9c1n\x94E)\xc8\xd0X\xdf\xf6\xd2\xe7\xfb\xde\xf8OaMS;\x00\xc4\xc6\xc4&lt;\x15@\xf9\xa3\xc0\x86\r\xe0L\xbc\x1b\xf0\x93O&gt;\xf9\xcc3\xcf\xba\xdd.\x00\x18\x98&gt;n\xfc\xad\x8f\x0cH\x1b\xe7q\xd9=N;\xa1\x94\x90^Z\x0f\xce9c\xaa \xca\xc6\xe0\xd0\xa6\xe3\x87\xbf_\xb5\xec\xc0\x96\xd5\x8cq\x00\x98={\xf6\xcb/\xbf\x1c\x19\x19\xa9\x8d\x9d{\xe7\xe3\xfdf\x1d\xf3\x7f\xf6\x99g\\n7\x00L\xce\x1a\xf0\xd4\xdc\xb1c\xb3\xfa3\xa7\xa7\xdd\xe1\x11\x04B{i\xa0\xcd9\xa8\x8c\xc9\x92`\x086TT6?\xf9\xfe\x0f\xff\xf7\xcd!\xceT\x08\x94\xfcQ\xc0\xc3\x06pZ\xda\xde\xa7\xba\xbaz\xde\xbcy999\x00`\x0c\n\xb9d\xf6\xc3#\x7fw\x07\x01p\xd9\xdbzs\xd7\xdf\x11\xe7\x8c\xa9\xa2l\x94M\xc1%?\xae\xdb\xf2\xf6\xff6U\x95\x03\xc0\xd0\xa1CW\xacX1n\xdc\xb8&gt;:\x0e\xed\x9a\x7fX\xb0\xf1\xafs\xc6,\xba6\x8b\x12\xd2fsQ\xdak\xbb\xfe\x8e\xb46`\x92E\xd1,\x7f\xbd\xa3\xf4\xa1\xd7\xb6\x15\x1fo\x86\xbe\x9f?\xd2\x03l\x00\xa7\xa6\r\xdcv\xec\xd8q\xd3M7UUU\x01@|\xcaEW\xde\xffB\xf4\xa0TG[\x13pN\xa8\x7fm\xd2\x9cs\xceTcp\x98\xb3\xbd\xe5\xdb\x15O\x16nZ\xc5\x01d\xd9\xf0\xd2K\xffX\xb8pa\x9f\x9b\x92\xee\x9a\xff\xd8\x11qo=t\xf9\xf0!\xd1\xb6V\x07\xe7\xd0\x93\x13&gt;\xe7\x82s\xae2n\xb1\x18\x9b\xdb\x9c\x7f|}\xdb;9\x07\x00\xb8A\x96\xff\xf1\xd2K}1\x7f\xa4\x13\xd8\x00NA\xdb\xfb\xbc\xf9\xe6\x9b\xf7\xde{\xaf\xc7\xe3!\x04\xb2\xae\x9a?\xf1\xf6\xff\xa5\x82\xe8v\xb4S\xc1\x7f\x8f\xe8\x99\xaa\x08\x92,\x9b\x82\xf7\xfd\xe7\xddm\xef=\xe5\xb4\xb5\x01\xc0\xc2\x85\x0b_\x7f\xfd\xf5&gt;\xb4\x0f\xea\x94?\x10r\xff5\x99K\xef\xba\xd4 \xd0v\x87[\x14\xfc\xe0\xa8\xeb4\x14\x95\xc9\x92`0\xc9\xff\xfab\xff\x9f\xdf\xdaa\xb59\xa1\x0f\xe6\x8f\xf4\x03\x1b@g\xde\xbd\xcf]w\xdd\x05\x00\x06s\xf0e\xf3\xfe:\xf2\xea;\x1c\xadM\xda"\x9f\xde\xfe\x80g\xa1\xdd\t3(,\xfah\xfe\x8e\xff,\xbf\xaf\xa5\xa6\x02\x00\x16,X\xf0\xc6\x1bo\xf4\x89}P\xa7\xfcC\xcc\x86e\x0b/]03\xcb\xd1\xea`\x8cS?\x1b\xf8w\xc59g\x0c\x82\xc3\xcd\xdf\xef\xab\x9c\xbb4\xa7\xb4\xaa\x05\xfaT\xfeHW\xb0\x01\xfcB\xa7\xbd\x8f18\xf4\xfa\'\xde\x1f\x98&gt;\xde\xd6RG\xa9\xd0-\x8b\xfa{\x06S&lt;\x86\xe00\x87\xb5\xe1\x93\xc5\xb7\xd6\x1e\xce\x83&gt;\xb2\x0f\xea\x94\x7f\x84\xc5\xf8\xe5S3\xc7f\rhm\xb2\x89\x82?L\xf8\x9f+\x8f\xc2B,\x86\xba\x16\xc7U\x7fY\xb3\xa7\xa4\x0e\xfaH\xfeHo\xb0\x01\xfc\xac\xd3\xde\'fH\xfa\xd5\x0f\xbd\x1a\x91\x90\xe4jo\xa1\xa2\xd4\xdb\x9f\xee\xbc1U\x91\x0c&amp;\xc5\xe3\xfa\xe6_\x7f9\xb0\xe5\x13\xf0\xfb}P\xa7\xfc/J\xee\xf7\xc1c\xd3\x87\r\x08oks\x89\xa2\xffN\xfb\x9c\x8e\xa22\xa3A\xb2\xbb\x95E/\x7f\xfb\xde7E\xe0\xf7\xf9#\x1d\xc2\x06pB\xd7\xbd\xff\r\x7f]e\n\tw\xd9Z\xfdy\xd2\xff\xcc8S\x05Q\x16\x8d\xe6u\xcb\x17\x15l\xfe7\x9c\xdc\x07iO8\xf1\xab}P\xd7\xbd\xff\xfa\xbf_\x17\x15jj\xb3\xb9\xfcy\xd2\xff\xcc\x18\xe3\x92He\xa34\x7fi\xce;\x1b\x0e\x80\x1f\xe7\x8f\xf4\t\x1b\x00\xc0\xc9\x15\x87?\xef\xfd\x13\xd3nx\xf2\xdf\x86\xa0\x10\x8f\xd3\xd6w\xf7\xfe\x1a\xce\x18\xa1T6\x05\xffg\xf9\xa2\xc2o?\x86\x0e\xe3P\xffY\x9b\xd8)\xff\x91I\xfd\xd6?{]D\x90\xc1\xee\xf4\xf4\xdd\xbd\xbf\x861N(1\x9b\xe5yKr\xde\xdd\xf8s\x0f\xf0\xab\xfc\x91na\x038\xb1\xf7\xd9\xb9s\xe7\xb8q\xe39g\xc6\xa0\xd0[\x97~\x1d\x9e\x90\xd8\xa7\xc7\xfe\x1dq\xce(\x15\xa8(\x7f\xf8\xe7\xdf\xd5\x94\xee\x07\x80\x17_|\xf1\x81\x07\x1e\xf0\x93k\x94\xbc\xf9\x8f\x1f?\x8e1\x1e\x1el\xf8\xe1\xa5\xd9\xc9\xfd\xc3\xdb\xfb\xf2\xd8\xbf#\xc6\xb9@\xa9 \xd2\xf1\x0f\xfc\xfb\xa7C\xb5\xe0g\xf9#=\xd3{\x03\xd0\x0e\xc6\xeb\xea\xea222\xea\xea\xea$\x83\xf9\xc6\'?\x8a\x1f&gt;\xdae\xb3\x06\xc6\xde_\xc3\x19\x13$\xc9\xed\xb0\xff\xfb\xf1\xeb\x1a+\x8b9\xc0\x86\r\x1b.\xbf\xfc\xf2^\x1f\x87z\xf3\xcf\xcc\xc8\xa8\xad\xab\x0b2J\x1b\x9e\xb9nlZ|[{\x80\xec\xfd5\x8cqQ\x12Z\xed\xeeI\x0f\x7fRX\xd1\x04\xc0\xfd$\x7f\xa4s\x81\xb3\x8d\xfd:\xda\xadf\xe6\xcc\x99SWW\x07\x00\x93\xeexr`\xe6\xa5\xae\xf6\x96@\xda\xfb\x03\x00\xa1Tq\xbb\xcc\xa1\x11W=\xf0OCp(\x00\xcc\x993\xa7\xb6\xb6\x96R\xaa%\xd0[\xbc\xf9\xd7\xd6\xd5\x01\xc0\xf2\xbb\'\x8c\xbdp`[[@\xed\xfd\x01\x80R\xe2q+\xd1a\xa6\xf7\x1e\xb9"&lt;\xd8\x00\x00\xff\xe5\x1f\xf9#\x9d\x0b\xa8\xcd\xec|i\xc7\xe0\x8b\x17/\xde\xb8q#\x00dM\x9f;r\xc6\x02[Sm_\\\xf3sVT\x10\x9dm-q\xc3FMY\xf0w\x00\xa8\xad\xad\x9d3g\x8e\xf7\xc1\xf4\xbd\xa2S\xfe\xf7\xce\xc8\xbc\xf3\xba\x0b[\x9bl}q\xcd\xcfY\t\x02mms\x8dL\x8d{\xe5\xbeI\x00P\xe3\x07\xf9#\x14\x80[\xda9b\x8c\x89\xa2\xf8\xc3\x0f?&lt;\xfd\xf4\xd3\x00\x10\x9b\x945\xe9\x8e\xc5\x0ekc\x80\x8d\xfd;\xa2\xa2do\xaeK\x9b:\xfb\xc2\xe9\xb7\x03\xc0\xc6\x8d\x1b\x97/_.\x08\x82\xf6d\xdd\x1e\xd6)\xff\xec\x94\xd8\xe7\xef\x9e`\xb7:\x02l\xec\xdf\x91$\xd2\xb6&amp;\xfb-W\x8c\xb8wF&amp;\xf4v\xfe\x08\x81n\xcf\x01h\x0f\xf0SU5-=\xbd\xa4\xb8X6\x05\xdf\xf6\xdc\x7f\xc2\xe3\x13=N\x9b\xff_\xeb\xfb\x9bp\x0e\x84PQZ\xf9\xa7\xab\xea\x8f\x14R*\x14\x16\x16\x0e\x1d:\x94sN{\xf4v\xd6\'\xf2OOO+..\xb1\x98\xe5\x9f^\x9a\x9d\xdc?\xdc\xe1\xf4\xf8\xdbM~\xba\x17\xe7\x00\x04\x04\x81^\xbch\xd5\xbe\xb2\x06\x91\xd2\x82\xde\xc8\x1f!\x8dNkN{|\xeb\xb2e\xcbJ\x8a\x8b\x01`\xdc\xec\x87\xa3\x07\x8fp;\xda\x02|\xef\x0f\x00\x84p\xa6\n\xa24u\xe13\x82(\xab\x8c-Z\xb4\xa8\xe7\'"\xbc\xf9\x17\x17\x97\x00\xc0\xe29\x17\x0f\x1b\x12m\xb7\xbb\x03{\xef\x0f\x00\x84\x00c\\\x92\x84\xd7\xee\x9fl\x90\x04\x95\xa9\xbd\x92?B\x1a=6\x00\xed\xe1\x82\x87\x0f\x1f^\xbat)\x00\xf4\x1f&gt;\xfa\xa2\x99w9\xacMT\x08\xc0\xa9\xff\xae\x08\x15\\6\xeb\xc0\x8c\xf1#\xaf\xbe\x038\xdf\xb0a\xc3\xea\xd5\xab{r"\xa2S\xfe\xe3\xd2\x12\x16\xcd\x1ai\xb3:\x02r\xea\xbf+\x81\x12[\xbb\xeb\xe2\xac\x01\x7f\x98\x99\xc59\xf4|\xfe\x08y\xe9b\x93\xebD{`\xef\xe2\xc5\x8b\xadV\xab(\x1b.\xfd\xaf\xc7\x81\x83\xf6\x80_\x9d\xa0Tt\xb6\xb5\x8c\x9eu\x7fx\xdc B\xe8\x13O&lt;\xe1v\xbb{l\x1c\xda1\x7f\xa3A|\xee\x8eq\xa0\xab\xf4\x01\x04\x81:\xdb\x9d\x7f\xbeyTR|\x18%\xa4\x87\xf3G\xc8Kw\r@[y\xbdm\xdb\xb6\x95+W\x02\xc0\xd0\x8b\xaf\xba \xf3R\x97\xbd5\xf0\'\x7f:"DU\xdcA\x111\xd9\xd7\xde\xc39+..^\xb6lY\xcf,I\xec\x94\xff\xacqI\x97\\8\xc0fs\x05\xfc\xe4OG\x84\x80\xc7\xa3FD\x06\xfd\xf9\xc6Q\x8c\xf3\x9e\xcc\x1f\xa1\x8et7\xe8\xd0\xb6\xb1)S\xa7n\xf9\xf6[\x93%|\xf6\xd3k\xc2\x13\x12\x15\xb7\xd3/\x9e\xed\xd5\xe3\x08!\xab\x1e\xbf\xbe\xf6p^DD\xc4\x81\x03\x07\xa2\xa3\xa3\xb5/\xfa\xee\'j\xf9O\x9d:\xe5\xdbo\xb7D\x84\x98\xb6/\xbb!i@\xb8\xdb\xad\xf4\xa5[}v\x1f\x06d\xe2\xc3\xab\xf7\x94\xd4\xf5X\xfe\x08u\xa4\xaf\xbd\x9ev#\xc6\xdc\xdc\xdc-[\xb6\x00\xc0\x88\xcbf\xc5$gy\x1c6}\xee\xfd\x99\xaa\xc8\xe6\x901\xb3\x16q\xce\x1b\x1b\x1b?\xf8\xe0\x03B\x88Og\xa2;\xe5?g\xca\xb0\xe1)1N\x87G\x9f{\x7fEeA\xc1\xf2\xe3\xb3\xb3{,\x7f\x84:\xd1\xe3\x8e\xef\x95W_\x05\xceE\xd90b\xd2\x8d\x1e{\x1b\xd1\xeb\xb5\xf8T\x10]6\xeb\x05\x99\x97F&amp;\x0c!\x84\xbc\xbdb\x85\xc3\xe1\x10\x04\xc1\xd7\x07\x85\xaf\xbe\xfa\n\xe7`\x94\xc5\xdb\xa7\x0eW\x1c\x1e*\xe8q\xef\x0f\x00\xa2@\x1d\xed\xae\xc9#\x07\xa6\x0c\x88 \x84\xacX\xf1v\xcf\xe4\x8f\x90\x97\x8e\x1a\x00\xe7\\{\xc8\xf8\xea\xd5\xab\x01 e\xec\x8c\xb8\x94\x91n\xa7]\x9f\xc3\x7f\rS\x15SH\xc4E\xd7,\xe4\x9c\x1f(,\xdc\xb4i\x13!\xc4G3\xd1\xde\xfc?Y\xbd\x1a\x00n\x9a04kx\xac\xd3\xe1\xd6\xe7\xf0_\xa3\xa8,$\xd4\xf4\xf0\xac\x91\x9c\xf3\xc2\xc2\x03&gt;\xcd\xdf\x7f\xf0\x93\x18c\xda\x7f\xf4\xf6\'\xd2/\x1d\xed\xfb\xb4\x83\xeb\x8f&gt;\xfa\xc8\xd6\xdeN\xa9\x90~\xf9\xef\x99\xa2\xe8x\xe7\x03\x00@\xa9\xe0\xb2\xb5\x0e\x1d{uHd,!\xe4\x8d7\xde\x00\x9f\xcdA{\xf3ok\xb7\t\x94.\xb82\x95\xa9\xac\x0f=d\xcd\x17\x04J]6\xd7\xac\xf1I\t\xd1\x16B\xc8\x9b\xbe\xcc\xbfwi\xbb{EQTU%\'i\x0f\xc6\xd1\x96?i\xdf\xc2f\xd0\xc3t\xd4\x00\x04Ap\xbb\xdd\xef\xbc\xfb.!$.)3~\xd8(\xb7\xa3]_\x8b\x7f\xba\xd2\x96\x03\x85\xc7\x0c\x1d;\x83s\xbei\xd3\xa6\x92\x92\x12\x1f-G\xd1\xf2\x7f\xf7\xddw\x08!\xa3Rb\xc6\xa4\xc69up\xe5\xd7\x99\x11\x02n\x8f\x1a\x1e\x11t\xe3\xa5\xc9\xbe\xce\xbf\xb7h;wmw/\x8a\xa2v\xf7\xd3\xb6\xb6\xb6\xda\xda\xda\xca\xca\xca\x9a\x9a\x9a\xb6\xb66B\x88\xf6-&lt;\x0b\xd2\xc3\xf4\xd2\x00\xb4q\xc7\xde\xbd\xb9\x85\x05\x05\x9c\xf3\xc4\xd1\xd3$\xa3\x993,5 \x84\xa8\x8ag\xc8\xe8+(\xa5v\xbb}\xed\xda\xb5pr\xadN7:\x91\x7f\xee\xde\x82\x82B\xce\xf9\xcc\x8b\x13%\xa3\xa42\x1c\xee\x01!\x84\xab\xeau\x97$RJm&gt;\xcb\xbf\xb7h\xd7|h\x8f=\xc8\xcd\xcd}\xfe\xf9\xe7o\xb8\xe1\x86\xac\xac\xac\xe4\xe4\xe4\xe4\xe4\xe4a\xc3\x86i\xff\x91\x9d\x9d\xbdp\xe1\xc2\xaf\xbe\xfaJ[%\x8c=\xa0\xc7\xe8\xa5\x01h\x87\x96\x9f~\xfa\x19\xe7\xdcl\t\x1b6~\xa6\xc7a\xa3:\x1f\xfe\x03\x00\x00\xa1\x82\xdb\xd1\x9e0bt\xfc\xd0\x91\x84\x905k\xd6jW\xeav\xefO\xd1\xf2\xff\xec\xb3O9\xe7\xe1!\xa6[&amp;\x0eU\x1c\x1e\x01\xef~\x03 P\xe2\xb0\xbb\xc7\xa6\xc5_&lt;&lt;\x8e\x10\xb2v\xed\x1a_\xe4\xdf+\xb4\xbd\x7fUU\xd5\x92%K.\xbc\xf0\xc2\x8b.\xba\xe8\xe1\x87\x1f\xfe\xf4\xd3O\xf7\xef\xdf_[[\xdb\xd6\xd6f\xb7\xdb\xdb\xdb\xdbkkkw\xef\xde\xfd\xc6\x1bo\xcc\x981c\xcc\x981\x1b6l\xc0\x1e\xd0c\x02\xa1\xce\xce\x856\xff\xf0\xd5W_\x03@\xf4\xa0\x11\xa1\xb1\x83\x14\xb7K\xe7\x13\xd0^\x9c\xa9\x921\xa8\x7f\xda8\xceynnniii\xb7\xcfB\x08\x82\xe0q\xbb\xbf\xfa\xfa+\x00\xc8L\x8c\x1a\x14\x17\xear\xeb\xfd\x04\x8c\x97\xca\xb8h\x94&amp;g$\xf8.\xff\x9e\xa7\x1d\xf3\xad\\\xb92==\xfd\xd1G\x1f\xdd\xb7o\x1f\x00H\x92d0\x18dY\xd6&amp;|(\xa5\x82 H\x92$I\x92\xf6\x95={\xf6\\q\xc5\x15x\x93\xd4\x1e\xa3\x8b\x06\xa0=v\xaa\xac\xac\xecp\xd9a\x00\x18\x98q)\x15%\xce\xfb\xf6\x06\xd6\x8d\x08!\xaa\xc750c\x1c\x15\x04\x97\xcb\xb9c\xc7\x0e\xe8\xd6Y\x08-\xff\xc3eee\x87\x0f\x03\xc0\xe5Y\x03A\xa4\x0cO\xf7\x9dD\x08\xe1\x1eur\xd6\x00A\xa0N\xa7\xab\xdb\xf3\xefE\xfd\xfb\xf7ojj\x92eY\x92$A\x10&lt;\x1e\x8f\xcb\xe5r\xbb\xdd\xda)_\xed\x8e\xb0\x1e\x8f\xc7\xe3\xf1h\xffS\x10\x04A\x10\x1e|\xf0\xc1\x8f?\xfe\x18{@\x0f\xd0K\x03\x00\x80u\xeb\xd6\xb9].*\x08\xfd\xd3\xc62\xc5\x1d\x90k-~\x1dB\xa8\xe2r\xf6KL\x0b\x89\x88\x05\x80/\xbe\xf8\x02\xbau-\x8a\x96\xff\xfau\xeb\x9c.\xb7 \xd0\x89\x19\t\\a\x98\xbf\x17%\xc4\xedR.L\x8aN\x88\xb2\x00\xc0\x97\xdd\x9d\x7f\xaf\x10\x04\x811v\xd9e\x97]y\xe5\x95n\xb7[\xdb\xc5\xc7\xc4\xc4\xdcx\xe3\x8d\xcf?\xff\xfc\x97_~\xf9\xddw\xdf\xed\xdc\xb9S{(\xc2\xe4\xc9\x93\xb5\xf5\xa0\xdaB B\xc8}\xf7\xdd\xd7\xd8\xd8H)\xc5uA&gt;\x15\xb0\x0f?\xe9H\xdb\x96\xb4\x81\x95%"6"!I\xb7\xf7~85B\x98\xea1\x85DD\x0fNk\xa9?\x9e\x9b\xbb\xd7n\xb7\x9b\xcdfmS\xec\x8e\xb7\xff9\xff\xf8(\xcb\xf0\x81\xe1n\x97N\xef\xfdpJ\x84\x80Gea\xa1\xa6\x0b\x87D\x1d\xad\xb5\xe6\xee\xcd\xed\xde\xfc{\x8b\xb6O\x7f\xf0\xc1\x07\xd7\xaf_?e\xca\x94\xdbo\xbf}\xfa\xf4\xe9\x91\x91\x91\x9d^6u\xea\xd4?\xfc\xe1\x0f\xabV\xad\x9a?\x7f\xbe\xcb\xe5\xd2\xae\x17\xa9\xaf\xaf_\xb9r\xe5\xa2E\x8b\xb4\xc7\xc6\xf5\xca\xe7\xd7\x03]\xec\x04)\xa5n\xb7\xfb\xc0\x81"\x00\x88\x19\x92a\x0e\x8bb\x8a\x07O\x00t\xc49\xa7TL\x181\x06\x00j\xebj+++\xe1\xe4\x99\xdb\xdfN\xcb\xbf\xa8\xe8\x00\x00\x8cJ\xee\x17\x1ef\xf6\xa8\x0c\xe3\xef\x88s\x0e\x94^\x9a\x9a\x00\x00u\xb5\xdd\x9c\x7fo\xd1\x96uN\x9c8q\xcf\x9e=\xdf|\xf3\xcdm\xb7\xdd\x16\x19\x19\xa9\xaa\xaa6\xff\xe3\xa5(\x8a\xa2(\xb3g\xcf~\xee\xb9\xe7\xb4\x13\xe0Z\xe7\xfb\xfa\xeb\xaf\x01 0\xce\x87\xfb\xad\xc0\x0fW\x9b\x80\xae\xae\xae\xae8z\x14\x00\xfa\rN\xa3\x82\xd8\xd77\xadnG\x08a\x8a\'zp*!\xd4\xe5t\xe6\xe5\xe5A7\xed\x80\xbc\xf9\x1f=Z\x01\x00\x17&amp;F\x83\x80\xc7\xf5\x9d\x11B@eYC\xa2(!\x0e\xa7\xab\x1b\xf3\xefu\xb2,\x8f\x1c9\xd2;\xbd#\x08\x82v\xbe\xd7K\x14EJ\xa9\xaa\xaa\xf3\xe6\xcd\x8b\x89\x89\xd1\xe6\xfd9\xe7\xa5\xa5\xa5n\xb7\x1bg\x81|*\xf0\x1b\x80V=\xe5\xe5\xe5v[;\x00D\r\x1a\xce\x14\xa5O\x1fY\xfb\x02!TQ\xdc\xe1q\x83M\xc1!\x00PTT\x04\xdd\xb4\x03\xf2\xe6\xdf\xd6n\x07\x80\xcc\xc1\x91\xa0\xe2\t\x80\xce(!\x8aGIN\x08\x0b\xb5\x98\x00\xe0`\xf7\xe5\xef\x0f\xb4A\x80v@p\xca\x17PJ)\xa5f\xb39))\tN\xce\x19Z\xadV\x87\xc3\xd1\xa3\x1fT\x7f\xf4\xd2\x00\xb4!\x95)\xc8\x12\xd9\x7f\xa8\xaa\xb8p\x07\xd4\x19!\xcc\xe3\x0e\x8a\xe8\x17\x1e7\x08\x00\xf2\xf3\x0b\xa0\x9b\xceCj\xf9\xe7\xe7\xe5\x01@H\x90q\xc4\x05\x11\x8aG\xc5\xfc;!\x04\xdc\x1e\x16\x1b\x11\x94\x1c\x1f\n\x00\xf9\x05\xf9\xd0\xf7\xcf\x03{\x9d\xcb4\x8eV\'\x1d\x7fe\xedF\x11&gt;\xfcXH\x0f\r@SSS\x03\x00\x92\xc1l\x08\n\xe1\xaa\n\x80\x85\xd5\x19\xe7\\\x94\x8c\xc6\xe00\x00\xa8\xad\xad\xed\xde3\x90Z\xfef\xa3\x14\x1ad`*\xc7\xf4\xbb\xe2\x9c\xcb\xb2\x18a1\x82\x0f\xf2\xf7s\x9csJ\xa9\xc7\xe39~\xfc\xb8\xf7\x8b\xe1\xe1\xe1f\xb3\xb9\x17?\x95\x1e\x04~\x03\xd0F\x1f\xb9\xb9{\x01 &lt;&gt;\xd1\x14\x12\xa1\xe2\x19\xe0S\xe1\x9cQA\x8c\x1a\x9c\x06\x00\x87\x8a\x0f\xb5\xb4\xb4t\xcb\xf4\xeb\x89\xfc\xf7\xe6\x02@J\xff\xb0\xc8P\x93GQ1\xfe\xae\x18\xe7 \xd0\xac\xc4(\x00(&gt;\xd4m\xf9\xf7\t\xdaB\xe1]\xbbv\x1d9rD+\x18B\xc8\xb0a\xc3DQ\xd4.(\xeb\xed\x0f\x18\xb0\x02\xbf\x01h\xbc\x1b\x12\xc1E\x05g@\x88\xb6\xb1\xa9*\x13\xba\xf51\t\'\x0e\xf0\x01\xa8\xbe\xef\xfev\x16\x04\xb4\xd5\xb1\x8c\xa9\xdd\x9b\xbf?\xf3^\xf2\xf6\xe8\xa3\x8fju\xa2\xad\x1f\x9d5k\x16\x04\xd0\x89\x10\xff\x14\xf8{CB\x88\xd3\xe9\xd4\x0e-\rA\xa1\xb8\xfc\xff\x0c8\xe7\x86\xa0P\x00\xb0\xdbmZb\xbf}\xf3\xeb\x98\x7fX\xb0\x01\x8f\xbd\xce\x84\xf3\xf0`\x03\x00\xd8l\xf6\xee\xca\xdf\xcfi{\x7fA\x10\xee\xb9\xe7\x9e\xef\xbe\xfbN\x9b\xf7WU5%%\xe5\xc6\x1bo\xd4V\r\xf5\xf6g\x0cd\x01\xbe7\xd4&amp;R\xedv{\xe5\xb1c\x00\x105h8\xde\x04\xe2t\x08!\\U\xa2\x07\x8d\x00\x00\x87\xdd~\xec\xd81\xf8\xcd; o\xfe\xc7\x8fU\x02@\xe6\xe0(\xbc\t\xc4\xe9\x10B\x80\xf1\xcc\xc4(\x00\xb0\xd9\x1d\xdd\x92\xbf\x9f\xd3\x1e\x11J\x08Y\xb0`\xc1k\xaf\xbd\xe6\xdd\xd7\x13B\xfe\xf5\xaf\x7f\x99L&amp;m\xf9P\xef~\xc8\xc0\xa6\x8bK\xec\x08!\x92$\x01\x00\x0f\x88\xfb\xab\xf8\x947"-\xb1n\xe1\xcd_\xc1\xfb?\x9f\x8d7\xa2n\xcc\xdf?iw~nnn\x9e3g\xce\xd7_\x7f-\x8a\xa2v4\xa0\xaa\xea\x9bo\xbey\xd9e\x97i/\xe8\xed\x8f\x19\xe0t\xd1\x00 \xd0GR\xbe\xd0\xbd\x89y\xcf\x01\xa03\xf3F\x14\xd8\x15\xab\xed\xdc\x8b\x8a\x8an\xb8\xe1\x86\x03\x07\x0e\x88\xa2\xa8=2L\x10\x84w\xdf}w\xee\xdc\xb9x\x07\x88\x9e\x81\x11#\x84z\x94\xb6\xa3\xff\xe1\x87\x1ff\xcc\x98\xd1\xd0\xd0\xa0\xed\xfdUU\x8d\x8a\x8a\xfa\xe0\x83\x0f\xae\xb8\xe2\n\xdc\xfb\xf7\x18\xbd\xa4|b&amp;1\xa0GU\xdd\xc3\xbb\\\xaa[\xe7^\xb5w\xc3\xf8\xcf\xca\x1bQ\xa0\xce}kw\xfb)**\xba\xfa\xea\xab\x9b\x9a\x9a\xb4I\x1eUU\xb3\xb2\xb2V\xadZ\x95\x92\x92\x82{\xff\x9e\xa4\x8b\xa0\xb5\xa7\x92\x02\x00\x15%\x9c\x8783*\x9e\x98z\xd6\x12\xeb\x16\x9csUQ\x00@\x12\x03|\xd1\xc1o\xe7\x8d\xa8\x1b\xf3\xf7\x1f\xda\xbc\x96\xcb\xe5\xba\xf5\xd6[\x9b\x9a\x9a\xb4\xb1\xbf\xa2(\xd3\xa6M\xfb\xf8\xe3\x8fCCCq\xef\xdf\xc3\x02\x7f\x83\xe4\x9cK\x92\x14\x16\x1a\n\x00\xd6\xda\xa3L\xf5\x04\xea\xd8\xea\xb7#\x94Zk+\x00@\x92\xa4\xd0\xd0P\xe8\x8eq\xa8\x96\x7fHh\x18\x00\x94\xd5X\xf1F@gBHY\x8d\x15\xba5\x7f\xbf\xa2-\xfb\xf9\xf0\xc3\x0f\xf7\xee\xdd\xab\x9d\xf5UUu\xea\xd4\xa9_|\xf1Ehh\xa8\xaa\xaa\xb8\xf7\xefa\x01\xde\x00\x08!\x9cs\x8b\xc5\x92\x92\x92\x02\x00\xaduG\xb9\xaa\xe0A\xc0)q\xce\t\x15\xb4\x06\x10\x12\x1a6t\xe8P\xf8\xcd; o\xfeCSR\x00\xa0\xbc\xb6\x15\xf0&gt;\x10\xa7\xc19\x07J\xca\xaa[\x01 &lt;,\xa4[\xf2\xf77\xdaU\xbe\xef\xbf\xff&gt;!D\xab\x8d\x81\x03\x07~\xfc\xf1\xc7\x06\x83\x01\xd7\xfc\xf4\x8a\x00o\x00^n\xb7\x1b\x00\x04\xc9\x00x%\xf0\x19\t\x92\x11\x00\xb4\x1b\xb5w\xe3\xdbj\xf9\x1b%\x01\xf0J\xe032\xca\'\xe6\xc4\x03\xefi\x88\xda\r\x7f\xda\xda\xda\n\x0b\x0b\xbdW\xfc&gt;\xf2\xc8#\xe1\xe1\xe1\x1e\x8f\x07\xf7\xfe\xbd"\xf0\xf7\x86\xda\xe2\xe2\xcc\xccL\x00h\xa9&gt;\xe2\xb06QQ\xc4\xd3\x91]\x11B\x98\xeai&lt;Z\x04\x00\xc9\xc9\xc9!!!\xddr?\xb2\x8e\xf9\x97TY\x9b\xacvQ\xa4\x18\x7fW\xda#\x01\xf2\x8f4\x02@R\xf7\xe5\xef?\xb4\x9d~mmmss3\x00(\x8a"\x08\xc2\x94)S\xf0r\xdf^\x14\xf8\r@\x13\x17\x17\x0b\x00.[\xab\xc7\xd9N(V\xdb)Q\xa6(vk\x03\x00\xf4\x8b\x8e\xd6N\xd0u\xd7[\xc7\xc5\xc6\x01@K\xbb\xab\xdd\xee\x11\xf0 \xe0T(\x00SX\x9d\xd5\x0e\x00\xd1\xd1\xfd\xba7\x7f\xff\xe1p8\xb4e\xa0\x84\x90\xd0\xd0\xd0~\xfd\xfa\x91\x93w\xa0B=/\xf0\x1b\x80V[\x19\x19\x19\x00\xe0\xb0\xb56W\x95\x8b\xa2\x8cw\x83\xe8\x8csA\x14\xed\xd6Fk\xcdQ\x00HKK\x85\x0ew\xe9\xfa-\xb4\xfc\xd332\x00\xa0\xb5\xddYR\xd5"J"\xde\r\xa2\x13\xceA\x14\x85\x86\x16\xfb\xe1\xaaV\x00HKM\x83n\xca\xdf\xdfx\x9f\x04\xc9\x18s:\x9d8\xf6\xef]\x81\x7f\xce]\xdb\x01\r\x1a4\xc8`0\xba\\\xce\x86\x8a\xa2\xc4QS9\xc7S\x91\xbf\xc09\x17$\x83\xb5\xe6\x88\xcd\xda\x08\x00\xda9\xf3n\xe1\xcd\xdfh48\x9d\xae\xbc\xb2\x86)\xa3\x07s\xce\xf1T|G\x9csI\x16\x0eW[\xeb\xad6\x00\x18\xda}\xf9\xfb\x0f\xad\x12\x92\x92\x926o\xde\xac}E\x92\xa4\xa0\xa0 \x08\xb8s\xdd}\x88\x8e\x1a@l\\\\\xc5\x91\xf2\xfa#\x078\xe0\xde\xa73\xce\x19\x15\xa5\x86\xcaC\xaa\xaa\x88\xa2\x94\x95\x95\x05\xdd\xf4&lt;no\xfeqq\xb1\xe5\xe5\x15\xfb\xcb\x1b\x00\xb0\xfbv\xc68\'"-\xachR\x14&amp;Ib7\xe6\xef?\xb4J\x08\x0e\x0e\x9e4iRo\x7f\x16tB@U\xd8)\x11B\x18c&amp;\x93i\xf8\xb0\x14\x00\xa8)\xdd\xebj\xb7R!\xf0;\xdfy"@\xe0\xf8\x81\x9f\x00 "2"11\x11\xbai\\\xe6\xcd?%e8\x00\xfcX\\kos\x89B\xe0\x17\xdey\xd1\x82\xdeVP\x05\x00\x91\x11\xdd\x99\xbf\xbf\xe1\x9c{&lt;\x1e\x97\xcb\xe5r\xb9\xb4\xb5a\xa8\x17\xe9b;\xd4\xe6R\xb3\xb3\xb3\x01\xc0Z[\xd9\\U.\xca\x06\xc0\xd3\x00\x1dPAt\xb5[k\x0f\xef\x03\x80\x11\xc3GX,\x96n\xbc\x13o\xc7\xfc\xcb\xab\xad\xa5\xc7[d\x83\x887\x06\xedH\x14\xa8\xbd\xdd\xb5\xab\xa4\x16\x00\x86\x8f\xe8\xe6\xfc\xfd\x8ava\xa0\xc1`0\x18\x0c\xb2,\x07\xe4\x89\xee&gt;D\x17\r@\xdb\x90\xa6O\x9f.\x08\xa2\xc7\xed\xaa.\xde#H\x86\x80&lt;\xc3\xf6+q&amp;\xca\x86\xa6\xe3\x87\xad\xb5\x95\x00p\xd5U\xd3)\xa5\xdd\x98\x8f7\x7fQ\x14\\ne\xe7\xc1\x1a*\t\x98\xbf\x17\xe3 \x1b\xc4\xe2\xca\xe6\xf2j+\x00\\5\xfd\xaa\xee\xcd\xdf\x7fh\x97\x02\xec\xdb\xb7\xef\xf9\xe7\x9f\x7f\xfa\xe9\xa77o\xde\x1c\x90M\xae\x0f\xd1E\x03\xd0\xe6R333\xe3\xe2\xe2\x00\xe0H\xee\xb7\x9c3\x82\xa7\x01Nb\x8c\x89\xb2\xf1h\xdew\x1e\xb7\x8bR:e\xca\x14\xe8\xd6\xf9\x87N\xf9\xaf\xdb}\x04\x18\xc7\xfc\xbd\x18cT\x16\xbf\xd9[\xe9r+\x02\xa5\x93\xbb;\x7f?\xa1\x1d\xd3\xbc\xf2\xca+\xa3F\x8dz\xf8\xe1\x87\x9fx\xe2\x89)S\xa6,X\xb0\x801\x16\x90\xdd\xaeO\xd0E\x03\xd0\x1e2g6\x9b\xa7N\x9d\x02\x00ue\xf9\xf6\x96z*\xc9x9\x98\x86\x10\xc2\x98z\xfc\xc0\x8f@\xc8\xd0\x94\x94\xd4\xd4\xd4\xee\xbd6\xc7\x9b\xff\x94)S\x01`Oi}S\xb3]\x96\xf0r\xb0\x13\xb4K\xc0\xb6\x16T\x11\x02))C\xbb=\x7f\x7f\xa0\x8d\xfd\xadV\xeb\x13O&lt;\xa1\xaa\xaa,\xcb\xa2(\n\x82\xf0\xd6[o\xed\xdc\xb9\x93R\x1axW&gt;\xf7\t\xbah\x00^7\xdcp\x03\x00X\x1b\xaa\x0e\xff\x94#\x9b\x82\xf0\x01a\x00\x00\x9cI\x06s]Y\xc1\xd1\xfc\x1d\xc0\xf9\x8c\xdf\xfdN\xbb1\x8b/~\xd4\x8d7\xdc\x00\x00\xc7\xeaZ?\xdfY&amp;\x9bd\x15;\x00\x00\xe3`2J\x05\xa5\xf5\x9b\xf7Ur\x0eW\xffn\x86\xef\xf2\xefE\xda\\\x7fyy\xb9\xd5j%\x84\xb8\xddnEQ\x08!\x94\xd2\xfd\xfb\xf7C\xa0?\x00\xc7o\xe9\xa5\x01h\xb3\x10\x13&amp;L\x88OH\x00\x80\x92\x9d_s\xceq\x12\x02\xb4\xf9\x1f\xa3\xb9l\xf7F\xb7\xd3.\x08\xc2\xacY\xb3\xc0\x07\xf3\x0fZ\xfe\x97N\x98\xd0?!\x9e\x00\xac\xde^\n\x9c\x13\xdc\xe4\xb5\xa7\xa3\x18\xc4/\x7f,\xb7;\xdd\xbe\xcb\xdfO\x9c\xf2\xb0&amp;\xc0V\xbb\xf6-z\x89\x9e\x10\xa2(\x8a\xc5b\xb9e\xf6l\x00\xa8,\xfc\xa1\xbe\xfc\x80d0\xe3Z *\x88.\x9b\xf5\xd0wk\t!\xa3F\x8d\xca\xce\xce\xd6\xae\xd4\xef\xde\x9f\xe2\xcd\xff\xe6\xd9\xb7p\x80m\xf9\xc7\x0f\x945\x18M\x12\xae\x05\x12\x05\xealw}\xb4\xa5\x98\x10\x92\xed\xb3\xfc{\x9dv\xef\xcf\xc1\x83\x07GGGs\xceeY\x96$I\x9b\xfd\x1f5j\x14`\x1b\xe8%:\n]\xab\xb0y\xf3\xe6\x89\x92\xe4v\xda\x0f~\xb7F4\x9au~\xf6\x893U6[*\xf3v\xd4\x1f=\xc49\xbf\xe3\x8e;|\xb7\xfe\xc4\x9b\xbf$\x896\x87\xfb\xc3o\x0f\x89FQ\xe7\xf9\xab\x8c\x9b\xcc\xf2\x96\xfd\xc7\n\x8e4p\xce\xe7\xfb2\xff\xde\xa5]\x0e\x12\x1c\x1c\xbcl\xd92Y\x96\xddn\xb7\xc7\xe3a\x8c=\xf4\xd0C\xa3F\x8d\xd2\x1e\x13\xd6\xdb\x9fQ\x8f\x88\xae\xa6\xde\xb4:\xbb\xfc\xf2\xcb7m\xdad\n\x89\x98\xb3,\xc7\x1c\x1a\xc5T\x0f\x04\xe8\x11\xf7Yq\xc6$\xa3y\xf5\xff\xdex\xb4`gLLLAAAdd$\xf8l\n\xa2c\xfeQ\xa1\xa6\xdc\x97o\xe9\x17nV\x14\xa6\xd7\xf8\x811.\x1b\xa5i\x7f\xfel\xeb\xfe\xca~\xbe\xcf\xbf\xd7i\xf77-,,\xcc\xc9\xc9q8\x1c\x97^z\xe9\x84\t\x13\x02\xec\xa6\xa7}\x8b\xbe\xba\xae\xd6\xed\x1e|\xf0A\xce\xb9\xdd\xdaX\xb4\xf5SCp(S\x03\xf0\xd9{\xe7\x823\xd5\x10d\xa9:\xb8\xbb\xb2\xf0\x07\x00\xb8\xed\xb6\xdb\xa2\xa2\xa2TU\xf5\xdd\xd6\xd81\xff\xfa\x16\xfb\xca\xcd\x07\xe5`\x83\xaa\x06\xe0\x80\xf7\\\xa8\x8c\x9b\x83\x0c\xbb\n\xab\xb7\xe6\x1d\xe3=\x92\x7f\xaf\xd3\x8e\x03RSS\x1fz\xe8\xa1\xc7\x1f\x7f\x1c\xf7\xfe\xbdN_\r\x80R\xca9\x9f4iR\xca\xb0a\x84\xd0\x82\xcd\xffnk8.H\x06\xdd\xae\x07\xe5\x1cr\xbfz\x13\x00\x0c\x06\xc3\x1dw\xdc\xa1\xad\xd5\xf3\xdd\x8f\xf3\xe6?lX\n%d\xc5\x86\x03\x8dum\x92,\xe83~\x02\xc0\x81\xbf\xb8v/\xf4T\xfe\xfe@\x9b\xe3R\x14EQ\x94\xc0\xeev}B\x80W[\'\xde\xfb\xd2\xfc\xe5\xb1\xc78gMUe{&gt;\xff\x97\xd1\x12\xc6X\xa0\xad\xba;+\xceTCpX\xf9\x9eM\x87\xbe\xff\x9as~\xcb-\xb7\x0c\x1f&gt;\xdc\xd7S\xb1\xde\xfc\x1f{\xec/\x8c\xf3\xe2c\xcd/|\xba\xd7\x18lT\x03q\xd6\xfb\xccT\xc6\x83\x82\r\x1b\x7f&lt;\xf2\xc9w%=\x96\xbf\x9f\xa0\x94\x8a\xa2\xa8]\x07\xd0\xdb\x9fE\xef\xf4u\x0e@\xa3-\xb2\x9e2e\xca\xd6\xad\xdb\xcc\xa1\x11\xb7=\xb7.(&lt;\x86)n]\x9d\t\xd0f\xff?~b\xd6\xb1\xa2\x9f"""\n\n\nbbbzf\x04\xea\xcd\x7f\xdb\xd6\xadQa\xe6\xdd\xff\x9c\x1d\x1b\x11\xe4Q\x98\xae\x9e\x13\xc3\x187\x18\xa5\xc9\x7f\xfatG\xc1\xf1\xf0\x9e\xcd\x1f!/\x9dV\x9b \x08\x8b\x17/\x16\x04j\xb76n_\xf9\xacl\x0e\xd6\xd5A\x00S\x15Shd\xfe\xc6\x95\x95\x07~\xe4\x9c?\xf4\xd0C\xb1\xb1\xb1=9\xfc\xd4\xf2\xa7\x82P\xdfb\x7f\xfc\xdd\x9d\xb2Y\x0e\xc8\xa5/\xa7\xa3\xa8,(\xd4\xf4\xce\xba\x82\xef\xf2\x8f\xb1\xde\xc8\x1f!\x8d\x1e\x0bN\x10\x04UU\'L\x98p\xdb\x9c9\x00pp\xfb\xe7%;\xbf6Z\xc2ur6\x98s&amp;\xca\xc6\x96\xea#\xdf\xafz\x9eR\x9a\x92\x92\xf2\xf0\xc3\x0f\xf7\xf0\xde_\xcb\x7f\xce\x9c\xdb\x00\xe0\xa3-\x87\xd6m/\xb5X\x8c\x8a&gt;\xce\x063\xce\r\xb2x\xac\xca\xfa\xbf\xef\xff@)\x1d\xd6\xe3\xf9#\xe4\xa5\xd3\x9a\xd3&amp;\xa3\x9f}\xe6\x99\xd0\xb00\xce\xd4\xcdo\xfd\x8f\xb3\xbdE\xd0\xc7\xdd\x818c\xb2)\xf8\xdb\xb7\x9eho\xaec\x8c\xbd\xf4\xd2K\xda]y{\xf2t\x9c\x96\xff3\xcf&lt;\x1b\x16\x16\xaa\xaa\xfc\xbeW\xb7X\xdb\\\x92\xa4\x8b\xb3\xc1\x8cq\xd9$\xff\xe1\xb5-5M6\xc6\xd8?z#\x7f\x844:m\x00\xdar\x94\xd8\xd8\xd8\x17\x9e\x7f\x9esh\xa9\xa9\xd8\xf4\xc6_d\xb3%\xe0\'\x82\x98\xe21\x87E\xe7~\xf9V\xf1\x0f\xeb\x00`\xde\xbcy\xd3\xa6MSU\xb5\x87O\xc7y\xf3\x7f\xfe\xf9\x17\x00xY\xb5\xf5\xfe\x97\xbf5\x9a\xe5\x80?\x1b\xac(\xcc\x12f\xfe\xd7\x9a\xbd\x9fm/\x05\x80\xf9\xbd\x94?B\x1a=\x9e\x04\xf6R\x14E\x14\xc5\x9bo\xbe\xf9\xe3\x8f?\x06\x80\xcb\x17&gt;s\xd1\xcc\x85\xb6\xa6Z*J\xbd\xfd\xd1|\x82\xa9\x8a18\xb4\xa6t\xff\xaa\xc7\xaf\xf78\x1d\x89\x89\x83\xf3\xf2\xf2L&amp;\x13!\xa4W\x86\x9f\x9d\xf2\x7f\xfd\xfe\xc9\x0bg\x8dlk\xb2\x89b`\x8eKT\x95\x05\x07\x1br\x8b\xeb&amp;\xfcq\xb5\xdd\xe9\x19\x9c\x98\xd8\xbb\xf9#\xa4\xeb\x06\xc09g\x8cY\xad\xd6\xec\xec\xec\xf2\xf2r\xd1`\xba\xf1\xc9U\xf1\xc3\xb2]\xb6\x00|f$gL\x10%\x8f\xcb\xbe\xea\xf1\xeb\x1b+\x8b\x05A\xd8\xbe}\xfb\x981czq\xf6\xb9S\xfef\x83\xb8\xf1\xd9\xeb/I\x8dkk\x0f\xc0gF2\xc6EIhsx&amp;&gt;\xbc\xba\xb0\xa2I\xf4\x83\xfc\x11\xd2u\xe5i#\xaf\x88\x88\x88\x0f?\xfc\x90\x10\xa28\xed_\xbfp\x8f\xa3\xb5Q2\x98x\x80\xcd\x05q\x0e\x04$S\xd0\xfa\x7f&gt;\xd4p\xf4\x10\xe7\xfc\xb9\xe7\x9e\x1b3f\x8c\xa2(\xbd\xb8\xf7\xe9\x94\xbf\xcd\xa9\xfc\xfe\x99u\xf5-\x0e\xa3Ab\x81u\x978\xce\x01\x08\x18\x8c\xd2\x82\xe77\x16\x1ei\x04\xff\xc8\x1f!\xbd\x17\x1f\xa5TQ\x941c\xc6\xbc\xf6\xdak\x1c\xa0\xb5\xee\xd8\'O\xde\xa2x\xdcT\x94\x03\xe9i\x01\x9c1\x93%\xfc?\xcb\x17\x95\xfe\x94\x03\x00s\xe7\xce}\xe0\x81\x07\xb4\x19\x98\xde\xfd`\x1d\xf3\x07\xe0Gj\xdb\xa6?\xb6\xc6\xe1VD\x91\x06R\x0f`\x8c\x07Y\x8cw.\xcdY\xbb\xf30\xf8S\xfeH\xe7\xf4\xde\x00\x00@\x14EEQ\xee\xba\xeb\xae\x85\x0b\x17r\x80\xda\xb2\xfc\x8d\xaf="\x1b\xcd\x84\x12\x1e\x107\x8bf\xaab\x0e\xef\xb7k\xed\xeb\x05\x9bV\x01@vv\xf6\xab\xaf\xbe\xea?\xf7\x1c\xee\x98?\x00\xdfSZw\xcfK\x9b\rF\x89P\xc2\x02b~RQYp\x84\xf9\x9f\xabs\xdf\xce)\x04\xff\xcb\x1f\xe9\x196\x00\x00\x00A\x10\x14Ey\xfd\xf5\xd7\x17,X\x00\x00E\xdb\xd6\xfcg\xf9\xfd\xb2\xc9B\xa9\xd0\xb7\x8f\x038\xe7\xaa\x1a\x14\xdeo\xf7\xda\xd7\xbe}\xeb\x7f\x00 ;;;\'\'\xc7l6\x83?\xddr\xb2S\xfe+7\x1f\x9c\xbf4\xc7l\x92\x05\xda\xb7\x8f\x038\x07U\xe5\x96\x88\xa0WW\xefY\xf4\xfaV\xf0\xd7\xfc\x91n\xe9\xfa$pG\xda\tIA\x10\xee\xba\xeb\xae7\xdf|\x13\x00\xd2&amp;\xdf&lt;\xed\xde\xe78c\x8a\xdb\xd9\x17\xcf\tk\x87/\xc6\xe0\xf0=_\xfck\xf3\x9bOp\x80\xec\xec\xd199\xeb\xc3\xc3\xc3\xfd\xf0\xc4c\xd7\xfc\xe7M\x1b\xf1\xfa\x83S\x81q\xb7[\x11\xfa\xe09a\xc68\x10\x08\xb2\x18_\xfe4\xf7\xfeW\xb6\x02\xf0\xd1\xd9\xd9\xebsr\xfc3\x7f\xa4O\xd8\x00~\xd6u\x1f\x147t\xe4\xf5O\xbcg\x0e\x8dt\xb6\xb5\xf4\xad\xb5\xa1LUD\xc9 \x1a\xcd\xeb\xff\xf9`\xfe\xc6\x0f\x01 {\xf4\xe8\x9c\xf5~\xba\xf7\xd7t\xcd\xff\xe2\xe1\xb1_,\x9e\x19\x1dfnmsJ}jm\xa8\xaa2Y\x16e\x83\xb8\xe0\xf9\x8do\xad+\x00\x80\xd1\xa3\xb3\xd7\xaf\xc7\xbd?\xf2/\xd8\x00~\xa1\xeb&gt;(z\xd0\x88+\xef\x7f1a\xd8([K=\xa5B\x9f\xb8a\x1cS&lt;FK\x98\xdd\xda\xb8\xe1\xd5?\x95\xfc\xb0\x0e\xfc{\xec\xdfQ\x97\xfcIfb\xe4\xdb\x7f\x9cvQj\\k\xb3]\xa4\xb4/\xc4\x0f\x1e\x85\x85X\x8c\xf5-\xf6\xbb\x97o\xfalG)\x00\xe0\xd8\x1f\xf9\'l\x00\x9du\xed\x01\xc6\xe0\xd0\xa9w=\x93:\xf9&amp;g{\x0bg*\xa1\xfe{\xee\x8es\xc6\x197\x87FV\x1d\xda\x9d\xf3\xcf\x87\xea\x8e\x1c\x00\x80\xd1\xa3G\xaf\xf7\xef\xb1\x7fG]\xf3\x0f\xb7\x18_\xb9o\xd2-\xd3F8\xda\x9c*\xe3\x82\x1f\xdf5\x94q\xce\x19\x0f\x0e3\xef&gt;P}\xe7\xf3\x1b\xf7\x97\xd5C_\xcb\x1f\xe9\n6\x80S\xe0\x9ck7\xe6]\xbe|\xf9\x83\x0f&gt;\x08\x00\x04\xe0\xc2\xab\xe7_v\xfb\xff\n\xa2\xec\xb2\xb7\xfa\xe7\xa1\x00S\x15Q6J\xc6\xa0}\xffyg\xeb\xff-v\xd9\xdb\x01`\xfe\xfc\xf9\xcb\x97/\xb7X,}h\xef\xd35\x7f\x00r\xff\xb5\x99K\x17\\j\x94\x846\x9bK\xf0\xcbC\x01EeF\x83(\x19\xa57\xbe\xd8\xff\xa77\xb7\xb7\xda\\\xd07\xf3G\xfa\x81\r\xe0\xd4\xbc\xfb\xa0\x9c\x9c\x9c\xf9\xf3\xe7WUU\x01@\\r\xd6\xa4;\x9e\x1a\x98&gt;\xd6i\xb3\xaa\x1e\xb7\xff\x9c\x19\xe6L\x05BL\x96\x88\x96\x9a#[\xde\xf9\x7f\x87v|\t\x00\xb2lX\xb2\xe4\xd9\x07\x1ex\x00N&gt;\x8c\xb7\x97?\xe5\xf9\xe8\x98\xff\x1d\xf3\xe7\x1f\xaf\xaa\x02\x80\xd1)\xb1/\xfe\xf7ec\xb3\xfa\xbb\xda]n\x8f\xea?W\x0b\xab\x8c\x13\x02A!\xa6\xa3U-\x7fz\xe3\xbb\x8f\xb7\x96\x00p\x83,?\xbbdI\x1f\xcd\x1f\xe9\x046\x803\xd1.\xd5\xa9\xae\xae\x9e7o^NN\x0e\x00H\x92&lt;r\xe6\xdd\xd93\x17\x06\x85\xc78\xdb[\x98\xaa\xd2^]\xcd\xad]\xb1l\x08\ne\x8a\'\x7f\xf3\xaa\x9d\xab\x96\xb55\xd6\x02\xc0\xd0\x94\x94\x15o\xbf=n\xdc8\xc6X\xdf\xbd\xd5L\xd7\xfc\r\xb2\xf4\xd0\xac\xac\x87g]\x14\x11\x19\xe4hs**\x13zuJHe\x1c\x00\x82\x83\r\x8aG}w\xc3\x81\xbf\xbe\xffCUC;\x00\xa4\xa4\x0c}\xfb\xed\x15}=\x7f\x14\xf0\xb0\x01\x9c\x85\xf7N\x8d\xcb\x97/\x7f\xf4\xd1\xc7\\.\'\x00D&amp;\x0c\x19u\xed=\xc3&amp;\\k0[\\\xb6V\xa6*T\x10\x00zt#\xd7F\xfd\x06\x93\x85\x03?\xb2w\xcb\xae5\xafV\xe4m\xd7\xbeu\xe7\x9dw.[\xb6,444\x00\xae5\xed\x98\xffc\x8f&gt;\xeat\xb9\x00 e@\xc4\xc37\x8e\xbcebJP\x90\xc1isyT\xd6\xf3\x93B\'F\xfdf\x198\xe4\xec\xaeX\xbaz\xcf\xe6\xbdG\xb5o\x05R\xfe(\xb0a\x038;\xef \xae\xa0\xa0\xe0\x91G\x1eY\xb7n\x9d\xf6\xf5\xf8\xa1#G\xcf\xba\x7f`\xfaXSH\x84\xcb\xd6\xa6*nB(\xf1\xf1\x91&gt;\xe7\x8c3F\x05Q6\x053\xc5SU\x9c\xbb\xf7\xeb\xb7\x0fm\xffB\xfb+\xa6\xa5\xa7/]\xb2d\xfa\xf4\xe9\xd0a\xd7\xd9\xd7\x9d.\xff1\xc3\xe3\x1e\xbdy\xd4\x94\xac\x01\x96\x10\xa3\xcb\xeev{TB\x88\xaf\x8f\x07\x18\xe7\x8cqQ\xa0&amp;\xb3\xcc&lt;\xea\xf7\x07k^\xfe|\xff\xbf\xb7\x14\x03p\x00HOO[\xb2di\x80\xe5\x8f\x02\x186\x80s\xe5\xdd\x9eW\xadZ\xf5\xf4\xdf\xff^\x90\x9f\xaf}=\xfa\x82a#\x7fwg\xf2\xc5\xd3\x83\xc2\xfb\xa9\x8a\xc7\xed\xb0q\xa6\x12B\t%\xddxL\xa0-\xef!\x04D\x83Y2\x98\\\xb6\xd6\xca\xc2\x9d{\xbe\xf8\xd7\xd1\xfd\xdb\xb4Kecbc\xef\xbb\xf7\xdeG\x1eyD\x96\xe5\x80\x9cv\xe8\x98\xff\xdf\xff\xfet~~\x81\xf6\xf5\xb4\xc1\xd1\x8b\xae\xcd\xbc~\\RdD\x10(\xaa\xdd\xe1V\x19\xa7\xa4;\x03\xe0\'\xd6&amp;qBH\x90Q$\x06\xc9ism\xc9;\xf6\xc2\xa7{7\xe6V\x02g\x00\x10\x17\x1bs\xcf\xbd\xf7\x05p\xfe( a\x038\x0f\xdask)\xa5n\xb7{\xe9\xd2\xa5/\xbf\xf2JmM\x8d\xf6\xad\xd0~\xfd\x93/\xb9:){Z\xfc\xf0l\xc9`V\x15\xb7\xe2r2\xd5\xc39\x10B\xe0W\xec\x0e\xb4\xd3\xa0\xc0\x01\x80RA\x94\r\xa2ld\xaaZW^X\x9e\xfb\xed\xa1\xedkk\xcbN\xec\x01\rF\xd3\xad\xbf\xbfe\xf1\xe2\xc5\t\t\t\x10\xd0\x03\xcfN\xf9\xbf\xfa\xca\xcb\xd55\xb5\xda\xb7\x06\xc6\x84\xde8&gt;\xe9\x9aK\x06\x8fO\x8d\xa7F\t&lt;\xaa\xcb\xa5xT\xa6=i\x8b\x92\xf3\xbe\xef\x02\xe7\xc09g\x9c\x13\x00Q\xa0\x06Y$\xb2\x00\x8c\x17\x1c\xae\xffz\xd7\x91U[J\xf6\x95\xd6i\xa3~\x93\xd1p\xcb\xefo\xd5C\xfe(\xf0`\x038o\xde-\xbc\xb6\xb6\xf6\xfd\xf7\xdf\x7f\xef\xbd\xf7\xf3\xf3\xf3\xb4o\x11\x02\t\xc3\xb2\x07\xa4\x8f\x1f\x98&gt;6zp\x9a\xc9\x12N\x05\x81)\x8a\xe2q1\xc5\xc39?yw\xb9S\xec\x8e8hw\r&gt;\xd10\x04A\x12$Y\xbb\xfc\xd8ekk\xae*;\x9a\xbf\xfd\xf8\x81\x1f\x8f\xee\xdf\xe6r\xda\xb5\xffKl\\\xdcm\xb7\xde:w\xee\xdc\xb4\xb44\x00P\x14E\x10\x84\x80\x1fxv\xca\xff\xfd\xf7\xdf</t>
        </is>
      </c>
    </row>
    <row r="221">
      <c r="A221" s="1" t="n">
        <v>219</v>
      </c>
      <c r="B221" t="inlineStr">
        <is>
          <t>polygon_sides_number</t>
        </is>
      </c>
      <c r="C221" t="inlineStr">
        <is>
          <t>What is the missing number of the part denoted with a question mark?</t>
        </is>
      </c>
      <c r="D221" t="inlineStr">
        <is>
          <t>[3, 4, 6, 7]</t>
        </is>
      </c>
      <c r="E221" t="inlineStr">
        <is>
          <t>6</t>
        </is>
      </c>
      <c r="F221" t="inlineStr">
        <is>
          <t>There are 6 numbered polygons arranged in a triangle with number [9] in the top row, [4, '?'] in the middle row, and [7, 3, 8] in the bottom row.</t>
        </is>
      </c>
      <c r="G221" t="inlineStr">
        <is>
          <t>We observe that the polygon with 9 sides has the number 9, the polygon with 4 sides has the number 4, the polygon with 7 sides has the number 7, the polygon with 3 sides has the number 3, and the polygon with 8 sides has the number 8. Thus, the pattern is that the number inside the polygon represents the number of sides the polygon has.</t>
        </is>
      </c>
      <c r="H221" t="inlineStr">
        <is>
          <t>Based on the pattern that the number inside the polygon represents the number of sides of the polygon, the missing number of the polygon with 6 sides should be 6.</t>
        </is>
      </c>
      <c r="I221" t="inlineStr">
        <is>
          <t>b'\x89PNG\r\n\x1a\n\x00\x00\x00\rIHDR\x00\x00\x02\x00\x00\x00\x02\x00\x08\x02\x00\x00\x00{\x1aC\xad\x00\x00\x98\xdfIDATx\x9c\xec\x9dwxT\xc5\xd7\xc7gn\xd9\xbe\xd9M\xa5\xf7\x0e\x01\xa47\xa9\xa1#\x08H\x87\xd0\xdb\xab\x80\x14\xa5\x08\n\x08XP\x8a\xa0H@\x90\x8e\xf4\x0e\xd2\x8b\x82\xb4\x80t0\x10\x9a\xb4\x94\xddlv\xb3\xd9\xdd{g\xe6\xfdc`\xcd\x8f&amp;`\xb2u&gt;\x8f\xcf#d7a\xb2\xf7\xde\xf3=s\xce\x99s !\x040\x18\x0c\x06#\xf8\xe0\xbc\xbd\x00\x06\x83\xc1`x\x07&amp;\x00\x0c\x06\x83\x11\xa40\x01`0\x18\x8c \x85\t\x00\x83\xc1`\x04)L\x00\x18\x0c\x06#Ha\x02\xc0`0\x18A\n\x13\x00\x06\x83\xc1\x08R\x98\x000\x18\x0cF\x90\xc2\x04\x80\xc1`0\x82\x14&amp;\x00\x0c\x06\x83\x11\xa40\x01`0\x18\x8c \x85\t\x00\x83\xc1`\x04)L\x00\x18\x0c\x06#Ha\x02\xc0`0\x18A\n\x13\x00\x06\x83\xc1\x08R\x98\x000\x18\x0cF\x90\xc2\x04\x80\xc1`0\x82\x14&amp;\x00\x0c\x06\x83\x11\xa40\x01`0\x9e\x0f!\x04c\xec\xedU0\x189\x08d3\x81\x19\x0c\x00\x00\xc9\x02\x84\x90\xe38\x08!\x00\x00!\xe4\xfe3\x83\x11`0\x01`\x04)\xd4\xc1\xa7\xf7?\xc7q\x1c\xf7\xf4n\xd8d29\x1c\x8e\xbcy\xf3\x02\x00dY\xe6y\x9e\xc9\x00#\xc0`\x02\xc0\x08\n^\xe4\xe0\xbb\xb1\xdb\xed\xa9\xa9\xa9W\xae\\9y\xf2dbb\xe2\xa5K\x97n\xdc\xb8!I\xd2\xb0a\xc3\x86\x0e\x1d\x1a\x15\x15\x05\x00@\x08\xf1&lt;\xef\xa5\xdf\x80\xc1\xc8~\x98\x000\x02\x10zW\xbf\xdc\xc1ONN\xbe|\xf9\xf2\xcd\x9b7\xcf\x9d;w\xe1\xc2\x85\xeb\xd7\xaf\xa7\xa6\xa6\xdal\xb6g\x7fZ\xde\xbcy\xa7N\x9d\xda\xa3G\x0fQ\x14iV\xe0\xd9\x9f\xc6`\xf8#L\x00\x18\x81\x80;aK\x08y\xae\xb9\xb7X,\xf7\xef\xdf\xbf{\xf7\xee\xa9S\xa7\xe2\xe3\xe3\xef\xdd\xbb\x97\x90\x90`6\x9b_\xf4\x03\xb5Z\xad \x88\x16K\x9a\xfb+5j\xd4\x982eJ\x93&amp;M\x00\x8b\x081\x02\x05&amp;\x00\x0c\xff\xe3\xa9x\x0e\r\xe9d}\x03\xc6\xd8d2]\xbe|\xf9\xcc\x993\xb7o\xdf&gt;{\xf6\xec\x95+W\xccf\xb3$I\xcf\xfd\x81\nQa0\x1a\x8b\x14*^ \x7f\xa1re+\x94(V*\x7f\xfeBF\x83q\xcf\xbe\x1d3\xbe\x9b\x96\x94\xfc\x88\xe7y\x84\x10\x00\xa0K\x97.\x93\'O.Y\xb2$`\x11!\x86\xff\xc3\x04\x80\xe1\x07\xfck\xc2\xd6b\xb1\xfc\xf5\xd7_\x7f\xff\xfdw||\xfc\xa9S\xa7\xfe\xfe\xfb\xef\x07\x0f\x1e\xbc\xc4\xc17\x1aB#"\xa2J\x14/U\xb2x\xe9\xe2\xc5K\x97,^:*2Whh\xb8B\xa1\xe08^\x96%Ir!\x84tZ\xfd\xdf\xf7\xef.Y6?\xee\xa79\x92,\t\x82 \xcb\xb2\xc1`\x181b\xc4\xf0\xe1\xc3\r\x06\x03\x8b\x081\xfc\x1a&amp;\x00\x0c_\x87\xba\xf9Y\xbf\x92\x99\x99\x99\x92\x92\x92\x90\x90p\xe1\xc2\x85s\xe7\xce%&amp;&amp;^\xb9r%))\xe9E?A\x14\xc5\\Qy\n\x16(\\\xa2x\xe9\x82\x05\n\x97)\x1d]\xb4pq\xa3\xd1\x18\x12b\xe49\x1e!\xe4\x92\\\xb2,I\xb2D0!\x80@\x089\xc8\x01\x00\x10B*\x95J\xa3\xd1^\xb8\xf8\xe7\x9cy\xdfl\xdf\xb9\x11\x00\x00!$\x84\x94*Uj\xcc\x981}\xfa\xf4\x01\xacT\x94\xe1\xb70\x01`\xf8.4\xc8\xc3q\x9c\xd9l\xbe~\xfd:\xad\xcc9y\xf2\xd4\xd5\xabWL&amp;\xd3s\x13\xb6\x94\xb0\xd0\xf0\xfc\xf9\x0b\xe6\xcd\x9d\xbf\\\xd9\xf2\xe5\xcaV\xcc\x93;_\x81\xfc\x85\x0c\x06\xa3 \x08\x10r\xb2$9]N\x84dY\x96\xddA$\xcas\xd7\x80\x10\xd2\xe9\xf4\x02\xcf\xef\xde\xb7\xe3\xabo&amp;\xfeu\xfd*\x84\x80&gt;7111\xd3\xa6M\xabQ\xa3\x06`\x89\x01\x86\x1f\xc2\x04\x80\xe1\xbb\xd0 \xfb\xfb\xef\xbf\xbfz\xf5\xea\xb4\xb4\xb4\x17\xbdM\xab\xd5\x19\r\xa1\xc5\x8a\x96(W\xb6b\xa1\x82\x85K\x97,\x97?_A\xa31L\xa3\xd6\xf0&lt;/\xcb\xb2,K.\xc9E\xcd=\x01\x84\x83\x10B\x0eB\x00\xc0\xab\x1ak\x8c1\x00D\xaf7d\xda\xed+~Y\xfc\xfd\x8f\xdf\xa6\x9aR\x04\x81\x97e$\x8abll\xec\xe7\x9f\x7f\x9e/_&gt;\xc0\x12\x03\x0c\xbf\x82\t\x00\xc3G\x91eY\x10\x84\xb8\xb8\xb8\xc1\x83\x07?\xf5RDDd\xd1\xc2\xc5\x0b\xe4/\\\xa4H\xb12\xa5\xa2\x8b\x17+\x15\x16\x1a\x1ej\x0c\x15E\x05&amp;X\x92$\x97\xcb\x85\x90\x84\x10&amp;\x80@\xf02\x07\xff\xb5@\x08\xf1\xbc\x10\xa2\x0f\xb9\xff\xe0\xef9\xf3\xbeY\xb1z\x11\r\xfe`\x8c\xa3\xa2\xa2\x86\x0e\x1d:z\xf4h\x85B\xc1\x12\x03\x0c\x7f\x81\t\x00\xc3\x17\xa1\xd6\x7f\xdf\xbe}M\x9a4\x11E\x85$\xb9*V\xa8\\\xafN\xa3R%\xcb\xe5\xcb\x9b\xbfP\xc1"\xe1\xe1\x11\xa2\xa8\xe0y^\x96d\x97\xcb)#Y\x96eLp6\x9a\xfb\x17@d\x84T\n\x95V\xa7;v\xfc\xb7\x99\xdfM\xfb\xfd\xd8!\xf7k\xd1\xd1\xd1\xe3\xc7\x8f\xef\xd2\xa5\x0b`\x89\x01\x86?\xc0\x04\x80\xe1s\xd0(\xca\x85\x0b\x17\x1a6lh\xb1XdY\xee\xd0\xbe\xdb\xec\xe9q\xa2\xa8\x90\x91\x8c\x10r\xb9\x9c\x92$e=\xd6\x0b\x00\xf0\xa4\xa9%\x84`\x8ctZ=\xc7\xf3\x1b7\xaf\x9e\xfb\xe3\x8c\x84\xebW\x01\x04\x80\x00\x00@\x8b\x16-\xa6O\x9f\x1e\x1d\x1d\r\x98\x0c0|\x1b&amp;\x00\x0c\xdf\x82\xc6O\xccfs\xc3\x86\r/\\\xb8\x00\x00\xa8X\xbe\xf2\xe6u\xfbi\xe6\x96\x1a\xd3\x9ct\xf0_\x03\xbaTC\x88\xd1jK\x8f[4g\xc9\xf28\x93)\x95\x96\x8a*\x14\x8aA\x83\x06M\x980\x81\xf5\x90`\xf82L\x00\x18&gt;\x84\xbb\xec\xa7I\x93&amp;\xfb\xf6\xed\x03\x00\xe4\xcfW`\xfb\xc6\xc3z}\x88\xcb\xe5\xf2\xcd\xa8:5\xeeFCh\xe2\xad\xeb3\xbf\x9b\xb6n\xe3*\x00\x00\xc7\xf1\x18\xa3\xa8\xa8\xa8\t\x13&amp;\x0c\x1a4\x88%\x06\x18\xbe\t\x13\x00\x86\x0fAC\xff\x03\x07\x0e\\\xb8p\xa1(\x8aj\xb5f\xf9\xa2\x8d\x95+U\xb7Z-&lt;/x{u/\x81\xc82R\xa9\xd4Z\x8dv\xff\xc1_\x7f\x88\x9by\xec\xf8\x11\xf7k\xd1\xd1\xd1\xd3\xa7Oo\xd1\xa2\x05`\xa5\xa2\x0c\x1f\x83\t\x00\xc3W\x90$I\x14\xc5\xd9\xb3g\x8f\x181B\xa9T:\x9d\xce\xb93\x17u\xe9\xd4\xf3\xd1\xa3\x87\xa2(z{u\xff\x0e!\x04ad\x0c1\xba$i\xfd\xc6\x95\xf3\x16\xcc\xbay\xeb\x06\xc7A\x8c\t\x00\xa0K\x97.\xe3\xc7\x8f\xa7\x89\x01\xaas\xde^/\x83\xc1\x04\x80\xe1\x1bP\x9b\xb8a\xc3\x86\x0e\x1d:(\x14\n\x97\xcb5\xf9\xd3\xe9\x83\xfa\x0fKMM\x16\x04?\xb0\xfen\x10B\x10\xc2\xb0\xd0\xf0\x87\x8f\x1e\xfc\xbc|\xfe\xa2\x9f\x7f\xb0\xda\xac\xee\xc4\xc0\xe8\xd1\xa3isi\xda\xdc\x82%\x06\x18\xde\x85\t\x00\xc3\xfb\xd00\xfa\xe9\xd3\xa7\x9b6mj\xb5\xdadY\xea\xdc!\xf6\xbbo\x17\x9a\xcc\xa9~j"\xa9\xb97\x18\x8c\x97.\x9d\x9f9\xe7\x8bm;7\x82\'\x89\x01\xda\\\xda\xddC\xe2\xd9Nv\x0c\x86\xc7`\x02\xc0\xf024;\x9a\x96\x96V\xb5j\xd5\x9b7o\x02\x00j\xd5\xa8\xbb~\xd5.\xab\xcd\n&lt;[\xdc\x99\xbd\x10B\x10\x92\xb5Z=\xcf\xf1\x87\x7f\xdf\xf7\xed\xac\xa9\x7f\x9e\x8f\xcf\xdaCb\xdc\xb8q111\x80%\x06\x18\xde\x83\t\x00\xc3\x9b\xb8o\xbf\xda\xb5k\x1f?~\x1c\x00P\xb2x\xe9\xb5\xabv\xe9\xb4:I\x92\x02\xc05\xa6ML\r\x06cF\x86m\xf3\xd6\xb5\xdf~7-)\xe9\xa1\xbb\xb9t\xdf\xbe}\xc7\x8c\x19C\x9bK?\xdb\xf3\x8e\xc1\xc8i\x98\x000\xbcI\xd6\xb2\x1fA\x10uZ\xdd\xaa\xa5[+\x94\xafd\xb1\xa4\x05R\x9a\x94\xc6\xb8\x0c!\xc6{\x0f\xee\xce\xf9a\xfa\xaa5K$I\xa22@\x9bK\x7f\xf8\xe1\x87F\xa3\x91i\x00\xc3\xc30\x01`x\rZ\xf63y\xf2\xe4I\x93&amp;\xd1\xc4\xef\x92\x85\xebZ4m\x93\x9c\x92\xe4\x17e?\xaf\x8b,\xcb*\x95J\xad\xd6\\\xb8p\xf6\xcbo\'\x1e:\xb2\xcf\xfdR\xd9\xb2e\x0f\x1f&gt;\x1c\x1e\x1e\x0e\xfc9\xea\xc5\xf0;\xfc~\x8b\xcd\xf0SdY\x16Eq\xe9\xd2\xa5\x93&amp;MR(\x94.\x97k\xea\xc4o\x9b5n\x95\x92\x9a\x1c\x90\xd6\x1f\x00 \x08\x82$Iii\xe6\xd2\xa5\xa3\x97/\xda\xb48nM\x89\xe2\xa5\x00\x00*\x95\xea\xf2\xe5\xcb\x9b6m\x82\x10\xd2\xd0\x10\x83\xe1\x19\xd8\x0e\x80\xe1\x05hH\xe4\xd4\xa9S\r\x1a4p\xb9\\\xb2,\xf7\xea1`\xe6\xd7\xf3\x1f%=\xf0\xed\x03_\xd9\x03\xcd{\xebuz\x97$}\xf7\xc3\xd7s~\x98\x0e!\xacZ\xb5\xea\x89\x13\'0\xc6\x01\x90\xf9`\xf8\x0bL\x00\x18\x9e\x86\xda\xb8\xe4\xe4\xe4r\xe5\xca\xa5\xa4\xa4\x10B\x9a6n\xf5s\xdc\x9atk\xba\x8f4\xf9\xf1\x0c\xb2,\xab\xd5j\xa7\xd3Y7\xa6bJj\xb2B\xa1&lt;s&amp;\xbe\\\xb9rL\x03\x18\x1e\x83\xddg\x0c\x8fB\x1d\x0e\xbb\xdd\xde\xaaU\xab\xe4\xe4dBH\xb9\xb2\x15\xbe\xfd\xf2\x07\x87\xc3\x01\x82,\xfc-\x08Bff\xa6!\xc4\xd0\xa8A3\x00\x80\xcb\xe5\\\xb2d\tx\xb2?`0&lt;\x00\x13\x00\x86\xe7 \x84\xc8\xb2\xccq\xdc\x07\x1f|p\xea\xd4)A\x10\r!\xc6\x1ff/\t\r\rw\xba\x1cA\xe8\xf6B\x081\xc6\x1d\xdaw\xa7\xbf\xfb\xb6m\xdb\xe8\x99\x00o\xaf\x8b\x11,\x04\xdd#\xc7\xf0"\x08!Q\x14G\x8c\x18\xb1d\xc9\x12A\x10eYZ\xf8\xe3\xaa\x12\xc5J\xa5\xa7\xfbx\xaf\xb7\x9c\x82\xe7y{fF\xc5\xe8\xb7\n\x14(\x04\x00HHH8r\xe4\x08\x00\x80\xa5\x82\x19\x9e\x81\t\x00\xc3C\xd0\x92\xff\x85\x0b\x17\xce\x9e=[\xa9T\xca\xb24u\xd2\x8czu\x1a\xa5Y\xcc\x81T\xf2\xff\xbaH\x92l0\x84\xb6i\xf9\x1e\x00\x00c\xbct\xe9\xd2\xa0\x8a\x831\xbc\x0b\x13\x00\x86\'@\x08\t\x82p\xfc\xf8\xf1A\x83\x06\x89\xa2\xe8t:\x87\x0c\x1e\xf5\xfe\xc0\x11\xa9\xa6\x94`\xb6\xfe\x00\x00\x8e\xe3\x9c.\xe7;-\xdb\xf3\x82\x00\x00\xd8\xb5\xeb\xd7\xe4\xe4d\x9e\xe7Yu\x06\xc3\x030\x01`\xe48\xb4\xed\xe5\xcd\x9b7[\xb5j\xc5\xf3\xbc$Im[w\x1a3j\xe2\xa3\xa4\x87,\xde\xcdq\x9c\xdd\x9eQ\xbad\xd9jUj\x02\x00\x92\x93\x93v\xec\xd8\x01X\x14\x88\xe1\x11\x98\x000r\x16\xf7\x88\xc7N\x9d:\x99L&amp;Y\x96\xcb\x97{\xeb\xcb)\xb3\x9d.\x17\x08\xb2\xb2\x9f\x17\x811V\xaaT\xed\xdat\x06\x00@\x08\xd7\xaf_\x0f\xd8\xec0\x86G`7\x19#\x07\xa1]\xef9\x8e\x1b8p\xe0\xe9\xd3\xa79\x8e\x0b\r\r[\x1c\xb7F\xadV\xbb\\Nf\xe3(&lt;\xcf\xdb\xed\x19uj\xd5\xd7h\xb4\x84\x90\x03\x07\x0e&amp;$$p\x1c\xc7\xeaA\x199\r{\x02\x199\x08\xc6X\x10\x84\xc1\x83\x07\xaf_\xbf^\x14E\x85B\xb9x\xfe\x9a\xdc\xb9\xf2ddd\xb0\xe0\x8f\x1b\x08\xa1\xc3\xe1(Z\xa4x\xe3\x86\xcd\x01\x00\x99\x99\xf6\xcd\x9b7\x03v \x80\x91\xf30\x01`\xe4\x14\xb4\xa4=.....N\xa1PJ\x924y\xc2\xd7uj\xd7O\xb7\xa6\x07y\xe2\xf7E\xbc\xd3\xb2=\x00\x00B\xb8a\xc3\x06v\x1e\x98\xe1\x01\xd8\x1d\xc6\xc8\x11h\xd1\xe7\xbe}\xfb\x06\x0f\x1e\xacT(].\xe7\xb8\x8f\'\xf7\xeb\xfd~R\xd2#f\xfd\x9f\x85\xa6\x82\xabW\xad\x15\x19\x99\x8b\x10r\xea\xd4\xa9S\xa7Nq\x1c\xc7R\xc1\x8c\x1c\x85\t\x00#\xfb\xa1E\x9f\x17.\\\xe8\xd2\xa5\x8b \x08N\x97\xb3c\xfbn\x1f\x0c\x1a\x19\xa8}\x9e\xff;\x10B\xa7\xd3\x99\'w\xbe6-\xdb\x03\x000\xc64\x15\xcc\x8aA\x199\n\x13\x00F6C\x08\xe18.55\xb5{\xf7\xee\xa9\xa9\xa9\xb2,W,_y\xfa\x17?\xd833Y\xcd\xcfK\x80\x10\xba$W\xb3&amp;\xadi\xe4g\xe5\xca\x95\xe9\xe9\xe9\x82 0\r`\xe4\x1cL\x00\x18\xd9\x0c!\x04!\xd4\xa5K\x97\x0b\x17.\x00\x00\xf2\xe7+\xb0\xf4\xa7\xf5\x18#\x84d&amp;\x00/\x81\xe7\xf9\x8c\x0c[\xb5\xaa5\xcbG\xbf\x05\x00x\xf0\xe0\xc1\xd1\xa3G\x01K\x053r\x12&amp;\x00\x8c\xec\x84\xf6z\xfb\xf1\xc7\x1f\xf7\xed\xdb\'\x8abdD\xd4\xf7\xb3~\x8e\x08\x8ft:\x83\xb1\xd7\xdb\xeb\x82\x10\xd2h\xb4\xcdbZ\xd1\xbf\xae\\\xb9\xd2\xbb\xeba\x04&lt;\xec\x99dd?III\x10BI\x92\xbat\x8cmP/\xc6\x9cf\x0e\xce^o\xaf\x0b\xc7q\x99\x99\x99\x8dcZ\xaaTj\x00\xc0\x96-[\x1e=z\xc4\xdaB0r\x0e&amp;\x00\x8c\xecG\x14\xc5\'6\x0bf:|\xcb\xf7\xa7\xc1(\x84\x10!\x98\x10B\x08F\x08!$\xfbB\xa4\x85\xd6\x02E\x97\xadP\xb3Z\x1d\x00\x80\xcdf\xdb\xb6m\x1b`m!\x189\x86\x0f=\x99\x8c\x80!\xab\xc7\xea;\xd6\x9f\x9aQ\x9d.$,,\xc2`0\xaaT\x1aQ\x14U*\x8d\xc1`\x0c\x0b\x8d\xd0ju4{\xe1\xede\x02\x08\xb9V-\xdb\xd1?/\\\xb8\x90\x1d\x08`\xe4\x1clc\xce\x08|\x08\xc1\x00@\xa31\xd4jM\xff\xed\xe8\xc1\x13\xa7\x8e\xfe\xf5\xd7\x95\xe4\x94$\x97\xcb\xa9P(\xa2"s\x97)\x1d]\xabf\xddJ\x15\xab\xaaT\xea\xf4t\x8b\x17\'Sr\x1c\x97a\xb75\x8di9=2Wr\xf2\xa3?\xff&lt;\x97\x98\x98X\xbcxq&amp;\x03\x8c\x9c\x80\t\x00#\xc0\xc1\x18)\x14J\x9e\x17V\xfd\xb2d\xf1\xd2\x1f/_\xbd\xf0\xec{v\xee\xde\x02\xbe\x03U*U\x1f\xd8oX\xab\x16m\xedv;B\xb2W\x0c.\x84\xd0\xe5rEE\xe5\xaeS\xb3\xde\xe6m\xeb\\.\xe7\xca\x95+\'N\x9c\xc8\x04\x80\x91\x13\xb0[\x8a\x11\xc8`\x8cTJ\xb5\xd5\x9a&gt;\xe0\xff\xba~4\xee\xfd\xcbW/@\x08EAT(\x94\xa2\xa8\x10\x04\x91v(\x12E\x11B\x18\x7f\xf6\xe4\xa0!=F|&lt;\x88\x10\xacP(\xbc\x98\x15@\x08\xb5m\xd3\x99Z\xfc\x15+V\xb29\x91\x8c\x1c\x82\t\x00#`!\x84(De\xba5\xbdG\xdfv{\x0f\xec\xe2y\x81\xe38\x8e\xe3$Yr\xb9\x9c\x92\xe4\x92eI\x92\xe8\x9f%\x8e\xe3x\x8e\xe7y~\xdd\xc6\x95}\x07u\xa1\xad,\xbcR~C\x0f\x04\xd4\xa9Y\x97\xce\x89LL\xbcq\xe4\xc8\x11\x08\xa1/\xe4\'\x18\x01\x06\x13\x00F\xc0B\x08\x11\x15\xe2\xc8\xd1\x83.^:\'\x08"B2\x00\x00!\x14\x19\x99\xabG\xd7~_O\x9b;\xff\xfb\xe5\xb3\xa6\xcf\x1f\xd8oh\x81\xfc\x85\x10B\x98`\x84\xb0(\x88G\xff8\xf4\xd1\xd8\xf7\xd5*\x8d\xb7\xea/eY\xd6\xeb\rY\xe7Dze\x19\x8c\x80\x87\xe5\x00\x18\x81\tBr\xa81l\xf5\xdae\xfb\x0f\xed\x16\x04A\x96%\xdaa\xbfK\xc7\x9ec?\x9a\x94;w^\x82\t&amp;\x18B\xc8s\xfc\xf0!cg\xcf\xfdj\xc1\xe2\xb9\x1c\xc7\xcbH\x16\x04a\xdb\xce\x8d\xf5\xeb5\xee\xd6\xb9OZZ\xaa\xe7\x0f1&lt;\x99\x13\xf9^\xdc\xa29.\x97k\xef\xde\xbd6\x9bM\xa7\xd3\x11B\xd8ijF6\xc2v\x00\x8c\xc0\x84\xe7\x05\xab\xcd:\x7f\xe1l\x08!\xcd\xa0b\x8c{v\xef?g\xe6O:\x9d&gt;55\xc5\x9cf\xb2X\xd2\xd2\xd2\xcc)\xa9\xc9\x82 |1e\xd6\xc7#&gt;\xc3\x18A\xc8a\x8c!\x843\xbf\xfb"55Y\x14\x15\x9e\xdf\x07p\x1c\x97\x99i/Y\xa2T\xe9R\xe5\x00\x00\x0f\x1e&lt;\xd8\xbau+`\x07\x02\x18\xd9\r\x13\x00F\x00\x82\x10\xd2ju\'O\x1d\xfb\xeb\xfaU\xea2c\x8c\x8b\x14.6~\xcc\xd4\xb44\xb3$\xb9\x04A\xe0\x9f \x08\x02\xc68)\xe9\xd1\xc8\x0f\xc75n\xd8\x1cc\x04\x01\xe4 w\xff\xc1\xdf\xdbvl\xd0\xe9\xf4\x18{\xc1\xec"\x84\xd4*M\xc7\xf6=\xe8_i[\x08V\x08\xc4\xc8^\xd8\xfd\xc4\x08H\x88 \x08\xbf\x1f;\x04\x00\xe0 \x07!\x07\x00\xe8\xdc!\xd6h\x08\x95$\x17\xc7=]QC\xeb\xfe].\xd7\xc8\xe1\xe3EQ\x81\t\x06\x10@\x087m]\xebt:\xa17\xcc.\xcf\xf3\xf6L{L\x83fZ\xad\x0e\x00\xf0\xfb\xef\xbf?x\xf0\x80\xe38\xd6\x16\x82\x91\x8d0\x01`\x04 \x10r\x92$]\xbcr\x0e\x00@\x00\xc1\x18A\x08kT\xaf\xe3t:\x9e\xb5\xfe\x14\x8e\xe33\xec\xb6\n\xe5\xde\xaaY\xbd\x0e!\x04\x00H\x089\x7f\xe1L\xe2\xcd\x04\x95R\x85\x89\xa7KB!\x84\x0eGf\xc1\x82\x85\xabW\xad\x05\x00HOO_\xb5j\x15`Q F\xb6\xc2\x04\x80\x11\x80\xd0J\xcaG\x8f\x1e\xd0\xbf\x12B\xf4\xfa\x90\xbcy\nH\xb2\xf4\x92$*!D\x10\xc4\xfauc\x00\x00\x10\x00\x8e\xe3\x9d.\xe7\xf9\x8bgUJ5\xc1\xde\xf1\xbb9\xc8u\xee\xd0\x93\xfey\xdd\xbau\xec8\x18#{a7\x13#\xd0\xa0\xa52N\xa7\xc3f\xb3\xba\xbf\xa8\xd7\x85\xa8\xd5\xea\x97\x9f\xed\xe2 \x94e\xa9t\xc9r\x00\x00\x84\x11\xc7A\x00\xc0\x95\xab\x17!\x07\x01\xf0\x82\x00p\x1cg\xcf\xcc\xa8Y\xfd\xed\xc8\xc8\\\x00\x006\'\x92\x91\xed0\x01`\x04 \x10@B\x08B\xff\x98{\x9e\xe7\xb9\x7f/\xa0\x84\x08\xa1\xb0\xb0\x88\xc7\xa1v\x02\x00\x00\xb7\xef\xdcD\x08\x01\xe0\x85\xe2\xcb\'s"\xf3\xb8\xe7Dn\xd8\xb0\x01\xb09\x91\x8c\xec\x83\t\x00#\x00\xc1\x84\xf0\xbc\xa0P(\xdd_\xc9\xb0g\xb8$\xd7\xbf\x16\xd1\x13\x00\xdco\xa1\n\x90\x9c\x92D\xcf\t\xe7\xd8b_\x06\x1d\xab\xd0\xb4\xf1;T\x806o\xdel\xb7\xdb\xd9\x84\x00Fv\xc1\x04\x80\x11h\xd0\xc2\x7f\x8dF\x13j\x0cu\x7f1-\xcd\x94\x94\xf4H\x10\xc4\x97\x98NB\x88(\x8a\xb7\xee\xdc\xa4\xa1v\xfaN\xbb=\xc3\xe5rz\xeb\xf8\x15\xcf\xf3\x19\xf6\x8cJ\x15\xab\x94(V\n\x00\x90\x90\x90p\xe8\xd0!\xfa\x0bze=\x8c\x00\x83\t\x00#\x00\xc1\x18\xa9\xd5\x9a"\x85\x8bQ\xc3\xcd\xf3&lt;B\xe8t\xfc\x1f*\xa5\xea%\xa6\x93\x10\xc2An\xdd\x86\x15\x00\x00\xb7\xc5\x97$\x17B\x08BH\xbc\x91\x06\x00\x00\xc8\xb2l4\x86\xb5k\xd3\x99\xae\x8a\xd6\x021\x18\xd9\x02\x13\x00F@B \x845\xaa\xd1\x82\xce\xc7A\xf3\x15\xbf\xfcl\xb7g\x08\x82\xf0l\x12\x15c,IR\xee\\yV\xaf[z\xe0\xd0\x9e\xac\x89V\xaf\xc7Z8\x8e\xcb\xb0g4k\xfc\x8e^\xa7\'\x84l\xd9\xb2\xe5\xd6\xad[&lt;\xcf\xb3M\x00\xe3\xbf\xc3\x04\x80\x11\x80p\x1co\xb7\xdb\x1b6h\xaa\xd3\xe91\xc6\x84\x10\x8e\xe3\xae^\xbb\xf4\xe5\xb7\x13\xc3B\xc3i9\x10z\x02!D\xad\xd6DE\xe5\xfae\xdd\xf2O&gt;\x1bN\x9bF\xb8\x7f\x94(\x084\x1c\x04\xbd\x91\x07\x064\xa2\x85\x90^\x1f\xa2T\xaa\x00\x00\x0e\x87\xc3f\xb3ye%\x8c\xc0\x83\t\x00#\x00\xa1e\xa0E\x0b\x17\xef\xda\xb1\'!\x84\xfa\xcb\x1c\xc7-\\\xfc\xfd\xfb\x1f\xf6\xba}\xe7\xa6Z\xad1\x1aCC\x8daF\x83Q\xa1P\xfc\x95p\xe5\xc3\x8f\x06~0\xbc\xb7\xd3\xe9\xc4\x18\x0b\xc2?\xdd\xdf\x94JU\x96\x11\xc7^\x00!\xa4\xd3\xe9\x0f\x1c\xda\x9d\x92\x9a\x0c!\xacW\xaf~tt4;\x10\xc0\xc8\x16X7PF`\xc2q\x9c\xd5\x96\xfe\xe1\x901\xfb\x0f\xedN\xbcy]\x10\x04Y\x969\x8e[\xb7q\xd5\x96\xed\xeb+DW.X\xb0\xb0Z\xa5\xb6\xd9\xac7o\xdd\xb8x\xf9&lt;\xc6H\x10DY\x96&gt;\x1e\xf1\xe9\x9a\xf5\xcb\xef\xdc\xbdE\xb7\x02:\x9d^\x14\x15N\xa7\xd7\xf2\xc0\x1c\xc79\x1c\x99[\xb6\xaf\x03\x00\x10Bz\xf5\xea\t\x00`\x02\xc0\xc8\x16\x98\x000\x02\x13\x08!\xed\xaa\xbf\xe0\x87\x95\xb1}\xdb?xx\x8f\x0e\xd5\x12\x04\xc1\xe5r\x9d&gt;s\xfc\xf4\x99\xe3\xee7\xf3\x1c\xcfq\x9c,K\x1f\x0c\x1a\x19\xdb\xad\xff\xf7\xf3g\xb8_\x8a\x08\x8f\xe4\xbd\xd7\x81\x07c\xac\xd1h\xaf^\xbbt2\xfe8\x00 22\xaaE\x8b\x16tO\xe3\x95\xf50\x02\x0c\xe6D0\x02\x16\x8e\xe322l%K\x94Y\xb7jW\x83zMh\xc4_\x96e\x00\x80 \x08t$$\xf5\xeb\x11F\x1a\x8dv\xc2\xd8\xa9\x93?\xfb\xe6\xf6\x9d\x9b\x0eG\xa6\xfb\x87\xe4\xce\x9d\x97\xe3y\xaf\x9c\x04\x06\x00`\x8c\x95\n\xe5\xf6\x9d\x1b\x91,\x03\x00Z\xb4h\x1e\x19\x19I\xbbU{e=\x8c\x00\x83\xed\x00\x18\x81\x0c\xcf\xf36\x9b5_\xde\xfcK\x16\xae\xdbw`\xe7\x86\xcdk\xce\xfey2)\xf9\x11\x95\x01\x00\x80J\xa9*X\xb0p\xa3\x06\xcd\xbbt\x8c-^\xacTf\xa6\xfd\xc1\xc3{4iL\xbd\xfe\x82\x05\n{\xc9\xf8\x03\x00\x80(\n\x16\x8by\xeb\xce\r\x00\x00\x8e\xe3z\xf5\xea\xc5\x8e\x801\xb2\x11&amp;\x00\x8c\x00\x87\xe7y\x87\xc3\x01!l\xd1\xf4\xdd\xe6M\xdb$\'?\xba\xff\xe0^Z\x9a\t!\xa4T\xa9"#r\xe5\xcb\x9b\xcf\x10\x12\x9a\xe9\xb0\x9b\xcd\xa9\x91\x91\xb9\xfe\xba~\x05\x00\xe0\xae\x04-V\xb4\xa4$K\xb4\xa1\xb4\x87A\x08\x85\xe8C\x8e\x9d\xf8\xfd\xee\xdd\xdb\x00\x80\x12%J\xd4\xabW\x8f\xfeF\x9e_\x0c# a\x02\xc0\x08|h\xbe\xd4\x92\x9e\x06!\xd0\xebC\xa2\xc3\xc2y^\x80\x00`BdYr\xb9\\&amp;s*\xc7AA\x10eY\xfe\xf3\\&lt;\xfd.B\x88\xd1\x10Z\xb4Hq\xef\x9e\x04^\xbfq%-Km\xdd\xba5Meg-Rb0\xfe\x0b\xecNb\x04\x0b\xd4q\x96eY\x92$z8\x8c\xce\x81\x81\x90\xa3\xdduDQx\x94\xf4\xf0\xcc\x9f\xa7\xdc\xdfR\xael\x85\xdc\xb9\xf2fd\xd8&lt;_rC\x08Q(\x14I\xc9I\x07\x0e\xef\x06\x00(\x14\xca\xde\xbd{\x036\x14\x8c\x91\xad\xb0\x9b\x89\x11\\@\x089\x8e\xe38\x9e\xe7y\x8e\xe3\xdc\xb1\x1d\x8c\xb1F\xad=~\xe27\x93)\xc5\x9d\x00\xa8_\xb7\xb1BT\x10\x8fO\x83\xa1\xeb\xd1jt{\xf6\xefHII\x06\x00\xbc\xf5V\xc5r\xe5\xca\xb1\xeaOF\xf6\xc2n&amp;\x06\x03\x00\x00\x00\x04\x18\xa3\x15\xab\x17\x03\x00\xe8\\x\xa5B\x19\xd3\xb0Y\xa6#\xd3[6\x97\x10\xbcc\xe7&amp;\xfa\xe7\x01\x03\x06\x00\x00X\xfb\x07F\xf6\xc2\x04\x80\xc1\x00\x92\xe4\n\x0f\x8d\xd8\xbcm\xfd\x1f\'~\xe38\x0e\x00B\x08\xa9_\xafq\xe9R\xe52\x1dv\xcfg\x80i\xf9\xff\xc5\xcb\xe7\x8f\x9f:\n\x00\xd0\xe9t\xad[\xb7\x06,\xfd\xcb\xc8n\x98\x000\x82\x1dI\x92B\x8daW\xff\xba4i\xea\xe8\xc7\xc9^\x02 \x84\x03\xfa\x0e\xc1\x08y\xa5\x05\x10\xc6X\xadV\xef\xdb\xbf\x93\x9eHx\xf7\xddws\xe5\xcaE\x9b\x92z~1\x8c\x00\x86\t\x00#\xc0\xa1}\xdfhK\xb8,`\x8c\x1f\x1f\n\x8b\x8c\xccu-\xe1J\xef\xfe\x1di\xb3\x1d\x089\x84\xd1{m\xbb\xd4\xa9U\xdfj\xb3z%\xfe\xc3\xf3\xbc\xdd\x9e\xb1{\xff\x0e\xfa\xd7\xee\xdd\xbb{~\r\x8c`\x80U\x011\x02\x19B\x88Z\xadV(\x94.\x97\x0b\xc92&amp;\x18\x00\x00!\xe4y^\x14\x15\x82 \xa4\xa7[\x96\xaeX\xf0\xe5\xf4\xcf\xcci&amp;\x8e\xe3 \x84\x08\xc9\x85\n\x16\xf9t\xdc\x17v{\x86W\xac?BH\xaf\x0f\xf9\xe3\xf8o\x17.\xfe\t\x00\xc8\x93\'O\x9d:u\x00\xab\xffa\xe4\x00L\x00\x18\x01\x0b!X\xad\xd6\xfcq\xfc\xb7\xfb\x0f\xefE\x97\xab\x18j\x0cS*\x94\x00@Y\x96,\xe9iw\xee\xde:\x1d\x7fb\xf7\xdem\x7f]\xbf\n\x00\xa0\x15A\x08\xc9\x86\x10\xe3\xfc9\xcbBC\xc3m6\xabWb\xee\x84\x10\x85\xa8\xd8\xbdw\x1bM\xf9v\xef\xde=$$\x84\x95\xff3r\x02vK1\x02\x16\x8c\xb1J\xa5&gt;y\xfa\xd8\xcc9_*\x14J\x8dZ\xa3\xd1h \xe4\x1c\x8eL[\x86\xcd\xe9t\xd0\xb7\xf1\x1c\x0f $\x04#$\xe7\xc9\x9do\xfe\xdce\x15\xcaW\xb2\xa4\xa7\xf1\xbc\x17\x9e\x0eB\x88R\xa9|\xf0\xf0\xde\xd6\x9d\x1b\x01\x00\x1c\xc7u\xe8\xd0\x01d\x99P\xc6`d#L\x00\x18\x81\x0c!X\xa3\xd1\x8a\xa2\x88\x10N\xb3\x98\xd3,f\xf7K\x82 p\x1cO\x08\x96$\x89~\xa5E\xb36\x13?\xf9*_\xbe\x02i\xe9i\x827\xac?xR\xffs\xe0\xd0\x9e\xe4\xe4G\x00\x80j\xd5\xaaU\xabV\rc\xcc\xea\x7f\x189\x01\x13\x00F\xf6\x93\xd5]\xf5n\xe9:\x84\\f\xa6\xddm\xe2\xb3"\xcb2\x002\x00\x80\xe3\xf8:\xb5\xea\xf7\xe99\xa8I\xa3\x16\x92,Y\xad\xe9\xde\xb2\xfe\x8f!d\xfb\xce\x8d\xf4\x8f\x1d;v\xe48\x8eN2\xf0\xe6\x92\x18\x01\n\x13\x00F\xf6#I\x12\x84\x90\x10\x02\x00Q\xab^6\x87=G\x81\x90s\xb9\x9ce\xcbT\xa8R\xb9FrJ\x92\xc5bv\xb9\\\xb4\x99\xbeZ\xad\x89\x8a\xc8U\xb8p\xd1\xca\x15\xab\xd5\xaaU/\xbalE\x9a\x10\x06\xd0\x9b\xb5\xf6\x84\x10\x95J}\xebv\xe2\xbe\x83\xbf\x02\x00BBB\xbau\xeb\x06X\xf9?#\xc7`\x02\xc0\xc8~\xa2\xa2\xa2\x08!\xa2(\xfe\xb2nyL\xc3\x16U+\xd7\xb0\xa4[&lt;\x9f\xc3\xe48.##\xa3Q\x83f1\r\x9bYmVGf\xa6\xc3\xe9\xc0\x18\x89\xa2B\xa5R\xeb\xb4z\xadV\xcbs\xbc\xd3\xe5\xb0\xdb3|a\xca\nBH\xadV\xef?\xb4\xc7n\xcf\x00\x00\xbc\xfd\xf6\xdby\xf2\xe4a\xed\x1f\x189\x07d\xed\xc5\x19\xd9\x0b\xc6\x18c\xdc\xa2E\x8b}\xfb\xf6\x01\x00\xf2\xe7+\xb0c\xd3\x11\xbd\xde\xe0pdz\xab\xa8\x06\x00\xe0\xee\xfc\x03\x01 \x84`\xf2x(&lt;\x00\x846\x07\xf2\xfc\xc2\x9e\x85\x10\xa2V\xa9[whx\xfe\xc2Y\x00\xc0\xca\x95+\xbbu\xeb\xc6\xea\x7f\x189\x07\x13\x00F6C\xef(\x93\xc9\xd4\xb0a\xc3\x0b\x17.\x00\x00\xa2\xcbU\\\xb7r\x97(\x8a\x92$y\xaf\xaf\xce\xd3\xf7\xb9\xaf\xd5\xd5\xd0\xf4\xef\x85\x8bg\xdbwi\xear\xb9r\xe5\xcau\xfd\xfau\x9dNG\x08\xf1\xb5\xa52\x02\x06\x9fp|\x18\x81\x04\x84\x10c\x1c\x1e\x1e\xber\xe5\xca\xb0\xb00Q\x14/^:7\xee\xd3\x0fUJ5x\x9e!\xf6\xd8\xaa\x9e\xc2+\xcbx\t\x18c\x95R\xb9i\xcb\x1a\x97\xcb\x05\x00h\xd3\xa6\x8dN\xa7c\xed\x1f\x189\n\x13\x00F\xf6\xc3\xf3&lt;B\xa8|\xf9\xf2;v\xec\xa0\x11\x8c\xcd\xdb\xd6\x8d\x9f4"22\x17\x1d\xb3\xc5x\x16A\x10,\xe9\x96\x03\x87\xf7\x02\x008\x8e\xeb\xdf\xbf\xbf\xb7W\xc4\x08|\x98\x000r\x04\x9e\xe7eY\xaeY\xb3f\\\\\x9c,\xcbJ\xa5r\xe9\x8a\x85\xf3\x17\xce\x0e\x0f\x8bp\xcf\xe3e\xb8A\x08i\xb5\xbac\xc7\x8f\xdc\xba\x93\x08\x00(Z\xb4\xd8[o\xbd\xe5\x0byiF`\xc3\x04\x80\x91S\x08\x82 I\xd2\x80\x01\x03&amp;M\x9a\xe4t:EQ\x9c0i\xd4\x91\xa3\x07\xc2B\xc3e\xf99\x85\xf9\xc1\x0c!D\x14\xc4-\xdb\xd6\x11\x8c\x01\x00=ztW(\x14l\xb7\xc4\xc8iX\x12\x98\x91\x83\x10BdY\x16E\xb1w\xef\xdeK\x97.\x15EQ\xa3\xd6\xae^\xb6\xadB\xf9J\x16K\x1a+n\xa1\xd0\x92\xd9\x94\x94\xe4\x16m\xeb\x9aL)\x82 \\\xb9r\xa5x\xf1\xe2\xac\x00\x94\x91\xd3\xb0\xdb\x8b\x91\x83@\x08\x05A \x84\xcc\x9b7\xafZ\xb5j\x92$Y\xd2\xd3\x86\x7f4 55Y\xa9T\xb2\xf9V\x14\x84\x90V\xab?xd\xaf\xc9\x94\x02!\xacW\xaf^\xd1\xa2E\x99\xf5gx\x00v\x871r\x16z$X\xa3\xd1\xec\xde\xbd\xbbH\x91"\x00\x80\xbf\xae_\x1d&lt;4V\xad\xd2\xb8G\xef\x069\x1c\xc79\x1d\x99[\xb6\xad\xa5\x9fU\xaf^\xbd8\x8ec\xea\xc8\xf0\x00L\x00\x189\x0e\xc7q\x08\xa1\xd0\xd0\xd0\xb5k\xd7\x86\x86\x86\x8a\xa2\xf8\xc7\x89\xdf\x87\x7f&lt;P\xa3\xd12\x01\xc0\x18k\xd4\x9a\xcbW/\x9e\x8c?N\x08\x89\x8c\x8cl\xd1\xa2\x05K\xff2&lt;\x03\x13\x00\x86\'\xa0EAU\xabV]\xb8p\xa1$IJ\xa5r\xdd\xc6\x95\xf3\xe2f\x86\x87E&lt;\xb7S[\xf0\x801V\xa9\xd5\x87\x8e\xecE\xb2\x0c!l\xd5\xaaUdd$\xc6\x98\x95\xff3&lt;\x00\x13\x00\x86\x87\x10\x04A\x96\xe5\xf7\xde{o\xfe\xfc\xf9N\xa7S\xa1P|\xf9\xcd\xc45\xeb\x97\xe7\xce\x95\'\x985@\x10\x84\xb44\xf3\xc6-\xbf\x00\x00\x08!\x1d:t`\xbb"\x86\xc7`\x02\xc0\xf0\x1cT\x03\x06\r\x1a4h\xd0 \x97\xcb%\x8a\xe2\xf8I#\x7f;z\xd0\x10b\x08\xce\xc3\x01\x08!\xadFw\xee\xfc\x99\x84\x1b\xd7\x00\x00%J\x94h\xd4\xa8\x11`\xd3\x1f\x19\x9e\x82\xddg\x0c\x8fBcA\xf3\xe7\xcfo\xdc\xb8\xb1$I\xe9\xe9\x96\xbe\x83;?|\xf4@\xa7\xd3\x07a\xd9;!\x84\xe3\xe0\xfaM\xab\x00\x01\x00\x80w\xdf}W\xadV\xb3\xf6\x0f\x0c\x8f\xc1\x04\x80\xe1Q \x84\xb4\xc4\xe5\x97_~\xa9Z\xb5*\x00 -\xcd\xdcwP\xe7\xb44\xb3R\x11\\\x85\xa1\xb2,\xab\xd5jK\xba\xe5\xc0\xa1\xdd\x00\x00\x85B\xd9\xbbwo\xc0\xdc\x7f\x86\x07a\xb7\x1a\xc3\xd3P\x03\x17\x1e\x1eN\x8b\x828\x8e\xbbp\xe9\xcf\x8f?\xf9@\xa5R\x01\xefu\x8b\xf3$\xb4c\xb6!\xc4\x00\x00\x9c\xff\xd3w\xa9\xa6\x14\x8e\xe3\xdez\xabb\xb9r\xe5X\xf9?\xc3\x93\xb0[\x8d\xe1\x05hah\x91"Ev\xef\xde\xadT*\x05A\xd8\xb3o\xc7\'\x13GDE\xe6\xc28\x90\x03A\x84\x10\x84\x90F\xa3\xd5i\xf5{\xf6\xefl\xd6\xba\xd6w\xdf\x7fM\xcf\xc4\xd1\xeeoA\xb5\x07bx\x1d&amp;\x00\x0c\xef@\x93\x01\xd5\xaaU\x9b7o\x9e,\xcb\n\x85r\xe9\x8a\x85?.\x98\x15j\x0c\x0b\xd4\x840\xed\x8aa4\x86^\xbdz1\xb6_\xbb\xbe\x83:\'\\\xbf\x06\x00p8\x1ce\xcb\x96m\xd7\xae\x1d+\xffgx\x18&amp;\x00\x0c\xafA\xbb\xc5\xf5\xea\xd5k\xd2\xa4I.\x97S\xa1PL\x98\xfc\xd1\xee};"\xc2#\x03\xac0\x94\xe6\xb7\xc3\xc3"\xd2,\xe6q\x9f~\xf8\xce{\r\x0e\x1d\xd9Gm\xbd\xc1`\x984i\xd2\xd1\xa3G#""\x80\xef\x8d\xa9a\x046\xac\x19\x1c\xc3\xcb\xd0\x81\x01\x03\x07\x0e\\\xb8p\xa1 \x88:\xadn\xd5\xd2\xad\x01\xd3-\x0ecL\x081\x18\x8c\x19\x19\xb6\xcd[\xd7~\xfb\xdd\xb4\xa4\xa4\x87t^\x02\x00\xa0o\xdf\xbec\xc6\x8c)Y\xb2$\x00\x80M\xfebx\x1e&amp;\x00\x0c/\xe3\xbe\x03k\xd7\xae}\xfc\xf8q\x00@\xc9\xe2\xa5\xd7\xad\xfaU\xab\xd5I\x92\xcb\x7f3\xa2\x84\x10\x84d\xadV\xcfs\xfc\xe1\xdf\xf7};k\xea\x9f\xe7\xe3!\x04\xf4\xd7\x8d\x89\x89\x197n\\LL\x0c\x00@\x96e\x9e\xe7\x99\xf5gx\x1e&amp;\x00\x0c\xefC3\x9fiiiU\xabV\xbdy\xf3&amp;\x00\xa0b\xf9\xca\x9b\xd7\xed\x97$\tc\xbf,\x8a\x97eY\xa1P\x18\x0c\xc6K\x97\xce\xcf\x9c\xf3\xc5\xb6\x9d\x1b\x01\x00\x1c\xc7c\x8c\xf2\xe6\xcd;u\xea\xd4&gt;}\xfa\x00\x00h\xc9\xbf\xff\x8a\x1c\xc3\xdfa\x02\xc0\xf0\t\x10B&lt;\xcf\x9f&gt;}\xbay\xf3\xe6\xe9\xe9\xe9\x92$ul\xdfm\xd6\xf48\xab\xcd\xea_\xf6\x91\xda\xf4\xb0\xd0\xf0\x87\x8f\x1e\xfc\xbc|\xfe\xa2\x9f\x7f\xb0\xda\xac\xf4\x08\xb4B\xa1\x18=z\xf4\xd0\xa1C\xa3\xa2\xa2\x08!\x18c\x96\xf2ex\x17&amp;\x00\x0c_\x81&amp;\x03\xf6\xed\xdb\xd7\xa4I\x13\xa5B\xe9t9\xc7}&lt;y\xd4\x87\xe3\x1f&gt;z \x8a\xa2\xb7W\xf7\xef\x10B\x10F\xc6\x10\xa3K\x92\xd6o\\9o\xc1\xac\x9b\xb7np\x1c\xc4\x98\x00\x00\xbat\xe92~\xfc\xf8\xe8\xe8h\xf0\xe47\xf5\xf6z\x19\x0c&amp;\x00\x0c_\x82Z\xc6\xb8\xb8\xb8\xc1\x83\x07+\x14J\x97\xcb\xf9\xf5\xd49}z\rNJz\xe4\xdb\x1a@d\x19\xa9Tj\xadF\xbb\xff\xe0\xaf?\xc4\xcd&lt;v\xfc\x88\xfb\xb5\xe8\xe8\xe8\xe9\xd3\xa7\xb7h\xd1\x02\xb0p?\xc3\xc7`\x02\xc0\xf0-h,h\xf0\xe0\xc1qqq\xa2(\xf2\xbc\xb0z\xe9\xd6jUjZ\xd2-\xbe\xe95\xd3\x05\x1b\r\xa1\x89\xb7\xae\xcf\xfcn\xda\xba\x8d\xab\xc0\x93p\x7fTT\xd4\x84\t\x13\x06\r\x1a\xa4P(h\x9e\xc3\xbf\xc2Y\x8c\x80\x87\t\x00\xc3\xb7\xa0ge\x05A\xe8\xd8\xb1\xe3\xfa\xf5\xeby\x9e\xd7ju\xdb\xd6\x1f,V\xb4\x849\xcd\xc4\xf3\x02\x84\x00B\xce\x17\x9chj\xd3\r!F\xab-=n\xd1\x9c%\xcb\xe3L\xa6Tw\xb8\x7f\xd0\xa0A\x13&amp;L\x88\x8a\x8a\x02OD\xc2\xdb\xebe0\x9e\x86\t\x00\xc3\xe7\xa0\x86\xd5b\xb14k\xd6\xec\xd4\xa9S\x00\x80re+\xac\xfcys\xbe\xbc\x05$Y\xc2\x089].Ira\x8c\t \x10@7\x1e[!!\x04c\xa4\xd3\xea9\x9e\xdf\xb8y\xf5\xdc\x1fg$\\\xbf\n \xa0M=[\xb4h1}\xfat\x1a\xeeG\x08q\x9cO\xc8\x15\x83\xf1,L\x00\x18\xbe\x08\xed\x89\x96\x9c\x9c\\\xae\\\xb9\x94\x94\x14BH\x81\xfc\x05\x9b5i]\xa2X\xa9\x82\x05\x8b\x14.T4*2\xb7Z\xa5\xe2yA\x96eY\x96\\\x92K\x96eB\x08\x01\x84\x83\x10B\x0eB\x00@N\x98]"#\xa4R\xa8\xb4:\xdd\xb1\xe3\xbf\xcd\xfcn\xda\xef\xc7\x0e\xb9_\x8b\x8e\x8e\x1e?~|\x97.]\x003\xfd\x0c\x7f\x80\t\x00\xc3G\xa1a\x93S\xa7N5h\xd0\xc0n\xb7g}\xc9`0\x16.X4O\xee\xbc\xe5\xcaV(W\xb6b\x9e\xdc\xf9\n\xe4/d0\x18\x05A\x80\x90\x93%\xc9\xe9r"$SI\x800\xdb\xb6\x08\x08!\x9e\x17B\xf4!\xf7\x1f\xfc=g\xde7+V/\xa2V\x1ec\x1c\x15\x155t\xe8\xd0\xd1\xa3G\xb3p?\xc3\x8f`\x02\xc0\xf0]hQ\xd0\x92%K&gt;\xfa\xe8#\xab\xd5\xe6r9\x9f\xfb6Q\x14sE\xe5)X\xa0p\x89\xe2\xa5\x0b\x16(\\\xa6tt\xd1\xc2\xc5\x8dFcH\x88\x91\xe7x\x84\x90Kr\xc9\xb2$\xc9\x12\xc1\x18\x00\x1a3z\xbd-\x02\xc6\x18\x00\xa2\xd7\x1b2\xed\xf6\x15\xbf,\xfe\xfe\xc7oSM)\x82\xc0\xcb2\x12E166\xf6\xf3\xcf?\xcf\x97/\x1f`\xe1~\x86_\xc1\x04\x80\xe1\xd3\xd0X\x90\xc5b\xb9\x7f\xff\xfe\x95+W.\\\xb8p\xfe\xfc\xf9\xabW\xaf&gt;x\xf0\xd0l6\xbd\xe8\xbb\x8c\x86\xd0\x88\x88\xa8\x12\xc5K\x95,^\xbax\xf1\xd2%\x8b\x97\x8e\x8a\xcc\x15\x1a\x1aNG\x0e\xc8\x92\xfcx\x8b\x80d@\x08xi\x16\x81&amp;\xa5u:\xbd\xc0\xf3\xbb\xf7\xed\xf8\xea\x9b\x89\x7f]\xbf\x9a\xb5\xa3\xc3\xb4i\xd3j\xd4\xa8\x01X\x89\'\xc3\x0fa\x02\xc0\xf0u\x9e\x9d\x91\x8216\x99L\x97/_&gt;s\xe6\xcc\xed\xdb\xb7\xcf\x9e={\xe5\xca\x15\xb3\xd9\xfc\xa2\x1e\xa2\nQa0\x18\x8b\x14.^\xb6L\xf9\x02\xf9\x0b\x96)]\x9en\x11\xf4:\x03/\xf0\x18cY\x96].\xa7$I4\x8b\x00!\xe4 \x07\x00@\x08\xa9T*\x8dF{\xe1\xe2\x9fs\xe6}\xb3}\xe7F\x00\x00\x84\x90\x10R\xaaT\xa91c\xc6\xb8;:\xb0p?\xc3\x1fa\x02\xc0\xf0\x03H\x16 \x84\xcf\xc6X\xe8\x16\xe1\xee\xdd\xbb\xa7N\x9d\x8a\x8f\x8f\xbfw\xef^BB\x82\xd9l~\xd1\x0f4\x18\x8cQ\x11\xb9\xf2\xe6\xcd_\xb6t\xf9\xe8r\x15\xf3\xe6\xc9_\xa8`\x91\xf0\xb0\x08Q\xa1\xe08^\x96%Ir!\x84tZ\xfd\xdf\xf7\xef.Y6?\xee\xa79\x92,\xd1\x12O\x83\xc10b\xc4\x88\xe1\xc3\x87\x1b\x0c\x06\x16\xeeg\xf85L\x00\x18\xfe\x07\xbdii\xa7e\x00\x00\xc7q\xcf\x9a\xe0\xe4\xe4\xe4\xcb\x97/\xdf\xbcy\xf3\xdc\xb9s\xe7\xcf\x9f\xbfq\xe3\xc6\xfd\xfb\xf7_2f ""\xb2h\x91\x12\x05\xf2\x15*W\xb6B\x89b\xa5\xf2\xe7/d4\x18\xf7\xec\xdb1\xe3\xbbiI\xc9\x8f\xdc\r\x9c\xbbt\xe92y\xf2d\xda\xc0\x99\x85\xfb\x19\xfe\x0e\x13\x00F \xf0\xd4\x16\xe1\xd9\x80\x8c\xddn\xbf}\xfbv\xd6-\xc2\x8d\x1b7RSS_\xf4\x03\xb5Z\xad \x88\x16K\x9a\xfb+5j\xd4\x982eJ\x93&amp;M\x00\x0b\xf73\x02\x05&amp;\x00\x8c\xc0\x84\xb6\xdb|\xc9\x16\xc1l6_\xbf~\xfd\xd2\xa5K7n\xdc8y\xf2\xd4\xd5\xabWL&amp;\x93\xcdf{\xf6G\xd1\x06\xce=z\xf4\x10E\x91\xc5|\x18\x81\x04\x13\x00FP\xf0*[\x84\xd4\xd4\xd4+W\xae\x9c&lt;y211\x91\n\x83$I\xc3\x86\r\xa3\r\x9c\x01\x8b\xf90\x02\x0e&amp;\x00\x8c \xe5_\xb7\x08&amp;\x93\xc9\xe1p\xe4\xcd\x9b\x17\xb0\x98\x0f#@a\x02\xc0`\x00\xf0\xe2-\x02+\xf1d\x040L\x00\x18\x8c\xe7C\xc5\x80\x85\xfb\x19\x01\x0c\x13\x00\x06\x83\xc1\x08R\x98w\xc3`0\x18A\n\x13\x00\x06\x83\xc1\x08R\x98\x000\x18\x0cF\x90\xc2\x04\x80\xc1`0\x82\x14&amp;\x00\x0c\x06\x83\x11\xa40\x01`0\x18\x8c \x85\t\x00\xe3\xf9\xd0A(\xde^\x05\x83\xc1\xc8A\xd89\x00\xc6s\xa0\xa7a\xb3\xfe\x81\xc1`\x04\x1el\x07\xc0x\x1a\x8c1\x84\xf0\xd1\xa3G_|\xf1\x05\x9d~\xc5\xbc\x04\x06# \x11\xbc\xbd\x00\x86oA\xe7/\x9a\xcd\xe6w\xdf}\xf7\xc4\x89\x13w\xee\xdc\x99?\x7f&gt;\xeb\x87\xc3`\x04$l\x07\xc0\xf8\x07\xb7\xf5o\xd6\xac\xd9\x89\x13\'4\x1aM\\\\\xdc\xc0\x81\x03y\x9ew7\xced0\x18\x01\x03\x13\x00\xc6c\xb2Z\xffS\xa7N\t\x82`\xb7\xdb\x15\n\xe5\xc2\x85\x0b\x99\x060\x18\x01\t\x13\x00\x06\x00\xcf\xb3\xfe\x08\xa1\xea\xd5j\xbb\\N\xa5\x92i\x00\x83\x11\x980\x01`&lt;m\xfd\x95J\xa5,\xcbS&amp;\xce\xd8\xb9\xf9\xd0{m\xbb:\x9dN\xb5Z\xcd4\x80\xc1\x08&lt;X\x128\xd8y\xd6\xfa;\x9d\xce\xa9\x93f\x0c\xec;$99e\xce\x8c\x85&lt;\xcf\xad\xdd\xb0\x92j\x00\x00`\xc1\x82\x05,\'\x9c\xed\xd0Q\xc3\xfe\x05\x1d\x96\xc0n\x03\xbf\x86\t@P\xf3"\xeb?\xa8\xdf\xb0\xa4\xe4G\x1c\xcf\xd92l\xb3\xa6\xc7\x01\x00\x98\x06\xe4\x1cl\xec\x0c\xc3[0\x01\x08^^n\xfd\x05A\x00\x00`\x82\x99\x06\xe4(t\xd0\xfc\xe6\xcd\x9b\xe7\xcc\x99\xc3\xf3\xbc_\x9c\xbe\x86\x10B\x08y\x9e\x9f7o^\xd1\xa2E\x99\x80\xf9/\xec$p\x90\xf2*\xd6\xff\xf1;\t\xe6 \xa7\xd3\xeaF\x8c\x1eD5 33s\xc0\x80\x01L\x03\xfe;\xf4\x90\x9d,\xcb\xe5\xca\x95\xbb~\xfd\xba\xb7\x97\xf3\xda\xf4\xec\xd9s\xe9\xd2\xa5T\xc3\xbc\xbd\x16\xc6\x9b\xc0t;\x18yu\xeb\x0f\x00\xe0 \xe7\xde\x07tz\xaf{ff&amp;\xcb\tg\x17\xf4B|\xfb\xed\xb7\xd7\xaf_W*\x95\xde^\xce\xeb\xa1P(V\xae\\y\xe4\xc8\x11\x7f\xd9\xb80\x9e\x85\xed\x00\x82\x8e\xd7\xb2\xfe\xff|\x17\xdb\x07d7\xee\x96\x1b\xe5\xca\x95KKK\xc3\x18\x0f\x19&lt;\xaa~\xbd\xc66\x9b\x95\xe3|\xd7\xa1\xc6\x18\xe9\xf5!?.\x98\xb5\xff\xe0n\x00@\xbdz\xf5\x0e\x1e&lt;H\x08a\x9b\x00\x7f\x84\xe5\x00\x82\x8b7\xb3\xfe\xe0\x7f\xf7\x01\x80\xe5\x03\xb2\x03\x1a:\x1f;v\xac\xc9d\xe28X\xael\x85\x8fF|\xaaP(0\xc6\x10\xf8\xee\'\x891Rk\xb4\x11a\x91\'O\xffa\xb7\xdb\x8f\x1c9\xb2|\xf9\xf2^\xbdz\xb1@\x90?\xc2v\x00A\xc4\x1b[\xff\x7f~\x02\xdb\x07d\x13\xd4\\\x1e9r\xa4a\xc3\x86\x10r\x08\xc9\xcb\x17ml\xd4\xb0\x99\xc9\x94*\x08\xbc/?\x94\x10\x02I\x92\xf3\xe4\xce;y\xda\xd8\xef\xe7\xcf\xe08&gt;**\xf2\xd2\xa5KF\xa3\x91&amp;\x87\xbd\xbd@\xc6k\xc0\x04 X\xf8\xef\xd6\xff\xf1\xcfa\x1a\x90\x1d\xd0\xa0y\xa3F\x8d\x8e\x1c9\x02\x00h\xde\xb4\xf5O\xf3V\xa5[\xd3\xfd\xc2\x89\xa6\x01\x9f\xccL{\xeb\xf7\x1a\xdc\xfd\xfb\x0e\xc6x\xfc\xf8\xf1S\xa7Ne\x9b\x00\xbf\x83%\x81\x83\x82\xec\xb2\xfe\x80\xe5\x84\xb3\x03j(W\xadZu\xe4\xc8\x11\x9e\x17DQ\x1c9\xec\x13\x9a\x12\xf0\xf6\xd2^\t\x08\xa1\xcb\xe5\xca\x95+\xcf\xfb\x03Gb\x8cy^\xf8\xe6\x9bo\x12\x12\x12\xe8\r\xe0\xed\xd51^\x03&amp;\x00\x81O6Z\x7f\n\xd3\x80\xff\x02\x9d\xb1c\xb1X&amp;O\x9e\xccq&lt;Br\xbf^\xefW(_\xc9j\xb3\xfaQ5\xbd \x08&amp;Sj\xe7\x8e=\xabU\xa9\x89\x90\xecr\xb9\xc6\x8f\x1f\x0f\x00`\x97\xde\xbf\xf0\x9b\x1b\x8e\xf1fd\xbb\xf5\xa70\rxch\xa0l\xf6\xec\xd97n\xdc\x80\x90DDD\x0e\xe8;$#\xc3\xe6w\xc1\x13B\x88(\x88\x1f\x0e\x19\xcbq\x1c\xcf\x0b\xeb\xd6\xad;|\xf80+\t\xf5/\x98\x00\x0429d\xfd)L\x03\xde\x00\x8c1\xcf\xf3\x89\x89\x89\xb3f\xcd\xe2y\x01!&lt;\xea\xc3\t\xf9\xf3\x15p8\x1c\xfe\x12\xffq\xc3\xf3|\x9a\xc5\xdc\xa4Q\xf3w\xdf\xe9\x80\x90\x0c!\x1c5j\x94,\xcbt\x8a\x9c\xb7W\xc7x%\x98\x00\x04,9j\xfd)L\x03^\x17\x1a\xff\x193f\x8c\xc5bAH\xaeV\xa5f\xb7N\xbdLfS\xb6\\\x0e\xcf\xc3\xf3|\x86=c\xcc\xa8\x89F\x83\x11B\x18\x1f\x1f\x1f\x17\x17\xc7q\x1c\xcb\x04\xf8\x0bL\x00\x02\x13\x0fX\x7f\n\xd3\x80W\x87\xe6~\x0f\x1f&gt;\xbc~\xfdzA\x108\x8e\xfbp\xc8XA\x10\xfd\xf7#\x82\x10fff\x16-R\xbcw\xec z\xcb}\xfa\xe9\xa7f\xb3\x99\xe38\xff\xfd\xa5\x82\n&amp;\x00\x01\x88\xc7\xac?\x85i\xc0\xab@}\x7f\xa7\xd39j\xd4(\x089Y\x96[\xb7j\xdf\xa4Q\x8b4\x8b\xd9\xef\xa2\xffY\xe1y\xde\x9cf~\x7f\xd0\xc8\xc2\x85\x8a\x10B\xccf\xf3\xa7\x9f~\n!d\x9b\x00\xbf\x80\t@\xa0\xe1a\xebOa\x1a\xf0\xaf\xd0\xeb\xf2\xcb/\xbf\xc4\xc7\xc7s\x1c\xa7\xd7\x87\x0c{\x7ftf\xa6\xdd\x8f*\x7f\x9e\x0b\x84P\x96e\x9dN?|\xc88z\xb69..\xee\xda\xb5k,\x10\xe4\x17\xf8\xf7\xcd\xc7x\n\xafX\x7f\n\xd3\x80\x97@\xdd\x7f\x93\xc94v\xecX\x9e\xe7\x11\x92{u\x1fP\xa1|%[\x86\xcd\xdf\x05\x00\x00 \x08\x82\xc5\x92\xd6\xb1}\xf7\xeaUka\x8ceY\x1e6l\x18K\x05\xfb\x05~\x7f\xf31\xdcx\xd1\xfaS\x98\x06\xbc\x08zif\xce\x9c\xf9\xf0\xe1CBH\x81\xfc\x85\x06\xf6\x1b\x9a\x96f\xf6\xd3\xdc\xefsAX\x1e\xfb\xd1d\x9a\xdb\xd8\xb3g\xcf\x9e={XI\xa8\xef\xc3\x04 @\xf0\xba\xf5\xa70\rx\x16zi\xae]\xbb\xf6\xcd7\xdf\xd0\x0f\xe1\xa3\xe1\xe3\xa3"s\xbb\\.\xbf+\xfd|\x11\x1c\xc7Y\xad\xd6:\xb5\xeaw\xee\x10K\x8f4\x0f\x1b6\x8c\xfe\x82Ax\xc5\xfd\x08&amp;\x00\x81\x80\x8fX\x7f\n\xd3\x80\xa7\xa0\xf1\x1fj\x10\x11B\xd5\xab\xd6\xea\xd0\xae\xbb\xc9\x9c\x1aH\xee?\x00\x80\xe7y[\x86u\xe4\xb0\xf1\x86\x10\x03\x84\xf0\xda\xb5k\xdf~\xfb-\xcb\x04\xf88L\x00\xfc\x1e\x9f\xb2\xfe\x14\xa6\x01nh\xe9\'\r\x89p\x1c\'\x8a\x8a\xb1\x1fMFX\x0e\x18\xdf\xdf\r\x84\xd0\xe1p\xe4\xcd\x93o\xd8\x07\xa3\xe9=9c\xc6\x8c\x87\x0f\x1f\xb2\x8a _\x86\t\x80\x7f\xe3\x83\xd6\x9f\xc24\x00&lt;\xf1\xfd\xddIQ\x8c\xf1;-\xda\xbe]\xbb\x81\xd5\xeaOm\x7f^\x1d\x9e\x17\xac\xd6\xf4\x9e\xdd\x07\x14)\\\x8c\x10b2\x99\xc6\x8d\x1b\xc7\xce\x04\xf82\x01x\x17\x06\x0f&gt;k\xfd)L\x03\xe8\x05\xa2e\x91\x10B\xa3!t\xf4\xa8\x89V\x9b\xd5\xaf\x0b\xff_\x02\x84@F\xb2F\xad\x9d0v\x1a-\t]\xb5j\x15-{e\x9b\x00\xdf\x84\t\x80\xbf\xe2\xe3\xd6\x9f\x12\xcc\x1a@\xdd\x7fz0\x8aZ\xc0\xde\xb1\x03\x8b\x15)\xeepd\x06^\xfc\xc7\r\xcf\xf3\xe9VK\xb3\xc6\xad\xea\xd4\xaa\x8f1v\xb9\\\xa3F\x8db\xa9`\x9f\x85\t\x80_\xe2\x17\xd6\x9f\x12\xb4\x1a\x90\xb55\x02!\xa4H\xe1b\xef\x0f\x1ciN\xf3\xefs\xbf\xaf\x08\xc2\xf8\xd3q_\x88\xa2\xe8n}\xc1JB}\x13&amp;\x00\xfe\x87\x1fY\x7fJ\x10j\x00\xbdF\xee\xe6h\x84\x90\tc\xa7iu:\x84P\x00\xbb\xff\x14\x8e\xe3l6k\xa5\x8aU\xfb\xf5z\x9f\xf6\xbe\xa6\xcd\xef\x00\x9b\x16\xe0{0\x01\xf03\xfc\xce\xfaS\x82M\x03h\xfc\x87\xb6G\xc6\x18\xd7\xa9U\xbfY\xe3V\xe9\xe9\x96`p\xff\xc1\x93\x92\xd0\x01}\x87DDDA\x08\x13\x13\x13g\xcf\x9e\xcd6\x01&gt;\x08\x13\x00\x7f\xc2O\xad?%x4\x80\x96~&gt;\x19\x90\xc2\t\x82\xf0\xe9\xb8/P0eAiIh\xfe|\x05G\r\xfb\x04!\xc4\xf3\xc2\xacY\xb3n\xdc\xb8\xc1fF\xfa\x1aL\x00\xfc\x06\xbf\xb6\xfe\x94`\xd0\x00\xea\xfb\xd3\x11\x89\x10B\x84p\xe7\x0e\xb1\x15\xcbW\xb6e\x04f\xe9\xe7\x8b\x10\x04!\xcdb\xee\xd0\xae[\xb9\xb2\x15\x08\xc1\x16\x8b\xe5\xf3\xcf?g\xd9`_#\x88\xeeH\xbf&amp;\x00\xac?%\xe05\x80^\xa9o\xbf\xfd6!!\x81\xe3\xa0!\xc40r\xd8\'\xf6L;\xcf\x05E\xf0\'+\x08!\xadN7v\xd4$\x8c\xb1 \x08+W\xae&lt;r\xe4\x08\x0b\x04\xf9\x14L\x00\xfc\x80\x80\xb1\xfe\x94\x00\xd6\x00z\xa5\x1e&gt;|8c\xc6\x0c\x8e\xe3\x10\xc2\xc3\xde\x1f\x9d7o\xfe\xc0.\xfd|\x11&lt;\xcf</t>
        </is>
      </c>
    </row>
    <row r="222">
      <c r="A222" s="1" t="n">
        <v>220</v>
      </c>
      <c r="B222" t="inlineStr">
        <is>
          <t>circle_size_number</t>
        </is>
      </c>
      <c r="C222" t="inlineStr">
        <is>
          <t>What is the missing number of the part denoted with a question mark?</t>
        </is>
      </c>
      <c r="D222" t="inlineStr">
        <is>
          <t>[4, 5, 6, 2]</t>
        </is>
      </c>
      <c r="E222" t="inlineStr">
        <is>
          <t>2</t>
        </is>
      </c>
      <c r="F222" t="inlineStr">
        <is>
          <t>There are 6 numbered circles with varying sizes arranged in a ring with number [1, 1, 3, 3, 2, '?'] in a clockwise order.</t>
        </is>
      </c>
      <c r="G222" t="inlineStr">
        <is>
          <t>We observe that the size of the circle is related to the number in the circle. The circle with the largest value 3 seems to be the biggest and the circle with the smallest value 1 seems to be the smallest. Thus, the pattern is that the larger the number the larger the circle.</t>
        </is>
      </c>
      <c r="H222" t="inlineStr">
        <is>
          <t>Based on the pattern that the larger the number the larger the circle, the missing number of the circle denoted with a question mark should be 2.</t>
        </is>
      </c>
      <c r="I222" t="inlineStr">
        <is>
          <t>b'\x89PNG\r\n\x1a\n\x00\x00\x00\rIHDR\x00\x00\x02\x00\x00\x00\x02\x00\x08\x02\x00\x00\x00{\x1aC\xad\x00\x00\x85LIDATx\x9c\xed\xddy`LW\xfb8\xf0sg\xcdL\x96Y\xb2\xd9\x82\x90\x90\x88 !\x84XZ{,\x89\x9dV\xed\xe5\xb5\x16\xad\xa5\xaaUU}\xb5\xaaT\xa9\xad\xb4j\xab\xd8wj\xab]\x88H\x10\x92Xb\r\x92\xc9d&amp;\x93\xcc~\x97\xdf\x1f\xe75\xbf|Q\xb5\xd4\xdc33\xcf\xe7\xaf6BN\xe6\xdc\xfb&lt;g?\x14\xc7q\x08\x00\x00\x80\xe7\x11\xf0]\x00\x00\x00\x00\xfc\x80\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82\x04\x00\x00\x00\x1e\n\x12\x00\x00\x00x(H\x00\x00\x00\xe0\xa1 \x01\x00\x00\x80\x87\x12\xf1]\x00@\n\x8e\xe3\xf0\x7f\xb0,\xfb\xdco\x10\x08\xfe\xd7\\\xa0(\xcaIe\x02\xaf\x02j\x10\xbc*\xca\xf1\xd0\x00O\xc3\xb2,\xc7q\xf8\x01\x10\x08\x04\x8e\xe8\xf0\xf2\x7f\x91*\xe7m\x96\x14&lt;\x1f\xd4 xC\x90\x00&lt;\x0b\xcb\xb2,\xcbR\x14%\x14\n\x9f\xfa#\x86a\x8a\x8b\x8b)\x8a\xbaz\xf5\xaa^\xaf\x7f*"\x88D\xa2\xd8\xd8X\xa1P(\x93\xc9|||\x9e\xfd\xbb\x1c\xc7\t\x04\x02\x08%o\x1b\xd4 \xf8\x17A\x02\xf0\x088j\x08\x85\xc2\xf2\xefv^^^VV\xd6\xc5\x8b\x17\xef\xdc\xb9\x93\x9b\x9b[VVf2\x99X\x96\xf5\xf5\xf5\x95J\xa5\x0c\xc3\xe0o\xc6\xedD\x8e\xe3\xf4z=BH"\x91(\x95\xca\xca\x95+\x87\x86\x866m\xda4,,,**J$\xfa\xffc\x894MS\x14\x85C\x89\xd3\x7fQ\xb7\x055\x08\xde\x06H\x00\xee\x8c\xe38\x86a\xca\xbf\xdb7o\xde\xdc\xbbw\xef\xf1\xe3\xc7\xef\xde\xbd[TT\xa4V\xab#""\xaaW\xaf\x1e\x1d\x1d]\xb1b\xc5\xea\xd5\xab\xdb\xed\xf6J\x95*\xc9\xe5\xf2\xf2\xe3\xc8\x14E1\x0cs\xff\xfe}\x8a\xa2\x8a\x8b\x8bo\xde\xbc\x99\x97\x97w\xf3\xe6\xcd\xec\xec\xec\xc7\x8f\x1f\xfb\xfa\xfa\x06\x07\x077o\xde\xbck\xd7\xae\r\x1a4p\x0cD\xd04\xfdJ\xe3\x12\xe0YP\x83\xe0\xad\x82\x04\xe0\x9e\xf0 \xafc\x94\xe0\xe2\xc5\x8b[\xb7n\xdd\xbbwoYYYHHH|||\xf3\xe6\xcd\xa3\xa2\xa2*U\xaa$\x91H\x10B\x1c\xc7\xd9\xedv\xab\xd5JQ\x94\xddn\x7f\xee,\xa2T*E\x08\t\x85B\xa9T\x8a\x83\x02\xc30\x1a\x8d\xe6\xc6\x8d\x1bg\xcf\x9e=}\xfa\xf4\xad[\xb7l6[\xcb\x96-\xfb\xf6\xed\xfb\xee\xbb\xef\xe2\xb0\x85K\x02\xcd\xc9W\x055\x08\x9c\x00\x12\x80\xbba\x18\xc6\xf1\xae&gt;z\xf4h\xc9\x92%\xfb\xf7\xef\xb7X,\r\x1b6LLLl\xda\xb4i\xb5j\xd5\x10B4M\x9b\xcdf\x9b\xcd\x86#E\xf9\x99\xc0\xbf{\xcf\xf1\xa3\xe2\x98u\xc4AA,\x16K\xa5R\x1cY\xb4ZmZZ\xda\xe1\xc3\x87\x8f\x1d;f\xb1X\xe2\xe3\xe3G\x8f\x1e\x1d\x1b\x1b\xfbl\xc1\xc0\x0b@\r\x02\xa7\x81\x04\xe0&gt;p \xc0-\xbb\xf3\xe7\xcf\xcf\x9b7\xef\xe2\xc5\x8b\xe1\xe1\xe1\x83\x06\r\xea\xd8\xb1\xa3R\xa9dY\xd6h4Z\xad\xd6\x7fq\xba\x8f{\x02!$\x12\x89\xbc\xbd\xbd\xc5b\xb1\xc5b9{\xf6\xec\xea\xd5\xabO\x9e&lt;\x19\x1a\x1a:v\xec\xd8n\xdd\xba\xe1\x9f\xc50\xcc\xb3\xb3\x97\x00\x83\x1a\x04N\x06\t\xc0\x1dp\x1c\x87g\x08\x11B\xbbw\xef\x9e3gNiii\xe7\xce\x9d?\xf8\xe0\x83\xbau\xeb\xb2,k0\x18\xecv\xbb\x13f\xf6\x1cs\x95&gt;&gt;&gt;\x12\x89$??\x7f\xd3\xa6M\xdb\xb7o\xd7h4\xa3G\x8f\x1e5j\x94H$*\x1f\xe6\x00\x065\x08x\x01\t\xc0\xe59Zd\'N\x9c\x98:u\xaaV\xab\x1d1b\xc4\xd0\xa1C\xd5j\xb5\xd1h4\x9b\xcd\x08!\xe77\xd9p\x1c\x91J\xa5~~~6\x9bm\xe7\xce\x9d?\xfc\xf0\x83N\xa7\x9b2e\xca\xb0a\xc3\x10\x8c\'\x94\x035\x08\xf8\x02\t\xc0\x859\x1ab\x0f\x1e&lt;\x18?~\xfc\xd5\xabW?\xfc\xf0\xc3\x0f?\xfcP\xa9T\xea\xf5z\xbb\xdd\xfe\xd4\xaaA\xe7\xc3\x8bX\x04\x02\x81J\xa5bYv\xc7\x8e\x1d\xf3\xe7\xcf\xe78\xee\xbb\xef\xbek\xd9\xb2%\xf2\xf8\xf1\x04\xa8A\xc0/H\x00\xae\xca\xf1\xe2\xfd\xf7\xbf\xff\xfd\xf5\xd7_;u\xea\xf4\xe9\xa7\x9fV\xaaTI\xa7\xd3\xd14]~\xe1 \t\xf0\x9at\x95Je\xb3\xd9~\xfe\xf9\xe7e\xcb\x965o\xde\xfc\xa7\x9f~\xf2\xf5\xf5\xa5i\x9a\xf70\xc7\x0b\xa8A\xc0;H\x00\xae\xc71^\x9c\x93\x933h\xd0 \x9a\xa6W\xacX\xd1\xb0aC\x83\xc1`\xb5ZI\x0b\x1c\xe5\xe1 \xe2\xef\xef_PP\xf0\xf1\xc7\x1f\x9f&lt;yr\xf1\xe2\xc5III\x08!\x96e=gL\x19j\x10\x10\x02*\xcc\xc5\xe07P(\x14\xfe\xf4\xd3O\xef\xbe\xfbn\xa7N\x9d\xce\x9d;\x17\x15\x15UXXH`\xb3\xf1)B\xa1P \x10h4\x1a\x99L\xb6~\xfd\xfay\xf3\xe6\x8d\x1a5j\xe8\xd0\xa1xM\x0bM\xd3|\x17\xd0\x19\xa0\x06\x019\xa0\x07\xe0J\xf0\xa0AYY\xd9\xe0\xc1\x83\xaf]\xbb\xb6a\xc3\x86\x06\r\x1ah\xb5Z\xe4jK2\xf0\xc8r@@\x80V\xab\x1d:t\xe8\xed\xdb\xb7\xb7l\xd9R\xbbvm\xf2#\xe0\x1b\x82\x1a\x04Dq\xa5g\xce\xc3\xe1\x91\xd6\x0b\x17.\xc4\xc6\xc6J$\x92\x0b\x17.DFF\x16\x16\x16\xba\xe2f}\x8a\xa2D"QQQ\x91D"\xd9\xb5k\xd7\x80\x01\x03Z\xb4h\xb1f\xcd\x1a\x91H\xc40\x0c\xdf\xa5{[\xa0\x06\x01i\\\xec\xb1\xf3X\xb8au\xec\xd8\xb1\x0e\x1d:\x0c\x1f&gt;|\xc3\x86\rV\xab\xb5\xb4\xb4T,\x16\xf3]\xb4\xd7\'\x12\x89h\x9a\xd6h4S\xa6L\xd9\xb8q\xe3\xc4\x89\x13\xe7\xcf\x9f/\x14\n\xf1\xc9\x94|\x97\xee_\x065\x08\x08\x04C@.\xc0n\xb7\x8b\xc5\xe2\x85\x0b\x17N\x9b6m\xcf\x9e=\xad[\xb7.,,\x14\x89Dn\xb3\xee\xc2n\xb7\xab\xd5j\x8dF\x93\x90\x90\xd0\xa8Q\xa3M\x9b6\xb9\xd9\x1as\xa8A@&amp;\xe8\x01\x90\x0e\xc7\x8e\x1f~\xf8a\xfe\xfc\xf9\xe7\xce\x9dk\xd5\xaaUaa\xa1X,v\xa7WK,\x16\xebt:\x85B\x91\x9e\x9e^RR\xd2\xb3gO\xa1P\x88\xcf \xe3\xbbh\xff\x02\xa8A@,\xe8\x01\x10\r\xc7\x8ey\xf3\xe6-Z\xb4(55500P\xa7\xd3\xb9\xeb$\x1b\xc30\x12\x89\xc4\xcf\xcf/11Q&amp;\x93m\xdb\xb6\xcd\rZ\x91P\x83\xae^\x83\xee\r\x12\x00\xb9\xf0\xa8\xb1#v(\x95\xca\xb2\xb22w\x8d\x1d\x18^K\xaeR\xa9\x1c\x11\x04\xdf~\xe5\xa2\x11\x04j\xd0\xd5k\xd0\xed\xc1\x10\x10\xa1p\xecX\xb8p\xe1\xe2\xc5\x8b=$v \x84\x04\x02\x01\xcb\xb2:\x9dn\xff\xfe\xfdf\xb3\xb9o\xdf\xbexu\xb9+6S\xa0\x06]\xbd\x06=\x01\xf4\x00H\x84c\xc7\x9e={\x92\x92\x92\xf2\xf2\xf2*V\xach0\x18\xdc&gt;v88Z\x91\xb5j\xd5JLL\\\xb8p!\x1eH\xe1\xbb\\\xaf\x00j\xd0\xd5k\xd0C@\x0f\x808,\xcb\x8aD\xa2\xd4\xd4\xd4\xc1\x83\x07\x1f&gt;|\xb8r\xe5\xca\x1e\x15;\xd0\x93V\xa4\xc1`8~\xfc\xf8\xee\xdd\xbb\x17.\\(\x16\x8b]hu9\xd4\xa0\xab\xd7\xa0\xe7\x80\x1e\x00Y\xf0\xd5\x1c%%%aaa\xb3g\xcf\x1e5j\x14^1\xc2w\xb9x@\xd3\xb4R\xa9\xcc\xce\xce\x8e\x8d\x8d=~\xfcxBB\x82K\x1c&lt;\t5\xe8\xe0\xa25\xe8Q \x01\x90\x05\x0f\x1d\xb4n\xdd:&lt;&lt;|\xf9\xf2\xe5\x05\x05\x05\xf8\xc6W\xcfd\xb7\xdb\x83\x82\x82RRR\xc6\x8e\x1d{\xfd\xfau\x85BA\xfet"\xd4`y\xaeX\x83\x1e\x05\x12\x00Ap\xfbh\xf6\xec\xd9\x1b7n\xcc\xcc\xcc,))q\xb9\x13\x02\xfeu8\x82\x8c\x181\xe2\xd6\xad[G\x8e\x1c!\xfc\xa8\x19\xa8\xc1g\xb9V\rz\x1aH\x00\xa4\xc0\xf3f\xe7\xcf\x9fo\xdd\xba\xf5\xa5K\x97*T\xa8`\xb1X | \x84X\x96U*\x95\xd1\xd1\xd1\x83\x06\r\x9a:u*\xb1\xc3\x08P\x83\x7f\xc7Uj\xd0\x03A\x02 \x02&gt; \x9e\xe3\xb8\xda\xb5kO\x9c8q\xec\xd8\xb1\x1a\x8d\x06\x1aJ\x18\xc30&gt;&gt;&gt;\xd9\xd9\xd9-Z\xb4\xb8x\xf1b\xadZ\xb5\x08&lt;z\x1ej\xf0\x05\\\xa2\x06=\x13$\x00"\xe06\xd1\xc7\x1f\x7f|\xe1\xc2\x85\x13\'N\x14\x15\x15A\x13\xa9&lt;&lt;\x8c\xf0\xc5\x17_\xec\xdb\xb7\xef\xc2\x85\x0b\x8e\xfb\xd3\xc9\x015\xf8b\xe4\xd7\xa0g\x82\x04\xc0?\xbcU\xf2\xda\xb5k\xcd\x9b7\xbfp\xe1Bpp\xb0\xd5j\x85\xf6\xd1S\xf00B\x83\x06\rF\x8d\x1a5z\xf4h\xa2\x86\x11\xa0\x06_\x06\xc95\xe8\xb1 \x01\xf0\x0f\xbf\tqqq={\xf6\xfc\xf4\xd3O=v\xd5\xe0\x8b1\x0c\xe3\xeb\xeb{\xf1\xe2\xc5.]\xba\xe4\xe6\xe6\xaa\xd5jr\xd6\x93@\r\xbe\x0c\x92k\xd0cA#\x85g8v\xec\xdc\xb9S\xa7\xd3\x8d\x1e=Z\xa7\xd3A\xecx.\xa1Ph0\x18\x9a6m\xda\xaaU\xab\xaf\xbe\xfa\no5\xe2\xbbP\x08A\r\xbe4bk\xd0\x93A\x0f\x80Ox\xd3\x10M\xd35k\xd6\xfc\xe1\x87\x1fz\xf5\xea\xa5\xd5ja\xe6\xf0\xefp\x1c\'\x91H\xb4Zm\xfd\xfa\xf5O\x9f&gt;]\xa7N\x1d|\x15-\xbfE\x82\x1a|y\x04\xd6\xa0\x87\x83\x8f\x9eOx-\xc4/\xbf\xfc\xa2T*{\xf4\xe8\xe1\xc6\x07\x05\xff+(\x8a2\x9b\xcd\xd5\xaaU\xeb\xdb\xb7\xefg\x9f}FQ\xfc7_\xa0\x06_\t\x815\xe8\xe1\xa0\x02x\x83?y\x8b\xc5R\xabV\xady\xf3\xe6\xf5\xea\xd5K\xa7\xd3\xc1\xb4\xd8\x8b\xe1&amp;\xa4F\xa3\xc1\xa7\x0bDGG\xf3\xd8\x84\x84\x1a|\rD\xd5 \x80\xcf\x9d7x\xe9\xc8\xee\xdd\xbb\x03\x02\x02z\xf4\xe8\xa1\xd7\xeb!v\xfc#\xdc\x84\x0c\r\r\xed\xd5\xab\xd7O?\xfdDQ\x14\x8f\xe3\xc8P\x83\xaf\x81\xa8\x1a\x04\x90\x00x\x83\xd7?\xfc\xf0\xc3\x0fc\xc6\x8c\x11\x89D\xf0\x1a\xbc$\xa1Ph4\x1a\'N\x9c\xf8\xe7\x9f\x7f\x16\x14\x14\x08\x85B\xbez\xb1P\x83\xaf\x87\x9c\x1a\x04\x90\x00\xf8\x81\xc7\x8e322\x1e=z\x94\x9c\x9c\xeci\xc7\x05\xbf\t\xdc\x84\x8c\x8c\x8c\x0c\x0f\x0f_\xbbv-EQ\xbc\x9c3\x0c5\xf8\xda\x08\xa9A\x80 \x01\xf0\x057yf\xcf\x9e\x9d\x98\x98\x18\x18\x18h\xb3\xd9\xf8.\x91\x8ba\x18f\xc4\x88\x11?\xff\xfc\xb3\xcdf\xe3e\xe0\x05j\xf0\r\xf1^\x83\x00A\x02\xe0\x05\xc7qB\xa1\xb0\xa4\xa4$55u\xe8\xd0\xa1pd\xd8\xab\x12\n\x85\xa5\xa5\xa5\x9d:u\xa2(\xea\xcc\x993\xceoBB\r\xbe!\xdek\x10`\xf0\xd4\xf2\x00\x0f\x16\xef\xdb\xb7\xafz\xf5\xea\x8d\x1a5*++#\'|p\x1c\xc70\x0c\xfd\x7f\xe1c\xce\xf8.\xda\xffA\xd3\xb4\x9f\x9f_rr\xf2\xbau\xeb\xd0\x93\xf6\xb8\xd3\x10[\x83\xf8L:\xa8A\xf0\x92`\xd4\x927\x9b7o\xee\xd4\xa9\x13!3`8pP\x14\xe5\xe5\xe5%\x95J\xf1p6\xc7qx\xa5\xb6\xcdf3\x9b\xcdv\xbb](\x14\x12\xb2w_ \x10X\xad\xd6n\xdd\xba\x8d\x1a5\xcaj\xb5\xf2r\xe9\n95\x88\xab\x0f!$\x16\x8b\xbd\xbc\xbc\xc4b1NH\x8e\x1a\xb4\xdb\xedf\xb3\x19\x0f\xb6@\r\x02\x07H\x00\xce\x86G\x0f\x8a\x8b\x8b\xd3\xd3\xd3g\xcc\x98a6\x9by\x1f\x00\xa5iZ"\x91(\x95J\x9b\xcd\x96\x97\x97w\xf5\xea\xd5\x9b7o\x16\x15\x15\xd9l6oo\xef\x90\x90\x90\xbau\xebFGG\x07\x04\x04\x94\x94\x940\x0cCBkW \x10\x18\x8d\xc6\xc6\x8d\x1b#\x84N\x9e&lt;\xd9\xb6m[\xa7\x1d.F`\r\n\x04\x02???\x81@PPP\x90\x91\x91q\xfd\xfa\xf5\x07\x0f\x1e\x94\x96\x96\xd24-\x97\xcb+U\xaa\x14\x19\x19Y\xaf^\xbd\xe0\xe0\xe0\xd2\xd2RB\xc6\xdcy\xacA\xe0\x00\t\xc0\xd9\xf0A\xb8g\xcf\x9e\xf5\xf1\xf1\xa9]\xbb\xb6\xd9l\xe6\xb1E\x86\x9b\x8d\xfe\xfe\xfe\x1a\x8df\xe3\xc6\x8d[\xb7nMMM---}\xf6;\xa3\xa3\xa3\x07\x0e\x1c8l\xd80\xb9\\n4\x1aIxQ\x19\x86\x91\xc9d111{\xf6\xeci\xdb\xb6\xad\xd3\x9a\xe1D\xd5 \xdeE\xc50\xcc\xee\xdd\xbb\xb7o\xdf~\xea\xd4\xa9\xdb\xb7o?\xf7;\xc3\xc2\xc2z\xf7\xee=f\xcc\x98\xc0\xc0@\x83\xc1\xe0\xc95\x08\x1c`\'\xb0\xb3\xe1+\xf1\x86\x0f\x1f.\x14\n\x97-[\xc6\xe3\xb5!,\xcbz{{s\x1c\xb7f\xcd\x9a\x05\x0b\x16\xe4\xe6\xe6\xe2\xafW\xae\\9,,,((H,\x16\x1b\x0c\x86\xdb\xb7o_\xbdz\x15\xffQ\\\\\xdc\xca\x95+k\xd7\xae]ZZ\xca{\x04a\x18F\xadV\xa7\xa4\xa4\xcc\x9d;7==\x1d!\xe4\x9c\xae\t95\x88\xfb"\x16\x8b\xa5[\xb7n\xa9\xa9\xa9\xf8\x8b"\x91\xa8F\x8d\x1aU\xaaTQ*\x95\x02\x81\xc0`0\xdc\xb9s\xe7\xfa\xf5\xeb\xf8O\xc3\xc2\xc2V\xadZ\xd5\xb4i\xd3\x92\x92\x12\x8f\xadA\xe0\x00=\x00g\x13\n\x85\x0c\xc3\x9c:u\xea\x8b/\xbe\xc0\xc3\xee\xbc\x14\x03\xef\xc8\xcf\xc9\xc9\x99&gt;}\xfa\xbe}\xfb\x10BJ\xa5\xb2W\xaf^=z\xf4\xa8W\xaf\x9eZ\xad\x16\x8b\xc5x\x97fYY\xd9\xd5\xabW\x97.]\xbaa\xc3\x86\xb4\xb4\xb4\xc4\xc4\xc4\x83\x07\x0f\x86\x86\x86\x9a\xcdf~_W\x81@`2\x99\xe2\xe2\xe2\x1e=zt\xf7\xee\xdd\xd0\xd0P\xe7\xdc3EH\r"\x84(\x8a\xb2\xdb\xed\xfe\xfe\xfe\x81\x81\x81\x08\xa1\xb6m\xdbv\xe9\xd2\xa5y\xf3\xe6\xd5\xaaU\xf3\xf5\xf5\xc5\xf1\x9deY\x83\xc1p\xed\xda\xb5\x15+Vl\xd8\xb0\xe1\xe6\xcd\x9bIII\x87\x0f\x1f\x8e\x8a\x8a2\x99L\x9eY\x83\xc0\x01&gt;k\xa7\xc2\x93r\x1a\x8d\xc6l6\xc7\xc5\xc5\xf1\xf8\x06\xe2\xe6\xff\xc1\x83\x07q\xf4\x1f4h\xd0\xa9S\xa7V\xacX\xd1\xb6m[___\x93\xc9\xa4\xd7\xebu:]II\tB\xa8Q\xa3F\xeb\xd7\xaf_\xbcx\xb1X,~\xf8\xf0\xe1\x90!CH\x98\t\xa0(\xcaj\xb5V\xabV\xadJ\x95*\x17/^DNYIBN\rb8\x07|\xf9\xe5\x97{\xf6\xec\xd9\xbbw\xefG\x1f}T\xa7N\x1d\x91HTVV\xa6\xd7\xeb\xf5z}ii\xa9H$j\xdc\xb8\xf1\xbau\xeb~\xf9\xe5\x17\xa9TZRR2n\xdc8\xfc\x8b\xf0Xr\xc4S\r\x82\xf2 \x018\x15\x1es?w\xee\x9cJ\xa5\xaaV\xad\x9a\xd5j\xe5\xeb%\xc4\xcb\xd8\xc7\x8d\x1b7|\xf8\xf0_~\xf9e\xf5\xea\xd5\xd5\xabW/***))\xa1iZ \x10\x08\x9f@\x08\x95\x95\x95\x15\x16\x16\x8e\x193f\xea\xd4\xa9\x08\xa1\xb4\xb4\xb4\xb5k\xd7*\x95J\xde\xd7n\xb3,+\x16\x8b\xa3\xa3\xa3O\x9c8\x81\x9c\x12&gt;\xc8\xa9AL \x10\x98\xcd\xe6\x88\x88\x88v\xed\xda\x95\x96\x96\x16\x15\x15\x99L&amp;\xdc\x8e\xc6\xd5\x87\x8f\xdd\xc758l\xd8\xb0\xc9\x93\'#\x84RSS\x0f\x1f&gt;\xec\xeb\xeb\xeb\x815\x08\xca\x83\x04\xe0T\xf8\xf9&gt;s\xe6Lhh\xa8D"\xe1\xfd\xf4\x18\x8b\xc5\xb2h\xd1\xa2\x81\x03\x07\x16\x15\x15Y,\x16\x91H\xf4\xdce\x82B\xa1P$\x12\xe9t\xba\t\x13&amp;\xd4\xacY\x93\xa2\xa8u\xeb\xd6\xf1&gt;\x04\x84\x9e\x9c\xc6\xd3\xa0A\x83\x0b\x17. \xa7\x8c \x93V\x83\x08!\x8a\xa2,\x16\x8b\xc1`\x10\x08\x04"\x91H \x10&lt;U\x83\x14E\xe1d`0\x18F\x8c\x18\x11\x1c\x1cLQ\xd4\xc1\x83\x07\xc5b1\xef\x01\xd7\xf95\x08\xca\x83\x8f\xdb\xa9\xf0\xe3~\xf3\xe6\xcdF\x8d\x1a\xf1]\x96\xff)++\xc33\xba/~\xf7(\x8a\xa2iZ\xadVw\xea\xd4\x89\xe3\xb8\xac\xac\xac;w\xeeH\xa5R~#\x08EQ6\x9b-&amp;&amp;\xa6\xa4\xa4\xc4d29\xa11N`\r"\x84p{\xff\x1f\xbf\xc7f\xb3\x05\x07\x07\xc7\xc4\xc4p\x1c\x97\x93\x93c\xb3\xd9x\x0f\xb8\xce\xafAP\x1e$\x00\xa7\xc2\xd3\xaaw\xee\xdc\xa9U\xab\x16\xbf\xf3\x87\x0e\x02\x81\xe0%\xa3\x00\xdeRT\xaf^=\x84Pii\xe9\xbd{\xf7xo\x02;\x06\x91\x8dF\xa3N\xa7s\xc2\x05#\x04\xd6\xe0+\x11\x89D\x95*UB\x08\xe9\xf5z\x12N\xb0p~\r\x82\xf2 \x018\x0f^\xb2]RR\xa2\xd3\xe9"##I\x18ByU,\xcb\xfa\xfb\xfb\xe3\xff.--\xe5=\xfc\xe1)\xd0\n\x15*(\x14\n\xbcV\xf5\xad&amp;$7\xa8AD\xd80\x8b\x93k\x10&lt;\x85\xa0G\xc1\xed\xe1\xa6\x8dV\xab\x15\n\x85\n\x85\x82\xf7\xf9\xb7\xd7\xe3h\xa0\xf1\xbe\x8a\x1c\xc3\xb3\x88J\xa5\xf2\xe1\xc3\x87o\xfbg\xb9A\r\xb2,[\\\\\x8c\x10\xf2\xf5\xf5\xe5\xbd\x03\xe7(\x92\xd3j\x10&lt;\x05\x12\x80\xf3\xe0\xf0q\xf9\xf2e\xa5RY\xb1bE\xbb\xdd\xce{\x0b\xfaU\t\x04\x02\x9dN\x87\x10\xa2(\xca\xcf\xcf\x8f\x84\xf0\x81[\xe5\x11\x11\x11iii\xe8-/#q\xf5\x1a\xc4gpfggS\x14\x15\x16\x16&amp;\x95J=\xad\x06\xc1S \x018\x9b\\.\xb7\xd9l$\xbcx\xaf\n\xbf\xa8\xb7n\xddB\x08\xf9\xfa\xfaV\xaaT\xc9n\xb7\x132\x9e`\xb1Xd2\x99s~\x96\x8b\xd6 M\xd3&gt;&gt;&gt;g\xcf\x9e\xcd\xcd\xcd\xe58\xee\x9dw\xde!j\x0e\xc3\x995\x08\x1c\x88x{=JnnnHH\x08\tGH\xbe*&lt;_\x97\x96\x96FQT\xcd\x9a5\xabT\xa9b\xb3\xd9x\x8f x\xda0,,\xec\xce\x9d;\xe8\xc9*\x9d\xb7\xca\x15k\x10\x9f_D\xd3\xf47\xdf|\xc3\xb2l\xed\xda\xb5;v\xecH\xc2y\x1e\x88\x8f\x1a\x04\x0e\x90\x00\x9c\x07\xc7\x0b\x1c&gt;\x04\x02\x81\x0b\x85\x0f\x84\x10\xcb\xb22\x99\xec\xfa\xf5\xeb\xa9\xa9\xa9\x1c\xc7\xb5n\xdd\xda\xcf\xcf\x8f\xa6i\xbe\xcb\xf5?\xe1\xe1\xe1N\x08\x1f.Z\x83\xb8\xa5\xafV\xab?\xf9\xe4\x933g\xce \x84\xbe\xfa\xea+\x85BAN\xf5!g\xd5 x\n$\x00g\x93H$v\xbb\x9d\xefR\xbc2|t\xc4\xea\xd5\xab\xcb\xca\xca\xbc\xbc\xbc\xfa\xf5\xebG\xd4\x1a\x18\x9b\xcd&amp;\x16\x8b\x9d\xf3\xb3\\\xab\x06\x19\x86\x11\x8b\xc5&gt;&gt;&gt;c\xc7\x8e]\xbat)B\xe8\xe3\x8f?\xee\xd5\xab\x97^\xaf\'\xa1\xf9\xef\xe0\xcc\x1a\x04\x0ep\x18\x9c\xb3\x91p\x06\xcb\xab\xc2\xd1\xff\xea\xd5\xab\xbf\xfe\xfa+B\xa8W\xaf^\xb1\xb1\xb1Z\xad\x96\x9ck\xd0\x9d\xb9~\xdc\x85j\x10\xdf\xbaURR2h\xd0\xa0\x1d;v \x84\xc6\x8e\x1d\xfb\xed\xb7\xdf\x92p\x14\xe8S`\x07\x00/Hi\xc1\x01\x92\xe1\xa3C\xa7N\x9d\xaa\xd7\xeb\x95J\xe5\xb4i\xd3\x88j\xfe\x83\xe7\xc2;\xb7/]\xba\xd4\xa6M\x1b\x1c\xfd\xbf\xfe\xfa\xeb\x1f\x7f\xfc\xf1\xb9\xf7=\x00\xcf\x04\xef0\xf8\x07v\xbb=  \xe0\x87\x1f~\xd8\xbbw/B\xe8\xab\xaf\xbe\x8a\x8c\x8c\xe4\xfd\x14L\xf0b4M\xfb\xfb\xfb\xef\xdc\xb9\xb3}\xfb\xf6YYY\x81\x81\x81)))\x9f\x7f\xfe\xb9^\xafG0\xce\x0e\x9e \xa5\x0b\xef9\\\xeb\xdd\xc3\xd1\x7f\xd7\xae]3f\xcc@\x08\xf5\xed\xdbw\xf4\xe8\xd1D\r\xfe`\xce\x1c\x96!\xbf\x06\x19\x86Q\xa9T\xbbw\xef\xee\xd7\xaf\x9f\xddno\xd0\xa0\xc1\xda\xb5k\xeb\xd4\xa9\xc3\xe3\xdd5\xff\xc8\x85\x06\xd6\xdc\t\xa1O\x83\x1b\xc3\x87-\xf3]\x8a\x97B\xd3\xb4R\xa9\xbcx\xf1\xe2\xd0\xa1Cm6[\xa3F\x8d\x96.]j4\x1a\t,\xbfH$r\xda\xbe\\\xc2k\x90eY//\xaf\xbc\xbc\xbca\xc3\x86\xd9\xed\xf6\xb8\xb8\xb8\x9d;w\xaa\xd5\xea\xa2\xa2"\x92gY\x9dY\x83\xc0\x81\xdc\xe7\xd8\xfd\xe0\x06N\\\\\\nn.\t\x17\xaa\xbc\x18\xc30&gt;&gt;&gt;\xf7\xef\xdf\xef\xdb\xb7\xafV\xab\xad^\xbd\xfa\xc6\x8d\x1b\xa5R)i\xdb_q\xcb\xf1\xe2\xc5\x8bQQQ\xe8-\xef#u\x89\x1a\xc43\xf6\x0b\x16,\xd0j\xb5\x15+V\\\xb7n\x9dJ\xa52\x18\x0c\xc4F\x7fg\xd6 x\n\x89O\xb0{\x0b\x08\x08())!\xfc)\xc7\xb7u\xebt\xba\x9e={\xe6\xe5\xe5\x05\x04\x04l\xda\xb4)$$\x84\x90\xeb\xe0\x9f\xa5\xd5j\x95J%rJ\xf8 \xb9\x06\xf1t\xfd\xe3\xc7\x8f\xf1Eo\xe3\xc6\x8d\xabU\xab\x96\xc1` v\xe4\xc7\xc1\x995\x08\x1c \x01\xf0@ \x100\x0cCT;\xba&lt;\x86a\xbc\xbc\xbc\xccfs\xcf\x9e=/]\xba\xe4\xeb\xeb\xbbq\xe3\xc6\xd8\xd8\xd8\x92\x92\x122\xe3\x08\x0e\x19\xcel\x8f\x13[\x83\x1c\xc7I\xa5\xd2\xbc\xbc\xbc\xfb\xf7\xefK\xa5\xd2.]\xba\x18\x8dF2k\xad&lt;\xe7\xd7 \xc0\xe0\x13w\x1e\xfc|\xc7\xc4\xc4\x14\x17\x17?z\xf4\x88\x84\xfb\x98\x9e\xc5\xb2\xacD"\xa1i\xbaw\xef\xde\xa9\xa9\xa9r\xb9|\xfd\xfa\xf5\xad[\xb7&amp;p\xe2\x17\xc3\xeb\xc7\xaf^\xbd\x1a\x1f\x1f\x8f\xde\xf2\x0c-\xf95\xc8q\x9cH$z\xfc\xf81\xc7q\xd5\xabW\xc7\'\xd6\xf1]\xa8\x7f\xe0\xcc\x1a\x04O\x81\x04\xe0T\x1c\xc7y{{K$\x92\xa2\xa2"\x91HDZ\xf8`YV$\x12Q\x14\xf5\xde{\xef\x1d;vL*\x95\xfe\xfe\xfb\xef]\xbbv\xd5h4\xc4\x8e \x0b\x85B\xa3\xd1h6\x9b\x83\x83\x83\xd1\xdb\x0f\x1f\x84\xd7 BH \x10\xe0\x8b\xe0+T\xa8\xe0\xed\xedM\xd4\x89o\xcf\xe5\xe4\x1a\x04\xe5A\x02p\x1e\xdc\xd2Q(\x14J\xa52\'\'\xc7\xcb\xcb\x8b\xa8\xf0\x81\xcf\x0b\x93H$\x03\x07\x0e&lt;p\xe0\x80H$Z\xb5jU\xaf^\xbd\n\x0b\x0b\x89\x8d\xfe\x1c\xc7\x89\xc5\xe2\xc7\x8f\x1f\x1b\x0c\x86:u\xea\xa0\xb7\x1c&gt;\x08\xafA\x8c\xa2\xa8\xd2\xd2R\x9a\xa6\xf1%\xcf\x04\x96\xb0&lt;\'\xd7 x\n\x89\x9dz7\x86\xdf\xc6\xda\xb5k_\xbdz\x95\xa8\xbd\xef\xf8\xa8g\xb9\\\x8e\xcf\x0c\x10\x08\x04\xcb\x97/\xef\xdf\xbf?\xc9\xd1\x1f!\xc4q\x9c\x97\x97\xd7\x8d\x1b7\x94J\xa5\x9f\x9f\x9f\x13\xd6\x92\x13[\x83\x98@ 0\x9b\xcd111S\xa7N\xadY\xb3\xa6\xd5j%&lt;\x9e:\xbf\x06Ay\x90\x00\x9c\n\xc7\x8b\x9a5k\x9e={\x16\x11\xd3\xd8\xc1\xa5\xf2\xf5\xf5\x1d1b\xc4\xc6\x8d\x1b\x11B\x8b\x16-\x1a:t(\xc9#?\x18\x1e\xb3\xca\xc8\xc8P\xab\xd5\x12\x89\x84a\x98\xb7\xbdH\x89\xcc\x1at\xa0(\xcab\xb1\xc4\xc4\xc44o\xde\x9c\xa6i\x83\xc1@Z\t\x9f\xe2\xfc\x1a\x04\xe5\xc1\x10\x90S\xe1Y\xc4\xd6\xad[?x\xf0\x80\x90\x1dU\x1c\xc7q\x1c\xa7T*?\xfa\xe8\xa3\xdf~\xfb\r!4\x7f\xfe\xfc\xd1\xa3G\x93\xbck\xf4)\x97.]j\xd5\xaa\x15r\xca\nB\x02k\xf0)\xf8\xda\x06\x8dF\xa3\xd7\xeb\t\x8f\xfe\x0e\xce\xacAP\x1eq\x8f\xaf{\xc3/dtt\xb4\xc1`\xb8q\xe3\x86L&amp;\xe3\xf7\x89\xe78\x8eeY\xb5Z=y\xf2d|V\xf0\x9c9s&amp;N\x9c\xe8*\xd1_(\x14\x9a\xcd\xe6+W\xae8m\x01\ti5\xf8w\x04\x02\x81KD\x7f\xe7\xd7 (\x0f\x12\x80SQ\x14\xc5\xb2\xacB\xa1\x08\x0c\x0c&lt;s\xe6\x8c\x97\x97\x17\xbf7\x0b\xb2,\x1b\x10\x10\xf0\xc5\x17_\xcc\x9f?\x1f!4s\xe6\xccO?\xfd\x14\xafo\xe1\xb1T/\x89\xe38|G\x8dN\xa7\x8b\x89\x89ANYHNZ\r&gt;\x0b\x0f\xa3\xfb\xfa\xfa\xca\xe5r\xd2\xca\xf6\x14^j\x10\x94\x07\x1f\xb7\xb3\xe1ey\x1d:t8y\xf2$\xbf\xb3\x88\x0c\xc3\x04\x04\x04|\xf3\xcd7\xdf|\xf3\rBh\xd2\xa4I\xd3\xa7O\xc7K\xc8\xe9\x97\xc3\xef\xe1-\xf8\xd0\x9b\xd3\xa7OGDD\x04\x05\x059m\xbd#95\xf8,\xbc\x0f\x80\xe3\xb8\x13\'Ndee\x11~\xcb._5\x08\x1c\\\xa0\xa1\xe7f\xf0#\xde\xb9s\xe7\x0f&gt;\xf8@\xaf\xd7\xf3\xb5\x99\x08\x1f\x189\x7f\xfe\xfc\xcf?\xff\\"\x91|\xfe\xf9\xe7_|\xf1\x05\xc30\xc1\xc1\xc1/\xf3\x12\xe22\xb3,k0\x18\xde~a\xff\x16EQ\xbbw\xef~\xf7\xddwqa\x9c\xd3~$\xa4\x06\xff\x0eEQ\x83\x07\x0f\xde\xbd{\xb7X,\xfe\xf1\xc7\x1f\x87\x0f\x1fN\xe0\xf5/\x0e\xbc\xd4 p \xab\xfd\xe2!8\x8e\xc3K5\x96/_\xde\xb4i\xd3\xd2\xd2R\'?\xf7\x0c\xc3(\x14\x8a-[\xb6\xf4\xef\xdf_,\x16+\x95\xca\xc1\x83\x07[\xad\xd6\x97_\x84\x87GB*T\xa80r\xe4\xc8\xb7]\xda\x17\x97\xa1I\x93&amp;\x9b7on\xd0\xa0\x813\xc3\x07\xef5\xf8\\,\xcb\xca\xe5\xf2+W\xae4i\xd2D \x10\xb0,\x1b\x17\x17w\xe2\xc4\t2\'\xab\x11\xaf5\x080\xe8\x01\xf0\x00\x1f\xb5\xd6\xa2E\x8b\xed\xdb\xb7\xb7j\xd5\xca\xf9\xcf=\xde}s\xe6\xcc\x19\x8e\xe3l6[aa\xe1\xdc\xb9s_\xe3\xdf\xf1\xf7\xf7\x1f5j\x14_=\x18\xa5R\xb9k\xd7.??\xbfz\xf5\xea9\xf93\xe4\xbd\x06\xff\x11\xf9c)\xfc\xd6 \xc0 \x01\xf0\x00\xbf\x9c\xfd\xfa\xf5\x9b8q\xa2\xc9dr~\xf7\x9c\xa2(\xbb\xdd\x1e\x1d\x1d\xdd\xa2E\x0b\xa1P\x88\xf7\x00\xbf\xea\xbf\xc0q\\\xb5j\xd5\xdeR\t\xff\x11\x1e\xec\xde\xbauk\x87\x0e\x1d\x04\x02\x81\x93\xcf\xe8\xe7\xbd\x06\x9f\x0b\xef\x02\x8b\x8c\x8cLLL\xdc\xbf\x7f\xbf@ \x180`\x00\xb1\x9b\x81\xf9\xadA\x80\xc1\x10\x10?8\x8e\xb3\xdb\xed\xe1\xe1\xe1\x8b\x17/\xee\xd8\xb1\xa3\xf3Gi\xf1\xb9\xc1\x12\x89\xe4M\xfe\x11\x96e\xcdf\xf3\xbfU\xa4\x97\x87cGYYY\x83\x06\r\x8e\x1e=Z\xb7n]^zQ\xfc\xd6\xe0\xdf\x95J,\x16[\xad\xd6\xf3\xe7\xcf+\x14\x8a\x98\x98\x18\xab\xd5\xcaw\xa1\x9e\x83\x84\x1a\x04\x08z\x00|\xc1\x87n\xf6\xe8\xd1c\xe5\xca\x95]\xbbvu~\x1a\xa6(\xcaf\xb3\xbdyt\xe0\xe5\xa5\xc53\xd8+W\xae\xac^\xbdzTT\x14/\xb1\x83\xf7\x1a|.\xdc\xb7\x13\x89D\xed\xda\xb5c\x18\xc6d2\x919\x16DB\r\x02\x04=\x00\xbe\xe0\xe9\xd6\xfc\xfc\xfcF\x8d\x1a\x9d&lt;y\xb2B\x85\n6\x9b\x8d\xccw\x95@,\xcb\xfa\xfa\xfa\xc6\xc5\xc5}\xf6\xd9g}\xfb\xf6\xe5\xe5\xfc\x00\x92k\x10\xef\xef\xa3(\x8a\xd8\xa8JB\r\x02\x04\xfb\x00\xf8BQ\x14\xc30\x95+W\x8e\x8f\x8f\xdf\xb0a\x83\x8f\x8f\x0f\\\x88\xfa\x92X\x96\xf5\xf1\xf19s\xe6\x8c\xd5j\xed\xd2\xa5\x0b&gt;\xc6\xce\xf9\xc5 \xb9\x06)\x8a\x12\n\x85$G\x7f\x12j\x10 H\x00\xbc\xfb\xe4\x93O~\xf9\xe5\x17\xbc\x9c\x9c\xef\xb2\xb8\x06\x96e\xa5R\xe9\x9c9s\xfa\xf4\xe9\xe3\xed\xed\xcd\xfb\xcd\\P\x83\xaf\x8a\xb4\x1a\xf4d\x90\x00x\x83\x97\xdf$$$\x04\x06\x06.[\xb6L\xa9T\xd24\xcdw\xa1H\x87\x87\x0e\xce\x9e=\x9b\x96\x966f\xcc\x18\x8e\xe3x\x1c:\x80\x1a|\rD\xd5 \x809\x00&gt;\xe1\xa1\xcf\x03\x07\x0e\x0c\x192$\'\'\x07\x1f\xcc\xc9w\xa1\x88F\xd3t```\xfb\xf6\xed\xa3\xa2\xa2\x16,X\xc0\xfb\xd81\xd4\xe0\xab"\xad\x06=\x1c\xf4\x00\xf8\x84\x9b\x90\x1d;v\xacV\xad\xda\xd2\xa5K\xa1\t\xf9b,\xcb\xfa\xf9\xf9\x9d9s&amp;33\xf3\xb3\xcf&gt;#a\xe9\x08\xd4\xe0+!\xb0\x06=\x1c\xf4\x00x\x86Wk\\\xbdz\xb5e\xcb\x96\xf8Z\x0c\xbb\xdd\x0eC\xa2\xcf\xc50\x8cZ\xad\x8e\x89\x89\x19&gt;|\xf8\xd8\xb1c\ti&lt;B\r\xbe&lt;2k\xd0\x93A\xfa\xe5\x19&gt;\xb3\xa5n\xdd\xba\x9d:u\xfa\xea\xab\xaf|}}\xa1\t\xf9\\4M\xfb\xfb\xfbo\xd8\xb0\xc1b\xb1\x8c\x181\x82a\x18B\x1a\x8fP\x83/\x89\xd8\x1a\xf4d\xd0\x03\xe0\x1f\x1e8\xd6\xeb\xf55k\xd6\xdc\xbcys\xcb\x96-\r\x06\x03\xb4\x8c\xca\xc3S\x856\x9b-22r\xe3\xc6\x8dm\xdb\xb6%\xaa\xf1\x085\xf8\x8f\x08\xafA\x8f\x05\t\x80\x08\xf8eX\xbdz\xf5\x8c\x193\xb2\xb3\xb3m6\x1b\xdc\x8e]\x9e\xddn\x0f\n\n\xea\xde\xbd\xbb\\._\xbf~=\x81\xb1\x03j\xf0\xc5\xc8\xafA\xcf\x04\t\x80\x14\xf8\x95h\xdf\xbe}hh\xe8\xf2\xe5\xcb\x0b\x0b\x0ba]9\x86\xd7\x8d\xa4\xa4\xa4|\xf4\xd1G\xb7n\xdd\x92\xc9dd\xdew\x085\xf8w\\\xa5\x06=\x10$\x00R\xe0\xdb\xfb4\x1aMDD\xc4\x86\r\x1b\xda\xb7o_\\\\\xec\x12W3\xbeU\xf8\xc8\x9d\xb2\xb2\xb2\xbau\xeb\xae]\xbb\xb6S\xa7N\xc46\x1e\xa1\x06\x9f\xcb\x85j\xd0\x03A\x02 \x08~1\xf6\xec\xd93p\xe0\xc0\xabW\xaf\xfa\xf8\xf8\xd8l6\x0f\x9f(\xc3w\xd6\'$$4i\xd2d\xc1\x82\x054M\x93\x1cR\xa1\x06\x9f\xe5Z5\xe8i \x01\x90\x05\xbf\x1e\x13\'NLMM=}\xfatqq\xb1\'w\x96\xf1\xc0\xf1\xd4\xa9S\x8f\x1c9r\xe1\xc2\x05\x97\x88\x1dP\x83\xe5\xb9b\rz\x14H\x00\xc4\xc1/ILLL\xc3\x86\rW\xae\\\xe9\xb1C\xc98vl\xdc\xb8q\xd0\xa0A\xf7\xef\xdf\x0f\x0c\x0ct\x95S\xc3\xa0\x061\xd7\xadA\xcf\x01\x95A\x1c\xbc\xb9\xf4\xc8\x91#\'O\x9e\x9c3gNPP\x90\xddn\xe7\xbbP\xceF\xd3\xb4Z\xad\xfe\xeb\xaf\xbf\xc6\x8e\x1d{\xec\xd8\xb1\xa0\xa0 \x17\x8a\x1dP\x83\xc8\xc5k\xd0s@\x0f\x80Dx\x8b\xfc\xad[\xb7j\xd7\xae\xbds\xe7\xce\xce\x9d;{T+\x92\xa6i___\x9dN\x17\x16\x16\xb6t\xe9\xd2\x81\x03\x07\xba\xdc\xd0\x01\xd4\xa0\xab\xd7\xa0\x87\x80\x84L"\x81@\xc00L\xcd\x9a5O\x9d:5p\xe0\xc0C\x87\x0eyN+\x92\xa6i\x1f\x1f\x1f\x9dN\x17\x1f\x1f\xff\xdf\xff\xfew\xe0\xc0\x81\xf8\x8a+\xbe\xcb\xf5j\xa0\x06]\xbd\x06=\x04$\x00B\t\x85B\x86a\xe2\xe3\xe3w\xee\xdc\xd9\xb7o_\x1cAl6\x1b\xdf\xe5z\xbb\xecv\xbb\x8f\x8f\x8f^\xaf\x8f\x8f\x8f\x1f7n\xdc\xf8\xf1\xe3i\x9av\xd1\x863\xd4\xa0\xab\xd7\xa0\'\x80\x04@.\xa1PH\xd3t\xf3\xe6\xcdw\xed\xda\x85#Hpp\xb0\x1b\xb7"\xedv\xbb\xbf\xbf\xbf#vL\x9a4\xc9\xd5[\x8eP\x83\xae^\x83n\x0f\x12\x00\xd1D"\x11\x8e \xbbw\xef\xee\xd7\xaf\xdf\xb2e\xcb\x82\x82\x82\x18\x86q\xbf\x99\x1b\xbcb$55\xb5q\xe3\xc6\xe3\xc7\x8f\xc7\xb1\xc3\rZ\x8eP\x83|\x97\x0b\xbc\x08$g\xd2\xe1\x08\x92\x90\x90\xb0w\xef\xde\xa4\xa4$\xadV;}\xfat\xbd^O\xd3\xb4{l\xa7\xc47\x98\x07\x05\x05\xed\xdf\xbf\xbf\x7f\xff\xfe_}\xf5\xd5\xb8q\xe3\xdc)v@\r\x02b\xc1* \xd7\x80\x17Q\xe0\x89\xb5\x88\x88\x88\x94\x94\x14\x84\x90\xc1`p\xf5w\x8c\xa6i\x89D\xa2P(\xbe\xf9\xe6\x9b9s\xe6\x1c:t\xa8i\xd3\xa6n\x19;\xa0\x06\x01\x81`\x08\xc85\x88D"\x86aT*Uzz\xbaT*\x8d\x89\x89\xc9\xc9\xc9\t\n\n\xa2i\x1a\x1fA\xe3r8\x8e\xb3\xdb\xedj\xb5\x9aa\x98\xa4\xa4\xa4\x94\x94\x94\x8c\x8c\x8c\xa6M\x9b\xba\xeb\x9c!\xd4  \x10$\x00\x97\x81\xb7\x17\xf9\xf8\xf8l\xda\xb4i\xe4\xc8\x91\xed\xdb\xb7_\xbati``\xa0\x97\x97\x97\xcb\xdd@\xc20\x0cEQAAA\xc7\x8f\x1f\x8f\x8b\x8b\xf3\xf7\xf7\xcf\xcc\xcc\x0c\x0f\x0fg\x18\xc6\x8d\xe7\x0c\xa1\x06\x01i`\x08\xc8\xc5\xe0\xf1V\xa1Px\xe1\xc2\x85\xa1C\x87\x06\x05\x05\xadX\xb1\xa2F\x8d\x1aEEE\x14E\x91\xbf\xd3\x92\xe38\xdc\x10\xb6X,S\xa6L\xd9\xb2e\xcb\xf7\xdf\x7f?h\xd0 \xf4d\xf3\x14\xdf\x05|\xeb\xa0\x06\x019\xa0\xb6\\\x0cEQxqa\xa3F\x8d233\xa3\xa3\xa3\xe3\xe3\xe3\x7f\xfe\xf9g\x7f\x7f\x7f|\x19!\xb1\xe3\t\x1c\xc7\xe1\xf1\xe2\xc0\xc0\xc0\xa3G\x8f\xc6\xc7\xc7\xdf\xbe}\xfb\xd2\xa5K\x83\x06\r\xa2i\xdas\xce\t\x80\x1a\x04\xe4\x80\x1e\x80\xabr\xb4\xb6N\x9d:5m\xda4\x9b\xcd6k\xd6\xac\x0e\x1d:X,\x96\xd2\xd2R\x81@@\xce\xdb\x88\xdb\x8c^^^\xbe\xbe\xbe\xb9\xb9\xb9S\xa6L\xc9\xc9\xc9\xf9\xf4\xd3O\x87\x0c\x19\x82\x9e\xcc\x8e\xf2]F\x1e@\r\x02\xdeA\x02pm\x8ewo\xd1\xa2EK\x96,\xa9U\xab\xd6\xa7\x9f~\xda\xb4iS\xab\xd5ZZZ\x8a\x10\xe2\xf7,b\x96eY\x96\x95\xc9d&gt;&gt;&gt;\xb7o\xdf^\xb0`\xc1\xfe\xfd\xfb\x93\x92\x92f\xcc\x98\xa1P(\xf0\xb5\xe0\x1e{T2\x065\x08xDJ\x13\x03\xbc\x1e\x91H\xc4\xb2,\xc7q\xe3\xc6\x8dKMM\r\x0b\x0b\xeb\xd3\xa7O\xb7n\xdd\xce\x9f?\x1f\x10\x10\xe0\xef\xef/\x10\x08\x9c?\xaa\x80\xc7\n8\x8eS(\x14\x81\x81\x81\x8f\x1e=\x1a7n\\\xcb\x96-\x1f&gt;|\xb8s\xe7\xce\x1f~\xf8\x01\xc7\x0e\xa1P\x08\xb1\x03j\x10\xf0\x08z\x00n\xc2\xd1\x90|\xfc\xf8\xf1\xdc\xb9s\x0f\x1f&gt;\xacV\xab\x07\x0c\x18\xd0\xad[7\x7f\x7f\x7f\xab\xd5j4\x1a\x1d\xed\xb5\xb7\xf4\xd2\xe2\xd6"EQr\xb9\\.\x97[,\x96#G\x8e\xfc\xfa\xeb\xaf\xd7\xaf_\xafS\xa7\xce\xb4i\xd3\x1a4h\x80\x8b\n\x81\xe3YP\x83\xc0\xf9 \x01\xb8\x0f&lt;P\x8b\x83\x88\xc5bY\xb5j\xd5\x1f\x7f\xfc\xf1\xf0\xe1\xc3\xc4\xc4\xc4\xf7\xdf\x7f?&amp;&amp;F.\x97\xd34m2\x99l6\x1b\xc7qx\xcd\xc9\x9b\xbc\xc6\xdc\x13\x08!\x91H$\x93\xc9\xa4R)\xcb\xb2\xd7\xae]\xdb\xbe}\xfb\xa6M\x9bh\x9a\xee\xd5\xab\xd7\xc8\x91#+W\xae\x8c\x9e\xac\x1d$gh\x9b4P\x83\xc0\xc9 \x01\xb8\x1b\xc7*C\xfc\xbfG\x8f\x1e\xfd\xe3\x8f?RSS\xa5Ri\\\\\\\xfb\xf6\xed\x9b6m\x1a\x1c\x1cLQ\x14\xc30\x16\x8b\xc5f\xb3\xe1\xa3i\x1cq\xe4\xef\x1a\x98\x8eQ\x08\xfc\xcd\x14EI$\x12///\xbc\xebG\xaf\xd7_\xbe|\xf9\xc0\x81\x03g\xce\x9c)((\xa8S\xa7N\xcf\x9e={\xf7\xee\x8d\xff\x14\x02\xc7\xcb\x83\x1a\x04N\x03\t\xc0=\xe1 \xe2h\x1e\xd24\xfd\xd7_\x7fm\xdc\xb8\xf1\xe2\xc5\x8bz\xbd\xbeZ\xb5j\xf1\xf1\xf1\x8d\x1a5\xaa[\xb7n\x95*U|||\xf0\xdf\xc2\xdd\x7f\x8b\xc5\xc20\xccS\xff EQ2\x99\xac|d\xb1Z\xad\x0f\x1f&gt;\xcc\xcd\xcd\xcd\xcc\xcc&lt;s\xe6Lnn\xaeT*\xadY\xb3f\x8f\x1e=\xbat\xe9\xa2R\xa9\xf0\xb7\xc1p\xc1\xeb\x81\x1a\x04N\x00\t\xc0\xcd\xe1\xb6a\xf9Uz\x99\x99\x99\xc7\x8f\x1f\xcf\xcc\xccLOO7\x18\x0c\n\x85"   ,,,$$$&lt;&lt;\xdcf\xb3\xd5\xa9SG\xa5R\x95\x8f \x14E\xd14\x9d\x91\x91\x81\x10***\xbav\xed\xda\x83\x07\x0f\xf2\xf3\xf3\xf1j\xc5\xe8\xe8\xe8\xbau\xeb\xbe\xfb\xee\xbb\t\t\t\x8e\x1f\x84\xff:,\x11ysP\x83\xe0\xed\x81\x04\xe0\x11ps\xf2\xa98\x82\x10\xd2h4\xd7\xae]\xcb\xcb\xcb\xcb\xcc\xcc\xcc\xcf\xcf\x7f\xf0\xe0\x01EQ\xc5\xc5\xc5v\xbb\xfd\xa9\x07C \x10\x04\x04\x04P\x14\xa5P(j\xd7\xae]\xa3F\x8dZ\xb5j5h\xd0\xa0B\x85\n\xe5\x87\x05 j\xbc%P\x83\xe0m\x80\x04\xe0q\xf0J\x0f\x84\xd0\xdfm\xde)++3\x9b\xcd\x14\xf5\xbfg\x03\xff\x87P(T\xab\xd5\xcf\xfd~\xc7\x004D\r\xe7\x80\x1a\x04\xff\x16H\x00\x1e\r\xb7+Q\xb9YA\x84\xd0\xdfM\xf49\xbe\xd3\x11V\xf0wB\xc8\xe0\x11\xd4 x\x13\x90\x00\xc0\xd3\xfe\xee\x91\x800\xe1*\xa0\x06\xc1K\x82\x04\x00\x00\x00\x1e\nV\xf5\x02\x00\x80\x87\x82\x04\x00\x00\x00\x1e\n\x12\x00\x00\x00x(H\x00\x00\x00\xe0\xa1\xe0\x1a\x87\x97\xe5\x98-\xff\xbb\x83y\x1dk\xef`\xad\x05\x00\xc0%\xc0*\xa0\xe7\xe3\xca\xc1\xcb\xab_\xfe\x18,\xbcc\xb3\xfcRkH\t\x00\x00\x02A\x02\xf8\xff\x1c\xbb\xed\x9f{\x1b\x9f\xc9d2\x1a\x8d\x14E]\xbdzU\xaf\xd7?\x15\xd3E"Qll\xacP(\x14\x89D\x8eS\xb4\x1c\x1c\xc7\xacC2\x00\x00\x90\x03\x12\xc0\xff\x8f\xce\x8e\x03x\x11B\xa5\xa5\xa57n\xdc\xb8|\xf9rFF\x06&gt;b\xa5\xa0\xa0@ \x10\xb0,\xeb\xeb\xeb+\x95J\xf1\xe9\xb8\xe8\xc9\x0eL\x8e\xe3\xf4z=B\x88\xa6\xe9\xe0\xe0`\xb5Z\x1d\x11\x11\x11\x1a\x1a\xda\xa0A\x83\xe8\xe8h\x7f\x7f\xff\xa7~\x1cQ7\xbe\x02\x00&lt;\x93\xe7&amp;\x00\xdc\xde/?\xb6SVV\x96\x9a\x9a\xbag\xcf\x9e\xb4\xb44\xadV+\x14\n+V\xacX\xb3f\xcd\xaaU\xab\xd6\xacY\xb3b\xc5\x8aU\xabV\xb5\xdb\xed\x95*U\x92\xcb\xe5\xe5g\x02\xf0\xc9\xec\xf7\xef\xdf\xa7(J\xaf\xd7_\xbf~\xbd\xa8\xa8\xe8\xea\xd5\xab\x0f\x1f&gt;\xbc}\xfb\xb6\xc9dR\xab\xd5\x91\x91\x91\xed\xdb\xb7o\xdb\xb6mppp\xf9\x02@\x9f\x00\x00\xc0\x17OL\x00x\x9c\xc7\xd1\xde\xbf{\xf7\xee\x8e\x1d;N\x9e&lt;y\xf5\xeaU\xa9TZ\xa7N\x9d\x96-[\xc6\xc7\xc7\x87\x84\x848Z\xee\x1c\xc7\xd9l6\x9b\xcdFQ\x94\xddn\x7f\xee&lt;\xb0T*E\x08\t\x85B\xa9TZ&gt;\xa9\xe4\xe7\xe7_\xb8p\xe1\xc4\x89\x13\xe9\xe9\xe9z\xbd\xbez\xf5\xea\xcd\x9b7\xef\xd6\xad\x1b\xbe]\x0f\xc1U\x1b\x00\x00\x9exV\x02(\x1f\xfa\xadV\xeb\x96-[~\xf9\xe5\x97\xeb\xd7\xaf\xd7\xa8Q\xa3K\x97.\x89\x89\x89aaa\xde\xde\xde\x08!\xb3\xd9l\xb5Z\xf1\xbd\xd8\xb8\x85\xee8i\xeb\xef\x1a\xec\xf8\x93tL\xff\xe2\xbf(\x14\n%\x12\x89L&amp;\x13\x08\x04v\xbb\xfd\xee\xdd\xbb\x7f\xfd\xf5\xd7\xce\x9d;/_\xbe\xacR\xa9\x06\x0c\x18\xd0\xbf\x7f\xff\x8a\x15+\xa2g\xee\x81\x02\x00\x80\xb7\xcdS\x12@\xf9\xd0\x9f\x95\x95\xb5r\xe5\xca\x83\x07\x0f*\x14\x8a\x1e=zt\xee\xdc922\x92\xa2(\x93\xc9\x84\xafR\xfawgk\xcb\xcf-K\xa5R|y\xd3\x83\x07\x0f\x0e\x1d:\xb4e\xcb\x96\xdc\xdc\xdc\xd8\xd8\xd8\x91#G\xb6n\xdd\x1aA\x1a\x00\x008\x91\xfb\'\x80\xf2!5==\xfd\xbf\xff\xfd\xef\xf9\xf3\xe7\xdb\xb5k7`\xc0\x80\xe6\xcd\x9b\x8b\xc5b\xa3\xd1h6\x9bqzx\xdb\xc3\xf1\x8ed \x95J}}})\x8a\xca\xca\xcaZ\xb7n\xdd\xf6\xed\xdb\xfd\xfd\xfd\xa7L\x99\xd2\xad[7\xf4d\xab\x01\x0c\n\x01\x80\x9e\xf4\xad\x1dgY\xa3\xbf\xb9\xf4\xd8\xd1\xf9v|\xc3\xdf\xdd\x8d\x0c\x1c\xdc&lt;\x01\xd04\x8d/\xcd\xc8\xcc\xcc\xfc\xe6\x9bon\xdc\xb8\x91\x98\x988l\xd8\xb0\xb0\xb00\xab\xd5ZVV\x86s\x83\xf3\x9f\x12\xc71\xee2\x99\xcc\xdb\xdb\xbb\xb8\xb8x\xed\xda\xb5[\xb7n\x15\n\x85\x13\'NLJJB\x081\x0c\x03S\xc4\xc039\x9aJO-\xcf{U\x8e5~0\xcd\xf6\\n\x9b\x00\xf0\x02\x1b\x84\xd0\x83\x07\x0f\xc6\x8f\x1f\x9f\x96\x966f\xcc\x98\xe1\xc3\x87\xab\xd5j|_\x12!\x0b19\x8ec\x18F,\x16+\x95J\x9b\xcd\xb6}\xfb\xf6o\xbf\xfd\xd6\xcb\xcb\xeb\xbb\xef\xbek\xd9\xb2%B\x88a\x18\x18\x11\x02\x1e\xe2\xb9\x8b\xa4\x19\x86),,\xcc\xc8\xc8\xd0h4\xe9\xe9\xe9\x14E\xe1\x0b\x8d\x1dW\x9ea~~~u\xea\xd4aY\xb6f\xcd\x9a\xa1\xa1\xa1\x91\x91\x91\x15+V\xc4#\xae\x18~\xd7`;Ny\xee\x99\x00p\xc3\x9fe\xd9\xa9S\xa7n\xdf\xbe\xbdS\xa7N\x13\'N\x0c\r\r\xd5\xeb\xf5v\xbb\x9d\x97&amp;\xff?\xa2iZ \x10\xa8\xd5j\x83\xc1\xf0\xcb/\xbf\xfc\xf2\xcb/\xd1\xd1\xd1\x8b\x16-\xaaX\xb1"t\x05\x80{{vI\xb4F\xa39s\xe6\xcc\xc9\x93\'/_\xbe\xfc\xe8\xd1#\x8b\xc5\xe2\xeb\xeb\xeb\xe7\xe7\x17\x11\x11A\xd3thhh\xcd\x9a5\xedv\xbbc/\x8eH$\xd2j\xb5\x99\x99\x99b\xb1\xf8\xfe\xfd\xfb\x05\x05\x05\xa5\xa5\xa5\x1c\xc7\x05\x06\x066h\xd0 ..\xaey\xf3\xe65k\xd6t\xfcDXz\x87\xb9[\x02p4\xfcO\x9e&lt;9n\xdc\xb8\x80\x80\x80\xb9s\xe7\xc6\xc6\xc6\x96\x96\x96Z,\x96\xbf\xbbC\x95\x1c\xb8\xbd\xafR\xa9\x1e=z\xf4\xd5W_\xed\xdc\xb9s\xf6\xec\xd9\xc3\x86\rC\xd0\x15\x00\xee\x08\xdfA\xefx\xb0333w\xee\xdcy\xfc\xf8\xf1\xbc\xbc\xbc\x80\x80\x80\xb0\xb0\xb0V\xadZEEEU\xadZ\xb5b\xc5\x8a\x12\x89\xc4\x91!\x9e\r\\\xe5[H\x0c\xc3\x14\x14\x14&lt;~\xfc8++\x0bg\x11\xadV\xeb\xe3\xe3\xd3\xaaU\xab\xe4\xe4\xe4w\xdey\x07G\t\xd8\x8b\xe3V\t\x007\xfc9\x8e\x9b8q\xe2\xce\x9d;\xa7N\x9d:r\xe4H\x8b\xc5b0\x18D"\x91\x0b\xd51M\xd3R\xa9\xd4\xcf\xcf\xef\xf0\xe1\xc3\xd3\xa7OW\xab\xd5\xabV\xad\xaaT\xa9\x92cJ\x03\x00WW\xbe_{\xe7\xce\x9d\xcd\x9b7\xaf[\xb7N\xa7\xd3\xd5\xaf_\xbfs\xe7\xce\t\t\t\x91\x91\x91\xf8i\xb7Z\xad6\x9b\r\xef\xbfqL\x02?\xf7\xdf,?E,\x16\x8b\xc5b\xb1\x97\x97\x17\x1e)\xbaw\xef\xde\xd9\xb3g\xf7\xed\xdbw\xe6\xcc\x19\x8a\xa2:u\xea4h\xd0\xa0\xd8\xd8\xd8g\x0b\xe3Q\xdc\'\x01\xe0\xe0\x98\x9b\x9b\xdb\xa7O\x1f\x7f\x7f\xff5k\xd6T\xa9RE\xa3\xd1\x102\xd6\xff\xaa8\x8e\xa3i\x1a\x1f+4~\xfc\xf8\xad[\xb7\xaeX\xb1"99\xd91\xa3\xc5w\x01\x01xM\xe5\xa3\xed\xd1\xa3G\x7f\xfe\xf9\xe7\xcc\xcc\xcc\xe8\xe8\xe8\xa4\xa4\xa4\x0e\x1d:T\xae\\\x19!d2\x99\xccf\xb3\xe3i\x7f\x8dg\xde\xb1v\x08\xcf$K\xa5Rooo\x81@\xa0\xd7\xebO\x9e&lt;\xb9m\xdb\xb6\xd4\xd4T\xa5R9n\xdc\xb8\xde\xbd{\x8b\xc5b\xe4\x91i\xc0\x1d\x12\x80c\xa1\xe7\xea\xd5\xab\'O\x9e&lt;y\xf2\xe4)S\xa6\xb8\xca\x98\xcf\x8b\xe1\x91J\x7f\x7f\xff\xfd\xfb\xf7\x0f\x1d:\xb4_\xbf~\x0b\x16,@0\x1c\x04\\S\xf9\xf5\xcd;v\xec\x98;w\xaeV\xab\xed\xde\xbd\xfb\xd0\xa1Ck\xd5\xaa\xc5q\\ii\xa9\xcdf\xc3\xdf\xf3\xef\x06b\xc7\xb2"\xb1X\xec\xe3\xe3#\x12\x89\x8a\x8a\x8a\xd6\xaf_\xbfq\xe3F\x9dN7r\xe4\xc8\xd1\xa3GK$\x12\xe4a/\x97\xcb\'\x00\xc7\xa0\xff\xe0\xc1\x83\x8f\x1f?\xben\xdd\xba\x84\x84\x04\x8dFC\xe6L\xef\xeb\xb1\xdb\xed\xfe\xfe\xfe\x05\x05\x05\xfd\xfa\xf53\x9b\xcd\x87\x0f\x1fV(\x140\x1c\x04\\\x08^\x81\x83\x9f\xd8\xdd\xbbw\xcf\x9b7\x8f\xe3\xb8\x9e={\x0e\x180\xc0\xb10\xcfi\xebs\xf0Z#\xbc\xf4\x8e\xa6\xe9\xed\xdb\xb7\xaf[\xb7\xee\xee\xdd\xbb\xc3\x86\r\x1b=z\xb4P(\xf4\x9c~\xb6k\'\x00\x9c\xabKJJz\xf5\xeae\xb3\xd96m\xda\x14\x10\x10\xa0\xd5jq\x87\xce\x9d\xd04\x8dw\x0c\x8c\x1e=\xfa\xc8\x91#\xeb\xd7\xaf\x8f\x8b\x8b\x83\x1c\x00\\\x82\xa3M}\xe9\xd2\xa5\xcf?\xff&lt;;;{\xe2\xc4\x89#G\x8e\x14\n\x85&lt;.\xcc\xc39I \x10(\x14\n\x91Ht\xe0\xc0\x81\x193f\xb0,;s\xe6\xcc.]\xba\xa0r\xbb\x88\xdc\x98\xeb\r\x8e;\xe0\xa7J\xa7\xd35n\xdcX\xadV\x1f?~\\.\x97\x17\x17\x17\xbb_\xf4G\x08\x89D"\xab\xd5\xaa\xd5j\x97.]:b\xc4\x88\xf6\xed\xdb\x9f9sF$\x12\xd14\xcdw\xd1\x00x\x11\x9a\xa6q\x9b\xfa\x93O&gt;\xe9\xd8\xb1c\xc3\x86\r/^\xbc8z\xf4h\xbd^\xaf\xd1h\xf0\nN^\xda\xda\x14E\x89D"&lt;+\xa0\xd1h\xda\xb4i\x93\x9a\x9a\xfa\xf1\xc7\x1f\x8f\x1f?\xbeS\xa7N\x0f\x1f&gt;\x14\x89D\x0c\xc3\xb8t\x13\xf9\x</t>
        </is>
      </c>
    </row>
    <row r="223">
      <c r="A223" s="1" t="n">
        <v>221</v>
      </c>
      <c r="B223" t="inlineStr">
        <is>
          <t>rectangle_height_number</t>
        </is>
      </c>
      <c r="C223" t="inlineStr">
        <is>
          <t>What is the missing number of the part denoted with a question mark?</t>
        </is>
      </c>
      <c r="D223" t="inlineStr">
        <is>
          <t>[2, 1, 3, 4]</t>
        </is>
      </c>
      <c r="E223" t="inlineStr">
        <is>
          <t>2</t>
        </is>
      </c>
      <c r="F223" t="inlineStr">
        <is>
          <t>There are 7 rectangles in the image with varying lengths and numbers inside them. The numbers from left to right are [3, 1, 1, 2, 3, 2, '?']. The lengths from left to right are ['long', 'short', 'short', 'medium', 'long', 'medium', 'medium'].</t>
        </is>
      </c>
      <c r="G223" t="inlineStr">
        <is>
          <t>We observe that the short rectangles are denoted as 1, the medium rectangles are denoted as 2, and the long rectangles are denoted as 3. Hence, the pattern is that the number in each rectangle corresponds to its length.</t>
        </is>
      </c>
      <c r="H223" t="inlineStr">
        <is>
          <t>Based on the pattern that the number in each rectangle corresponds to its length, the missing number of the rectangle with a question mark should be 2.</t>
        </is>
      </c>
      <c r="I223" t="inlineStr">
        <is>
          <t>b'\x89PNG\r\n\x1a\n\x00\x00\x00\rIHDR\x00\x00\x02\x00\x00\x00\x02\x00\x08\x02\x00\x00\x00{\x1aC\xad\x00\x00JZIDATx\x9c\xed\xddy|T\xd5\xf9?\xf0\xe7\x9cs\'\x99\xc923\xd9\x08\xb2\xb8 \x08(\xfb\xbe\x8b\x0b\x8b\xb5E\xad\x88(\xe0\x82\x12w\xbf\xa1\xad\xb6V[Dk]\xb0\xb5\xb6\xb6\xb5\xecH\xc5\r\xac\xad\xb6\x82\xe0\x02\x88\xb2\xaa $l\x82\xa8\x04B\xd6\xd9\x92\xcc\xcc\xbd\xe7\xfc\xfe\xb8\x90\x1fU\x8a!d2\xf7\xe6~\xde\xaf\xef\xeb\xf5m\'i\xf2p\xf2\xdc\xfb9\xf7\xdc3w\x98R\x8a\x00\x00\xc0yx\xb2\x0b\x00\x00\x80\xe4@\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a5%\xbb\x80\x06QJ5\xe2\x7f\xc5\x18k\xf2J\x00\x9a\x1f\xfa\x1f\x12\xc4\xa2\x01\xa0\x94\x92R*\xa5\x18c\x8c1\xce\x1bs\xa5\xd2$?\x04\xa0\xf9\xa1\xff\xa1y\xb0\xc6M.\x12\xc4lY"\x12B\x1c\xffz \x10\x90R2\xd6\xd0j\xcd\xb9\x8f\xdf\xef?\xfeE\xf3`\xe0\x9ccf\x04\xd6\x84\xfe\x87ff\x95\x00PJ\x19\x86\xa1iG\xafHB\xa1\xd0\xc6\x8d\x1b7lX\xff\xc9\'\x9fVVV\x16\x17\x17\xeb\x86\xde\xf0\x9f\xc6\x88)R\x1d\xcf\xed\xe8\xf7\xfb\xfb\xf5\xeb\xd7\xa7O\x9f\x01\x03\x06\xb4m\xdb\xd6\xfc\xaa\xae\xeb\x9csL\x88\xc0:\xd0\xff\x90\x14\x96\x08\x00\xc30\xcc)O,\x16[\xbe|\xf9\x0b/\xbc\xb0y\xf3\xe6\x03\x07\x0e4\xe1\xaf\xc8\xca\xca\xea\xd7\xaf\xdf\x84\t\x13\xc6\x8d\x1b\xd7\xaaU+"\xd2u]\x08\x81\xd9\x10$\x1d\xfa\x1f\x92%\xc9\x01`\xfev\xc6X \x10\x983g\xce\xe2\xc5\x8b\xb7m\xdbV\xff\xd5\x8c\xcc\x8cvg\xb6\xcd\xcb\xcf\xeb\xd0\xe9\x9c\xecl\xbf\xae\x1b\r\xe9WE\x8a3\x1e\x8f\xc7\x8b&gt;/\xae\xae\n\x1c\xd8\xf7UUeU\xfdW\xcfhs\xc6\xa4\xeb\'\xddz\xeb\xad\x9d;w&amp;")%\xa6B\x90,\xe8\x7fH\xaed\x06@\xfd\xc4g\xc1\x82\x05O=\xf5\xd4\xce\x9d;\xcd\xd7\xdb\xb5o;d\xe4\xe0\x8b\xc7\x8c&lt;\xbfG\xd7\xfc\xd6y\xe9\x19\x19B\x08!\xf8\xa9\x15\xaaT&lt;\xaeG\xeb\xa2\xe5G\xcaw\xef\xdc\xb3\xf6\xbdukV\xad\xddY\xb4\xdb\xfcbvv\xf6=\xf7\xdc3}\xfat\x9f\xcf\xa7\xebz\xfd\xa57@\xb3A\xffC\xd2%-\x00\xcc\xee/))\x99:u\xea\x8a\x15+\xcc\x17\xbb\x9c\xdfy\xea]7\x8e\x1d7&amp;\xafU\x8eR\xaa\xae.\x1a\x8f\xc5\xa5!\x15\xa9S\xaf\x93q\xc6\x18g.\x97+\xd5\x9d\xaaiZ(\x18\\\xff\xe1\xc69\x7f\x9c\xbf\xe6\xbd\x0f\xcd\xef\xe8\xdc\xb9\xf3\xbcy\xf3\x86\x0e\x1dj\xdea\xc3\xe504\x1b\xf4?XAr\x02\xc0\x9ct\xacX\xb1b\xea-SK\x0e\x96\x10Q\x87N\x1d\xee\x98&gt;\xedGW_\xee\xcb\xf2\x85\x83\xe1x&lt;NDM\xb2cA)%\xa5"\xa5\x84&amp;\xd23\xd2\xa54V\xaf\xfa\xf0\xf9gf\xaf[\xfd1\x11\xa5\xa6\xa6&lt;\xf1\xc4\x93\x85\x85\x858\x06\xa0\xd9\xa0\xff\xc1"\x92\x10\x00f\xf7\xcf\x993\xa7\xa0\xa0\xc0|\xe5\xc6\x82\xc9?\xfb\xf5\xf4\xbc\xfc\xbc@U\xc0\xd0\r.\x12\xb5S\xcd0\x0c\xc6\x98\xd7\x97i\xe8\xc6\xfc\xbf\xbe\xf0\xf4\xa3\xcf\x84Ca"\x9a6m\xda\xec\xd9\xb3\r\xc3\xc0&amp;9H4\xf4?XGs\x07\x80y\xe5[\xdf\xfd\xfe,\xdfo~\xff\xf05S\xc6\x07\xab\x83\xb1X\xacy\xd6"\xcd\xc3 \'/g\xf3\xc7[~v\xc7\xcf\x8b&gt;\xdfI\xc7\x8e\x01\xcc\x83 \xa1\xd0\xff`)\xcd\x1a\x00\xdf\xea\xfe\xbc\xfc\xbc\xd9K\xfe&lt;\xfc\xa2\xa1\x87\x0f\x95j\x9a\xd6\xccm\x17\x8f\xc7\xfdY\xfe\x8a\xb2\x8a\x9b\xc6O\xfbt\xd3gt\xdc&lt;\xe8[o\xc3\x01h\x12\xe8\x7f\xb0\x9a\xe6\x0b\x00\xb3\xb1V\xadZ5j\xd4("\xca\xce\xc9\xfe\xd7\xea\xa5gw8\xbb\xba\xaa\xda\xe5r5O\r\xdf\xa2\xebF\xaa;E\x08q\xfd\x0fo\xf8x\xed\x06"z\xf8\xe1\x87g\xcc\x98\x81}\x11\xd0\xe4\xd0\xff`A\xcd\x14\x00\xe6v\xe3\xd2\xd2\xd2\x9e\xbdz\x1e)=\xe2\xf5y\x17.\x9b\xd3\x7fp\xbf@U@s%\xb3\xd5\x0c\xc3Hu\xa7\x86\x82\xa1\xc9\xe3n\xde\xbeu\x07cl\xc5\x8a\x15\xa3F\x8d\xc2&lt;\x08\x9a\x10\xfa\x1f\xac\xa9\x99\xde\x03b\xbe\xd3}\xca\x94)\xa5\x87K\x89\xe8\xd1\xdf\xcf\x18~\xd1\xd0\xea\xaa\xea\xe4v?\x11\t!\xeaj\xebr\xf3r\x9e[\xf8\x07\x7f\x96O\x91\x9ar\xc3\x94\xc3\x87\x0f3\xc6\xcc\xa7\xb2\x00\x9c&gt;\xf4?XSs\x04\x809\x9bX\xb2d\xc9\xca\x95+\x89\xe8\xba\x9b&amp;L\xbc\xf1\x9a\xc3\x87J\x93u\xe5\xfb-\x9a\xa6UW\x05\xbav\xeb\xfc\xf0S\xbf"E\xa5\x87K\x1fx\xe0\x01\xce\xb9\x15\x1e\x92\x01-\x00\xfa\x1f,+\xe1K@J)\xa5Tuu\xf5\xc0\x81\x03\xf7\xed\xdbw\xe6\xd9\xed\xdfZ\xfb\x8f\xd4\xd4Ts+BB\x7f\xf5)1t\xc3\x9f\xe3\xbf\xe5\x9a\xdb\xde\xfe\xd7\x8a\xd4\xd4\xd4\xb5k\xd7\xf6\xeb\xd7\xcf|zb\xb2K\x03\x1bC\xff\x83\x95%\xfc\xafkn.^\xb0`\xc1\xde\xbd{\xa5\x94\xb7O\x9f\x96\x97\x9f\x1b\x8b\xc5,\xd5\xfdD\xc48\x8b\xc7\xe2\xd3\x7fyOjjj4\x1a\x9d1cF\xc3\x9f\xbe\x0b\xf0\xbf\xa0\xff\xc1\xca\x12\x1b\x00J)!Dmm\xed\x82\x05\x0b\x18c\xe7v\xeap\xd5\xb5WTW\x06,\xb8\xc7\x80s\x1e\x0e\x85{\xf4\xe9~\xf9Uc\x89h\xcd\x9a5\xc5\xc5\xc5B\x08\xac\x84B\xa3\xa1\xff\xc1\xe2\x12\x1b\x00\xe6\xfbJV\xadZ\xb5c\xc7\x0e\xa5\xd4\xb4{o\xf1\xf9\xbd\xba~\nO6oN\x9c\xf3h4V\xf0\x7f\xb7\xa6\xa5y"\x91\xc8\xdc\xb9s\x89\x08\x07\x004\x1a\xfa\x1f,\xae9\x16\xf8\x16.\\\xc8\x18\xcb?#\xff\x07W\x8e\t\x05\xc3\x96\xdd^\xc69\x8f\x84#=\xfat\x1b4| cl\xe9\xd2\xa5555\x9a\xa6\xe1B\x18N\x07\xfa\x1f,+\x81\x01`^\xff\x06\x02\x81\x8d\x9b6*\xa5\x86_44\xafUn&lt;\x1e\xb7\xda\xea\xe7\xf1\x94R\x8c\xf1\xd1?\x1c\xa5\x94:Xrp\xeb\xd6\xad\x84I\x104\n\xfa\x1f\xac/\x81\x01`\xf6\xcd\xe6\xcd\x9b\xbf\xf9\xfa\x1b"\xbax\xecH\xebO$\x84\x10u5\xb5C.\x1c\x94\xe1\xcd0t\xe3\xed\xe5o\xd3\xb1O\xed\x008%\xe8\x7f\xb0\xbe\xc4^\x01\x10\xd1\xc6M\x1b\x89(-#\xed\xfc\x1e]\xa3\xb5Q\x8b\xef*c\x8cE\xa3\xb1v\xed\xdb\x9c\xd3\xe1l"\xda\xbci3\x11Y\xbcf\xb0&amp;\xf4?X_\x02\xff\xb4\xe6\xa5\xee\x96\xcd[\x88\xe8\xcc\xb3\xda\x9f\xd1&amp;\xdf\xe2\xd7\xbf&amp;)\xa5\'\xcds~\xf7.DT\\\\\x1c\x0e\x87\xf1\xa6\x18h\x04\xf4?X_b\x03@)UVVFD9\xb9\xd9\xe9\x19\xe9\x86a$\xee\xd75\x15\xa5\x14\x17\xa2u\x9b\xd6DT\x1d\xa8\xae\xad\xadMvE`K\xe8\x7f\xb0\xbeD\x05\x80\xf9\x1e\xc2@ \xb0{\xf7n"\xea\xd4\xa5\xa3\xb0\xc9v\x02\xc6\x98\xa1\xeb\x1d\xbb\x9cKD\xc1@\xb0\xb8\xb8\x98p\x1f\x0cN\x11\xfa\x1fl!\xe1o\x04\x8b\xebq"\xca\xca\xce\xb2\xd1\x85\xa4R*+;\x8b\x88\xa4\x94\x96\xdd\xb5\r\xd6\x87\xfe\x07\x8bK\xf8\xed\x1ds\xd1\xd3vmT_\xb0\xf5\x17m\xc1\xca\xd0\xff`e\xcdt\x7f\xdfvmd\xbb\x82\xc1\xcal\xd7N\xb6+\x18\x1a\x07\x1b\xbc\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Z\xb2\x0b\x00H8\xa5T#\xfeW\x8c\xb1&amp;\xaf\xc4\x99\xec&gt;\xfev\xaf\xff$\x10\x00\xd0\x02)\xa5\xa4\x94J)\xc6\x18c\x8c\xf3\xc6\\\xe96\xc9\x0fq&amp;\xbb\x8f\xbf\xdd\xebo8\x04\x00\xb4\x1c\xe6!GDB\x08!D\xfd\xeb\x81@@J\xc9\x18k\xe0T\xce\x9c\xbb\xf9\xfd\xfe\xe3\x7f\x88y0s\xcem1\xb3K\n\xbb\x8f\xbf\xdd\xebo\x04\x04\x00\xb4\x04J)\xc304M3\x0f\xb9P(\xb4q\xe3\xc6\r\x1b\xd6\x7f\xf2\xc9\xa7\x95\x95\x95\xc5\xc5\xc5\xba\xa17\xfc\xa71b\x8aT\xc7s;\xfa\xfd\xfe~\xfd\xfa\xf5\xe9\xd3g\xc0\x80\x01m\xdb\xb65\xbf\xaa\xeb:\xe7\xdc\x9a\x13\xbad\xb1\xfb\xf8\xdb\xbd\xfeFC\x00\x80\xed\x19\x86!\x84\xd04-\x16\x8b-_\xbe\xfc\x85\x17^\xd8\xbcy\xf3\x81\x03\x07N\xf3\xc7\x96\x97\x95\x13\xd1\xf2\xe5\xcb\x89(++\xab_\xbf~\x13&amp;L\x187n\\\xabV\xad\x88H\xd7u!\x84\xa5fs\xc9b\xf7\xf1\xb7{\xfd\xa7\x03\x01\x006f^\x92\x0b!\x02\x81\xc0\x9c9s\x16/^\xbcm\xdb\xb6\xfa\xaffdf\xb4;\xb3m^~^\x87N\xe7dg\xfbu\xddh\xc8\xf1\xa6Hq\xc6\xe3\xf1x\xd1\xe7\xc5\xd5U\x81\x03\xfb\xbe\xaa\xaa\xac\xaa\xaa\xaaZ\xb9r\xe5\xca\x95+\x7f=\xe3\xd7\x93\xae\x9ft\xeb\xad\xb7v\xee\xdc\x99\x88\xa4\x94\x16\x99\xca%\x85\xdd\xc7\xdf\xee\xf5\x9f&gt;\x04\x00\xd8\x959q#\xa2\x05\x0b\x16&lt;\xf5\xd4S;w\xee4_o\xd7\xbe\xed\x90\x91\x83/\x1e3\xf2\xfc\x1e]\xf3[\xe7\xa5gd\x08!\x84\xe0\xa7\xb6\x93C\xa9x\\\x8f\xd6E\xcb\x8f\x94\xef\xde\xb9g\xed{\xeb\xd6\xacZ\xbb\xb3h\xf7\xa1\x92CO?\xfd\xf4\xfc\xf9\xf3\xef\xb9\xe7\x9e\xe9\xd3\xa7\xfb|&gt;]\xd75\xcd\x89\xc7\x91\xdd\xc7\xdf\xee\xf57\t\'6.\xb4\x00\xe6\xd1[RR2u\xea\xd4\x15+V\x98/v9\xbf\xf3\xd4\xbbn\x1c;nL^\xab\x1c\xa5T]]4\x1e\x8b\x87\x02!E\xea\xd4w\xf21\xce\x18\xe3,\xb7Un\xdb3\xdb\x8e\xfa\xc1\xa5\xa1`p\xfd\x87\x1b\xe7\xfcq\xfe\x9a\xf7&gt;\xac\xac\xac\x9c9s\xe6\xcb/\xbf&lt;o\xde\xbc\xa1C\x87\x9aw\x08\x93~9\xdf\x9c\xec&gt;\xfev\xaf\xbf\xa9 \x00\xc0~\xccI\xd3\x8a\x15+\xa6\xde2\xb5\xe4`\t\x11u\xe8\xd4\xe1\x8e\xe9\xd3~t\xf5\xe5\xbe,_8\x18\xae\xaa\xac&amp;"s\xc7\x05\x17\xa7u\x89\x1d\x8f\xc7\xa3\xd1\x18)%4q\xd1\xe8\x91\x17^:|\xf5\xaa\x0f\x9f\x7ff\xf6\xba\xd5\x1f\xef\xda\xb5\xeb\x92K.~\xe2\x89\'\x0b\x0b\x0b\xcd\xdd#\x0e\xc9\x00\xbb\x8f\xbf\xdd\xeboB\xce]\xbe\x04\x9b2\x8f\xde9s\xe6\x8c\x1d;\xd6&lt;zo,\x98\xfc\xcf\xf7_\x9b2m\x12c\xac\xaa\xbc\xca\x9c\xdc5\xd5\x1d6\xc6\x98\x10\\h\x82\x88\x82\x81`$\\s\xf1\x98\x0b_z\xeb\x85\x87\x9f\xfaUFfF4\x1a\x9b&gt;}zAA\x01\xe7\xdc\xdc\xe7w\xfa\xbf\xd1\xe2\xec&gt;\xfev\xaf\xbfi!\x00\xc0N\xcc\xbdzs\xe6\xcc)(( "\x7f\x96\xef\xb9\x05\xcf&lt;\xf5\x97\xc7\xddnwEY\x05\x11\t-\x81;+\x84\x10\x9c\xf3@u0\x12\xa9\xb9\xf3\xa7\xb7\xbd\xfa\xf6\x8b\xe7w\xefBDf=B\x08\xa5\x1a\xb1V`\'v\x1f\x7f\xbb\xd7\xdf\xe4\x10\x00`\x1b\xe6\xd4\xac\xfe\xe8\xcd\xcb\xcf[\xb0t\xce\xc4\x1b\'\x94\x95\x96\x99\x07v\xf3\x94a\x1e\xc6G\x0e\x1f\xe9\xd1\xa7\xfbKo-\xee\xdd\xbf\x17\x1d;\x86\xcdy\\\xf3\x94\xd1\xfc\xec&gt;\xfev\xaf?\x11\x10\x00`\x0f\xe6\xd1\xbbj\xd5*\xf3\xe8\xcd\xce\xc9\xfe\xc7\xbb\xaf\xf4\x1f\xdc\xef\xf0\xa1R\x97\xcb\xd5\xfc\x8b\xa7.\x97+P\x1dL\xcfL\x7f}\xd5+\x83\x87\x0f$\xa29s\xe6\xcc\x9c9S\x08\xa1\xeb\xa7\xf0\xa6!\xbb\xb0\xfb\xf8\xdb\xbd\xfe\x04A\x00\x80\rH)\x85\x10\xa5\xa5\xa5\x93\xa7Lf\x8c\xf9\xfc\xbey\xaf&gt;\x7fv\x87\xb3\x03U\x01\x97\xcb\x95\xac\xaa4M\xc4\xa21)\xe5_\xff\xfe\xa7n=/ \xa2\x993g\xae\\\xb9R\xd34\xc30\x92UU"\xd8}\xfc\xed^\x7f\xe2 \x00\xc0\x06\xccw\xeaO\x992\xa5\xf4p)\x11=\xfa\xfb\x19\xc3/\x1aZ]U\xad\xb9\x92\xbc\x8dM\x08QW[\x97\x9b\x97\xf3\xdc\xc2?\xf8\xb3|\x8a\xd4\x94\x1b\xa6\x1c&gt;|\xb8\xe5m\x07\xb2\xdd\xf8\x1f\xbf\x96b\xc7\xfei\x9e\xb5 \x04\x00X\x9dy\xf1\xbed\xc9\x92\x95+W\x12\xd1u7M\x98x\xe35\xe6\x95{\xb2K#"\xd24\xad\xba*\xd0\xb5[\xe7\x87\x9f\xfa\x15)*=\\\xfa\xc0\x03\x0f\x1c\xff\x14\xb0\x16\xc0\xe5r\xd9k\xfc9\xe7\xf5wS\xed\xd8?\xc7\xd7\x9fP\x08\x00\xb04\xf3i\xba\x95\x95\x95\x8f&lt;\xf2\x08\xe7\xfc\xec\x0eg\xfd\xf27?\x0fT\x05-\xf5\xe6[\x97\xcbUQV9\xe1\x86\xf1\x97\x8d\x1bCD/\xbd\xf4\xd2\xc6\x8d\x1b\xeb\x1f-ik\xe6i\xa8\xa2\xa2\xc2^\xe3\xbfi\xd3\xa6\xfa\x8d\x95v\xec\x9f\xfa\xfa\x13\xfd\xab\x11\x00`i\x86ap\xce\x17,X\xb0w\xef^)\xe5\xed\xd3\xa7\xe5\xe5\xe7\xc6b1\xab\xad\xb10\xce\xe2\xb1\xf8\xf4_\xde\x93\x9a\x9a\x1a\x8dFg\xcc\x98q\xf4\xe9\xc16\xdf\x14j\xde\x90\x9c7o\x9eM\xc7\xdf\xf6\xfd\x93`\x08\x00\xb0.\xa5\x94\x10\xa2\xb6\xb6v\xc1\x82\x05\x8c\xb1s;u\xb8\xea\xda+\xaa+\x03\x96\x9a\xbe\x998\xe7\xe1P\xb8G\x9f\xee\x97_5\x96\x88\xd6\xacY\xb3g\xcf\x9e\x8c\x8c\x0c\xbb_\x04\xb8\\.)\xa5\x1d\xc7\xbf\xb8\xb8\xd8\xdcpi\xd3\xfe1\xebOt\xff \x00\xc0\xba\xccg\xa4\xacZ\xb5j\xc7\x8e\x1dJ\xa9i\xf7\xde\xe2\xf3{-\xbb\xc9\x92s\x1e\x8d\xc6\n\xfe\xef\xd6\xb44OMM\xcd\xbcy\xf3\xdcn\xb7\xdd\x03\xc0\xeb\xf5\xae]\xbbv\xe7\xce\x9d\xf6\x1a\xffH$2w\xde\\\xf3E;\xf6O$\x12\x99;w.\x11!\x00\xc0\xe9\x16.\\\xc8\x18\xcb?#\xff\x07W\x8e\t\x05\xc3\x96\xbd\xbf\xca9\x8f\x84#=\xfat\x1b4| c\xec\xb5\xa5\xaf\x95\x96\x96\xa6\xa6\xa6$\xbb\xae\xd3\xc2\x183\xa7\xcf\xb6\x1b\xff\xa5\xaf-\r\x87\xc3Dd\xd7\xfa\x97.\xad\xa9\xa9\xd14-\xa1\x0bA\x08\x00\xb0(s\xfd\'\x10\x08l\xdc\xb4Q)5\xfc\xa2\xa1y\xadr\xe3\xf1\xb8\xd5Vo\x8f\xa7\x94b\x8c\x8f\xfe\xe1(\xa5\xd4\xd7_}\xb5e\xcb\x16OZZ\xb2\x8b:-\x07\x0f\x1e\xdc\xb4i\x93\x1d\xc7\xff\xe0\xc1\x83EEE\xba\xaeo\xd8\xb0\xc1\x96\xf5\x97\x1c\xdc\xbau+%\xf8"\x00\x01\x00\x16e\xf6\xfd\xe6\xcd\x9b\xbf\xf9\xfa\x1b"\xbax\xecH\xeb\xdfO\x15B\xd4\xd5\xd4\x0e\xb9pPFFF&lt;\xae/_\xbe&lt;%\xc5\xc6W\x00\x9a\xa6}\xfc\xf1\xc7\xbbw\xef&amp;\xdb\x8d\xbf7\xc30\x8c5k\xd6|\xfe\xf9\xe7%%%d\xc7\xfau\xe3\xed\xe5o\xd3\xb1\x8dX\t\x82\x00\x00\x8b2\xfb~\xe3\xa6\x8dD\x94\x96\x91v~\x8f\xae\xd1\xda\xa8\xc5?~\x8b1\x16\x8d\xc6\xda\xb5os\xf6\xb9g\x11\xd1\xa6\xcd\x9b\xf4\xb8ND6\xdd\x0c\x94\x92\x92\xb2y\xf3f]\xd7\xdd\x1e\xb7\xbd\xc6\xff\x9c\x0eg\x13\xd1\xd6\xad[\xd7\xad[GDi\xe96\xeb\x1f\xb3\xfe\xcd\x9b6\x13QBk\xb6\xf4p\x80\x93\x99\x97\xea[6o!\xa23\xcfj\x7fF\x9b|\x8b_\xbf\x9b\xa4\x94\x9e4\x8f\xf9\x94\xc7\xe2\xa2\xe2\xd2\xd2R"\xb2\xe7\xf9\x9fb\xb1\xd8\xe6\xcd\x9b\x89\xa8\xfd\x99\xed\xec5\xfe]\xbbw&amp;\xa2m\xdb\xb6\xfd\xe7\xed\xff\x10Q\xfb\xb3lV\xff\xd1\xfe).\x0e\x87\xc3\t}S\x18\x02\x00,\xca\xdc\x07]VVFD9\xb9\xd9\xe9\x19\xe9\xb6x\xc0\x8eR\x8a\x0b\xd1\xbaMk"\n\x85Buuu\xc9\xae\xa8\xf1\xa4\x94UUUD\x94\xdb\xca\x96\xe3_YY\xf9\xd5W_\x91m\xfb\xa7:P][[\x9b\xd0_\x87\x00\x00+RJq\xce\x03\x81\x80\xb9\x00\xdd\xa9KG\x91\xe0\xed\x10M\x851f\xe8z\xa7.\x1d\xcd\xffl\xfd)\xe7\xc9\x99[\xe6\xcf\xebz\x9e\x1d\xc7\xbf\xb4\xb4\xf4\x8b\xbd_\x90\r\xfb\xa7c\x97s\x89(\x18\x08\x16\x17\x17S"\xef\x03[\xee\r\x11\x00\xf5\x94Rq=NDY\xd9Y\xcd\xf6t\x94\xd3\xa7\x94\xca\xca\xc9\xa2c\xcf\xb1Hv9M\xc0~\xe3\x9f\x9dED\xba\xae\x9b\xa7N\x9b\xd6/\xa5L\xf4\xbb\x16p\x05\x00\x96f\x9e@-\xfb\xe6\x9d\xff\xc5v\x05\x9f\x9c\xed\xfe9f\xc1\xf5W`6\xad\x9f\x12\xff)\xc1\x08\x00\xb0\x01\xdb\xcd\xa3mW\xf0\xc9\xd9\xee\x9f\xf3\xad\x82\xed^\x7f\xe2 \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Z\xb2\x0bp\x04\xa5T#\xfeW\x8c\xb1&amp;\xaf\xa4q\xec^?\x00\x9c\x10\x02 !\x94RRJ\xa5\x14c\x8c1\xc6yc\xae\xb4\x9a\xe4\x874\x8e\xdd\xeb\x07\x80\x86@\x004%\xf3\x94GDB\x08!D\xfd\xeb\x81@@J\xc9\x18k\xe0T\xda\x9c;\xfb\xfd\xfe\xe3\x7f\x88y2\xe5\x9c\'nfm\xf7\xfa\x01\xe0\x94 \x00\x9a\x86R\xca0\x0cM\xd3\xccS^(\x14\xda\xb8q\xe3\x86\r\xeb?\xf9\xe4\xd3\xca\xca\xca\xe2\xe2b\xdd\xd0\x1b\xfe\xd3\x181E\xaa\xe3\xb9\x1d\xfd~\x7f\xbf~\xfd\xfa\xf4\xe93`\xc0\x80\xb6m\xdb\x9a_\xd5u\x9ds\xde\xb4\x13j\xbb\xd7\x0f\x00\x8d\x80\x00h\x02\x86a\x08!4M\x8b\xc5b\xcb\x97/\x7f\xe1\x85\x176o\xde|\xe0\xc0\x81\xd3\xfc\xb1\xe5e\xe5D\xb4|\xf9r"\xca\xca\xca\xea\xd7\xaf\xdf\x84\t\x13\xc6\x8d\x1b\xd7\xaaU+"\xd2u]\x08\xd1$\xb3i\xbb\xd7\x0f\x00\x8d\x83\x008-\xe6\x92\x88\x10"\x10\x08\xcc\x993g\xf1\xe2\xc5\xdb\xb6m\xab\xffjFfF\xbb3\xdb\xe6\xe5\xe7u\xe8tNv\xb6_\xd7\x8d\x86\x9c\xef\x14)\xcex&lt;\x1e/\xfa\xbc\xb8\xba*p`\xdfWU\x95UUUU+W\xae\\\xb9r\xe5\xafg\xfcz\xd2\xf5\x93n\xbd\xf5\xd6\xce\x9d;\x13\x91\x94\xf2t\xa6\xd2v\xaf\x1f\x00N\x07\x02\xa0\xf1\xcc\x893\x11-X\xb0\xe0\xa9\xa7\x9e\xda\xb9s\xa7\xf9z\xbb\xf6m\x87\x8c\x1c|\xf1\x98\x91\xe7\xf7\xe8\x9a\xdf:/=#C\x08!\x04?\xb5\x9d4J\xc5\xe3z\xb4.Z~\xa4|\xf7\xce=k\xdf[\xb7f\xd5\xda\x9dE\xbb\x0f\x95\x1cz\xfa\xe9\xa7\xe7\xcf\x9f\x7f\xcf=\xf7L\x9f&gt;\xdd\xe7\xf3\xe9\xba\xaei\x8d\xf9;\xda\xbd~\x008M8\xf0\x1a\xc9&lt;{\x96\x94\x94L\x9d:u\xc5\x8a\x15\xe6\x8b]\xce\xef&lt;\xf5\xae\x1b\xc7\x8e\x1b\x93\xd7*G)UW\x17\x8d\xc7\xe2\xa1@H\x91:\xf5\x9d\x94\x8c3\xc68\xcbm\x95\xdb\xf6\xcc\xb6\xa3~pi(\x18\\\xff\xe1\xc69\x7f\x9c\xbf\xe6\xbd\x0f+++g\xce\x9c\xf9\xf2\xcb/\xcf\x9b7o\xe8\xd0\xa1\xe6\x1d\xdaSZN\xb1{\xfd\x00p\xfa\x10\x00\x8daNZW\xacX1\xf5\x96\xa9%\x07K\x88\xa8C\xa7\x0ewL\x9f\xf6\xa3\xab/\xf7e\xf9\xc2\xc1pUe5\x11\x99;^\xb88\xad%\x8ex&lt;\x1e\x8d\xc6H)\xa1\x89\x8bF\x8f\xbc\xf0\xd2\xe1\xabW}\xf8\xfc3\xb3\xd7\xad\xfex\xd7\xae]\x97\\r\xf1\x13O&lt;YXXh\xee\xdei\xe09\xd4\xee\xf5\x03@\x93\xc0\xf2\xeb)3\xcf\x9es\xe6\xcc\x19;v\xacy\xf6\xbc\xb1`\xf2?\xdf\x7fm\xca\xb4I\x8c\xb1\xaa\xf2*sr\xddTw8\x19cBp\xa1\t"\n\x06\x82\x91p\xcd\xc5c.|\xe9\xad\x17\x1e~\xeaW\x19\x99\x19\xd1hl\xfa\xf4\xe9\x05\x05\x05\x9css\x9fe\x8b\xaf\x1f\x00\x9a\n\x02\xe0\xd4\x98{%\xe7\xcc\x99SPP@D\xfe,\xdfs\x0b\x9ey\xea/\x8f\xbb\xdd\xee\x8a\xb2\n"\x12Z\x02w\xb6\x08!8\xe7\x81\xea`$Rs\xe7Oo{\xf5\xed\x17\xcf\xef\xde\x85\x88\xccz\x84\x10J}\xcfZ\x8d\xdd\xeb\x07\x80&amp;\x84\x008\x05\xe6\xd4\xb8\xfe\xec\x99\x97\x9f\xb7`\xe9\x9c\x897N(+-3O\xac\xcdS\x86y\x1a=r\xf8H\x8f&gt;\xdd_zkq\xef\xfe\xbd\xe8\xd89\xd4\x9cG\xb7\xd4\xfa\x01\xa0i!\x00\x1a\xca&lt;{\xaeZ\xb5\xca&lt;{f\xe7d\xff\xe3\xddW\xfa\x0f\xeew\xf8P\xa9\xcb\xe5j\xfe\xc5k\x97\xcb\x15\xa8\x0e\xa6g\xa6\xbf\xbe\xea\x95\xc1\xc3\x07\x12\xd1\x9c9sf\xce\x9c)\x84\xd0\xf5\x13\xbci\xcb\xee\xf5\x03@\x93C\x004\x88\x94R\x08QZZ:y\xcad\xc6\x98\xcf\xef\x9b\xf7\xea\xf3gw8;P\x15p\xb9\\\xc9\xaaJ\xd3D,\x1a\x93R\xfe\xf5\xef\x7f\xea\xd6\xf3\x02"\x9a9s\xe6\xca\x95+5M3\x0c\xe3\xf8\xef\xb4{\xfd\x00\x90\x08\x08\x80\x862\x0cc\xca\x94)\xa5\x87K\x89\xe8\xd1\xdf\xcf\x18~\xd1\xd0\xea\xaaj\xcd\x95\xe4mTB\x88\xba\xda\xba\xdc\xbc\x9c\xe7\x16\xfe\xc1\x9f\xe5S\xa4\xa6\xdc0\xe5\xf0\xe1\xc3\x8c\xb1\xe3\xd7R\xcc\'=\xd8\xab\xfe\xe4\x16\x06\xe0\x04\x08\x80\x06q\xb9\\K\x96,Y\xb9r%\x11]w\xd3\x84\x897^c\xae\x9c$\xbb.""M\xd3\xaa\xab\x02]\xbbu~\xf8\xa9_\x91\xa2\xd2\xc3\xa5\x0f&lt;\xf0\x00\xe7\xbc\xfen\xaa\xb9\xf8c\xaf\xfa\x8f\x7f\x8a\x1c\x00$\x08\x02\xe0{\x98\xa7\xd1\x8a\x8a\x8aG\x1ey\x84s~v\x87\xb3~\xf9\x9b\x9f\x07\xaa\x82\x96z\xf3\xaa\xcb\xe5\xaa(\xab\x9cp\xc3\xf8\xcb\xc6\x8d!\xa2\x97^zi\xd3\xa6M\xf5\x1b+\x19c\x95\x95\x95\xf6\xaa\x7f\xe3\xc6\x8d\xf5\x8f&amp;\x05\x80\x04A\x00|\x0f\xf3\x86\xe4\xbcy\xf3\xf6\xee\xdd+\xa5\xbc}\xfa\xb4\xbc\xfc\xdcX,f\xb55\n\xc6Y&lt;\x16\x9f\xfe\xcb{RSS\xa3\xd1\xe8\x8c\x193\xcc\xa77\x1b\x86\xc19_\xb0`\x81M\xeb\'l\n\x05H\x18\x04\xc0\xf7p\xb9\\R\xca\x05\x0b\x160\xc6\xce\xed\xd4\xe1\xaak\xaf\xa8\xae\x0cXj\xfal\xe2\x9c\x87C\xe1\x1e}\xba_~\xd5X"Z\xb3fMqq\xb1\xb9\xe1\xb2\xb6\xb6\xd6\x8e\xf5\xef\xd9\xb3\'##\x03\x17\x01\x00\x89\x83\x00\xf8\x1e^\xafw\xed\xda\xb5;w\xeeTJM\xbb\xf7\x16\x9f\xdfk\xd9M\x8a\x9c\xf3h4V\xf0\x7f\xb7\xa6\xa5y"\x91\xc8\xdcys\xcd\x17W\xadZ\xb5c\xc7\x0e{\xd5_SS3o\xde&lt;\xb7\xdb\x8d\x00\x00H\x1c\x04\xc0\xf7`\x8c\x99\xd3\xe7\xfc3\xf2\x7fp\xe5\x98P0l\xd9\xfb\x93\x9c\xf3H8\xd2\xa3O\xb7A\xc3\x072\xc6\x96\xbe\xb64\x1c\x0e\x13\x91M\xeb\x7fm\xe9k\xa5\xa5\xa5\xa9\xa9)\xc9\xae\x0b\xa0\xc5B\x00|\x8f\x83\x07\x0fn\xda\xb4I)5\xfc\xa2\xa1y\xadr\xe3\xf1\xb8\xd5V\xcf\x8f\xa7\x94b\x8c\x8f\xfe\xe1(\xa5\xd4\xc1\x83\x07\x8b\x8a\x8at]\xdf\xb0a\x83\x1d\xeb\xff\xfa\xab\xaf\xb6l\xd9\xe2IKKvQ\x00-\x96\xe5\xd6\x82-E\xd3\xb4\x8f?\xfex\xf7\xee\xddDt\xf1\xd8\x91\xd6\xbf\x1f)\x84\xa8\xab\xa9\x1dr\xe1\xa0\x0coF8\x18^\xb3f\x8d\xcb\xe5*))!\xdb\xd5\x9f\x91\x11\x0e\x87\x97/_\x9e\x92\x82+\x00\x80D\xc1\x15\xc0\xc9\xa4\xa4\xa4l\xde\xbcY\xd7u\xb7\xc7}~\x8f\xae\xd1\xda\xa8\xc5?\xbe\x8a1\x16\x8d\xc6\xda\xb5osN\x87\xb3\x89h\xeb\xd6\xad\xeb\xd6\xad#\xa2\xb4\xf44{\xd5\x7f\xf6\xb9g\x11\xd1\xa6\xcd\x9b\xf4\xb8ND\xd8\x0c\x04\x90\x08\x96&gt;\x1d$],\x16\xdb\xbcy3\x11\xb5?\xb3\xdd\x19m\xf2-\xbe~b\x92Rz\xd2&lt;]\xbbw&amp;\xa2m\xdb\xb6\xfd\xe7\xed\xff\x10Q\xfb\xb3lV\xbf\xf9\x94\xd0\xe2\xa2\xe2\xd2\xd2R"\xc2\xf9\x1f \x11\xb0\x04t2R\xca\xaa\xaa*"\xcam\x95\x9d\x9e\x91\x1e\n\x86-&gt;\x83&amp;"\xa5\x14\x17\xa2u\x9b\xd6DTYYiH\x83\x88rrmY\x7f(\x14\xb2~b\x01\xd8\x17\x02\xe0{h\x9a\xa6\xeb\xfay]\xcf\x13\x9af\x8bG\xd53\xc6\x0c]\xef\xd4\xa5#\x11\x95\x96\x96\x96\x97\x97\x13Q\xa7.\x1d\xedX?&gt;\'\x12 \xa1\x10\x00\r\x92\x95\x9du\xfc\xd3u,N)\x95\x95\x9dED\xba\xae\x9b\xfb\xe8\xedW\x7fN\x16\x1d\xdd\x14\x84\x00\x00H\x14\xab/\x08X\x84e\xdf&lt;\xf5\xbf\x98\x05\xd7\xcf\xa0mZ?\x00$\x14\x02\xa0Al7\x0f\xfdV\xc1v\xaf\x1f\x00\x12\x01\x01\x00\x00\xe0P\x08\x00\x00\x00\x87B\x00\x00\x008\x14\x02\x00\x00\xc0\xa1\x10\x00\x00\x00\x0e\x85\x00\x00\x00p(\x04\x00\x00\x80C!\x00\x00\x00\x1c\n\x01\x00\x00\xe0P\x08\x00\x00\x00\x87B\x00\x00\x008\x14\x02\x00\x00\xc0\xa1\x10\x00\x00\x00\x0e\x85\x00\x00\x00p(\x04\x00\x00\x80C!\x00\x00\x00\x1c\n\x01\x00\x00\xe0P\xb6\xfcL\xe0\xef~\xb6-&gt;@\nN\xc9\xb7Z\xc8^\xfd\xd3\x02\xfa\xdf\xd6\xe3O\xf6\xaf\xbf\x9em\x02@)%\xa5$E\x9cs\xa1\t\xce9\xe3\x8c\x11I\xa5\xa4!\r\xc30?\xfd\x9csn\xa3?\x864\xa4T\xd2\xfc\xcf\x8c\x98\xd0Dr\xeb9U\xf6\xaa\xffh\x0b\x11\t.4M3[E)eH\xc3\xd0\riH\xc6\x18\x17\x16\xbd&amp;n\x01\xfdo\xeb\xf1\'")\xa5\x92\x8a\x18\x13\x82\x1f\xab\x9f\x94")\xa5a\x18\x86a\x10\x91\xe0\x82,:\xfc\'f\x83\x000\xc7=%\xd5\xe5I\xcb\x14\x82\xd7\xd5E\xc3\xc1pM\xa4\xa6\xae.\xaa\x94JMM\xf1\xa4y2}\x99\x9e4\x8f4dM\xa4&amp;\x1e\x8f\x0ba\xe93\x11\x91\xd97\x86\xd7\x9b\xe9JM!E\xc4HI\x19\x0c\x84\xbe;\xb9\xb3&amp;{\xd5o\x9ezRRR\xd2\xd2\xd3\x18\xa3H\xa4&amp;\x14\x08\xd5\xd4\xd4\xea\xf1\xb8+\xc5\x95\x96\x96\xee\xf3gz\xd2&lt;z\\\x0f\x87#J*K\x9d\x86Z@\xff\xdbz\xfc\x95R\xd2\x90B\x13\xe9\x19\xe9)))\x86\xaeG"5\xc1@\xb0\xae\xb6.\x1e\x8fk\x9a\xe6I\xf3x}^\xaf\xcf+\xa5\x0c\x87\xc2\x86aXm\xfcO\xc2\xd2\x01`\x0e\xbd\'\xdd\xe3\xf1\xb8\x0f\x95\x94\xbe\xbb\xfc\xfd\x8f\xd6l(\xdaV|\xb8\xe4p\xa0:\x10\x8f\xeb\xa4\x94\xd0\xb4\x8c\xcc\x8c\xd6m\xf2/\xe8\xd1u\xf8\xc5\xc3\x86\x8d\x1c\x92\x93\x97\x13\xa8\x0e\x90\x85\xaf\xcb\xa4\x94\x9c\xb1\xec\x9c\xec\xb7^\xff\xcfg[\xb6r\xce\x95T\xe9\x19i\x93o\x9d\x94\x9a\x9ab\xce\x92\xac\xcc^\xf5\x1b\xba\xe1Ns{&lt;\x9e\x92oJ\xfe\xf3\xc6\xf2\x0f?XW\xfc\xf9\xae\xc3%\x87kjj\x0cC\n!223\xda\xb4;\xa3w\xbf\x9e\x97\\v\xf1\xe0\xe1\x03])\xaeP0d\x85c\xb8e\xf4\xbf}\xc7\x9f\x88\xa4\x94\xa9\xa9\xa9i\xe9\x9e` \xb4e\xc3\'\xeb\xd7n\xfcl\xcb\xd6\x03\xfb\xbe*?R^[[\'\r\x83q\x9e\x96\xe6i\xdd\xb6u\xb7\x1e\xe7_r\xd9\xc5#.\x19\xe6\xf5y\x83\x81\xa0E\xea\xff^\xd6\r\x00)\xa5\xcb\xe5J\xf7\xa7\x17o\xdf\xf9\xf2\xa2W\xdfz\xfd?%\xdf\x1c:\xe1w\x86C\xe1\xc3%\x87?\xdb\xbc\xf5\xc5\xf9/\x9f}\xeeY\x05\xf7\xdc2\xe9\x96\xebb\xd1\x98\xae\xeb\x9c[h*a\xd2u\xc3\xe3qs\xc1\x1f{\xf0\x89?\xcd\xfaK\xfd\xeb\xa9\xa9\xa9\x13n\xb8\xc6\xedNUJY\xe4\xd0=!\x1b\xd5/\xa5d\x8ce\xe7f\xed\xd9\xf9\xc5\x0b\xb3\xff\xfe\xcf\xa5o\x1d9|\xe4\xbb\xdf\x16\tGJ\x0f\x95~\xba\xe9\xb3\xf9\x7f]\xd4\x7fp\xdf\x9f&lt;X8r\xd4\xf0\xea\xaa@r\x9b\xa7\x05\xf4\xbf\xad\xc7\x9f\x88\x94Ti\xe9\x9e\x83_\x95\xbc\xf1\xea\x9bo\xbd\xfe\xef\xa2\xcfw\x9e\xf0\xdbj"5\xe5e\x15\xdb?\xdb\xf1\xf2\x0b\xaf]\xd0\xf3\xfc\xfb~\xfd\x93\xd1\x97_\x1a\xa8N~\xfd\ra\xd1\x00PJ\xb9=\xee`u\xf0\xc9\x87\x9f~q\xfe\xcb5\x91\x1a"\xe2\x82\x0b!\x181y\x0c\x11q\xce\x85\xe0DL*\xa9\xa4\xfa\xf2\x8b\x03\xbf,\xfc\xf5\xba\x0f&gt;\xfa\xfd\xecY\x9aK3t\xc3"\'#\x93\xae\xeb\xfe,_\xc97\x87\xef\xbb\xeb\x81\x0f\xdeY\xcd9\xaf_I\xcc\xce\xcd\xb2T\xa9\'d\xa3\xfa\x95Ri\xe9i\x86n\xfc\xe9\xa9\xbf&lt;\xf7\xf4\xf3\xe6\xa4X\x08a\x16,\xa521\xc68\xe7J)EJJ\xb9\xe9\xe3-\xd7\xfdp\xca/f\xdew\xcf\xfdw\x06\x03\xc1d\x1d\xc3-\xa0\xffm=\xfeDd\x18\xd2\xeb\xcbx\xe5\x85\xa5\x8f\xfc\xe2\xb7f\xf1D\xa4\xb94\xce\xb8Y\xaa\x92\x8a\x88\x18c\xf57c\x94T;\xb6\x16\xddt\xf5\xad\x0f&gt;\xf6\x8b;\x7fz[\xb0*h\xa9\xb5\xac\x13\xb2b\x00(\xa9R\xdd\xa9\xfb\xf7~9\xf9\xca\x9bK\xbe.!"\xa1\tF\xcc0\x8c\xb8\x11\xaf\xff6\xce9\x91\xaa?\x12\x18g\xa4\x88q&amp;\x84\xf8\xf7\x1b\xcb\xe3q}\xf6K\x7f1t#i\xff\x8c\xff\xa6\xa4RJ\xe5\xe6\xe5|\xb0r\xcdOo\xff\xf97_\x1d\xd44a\x18R\xd7\xf5\xa3\xb7\xc2,S\xea\t\xd9\xab~\xa5\x94\xa6i\xfb\xf6\xec{h\xfa\xc3\xebV\x7fLDB\x13\xa4H)\x15\x8f\xc7\xbf\xf5\xcd\xe6\xed;s!K\x08\xa1\x94zb\xc6,M\x13w\xfd\xec\xf6\xaa\x8a\xea\xe6\xbf\xb3\xdd\x02\xfa\xdf\xd6\xe3_O)\xcak\x95\x17\xa8\x0e\xb8\\."\x92R\xeaq\xfd\x04\xdfg\x10\x1d[p3\xcf\xf8\x8f=\xf8D^\xab\xdc\tS\xc6WWU[|-\xc8\x8a\x01\xc0\x18\x8b\xc7\xe3\xadZ\xe7\xb5\xca\xcf=\xf4\xcd!M\xd3t]7\xef.v\xea\xd2q\xf8EC{\xf6\xeb\xd1\xa6\xed\x19i\xe9iD\x14\x0c\x04w\x17\xefy\xfb_\xef\xac_\xbb\x81\x88H\x91.u\x97K{\xe7\xdf\xab\x16\xfdmq\xc1\xbd\xb7VUV%\xfdo`\x18FJJ\x8a\'\xcd\xf3\xdc\xd3\xcf\xff\xf6\xa1\'\r\xc3\x10\x9a0\x0ci\xcd[\xa6\xdfe\xc7\xfa5\x97\xf6\xb3;\x1e\xd8\xb2\xe1\x13\x97\xcb\xa5\x1b:)e\x18\x92\x88:u\xe98\xec\xa2\xa1\x17\xf4\xe8\x9a\x97\x9f\xe7ri\xc1@h\xc7\xd6\xa2\xb7\xfe\xf1\x9f\xfd{\xbfd\x9c\x19\x86a\x9eC\x1f\xff\xf5\xac\x01C\xfb\xf7\xea\xdb#\x12\xa9i\xe6yh\xcb\xe8\x7f\xfb\x8e\xbfI\x08\x1e\x0e\x85/\xb9\xec\xa2\xe1\x17\x0f[\xfb\xde\x87\xe6\x8b\xb9y9\xfd\x87\xf4\xeb\xd9\xb7\xc7\xd9\x1d\xce\xf2\xf9\xbdB\x88H\xa4\xe6\x8b\xdd\xfb\xde}\xfb\xfd\x8f\xd7\xae\'"e(sw\xd3#\xbfxl\xd8EC\xfc\xd9~=\xae[\xea\xca\xf8[\xac\x18\x00\xc4\xc80\x0c\xaf\xcf\xfb\xec\xbc\xdf\xff\xe8\xc2\x1f\x07\xab\x83Dt\xf1\x98\x91S\xef\xbci\xc0\x90~\xe6\xddv\xc30\xa4!\x89\x88\x0b&gt;r\xd4\x85S\xef\xba\xe9\xa5\x05\xaf&lt;4\xfda\xf3P1\x0c\xc9\x18\xfb\xdb\xb3s\xaf\xbe\xee\xaaTw\xaaa\xc8$\xfe\t\xf4\xb8\xee\xf5g\x06\xaaC?\xbd\xfd\xe7\xff|\xedMb$\x840\xa7f)\xa9)\xb1h,i\x955\x8c\x1d\xeb7O\x97\xbf~\xfc\x81IW\xdc\\[S\xab\xa42H\xf5\xee\xdf\xeb\xce\x9f\xdcv\xe1\xa5\xc3\xbd&gt;\xafTR\x1a\x92H1\xc6\xaf\xbav\xdc=\xf7\xdf\xf1\xbbG\x9f\xfd\xdb\x1f\xe7r\xce\xa5\x94$\xc80\x8c?&gt;\xf5\xe7E\xcb\xe6&amp;!\xe3\xec\xdf\xff\xf6\x1e\xff\xff\xfeW\xdc|\xfb\x94\xb5\xef}8x\xc4\xa0\xf1\xd7_u\xe1\xa5\xc3\xcfh{\x86\x10\xc20\x0c\xa5\xa4R\xc4\x19\x13\xe3F\xdf^8\xed\xb5\xbf/{\xe0\xde\x87\xa2\xb1\x98R\x8as^YQ\xf5\x8fW\xfey\xcf}wV\x96WYy{\xb4E\x97\xa88\xe7\xa1`\xa8\xf3\xf9\xe7=\xf8\xe8\xcf\xbbt\xeb\xbcp\xd9\x9c\x17\xfe1\x7f\xe4\xa8\x11J\xa9\xca\xf2\xca\xea\xaa\xeap(\\SSSSS\x13\x0e\x85++*C\xd5\xa1iwN\xfd\xe5o~.\xa5d\x9cI)\x89\xb1\x92o\x0em^\xff\x89\'\xcd\xa3\x92\xb7/E)\x95\x93\x97\xf3\xf9\xa7;~&lt;j\xc2?_{S\x08!\xb80\xafy\x1fx\xf4\xfeN\x9d;\xd2\xd1ky\x8b\xb2i\xfd\x9c\xf3\x9aH\xcd\xa0\xe1\x83\x1e\x7f\xf6Q\xc30&lt;\x1e\xf7\x8c\'\x1f\\\xb6\xe2\xa5\xcb\xaf\x1a\xab\x94\xaa(\xaf\xac\xae\xac\x0e\x06B\xa1@8P\x1d(/\xabP\x8a\x1e{\xf6\x91IS\xaf\x93R\n\xc1\xcd\xbb\x97k\xdf[\xb7g\xe7\x17\x1e\x8f[6\xfbI\xc8\xee\xfdo\xf7\xf17\t!"\x91\xc8\x80\xa1\xfd__\xf5\xca\x927\x17]\x7f\xf3D\x7f\x96?P\x1d\xa8,\xaf\x0cT\x07B\x81p8\x14\x0e\x04B\x15\xe5U\x81\xea\xc0M\xd3n\xb8\xff\xe1\x9f*\xa98gD\xc4\x18[\xbdrm&lt;\x16g\xdc\xba\xd3\x7f\xb2l\x00\x10\x91\xa6i\x81\xaa\xc0U\x13\xafx}\xe5+\xa3~pi(\x18\n\x06\x82D$4a\xdeJ\xaa\xa7i\x1a\x17\xbc\xf4\xc8\x91\xebo\xbe\xf6\xac\x0egICr\xce\x05g\x8c\xb1\xa2\xed\xc5\x9aKKV\x03)\xa5\\)\xae%\x0b_\x19?z\xe2\xee\xa2=\xe6\x95\xb8a\x18\xa9\xa9\xa9\x7fZ\xf0\xcc\x1d\xd3\x0b\xaa\xab\xaa\x93RX\x03\xd9\xba~!DEy\xe5\x8f\xaf\xbb\xf2W\x8f\xffr\xd1\xeb\xf3\xee\xb9\xff\xaeX&lt;^]\x15 "M\x13\xc2l"\xc1\x85\x10\x9a\xa6IC\x06\xaa\x02\xf7\xde\x7f\xa7\xd7\x97i\xaeT0\xce\xa2u\xd1m\x9f~\x9e\xeaNM\xca\x04\xc2\xee\xfdo\xf7\xf17)\xa9RRR\xfa\r\xec\x1b\xad\x8bVUT\xe9\xba.\x848\xfa\'\x10\xdc\xbc\x03o\xfes\xca\xca\xcb~|\xdd\x959y9f\xfdJ\xa9\x03\xfb\xbf\nT\x075MXy\xa5\xd4\xba\x01`2\xef&amp;\x99{\xaaN\xb2\x94\xc9\x18\x93\x86\xcc\xc8\xcc\xe8\xd3\xbf\'\x1d\xbb!cN\x97H%\xe7\xadyf=\xef\xbe\xfd\xfeO\n\xee\xab\xad\xad\xe3\x9c\x9b\x97\xf6\xed\xcel\xbb\xe4\xad\x17&amp;\xdepM\xe9\xa1\xd2h4FD\x8a\xac\xd8\x1fv\xaf\x9f\x88\x84\xe0\xc1@\xf0\xf6\xc2i\x03\x87\xf6/=t\x841\xf6\xbfZ\x88\x0b\x1e\x8dF\xdb\xb4o\xd3\xb3O\x0f":\xba\xb7\x89\xe8\xc0\xbe\xaf\xcc\xdb\x92\xcdZ\xf7q\xec\xdb\xff\xd4"\xc6\x9f\x88\x94R\x91H\x841&amp;4\xf1\xbfV\xf3\x19cRJ\x9f\xcfw\xd69\xed\x89\xc8\x1c\xf1p(\\W\x17e\xd6\xbb&gt;&gt;\x9e\xa5\x8b3I)\x1bx\x17\x8b1\xe6\xcf\xf2\x13Q}\xcb\'\xf1\xf6\x0b\x17&lt;\x12\x8e\x8c\xb8d\xd8\x85\x97\x0cWJ\tM\x18\xba1t\xe4\xe0\xd7W\xbd:`H\xbf\x8a\xf2J\xc6\xf8\xd1M\x05\x96&lt;\x7f\xda\xbd~\x13\xe7&lt;P\x1d\xa8\xa9\xa9\xd5\x1a\xb0\x0e\xabi\xa2\xed\x99m\x88\xcc\xfeaD\x14\x0e\x85\xc9|\xa3s\xf2\xd8\xb4\xffM-`\xfc\xa9a\x8b\x9cJ\x111b\x8c\xd3\xb1r\x99\x85\x1f\xcbQ\xcf\x06\x01\xd0\xd0Ad\xa4\x94\n\x05C\xe6\x7fSD\x8cQ^\xab\\bI;AI\xa9R\xdd\xa9\xcf\xcc\x99\xd5\xb6}\xdbx,~\xf3\x1d7.\xfe\xc7\xfc\xbcV9\xc1\xea\xa0\xcb\xe5RJZ\xedM\xb3\xdfb\xf7\xfaM\xe6\x82I\x03\xbf\xf9[\xdf\xa9\xb9\\D\x94\xdc\x88\xb3o\xff\x9b\xec&gt;\xfe\r\xa2H\x08^\x13\xa9)=TJf\x18\x10\xf9\xfc^O\x9a[\x1a\x92%;\xc0N\xc2\x92\xbb\x80\x1a\x85s^[S\xbb}k\x11\x11)\xa9\xcc{\xf8]\xbbw\xd5\xe3:O\xd2}\x18\xceYm\xa4\xb6u\x9b\xfc\xa7\xfe\xfc\xdb/v\x7fq\xdb\xff\xdd\x1a\xa8\n\x1a\xd20w\x05(E\x16\xefl\xbb\xd7\x7f\xaa\xa4T\x95\x15UD\xe6\xaa\x96"\xa2\xdc\xbc\x1c\xa5\x94\x95\x0f\xe0z\x16\xec\xffSe\xdf\xf17\x0c\xc3\x9b\xe9]\xfb\xfe\xba\x83_\x97\xd4\xdf\x04\xee\xd0\xf1\x1c\xaf\xcf\x1b\n\x86,\xb8K\xa2^\x0b\t\x80X,\x9e\xd7*\xe7\x9d\xb7V\xed*\xdam\xdevW\x8a\xda\x9d\xd5\xae\xcf\x80^5\x91\x9a$\xde\x88\x17\x9a\x08T\x07\x87\\8h\xe4\xa8\x11\x95\x15U\xf5\xef{LV=\xa7\xca\xee\xf57\x9c\x10"\x12\x8e|\xb1k\x1f\x11\x99oR%\xa2\x8e\xe7u\xd0u\x83,\x7f!o\xd9\xfeo8\xfb\x8e\xbf\x94RhB\x8f\xeb\xbf{\xf4\x0fJ)s\x15H)5\xea\xf2K\x85\x10J*+\xaf\xb3X\xb8\xb4\xefP\xeahg\xd437D\xeb\xba\x91\x93\x9b]\xf2\xcd\xa1\x99\xbfx\x8cH1b\xe6\x8d\xa3\x82{o\xc9\xce\xc9\xd6u=\xb93\x08\xcey]m\x9dy\x1f\xcf\xfak\x82\xdfe\xf7\xfa\x1bBJ\xe9\xf6\xb8w\x17\xed\xde\xb7w?c\xcc&lt;\x05e\xe5du\xed\xde\xa5\xae\xae\xce"3h\x9b\xf6\x7fC\xd8b\xfcO\xc8\xdc\xb7\x9a\x99\x99\xf1\x8b{\x1f\xdc\xbc~\x8b9\xd97\x0c\xe3\x9cs\xcf\x1e7\xfe\x87\xa1`\x88\'\xfb]\xa8\'g\xa7\x00\xe0\x9c\xd5o}\x13Bh.\xcd\x93\xe6\xc9\xca\xf6\xfb\xb3|\x1f\xadY\x7f\xed\x0f&amp;\x7f\xb1{\x1f\xe7\x82s\x1e\x8f\xc7G]~\xc9\r\xd3&amp;\x05\xaa\x03I\x7f\x1b0\x1d}`K\xf2\xcbh4\xbb\xd7\xff\xbd\xa4!\xdd\xee\xd4\x97\x17/5\x0c\x83sn\xee\xdc\x18y\xe9\x88\xb6\xed\xdb\xc4\xa21\x8b\xc4\x9e}\xfb\xff{\xd9b\xfc\xbf\xcb|\x87\xbc+%\xe5\xde[\x7f\xfa\xf2\xa2\xd7\x84\x10\xf5;\xe2\x1e\xfd\xfd\xc3^_\xa6\xae\xebV\xad\xfd(;-\x01\xe9\xba^\xbf#@\x1a\xb2\xae.z\xa4\xf4H\xf1\xe7;W\xbc\xb9\xf2\x9d\x7f\xaf""\xcd\xa5\x99\xfbR\xc6\x8e\x1b\xfd\x879O\x7f\xf7\xa9#\x00\xdfen\xa0\xdc\xfa\xc9\xe7K_|\xdd\xdc\xcfg\xaetM\x99v}\xdcJ\xef\xe3o\xa9\xfdo\x97\xf1\xff\x16]\xd73\xbd\x99U\x15U\xf7\xde\xf2\x93\xd5\xab\xd6\xd6oW\x95R&gt;\xf6\x87G.\x19;2\xb9\x0f2j \x1b\x04\x80\xb9\x15:\x14\x0c\xdd&lt;\xbe P\x1d`\x9c)\xa5t\xdd\x08\x87\xc2\x81\xaa\xc0\xf1\x1bQ\xf4\xb8~F\xdb3\xee\x98&gt;\xed\x86\x82\xc9\xf1x\\\x8f[\xf1q\xd0`5\x8c\x11\xe3\xec\xe1\xfb\x1f\xad\xab\xad3\x97\xb9\x0c\xc3\xb8\xe2\x9a\x1f\x0e\x1a6\xa0\xba*\xf93\xe8\x16\xdf\xff\x16\x1f\xff\x13\xd2u\xc3\x9f\xe5\xdf\xb1\xb5\xe8\x8e\x1b\xee\xf9b\xf7&gt;s\xee/\xa5\xe4\x9c?\xf9\xe7\xc7n\x986\xb9\xb2\xa2\xd2\xfag\x7f\xb2E\x00\x10\x111\x92R\xee\xde\xb9\xc7|.\xee\xf1\x84\x10\xc4Hp1\xe2\xd2\xe1\xe3\xaf\xbfr\xec\xb81\xbeL\xdf\xa1C\x87\x88\x1d}\x00!\xc0I\xe8\xba\x9e\xd7*\xef\xb7\x0f=\xf1\xd1\xea\xf5B\x08\xf3\xa1\xca\xfel\xff\xcfg\xdeWW\x1b\xb5\xca\xf4\xb3\xe5\xf6\xbf=\xc6\xff\xbf\x19\xba\xe1\xf7{\xd7\xaf\xddp\xcb\xc4\xdb\xab+\x8f&gt;\xefS\x1a\xd2\x9f\xe5\xfb\xc3\x9c\xa7\xc7^1\xa6\xb2\xbc\xd2\x9a\xb9\xf5]6\t\x00""JKO3\x17\x04\x8f\xedB9z=l\xde\x0c\xdb\xb7g\xdf\xeb/\xfdsg\xd1\xee\x91\x97\x8c\xe8;\xa8\x8f\xae\xeb\xb55\xb5v\xf93@R\xe8q=\xb7U\xce\xcb/\xbc\xfa\x87\'\x9e\x13BH)\xb9\xe0\x86n\xcc\x9c\xf5\xabs\xce=\xcbj\x97\xf0-\xaf\xff\xed5\xfe&amp;)ezf\xfa\xf6mE7_SP\xff\xc9_\x86at\xb9\xa0\xf3\x9f\x17=\xdb\xb5[\x97\x8a\xb2\nM\xb3\xcdy\xd5\x06W\x88&amp;\xa5T8\x18\xd6u=\x1e\x8f\xebG\x19G\xff\x9f!u\xdd\xd8\xb7g\xff;\xff^\xf5\x87\xdf\xfe\xe9\xc7\xa3\xae-\xb8\xfe\xce/\xbf8\xe0\xf5y\xcd\xc7\x96\x01|\x97\x1e\xd7\xb3s\xb3\xde[\xf1\xc1}w&lt;\xc093\xdfpk\xe8\xc6-w\xdd&lt;a\xcax\xab\x9d}Z^\xff\xdbk\xfc\x8fR\xc49\x8f\xd6E\x0bo\xfdY0\x10\x14\x9aP\xa4\x0c\xc3\x18r\xe1\xe0\xd7V,\xe9\xd4\xe5\xdc\xaa\x8a*\x1b\x9d\xfd\xc9\x16W\x00\xe6sN\xd2\xd2\xd3\xe6\xbf\xf6\xb7x\\gD\x8aH\xd7\xf5H(Rv\xa4\xfc\xc0\xfe\xaf\xb6\x7f\xb6}\xdb\xa7\xdb\xcd\x15O\xce\xb9\xae\xebo\xffs\xc5\xc7k7\xfcy\xe1\xb3#/\x1d\x1e\xb0\xcf\xe7sB\xb3\xd1\xe3\xba?\xdb\xbfe\xc3\xa7\xb7O\xbe;\x1a\x8dr\xce\x84\xe0\xba\xae\x8f\x1d7z\xc6\x93\x0f\x06\xac\xb4\xf4\xdc"\xfb\xdfF\xe3\x7f&lt;C\x1aY\xd9Y\x0b\xfe\xba\xa8x\xfbN\xa1\t%\x95\x94r\xf0\x88A\x8b\x96\xcd\x15B\x84\x83\x11\xcde\x833\xea\xf1\xecQ\xaey\x1fl\xc4%\xc3\x8e[\x13d\xe6V\x01"U[S\xb7o\xef\xfeW^xm\xfe_\x16\x99\x1fP%\x04\xaf\xae\xac.\xb8\xfe\xce7\xde{\xadS\x97\x8e\xb55\xb5\xb6\xb8\x1b\x06\xcdC\xd7u_\x96\xafx\xfb\xce\x9b\xaf)\x08T\x07\xcd\xcf\xb5\xd4uc\xd0\xb0\x01\x7f\x9a\xff\xfbh]T)e\xa97O\xb5\xb0\xfe\xb7\xdd\xf8\xd7c\x8c\xc5b\xb1\x7f-}\x8b1\xc6\x18\x93J\xb6iw\xc6\x9f\x17\xfeAsi\xb55\xb5V\xbcd\xf9&gt;\x16j\x8b\x93SJ\x85\x02\xe1@u\xf0\xd8\xff\x05\xaa\xab\xaa+\xcb++\xcb\xab\xa2u\xd1\x0e\x9d\xcey\xec\x0f\x8f,\\:\'\xd3\x9b\xc9\x183\x0c\xa9iZ$\x1cy\xe4\x17\x8fY\xaa\xf5!\xe9t]\xf7z\xbd_\xec\xfe\xe2\x86\xab\xa6\x96\x95\x96q\xce\x19g\xban\xf4\xec\xdbc\xee\xcb\xcfs!\x92\xfeY\xea\'\xd4b\xfa\xdf\xa6\xe3O\xc7\x9e\x8e^~\xa4|\xcf\xce\xbdJ)\xf3\x13.o\xbd{j\xbb3\xdbF\xc2\x11k^\xb2|/+\x0e\xf4\xffb&gt;=\xfc\xbfhBh\x82qVW[w\xb8\xe4\xf0\x0f\xae\x18\xfb\xcb\xdf\xdco~&amp;\x86a\xe8\x9c\xf3\x0f\xdf\xff\xe8\xb3M[\xd3\xd2\xd3l\xf1\xd82H4]\xd7\xbd\xde\xcc/\xf7\x1f\x98|\xc5\xcd%\xdf\x1c\x12B0\xce\x0c\xdd\xe8\xd6\xf3\x82E\xcb\xe6\xa6g\xa4G\xeb\xa2\xd6&lt;\xfbP\x8b\xe8\x7f[\x8f\xbfRJ\x13Zeye0\x10""\xc30\x84\x10\x83\x87\x0f\xac\x89X\xfdf\xfbIXt\xacO\x15\xe7\xdc\xe5r\x95\x95\x95_q\xcd\x8f\xda\xb6o#\r\xc9\x183wL\xaf_\xb7\xc1\xedN\x95\xd2\xf2\x1b\xe2 \xc1t\xdd\xc8\xcc\xcc\xf8\xfa\xabo\xa6\\q\xf3\xd7\x07\xbe17P\x1a\xba\xd1\xbdW\xb7\xc5o\xcc\xf7e\xf9jk\xedz$\xdb\xa2\xff[\xc0\xf83\xcejk\xa3\xe6\xa9\x9f1\x96\xe1\xcd\xc8\xce\xcd6\x0c\xc3\x9a\xdbU\x1b\xa2\x85\x04\x00\x11\x99\xef\x1f\xf1\xfa\xbc]\xbbu!:\xfa`n"\xda\xbf\xf7K)\x95m\xff@\xd04\x0c\xdd\xc8\xc8L/9xx\xf2\x157\x7f\xb9\xef@\xfd\xd9\xa7W\xdf\x9e\x7f\xff\xd7B\x7f\xb6\xdf\xfa\x9b&amp;O\xce\xe2\xfd</t>
        </is>
      </c>
    </row>
    <row r="224">
      <c r="A224" s="1" t="n">
        <v>222</v>
      </c>
      <c r="B224" t="inlineStr">
        <is>
          <t>triangle</t>
        </is>
      </c>
      <c r="C224" t="inlineStr">
        <is>
          <t>What is the missing number of the part denoted with a question mark?</t>
        </is>
      </c>
      <c r="D224" t="inlineStr">
        <is>
          <t>['7', '8', '4', '0']</t>
        </is>
      </c>
      <c r="E224" t="inlineStr">
        <is>
          <t>4</t>
        </is>
      </c>
      <c r="F224" t="inlineStr">
        <is>
          <t>There are three groups of numbers with a triangle arrangement in the image. The first group is [1, '?', 4], the second group is [8, 7, 56], and the third group is [3, 2, 6].</t>
        </is>
      </c>
      <c r="G224" t="inlineStr">
        <is>
          <t>We observe that the number 56 is the product of 7 and 8. Similarly, the number 6 is the product of 2 and 3. Hence, the pattern is that the rightmost number in each group is the product of the other two numbers.</t>
        </is>
      </c>
      <c r="H224" t="inlineStr">
        <is>
          <t>Based on the pattern that the rightmost number in each group is the product of the other two numbers, the missing number of the group [1, '?', 4] should be 4.</t>
        </is>
      </c>
      <c r="I224" t="inlineStr">
        <is>
          <t>b'\x89PNG\r\n\x1a\n\x00\x00\x00\rIHDR\x00\x00\x02\x00\x00\x00\x02\x00\x08\x02\x00\x00\x00{\x1aC\xad\x00\x00\xb4\x93IDATx\x9c\xec\x9dwx\x14\xd5\xf7\xff\xcf\x9d\x99\x9d-)\xbb\x9bF\x0f\x04H(!\x94@\xe8\x91\x0e\x01\x0b \xbd)\x1d\x05\x0b\x88R\x14\xe9H\x11\x04\x05, Mi"\x08\n\n\xa1\t\xd2\x84\xd0\x13J \x04\x085}{\x9br\x7f\x7f\\\xd9_\xbe\xa2~\xc8&amp;$\x9b\xe4\xbe\x1e\x1f\x1f2;;{\xb7\xccy\x9f{\xee\xb9\xe7 \x8c1P(\x14\n\xa5\xec\xc1\x14\xf7\x00(\x14\n\x85R&lt;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01\xa0P(\x942\n\x15\x00\n\x85B)\xa3p\xc5=\x00\xcas\x07cL\xfeO\xfe\xe1\x06=\xa1\x98\xc6E\xa1P\x8a\x19\xf47\xa3@)\x1d`\x8ceY\xc6\x18#\x84X\x96}\xc63\x19\x86\xa1z@\xa1\x94\x1d\xa8\x00\x94*0\xc6\x92$1\x0c\xc30\xff?\xb8\'I\x92\xd9l~\xfc\xf8\xf1\xa3G\x8f\x00\x10\xc0_\xdfx\xcd\x9a5\xfd\xfc\xfct:]\xde+H\x92\x04\x00T\t(\x94\xb2\x00\x15\x80R\x82,\xcb\xb2,s\xdc_1\xbd\x9c\x9c\x9c\x8b\x17/\x1e;v\xec\xcf?\xff\xbc\x7f\xff\xfe\xe3\xf4t\x93\xc9\xe4r:\xf3&gt;\xc5\xcf\xdf_\xa5T\xd6\xa8Q\xa3r\xe5\xca\xad[\xb7n\xd9\xb2edd\xa4F\xa3!\x8f\x8a\xa2\xc8\xb2,\x95\x01\n\xa5\x14C\x05\xa0\xc4Cb8$\xcec6\x9bw\xed\xda\xb5\xe3\xa7\x9fN\x9d&lt;\x95\x91\x91\x9e\xdfK\x85\x85\x85\xb5k\xd7\xae\x7f\xff\xfe\xed\xdb\xb7\'\x17$\xf3\t*\x03\x14J\xa9\x84\n@\t&amp;\xaf\xe9OJJ\xda\xb0a\xc3\xb6\x1f\x7fL\xbb{\xd7}\x82\x9f\xbf\x7f\xf5\xf0:\xe5*V\xaaY+\xd2\xc7\xc7\xb7V\xbd\x06\xb2$\x92\xd5_Q\x10\xae&amp;\x9ew\xd8\xed\xc9W.=~\xf8\xe0n\xeaMg\x9e\xf9A\xc3\x86\r\x07\r\x1a4d\xc8\x90r\xe5\xca\x01\x80$I\xff\xbd\x90@\xa1PJ"T\x00J*\xb2,\x93@\xff\x83\x07\x0f\xa6O\x9f\xbee\xcb\x16\xbb\xddN\x1e\xaaX9\xb4yl\xfb6\x9d\xe2j\xd7kT\xa9J5\xa5\x8a\xe78\x901H\xe2\xff\xb9\x02\xa7\x00\xc0 \x8a`\xb5\x98\xd3n\xa7$^8\xf7{\xfc\xee\xb3\xa7\x8e\x19\r\xb9\xe4\x84\xf2\xe5+\x8c\x1b7v\xd2\xa4I&lt;\xcf\xcb\xb2LS\x86(\x94R\x06\x15\x80\x12\x89(\x8a\x1c\xc7\t\x82\xf0\xf5\xd7_\x7f\xf2\xc9\'\x8f\x1f?\x06\x00\x9e\xe7cZ\xb5\x190\xf4\x8d\xc6\xcd[\x87\x94\x0f\x91ep:].\xa7\xf3\xaf$\x1f\x80\xbc\xe6\x1b\x03\xb8\x0f2,\xa7T*\x95*N\x14\xe1\xfe\xdd[\xc7\x0f\xef\xdf\xba\xfe\x9bkI\x97\xc8\x99QQQ\x0b\x17.\xec\xda\xb5+\xd0\xa9\x00\x85R\xba\xa0\x02P\xf2 \xd6\xff\xe6\xcd\x9b\xc3\x86\r;q\xe2\x049\xd8\xadg\xbf\xd1\xefN\xaaU\xb7&gt;\xa7\xe0lV\x9b \xb8\x00\x9e=\xad\x13\xcb2\xc6XF\x80x\x95J\xa3Q\x9a\xcd\xb6s\xa7\xfe\xf8b\xc1\xccK\xe7N\x933F\x8e\x1c\xf9\xd9g\x9f\xf9\xf9\xf9\x91W\x7fno\x8eB\xa1\x14\x1dT\x00J\x12d3\x17\xc30\xdb\xb6m\x1b7n\\VV\x16\x00\xd4\x8fn\xfa\xee\xd4Y\xad\xdau\xc1\x18\xdb\xac\x16r\x82\xc7\xb1\x1a\x8c\xb1,K\x0c\xc3\xfa\xf9\xfbY-\x96\xdd\xdb\xb7,_83\xe3\xf1C\x00\x88\x8e\x8e\xfe\xf6\xdbo\x1b5jD5\x80B)\x1dP\x01(1\xb8\xad\xff\xacY\xb3f\xce\x9cI\x0e\xbe\xf9\xdeGo\xbc\xf7\x91\xc6Gm4\x18\xc9N\xae\xc2z9\x12\xed\xd1\xea|\xef\xdd\xb9;\xef\xa3\xf7\xf6\xef\xfe\t\x00\x02\x02\x02\xbe\xfa\xea\xab\xbe}\xfbR\r\xa0PJ\x01T\x00J\x06\xee\x84\x9f\xd1\xa3G\xaf^\xbd\x1a\x00\x82\xcb\x95\x9f\xbbtu\xe7\x97_2\xe4Z\x9e_h^\x14\x05\xb5\xda\x87\xe7\x15\xdf._\xbc\xf4\x93i\x82\xcb\x05\x00\xabV\xad\x1a5j\x14\xd5\x00\n\xa5\xa4C\x05\xa0\x04@\xf6\xf7r\x1c\xe7\xb6\xfeu\xebG\x7f\xb5ig\xc5\xca\xa1\x86\\\xc3\xf3\xde\xae%\xcb2\x00\x04\x04\xfa\x1f\xff\xfd\xc8\xb8\xd7^5\x19r\x81j\x00\x85R*\xa0\x02P\x02 v\xf6\x8d7\xde\xf8\xe6\x9bo\x00\xa0n\xfd\xe8\xb5\xdb\xf7ju\x01\x16\x8b\x99\xe3\x14E3\x06A\x10\x82\x82\xf5gN\x9c\x18\xdd\xff%\x93\xd1\x00\x00\xeb\xd7\xaf\x7f\xfd\xf5\xd7\xa9\x06P(%\x17*\x00\xde\x0e\xb1\xb0\xabV\xad\x1a3f\x0c&lt;\xb1\xfe~Z\x9d\xddjc\x8b\xd6\xf2\x8a\x82\xa0\x0f\xd2\x9f=\xf9\x97\x06\xf8\xf8\xf8\x1c9r\xa4I\x93&amp;\xee\x1d\t\x14\n\xa5dA\x05\xc0\xab!\xb6\xf5\xf4\xe9\xd3-[\xb6\x94e9\xbcv\xe4\xf7\xbf\x1c\xf6\xd3\xea\xec6{\xb1\xe4\xe3\x8b\x82\x10\x10\xa4?s\xe2\xc4\x88&gt;]lVkXX\xf5s\xe7\xce\x92rrt\x8f\x18\x85R\xe2\xa0\x8e\x9b\xf7B\xb49;;{\xe0\xc0\x81\x18c\x8d\xc6g\xc1\xca\xf5\x01AA6\xab\xad\xb8vcq\nEvVn\x8b6\xad&amp;\xcd\xfc\x14\x00n\xdfN\x1d=z4Y\xa0.\x96\xf1P(\x94\x82@\x05\xc0{!\xee\xff\xc4\x89\x13SSS1\xc6\x1f\xcc\xfa4\xbai\x13C\xae\xb1xc\xee\n\x85"+\xdd0d\xf4\x9b\xaf\xf4\x19\x0c\x00\xdb\xb7o\xff\xfe\xfb\xefY\x96%u\xa4)\x14J\t\x82\x86\x80\xbc\x14\x92\xd9y\xec\xd8\xb1v\xed\xdaI\x92\xd4\xf9\xa5W\xbf\xde\xbc#\'\xcbP\xc4q\xff\x7f\x04c\xcc\xb2\xac\xe0r\xbd\xda\xbe\xf1\xfd\xb4;!!!W\xaf^\xd5j\xb5\xb4X\x10\x85R\xb2\xa03\x00o\x84\xf4\xe7r:\x9d\x13&amp;L\x90$I\x17\x10\xf8\xe1\xbc\xa5V\xab\x03y\xc7Z+BHp\xb9\xb4z\xdd\x94\xb9KeY~\xfc\xf8\xf1\xf4\xe9\xd3\x19\x86\xa1\x81 \n\xa5d\xe1\x15\x06\x85\xf27H\xf0g\xeb\xd6\xad\xe7\xce\x9d\x03\x80A#\xc6U\xad\x1e\xea\xb0;\n%\xd9\x06?\xa1 \x17a9\xced0u\xe8\xfaR\x8b\x17:\x00\xc07\xdf|s\xfd\xfau\xaa\x01\x14J\xc9\x82\x86\x80\xbc\x11\xb2\xf3\xabA\x83\x06\xd7\xaf_\x0f\x0b\xaf\xb5\xfd\xc0\x19@\x002\x86\x02\x07XdI\xe2\x14\n"$\x92$c\xec\xb9\xbd\x96eY\xa3\xd1$_M\x1a\xd0\xad\xb5\xddf\x1d9r\xe4\xea\xd5\xabi\xb9P\n\xa5\x04Ag\x00^\x87$I\x08\xa1c\xc7\x8e]\xbf~]\x96\xe5\xee}\x86\xe8\xf4\xbe\xa2 \x16\xd0\xfac\x8ceI\xf2\xd5j\xed6kNvVnv\x96\xcb\xe9(H\xc8\x9ea\x18\xab\xd5Z\xafa\xc3\x98\x96\xb1\x00\xf0\xcb/\xbfdee1\x0cC]\n\n\xa5\xa4@\x05\xc0K\xf9\xf6\xdboeY\x0e\x0c\x0ey\xb9\xf7 \x8b\xd9Q@\xb7\x9a\xb4s\xd1\x07jwo\xdb\xd4\xb3}\x93\xeem\x1a\xbe\xd8:j\xff\xaf?\xf9\xfai\xa4\xbf\xb5\x89\xc9\x0f\x08@\x96\xe4\x81\xc3\xc71\x0c\x9b\x91\x91\xb1s\xe7N\x84\x10M\x07\xa2PJ\nT\x00\xbc\x0b\x92`\xf3\xe8\xd1\xa3={\xf6\x00@\xebv]\xaaV\x0fu8\n\xe4\xaa\x8b\xa2\xa8R\xab9\x057g\xca{\xef\xbf1\xf8\xd1\xfd4CN\xb6\xd9h(\xe0\x0c\x00\x00\x18\x96\xb5Z\xed-b\xdbW\xabQ\x13!\xb4v\xedZ\xba+\x98B)A\xd0{\xd5\xbb \xee\xf3\xfe\xfd\xfbM&amp;\x13\x00t\xe8\xfa\x8a$\xe1\x02Z\x7f}\x80\xee\xe1\xfd\xb4\x11\xbd\xe3\xd6}\xb9\x94\xb4\n\xe08\x0e!\x84P!|\xfb\xa2(\xf8i5\xb1\x1d\xbab\x8c/^\xbc\x98\x92\x92B\x97\x82)\x94\x92\x02\x15\x00\xef\x82\xd8\xfa\xa3G\x8f\x02@\xf9\x8a\x95\x9b\xb4x\xc1n\xf30\xf9\x87\xc4\xe2\x03\x83u\x07~\xfde@\xd7\xd6gN\x1c\x05\x00Y\x96Y\x96#M"\x0be\xc0\x0cB\x82 w\x88{\x85eY\x87\xc3q\xf2\xe4)xR@\x94B\xa1x9T\x00\xbc\x0b\x86a\x04A8}\xfa4\x00D6h\x1c\\.\xc4\xe5ry0\x03\xc0\x18#\x06\xf1J\xfe\xb3\xd93\xde\x1c\xd4=;3\x1d\x00\xf4\x01\xc13\x17\x7f\xa9\xf6\xd1\x14\xa2\x81F\x0c\xe3\xb0;jE\xd6\x0f\xa9P\x11\x00\xfe\xf8\xe3\x0f\xa0u\x81(\x94\x12\x02\x15\x00/\x82,\xd5\xa6\xa4\xa4\xdc\xba\x95\n\x00MZ\xc4\xb2,\x80\xa7\xae:\xcf\xf3\xef\x8d\x1a\xb4\xe2\xd3\xd9\n^\x891\xae\x1e^k\xcb\xde#\xad\xdav2\x1b\x8d\x85\x18\xa6G\x08\t\x82\xa0\x0f\x0c\x8cj\x18\x03\x00\x7f\xfey\xca\xe1(\x9c\xfd\n\x14\n\xe5yCoT/\x82\x84e\xee\xdc\xb9\xe3t:\x00\xa0FD\x1dQ\xf4\xd0\x9b\xc6\x18\xb3\x0c\xdb"\xb6=\x00\x08.g\xa7\x17{n\xdc\xf3G\xed\xc8\xba\x99\xe9\x8f\xa1\xb0=t\x8c\xb1B\x01\xd5\xc3k\x03\xc0\xa3G\x8fM&amp;\x13Bt\x7f\t\x85R\x02(\xfe\xc22\x147\xc4h^\xbcx\t\x00\xfc\xb5\xda*\xd5\xaa\x0b\x1e\xc5\x7f\x00\x80a\x18\x9b\xd5:t\xec\x9b\xa9)\xd7\x19\x86\xfd\xe8\x93%V\xab\xddb\x11\x9e\xc7.-\x06!Q\x84\xf0:\xf5\x00\xc0d2&amp;\'\'\x87\x84\x84\x90\x06\x96\x85\xfeZ\x14\n\xa5\x10\xa1\x02\xe0uX\xadV\x00`Y\xce\xd7\xd7O\x96e\x8f\xf7\x7f!\x86\xc9\xcd6O\x9a\xf5)\xc7r\x16\xb3U\x14E\xa5R\x85\xe1\xb98\xe6\x18\x83\xbfV\x07\x00\xb2,\xdb\xed\xf6\xe7\xf1\x12\x14\n\xa5\xd0\xa1! /\x82\x84\xce\xcf\x9d;\x0b\x00U\xaaU\xd7\xea\x03EQ,X\xb8\x06\xb9\x9cN\xab\xd5\x821~~qyR\x1b\xaerh\x98\x9f\xbf\x16\x00\x12\x12\xce\xc2\x93\xd9\x0c\x85B\xf1f\xa8\x00x\x1d\x82 \x00\x80\xaf\x9f\xbfR\xa5*x\xba\x0eB\x88\xe4\xfe\x17\xc6\xd0\xfe\xf55dY\xf6\xf3\xf7\xe7y\x1e\x9e\x8c\x9fB\xa1x?T\x00\xbc\x0eb\xaceI*YN\xb4{\xc04\x07\x94B))P\x01\xf0:\x88\x01-I\xb6\x1f\x00\xf2\x0c\x98\n\x00\x85RR\xa0\x02\xe0u\x88\xa2\x08\x00\x1c\xc71L\x89\xb1\xa4\x18c\x8e\xe3Hm\t2~\n\x85\xe2\xfdP\x01\xf0"\xfe*\xde\x10\x18\x08\x00\xe9\x8f\x1e\x9a\x8cF\x96e\xbd?\x10\x841V(\x14\x8f\x1f=\xb0\xd9,\xf0d\xfc\x14\n\xc5\xfb\xa1\x02\xe0E\x10[\x1f\x19Y\x0f\x00\xb22\x1e\xdb\xad\x96\x92\x91J\x8f1\xcbq\xd9Y\x99v\x9b\r\x00\xea\xd7\x8f\x02\x1a\x08\xa2PJ\x02T\x00\xbc\x0e\xbd^\x07\x00.\xa73+3\x9d\xe58\x8fKA\x14\x19\x18\x80a \xfd\xc1=\x00\xe0y\xde\xd7\xd7\x17\xa8\x00P(%\x01*\x00^\x041\x9a\r\x1a4\x00\x00\x9b\xcd\xfa\xe0^\x9aB\xc1\x95\x88\x10\x10\xcb\xc2\x9d[7\x00\xc0\xcf\xcf?&lt;&lt;\x1c\xa8\x00P(%\x01*\x00^\x041\x9aaaa~~\xfe\x00p\xf5\xd29\x96\x05\xd9\xeb\x05\x80a\x18\x87C\xba\x9ax\x11\x00\xaaW\x0f\xf3\xf1\xf1\xc1\xb8@=\x0c(\x14J\xd1@\x05\xc0\x8b \ru\xabT\xa9R\xa7N\x1d\x008\x7f\xe6\x84\xcb\xf5\x1cw\xf0\x16\n\x18c\x9e\xe7\xb3\xd2\x1f\'_\xb9\x0c\x00\xad[\xb7V(\x14\xb4+$\x85R"\xf0j\xe3R\x06\x91$\x89a\x98\x16-Z\x00\xc0\xb5\xc4\x8b\xf7\xef\xdeV*U\xde\x1c\x05\x92eY\xa5V^&lt;\xfbgnN\x16\x00\xc4\xc6\xbe\x004\xfeC\xa1\x94\x10\xa8\x00x\x17\xc4tv\xec\xd8\x01\x00\x8c\x86\xdc\x13G\x0e\xa85\xbc\xec\xdd\x0e5b\xd0\xc1_wa\x8c\xb5Zm\xb3fM\xe1IQ\xa3b\x01?Eq\x8d\x84B\xf1~\xa8\x00x\x17\xc4t\xb6i\xd3\xa6R\xa5\xca\x08\xa1\xc3\xfb~\xc6\x18&lt;.\x08\xfa\xbc!\xf1\x9f\xec\x8c\xecS\xc7\x0f#\x84^x\xe1\x85\x8a\x15+\x92\xb66E6\x06Y\x96%I\x12EQ\x92$\xf2\xd2\x7f\xc3}\x82(\x8a\x85\xd8\x0b\x93B)\x05P\x01\xf0.\x10B\xa2(\xfa\xf9\xf9\xf5\xef\xdf\x0fc|\xe6\xc4\x1f\x97\xcf\x9d\xd3h\n\xb5\x89\xe3\x13\n~)Y\x924&gt;\xea}\xbf\xfc\x98\xf1\xe8!\xc6x\xf4\xe8\xd1PTu@\x89M\'UNY\x96\xe58\x8eeY\x86a\xecv{nn\xae\xc1`0\x18\x0c\xb9\xb9\xb9F\xa3\xd1}\x02\xc7q\xa4.\x9e$IRI+\xb5D\xa1&lt;\x0fh?\x00\xaf\x83L\x02\x86\r\x1b\xf6\xc5\x17\xcb\xed6\xeb\xae\x1f\xbe\x9b\xdd\xfcs\xab\xc5Z(q\x15\x12\x15!\xd5\x1a0.p\xa9Q\x86\x11Ey\xfb\xc65\x08\xa1\x1a5jt\xe8\xd0\xe1\xb9\xd6\x9d\x06\x00\x8c\xb1,\xcb\xc4\xa6\x93#\xf7\xee\xdd;{\xf6lbb\xe2\xe5\xcb\x97\x8dF\xe3\xad[\xb7\xccf\x0bB\x80\x01\x00\x03\xcb\xb1u\xeb\xd4Q\xa9TM\x9a4\xa9^\xbdF\xb3fM\xc3\xc3\xc39\xee\xaf\x9f\xbd$I\xa4Z\xea\xf3\x1b0\x85\xe2\xcdP\x01\xf0:\x18\x86\x91e92226\xb6\xf5\xef\xbf\xff\xfe\xeb\xce\x1f\x86\xbe9!\xb8\\yA\x10\n\xe8\xb6\x93\x8a=~Z\x1d\xcb\xb0\x92,\xf1\x05[^\x96$\xc9_\xeb\x7f\xf0\xd7_\xae^\xbe\x801\x1e2d\x88Z\xad\x16E\xd1m^\x0b\x17b\xfaY\x96%\xa6\xff\xe4\xc9\x93;w\xee&lt;~\xfc\xf8\xd5\xabWM&amp;\xd3\x7f&lt;1\xfd\xf1c\x00\xd8\xbbw/\x00(\x95\xca\xf0\xf0\x88\x98\x98&amp;\xdd\xbbw\x8f\x8b\x8bS*\x95@e\x80R\x86\xa1\xbd[\xbd\x11I\x92X\x96=r\xe4H\xbbv\xed\x00\xe0\x95&gt;\x83&gt;_\xbb1+\xd3P@\xdbJ\xe2K6\x8b\x19\x10\x00\x06\x95Z\xc3+\x95\x05\xf9\x010\x0c\xd3\xa3m\xa3\xdb)7\x82\x82\x82\x92\x92\x92\x82\x83\x83\x0b+\xb8\xf47\xc8\x07\x02\x00\xe9\xe9\xe9\xbf\xfc\xf2\xcb\x86\xef\xbe;q\xfcx\xde\x13t\xfa\x80\x90\xf2\x15\x83\xcb\x95\x0f\n\xa9\x10Z-L\x10D\x00`9\xce\x90\x9b}\xfbf\xb2\xc5l\xba\x9fv;\'+3\xefS\xeaFF\xf6\xed\xd3\xa7_\xbf~\xb5k\xd7\x06\x00Q\x14Y\x96\xa5\xf9K\x942\x05\x15\x00/\x85\x98\xbc\xbe}\xfb\xfe\xf8\xe3\x8f\xbcR\xb9a\xe7\xe1\xe8\xa6\xcd\xcc\xe6\x82V\x07B\x08\xb1,\x8b\x01\x10\x80$\xc9\x1eG\x81DA\x08\x0c\xd1\x7f\xb3t\xc9\xc2\xe9\xef#\x84\x16/^\xfc\xde{\xef\x91%\xd6\xc2\xad_DbV\x0c\xc3\x18\x8d\xc6\xa5K\x97\xaeZ\xb5\xea\xd1\xa3G\xe4!^\xa9\xac\xd7\xb0q\xf3\xd8\xf6\r\x9b\xb4\x88\xa8S\xcf_\xab\xf3\xf5\xf7G\x088\x05`\x0c\xc4\x90\xcb2H"8\x1c\x0e\xa3!\xe7\xde\x9d\xd4\xcb\xe7O\'\x9c\xfc\xe3\xec\xa9cFC.\xb9\x88F\xa3\xe9\xdf\xbf\xff\xe4\xc9\x93#""\x00\x80\xc4\x97\nq\xfc\x14\x8a7C\x05\xc0K!\t-\xb7o\xdfn\xd4\xa8\x91\xc9d\xaaS\xaf\xe1\x8f\x07N\n\x82T\xf0M\xb6\xeeo\xdc\xe3\xeb\xc8\x92\xa4\xf6\xf1\xb9\x93r\xb3O\xe7\xa6v\x9bM\x96\xe5\xda\xb5k\x7f\xf0\xc1\x07\xaf\xbd\xf6\x1a\xc7qd\xbd\xbaP\xcc\xa8\xdb\xf1\xdf\xbau\xeb\xacY\xb3\xae_\xbfN\x8e\xd7\xaa\x1b\xf5J\xdfA\xad\xdav\t\xafSW\xad\xe1E\x01\x9c\x0e\xa7$\x89\x92(\xe2\xff\xbb\n\x8d\x10 \x84\x18\xc4\xb0\n\x05\xcf\xf3&lt;\xcf\x88\x02\xa4\xddI9}\xfc\xe8o\xbb~8\xf1\xfb\x01r\x9a&gt; \xe0\xbd\t\x13&amp;M\x9a\xc4\xf3\xbc\xfbE)\x94R\x0f\x15\x00\xef\x85X\xa2\xf9\xf3\xe7\x7f\xf8\xe1\x87\x000p\xf8\xd8y\x9f\xaf\xcc\xca\xc8\xe5\x14\x8ab\x1c\x15\xc6\x18\x01p\nn\xc0\x8b/$]8\xeb\xce\xab\x01\x80\x16-Z\xcc\x9a5\xabS\xa7NP\x18\x11\x15\xb2\x9c\xf0\xf0\xe1\xc3\x91#G\x92\x08&gt;\x00\xb4x\xa1\xfd\xa0\x91o5\x8fm\x1f\x18\xa4\xb5\xdbD\x87\xc3.I\x12\x83\x10"\xcd\x13\xfe\xfd\xe5\xfe\xda\x14 \xcb\x08!\xa5J\xa5\xf6Q:\xed\xe2\x85\x84\x13\xdb7\xad\xdb\xb5u\x03\xb9\t\xea\xd5\xab\xf7\xf5\xd7_\xb7j\xd5\xca\x9dN\xea\xf1\xe0)\x94\x12\x01\x15\x00\xaf\x86\xacO\xc6\xc5\xc5\x1d8p\x00\x00\x16\x7f\xbd\xb1\xcf\x90A\xe9\x8fr\x14&lt;_\\C\x12E\xa1\\y\xfd\x94\xb7\xc6m^\xfb%\x00\xcc\x993\xa7[\xb7nS\xa6L!#\x04\x80\x81\x03\x07N\x9d:\xb5^\xbdz\xf0\xc4\x88\xe7\xf7%\xdca\x9f\xf8\xf8\xf8\xe1#F&lt;|\xf0\x00\x00\xc2jF\x8cx\xeb\xfd\x9e\x03^W*y\xb3\xc9*\x8a\x02\xc30\x9e\xcd30\xc6\xb2$!\x86\xf1\xf5\xf5\xe3\x14\xe8\xc8\x81\xf8\xd5\x9f/\xfc\xf3\xd8\xef\x00\xc0+\x95\x0b\x17,\x18?~&lt;\xd0p\x10\xa5\x0c@\x05\xc0\xab!6(==\xbd~\xfd\x06\x19\x19\xe9Z\x9d\xfe\x9b-\xbb\x9b\xb4l\x95\x9bU&lt;\xf3\x00Q\x14\x83CtkV\xae\x98;\xe5m\x8c\xa1c\xc7\x8e\xfb\xf7\xef\'\x9e\xf2\xd6\xad[\xe7\xcf\x9f\x7f\xf9\xf2e\x00\xd0h4\x13\'N\x9c8q\xa2V\xab\xcd\xef\xc2\x80\xdb\xfa/[\xb6l\xc2\x84\t\xe4\xe0\xc0\xe1c\xc7\x7f8+($(7\xc7\x84\xb1\xcc\xb2,@a\xecc\x90%,c\x7f\x9dN\x92\xc4\xefW\xad\xf8b\xc1\x0c\x8b\xd9\x04\x00\xc3\x87\x0f_\xb6l\x99\x9f\x9f\x1f\xd5\x00J\xe9\x86\n\x80\xb7C\x02A\xa7N\x9dj\xdd\xba\xb5,\xcb\xfeZ\xdd\xaa\xad{\x9a\xb4l\x95\x93\x95\xab(J\r\xc0X\x14\xc5\xe0r\xfa\xb5+W\xce\x9e\xfc\x16\x00\x84\x85\x85%$$\x04\x04\x04\x90\x80\t\xc30.\x97k\xd1\xa2E_~\xf9%Y\xa7\xadS\xa7\xce\x07\x1f|0l\xd80x\xe6TKw\xae\xe7\xe8\xd1\xa3W\xaf^\r\x00Z}\xc0\xf4\x85_\xbc:`\x90\xc9hs\xb9\\\xcf#\xc7\x94\x8c-0\xc8\xff\xdc\xe9\x84\x8f\xde\x1du=\xe9\x12\x004m\xdat\xdf\xbe}z\xbd\x9ej\x00\xa5\x14C\x05\xa0\x04@4`\xf5\xea\xd5d\xab-\xd1\x80f\xb1\xad2\xd3\x8bH\x03dY\x06\x8c\x83\xcbi\xbf]\xfe\x97\xf5\x0f\x08\x08\x88\x8f\x8fo\xd2\xa4\x89\xdb&gt;\xba\xd7N\x1f&gt;|\xf8\xf1\xc7\x1f\xaf_\xbf\x9e\xac\x06w\xea\xd4i\xf2\xe4\xc9\x1d:t\x80\xff\xb50\xe0\xf6\xfd\xdd\xd6\xbfn\xfd\xe8\xcfVm\x0c\xafS\'\'\xdb\xf0\xbcs4EA\xf0\xd3j\xad\x16\xd3\xecI\xef\xfc\xbc\xed{\x00\x88\x89\x89\x89\x8f\x8f\xa7\x1a@)\xc5P\x01(\x19\x90`\xba[\x03\xb4:\xfd\xa2\xaf\xbe\xeb\xfc\xd2K\xb99f\x8ce\x86y\x8eY+\xa2(\xaaT*\xa5J\xb9\xfa\xf3O?\x9d5\x19\x00\x02\x02\x02\xf6\xed\xdb\x17\x13\x13\xf3\xb7\x84\x19\x8c\xb1$I\xc4I?t\xe8\xd0\xc2\x85\x0b\xc9\xc2\x00\xc30C\x87\x0eu\xa7Z\xfe[\x9a\r9\x9e\xd7\xfa\xaf\xdd\xbeW\x1f\x18d2\x18\x8b&amp;\xde%I"\xcf+\xd5\x1a\xf5\xa4\xb1\xc3vnY\x0fO4@\xa7\xd3\x01-qJ)\x8dP\x01(1\xfcM\x03\x00\xe0\xcd\xf7&gt;zg\xca,\x0c\xd8j6\xb3\x1cW\xe8\x16J\x96eY\x96\xf4\x01\xfa\x8c\xc7\x8fg\xbe?n\xff\x9e\x9f\x00 00p\xef\xde\xbd111\xff\xb6\xc0\xeb\x0e\xe3\x00\xc0\xbau\xeb&gt;\xfd\xf4\xd3k\xd7\xae\x91\'\xbe\xfd\xf6\xdb\xe3\xc7\x8f\'\x0b\x03\xf0\x7fSE\xc9\xd5\xdcq\x7fb\xfd\xfd\xb4:\x9b\xd5\xf6\x9c\xb6\x16\xff#\xb2,3\x0c\xf2\xf1\xf5\x9d&lt;n8\xd1\x80\xde\xbd{\xff\xf8\xe3\x8f\xcfo\x873\x85R\x8cP\x01(I\x103\x14\x1f\x1f?x\xf0\xe0\xac\xac,\x00h\xd9\xa6\xe3G\x9f,\x8bl\x10i4\xd8\\.Wa\xc5I\xb0,K\xb2\xac\xd1\xf8\xa85\x8a\x83\xbf\xed\x99\xf7\xe1\x84\xbb\xa9)\x00\xd0\xb4i\xd3\x8d\x1b7\x86\x87\x87\xff\xcfdyw\xd0\xdfh4.[\xb6l\xf9\xf2\xe5\xd9\xd9\xd9\x00P\xa7N\x9d\xe9\xd3\xa7\xf7\xef\xdf\x1f\x9e4? Y\xa4,\xcb\x1e8p\xa0s\xe7\xce\x00P7\xaa\xd1\xda\x1d\xfb\xfc\xb4:\xbb\xcd^\xf4)\xf9X\x96\x11\x83|}\xfd&amp;\x8d\x1d\xbas\xeb\x06\x00\x989s\xe6\x8c\x193\xa8\x06PJ\x1fT\x00J\x18\xc4V\xde\xbcys\xd8\xb0a\'N\x9c\x00\x00\xadN?x\xd4[\x83G\xbe]\xbeb\xb0\xd9\xe4p:\x1d\x05\xca\x8f\x94e\x00Pk4&gt;&gt;\x8a+\x97\x12\xbf]\xbe\xe4\xe7m\xdf\x93\x83#G\x8e\\\xb2d\x89\xbf\xbf\xff\xb3o\x95r\x9fy\xe3\xc6\x8dE\x8b\x16\xad[\xb7\x8e\\\xaas\xe7\xce\xb3g\xcfn\xd6\xac\x19\x00\x08\x82\xc0\xb2lFFF\xc3\x86\x8d\xd2\xd3\x1f\xfb\xeb\xf4\xdb\xf6\x9d\x0c\xab\x19a2\x99\x8a\xcb\xe0\x92\x19\x8cB\xa1\xe8\xdf\xb5U\xe2\x85\xb3\x08\xa1\xf8\xf8\xf8N\x9d:\xd1=b\x94R\x06\x15\x80\x92\x071C\x82 L\x9a4\xe9\xab\xaf\xber:\x9d\x00\x10V\xb3\xd6\xb0\xb1\xe3\xdbt\xeaV\xa5Z\xa8\xcb\x89\xed6\xab$\x8a\xf0$\xf1\xe6?\xa6\x05O\xfa\xa6\xc8\x00\xa0P(5&gt;j\x84\xe0ZRR\xfc\xcf?~\xbfz9)\x99P\xae\\\xb9\xb9s\xe7\x8e\x1c9\x12\xf2\x9f\x1d\xff\xb7\x85\x81\x8f?\xfe\xf8\xd4\xa9S\x00\xa0R\xa9\x06\x0e\x1c8{\xf6\xecJ\x95*\x01@\\\\\\||&lt;B\xe8\xd3\xaf\xbe\xef9pPvf\xd1\xe68=\x85$I\x1a\x8d\xe6njJ\xff\xae\xad\x8c\x86\xdcr\xe5\xca_\xbbvU\xab\xd5\xd2\rb\x94\xd2\x04\x15\x80\x12\x89\xdb\n\x9f&gt;}z\xda\xb4i\x07\x0f\x1e$\xc7C\xcaWx\xa9\xd7\xc0v]^\xaa\xd7\xb0\x89V\xe7+I\xe0t\xbaH3\x14\xc08o\x7fy\x04\x80\x18\x84\x00q\n\x05\xa7P\xf0J\x0e\x01\xa4?\xce8\xff\xe7\xb1\x03\xbf\xee\xda\xbf\xfb\'\xbb\xdd\x06\x00\x08\xa1a\xc3\x86\xcd\x993\xc7\xdd\xe9\xc53\xf3\'\xcb\xb2,\xcb\x1c\xc7\x89\xa2\xf8\xfd\xf7\xdf\xcf\x981\xe3\xde\xbd{\x00P\xbe|\xf9\xc9\x93\'\x07\x07\x07\x0f\x1e&lt;\x18\x00\xfa\xbe6j\xe1\x97\xab\xb22\nZ\xf6\xaeP\x10\x0510X\xf7\xe3\xf7\xdfM\x1e\xf7:\x00\xbc\xf5\xd6[\xcb\x97/\xa7\x93\x00Ji\x82\n@I%\xefZ\xeb\xda\xb5k\x97-[\x96\x98\x98\xe8~4\xa2N\xbd\x16/\xb4o\xd8\xb4edT\xb4V\x1f\xa0\x0b\x08D\x08\xf2\xba\xd4\x18\x83 \x80$\x89\xb9\xd9\x99Y\x19\x8f\x93.\x9e=\x7f\xfa\xd4\x9f\xc7\x0e?\xb8w\xd7}N\xe7\xce\x9d\'M\x9aD28\x0b\xc5\xf0\xb9/\x92\x91\x91\xb1b\xc5\x8a%K\x96\xd8l\x7f\xc9\x0cB\xa8Rh\xb5\x1d\x87\x12\x94J\x15Y?(\xe0k\x15\n\x92$\xe9\xf4\xda\xb1\x83{\xed\xdf\xf3\x93B\xa18u\xeaT\xe3\xc6\x8diV(\xa5\xd4@\x05\xa0d\xe3\xf6\xca].\xd7\xbe}\xfb\xd6\xae[w`\xff~bU\t\xbe~\xfe\xfa\x80\xc0*\xd5\xaak||kE\xd6\x97$\t0\x00\x02Q\x10\xaf\']t:\x1dwo\xdd0\x18r]N\xa7\xfb)\x15*V|\xe9\xa5\x97\x86\xbe\xfez\xcb\x96-!\xcfRm\xa1\x0c8oD())i\xe1\xc2\x85;w\xeet\xba\\\xa2 \xcc\xf9l\xd5\xa0\x91\xa3\xb2\xb3\xbc\xc2\xfd\'\xc8\xb2\xac\xd1\xa8o^\xbf\xda\xbbc3\x97\xcb\xd9\xa6M\xdb#G~\xa7\x02@)5P\x01(\r\xe4u\xcf\x93\x93\x93w\xef\xd9\xb3?&gt;\xfe\xd2\xa5K\x19\x19\x19\xcf~\x91\xb0\xb0\xb0\xe8\xe8\xe8\x97^z\xa9[\xb7n!!!\xf0\x7f\'\x19\x85\x0b\xe9J\xa6P(,\x16K\x8d\x1a52\xb3\xb2b\x9a\xc7\xae\xdf\xb9\xdfnw\x14\xaem%\xa1\'\x04\x80\x01&lt;K\x91\x12E1 P\xb7`\xda\xe4\xd5\xcb\x17!\x84\x0e\x1f&gt;\xdc\xb6m[\x1a\x08\xa2\x94\x0e\xa8\x00\x94\x12\x88\xb1\xce[n!\'\'\xe7\xc2\x85\x0b\x7f\x9e&gt;}+\xe5\xd6\xbd{\xf7\xd2\xd3\x1f?z\xf4\x18!0\x9b-\xa2(r\x1c\xdb\xb0aC_?\xbf\xa8z\xf5\xaaV\xad\xda\xb2e\xcb\xc8\xc8H\x8dFC\x9e[\x04M\xb2DQd\x18\xe6\xdbo\xbf\x1d3f\x0c\x00,_\xbf\xbdk\x8f^\x86\x1c\x03[x\xee\xbf,\xcb&gt;&gt;\xbeJ\x15C\xfa\x1fX\xccNAp\xe5W\x03H\xe3\xfb\x8c\xc7\x8f^\x8e\x8d\xb2Z,\x03\x07\x0e\xdc\xb4i\x13\x15\x00J\xe9\x80\n@i\x83\xf8\xbcOg\x82\xca\xb2l0\x18\x18\x86\xe9\xd9\xb3\xe7\x91#G\xda\xb6m\xfb\xfb\xef\xbf\xff\xed\xb9\xa4Uz\xd14\xc6"\xf9\xa0-[\xb6&lt;s\xe6L\x8d\x88:?\xec;\xc1\x90N.\x85\x84$I~\xfe~G\xf6\xef=\x7f\xe6\x04\xcbr\xb2$\xbd\xd2wP\xd5\xb0\x9aN\xa73\xbf\xefN\x92$\xad\xce\xff\xfd1\xaf\xff\xbc\xed{\x7f\x7f\xff\xeb\xd7\xafW\xa8P\xa1\xe0\x8d\x19(\x94b\xc7[\x82\xad\x94\xc2\xc2m\xfa\xc9\x9c\x80\xd8)\xe2\xce\x07\x04\x04\x00\x00I\xafT(\x14$\x1cO\x9eEN(2\xaf\x96x\xd0\xa7O\x9f&gt;{\xf6,\xc6\xf8\x95&gt;\x83\x03\x82u\x85\x98\xfc#\xcb\xb2Z\xad\xbe\x9bz\xeb\xbdQ\x03\xac\x1639\xd8\xb0i\xf3\xf0\xdau\x1dv;\xca\xe7\xdbD\x00\xb2\x8c\xfb\x0c\x1e\xb1{\xfbf\x93\xc9\xb4y\xf3\xe6\x89\x13\'\xbaW2(\x94\x92\x0b]\xcb*\xb5\x90\xee\x8f\x1c\xc7\xb1,\xcb0\x0c1\xf7$\xe7\x1fH_\x17\x84\x18\x86\xe18\x8e\x9cS\x94\xfe,\x19\xc3\xf6\xed\xdb%I\xe2\x95\xca\xd8\x0eqv\x9b\xc8\x16^\xc4\t\x01bX\xe6\xe3\tc\xac\x163\xafT*x\x9e\xe38\x85\x82\xf7l\x82\xc1\xb0\xac\xcdj\xaf\xdb \xbaZ\x8d\x9a\x00\xb0c\xc7\x0e\xb20^X\xa3\xa5P\x8a\x0b\xfa#.+\xa0\'\x14\xf7@\x00\x00X\x96\x95$\xe9\xe8\xd1\xa3\x00\x10\xd9 :\xa2n=\x87\xdd\x8e\n\xc9\xa4\x8a\xa2\xa8\x0b\xf4[\xfd\xc5\xe2\xd3\xc7\x7f\x07\x00\x97\xd3IvB\x14$\xda)\x8a\x82N\xef\xd7\xa6\xd3\x8b\x00\x90\x98\x98\xf4\xf8\xf1c\xa2\xa9\x852`\n\xa5\xb8\xa0\x02@)j\xc8b\xf5\xe3\xc7\x8f\x93\x93\x93\x01\xa0El\x07\x8dF\xe1\x0eF\x15\x10\x12\xfa?\xf7\xe7\x99\x95\x8bf!\x84\xcaW\xac\xac\xf1\xf1-\xb8\xa5f\x10\x12E\xdc\xb2MG\x84\x90\xc5bNH8\x0bO\x961(\x94\x92\x0b\x15\x00JQC\xcc\xf1\x9f\x7f\xfei2\x99\x18\x86i\x18\xd3B\x100S(5\xec0fY\xd6\xe9p|&lt;a\xb4\xd3\xe9@\x0cz\xfd\x8d\xf1,\xcb\x15\\\x00\x10\xc38\x1d\xce\x88:\xf5\x02\x83\x82\x01\xe0\xf0\xe1\xc3\x05\x1f-\x85R\xecP\x01\xa0\x145\xc4\x1c\'%]\x01\x00_?\xbf\x9a\xb5\xea\xba\x9c\xaeB\x89\xffH\x92\xa4\xd5\xf9~6w\x1a\xe9\xea\x15\xf7J\xdf\xe6\xb1\xed\xcd&amp;C\xc1\xe3\xf5d\xab]H\xf9J\xa1a5\x01\xe0\xda\xb5\xab@;\x04PJ&gt;T\x00(E\r1\xc7\x89\x89\x97\x01\xa0|\xc5*:}\x80(\x8a\x057\xa6\x92(\xea\xf4\xbaC{\xf7~\xf7\xcd\xe7\x0c\xc3\xf8\xf9k?\xfa\xe4S\x8b\xd9\x08\x00\x08\x15\xc2\xef\x1cc\xac\xe0\x99\xaa5\xc2\x01\xe0\xd6\xad[f\xb3\x19!\x9aEM)\xd9P\x01\xa0\x14\x0f\x06\x83\x01\x00\xf4\x81A&gt;~\xfe\x05_\x00\xc0\x18\xf3Jevf\xe6\xcc\x0f\xc6\x02\x80,\xcb\x93\xe7,\xa9Q\xab\xb2\xc9h\x00\x80B\xf1\xd41\xc6\x1c\x07\xe5+T\x06\x00\xa3\xd1\xe4=\x05\x8b(\x14\x8f\xa1\x02@)RH\xfa\xa9\xd9lNMM\x05\x80\xf2\x15\xab0\x0c.\xb8\x1f-\xcb\xb2\xc6G=\xef\xc3\t\x0f\xd2\xee`\x8c_|\xb5\x7f\xdf\xc1#\x0c\xd9r!\xdah\x84\x90(B\xb9\x8a\x95\x01\xc0b1\xa7\xa4\xa4\xc0\x93p\x16\x85RB\xa1\x02@)j\x10B\x82 \x18\x0c&amp;\x00\x08\xadV]\xa1(h E\x12E}\x80v\xc7\xe6\xefvo\xdf\x84\x10\xaaX\xa5\xea\xb4\xf9\x9f\xdbl\x16T\xa8\x99\x9a\x08@\x96!\xb4Zu\x00p\xb9\\d\x06C\x05\x80R\xa2\xa1\x02@)\x06\x10B\x1c\xc7\x02\x80 \x08\x054\xa1\xb2,\xab5\xea\xdb\xb7R\x17L{\x8f\xe4\xe6\xcf\xfc\xf4\xcb\xa0\x90\x10\xa7\xd3\xf9&lt;\xb6j\t\x82@\xfeA\xb7\x01SJ\x01T\x00(\xc5C!\xfa\xce,\xc7\xcd\x9c\xf8fnN\xb6,\xcb\xaf\x8dy\xb7\xe3\x8b\xdd\x0c\xb9\x06\x96}\xbe\x06\x9a\xfa\xfe\x94R\x00\x15\x00J\xf1@\x0ch\x01\xfdhQ\x14\xf5\x81\xfe\xeb\xbe\\v\xfc\xf7\xfd\x00P\xbb^\x83\x89\x1f\xcf3\x19,\xcf\xaf\xa8\x91{\xc0T\x00(\xa5\x00*\x00\x94b\x00!D,\xa9!7[\x96=,\xab)\xcb\x92\xaf\x9f\xef\xa5\xb3\xe7?\x9f?\x9daX\xa5R5g\xe9*\xa5J%\x8a\xcf+?\x07!0\xe4d\x03\x00B\x0c\r\x01QJ\x01T\x00(E\nBH\x96e\xadV[\xa7Nm\x00HI\xbe*\x8a\x9eT(\xc2\x183\x0c+\n\xc2\xc7\x13\xc68\xec6Y\x96\xde\x9c8\xadaLSCn.\x00HO\xc8[\xadA\x96e\xf7q\x0fF.c\xacP@J\xf2U\x00\xd0\xeb\xf5u\xeb\xd6\x85\'{\x1a(\x94\x12\n\xf5b(\xc5\x00BH\xadV\x03\x80\xcdju:&lt;\xe9\x02&amp;\xcbr`\x90v\xde\x87\x93\x93.\x9e\x05\x84:\xbd\xd8\xe3\xfd\x19\x1f\xd9\xac\x10\x18\x1cD\xc4D\x94@\xa7\x07\x1f_?\xf7S||\xfdtz\x96e\x02\x00\x81\xd5j\xcdo\xef\x01\x84\x90$a\xb3\xc9\x08\x00&lt;\xcf+\xf2vX\xa6PJ&amp;T\x00(E\r\xe9W\xd3\xa0A\xc3\xbd{\xf7\xde\xbbs\xcb\x90\x93\xa5\x0f\x0c\x12\x04\xe1\xd9\xe7\x01\xb2,\xfb\xfa\xf9\x1e\x8e\xdf\xbfv\xe5b\x86a\x10\xc3D5\x8a\xd9\xbe\xf1\x07\xbb\xdd\xee\xd6\x12Y\x965&gt;\x9a\xcb\xe7\x12\xe0I\xbc\xfe\xd8\xa1\xbdY\xe9\x8f\xed6\xabZ\xe3\xd3\xaa]g\x8e\xcb_\x8d \x84\x90 \xa0\x9b\xd7\x93\x00 &lt;\xbc\xa6\xbf\xbf?m\x0eL)\xe9P\x01\xa0\x14\x0f\xe1\xe15\x01\xc0b6\xdfO\xbb\x13R\xbe\xa2\xcb\x95\x8ff\x8d\xb2,\xabT\xec\xa9\xa3\x87\x00\x90B\xc1\x89\xa2\xf8\xd9\x9c\x0f\xff\xe3|\x12\xf3\xf9\xfa\xb3\xf9\xe4O\xadN\xbf\xef\xf4u\x85\x82\x97\xe5g-A\x811\xe68\xce\x98\x9b\xf5\xf0\xde]\x00\xa8^\xbd:\x89e=\xe3\x80)\x14\xef\x84\xfa/\x94\xa2\x86x\xcd\xad[\xb7V*U\x82\xe0\xba\x98p\x8aW2\x9e\x18S\x8ceYr:\x9d\xf9\x8e\xe9\xe7\x7f\x85\x18c\xacT\xa9n\xdd\xb8\xf6\xf0~\x1a\x00\xb4k\xd7\x0eh"\x10\xa5\xe4Cg\x00\x94\xa2\x86l\xd7\xaaV\xadZ\xf5\xea\xd5\xaf]\xbbz\xe6\xe4\xd1\x91\xef\xbc\x9f\xafu`\x84\x90 H\xa1\xd5k\xc6\xb4|\x81\xf4\x96y\xfa\x1c\x8c\x81\xe3\xd8\x9c\xec\xac\x1bW\x13I\xd5\xb6\xda\xf5\x1a\xe8\x03\x02EA\xd4\x07\x051\x0c\x9b/\xf3-\xcb2\xcf3gO\x1d\x97$I\xa9T5o\xde\x1c\xe8\n0\xa5\xe4C\x05\x80R\x0c\xc8\xb2\xcc\xf3|\xf3\xe6\xcd\xae]\xbbz\xee\xcf\xe3i\xa9\xa9\xe5+U~\xf6(\x10\xcb\xb2f\x93\xed\xd5\x01\xaf\xf7}m\xd4\xbf\x9d#I\x92N\xcf\xed\xdd\xb5od\xdf\xae,\xcb\x8a\xa2\xf8\xd1\xfce\xed:\xb75\x19D\xc40\x0e\xbb\r\xe3|T\nbY\xd6ns\x1d\xda\xf73B\xa8F\x8d\xeaaaa\x18c*\x00\x94\x92\x0e\xfd\x05\x97fH\x1f`Q\x14EQ$9\x91\xa4M&lt;y\xc8}\x9c\xf4\n.\xfa\xe1\xf5\xea\xd5\x0b\x00\xcc&amp;\xe3\xa9c\x875&gt;J9?\x91\x1cR\xa0\xdfj1\xff\xc7\x7f\x16\xb3\xec\xb0\xdb\xdcOq\xd8l\x16\xb3l\xb5\x98mVK\xbe\xc6\x89eY\xadV\xa7$_\xbb\x9ex\x11c\xdc\xad[7\x9e\xe7\x0b\xab\x85\x19\x85R\x8cP\x01(m\xb8\x8d&gt;\xe9\xbcH\xfa\xc2\x93\xb6\xef\x1c\xc7\x91.\xf0\x00@\x0e\xf2&lt;\xcf\xb2,\xe9\x08\xef~V\x11\x0c\x92D\x81\xda\xb7o\x1f\x1e\x1e\x8e\x10\xda\xb3c\xb3\xc3\x9e\xef\x9e0\xa4\xa9\xfd\x7f\x93\xf7\x9ay\xcf\xce\xd7\x0b\xc9\xb2\xcc+\xb9\xdfv\xfd\xe0t:y\x9e\x1f:t(\xd0\xf8\x0f\xa5T@C@\xa5\x07b\xfa\x89\xad\'G\xb2\xb3\xb3\xaf\\\xb9r\xeb\xd6\xad{\xf7\xee\xa5\xa5\xa5\xdd\xb9{\x97A\xe8\xc2\x85\x0b,\xcb\x9e;w\xee\xbd\xf7\xde\xd3ju\xf5\xebGU\xae\\922R\xa3\xd1\xb8\xafC\x12\x1c\x9f_\xbd{\x84\x90(\x8aj\xb5\xba\x7f\xff\xfes\xe6\xcc9s\xe2\xe8\xf9\xd3\x7f\xc6\xb4jm1\x99\x99B\xad\xe2@\xb6\x1c\xb3\x1c\x07\x9e6\xf0\xc2\x18+x&gt;+#\xfb\xa7\xcd\xeb\x10B\xad[\xb7\x8e\x8c\x8c\xa4\t\xa0\x94\xd2\x01\x15\x80\xd2\x00\t\xec\x10\x1f_\x96\xe5\xd3\xa7O\xef\xdf\xbf\xff\xc4\x89\x13\x17/]\xca\xcc\xc8\xf8\xc7\xa7dee-]\xba\xd4\xfdgXXXt\xe3\xc6\xb1\xad[w\xee\xdc\xb9N\x9d:DB$Iz~2@\x82No\xbf\xfd\xf6\x17_|a4\x1a\x7f\xdc\xb8\xbae\xdb\x17d\x8c\x0b\xd1\xac"\x04\x82\xcbE"]\x00 \x08.\x0f\xde\x8a$I:\xbd\xdf\xcf?|\x9f\x95\xfe\x18\x03\x8c\x1c9\x12\x9ele(\xbc\x91R(\xc5\x03\xediW\xb2!\xde:\xb1\xd7\xf7\xef\xdf\xdf\xbau\xeb\xa6M\x9b.^\xbc\x98\xf7\x1c\x84  0X\xa5\xd6T\xad^\x93,\x03\x00\x80$IwSo\x8a\x82`\xc8\xcd\xc9{\xb2R\xa9l\xdb\xb6\xed\xa0A\x83\xbaw\xef\xee\xef\xefO\xce,\xdc\xdajd\x00\x0c\xc3\xb8\\\xaeU\xabV\xcd\x9c9\xd3l\xb1\x88\xa2\xb8z\xebo\xb1\x1d:\x9a\x8c\xe6By9\x8c\xb1R\xa5\xbcu\xe3\xfao?\xfd\xc00\x8c,\xcb\xaf\xf4\x1dT5\xac\xa6\xd3\xe9|vI#\xe9\xff&amp;Cn\x8fv\x8d\xb33\xd3\xc3\xc3\xc3/]\xba\xc4\xf3&lt;B\x9e\x94\xaf\xa0P\xbc\r*\x00%\x18\xb7iNJJZ\xbat\xe9\xce\x9d;sss\xc9CJ\xa5\xb2NT\xc3\xfa\xd1\xcd\xa2\x9b\xb6,W\xb1R\xe5\xaa\xd59N\x11\x10\x14L\xben\x84@\x96\xe4\xec\xac\x0c\x97\xcb\x99\x96z\xf3~\xda\x9d\x0bgN&amp;]&lt;w\xe3j\xa2\xfb\xd7\x10\x1aZu\xd8\xb0\xa1c\xc7\x8e\r\t\t\xc1\x18\x17J\xd2K^\xb9\xda\xbbw\xef\x94)S._\xbeL\x1eB\x00\x8d\x9a\xb5\xda\xfc\xebQ\xab\xc5ZX\xce5\x89\xde\xf8\xfa*1\x00\x02\xb0\x98\x9d\x82\x90\x8f\xedf\x00 \nBp9\xfd\x9c)\x93\xd6\xac\xf8\x14\x00\xb6m\xdb\xd6\xa7O\x9fBWD\n\xa5\xb8\xa0\x02P"q[R\xa3\xd1\xb8x\xf1\xe2%K\x96\xd8\xedv\xf2Pt\xb3V\xed\xbb\xbc\x14\xdb!\xaef\xad\xba*\r/K I\xb2\xcb\xe5\xc22\x16EW\xdeMP\n\x05\x8f\x10\xe2\x95J\x96\x03\x04`2Z\x92.\x9e\xfd=~\xf7\x1f\x07\xf7\xa6$_#\xe7T\xae\\y\xf6\xec\xd9\xc3\x86\r\x83\x82M\x05\xdc\xeb\x13\x00\x90\x94\x944y\xf2\xe4\xdf~\xfb\x8d&lt;\xd4\xb7o\xdfJ\x95*\x91x\xd4\x949K\xdex\xef\xbd\xcc\xc7\xb9\\!U\xda!\xaf\x8b\x000\x00Y\xeb~\xf6\xe7J\xa2\xe8\xaf\xf5?\x7f\xe6\xcf\xd7z\xb4\x17\\\xaeN\x9d:\xc5\xc7\xc7S\xebO)MP\x01(y\xb8\x03\xd0\xdb\xb6m\x9b&gt;}zrr2\x00(\x95\xaa\xb8\xee\xbd_\xea5\xa0U\xbb\xceJ%\xe7t\x8a\x0e\xbb]\x96$@\xc8\x1d\xaf\xf8\x9b\xf9{\x92\x0fJ\x12C\x11\xcb\xb2j\x8d\x0f\xcf\xa3\xdc\x1c\xc3\xfe=\xbb\xf6l\xdf|\xe2\xc8\x01rf\x87\x0e\x1d\x16-Z\x14\x1d\x1d\xed\xd9\xaa\x80\xdbhfdd\xcc\x9b7o\xf5\xea\xd5D\xae\xea\xd7\xaf\xbf`\xc1\x82\xae]\xbbb\x8ck\xd7\xae}\xf3\xe6M\x8d\x8f\xefw\xbb\x0eG6ld1\x99\xd9b\xad\xb7\x8c\xb1\xcc\xb2\xac(\n\x03\xba\xc6\xde\xbc~\x85a\xd8+W\x92"""h\xfa?\xa54A\x05\xa0\x84A\x8c\xa9(\x8a\x1f|\xf0\xc1\xb2e\xcb\xc8\xc1\x96m:\xbe5iF\x8b\x17Z\xbb\\\xd8j6\xcb\xb2\x8c\xf2\x9f\xec\x08\x00d\x85@\xa1P\xf8\xfa\xf9\xc82\xfey\xdb\xc6U\xcb\x16\xde\xbc~\x05\x00\xb4Z\xed\xe2\xc5\x8bG\x8e\x1c\x99\xafp\x90;\xdc/\x08\xc2\xc6\x8d\x1bg\xce\x9c\x99\x96\x96\x06\x00\x15*T\x98:u\xea\x981cx\x9e\x17E\x91e\xd9\xd3\xa7O\xc7\xc6\xc6\x8a\xa2\x18^;\xf2\x87\xf8\x13,\xa7\x10\x05\xb1\x18M\xad$\x8a\x01A\xba\xf1#\x86\xfc\xf2\xe3F\x00X\xbat\xe9\xf8\xf1\xe3\xa9\xfbO)eP\x01(I\x10\x03\xf4\xe8\xd1\xa3&gt;}\xfa\x9c8q\x02\x00B\xcaW\xfc`\xc6\xc2\xee\xfd\x06I\x12\xb6\x98M\x0cB\x85\x91F\x89%IB\x88\xf1\xd7\xfa[-\xd6o\x96\xcd_\xb3|\xb1\xcb\xe5\x04\x801c\xc6\xacX\xb1\x82\xe4\x1a\xfd\xb7u\xce\x1b\xf39p\xe0\xc0\x8c\x193N\x9d:\x05\x00*\x95j\xf4\xe8\xd1\x1f}\xf4QHH\x88\xfb\x1d\x91\xff/[\xb6l\xc2\x84\t\x00\xf0R\xaf\x81K\xbf\xddd1\x991\xc6\xf9\xdd\x1cP(\x88\xa2\x18RN\xb7\xea\xf3\xcf\xe7}8\x1e\x00z\xf7\xee\xfd\xe3\x8f?R\xebO)}P\x01(1\x88\xa2\xc8q\\BBB\x8f\x1e=\x1e&gt;|\x08\x00-\xdbt\x9c\xf7\xc5\xb7\xa1\xd5\xaa\x1ar\x8c\x80\x80a\n\xd9&lt;I\x92\xc8\xb2\x9c&gt;\xc0\xf7\xf8\xe1#\x1f\xbe;*\xedv\n\x00\xb4j\xd5j\xf7\xee\xddz\xbd\xfe?4\x80\x0c\x15\x00\x92\x92\x92\xe6\xcf\x9f\xbfy\xf3fr\xbcs\xe7\xce\xb3g\xcfn\xd6\xac\x19&lt;\x95cJ\x9e2t\xe8\xd0\r\x1b6\x00@\xcf\x01C\x17\xae\\k\xb5X\x8b&gt;\xe1R\x14\xc5\xe0\x10\xdd\xda\x95+gO~\x0b\x00\xa2\xa2\xa2\x8e\x1e=\xaa\xd5ji\xe6\x0f\xa5\xf4A\x05\xa0d@\xdc\xcf\x84\x84\x84\xb8\xb8\xb8\x9c\x9c\x1c\x00x\xe3\xbd\x8f\xde\x9d2K\x92%\xbb\xcd\xf6\xfc\xda\x13b\x8c%Q\xd4\xea\xf5\xd9\x99\x8f\xa7O\x1cw`\xcfO\x00\x10\x13\x13\x13\x1f\x1f\xff\x8f\x1a\xe06\xeb\x19\x19\x19+V\xacX\xb2d\x89\xcdf\x03\x80\xfa\xf5\xebO\x9d:\xb5\x7f\xff\xfe\xf0/\xdb\x0bHd\xc9\xe1p\xb4m\xdb6!!\x01\x9eh\x80\xcdj#1\xa2\xe7\xf4\x06\xff6\x06Y\x96\x83B\xb4kW\xfce\xfd\x03\x02\x02\x8e\x1c9\x12\x15\x15E\xdd\x7fJ\xa9\x84\n@\t\x80\xd8\xd9\xbc\xd6\x7f\xfa\xc2\x15\xa3\xde\x19\x97\x91n\x82"\xa9I \x89"\xafRi4\xaa\x0f\xde\x1c\xb6s\xcbz\x00\x88\x89\x89\xd9\xbbw\xaf^\xafw\xfb\xc5\xee\xcdh\x00\xb0n\xdd\xba\x193f\xdc\xbbw\x0f\x00*T\xa80v\xec\xd8I\x93&amp;\xf1&lt;\xef^\x12\xf8\x8f\xb7\x99\x9b\x9b\xdb\xa5K\x17\xb7\x06\xcc]\xfa5B\x8c\xd5j}\xde=x%IR(\x14\xbe\xfe\x9au+\x97\xcf\x9d\xfa\x0e\x00\x04\x04\x04\xec\xdb\xb7/&amp;&amp;\x86Z\x7fJi\x85\n\x80\xb7CJ\xfadffFEEedd\x00\xc0\xf4\x85+\x86\x8f\x1b\x97\x99\x9e\xcbr\\\x91\x05%dYf\x10\xf2\xf1\xf3\x9d&lt;n8\xd1\x80\x8e\x1d;\x1e8p\x80\xb8\xf3\xeep\xff\xa1C\x87\x16.\\x\xe0\xc0\x01\x00P\xa9T\x03\x07\x0e\x9c={v\xa5J\x95\xe0\xd9\xb2H\x9f\xd6\x80\x06M\x9a/X\xbe\xa6Vd\xdd\x9cl#)\xfeS\xe8o\x8d\xccr\xfcu:\xb3\xc9\xf0\xc9\x87\xef\xfd\xb4e=\x00\xe8\xf5\xfa\xf8\xf8\xf8\x98\x98\x18w8\x8bB)}\xd0\x846\xaf\x86\x04FdY\xee\xd1\xa3GFF\x06\xc30\xd3\x17.\x1f&gt;n\\f\x86\x81S(\x8a2$M\xca\xb7Y-\xd6\x85+\xd7\xf6\x1c0\x14\x00\x0e\x1e&lt;8a\xc2\x04\x96e\xc9v\xd9\x1b7n\x8c\x181\xa2s\xe7\xce\xc4\xfaw\xec\xd8\xf1\xc8\x91#k\xd6\xac\xa9T\xa9\x92(\x8a\xee\xc9\xc1\xff|\x15Y\x96\x89\xf1\xed\xdb\xb7/\x00\\:\xfb\xe7\x80n/\xec\xd8\xbcQ\xab\xd3\xaa5&gt;\xe4R\x85\xf5\xa6HIT\x8eS\x04\x85\xe8/&amp;\x9c\x1a\xf2r{b\xfd\x1b5jt\xe8\xd0!j\xfd)\xa5\x1e:\x03\xf0j\x88\xd7&lt;a\xc2\x04\x92\xf19f\xfc\xd4i\x0b&gt;y\xf4 \xb7\xb8:\x92cYF\x0c\xe3\xe3\xeb;\xe4\x95\xf6\xa7\x8f\xff\x0e\x00?\xfd\xf4S\xe7\xce\x9d\x17-Z\xb4r\xe5\xca\xec\xecl\x00\xa8S\xa7\xce\x07\x1f|\xe0\xde;\xe6\xc1\xbe\x01\xf7\xd2\xc2\xcc\x993g\xcd\x9aE\x0ev\xeb\xd1\xf7\x8d\xf7\xa6F6hh\xb7\xb9\x1c\x0e;*\xd8\xa2\xb7,\xcb\x18\xcb\n\x05\xef\xeb\xafyx\xef\xc1\xc6oW\xac[\xf9\x99\xcb\xe5\x02\x80\xbe}\xfb~\xfd\xf5\xd7z\xbd\x9eF~(\xa5\x1e*\x00\xde\x0b1@?\xfd\xf4\x13\xa9\x9b\xdf\xacu\xbb\xf5;\x0f\xd8\xacV\x06!(\xbet\x14Y\x96\x95J&gt;+#\xbdW\xc7\xa6\xd9\x99\x19AAA\x01\x01\x017n\xdc\x00\x80\xc0\xc0\xc0\xb7\xdf~{\xfc\xf8\xf1Z\xad\xf6\xbf\xc3\xfd\xff\x13\xf7n\x83\xf8\xf8\xf8\x11#F&lt;x\xf0\x00\x00\x94J\xd5\xd0\xb1\xe3\xfb\xbd6\xa6J\xd5j2\xc66\xabU\x12E\x84\x10z6\x8d\xc1O\xe6S\x0c\xcb\xaa\xd4j^\xc9egd\xee\xdf\xb3k\xc5\xa2Y\xe9\x8f\x1e\x00\x80J\xa5\x9a?\x7f\xfe\xf8\xf1\xe3\xe19T@\xa2P\xbc\x10*\x00^\n1V\x16\x8b\xa5a\xc3F\xb7o\xa7\x06\x06\x87\xec8x&amp;\xa8\\y\xa7\xc3Y\xec;Q%Q\xd4\x05\xe8\x0e\xfe\xba\xfb\x8d\xc1\xdd\x01c\x00\xd0h4\xfd\xfb\xf7\x9f&lt;yrDD\x04\x14\x9e\xf5$\x11\x98\x8c\x8c\x8c\xb9s\xe7\xaeZ\xbd\xda\xe9p\x00\x80\xbfV\xd7\xb1[\x8f^\x83\x86\xd6\x8dj\xac\xd5\xfb\x8a"8\x1c\x0e\xc1\xe5"\x9f\xd8\xdfR51\x00\xc6\x18!R\x17Z\xa1T\xa9\x14&lt;\xe3\xb0\xb9n\xdd\xbc\xbe\xef\xe7\xed\xbb\xb6n =~\x01\xa0k\xd7n\x8b\x16-\xacW\xaf\x1eYt\xa1\x19\x9f\x94\xb2\x00\x15\x00/\x85\xd8\xd0i\xd3\xa6\xcd\x9b7\x0f!\xb4`\xc5\xfa&gt;C^\xcb\xce2xIHZ\x14\xc5\xc0`\xdd\x94q\xa3\xb7}\xb7\x9aa\x98\x85\x0b\x17\xbe\xff\xfe\xfb\xe4x~K\xee\xfc7n-9}\xfa\xf4\xc7\x1fO?p`\xbf\xfb\xa1\xf0\xda\x91\xb1\xed;\xb7h\xdb)\xa2N\xbd\x90\xf2\x95\x14\n\x86eA\x92 oK\x1b\x84\x80\xe3@\x96A\x14!7\'\xfb\xf6\xcd\xeb\xe7\xfe&lt;~8\xfe\x97\xa4\x8b\xe7\\N\'9\'**\xea\xc3\x0f?t\xa7\xa8R\xc7\x9fRv\xa0\x02\xe0\x8d\x90 xrrr\x83\x06\r\x9cNg\x93\xe6\xb1[\xf6\xfea4\x18\xbd\xc76a\x8c\x15\n\x85\xd1\x90\xfbb\xcbH\xa3!\xb7Q\xa3F\'N\x9c\xe0y\xfey\xf4\x0f\xc8[C\xf4\xc0\x81\x03\x1b7n\xdc\xbd{\xb7\xbb\xee)\x00\x04\x05\x87T\x8f\xa8S9\xb4Z\xc5*\xa1A!\x15C\xab\x85\t\x82\x88\x00X\x8e3\xe4d\xa7\xa6\\7\xe6\xe6\xde\xbay\xed\xfe\x9d\xd4{wo\xbb\x9f\xc5\xf3\xca\xb6\xed\xda\x0e\x1a8\xb0\x7f\xff\xfe\xff3E\x95B)\x95P\x01\xf0F\x88\x1fJ\xb6\xc5\xaa\xd4\xea\xb5\xdb\xf7G7mn\xb5Z=[\xf6$\x91o,c@\xf0W5P\x8c\x01\x01\x83\x98\x82\x14Z \x81\xa0\xd5_,Y8\xfd}\x00X\xb7n\xdd\xd0\xa1C\x9f\x9f\x07\x9d72C:\x1f\xec\xda\xb5\xebrb\xa2\xd9d\xca\xd7ux\xa52"&lt;&lt;..n\xc8\x90!\xf5\xeb\xd7\'\x07\xa9\xe3O)\x9bP\x01\xf0:H \xfb\xd1\xa3G\xb5j\xd52\x9b\xcd\xddz\xf4]\xb9\xf1\x87\xac\x0cO\x82?Or]\x94*\xb5\x9aS\x00\x00`\x19\x00\x001\x8018\xed\x82\xc3n{\xc6\x15\xd4\x7f\x1c(\xd1\x8fW^hp\xefNjLL\x0c\xa9\xf6\xf3\\\x9dh\xd2\x8a\xddm\xac\xd3\xd2\xd2\xce\x9d;w\xec\xd8\xb1\xc4\xc4\xa4\x94[)\x16\xb3%++\xf3oO\t\x08\x0c\xe4\x15|\xdd\xbau\xc2\xc2\xc2Z\xb7n\xdd\xb4i\xd3\x88\x88\x08\xf2a\x16A\xf3K\n\xc5\x9b\xf1\x8a\x802%/dS\xd5\x96-[\xccf3\xcb\xb2=\xfa\xbf\xeerJ\x8cG\x16\xca\xc7\xd7\x97S0\x99\x8f3\xcf\x9d&gt;\x9e|\xe5\xf2\xa3\xfbi&amp;\x93\x010\xe8\xf4\x015j\xd5\x89n\xd6:\xa2v]\xbb\xc3!\xb8\\\x9eXm\x84\x04A\x08\x08\xd4\xbd\xd8\xb3\xffW\x9f\xcd;w\xee\xdc\xb9s\xe7\x9e\xf7\xbe</t>
        </is>
      </c>
    </row>
    <row r="225">
      <c r="A225" s="1" t="n">
        <v>223</v>
      </c>
      <c r="B225" t="inlineStr">
        <is>
          <t>color_size_circle</t>
        </is>
      </c>
      <c r="C225" t="inlineStr">
        <is>
          <t>What is the missing color of the part denoted with a question mark?</t>
        </is>
      </c>
      <c r="D225" t="inlineStr">
        <is>
          <t>['dark blue', 'light purple', 'dark purple', 'dark yellow']</t>
        </is>
      </c>
      <c r="E225" t="inlineStr">
        <is>
          <t>dark purple</t>
        </is>
      </c>
      <c r="F225" t="inlineStr">
        <is>
          <t>There are circles of various sizes and colors in the image. The circles are ['large', 'small', 'medium', 'extra large'] size, and their colors are ['light purple', '?', 'medium purple', 'very light purple'].</t>
        </is>
      </c>
      <c r="G225" t="inlineStr">
        <is>
          <t>We observe that the largest circle is very light purple color, and the smaller circles change color from light purple to medium purple. Hence, the pattern is that the circles become darker as they become smaller.</t>
        </is>
      </c>
      <c r="H225" t="inlineStr">
        <is>
          <t>Based on the pattern that the circles become darker as they become smaller, the missing color of the smallest circle denoted with a question mark should be dark purple.</t>
        </is>
      </c>
      <c r="I225" t="inlineStr">
        <is>
          <t>b'\x89PNG\r\n\x1a\n\x00\x00\x00\rIHDR\x00\x00\x02\x00\x00\x00\x02\x00\x08\x02\x00\x00\x00{\x1aC\xad\x00\x00\xe8\xcdIDATx\x9c\xec\x9dwxUE\xfa\xc7\xa7\x9csn\xbf\xb9\xa9$\xa1\xa4\x10\x02\xa1\xf7.E\x04\xa4\x08\x88\x82],k\xef\xaem\x7f\xae\xab\xac\xba\xbbX\xd0\xb5W\x14\xb0\x83\x05DT\x10)J\xef%\x94\x10R(IH\xbd\xb9\xfd\x94\x99\xf9\xfd1\xe1\x1a\x01]+\x99\x9b\x9c\xcf\xb3\xcf&gt;\xf7\\\x03L\xce9\xf3~g\xde6\x901\x06LLLLLZ\x1e\xa8\xa9\x07`bbbb\xd24\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RS\x0f\xc0\xc4\xe4\x0c\xc1\x18\xfb\x85?\t!\xfcSGbb"\x08\xa6\x00\x98\xc40Q\x9bN)=\xe9\x1b\x08ac;~\xd2\xe5\xff\xfck\x1b\xabE\xe3\xcb\xe8_\x82\x10:\xe9\x1b\x13\x93\x98\x03\xfe\xf2e\x91\x89IS\xc1\xdfRn\xe5\xf9gn\xd0\xa3V\xf8\x97PWW\x07\xe1\xffx\xe1\xf9\x0f\xc4\xc7\xc7\xff\xf2\xbf\x96R\x1aU\x08.\x06|T\xa60\x98\x88\x8f)\x00&amp;\xc2\xc1\x1a\x01\x00\x80\x10b\x8cO\xfb\x93\x84\x10\x9f\xcfG)\xcd\xcf\xcf\'\x84\x18\x86\xb1i\xd3&amp;]\xd7!\x84\xa5\xa5\xa5%%%Q\x8b\x1f\x08\x04\n\x0b\x0b\x7f\xe1\x00rrr\x9cN\'8\xa1\x07\x99\x99\x99\x19\x19\x19\x8c1Y\x96\xfb\xf7\xef/I\x12\xc6\xb8K\x97.\x08!\xb7\xdb\xfd3ck\xacU\xbfj\x0bbbrf0\x05\xc0\xa4\xe9a\x8cEW\xf7\x08\xa1S\xd7\xf5\x84\x10\xbf\xdf\x7f\xf0\xe0\xc1@ \xb0s\xe7\xce\xfa\xfa\xfa\x9d;wz\xbd\xde\xe3\xc7\x8f\x97\x97\x973\xc6\xbc^\xef\x19\x1e\xb3\xc7\xe3\x81\x10\xa6\xa5\xa5\xb5j\xd5\xca\xe3\xf1\xf4\xe8\xd1#..\xaeG\x8f\x1eN\xa7\xb3C\x87\x0e.\x97\xebTa\xa0\x94RJ\xa3\xbb\x04S\x0fL\x9a\x1cS\x00L\x9a\x80\xc6k\xfcS-~8\x1c\xae\xae\xae.,,\xdc\xb5kWUU\xd5\xe6\xcd\x9b\x8f\x1c9RQQQWW\xd7T\x03\xfeU\xc4\xc7\xc7\xa7\xa6\xa6\xb6m\xdb\xb6_\xbf~\xc9\xc9\xc9\xdd\xbbw\xcf\xc9\xc9IJJ\xb2\xd9l\x8d\x7f,\xaa\x07\xe6\xfe\xc0\xa4\xa90\x05\xc0\xe4\x0c\xc1\x97\xf9\x8c\xb1S]:\xf5\xf5\xf5\x05\x05\x05G\x8f\x1e\xdd\xb6m\xdb\xa6M\x9b\xf6\xed\xdbWSS\x13\n\x85~\xf9_n\xb5\xda\xac\x16+\xa54\xa3]\x96\xdb\x1dg\x18\x86\xdb\x1d\xd7\xb9S7B\t\x04\x10\x00\x801\xee\xde\xad\xb7$I\xff3\x06`\x18\xc6\xae\xdd\xdb\x08!\x00\x00\x06\x18Fx\xef\xfe\xdd&gt;_\xbd$I&gt;_}\xe9\xe1b\x84PD\x8dD"\xe1_&gt;&lt;\xbb\xdd\x9e\x98\x98\x98\x97\x97\xd7\xbf\x7f\xff\xde\xbd{\xb7i\xd3&amp;777..\xae\xf1\xcfp\x97\x11\x0fl\x98b`rf0\x05\xc0\xe4O\xe4\xa7\x8c&gt;!\xa4\xa0\xa0`\xff\xfe\xfd\xdb\xb6m[\xbf~\xfd\xce\x9d;\xab\xab\xab\xff\xe7\xdf\x861v9\xddI\x89\xc9\xadZ\xa5\xb5JIk\xd7.\xcbf\xb5u\xe9\xdc\x9d\x10\x92\xd1.\xcb\xe5\x8a#\xc4HLH\xb2X\xac\x94R\x84\x90"+\x0c0\x00 \x1f\x8aA\x0c\xc0N\\\xfe\xf4\x90\x01\x84\x12\x96@\x83\tf\x10@M\xd7\xf8_\xa8\xaa\x91\x9a\xdaj\x8c%\xbf\xbf\xbe\xf4p1\xc68\x7f\xef\xaep$|\xf8p\xf1\xf1\xca\xf2\xe3\xc7\xcb\xabk\xaa\xfc\x01\x1f\x17\x8f\x9f\'))\xa9G\x8f\x1e\x83\x06\r\xea\xdd\xbbw\xa7N\x9drssO\xba?\xa6\x18\x98\x9c\x01L\x010\xf9\xe3\xe1F\x1f\x00\xd0\xd8\xa8\x85B\xa1={\xf6\xac[\xb7n\xd7\xae]\x1b7n,((0\x0c#\xfa_O\xcd\xcfq9]\xadZ\xa5\xb5j\x95\xde&gt;\xabCfFv\x87\x9cN\x89\t\xc9\xa9\xad\xd2\xacV[\x9c;\x0eB$I\x12e\xd40\x0c\x08\xa0\xa6\xab\x84\x10\x08\xa1\xae\xeb\x8cQ\x00 \x00\x8c\xd2\x1f\xfd\x85\x10B\x00\x01\xf8\xf9\xf7\x1d\x02\xc0N\xae\x18@\x08\xf2\xff\x00!\x92e\x991\x861Vd\x0b\x03L\x92$\x04\x91a\x18\x8c\xd1z_}$\x12\xae8^^S[u\xb0p\x7fIi\xd1\xa1\xe2\x83\xc7\x8f\x97\x1d?^\xee\x0f\xf8O\x1aI\xe3\x7fB\x92\xa4\xdc\xdc\xdc\x01\x03\x06t\xef\xde}\xf0\xe0\xc1]\xbbv\xb5\xdb\xed\xd1\xff\xca\xe5\xe4\xd7\xa6&lt;\x99\x98\xfc\x12L\x010\xf9c\x88.\xf6\x1b\xfb\xf4\t!\xdb\xb6m[\xbbv\xedw\xdf}\xb7e\xcb\x96\xc3\x87\x0fG\x7f\x1e\x02\xc8~l\x8c\x13\x12\x92r\xb2s;\xe7u\xeb\xdc\xa9[\xbb\xb6\x99\x19\x19\xd9\xf1\x9e\x04\xa7\xd3\x851\xe6\x9e\x19b\x18\xba\xa1SJ\t1\x18\x03\x8c1\x08\x01\x80\x10\xb03\x97\x95\xff\xa3\xca\x03\xc8\xa3\x19&lt;\xcf\x07`,!\x84dI\xc6\x92\xc4}M\x84\x90@\xc0_\xe7\xad---:|\xa4d\xef\xfe\xdd{\xf7\xed.,*\xa8\xad\xfd\xd1v\xe7\xa4[\xd1\xae]\xbb\xbe}\xfb\x9eu\xd6YC\x86\x0c\xe9\xdd\xbbwTD\xa31\x03s[`\xf2Ga\n\x80\xc9\xef"j\xf7%\xe9\x87\xa2\xc2\xa3G\x8fn\xda\xb4i\xc9\x92%\x1b7n\xdc\xbbwo\xf4\xfb\x93V\xbe\x9e\xb8\xf8\xdc\xdc\xbc\xce\x9d\xbau\xee\xd4\xadC\x87N\xed\xdaf%%$Y\xacV\xc6\x181\x0cU\xd3\x081\xb8\xad\xe7\x9e\x19\x08\x1a"\xa5b\x9a?\xfe\xab1\xc6\x18`\xdc\xd7\xc4U\x01c\xc9\xa2(X\x92 \x84j$R][}\xf8H\xf1\xc1\x83\xfb\xf7\xee\xdf\xbdw\xff\xee\x82\x82}\xde\xfa\x1f\x82\xdb\'\xdd\xa2\xce\x9d;\x0f\x180`\xe2\xc4\x89\xfd\xfb\xf7o\xd3\xa6M\xf4{\xc30L%0\xf9\xfd\x98\x02`\xf2[8\xd5\xee\xf3\xc5\xfe\xea\xd5\xab\xbf\xfa\xea\xab\xcd\x9b7\xfb|&gt;\xfe\xfdI\x16\xaduz\x9b\xae]z\xf6\xeb3\xa8s^\xb7\xf6\xd9\xb9i\xa9\xad\xb9\xa7^\xd7uMS\xa3\x0e\x1c\x08\x01\x84\x88[\xfb3\xff\xdb\xfd\xa10\xc6\x00c\x94\xab\x03w")\x8aE\x96e\x1e](\xaf8v\xa8\xa8`\xef\xbe\xdd\x9b\xb7\xae\xdf\x93\xbf\xe3X\xd9\xd1\xe8\x9fl|\xeb\xdcnw\xbf~\xfd\xce=\xf7\xdc\xe1\xc3\x877\xde\x16\x98J`\xf2{0\x05\xc0\xe4WpZ\xbb\xbfq\xe3\xc6O?\xfdt\xe9\xd2\xa5\x8d\x17\xfb\x8di\x9d\xde\xa6[\x97^\xfd\xfa\x0c\xea\xd5\xb3_NN\xc7\xc4\x84$\x8c\xb1a\x18\xaa\x1a\xd14\xed\x84\xc5o)\xa9\x90\x8dj\xdc\x18\x84HQ\x14\x8b\xc5*I\x12!\xa4\xa6\xb6\xba\xb0\xf0\xc0\xf6\x1d\x9b7o]\xbf;\x7f{c1hL\xe7\xce\x9d\xc7\x8f\x1f\x7f\xfe\xf9\xe7\x0f\x180\xc0T\x02\x93\xdf\x83)\x00&amp;\xbf\x08\xee\x80\xfey\xbb\xdfx\xc5\xeat\xba\xbaw\xed5l\xe8\xd9\x03\xfa\x0fm\x9f\x95\x9b\x98\x98\x841\xd64MU#\xba\xae\x03\xc0x+\x07\xd3Z1\xc6\x18\xe31s(\xcb\xb2\xc5bU\x14\x85\x10RSS}\xa8\xb8`\xe3\xa6\xef\xd7|\xff\xed\xae=\xdb\x03\'\xc2\xc8\x8do\xf2O)\xc1i\x8b\xe9LLN\xc5\x14\x00\x93\x9f\x83/\xf9\xa3\xeb\xca\xffi\xf7;\xb4\xef\xd8\xabg\xbf\x91\xc3\xc7t\xeb\xd23##[\x92d]ol\xf4Q\x0bY\xe6\xff6N\xec\rhT\x0cdY1\x0c\xbd\xb4\xb4hw\xfe\x8e\x95\xab\x97m\xdf\xb1\xf9\xe0\xa1\x03\xfc\x87\x7f^\tNzp&amp;&amp;\xa7\xc5\x14\x00\x93\xd3\xc3\xb3\x0f\xa3\xeb\xca\xbd{\xf7.]\xbat\xfe\xfc\xf9\xbbv\xed\xe2\xdf \x84\xa2=8;\xb4\xef8r\xc4\x98\xd1gO\xe8\xde\xad\x97\xdb\x1d\xc7\x18\x8bD\xc2\xaa\xaa2FM\xa3\xff\xdb\x88\x8a\x01\x84\xc8b\xb1X\xad6\x08\xa1\xcfW\xbfk\xf7\xf6\xe5\xdf~\xb1r\xd5\xb2\xa8\x124~\x10\xdd\xbbw\xbf\xe2\x8a+\xc6\x8f\x1f\xdf\xb9sg\xfe\xcdI\xcf\xd1\xc4\xa41\xa6\x00\x98\xfc\x88\x93V\x8e&gt;\x9fo\xd1\xa2E\xf3\xe7\xcf_\xb9r%O\xdbolnz\xf7\xea?\xf6\x9c\x89\xfd\xfb\x0e\xce\xeb\xd45\xde\x93\xa0iZ(\x1c\xe4\x16\xc7\\{\xfe\x81D{%a\x8c\xed6\x87\xa2(u\xde\xda}\xfb\xf7l\xda\xb2\xee\xebo\x96l\xdb\xbe\x89\xffX\xf4\xd1H\x924r\xe4\xc8+\xae\xb8b\xf2\xe4\xc9n\xb7\x1b\x98\x1b\x02\x93\x9f\xc0\x14\x00\x93\x06xt7\xbaT\\\xb7n\xdd\xdbo\xbf\xfd\xe5\x97_\x1e=z\x14\x9c\xb4\xde\xcf\xe98b\xd8\x981\xa3\xc6\xf7\xed3\xd0f\xb3k\x9a\x16\x0e\x87\r\xa2#h\xba\x9e\xfft(\xa5\x94Q\t\xcb6\x9bMQ\x94p8\xb4e\xeb\x86e+\x96\xaeZ\xb3\xec`\xe1\xc9{\x826m\xda\x8c\x1b7\xee\xaa\xab\xae\x1a&lt;x0\xffO\xbc\\\xce|L&amp;\x1cS\x00L~\xe4%\x88.\xf9\x97/_\xce\xffk\xd4\x9a\xa4\xa6\xa6\x8f8k\xf4\x85S/\xed\xd6\xa5g\\\\\xbc\xaek\xc1`\x80Pb\xda\xfd&amp;\x81+\x01F\xd8\xe1p\xca\xb2R__\xb7;\x7f\xc7\xc2O\xde[\xf5\xdd\xf2\x8a\x8a2\xf0c\xcd\x1e=zt\xe3\r\x81\xe9\x172\xe1\x98\x02\xd0r9\xc9-\xb0\x7f\xff\xfe\x0f?\xfc\xf0\x8d7\xde\xe0K~\x8c17\x13\x8ab\x19&gt;t\xd4\xb9c\xce\x1b=j|rR\x8aAH(\x144\x88a\xda}A8\xb1\'\x90\xecv\x87\x84qUu\xe5\xf2\x15K\xbfZ\xf6\xf9\xea\xefWh\x9a\n\x1a=\xca6m\xda\xfc\xe5/\x7f\xb9\xe8\xa2\x8b:u\xea\x04L\xbf\x90\x89)\x00-\x13&gt;\xf3\xa3\x0b\xc0\xe5\xcb\x97\xbf\xf3\xce;\x1f~\xf8\xa1\xaa\xaa\xa0\xd1\xca\xb1}v\x87\xf3&amp;\\0q\xdc\xd4\xbc\x8e]!\x82\xc1`\x80\x9f\xb5b\xda}1\xe1N&lt;Y\x96\x1d\x0e\'\xa3l\xdf\x81=K\xbe\xfc\xe4\xf3/&gt;&gt;Tt\x104z\xac\x16\x8b\xe5\xa2\x8b.\xba\xfc\xf2\xcbG\x8f\x1e\xcd\xff !\xc4\x94\x81\x96\x89)\x00-\x8b\xc6\xa6_\xd3\xb4\xaf\xbe\xfa\xea\x85\x17^\xe0\xde\x9e\xa8\x81@\x08\x0f\x194\xec\xca\xcb\xae\x1b2hDBBb$\x12\xe6\x9d\x99M\x1b\x11\x13D#\xc6v\xbb\xddj\xb5\xd5\xd6\xd6\xac]\xbfj\xde\xbb\xaf\xaf]\xbf\x86\xd2\x86\xf8&lt;\xff\x81\xd1\xa3G\xdfz\xeb\xad\xe7\x9e{\xae\xa2(\xc0\x94\x81\x16\x89)\x00-\x85\x93L\xff\xbb\xef\xbe;{\xf6\xec={\xf6\x00\x00$I\xe2\x19&gt;I\x89\xc9S\'_&lt;\xf9\xbci\xdd\xba\xf4\x94$9\x10\xf4\x1b\x86\x0eMWOlB)e\x8cJ\x92\xect\xb8\x0cC\xdf\x9d\xbfc\xd1\xe7\x0b&gt;Y\xf4AuM\x15h\xf4\xd0\xbbv\xedz\xf7\xddw_v\xd9e\xa6\x0c\xb4@L\x01h\xfe\xfc\x12\xd3\x9f\xdb!\xef\xc2\xf3/\x9d&lt;\xf1\xc2\xac\xcc\x9cp8\x14\n\x87\x18c\x18\xa3\xd8o\xc5c\xc2\x08\xa1\x10B\xbb\xcdn\xb3\xd9\x8bK\n\x17-Y\xb8\xf0\xd3\xf7\n\x0e\xee\x03\xa6\x0c\xb4xL\x01h\xce\xfc\x8c\xe9\x97eY\xd7u\x00\xc0YCF\x9e?\xe9\xa2qc\xa7$$$\x06\xfc\xbe\x88\x1a1\x1b\t4Kx3\x0f\xab\xc5\xeat\xb9kkk\xbe\xfc\xfa\xb3O\x17\x7f\xf8\xdd\xda\x95\xa0\xd1\xcb`\xca@K\xc3\x14\x80f\x0b!\xe4\xb4\xa6?\xea\x02\x1e:x\xe4\r\xd7\xde&gt;\xfc\xacsdY\xf6\x07|\xba\xae\xf3\xce\xfbM&lt;n\x93?\x13~J\x81,\xcb.\xa7[\xd7\xf5\xd5\xdf}\xf3\xea\x9b\xcf}\xbfn%h\xf4b\x9c*\x03f\xc2hs\xc5\x14\x80fH\xb4\xd8\xe7$\xd3\xcf\xd3\x01eY&gt;o\xfc\x05\xe7O\xbah\xf8Y\xe7 \x8c\xfc~\x1fc\x14c\xe9\x7f\xfe\xb5&amp;\xcd\tB\x0c\x08\x91\xcb\xe5\xa6\x84\xae\xfe\xee\x9bO\x17\x7f\xf8\xf9\xd2\x8f\xf9"\x80\xe7\x8c6\x96\x81\x93\x8a\x04M\x9a\r\xa6\x004+\x1aO\xd4\x0f&gt;\xf8\xe0\xf1\xc7\x1fo\xec\xf0\x91ey\xcay\xd3\xaf\xbd\xea\x96\x1e\xdd\xfb\x10\xc3\xf0\x07|\xe6\xacn\xe1\xf0\xb5\x82\xcb\xe9\xc6\x92\xb4s\xd7\xd67\xdf~\xf1\xb3\xcf?\xe2\xafJ\xd4)\xf4\xe0\x83\x0f^|\xf1\xc5\xc0\xac"n\x8e\x98\x02\xd0Lh\xec\xee_\xb1b\xc5\xacY\xb3xrgt&amp;\x9f7~\xeam7\xdf\xd7\xadKOMS\x83\xa1\x00\x80\x10#\xd3\xf4\x9b\x00\x00\x00\xa1\x040\xe6\xb0;\x15\xc5\xb2;\x7f\xc7\xf3/=\xf1\xf9\xd2O@\xa3\x97g\xf4\xe8\xd1\xf7\xdf\x7f\xff\xa8Q\xa3\x80\x19\x18h^\x98\x02\xd0\x1c\x88zi\xf7\xec\xd9\xf3\xcc3\xcf\xcc\x993\x07\xfc8\xcc{\xfd5\xb7\x8f\x18&gt;\x9aR\x1a\x08\xfa\xcd\n^\x93\xd3\xc2+\x8a\x9d\x0e\x17Bh\xd5\xea\xe5\xaf\xcdy\xee\xa4\x10\xf15\xd7\\s\xd7]wu\xed\xda\x15\x98\x81\x81\xe6\x82)\x00\xb1\xcd\x89\xd2-T__\xff\xd4SO=\xf1\xc4\x13\x9a\xa6Es\xfbzv\xefs\xcf]\x0f\r\x1br6\xc2\xd8\xef\xf7\xf1\x9fl\xe2\x11\x9b\x88\r\x7f\xa3\\.7%d\xcd\xdao\x9fz\xe6\xd1\x1d\xbb\xb6\x82\x13\t\xa3\x8a\xa2\xdcw\xdf}\xf7\xdcsO\\\\\\\xf4\xddk\xe2\x11\x9b\xfc\x0eL\x01\x88U\x1a\xfb|&gt;\xf8\xe0\x83\x87\x1f~\xb8\xa0\xa0\x00cL(\x01\x0c\xe4\xe6t\xfa\xcb\xd5\xb7N\x994\xdd\xe1p\xfa|\xf5\xa6\xaf\xdf\xe4W\xc1\xdd\xfdnw\\0\x18\xf8l\xf1Go\xbc\xf5BA\xe1~\x00\x01F\x98\x10\x92\x9b\x9b;s\xe6\xcch`\xc0\xf4\x08\xc5.\xa6\x00\xc4$\x8d}&gt;\xf7\xddw\xdf\x97_~\tNl\xd5\x13\x12\x92\xae\xbe\xe2\x86\xeb\xaf\xbd\xdd\xed\xf6\xf8|^s\xabn\xf2\x9b\xe1/\x0f\x7f\x91^{\xf3\xb9\xb7\xe6\xbfZ[[\x1d\xf5\x08\x8d\x1b7\xee\x89\'\x9e0=B1\x8d)\x001Ft\xe1\xdf\xd8\xe7\x13\x9d\x93\xd3\xa6^v\xf7\x1d\x0ffg\xe6x\xeb\xeb\x0cbHfr\xa7\xc9\xef\x86\xbfH\x9e\xb8\xf8\xa2\x92\xc2\xd9\xff}|\xc1\'\xef\x82\x13\xab\x8d\xc6\x1e!s+\x10\x8b\x98\x02\x10K\x18\x86\xc1\x8fe\xff\xf2\xcb/\xef\xbc\xf3\xce\x06\x9f\x0f!\x00\x80\x9e\xdd\xfb\xdcw\xf7\xc3g\x8f\x18\x1b\x0c\x05#\x91\xb0$a\xb3\x8b\x83\xc9\x1f\x073\x0cb\xb5\xda\x1cv\xc7\xb7\xab\xbe~b\xf6L\x1e\x18\xe0\xaf_nn\xee\xb3\xcf&gt;;n\xdc8\xd0\xe8\x155\x89\tL\x01\x88\r\xa2\x0b\xff\xb2\xb2\xb2\xbf\xfe\xf5\xaf\x1f|\xf0\x01h\xe4\xf3\xb9\xed\xa6{\xaf\xb8\xf4Z\x9b\xd5\xee\xad\xaf3\xabyM\xfe$x\x15\xb1\'.&gt;\x1c\t\xcd\x7f\xef\xcd\xe7_~\xb2\xb1G\xe8\xe2\x8b/~\xfa\xe9\xa7\xd3\xd3\xd3\xcd\xad@\x0ca\n@\x0c\x10]U}\xf0\xc1\x07\x7f\xfd\xeb_\xcb\xca\xca\x14E\xd14\r\x00p\xe1\xd4\xcb\xfez\xc7\x83Y\x19\xed\xebMw\xbf\xc9\x19\x81\xbffqnOq\xe9\xa1\xa7\xff\xfb\xf8\xc2O\xde\x05\x00\xf0\x172==\xfd\xe9\xa7\x9f\xe6\xc1as+\x10\x13\x98\x02 4\xa7]\xf8\xf3\x84\xbc\xcc\x8c\xf63\x1fz\xe2\xdc\xd1\xe7\x05\x82\x81\x88\x1a6\xdd\xfd&amp;g\x12\x83\x18V\x8b\xcd\xe9p~\xb5\xfc\xf3\x87\x1f\xbd\xaf\xa4\xf4P4\xf9\xd8\xdc\n\xc4\x10\xa6\x00\x88KtE\x7f\xd2\xc2\x1fc|\xd3uw]\x7f\xed\xedI\x89\xc9u\xdeZ\xd3\xe7c\xd2$p\x8fP\xbc\'\xa1\xba\xa6\xea\xb57\x9f{\xf9\xf5g\x08!\xa7n\x05\xcc\x8d\xa9\xc8\x98\x02 "|jI\x92TSSs\xeb\xad\xb76^\xf8\xf7\xe8\xd6g\xe6CO\x0c\x1e8\xac\xde\xe7\xd5u\xcdl\xe2f\xd2\xb4\x10b\xc8\xb2\x12\xe7\xf6\xac\xdb\xb0\xe6\xe1G\xef\xdb\xb9{k\xe3\xad\xc0\x0b/\xbc\x90\x98\x98h\x18\x86\xb9L\x11\x13S\x00\x84\x83\x9f\xd3\r\x00\xf8\xfa\xeb\xafo\xbf\xfd\xf6\x82\x82\x82\xe8\xc2\xff\xd6\x1b\xef\xb9\xed\xa6{-V\xab\xcfWo\xce(\x13A\xe0\xeb\x15\xb7;N\x8dD\x9e\x7f\xf9\xc9\x17^y*\xba\x15\xc8\xcd\xcd}\xee\xb9\xe7\xc6\x8e\x1d\x0b\x1a\xbd\xd8&amp;\xe2`\n\x80X\xf0\xd0\x99a\x18\xf7\xde{\xef\xb3\xcf&gt;\x0bN\x84\xd7zt\xeb=\xf3\xa1\'\x07\r\x18\xe6\xad\xaf5\xf7\xd4&amp;\x02\xc2_KO\\\xc2\xfa\x8dk\x1e~\xf4\xde\x9d\xbb\xb7ES\x15\xee\xbc\xf3\xce\'\x9f|\x92\xbf\xd8fdX(L\x01\x10\x85\xa8\xdb\xe7\xe0\xc1\x83W_}\xf5\xda\xb5keY\xd1u\r\x00p\xf5\x957\xfe\xfd\xfe\xc7\x15\xc5\xe2\xf3\x9b\x0b\x7f\x13qi\xd8\n\xb8\xe24M}l\xd6\x83o\xcd{\x05\x00\xc0_\xe3!C\x86\xbc\xf5\xd6[\x1d:t0\xddABa\n\x80\x10Dw\xc7\x1f}\xf4\xd1\xcd7\xdf\\SSc\xb1XTUMNJy\xf2\xdf/\x9d;\xfa&lt;3\xcb\xd3$V\x88\xe6\x89~\xb5\xfc\xf3{\xffvsUu%\x7f\x99\x13\x13\x13_z\xe9\xa5\xe9\xd3\xa7\x03\xd3\x1d$\x0c\xe63hz\x0c\xc3@\x08\x19\x86q\xd7]w]t\xd1E555\x92$\xa9\xaa:n\xec\xe4/&gt;\xfdn\xcc\xa8\t5\xb5\xd5f77\x93X\x01c\xcc\x18\xab\xa9\xad\x1e3j\xc2\x17\x9f~7n\xecdUUyF\xc3E\x17]t\xd7]wE_\xf8\xa6\x1e\xa9\x89\xb9\x03hj\xb8W4\xea\xf6\x89\xc6{\xffv\xef?o\xbc\xeeNM\xd3\xc2\xe1\x90\xe965\x89E\x0c\xc3\xb0\xd9\xec\x8a\xa2\xbc\xf2\xfa\xb3\xff~\xf2\x1f\xd1\xc8pcw\x90\xf9n7-\xa6\x004\x19\xd1"\xaf\x93\xdc&gt;\x19\xed\xb2\x9e\xfa\xcf\xcb\xc3\x86\x8c\xaa\xad\xab\x06f\xbfu\x93X\x86\x9f\x19\x90\x10\x9f\xb4f\xed\x8a{\x1e\xb8\xa9\xf4p\xf1I\xee \xb3X\xaci1\x8dK\xd3\xc0\xfb\xadc\x8cg\xce\x9cy\x92\xdbg\xd1\x82o\x07\r8\xab\xba\xa6\x12!\xf3\xe8.\x93\xd8\x86\xbf\xc3\xd55\x95\x83\x06\x9c\xb5h\xc1\xb7\'\xb9\x83f\xce\x9c\xc9\x03\xc2\xbc\xa1\xa1\xc9\x99\xc7\xdc\x014\x01|\xe7[WWw\xe3\x8d7~\xf4\xd1G\xbc\x9d\x16\xc6\xf8\x81{\xfey\xd3\xf5w\xaajDU#f\x85\x97Is\x82\x10\xc3b\xb1Z,\xd6\x97_{\xf6?O\xfd\x83\x10\xc2_\xfb\xe9\xd3\xa7\xbf\xf2\xca+\xf1\xf1\xf1\xa6;\xa8I0\x05\xe0L\xc3s$\x0e\x1e&lt;x\xd9e\x97m\xde\xbc\xd9j\xb5F"\x91\xe4\xa4\x94\x17\x9f\x9d;b\xd895\xb5\xa6\xdb\xc7\xa4y\xc2\xddA\x89\tI\xab\xd6|s\xcb\x9d3\xaa\xaa+\xf9\xcb\xdf\xaf_\xbfw\xdf}\xb7C\x87\x0ef\x9e\xdb\x99\xc7\x14\x803\n_\xe6\xac]\xbbv\xd2\xa4I\xb5\xb5\xb5\xdc\x1f\xda\xbbg\xbf\x97\x9f\x9f\xdf:\xbdm}\xbd\xd7\\\x04\x994o\x0c\xc3\x88\x8b\xf3\x1c+;r\xd3mWl\xdb\xb1\x99O\x81\x84\x84\x84\xc5\x8b\x17\x0f\x192\xc4\xdc\x07\x9ca\xcc\x95\xe6\x19"Z\xe7\xf5\xfa\xeb\xaf\x8f\x181\xa2\xb6\xb6VQ\x14UU/\x99&gt;c\xe1\xfb_\'\'\xb5\xf2\xf9L\xebo\xd2\xfc\x91$\xc9\xe7\xf3&amp;\'\xb5Z\xf8\xfe\xd7\x97L\x9f\xa1\xaa\xaa\xa2(\xb5\xb5\xb5#F\x8cx\xfd\xf5\xd7%I"\x84\x98\xab\xd23\x86\xb9\x038\x13D\xcb^\xee\xba\xeb\xaeg\x9f}\x16cL)e\x8c=\xfa\x8f\xa7\xffr\xcd\xad&gt;_=\xa5\xc4t\xfb\xfc!\xf0\xf7\x991\xc6\x18\x03\x90\x7fj\xf8O\x10\x02\x08\xff\xf7Mf\x8c6\xfe#\x00B\xc0\x00\x84\x90g\xaa\x98\xf9*\x7f\x08\x94R\x84\xb0\xdb\x1d\xf7\xc6\x9c\x17\x1e\xfa\xe7_!\x84\x08!B\xc8\x9dw\xde\xf9\xcc3\xcf\x00\xb3R\xecLa\n\xc0\x9f\x0e\x7f\x95\r\xc3\xb8\xf9\xe6\x9b_\x7f\xfdu\x9e\n\xedv\xc5=?{\xce\x98s&amp;x\xeb\xeb\xa2\xc6\xc5\xe4\x97\xc3\xdf[\xca(`\x801\xc6o!\x84H\x96e\xc6\x80EQ\x10\xc2\x0c0I\x92 D\x000\x08 \xa5T\xd75\x00!\xf8\xa9w\x1eB\xc0\x98,+\x08!\x06\x18\x00\x901j\x18\x06\x04\x90R\xa2j\x1a\x84@\xd7u\xae\x10\xfc\x1f\x05\x10 \x88\x80)\x0c\xbf\x1e.\xd2\x9e\xb8\xf8e\xdf|q\xdb\xdd\xd7\xf8\xfc\xf5|j\\w\xddu/\xbd\xf4\x92$I\xa6\x06\x9c\x01L\x01\xf8s\xe1q\xad\xba\xba\xba\xf3\xce;o\xed\xda\xb5&lt;\xea\xd5\xaem\xd6\xf3\xb3\xdf\x1c4\xe0\xac\xaa\xea\xe3\x92$7\xf5\x18c\x03^6\xd1`\xeb\x11\x94%\x19c,\xcb\nF\x18cl\x18\x06eTU#\xb5\xb55\x08\xa1\xe2\xd2C\xc1`\x00c\xbcw\xdfn\xbf\xdf\x07\x00@\x18{\xbd\xb5\x07\n\xf6\xfe\xcf\x7f\xa8cng\x8f\'\x81\x12\x02\x00p\xb9\xdc\x9d\xf3\xba\x11B\x1c\x0egVF{JiBB\xa2\xc5bE\x10qg\x05\xa1D\xd75B\x88n\xe8\x8c2&gt;&lt;3\xb1\xfd\x97c\x18zrR\xab\xf5\x1b\xbf\xbb\xed\xeek\x0f\x1f)\xe6\x13d\xc8\x90!\x9f\x7f\xfey||\xbc\x19\x16\xfe\xb31\x05\xe0O\x84\xbf\xbe\xe5\xe5\xe5\x93\'O\x8e&amp;\xfct\xeb\xd2s\xfe\x9c\xcf\x12\x13\x93\xea}^\xd9\xb4\xfe?M\x83\xc5\x07\x0c\x02\x881VdEQ,\x92,\x13b\xe8\x9aV[W\xe3\xad\xaf++?Vz\xb8\xa8\xb2\xea\xf8\x91#%\xe5\x15\xc7\x02\x01\x7fIi\x11B\xc8[_\xf7\x87\x8f\xc7\x13\x17O)\xcd\xcc\xc8v:]i\xa9\xad\xdb\xb6\xcdLIn\x95\xd1.;=\xad\xb5\'.&gt;!&gt;QV\x14\x8c%C\xd75M\xd5t\x8d\x10\xc2\x07o\xea\xc1\xcf\xa3\x1bz\x9c\xdbSSS}\xc55Sv\xe7\xef\x88\xa6\x06-Z\xb4(--\xcd\xd4\x80?\x15S\x00\xfe,x&gt;\xc3\xe6\xcd\x9b\'O\x9e\\^^n\xb5X#j\xe4\x82)\x97&lt;\xf6\xc8l\x8b\xc5j6x8-|\x8d\x0f\x00C\x08[\x14\x8bb\xb1HX"\x84\xf8\x03\xbe\x8a\xe3e\x85\x87\n\xf6\x1d\xd8S\\\\x\xf8HIQ\xc9\xc1`0\x18\x89\x84\x9bz\xc8\xc0j\xb59\x1c\x8e\xec\xcc\x0e\xed\xdaffe\xe5\xe4u\xec\x9a\xd3&gt;7\xb5U\xba\xcb\xe9\xc6\x18\x1b\xc4\xd0TU\xd5TJ\t\x00\x90\xef\x0f\x9az\xc8\xc2\xc1\x9bF\xa8j\xe4\xef\x8f\xdc\xfd\xf1g\xef\xf3\xc9\x92\x96\x96\xb6h\xd1\xa2~\xfd\xfa\x99\xa9A\x7f\x1e\xa6\x00\xfc)D\xad\xff\xd8\xb1c\xeb\xea\xea\xb8ss\xfa\x05W&lt;\xf3\xe4\xab\xe1pH\xd35\x8c\xccEM\x03\xd1\x95\xbe\x84%\x8b\xc5jQ,\x10\xc1p(t\xf8h\xc9\xa1C\x05{\xf6\xee\xdc\xbb\x7fw\xe1\xa1\x82ceG\xc2\xe1\xd0/\xfc;-\x8aUQ\xac\x94\xd1\x04ORbB*\xa5\x04\x00\xe0\xb0\xbb\xb23\xf3(\xa5?\xb5\x1cg\x0c \x84\x8aJ\xf6\x05C~\x00\x00B\xb8\xa6\xb6\xa2\xd6[\x8d \xd2\xb4\x88\xaaE~\xe1\xbfn\xb3\xd9[\xa7\xb7\xcdi\x9f\xdb\xb9S\xb7\xae\x9d{\xb4o\x9f\xdb\xaeM\xa6\xcdng\x94\xa9\x9a\xaa\xaa\x11\x83\x18\xe6\xce\xe0$\x08%\x8a\xac\xd8l\xf6\xbb\xee\xbd\xe1\xa3\x8f\xe7\xf3)\x13\x1f\x1f\xff\xf5\xd7_\x9b\x1a\xf0\xe7a\n\xc0\x1fO4\xd9\xff\xbc\xf3\xce\xab\xab\xab\xe3\x15\x8f\x0f\xde\xff\xd8\x8d\x7f\xb93\x14\x0e\x9a\xa1-\x0e\xa5\x941\n!\xb2X,V\x8b\rc\xec\xad\xaf+9\\\xb4s\xe7\xd6\xfd\x07\xf2\xb7\xee\xd8TP\xb07\xfc\xbf\x16\xf8v\xbb\xd3aw\xa7\xa7f\xd8m\xce\xec\xccN6\xab\xa3}vgJHzj\x86\xc3\xee"\x94\xd8mN\x87\xc3\xc5(\xe5y&lt;\xb2$\xff\xfc\xeb\x0e\x01\xd0\r\x9d1\x06\x18\x83\x08\x05\x83\xfeP8\x80\x11\x0e\x86\xfce\x15\xa5\x08\xe3CE{\xc3\x91`Q\xc9\xfeP8PVQ\x1a\x0c\xf9B\xa1\xc0\xcf\x0f\xd2f\xb5\xe5\xe6v\xee\xd3\xb3\x7f\xa7\x8e]z\xf4\xe8\x93\xd9.\xdb\x13\x17O\x08\x89\xa8aUU\xf9M0_\tp"]\xc2ns\xbc\xf2\xc6\xb3\x8f\xcf\xfa;\x9f8\xf1\xf1\xf1\x9f\x7f\xfe\xb9Y"\xf0\'a\n\xc0\x1f\x0c\x7fM_\x7f\xfd\xf5\x9bo\xbe\xd90\x0c\xfe\x12?\xf6\xc8\xec\x9b\xae\xbb\xb3\xb2\xea\xb8\x99\xf0C)\xa5\x8cJX\xb6\xd9l\xb2\xac\x18\x86^ZZ\xb4k\xcf\xf6-\xdb6|\xb7veQq!!?\xd9%\xd8aw\xa5\xa7e\xa6$\xa5g\xb6\xcbm\xd7&amp;\'\xde\x93\xd4:-\xd3j\xb5\xc7\xb9\x12\x00\x04\xb2$S\xc6\x081 \x80\xba\xaeQJ\x00\x84\x94\x92\xc6}f\x18\xa3\xffs\x84\x8dSE1\xc6\x08a\xc0\x18BX\x96\x15\x06\x18\xc6\x12\x82P7t\xc0@\xbd\xbf6\x12\t\x1d+/\xa9\xf3V\x1f&gt;ZXr\xb8\xa0\xb2\xba\xac\xac\xbc\x84o N\x0b\xc6RvV\xceYCF\xf6\xed=\xb0{\xd7^\x19\x19\xd9\x92$\xeb\xba\x16\x0e\x87\r\xa2\xa3\x16\xaf\x04&lt;5(%\xb9\xd5\xcb\xaf?\xfb\xf7G\xee\xe6\xd3G\x92\xa4\x97^z\xe9\xba\xeb\xae35\xe0\x0f\xc7\x14\x80?\x92\xa8\xf5\xbf\xfe\xfa\xeb1\xc2\x94Q\xc6\xd8\xe3\x8f\xcc\xbe\xfe\xda\xdb+\xab*0\x96Z\xac\xf5?a\xf7%\xbb\xdd\xa1\xc8J\x9d\xb7v\xdf\x81=\x1b7}\xbf\xe6\xfbow\xed\xd9\x1e\x08D-&amp;\x04\xe0\x87\x17\xd2b\xb1e\xb6\xed\x90\xd1\xb6CVf^vF\xa76\xe9Y\t\x9ed\xc5b\xc5X\xa2\x84PJu]\xa5\x8c\xf2\xce\xf2\x8cQ\xeed\x07\x80E\x8d8\xcf\xdd\xff\x1d\x03\xffa~\xf0\xbf\x9f\x87(\xf8\xdf/I\x12\x82H\x96-\x08!\x841!\x86\xa6Fj\xbdUG\xcb\x8a\x8bJ\xf7\x17\x97\xec+=r\xb0\xe4\xc8AUm\xbc\x8f\xf9\xe1\x17t:]\xdd\xbb\xf6\x1a6\xf4\xec\x01\xfd\x87\xe6u\xec\x1a\xefI\xd0t-\x14\n\x1a\xc4h\xc9J\xc0\x18#\xc4HIN}\xed\xcd\xe7\x1e|\xe4n\x08!\x82\x88P\xf2\xdak\xaf\x99\x1a\xf0\x87c\n\xc0\x1fFc\xeb\xcfW.&lt;\xd9\x7f\xf49\xe3\xbd\xde\xba\x96\x99\xc9\xc0\xfd&lt;\x18Kv\xbbC\x96\x95\xfa\xfa\xba]\xbb\xb7/\xff\xf6\x8b\x95\xab\x96\x1d&lt;t\xe0\xb4\x7f\xc4\xe5\x8c\xcb\xce\xcc\xeb\xd2\xa9o^n\xaf6\xad\xb3\xd2R\xda)\x16+\x82\xd00\x0c]Wu\x83\xa7\xe13\xc8k\xb4\x9a\xb48+Zt\xc6W\xae\x10B\x08\x91,\xc9\xb2l\x91$\x892\xa6\xa9\x91\xf2\xca\xc3G\x8f\x15\xef+\xd8\x9e\xbf\x7fKQ\xc9&gt;\x7f\xa0\xfe\xb4\x7fU\x87\xf6\x1dG\x8e\x183\xfa\xec\t\xdd\xbb\xf5\x8a\x8b\x8b\xd7u-\x14\n\x12b\xb4X\xef\x10!\xc4\xe3\x89_\xfe\xcdR^"\xc0\'\x94\xa9\x01\x7f8\xa6\x00\xfc1\x9c\xd6\xfa\xcf{\xf3\x93\xc1\x83\x86WU\x1doi\xef+c\x8cR\x02!\xb2\xd9\xec\x16\x8b\xd5\xe7\xf3\x9ej\xf7!\xfc\xe1\xdd\xb3\xdb\x1c\xb99\xdd;w\xec\xd3\xa5S\x9f\xec\xcc\xbc\xc4\x84V\x8al!\xc4\xd0uM\xd3U^\xed\x05O\xd0t\xbf\xd6/\x82\x9d\x80\xd7\x88)\xb2E\x96\x15\x8c%MWkj\x8f\x17\x95\xec\xcb\xdf\xbfu\xef\x81\xad\x05\x85\xbbB\xe1 \xff#\x8doEc%p\xbb=\xaa\x1a\t\x87C\x8cQ\x84Z\xdc9\xba\x86a$\'\xb7Z\xb7~\xf5\x95\xd7N55\xe0O\xc2\x14\x80?\x80\x9f\xb2\xfe\x03\xfa\r\xa9\xa9\xad\x92e\xa5\xa9\x07x\xe6\xe0K~\x8bbu8\x9c\x115r\xf0\xe0\xbe/\xbe\xfa\xec\x8b\xaf&gt;;X\xb8\x9f\xff@cc\x97\x92\x9c\xde\xb3\xeb\xa0\x01}\xcf\xee\x90\xdd5-5C\x96d\x83\x18\x9a\xa6\xea\x86\xc6(\xe5\x0b\xeaX\xb7z\x8c\xb1\x86-\x0bB\xb2\xa4(\x8aE\xc2\x92n\xe8\xe5\x15\xa5\x07\x8b\xf6l\xdc\xf2\xed\x8e=\xeb+\xab\xca\xf8\x0f\xffH\tr:M8w\xca\x84s\xa7t\xe8\x90g\xb5X\x83\xc1\x80\xaaEZ\xda\x86@\xd7\xb5\xc4\x84\xe4\x8d\x9b\xd7\x9a\x1a\xf0\'a\n\xc0\xef\xe5g\xad\x7f\xb5,\xb7\x94R/\xee\xaf\xb0\xdb\xec\x16\x8b\xb5\xf4H\xf1\x9a\xef\xbf]\xbcd\xe1\xba\rkxP\x17B\x14\r\xc0\xb6k\x93\xd3\xbf\xf7\x88A\xfdFgev\xf4\xb8\x13\x01\x00\xaa\x16\xd14\x951\xc6\xdb9\xc4\xba\xd1\xff)N\x88\x01\x80\x10*\x8a\xc5\xa2X\x01\x00^_Mq\xc9\x81\xf5\x9b\x97o\xda\xb6\xea\xf0\xd1B\xfe\x93\xd1\xdb\x85\xb14x\xe0\xb0I\x13/\x1c6\xf4\xec\x8c\xb6Y\xaa\x1a\t\x85C\xdc\xab\xd6\x94\xbf\xc9\x19D\xd7\xf5\xc4\x84$S\x03\xfe$L\x01\xf8]\x98\xd6\x9f{{$Iv\xb9\xdc\x9a\xa6\xe5\xef\xdd5\xff\xbd\xd7\x97\xaf\xf8\xb2\xba\xa6\x12\xfcxI{\xc2\xee\x9f\x93\x9b\xd3\xdd\xe5\x8c\xd3\r]U#\x84\xe8\x004g\xa3\xffSp1\x00\x00`,[,VY\x92\xfd\x81\xfa\x82\xc2]\xeb7\x7f\xf3c%h\xb8\x81I\x89)\xa3G\x8d\xbb\xe2\xd2\xeb\xbat\xee\xae(\x8a\xdf\xef3\x0c\xbd\x85\xf8\x85L\r\xf8\xf30\x05\xe0\xb7\xc3_\xbe7\xdex\xe3\xba\xeb\xaek\x81\xd6\x9fRJ)\xb5Z\xad\x0e\x87\xb3\xae\xae\xf6\xcb\xaf\x17}\xba\xf8\xa3u\x1bV\xf3\xb4K\x84\x10?\x00$)1u\xf8\x90\x89\x83\xfb\x8d\xce\xcd\xe9\xc6\xed~$\x12\xe2\'bB\x04\xe1\xefJ\xd1i\x0e0\xde~\x941\x8c\xb1\xd5j?\xa1\x04\xbb\xd7m^\xbez\xed\x92\xea\x9a\n\xd0\xe8fb\x8c\x07\x0f\x1c~\xfe\xa4\xe9\xe3\xc6N\x8e\x8fO\x08\x06\x03\x91H\xa4%\x1c\x1dzZ\rx\xfd\xf5\xd7\xff\xf2\x97\xbf\x98\x1a\xf0{0\x05\xe07\xc2_\xbb\r\x1b6\x0c\x1e&lt;\x987#k9\xd6\x9f7l\xb0\xdb\x1d6\x9b\xfd\xf0\xe1\xe2w?\x98\xf3\xf9\xd2\x8f\x0f\x15\x1d\x04\x8dL\x95,+}z\x0e\x1b3\xf2\x82\xee\x9d\x07$%\xb6jl\xf7\x9b\xbd\xb5\xfa\xcd\xf0\x1b\x1bU\x82\xea\x9a\xe3\xbb\xf6n\\\xb6\xf2\xe3\xad;\xd6\xe8\xba\x06\x1a\xdd\xde\xf6\xd9\x1d\xce\x1b\x7f\xc1e\x17_\xd3\xae]V8\x1c\n\x85\x82\xcd\xfe\xc6\x9e\xa4\x01\xbc\x19\xdf\xbau\xeb\x06\x0e\x1chj\xc0o\xc6\x14\x80\xdf\x02oP\xb5y\xf3\xe6s\xcf=\xb7\xbe\xbe\x1eB\xe8t\xb8\xde~}\xc1\x80\xfeCkj\x9a\xb3\xf5\xe71^\x87\xddi\xb1X\xb7\xed\xd8\xfc\xd9\xe2\x0f?Y\xf4AuM\x15\x00@\xc2\x92A\x0c\x00@\xdb\xd6\xd9\xc3\x87L\x1c&gt;dbvF\'\x00A$\x12\xd2u\xbd\xd9\x9b\xa7?\x16\xae\x04\xb2,[\xadv\xc0@Q\xe9\xfe\xd5k\x97\xac^\xbb\xe4\xc8\xb1"\xd0\xe8V\'%&amp;O\x9d|\xf1\x94I\x17\xf5\xee\xd9OU#\xc1P\xa0yG\x89u]OLL\xda\xb8\xe9\xfb\xab\xae\x9b\x16\x08\xfa\x19cqqq_}\xf5U\xbf~\xfd\xcc\x9eq\xbf\rS\x00~5Q\xeb\xcf\xfb\xfcH\x92l\x18\xfa\xdb\xaf/\x1c\x7f\xee\x94\xca\xca\xf2\xe6\x9a\xf3\x135\xfd\x8a\xc5\xb2s\xd7\xb67\xdf~\xf1\xb3\xcf\x17\x9c\xb4,\xed\xdd}\xe8\xa8\x11S\x86\x0e8\xd7\xed\x8e\xd7\xd4HD\r\x81\x16\xe9\xdf\xff\xa3\x88\xc6\t\xac\x16\xbbb\xb1\xfa|u\xdfo\xfcj\xc5\xaa\xcf\xb6\xed\xfa\x1e\xfcx\xb35\xe5\xbci\xd7^uK\x8f\xee\xbd5Um\xde2\xa0\xebZJJ\xda\xd2\xaf&gt;\xbb\xea\xba\x0b\xf9\xd4\x8b\xf6\x0b25\xe07`\n\xc0\xaf\x83\xb7+\xa9\xaa\xaa\xea\xd2\xa5KUUU\xb4\xd3\xc353n\xaa\xab\xabi\x96\xcd\xfdy\xb36\x87\xdd\xd1\xc8\xf4\x7f\xa4\xeb\xfa\x0f\x06HRF\x0e\x9bt\xee\xa8\xe9]:\xf6Q\x14K0\xe87\x88\x81\x10\xfc%\xc7o\x99\xfc\x12x\xbb&lt;\tK\x0e\x87K\xd3\xd4\xfc\x03[\xbfZ\xf1\xd1\xca5\x8bu\xe3\x07\x01\x96ey\xcay\xd3\x1b\xc9@\xb0\xb96\x9b3\x0c=&gt;&gt;q\xce\xdc\x97\xa3\xbd"\x92\x93\x93\xf3\xf3\xf3\x93\x93\x93\xcdF[\xbf\x16S\x00~\x05\xdc\xdey\xbd\xdeq\xe3\xc6m\xda\xb4\x89\x9fg\xfd\xd8\xc3O\xdf\xf0\x97;\xaa\xaa+\x9b\xdf\xea\x83\x9fcl\xb5Zm6\xfb\xae\xdd\xdb\x1b\x99~\xcc\xfbkz\xe2\x12\'\x8e\xbdl\xf8\x90\x89\xed3\xf3\x08%\xe1p\x80R\xd6\xfc\xee\x838\x10B\x10\x826\x9b\x13#|\xa8d\xdf\xea\xb5K\x96|\xfd\xae\xb7\xbe\x06\x00\xc0\x1fJT\x06\xbaw\xeb\x15\x0e\x87"\x91\x08\xc6\xcd0S\x88\x10\x92\x9c\x94\xf2\xea\x1b\xff\xfd\xfb\xcc\xbf\xf2i\xd8\xbf\x7f\xff/\xbf\xfc\xd2\xe3\xf1\x00\x00L\r\xf8\xe5\x98\x02\xf0K\xe1\xe5\x9d\x10\xc2!C\x86\xac_\xbf\xdeb\xb1\xaaj\xe4o\xf7\xfe\xf3\x9e;\x1f*?~\xac\xf9\x1d\xedb\x18\x86\xa2(.\xa7\xfbX\xd9\x91\xe7^z\xe2\xbd\x0f\xdf:\xd5\xf4O\x18siZ\xab\xb6j\x83\xb7\xc7\xf4\xf2\x9f!(\xa5\x000\xab\xc5n\xb1X\xcb\x8f\x1f\xf9b\xd9{\xa7\xca\xc0\xa5\x17]}\xfb\xcd\xf7\xb5No\xeb\x0f\xf84Mk~1R\xdd\xd0\xd3Z\xb5~\xea\xd9G\xff\xfd\xe4?\xf8d\x1c4h\xd0\xda\xb5kO\xf4\xe4hn\x9a\xf7\'a\n\xc0/\x82\xaf\x85%I\xba\xfe\xfa\xeb_\x7f\xfdu~h\xd1\xb4\x0b.\x9f=\xeb\x95@\xc0\xdf\xcc^8~tIB|b\xc5\xf1\xf2\xb7\xe6\xbd&lt;\xff\xfd7kj\xaaNk\xfaC\xe1\xa0\xa6E\x10B\xa6\xb7\xe7\xcc\xc3\x18\xa5\x94*\x8a\xd5ns\x9cV\x06\x12\x13\x93\xaf\xb8\xe4\xda\xab\xaf\xbc)\xb5UZm]\r?f\xa7\xa9G\xfd\x87\xc1\x17dN\xa7\xeb\xee\xfbo\\\xf0\xf1;|J^w\xddu\xaf\xbd\xf6\x9aa\x18\xcdr\xdf\xf3g`\n\xc0/\x82\xe7\x99\xddu\xd7]\xcf&gt;\xfb,\x7f\xd5\xa6\x9c7\xfd\xa5\xff\xce\xf5\x07|\'\x1a\x935\x07\xb8\xce\xb9]n\x83\x90\x85\x9f\xbc\xfb\xd2k\xb3\x8bK\x0e\x81\x13\x06\xe5t\xa6\xdf\x9cfM\x0c/\xc4;U\x06\xa2\x82\x9d\x95\xd9\xfe\xe6\xeb\xef\xbep\xeae\x12\xc6&gt;\xbf\xaf9YF&gt;\xf5\\N\xf7\xcdw\xcc\xf8\xec\xf3\x8f\xf8\xc4\xbc\xf3\xce;\x9fy\xe6\x1931\xf4\x17b\n\xc0\xff\xa6q\xb9/w8v\xed\xd2c\xc1\xbb_\xf1\x00T\xb3\xf1{\x18\xc4\xb0(V\xa7\xd3\xb5~\xc3\x9a\'\x9f\xf9\xe7\xba\rk\x00\x00&lt;\xd1B\x92\xe4i\x93\xaf\x9b&lt;~FjJ\x1b\xd3\xf4\x0bHc\x19\xa8\xa8&lt;\xbah\xe9\xdc\x05\x8b^\xe7\x0f\xce0t\x00\xc0\xe0\x81\xc3\xee\xbd\xeb\x1f\x83\x06\x0e\x0b\x04\xfc\xaa\x16\x91\x9aK\'\t\x1e\xfd\xd6u}\xdae\xe7\xee\xc9\xdf\xc9\xa7\xa7Y$\xfc\xcb1\x05\xe0\x7f\xc0s\xcb\x1a\x17|\xb5i\xdd\xee\x8bO\xd7\xb8\\q\x91H\xb8y\x04&lt;yp;.\xceS^q\xec\xb9\x17\x9fx\xe7\xfd7\t!\x8ab\xd14\x15\x000f\xe4\x05S\xcf\xbb\xb6cN\x8fp\xc44\xfdB\x13\x95\x01\x9b\xd5q\xa0p\xe7\'\x9f\xbf\xb9l\xe5\xc7\x00\x00\xfe(1\xc6\x97_r\xed\xed\xb7\xdc\x97\x96\xda\xba\xbe\xde\x0b\x9aK\xb0\x94\x10b\xb5\xda\xfc\xfe\xfa\t\xe7\x0f;z\xecp\xe3\x02131\xf4\x7fb\n\xc0\xcf\xc1\xb3\xca\x8a\x8b\x8b\xfb\xf6\xed\xfbC\xc1\xd7\x1b\x0b\xfb\xf4\x1a\xe0\xf3\xd57\x8f\xf5\x85a\x18\x0e\xbbC\x92\xe5\x8f?}\xff\xf1\'\xfe^YY\x811\xe6\xed\x1czv\x1dt\xf1\x057\x0f\xe8s\xb6\xa6G\xc2\xe1PsM+lf\xf0\xb4]\x9b\xcd\xae\xc8\xd6\x8d[\xbf\xfd\xe0\xe3\x97v\xecY\x0f\x00\xe0\x8f5%%\xf5\xc1\xfb\x1e\xbb\xe0\xfcK\x0c]\x0f\x86\x82\xcd\xe6\x1dv\xbb\xe3\xb6n\xdfx\xd5_.\x8c\x16\x88m\xd9\xb2%++\xcbL\x0c\xfdyL\x01\xf8I\xf8\x9d\xf1z\xbdc\xc6\x8c\xd9\xb2e\x0b?\xa5\xfa\xed\xd7\x17\x8e\x1f;\xa5\xb2\xaa\xa2\x19\x94\xfb\xf2\x85\x7fB|\xe2\x9e\xbd;\x1f\xfd\xf7\xdfV\xad\xf9\x06\x00\x80\xb1D\x88\x91\x18\x9fr\xe5%w\x8d={\xba,\xc9\xfe\x80\x17"\x84\xcc0oLA\x19e\x94\xba\x9c\x1e\xdd\xd0\xbf\xfe\xf6\xa3y\xef?SSW\xc9\x1f.\x00`\xc4\xb0s\x1e\xfa\xdb\xbf\xbbv\xeeQ[\xc7\x83\xc61\xffpu]OIN]\xfa\xf5gW]w!\x9f\xaa}\xfb\xf6]\xb6l\x19O\x0c5\x17.?\x85)\x00?\t\xf7!N\x9b6m\xe1\xc2\x85\xdc\xb78\xf3\xa1\'\xae\xbf\xf6\xf6\xda\xda\xeafP\xf0e\x18\x86\xc3\xe1\x84\x10\xbe5\xef\xe5\xa7\x9e},\x10\xf0\xcb\xb2\xa2\xeb\x1aFx\xe2\xd8\xcb.\x9dv[JR\xba?\xe0\xe5G\x914\xf5`M~#\xfcX\x1e\x97\xd3SY]\xf6\xde\x82\xe7\x97|\xfd.\xa1\x84?h\xa7\xd3u\xcf\x9d\x7f\xbf\xfa\xca\x9b\x18c\xc1`\xa0\x19l\x05\x0cCOHHz\xed\xcd\xe7\x1e~\xf4&gt;&gt;a/\xbc\xf0\xc2\x05\x0b\x16\x98\xc1\x80\x9f\xc1\x14\x80\xd3\xc3_\x9a\x993g&gt;\xf2\xc8#&lt;\xbb`\xfa\x05W&lt;\xf7\xf4\x1bu\xde\xdaX_.E\x17\xfe\xf9{w=\xfc\xd8\xbd\xdf\xad]\t!\x04\x102J;v\xe8q\xf3\xb5\x0fw\xef&lt; \x1c\th\x9a\xdar\x9a\xce7o\x081\x14\xc5b\xb3:w\xed\xdd\xf8\xd2\x9b3\x0f\x1c\xdc\t\x11\xe2y\x94g\r\x199\xf3\xefOv\xe9\xdc\xbdyl\x05(\xa5\xf1\x9e\x84\xdb\xff\xfa\x97\x8f&gt;\x9e\xcf\xa7\xed#\x8f&lt;\xf2\xf0\xc3\x0f\x9b\x1a\xf0S\x98\x02p\x1ax\xec\xe8\xe3\x8f?\xbe\xf0\xc2\x0by\x00\xadg\xf7&gt;\x9f~\xf8\x8d\xa6k\xb1\x9e\xf4i\x18\x86\xcdf\x97%\xf9\xcd\xb9/\xf2\x85?\xff\x05\xed6\xe7U\x97\xde=a\xcce\x8ab\t\x06}f\xa4\xb7\x99\xc1\xe3\xc3\x0e\x87[\xd3\xd4/\x96\xbd\xfb\xf6{\xb3C\xe1\x00\x7f\xf4|+p\xed\x8c[tC\x0f\x87C1m(\xf9\xf4Td\xe5\xfc\x8b\xce\xd9\xb1k+\xff\x05\x17.\\x\xc1\x05\x17\x98\x01\xe1\xd3b\n\xc0\xc9PJ!\x84&lt;\xf0\xeb\xf3\xf9\x18c\xf1\x9e\x84/\x17\xadMJJQ\xd5HL/\x91\x0c\xc3\x88\xf7$\x1c=v\xf8\x91\xc7\xee[\xfa\xf5"^\xbfF)\xed\xddc\xe8-\xd7&gt;\xdc&gt;\xab\x8b?\xe0\xa5\x94\x98&gt;\x9f\xe6\n\x7f\xb8.\xa7\xe7Pq\xfe\x8bo\xce\xdc\xb6\xf3{\x84\x10\xaf\xa8\x1a?v\xf2#\x7f\x7f\xa2M\xebvu\xde\xda\x98\xd6\x00J\xa9\xc5b\xad\xae\xae\x1c7yH\x9d\xb7\x16B\xe8v\xbby@\x981\x16\xd3\xf3\xf7\xcf\xc0\x14\x80\x1f\xc13(\x00\x00C\x87\x0e\xdd\xb0a\x83,\xcb\x94\xd2\xf7\xe7~&gt;x\xd0\xf0z\x9f7v\xb3\xa7\xb9\xaa\xc5\xc7\'~\xf9\xf5\xa2{\xffvsUu%_\x1c\xd9\xac\xf6\xab/\xbbg\xca\xf8\xab\x18`\xe1p\xd0\xf4\xf9\xb4\x04\x081l6\x07\x04\xf0\xb3\xa5o\xbf\xf5\xeeS\xe1H\x88\xbf\x0c\xc9I)O\xfe\xfb\xa5qc\'\xd7\xd5\xd5\xc4\xb4\xad4\x88\x11\xe7\xf6\xac[\xbf\xfa\x92\x19\xe7!\x84t]\x1f8p\xe0\xf7\xdf7\xb4P5\xb7\xb6\x8d\x89\xd5g\xfc\'\xc1\xf7\x89\xf7\xdcs\xcf\x86\r\x1b,\x16\x8b\xae\xeb\xf7\xdd\xfd\xf0\x88a\xa3\xeb\xebc\xd8\xfa\x1b\x86a\xb1Xm6\xfb\xe3\xffy\xf0\xaa\xeb.\xac\xaa\xae\x94eY\xd3\xd4\x8e9\xdd\x9fz\xf4\x83\x8b\xce\xbf)\x1c\tE"a\xd3\xfa\xb7\x100\x96"\x91p8\x12\xba\xe8\xfc\x9b\x9ez\xf4\x83\x8e9\xdd5M\x95e\xb9\xaa\xba\xf2\xaa\xeb.|\xfc?\x0f\xdalv\x8b\xc5j\x18FS\x8f\xf47"a\xa9\xbe\xde;b\xd8\xe8\xfb\xee~X\xd7u\x8b\xc5\xb2a\xc3\x86{\xee\xb9\'\x9a\xdfl\x12\xc5\xdc\x01\xfc@c\xd7?\xcf"\x18s\xce\x84\xb7^[\xe0\xf3\xd5\xc7\xf0j\xc80\xe2\xe3\x13\x8e\x1c)\xf9\xeb\x037\x7f\xbfne\xb44\xf4\xb2i\xb7^z\xe1m\xb2\xac\x04C\xfe\xd8\xd56\x93\xdf\x83A\x0c\x87\xdd\xa5\xeb\xda{\x0b\x9f\x7fw\xc1\x0b\xe0D\xe1\xf7\xd0\xc1#\x9f\xfe\xcfKm\xdbf\xd6\xd5\xc5\xb0;\x88R\xeav\xc7]}\xfd\xb4e\xdf|\xc1\xa7\xb3\x19\x0c8\x15S\x00\x1ah\xec\xfa\xf7\xfb\xfd\x94\xd2\xd6\xe9m\x97|\xbc\xda\xe9ri\x9a\x16\x8b\x02@)\x85\x10x&lt;\t_-\xfb\x9c\xbb},\x8aE\xd5\xd4xO\xd2_oyb\xe8\xa0s\xfd~\xd3\xe3\xdf\xd2i\x88\n\xb8&lt;\xdf\xaf\xff\xea\xe9\x17\xef\xab\xf3V\xf3\x97\x84\xbb\x83\xce\x1ds\x9e\xd7[\xcbXLf\x07QJ\x15E\t\xf8\xfd\x13/\x18~\xac\xec\x08B\xc8\xe5r\x99\xc1\x80\x930\xef\x02\x00\':\x0bRJ/\xbb\xec\xb2\xba\xba:\x1e\x1d\x9d=\xeb\x95\xa4\xa4\x14~\xe8vS\x0f\xf0WC\x08\x91e\xd9\xe1p=\xff\xd2\x93\xdc\xed#I\xb2\xaa\xa9\xbd\xbb\x0fy\xe1\x89\xc5\x83\xfb\x8f\xf6z\xabY\xf3j\x0fi\xf2\x1b@\x083\xc0\xbc\xde\xea\xc1\xfdG\xbf\xf0\xc4\xe2\xde\xdd\x87\xa8\x9a*I\r\xee\xa0\xe7_z\xd2\xe1p\xc9\xb2\x1c\x8b\x9e\x13\x84P$\x12IJJ\x99=\xeb\x15&gt;\xa3\xeb\xea\xea.\xbb\xec2~\xdc\xa6\xb9\xf0\xe5\xc4\x9ei\xfb38\xad\xeb\x7f\xf8Y\xe7x\xebcr\x0bl\x10\xc3n\xb3\xeb\xba~\xd7\xbd\xd7?&gt;\xeb\xef\xfc\xac\x02\xc3\xd0/\x9bv\xeb\x7f\x1e\x9e\x9f\x10\x9f\xec\xf3\xd7a,A`F\xc3L\x00\x04\x10c\xc9\xe7\xafK\x88O\xfe\xcf\xc3\xf3/\x9bv+w\x12\xca\x92\xfc\xf8\xac\xbf\xdfu\xef\xf5\xba\xae\xdbmv~\nql!I\x92\xb7\xbev\xf8Y\xe7\x98\xc1\x80\x9f\xc2t\x015X\xff\x15+V\x9cs\xce9\xdcW8\xf6\x9c\x89s^\xfd\xc8\xe7\x8fI\xd7\xbfa\xe8nW\\\xf9\xf1\xb2ko\xbch\xf7\x9e\x1d\xfc\xac\x0c\xa7\xc3\xfd\xc0]\xcf\x0e\x1dp\xae\xcf_\xc7\x003\xfb:\x98\x9c\ne\x14\x02\xe8v\xc5\x7f\xbf\xf1\xab\xff&lt;sg \xe8\xe3/O\xb7\xae=\xdf|\xe5\xc3\xb4V\xe9&gt;\x7f},\xd6\xc0SJ\xdd\xae\xb8kn\x98\xfe\xf57K\xf8\x04\xff\xe6\x9boF\x8d\x1ae\x06\x03\x80)\x00|3\xe8\xf5z\xfb\xf7\xef_\\\\\x0c\x00H\x88O\xfcr\xd1\xda\xc4\xc4\xe4X\xcc\xfa7\x0c#9\xb9\xd5\xdau\xab\xae\xbb\xe5\xd2\xea\xeaJ\x8bbU\xb5H\x87\xf6]\xffv\xd7s\x99\xed:\xd4\xfb\xea\xccx\xaf\xc9\xcfc\x10#\xce\x1d_r\xf8\xe0\xbf\x9f\xb9\xfd\xe0\xa1=\xfc\x15JJJy\xfd\xc5\xf7\x86\x0c\x1eQUu&lt;\xe6\xf6\xc4\xbc2\xa0\xa6\xa6j\xdc\xe4!\xbc\xe09++k\xd3\xa6M\x1e\x8f\xa7\x99\x1d\xe5\xf4\x1b\x881\x03\xf7\x87C\x08A\x08\xddt\xd3M\x87\x0e\x1d\x92$\x99R\xfa\xe4\xbf_j\x9d\xde\x967\xbfl\xea\xd1\xfd\n\xf8Y.\xc9I)o\xcf{\xe5\xf2\xab\'WWW\xca\xb2\xa2j\x91\xd1#\xa6&gt;\xf5\xcf\x0f\xda\xa4g\xf9L\xebo\xf2\x0b\x90\xb0\xe4\xf3\xd5\xb5I\xcfz\xea\x9f\x1f\x8c\x1e1U\xd5"\xb2\xacTWW^~\xf5\xe4\xb7\xe7\xbd\x92\x9c\x94B\x08\x89\xadU#B(\x1c\x0e\xb5No\xfb\xe4\xbf_\xa2\x94J\x92|\xe8\xd0\xa1\x9bn\xba\t!d:\x82b\xc9\xc6\xfd\xe1\xf0S\x1e?\xfa\xe8\xa3\x8f&gt;\xfaHQ\x14MS\xaf\xbc\xec\xba\xf1c\'\xc7\\1$\x9f\x90\xf1\xf1\x89\xaf\xbe\xf1\xdc}\x0f\xde\x1a\n\x87 \x84\xba\xae]7\xe3o\xf7\xdd1[\x96\xe4P8`\xa6\xf9\x9b\xfcB0\x96B\xe1\x80,\xc9\xf7\xdd1\xfb\xba\x19\x7f\xd3u\rB\x18\n\x87\xee{\xf0\xd6W\xdfx.&gt;&gt;\x11\x9cx\xe5b\x05I\x92\xea\xbc\xb5\xe3\xc7N\xbe\xf2\xb2\xeb4MU\x14\x85\xcfz~x@S\x8f\xae)i\xb9. ^\xf1[]]\xdd\xad[\xb7\x9a\x9a\x1aBH\xe7\xbcnK&gt;^\xad\x1bzl5\xfc\xa1\x94"\x88\x1c\x0e\xe7\xbd\xffw\xf3\xfb\x1f\xcd\x95e\xc50t\xab\xc5v\xd35\xff\x982\xe1\xaa:o5\x84\xc0&lt;\xb3\xd7\xe4\xd7\xc2\x18e\x0c\xc4{\x92&gt;\xfb\xe2\xed\x97\xe7\xfc3\xa2\x86%I\xd6u\xed\x92\xe93\x9e\xfc\xd7K\xc1`\x80\xb2Xj\xb5\xcf\'\xb5,\xc9\x13/\x18\xbew\xdfn\x8cqbb\xe2\xee\xdd\xbb\x93\x92\x92@\xecw\xc1\xfb\xcd\xb4\xd0_\x1b\x9c8\xec\xe5\xb6\xdbn\xab\xac\xacD\x08I\x92\xf4\xaf\x99\xcf\xca\x8aB\x08\x89!\xebO\x08\x91e\xc5\xe5v\xdf}\xff\r\xdc\xfa\xeb\xba\xe6\xb0\xbb\xfe\xf3\xf0\xfc\xc9\xe3g\xd4\xd4\x1e7Ol7\xf9m@\x88\x10B5\xb5\xc7\'\x8f\x9f\xf1\x9f\x87\xe7\xf3\x921YV\xde\xffh\xee\xdd\xf7\xdf\xe0r\xbbeY\x89\xa1\xe53\x84\x90\x10"+\xca\xbff&gt;+I\x12B</t>
        </is>
      </c>
    </row>
    <row r="226">
      <c r="A226" s="1" t="n">
        <v>224</v>
      </c>
      <c r="B226" t="inlineStr">
        <is>
          <t>rectangle_height_color</t>
        </is>
      </c>
      <c r="C226" t="inlineStr">
        <is>
          <t>What is the missing color of the part denoted with a question mark?</t>
        </is>
      </c>
      <c r="D226" t="inlineStr">
        <is>
          <t>['green', 'purple', 'orange', 'red']</t>
        </is>
      </c>
      <c r="E226" t="inlineStr">
        <is>
          <t>red</t>
        </is>
      </c>
      <c r="F226" t="inlineStr">
        <is>
          <t>There are 7 rectangles in the image with varying colors and lengths. The lengths from left to right are ['long', 'medium', 'short', 'long', 'medium', 'short', 'short']. The colors from left to right are ['purple', 'blue', 'red', 'purple', 'blue', 'red', '?'].</t>
        </is>
      </c>
      <c r="G226" t="inlineStr">
        <is>
          <t>We observe that the purple rectangles are of long length and the blue rectangles are of medium length. Hence, the pattern is that the color of each rectangle corresponds to its length.</t>
        </is>
      </c>
      <c r="H226" t="inlineStr">
        <is>
          <t>Based on the pattern that the color of each rectangle corresponds to its length, the missing color of the part denoted with a question mark should be red.</t>
        </is>
      </c>
      <c r="I226" t="inlineStr">
        <is>
          <t>b'\x89PNG\r\n\x1a\n\x00\x00\x00\rIHDR\x00\x00\x02\x00\x00\x00\x02\x00\x08\x02\x00\x00\x00{\x1aC\xad\x00\x00=\tIDATx\x9c\xed\xdd{xT\xd5\xbd?\xfe\xcfZ{\xcfdf\x92\xc9\xcc\x10\x92pG\x81pQ,\x18nB,\xa0\x88`\xad\x8aV\x11\x15&lt;-\nZKm\xfczl\xeb\xf9\xf9\x14\xc1ok\x11&lt;\xa7\xb5\xedW\x0b"\x05+\xd2\x8a\xc7Zl!\x04[.\xb5B\x00\x05\x04\x02\x82\\%&amp;\xe4:\xb9\xccdf\xf6^\xeb\xf7\xc7\x16\x8a\xb4\x95\x102\x99\xbd\xb3\xde\xaf\xe7\xe9\xf3\xd0\tN&gt;:\x9f5\xef\xb5\xf6^{o&amp;\xa5$\x00\x00P\x0fOu\x01\x00\x00\x90\x1a\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94\x9e\xea\x02ZDJ\xd9\x8a\x7f\x8a1\xd6\xe6\x95\x80\x13\xa1\x7f\x00\xfe%\x9b\x06\x80\x94R\x08!\xa5d\x8c1\xc68o\xcdJ\xa5M\xde\x04\x9c\x08\xfd\x03\xd0\x12\xacu\x93\xa3$\xb1\x86\x1c\x11i\x9av\xee\xeb\xe1pX\x08\xc1XK\xab\xb5\xe6n\xc1`\xf0\xdc\x17\xad\xc1\xcc9\xc7\xcc\xae\xa3B\xff\x00\\\x14\xbb\x04\x80\x94\xd24M]\xff|E\xd2\xd0\xd0PRR\xb2u\xeb\xd6\x0f?\xf8\xb0\xba\xa6\xa6t\x7f\xa9a\x1a\x17\xfb\x9e\xfd\xfa\xf6\r\x86B#F\x0c\xcf\xcf\xcf\x1f9rd\xf7\xee\xdd\xad\xd7\r\xc3\xe0\x9ccB\xd7\x91\xa0\x7f\x00Z\xc1\x16\x01`\x9a\xa65e\x8b\xc7\xe3\xeb\xd6\xad[\xb1|\xc5\xf6\x1d;N\x9c8\xde\x86\xbf"\x18\x0c\r\x1f&gt;l\xea\xd4\xbbo\xbb\xed\xd6\x9c\x9c\x1c"2\x0cC\xd34\xcc\xe6:\x00\xf4\x0f@\xeb\xa48\x00\xac\xdf\xce\x18\x0b\x87\xc3K\x96,Y\xb1\xe2\xd5\x8f&gt;\xdas\xf6\xa7&gt;oF(\xd0%3\xa3sNV\xaft_@\x08\x93\xa8%\xe3M2\xc6L\xd38Uq(\x12\xad\xaf\xaa\xfd\xb4\xa1\xb1\xee\xec\xcf\xbav\xe9z\xdf\xf4\xfb\x1e|\xf0\xc1\x01\x03\x06\x10\x91\x10\x02S9\xe7B\xff\x00\\\x8aT\x06\xc0\xd9\x89\xdb\xb2e\xcb\x16,x\xee\xe0\xc1\x03\xd6\xebY\xa1\xae\xfd/\x1fqe^A\xf7.\xfd\x03\xfe\xcein\x1f\xe7\x1a\xe7\x9c.\xa6RI\xd24\r\xc3\x88\xd77U\x97\x9f&gt;z\xe0\xc8\xb6\x03\x9fl=U~\xd8\xfai(\xd4\xe9\xd1G\xbf\xfb\xd8c\x8f\x05\x02\x01\xc30\xce\x1e:\x00\x07A\xff\x00\\\xa2\x94\x05\x805z\xcb\xca\xcaf\xce\x9cYTTd\xbd\xd8=\xb7\xdf\xb8k\xa6\r\x1dt\x9d?\xa3\x93\x94d\x181\xc3L\x08)\xa8uE2\xc6\x19\xd3\xb8\xcb\xe5rs\xaeG\x9b\x1b\x0f\x1f\xfb\xe0/\xef\xbfv\xe0\x93\xad\xd6\xfb\r\x180`\xe9\xd2\xa5\x05\x05\x05\xd6\x19B,\xe7\x1d\x04\xfd\x03p\xe9R\x13\x00\xd6\xa4\xa9\xa8\xa8h\xe6\xcc\x99eeeD\x94\xdb\xb9\xf7\r\x05\xf7\x0f\xbb\xeaF\xaf\xc7\xdf\x1ck2\xcd\x04}&gt;\x00/uPI)%I\x92\x92s--\xcd\'\x85(=\xbcu\xc3{+\x0e\x1e\xd9NDn\xb7{\xc1\x82\x05\x85\x85\x85\x18\xc3\x0e\x82\xfe\x01h\x13)\x08\x00k\xf4.Y\xb2d\xf6\xec\xd9DD\x8c\xc6\x8e\xb8\xeb\xeb\x13\xbe\x9d\x99\x91\x15\x89\xd6\x0bar\xce[v\xac\xf6\xa2\t!\x18#\xaf\xc7/\x84\xb9q\xeb\xaa?\xfd\xf5\xa5hs\x13\x11\xcd\x9a5k\xf1\xe2\xc5\xa6ib\x93\x9f\xfd\xa1\x7f\x00\xdaJ{\x07\x80\xb5r?;z\xd3}\x99w}\xed\x07\xa3\xaf\xbe%\xd2\xdc`\x98q\x8d\xb7\xc7\xb1T!L\xc6\x98?\xbd\xd3\'\'v\xff\xf6\x0f\xf3N\x95\x1f\xa23c\x18\xf38\x9bC\xff\x00\xb4\xa1v\r\x80sG/c\xe4O\xcf\x9a5\xed\xb9\x01}G\x85\xeb+9o\xef\x1du\xa6i\xa4\xfb2\x1b\x1ak^|\xed\xb1\xe3\xa7\xf6J\xf9\x8fy\xdcy\x97\x11\x81M\xa0\x7f\x00\xdaV\xfb\x05\x80506l\xd80q\xe2D"\xca\xf0\x05\xffs\xf6o\xb2;\xf5\x8cD\xeb5-5\x9b(\x840u\xdd\xcd\xb9\xf6\x8b\xdf&lt;r\xe8\xd8N"z\xfa\xe9\xa7\xe7\xce\x9d\x8b}\x1d6\x84\xfe\x01hs\xed\x14\x00\xd6v\xe9\x8a\x8a\x8a!C\x86\x9c&gt;}\xda\xeb\xf1\x7f\xfb\xbe\x9f\xf5\xe95$\xd2\\\xdf&gt;\xcb\xf6/)\xcc\xe5rG\x9b\x1b\x7f\xb5b\xce\xc9\xf2\x83\x8cXQQ\xd1\xc4\x89\x131\x8f\xb3\x15\xf4\x0f@2\xb4\xd35,\xd6\x95\xfa3f\xcc\xa8\xa8\xa8 \xa2\xa97\x7f\x7f@\xdf\x91\x91h\x8aG/\x11q\xce\x13\x89\x98?\xbd\xd3\xb7\xee\xfa\x89\xcf\x93)\xa5\x9c1cFyy9c\xcc\xba\xab\x0c\xd8\x01\xfa\x07 \x19\xda#\x00\xac\xd9\xd0\xca\x95+\x8b\x8b\x8b\x89hL\xfe\x94\xd1\xf9\xb7\x85\x1b*S\xb5r?\x0f\xe7Z$Z\xdf-\xb7\xdf\x9d7=ND\x15\x15\x15O&gt;\xf9$\xe7\xdc\x0e7\xc9\x00B\xff\x00$M\xd2\x0f\x01I)\xa5\x94uuu\xa3F\x8d:r\xe4HV\xb0\xdb\xf7\x1fZ\xa1\xebi\xd6V\x8a\xa4\xfe\xea\x8b"\x84\x99\xee\x0b\xfcz\xe5\xe3\xbb\xf6\xff%--m\xcb\x96-\xc3\x87\x0f\xb7\xee\xfe\x98\xea\xd2\x94\x86\xfe\x01H\x9e\xa4w\xa7\xb59z\xd9\xb2e\x87\x0f\x1f\x16B\xdcp\xed\xfd\x99\x19\x9d\r3a\xab\xd1KD\xc4\x98a&amp;\xbe6~\x96\xcb\x95\x16\x8b\xc5\xe6\xce\x9d\xdb\xf2\xbb\x07C\xf2\xa0\x7f\x00\x92\'\xb9\x01 \xa5\xd44-\x1a\x8d\xbe\xf2\xca2\xc6Xn\xf6e#\xberSS4\xacq\xdb\x9d\x1f\xe3\x8c\xc7b\x91^\xdd\x06]}\xc5\xf5D\xb4i\xd3\xe6\xd2\xd2RM\xd3p$7\x85\xd0?\x00I\x95\xdc\x00\xb0\xae\x8b\xd9\xb0a\xc3\xfe\xfd\xfb\xa4\x94\x13F\xdf\xe7\xf3d\na&amp;\xf5\x97\xb6\x1ac,a\xc4\'\x8c\x99\x9e\xe6\xf6F"M/\xbf\xfc2\x11a\x00\xa7\x10\xfa\x07 \xa9\xda\xe3\x00\xe5\xb2e\xbfa\x8c\x05\x039C\xae\xb8.\x1akd\xcc\xa6GE\x19\xe3\xb1x\xa4g\xf7+\xf2.\x1f\xc6\x18{\xe3\x8d\xd5\x91HD\xd7u,\xe4S\x0b\xfd\x03\x90$I\x1cK\xd6\xfa=\x1c\x0e\x97\x94\x94H)\x07\xf4\x19\x99\x99\xd1\xd9\xb4\xe1\xd1\xdbs1\xe2\xc4\xae\x1a0NJYVvj\xf7\xee\xdd\x84I\\\x8a\xa0\x7f\x00\x92-\x89\x01`\xf5\xfd\x8e\x1d;N\x9d\xfa\x94\x88\xae\xecW@$\xc9\xce\xa3\x97\x88\x11\x8f%\x9a\x07\\&gt;\xdc\xe7\xc90Ms\xed\xda\xb5t\xe6\xa9#\xd0\xce\xd0?\x00\xc9\x96\xdc\x15\x00\x11\x95\x94\x94\x10\x91\'\xcd\xd7\xa3k\xffD"\xc6\x92s\x9b\xc6\xb6\xc2\x183\xcdx(\xd8\xa5sVO"\xda\xbe}\x07\x11a\'_J\xa0\x7f\x00\x92-\x89\xadi-\xd5w\xec\xd8IDY\xa1n\xc1\xccl\xc3L\xd8|\x00\x13\x91\x10\xc2\xed\xf2v\xcf\xcd#\xa2\xd2\xd2\xd2\xc6\xc6F\\\xd4\x93\x12\xe8\x1f\x80dKn\x00H)+++\x89(#=\x94\x96\x96.\xa5\xb0\xfd\xf8%"\xe2\x8c\x07\xfd9DTWW\x17\x8dFS]\x8e\xa2\xd0?\x00\xc9\x96\xac\x00\xb0\xae\x81\x0c\x87\xc3\x1f\x7f\xfc1\x11u\xe9|9g\x9a3\xe6A\x8c\tav\xc9\xbe\x8c\x88\x1a\x1a\xeaKKK\t\xe7\xf1\xda\x1d\xfa\x07\xa0\x1d$\xfdB\xb0D"AD\xe9\xbe \xb7\xeb\xee\xbd\x7f&amp;I\xa6\xfb\x82D$\x840\x0c#\xd5\xe5\xa8\x0b\xfd\x03\x90TI\x1fT\xd6\x91\\!\x1c6\x0c\xce\x16l\xebM\x87\n@\xff\x00$O\xbb\xcd\xaa\x1c7\x0c\x1cWp\xc7\xe6\xb8\x8f\xc3q\x05\x83\x8a\x1c\xb3\xac\x06\x00\x80\xb6\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94\x9e\xea\x02\x94 \xa5l\xc5?\xc5\x18k\xf3J\xc0\x89\xd0?\x90$\x08\x80\xa4\x90R\n!\xa4\x94\x8c1\xc6\x18\xe7\xadYi\xb5\xc9\x9b\x80\x13\xa1\x7f\xa0} \x00\xda\x925\xe4\x88H\xd34M\xd3\xce\xbe\x1e\x0e\x87\x85\x10\x8c\xb1\x16N\xe5\xac\xb9[0\x18&lt;\xf7M\xac\xc1\xcc9\xc7\xcc\xae\xa3B\xff@;C\x00\xb4\r)\xa5i\x9a\xba\xae[C\xae\xa1\xa1\xa1\xa4\xa4d\xeb\xd6m\x1f|\xf8AMu\xcd\xfe\xd2R\xc30\x18\xa3\x16.\xe5\x19cD\xb2o\xdf~\xa1Pp\xc4\xf0\xe1\xf9\xf9\xf9#G\x8e\xec\xde\xbd\xbb\xf5S\xc308\xe7\x98\xd0u$\xe8\x1fH\t\x04@\x1b0MS\xd34]\xd7\xe3\xf1\xf8\xbau\xeb\x96\xafX\xb1}\xfb\x8e\x93\'\x8e_\xe2\xdbVWU\x11Q\xd1\xbauD\x14\x08\x86F\x0c\x1f&gt;u\xea\xd4\xdbn\xbb5\'\'\x87\x88\x0c\xc3\xd04\r\xb3\xb9\x0e\x00\xfd\x03\xa9\x82\x00\xb8$\xd6\x92\\\xd3\xb4p8\xbcd\xc9\x92\x15\xaf\xbe\xfa\xd1\x9e=g\x7f\xeaI\xf7gfwO\x0f\xe6\x84\xba\xf5\xf5\xf8CB\x18\x8cZ6\xde\x18\x13F\xa2\xf2\xd8\xfe\xe6\xc6\xbap\xf9\xb1\xa6\xfa\xdap]\xed\x86\r\xc5\x1b6\x14\xffh\xee\x8f\xa6\xdfw\xdf\x83\x0f&gt;8`\xc0\x00"\x12B`*\xe7\\\xe8\x1fH-\x04@\xebY\x137"Z\xb6l\xd9\x82\xe7\x9e;x\xe0\x80\xf5z0\xa7G\xcf\xab\n.\x1f6!\xfb\xb2+3:\xe5\xb8\xbd\x19\x8ck\x9ck\x92$\xb5p\x00\x13\x91\x94\xc2L\x18\xf1X\xa4\xae\xb2\xea\xe4\xc7\'vo9\xbek\xe3\xe9\xe3\x07\xca?\xfbl\xd1\xa2EK\x97\xbe\xf2\xe8\xa3\xdf}\xec\xb1\xc7\x02\x81\x80a\x18\xba\x8e\xcf\xd1y\xd0?\x90r\xf8\xe0[\xc9\x1a\xbdeee3g\xce,**\xb2^\xcc\xee=0\xff\xeb\x0f\xe6]s\x93/\x98MR\x1a\xf1f\xd3H\xc4\x9a\x1a$\xc9\x96\x1e\xbe=\x07c\x9c1\xe6\x0bf\xf7\xc9\xe9\xd9o\xe4\x8d\xb1\xa6\x86\x93\xfb\xde\xdf\xf9\xc7\xc5\xc7wm\xaa\xad\xad\x997o\xde\xaaU\xab\x96.]ZPP`\x9d!\xc4r\xdeA\xd0?`\x07\x08\x80\xd6\xb0&amp;MEEE3g\xce,++#\xa2\xac\xee}\x87Oyd\xe0WoKK\x0f\xc4#\r\xd1\xfaZ\xc6\x88\x18\xb7\xf6\xdf]\xca\xc02\x8d\x84\x99\x88I)\xb9\xa6\xf7\x19v\xfd\xe5W\x8f?\xb6kS\xc9[\xbf:\xb1\xe7\xbd\x83\x07\x0f^\x7f\xfd\x84\x05\x0b~ZXXh\xed\x1e\xc1\x18v\x04\xf4\x0f\xd8\x04\x02\xe0\xa2Y\xa3w\xc9\x92%\xb3g\xcf&amp;"F4\xe4\xa6o^{\xdf\xf7\xd3\x839\xcd\x8du\xd1\xfaj\xaei\xfc\x9c\xedw\x97\x881FL\xb3\xc6e\xac\xa9\x9e\x88]\x9e\x7f}\xef\xa1\xe3&gt;|g\xe9{\xaf?\x17\x8b4&gt;\xf6\xd8c\xfb\xf7\xef_\xbcx\xb1i\x9a\xd8\xe4g\x7f\xe8\x1f\xb0\x0f\x9c\xff\xb98\xd6^\xbd\xb3\xa3\xd7\xeb\x0f~\xed\xff\xfc\xbfIs\x9e\xd7]\x9eH\xb8\x8a\x88\xb8\xa6_\xc4\x81\xda\x8b\xc4\xb8\xc68on\n\'\xa2M#\xef\x983\xf5\x99\xd59\x97]ADV=\x9a\xa6I)[w\xd5(\xb4\x0f\xf4\x0f\xd8\n\x02\xe0"X\xc7m\xad\xd1\xc2\x88\xd2C9\xb7\xff\x7f+\xae\xba\xe1\x9eH\xedi)L\xae\xb5\xd3r\x8as\x8dq\xdeT[\xd1\xa5\xdf\xd0\xbb\xe6\xff\xbek\xff|vf\x0cs\xce\xad\xb5&lt;\xd8\x10\xfa\x07\xec\x06\x01\xd0R\xd6\xe8\xdd\xb0a\x835w\xf3dv\xba\xe7\xd9\xb7\xbb\x0f\x1a\xd1TS\xceu\x17\xb5\xfb\xc2\x99\xeb\xae\xe6\xc6:\xb77\xe3\x9eg\xff\xd0c\xf0h"Z\xb2d\xc9\xbcy\xf34M3\x0c\xa3\x9d\x8b\x81\x0bB\xff\x80\r!\x00ZD\x08\xa1iZEE\xc5\xf4\xe9\xd3\x19c\x9e\x8c\xc0\xed\xff\xf5\x9bP\xd7\xcb\x9b\x1b\xc3\\w\xa5\xaa*\xae\xe9f"&amp;\x85\xbc\xf5\x89\xc5\xb9}\x063\xa2y\xf3\xe6\x15\x17\x17\xeb\xban\x9af\xaa\xaa\x82\x7f\x86\xfe\x01{B\x00\xb4\x94i\x9a3f\xcc\xa8\xa8\xa8 \xa2\t\xb3~\xdck\xc8W\x9b\x1bj\xdbm\xd9\xfe\xef0\xae\x99\xf1\xa87\xd0\xf9\xeb\x8f\xbf\x98\x96\x11\x94R\xce\x981\xa3\xbc\xbc\x9c1\x86\xb5\xbc\xad\xa0\x7f\xc0\x86\x10\x00-\xe2r\xb9V\xae\\Y\\\\LDW\xddp\xefU\x13\xefm\xaa.O\xe1\xdc\xed\\L\xd3c\x8du\x9d{\x0f\xba\xfe\x81\xf9DTQQ\xf1\xe4\x93Or\xceq6\xcf&gt;\xd0?`O\x08\x80\x0b\xb0\x86Auu\xf5\xfc\xf9\xf3\x19\xe7\xa1\xae\x97\x8d\xfb\x8f\xa7\x9a\x1b\xeaR&gt;w;\x17\xd7]\x91p\xf5\xe0\x1b\xa6\xf5\x1f\xfd5F\xf4\xfa\xeb\xafo\xdf\xbe\x1d\'\xf4\xec\x00\xfd\x03v\x86\x00\xb8\x00\xeb\x84\xd8\xcbK\x97\x1e&gt;|X\n1b\xca#\xbeP\x8ei\xc4\xdb\xff\xac\xdd\x97c\x8c\x99\x89\xf8\xe8\xbb\xff\x8f\xe6N\x8b\xc5bs\xe7\xcem\xf9\xdd\x83!y\xd0?`g\x08\x80\x0bp\xb9\\B\x88e\xcb\x961\xc6\xb2\xba\xf7\x1d4\xee\x0e;\x1c\xba\xfdg\x8c\xf3x\xb41\xb7\xdf\x90\xfe\xa3\xbfND\x9b6o.--\xd54\r\x93\xb8\xd4B\xff\x80\x9d!\x00. 33s\xcb\x96-\x07\x0f\x1c\x90R\x0e\xbb\xed\xe1\xb4\x8c\x800m\xbaI\x8e1n\xc6c\xc3\xa7&lt;\xec\xf6\xf8"MM/\xbf\xfc2\x11a\x00\xa7\x16\xfa\x07\xec\x0c\x01p\x01\x8c1k\xfa\x96\x99\xd5\xa5\xff\xe8\xaf\xc5#\r\x9c\xb7\xd9e\xfam\x8bq\x1e\x8f6u\xe97\xa4\xe7\x95\xa3\x19c\xbf\x7fcu$\x12\xd1u\x1d\x0b\xf9\x14B\xff\x80\x9d!\x00.\xe0\xd4\xa9S\xdbJ\xb6K){}\xe5\xab\xbe`\xb6\x99H\xd8\xed\xe8\xed\x17I"\xd6w\xd4$)\xe5ge\xa7v\xef\xdeM\x98\xc4\xa5\x14\xfa\x07\xec\x0c\x01\xf0etM\x7f\xff\xfd\xf7\x0f\x1d\xfa\x98\x88.\x1f6\x81\xa4\xbd\x07/\x11\xe7\x9a\x11\x8b\xf6\xba\xeaZ\x8f\xcfo\x9a\xe6\xda\xb5k\xe9\xccF\x14h\x7f\xe8\x1f\xb09\x04\xc0\x97q\xb9\xdd;v\xec0\rCO\xf3\xe6\\~\xa5\x91hf\xcc\xde\xff\xc5\x183\x131\x7fv\xf7P\xb7\xcb\x88h\xfb\xf6\x1dD\x84G&gt;\xa5\n\xfa\x07l\x0e\x1f\xed\x97\x89\xc7\xe3\xdbw\xec \xa2\xcc\xec\x1e\x19Y]m\xbf~\'"\x12B\xb8\xd2\xbc\x9d{_AD\xfbKK\x1b\x1b\x1bqQO\xaa\xa0\x7f\xc0\xe6\x10\x00_F\x08QW[KD\xbe@\x96\xdb\x9b.\x85#n\x90"\x19\xd72\xb2\xba\x12Q]]]4\x1aMu=\xeaB\xff\x80\xcd!\x00.\xc0\xda\xb2\xdd\xb9\xd7\x00\xc6\x9d\xb1\x1d\x821&amp;L#\xabG\x1e\x1156\xd4\x97\x96\x96\x12\xce\xe3\xa5\x0e\xfa\x07\xec\x0c\x01\xd0"&gt;\x7f\'\xc69\x91\x03\x060\x11\x91\x94\x1e\x7f\'"\x12B\xe0\xd6\xbev\x80\xfe\x01{B\x00\xb4\x88\x10\x0e\x1b\x06\xf2L\xc1x\xc2\x9f\x1d\xa0\x7f\xc0\x9e\x10\x00-\xe4\xb8a\xe0\xb8\x82;6\xc7}\x1c\x8e+\x18Z\x03\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f4T\x17\x00\x0e \xa5l\xc5?\xc5\x18k\xf3J\xc0\x89\x9c\xde?N\xaf\xffK \x00\xe0_\x90R\n!\xa4\x94\x8c1\xc6\x18\xe7\xadY)\xb6\xc9\x9b\x80\x139\xbd\x7f\x9c^\x7f\xcb!\x00\xe0\x1f\xac\x96%"M\xd34M;\xfbz8\x1c\x16B0\xc6Z8\x15\xb2\xe6&gt;\xc1`\xf0\xdc7\xb1\x06\x03\xe7\xdc\x113#h\x05\xa7\xf7\x8f\xd3\xebo\x05\x04\x00\x10\x11I)M\xd3\xd4u\xddj\xd9\x86\x86\x86\x92\x92\x92m[\xb7~\xf0\xc1\x07555\xa5\xfb\xf7\x1b\x86\xc1\x88Z\xb8\x12\xb6\x86J\xbf~\xfd\x82\xa1\xd0\xf0\x11#\xf2\xf3\xf3G\x8e\x1c\xd9\xbd{w\xeb\xa7\x86ap\xce\xed9!\x82\xd6qz\xff\xfc\xeb\xfa\xb7m\xfb\xbc\xfe\xd2R\xd34/\xf6=\xfb\xf6\xed\x1b\x0c\x06\x87\x0f\x1fn\xe7\xfeG\x00\x00\x99\xa6\xa9i\x9a\xae\xeb\xf1x|\xdd\xbau+\x96/\xdf\xb1}\xfb\xf1\x93\'/\xf1m\xabJJ\x88h]Q\x11\x11\x85\x02\x81\xe1#FL\x9d:\xf5\xd6\xdbn\xcb\xc9\xc9!"\xc304M\xb3\xd5l\x08Z\xc7\xe9\xfds~\xfd+V\xec\xd8\xb1\xe3\xf8\xf1\xe3\x97\xf8\xb6\x95\x95\x95D\xb4n\xdd:"\n\x85B\xc3\x87\x0f\x9f:u\xea\xad\xb7\xdej\xab\xfeG\x00(\xcdZ\xd2j\x9a\x16\x0e\x87\x97,Y\xf2\xea\x8a\x15{&gt;\xfa\xe8\xecO\xfd\x1eO\x0f\xbf?\xc7\xeb\xed\x17\x0c\x86&lt;\x1eC\x88\x16v+c,a\x9a\xfbjj\xeab\xb1\xa3\xe1pm$R\x1b\x0e\x17o\xd8P\xbca\xc3\x8f~\xf4\xa3\xfb\xa6O\x7f\xf0\xc1\x07\x07\x0c\x18@DB\x08\x9bL\x85\xa0\x15\x9c\xde?\xe7\xd7\xff\xea\xab{\xf6\xec\xf9G\xfd~\x7f\xaf^\xbd\xbat\xe9\xd2\xbf\x7f\xffN\x9d:\x19\x86\xd1\xc2\xefk\xc6X"\x91\xd8\xb3gOmm\xed\'\x9f|RSSS[[[\\\\\\\\\\&lt;w\xee\xdc{\xef\xbd\xd7&gt;\xfd\x8f\x00P\x975\xf1!\xa2e\xcb\x96=\xb7`\xc1\x81\x83\x07\xad\xd7{\x04\x02_\xed\xd6\xed\x86\xde\xbd\x07ge\xe5\xa4\xa7g\xb8\\:\xe7\xfc"\xa7*RJC\x88f\xd3\xac\x8cD\x0e\xd6\xd6n\xfe\xf4\xd3\xbf\x9e&lt;YZ]\xfdYy\xf9\xa2E\x8b^Y\xba\xf4\xbb\x8f&gt;\xfa\xd8c\x8f\x05\x02\x01\xc30t\x1d}\xe8&lt;N\xef\x9f/\xd4\xff\xdcs\x07\x0e\x1c\xb0^\xef\xd5\xab\xd7\xf8\xf1\xe3\'O\x9e&lt;d\xc8\x90.]\xba\xf8\xfd~]\xd7[1UO$\x12\xb1X\xac\xa2\xa2\xa2\xb4\xb4\xf4\xddw\xdf-..\xde\xb7o_YY\xd9\xa2E\x8b^y\xe5\x95\xef~\xf7\xbbv\xe8\x7f\x0c&lt;EY\xdd_VV6s\xe6\xcc\xa2\xa2"\xeb\xc5A\x9d;\xcf\xba\xea\xaa\x9b\xfb\xf4\xc9\xf6\xf9\xa4\x941\xd3\x8c\x9bfC&lt;.[\xb5\x13\x8e1\xc6\x19\xcb\xf6\xf9z\xfa\xfd\x93/\xbb\xac&gt;\x1e\xff{Y\xd9K\xbbwo&lt;y\xb2\xa6\xb6v\xde\xbcy\xabV\xadZ\xbatiAA\x81u\x86-\xe5\xcbah9\xa7\xf7\xcf\xbf\xac\xff\xca+\xaf\x9c3g\xce\x94)Srrr\xa4\x94\xcd\xcd\xcd\xf1x&lt;\x1c\x0eS\xab\xeb\xe7&lt;\'\'\xa7w\xef\xde7\xdf|s}}\xfd\x96-[~\xfe\xf3\x9fo\xd8\xb0\xa1\xa6\xa6\xc6&amp;\xfd\x8f\x00P\x915\xe9(**\x9a9sfYY\x19\x11\xf5\x0b\x85\xbe3t\xe8\x94\xbc\xbc`ZZC&lt;^\x1b\x8d\x12c\xfc\xcc $"jmw&amp;\x84\x88\x99\xa6\x94R\xe7\xfc\x86^\xbd\xae\xeb\xd9s\xe3\xc9\x93\xbf\xf8\xf0\xc3\xbf}\xfa\xe9\xc1\x83\x07\'\\\x7f\xfdO\x17,(,,\xb4v_ \x03\x1c\xc1\xe9\xfds\xb6\xfe\x07\x1ex\xe0\xd4\xa9SD\x94\x97\x97\xf7\xf8\xe3\x8f\xdfu\xd7]\xa1P\xa8\xbe\xbe\xbe\xba\xba\xda\xfa\xfaf\x8c\x9d\xbb\x93\xa75\xf5\'\x12\xb1XLJ\xa9\xeb\xfa\xe4\xc9\x93\'N\x9cX\\\\\xfc\xfc\xf3\xcfo\xdc\xb8\xf1\xe0\xc1\x83\x13&amp;L\xf8\xe9O\x7f\x9a\xc2\xfe\xc7\xe1W\xe5X\xdd\xbfd\xc9\x92\xc9\x93\'\x97\x95\x95\x11c\xdf\x1a&lt;\xf8\xcf\xdf\xf8\xc6\xb7\x06\x0ffD\xd5\xd1\xa8)\xa5\xc6\xb9\xd6FS\x12F\xa41\xa6sND\xe1x\xbc)\x91\x98\xd0\xbb\xf7\x9b\xb7\xde\xfa\x7f\xaf\xbd\xd6\x9f\x96\x16\x8b\xc7\x1f{\xec\xb1\xd9\xb3gs\xce\xad}r\x97\xfe\x1b!\xa9\x9c\xde?\xe7\xd6o}\xfb?\xfc\xf0\xc3[\xb6ly\xe8\xa1\x87\x18cUUUg\xb7\x03\xb5M\xfd\x8cYg\x98\x89\xa8\xae\xae\xae\xb1\xb1q\xf2\xe4\xc9k\xd7\xae]\xb4h\x91\xdf\xef\x8f\xc5b\xa9\xed\x7f\x04\x80Z\xac\xe6^\xb2d\xc9\xec\xd9\xb3\x89(\xe8\xf1\xbct\xc3\r?\xbb\xfez\x8f\xa6UE\xa3D\xa4s\x9e\xbcI\x88\xc6\x18g,\x1c\x8b5%\x12\x8f\xe6\xe7\xbfu\xdbmWv\xeeL\x8cY\xf5h\x9a&amp;\xa5D\x06\xd8\x99\xd3\xfb\xe7\xbc\xfaC\xa1\xd0\x8a\x15+^|\xf1E\x8f\xc7cm\xdai\xdd\xe1\xfe\x96\xd6\xafi\x9c\xf3\xba\xba\xba\xa6\xa6\xa6\xc7\x1f\x7f|\xfd\xfa\xf5_\xf9\xcaW\x88(\x85\xfd\x8f\x00P\x88u\xdc\xf3\xf3\xeeg,\xc7\xe7{\xedk_\xbb\xef\x8a+NG"\xa6\x94z{\xedF\xb0\x86qE$24\'g\xf5\xad\xb7\x0e\xcb\xc9!\xce\xad\xaa\xacyP\xfb\x94\x01\x17\xcb\xe9\xfd\xf3\x85\xfa\x89rss\xdfz\xeb\xad\x193f\x9c&gt;}\xda\n\x86v\xaa_\xd38\xe7\xa7O\x9f\x1e6l\xd8\xda\xb5kG\x8e\x1cIg2\xa0\xfd\xfb\x1f\x01\xa0\n\xab\xfb7l\xd8`u\x7f\x96\xc7\xf3\xce\x1dw\x8c\xea\xda\xb5\xbc\xa9\xc9\x95\xccY\xdb\xbf\xe3\xe2\xbc\xae\xb9\xd9\xefv\xaf\xb9\xe3\x8e\x82\xae]\x89h\xc9\x92%\xf3\xe6\xcd\xd34\xcd0\x8cv/\x07.\xc0\xe9\xfds^\xfd\x9d;w\xde\xb8q\xe3\x981cN\x9f&gt;\xedr\xb9\xda\xff\xe0\xbb\xcb\xe5\xaa\xab\xab\xf3\xfb\xfd\x7f\xfd\xeb_\xc7\x8e\x1d{\xc1\xfa\x93\x04\x01\xa0\x04!\x84\xa6i\x15\x15\x15\xd3\xa7Og\x8c\x05=\x9e\x157\xdd\xd4\'\x10\xa8\x8b\xc5\\\xa9\xdb\x86\xacsn\x9d\xdf{y\xd2\xa4\xab\xb2\xb3\x89\xb1y\xf3\xe6\x15\x17\x17\xeb\xba\xde\x8a\x0b/!y\x9c\xde?g\xeb\x9f1c\x06c,\x14\n\xad^\xbd\xbao\xdf\xbe\xb5\xb5\xb5.\x97+e\xf5\xebz,\x16\x13B\xac\\\xb9r\xe8\xd0\xa1D\xd4\xfe\xfd\x8f\x00P\x85i\x9a3f\xcc\xa8\xa8\xa8 \xa2g\xbf\xfa\xd5\xb1={\xd6\xc6b\xed\xb6l\xffw4\xc6\xa2\xa6\xd9\xd9\xeb\xfd\xf5\xc4\x89\xc1\xb44)\xe5\x8c\x193\xca\xcb\xcb\xb1\x1d\xc8n\x1c\xd7?\xe7\x1eK\xb1\xee\xf4`\xfd\x88\x88~\xf6\xb3\x9f\x8d\x1b7.\xb5\xdf\xfe\x16M\xd3\xa2\xd1hvv\xf6\xab\xaf\xbe\x1a\n\x85\x88\xe8\xfe\xfb\xef\xff\xe7\xfa\x93\x07\x01\xa0\x04\x97\xcb\xb5r\xe5\xca\xe2\xe2b"\x9a&gt;h\xd0}W\\a\xad\xdcS]\x17\x11\x91\xceX],vE\xe7\xce\xff\xb7\xa0\x80\x88***\x9e|\xf2\xc9K\xdc{\x07m\xcbq\xfd\xc39?{6\xd5:\xf8s\xb6\xfe\x993g\xde\x7f\xff\xfd\xd6\x91\x9fT\xd6}\x86\xae\xebuuu\x83\x07\x0f~\xfe\xf9\xe7\xa5\x94\xe5\xe5\xe5\xe7\xd5\x9fT\xb6\xf8\x08!y\xac6\xaa\xae\xae\x9e?\x7f&gt;g\xec\xf2@\xe0Gc\xc6\xd457\xa7|\xeev.\x17\xe7\xd5\x91\xc8\xbd\x83\x06\xdd\xdc\xb7/1\xf6\xfa\xeb\xaf\x97\x94\x94\x9c\xbd5#\xa4\x90C\xfbg\xfb\xf6\xedg7V2\xc6jjj\xe6\xcf\x9f\xcf9\xef\xd3\xa7\xcf\x8f\x7f\xfc\xe3p8l\xab\x8b\xcf].WUU\xd5\x7f\xfc\xc7\x7fL\x992\x85\x88\xce\xad?\xd9\xbf\xdaF\x9f"$\x83uBi\xe9\xcb/\x1f&gt;|XH9\xe7\xea\xabs|\xbe\xb8i\xda\xed\x08\x0bc,.\xc4\x13\xc3\x87{4-\x16\x8b\xcd\x9d;\xb7\xe5w\xdf\x85\xe4qz\xff\x98\xa6\xc99_\xb6l\xd9\xe1\xc3\x87\x85\x10\x8f?\xfexnnn&lt;\x1e\xb7\xdb1F\xc6X&lt;\x1e\x7f\xea\xa9\xa7\xd2\xd2\xd2\xda\xb3\xff\x11\x00\x1d\x9c\xcb\xe5\x12B,[\xb6\x8c1\xd6/\x14\xfaF\xff\xfe\xb56\x9b\xbeY8c\x8d\xf1\xf8\x90\x9c\x9c\xaf\xf7\xedKD\x9b7o&gt;t\xe8PFF\x06\x16\x01\xa9\xe5\xd4\xfe\xd9\xb4\xa9\xb4\xb4\xd4\xdap\x19\x8dF\xad\xfa\xfb\xf7\xef\x7f\xcf=\xf7\xd4\xd6\xd6\xdaj\xfao\xe1\x9c744\xe4\xe7\xe7\xdfq\xc7\x1dD\xb4y\xf3f\xab\xfed\xf7\xbf\xed&gt;Hh[\x99\x99\x99[\xb6l9p\xf0\xa0\x94\xf2\xdbC\x86\x04\xd2\xd2\x0c\xbb~\xa5r\xc6b\xa6\xf9\xc8\x90!&gt;\xb7;\x12\x89,}\xf9e\x8f\xc7#\xb0\x1d(\xa5\x1c\xda?M\x91\xc8\xcb/\xbfLD\x9c\xf3\r\x1b6\xec\xdb\xb7OJYXX\x18\x0c\x06m\xbb\xc9\x98s\xde\xdc\xdc\xfc\xd8c\x8f\xf9|\xbe\xa6\xa6&amp;\xab~\x04\x00\\\x12\xc6\x985\xfd\xe9\xe2\xf7\xdf\xdc\xb7oC&lt;\xae\xd9o\xfaf\xe1\x8c5\xc5\xe3Crr\xc6t\xeb\xc6\x18[\xfd\xc6\x1b\x15\x15\x15\xee\xb4\xb4T\xd7\xa54\x07\xf7\xcf\xef\x7f\xdf\xd8\xd8HDV\xfd]\xbbv\xbd\xfd\xf6\xdb\xeb\xeb\xebm\xbb\xbf\x80s\xde\xd4\xd4\x94\x9f\x9f?v\xecX\xc6\xd8\xea\xd5\xab#\x91\x88\xae\xebI=\x10d\xd3\xcf\x12\xda\xca\xa9S\xa7\xb6o\xdb&amp;\xa5\x1c\xdb\xbd{\x8e\xcf\x97\xb0\xdf\xd1\xdbsI"\xce\xd8M\x97]&amp;\xa5&lt;q\xf2\xe4\xce\x9d;}&gt;_\xaa\x8bR\x9as\xfb\xe7\xd4g\x9f\xed\xdf\xbf\xdf0\x8cm\xdb\xb6I)\'L\x98\x90\x93\x93\x93H$\xecv\xf4\xff\\\xd6)\xeb[n\xb9EJYVV\xb6{\xf7nJ\xf2"\x00\x01\xd0\x91i\xba\xfe\xfe\xfb\xef\x7f|\xe8\x10\x11M\xec\xdd\x9b\xa8\xf57el\x1f\x1a\xe7Q\xc3\xb8\xb6{\xf7\x8c\xb4\xb4\x84a\xac[\xbb\xd6\xedv\xa7\xba(u9\xb7\x7f\xfc\x1e\x8fi\x9a\x9b7o\xfe\xe8\xa3\x8f\xac\xfb\x95N\x9e&lt;\xd9\xfe{\n\xac\xcb\x02\xae\xbb\xee\xba\xcc\xccL\xc30\xac\xa7\x89a\x05\x00\xad\xe4v\xb9w\xec\xd8a\x98\xa6\xd7\xe5\xba2+\xab\xd90.\xf6\xb9\x1c\xed\x8c\x11\xc5L\xb3\xbb\xdf\x7fy @D;\xb6oO$\x12D\xd4\xe2\xa7\xc9B[rz\xff\xec\xde\xb5\xeb\xbd\xf7\xde#\xa2\x8c\x8c\x8c!C\x86477\xdb\xfc\xf1s\x8c\xb1X,\xd6\xb3g\xcf\xbe}\xfb\x12\xd1\xf6\xed\xdb\x89(\xa95\xdb\xfa?\x07\\\xa2x"\xbec\xfbv"\xea\x99\x91\xd15#\xc3\xe6\xebw\x8b\x10\xc2\xe7r]\xd9\xa9\x13\x11\xed\xdf\xbf\xdf\xba\xf4\xd4\xf6S\xb7\x8e\xc9\xe9\xfd\xb3g\xf7\xee\xb5k\xd7\x12Q\xaf^\xbd\xbaw\xefn\xf3\xe3?\x16!\x84\xcf\xe7\xbb\xea\xaa\xab\x88\xa8\xb4\xb4\xb4\xb1\xb11\xa9\x17\x85!\x00:2!Dm]\x1d\x11ey\xbd\x19n\xb7\xe9\x84\xefQI\xa41\xd65=\x9d\x88\x1a\x1a\x1a\xa2\xcd\xcd\xa9\xaeH]N\xef\x9f\x9a\xea\xea\x13\'N\x10QvvvFF\x86#n0%\xa5\xe4\x9cw\xef\xde\x9d\x88\xc2\xe1p4\x1aM\xea\xafC\x00tp\xd6\x96\xed\x81\x9d:\xe9\x0e\xb9\xae\x8a1f\x081\xa0S\'"b\x9ck\xb6\x9f\xb2ul\x0e\xed\x9f\xfe\xa1\x10\x11UTV\x1e&gt;|\x98\x88\x06\r\x1ad\xddm?\xd5\xd5]\x18c\xcc4\xcd\x81\x03\x07\x12Q8\x1c.--\xa5d\x9e\x07\xb6\xdd\x05\x11\x90\x0c\x9d&lt;\x1e\xce\x98\x03\xda\x9f\x88\x88$Q\'\x8f\x87\xcel\x8aHu9\xe0\xd4\xfe1\x0cCHID\x9d:uj\xb7\xbb\xeb\\:)eVV\x16\x11\t!\x92}\xd5\x02V\x00J0\x1c\xd2\xfag9\xae\xe0\x8e\xcdq\x1f\x87U\xf0\xd9\'\xad\xdb\xf6\xe2\xaf\x7f\xe7l\xc1\xc9\x9e\x00!\x00\x94\xe0\xb8Y\xb4\xe3\n\xee\xd8\x1c\xf7q\x9cW\xb0\xe3\xd6\x91\xedV0\x02\x00\x00@Q\x08\x00\x00\x00E!\x00\x00\x00\x14\x85\x00\x00\x00P\x14\x02\x00\x00@Q\x08\x00\x00\x00E!\x00\x00\x00\x14\x85\x00\x00\x00P\x14\x02\x00\x00@Q\x08\x00\x00\x00E!\x00\x00\x00\x14\x85\x00\x00\x00P\x14\x02\x00\x00@Qx\x1e\x00\x00@\x8b\xc8s\x9c}\x91\x9d#\x85\xb5\xb5\x0e\x02\x00\x00\xe0\xcb\x08!\x84\x10\x9a\xa6\xb9\xddn\xb7\xdb\xadi\x1a\xe7\x9c\x9dyD\x9a\x10"\x1e\x8f\xc7b1\xc30\x18c6\x7f\xee\xfcy\x10\x00\x00\x00\xff\x82\x94\xd24M]\xd7\xfd~\xbf\xdb\xednll,++;q\xe2DyyyUUUss3\x11\xa5\xa7\xa7\xe7\xe6\xe6^v\xd9e\x97_~yVVV"\x91hhh\xb0\xe2!\xd5\xe5\xb7\x08\x02\x00\x00\xe0|R\xca\xb4\xb44\x9f\xcf\x17\x0e\x877o\xde\\TT\xb4i\xd3\xa6C\x87\x0e\xd5\xd5\xd5\xfd\xf3_v\xb9\\\xbd{\xf7\xbe\xee\xba\xeb\xee\xbd\xf7\xde\x82\x82\x82X,\xd6\xdc\xdc\xaciZ\xbbW}\xd1\x10\x00\x00\x00_ \xa5\xd44\xed\xe4\xc9\x93\xff\xfb\xbf\xff\xfb\xbb\xdf\xfdn\xcf\x9e=_\xfe\xf7\x13\x89\xc4\xe1\xc3\x87\x0f\x1f&gt;\xbcd\xc9\x92i\xd3\xa6\xfd\xf8\xc7?\xee\xd1\xa3G}}\xbd\xfd3\x00\x01\x00\x00\xf0\x05\xa6i\x86B\xa1g\x9f}v\xc1\x82\x05g_d\x8c\xf5\xe9\xd3g\xc0\x80\x01}\xfb\xf6\xcd\xce\xce\xf6z\xbdR\xca\xba\xba\xba\xa3G\x8f\xee\xda\xb5\xab\xb4\xb4\x94\x884M[\xb5j\xd5\xdf\xff\xfe\xf7U\xabV\r\x1b6\xcc\xfe\x19\x80\x00\x00\x00\xf8\x02\xcey4\x1a\x9d6m\xda\xc2\x85\x0b\x85\x10W\\q\xc5\x94)S&amp;M\x9a4h\xd0\xa0`0\xe8r\xb9\x88H\x9ey\xee\xbci\x9a\xf5\xf5\xf5;v\xecx\xe1\x85\x17\xdey\xe7\x1d\x97\xcbu\xe2\xc4\x89\xdbn\xbbm\xe3\xc6\x8d\x97]vY4\x1a\xb5\xf3ia\x04\x00\x00\xc0\x17p\xce\x9b\x9b\x9b\xfb\xf7\xef\xff\xc3\x1f\xfe0//\xef\xf6\xdbo\x0f\x04\x02\xb1X,\x1a\x8d\x86\xc3\xe1s\xf7\x80\x12\x11cL\xd3\xb4q\xe3\xc6M\x980\xe1\xa5\x97^\xfa\xde\xf7\xbe\xe7v\xbb+++\xbf\xf3\x9d\xef\xac]\xbb6U\xff\n-\x84\x00\x00\x008\x1fc\xac\xb9\xb9\xf9\xe9\xa7\x9ff\x8c566VVVZ{{\xfe\xdd!\x9d\xfa\xfaz)\xe5#\x8f&lt;"\xa5\x9c3g\x8e\xae\xeb\x1b7n\xfc\xd3\x9f\xfet\xdbm\xb7\xd5\xd5\xd5\xd9\xf6@\x90}\xd7&amp;\x00\x00)\xc4\x18\x0b\x87\xc3uuuB\x08]\xd7\xbf|s\xa7\xa6i\x9a\xa6UVV~\xfb\xdb\xdf\x9e0a\x82uM\xc0\xca\x95+m\xbe\x1f\x14\x01\x00\x00\xf0\xafY_\xeb-\xfc\x12\xb7\xfe\x9a\x94\xf2\x81\x07\x1e\xb0\xfePRRRYY\xe9r\xb9\xce;jd\x1f\x08\x00\x00\x80\xb6\xa1iZ4\x1a\xcd\xcf\xcfOOO\'\xa2\xf2\xf2\xf2O?\xfd\xd4\xedv#\x00\x00\x00:&gt;\xc30B\xa1Pnn\xae\xf5\xe7\xea\xeajM\xd3\x10\x00\x00\x00\x1d\x9cu\x83 \x97\xcb\xe5\xf3\xf9\xacWb\xb1\x98\x9d\xb7\x81\xda\xb72\x00\x00g\x91R2\xc6\x84\x10\x89D\xc2zE\xd7u\xdbN\xff\t\x01\x00\x00\xd0\x868\xe7\x91H\xa4\xb6\xb6\xd6\xfas0\x184M\xd3\xb6{\x81\x10\x00\x00\x00mCJ\xe9v\xbbO\x9c8Q]]MD\xa1P\xa8[\xb7n\x89D\x02\x01\x00\x00\xd0\xc1\t!&lt;\x1e\xcf_\xfe\xf2\x17k\xd6?x\xf0\xe0\xae]\xbb\xc6\xe3q\x04\x00\x00@Gf\x9d\xfe\xad\xaa\xaaZ\xb6l\x99\xf5\x7fo\xbf\xfdv\xb7\xdb-\x84Hui\xff\x16n\x05\x01\x00\xd0\x06\x0c\xc3\xc8\xc9\xc9y\xfc\xf1\xc7\x8f\x1e=\xca\x18\xeb\xd9\xb3\xe7\xddw\xdfm\xf3\x1b\x82b\x05\x00\x00p\xa9\x12\x89DNN\xce\xf2\xe5\xcb\xff\xe7\x7f\xfe\xc7\xba\xf4w\xfe\xfc\xf9\xd9\xd9\xd9v&gt;\xfeC\x08\x00\x00\x80K!\xa5\xb4\xe6\xfe\xbf\xfd\xedog\xcd\x9a\xe5r\xb9\x12\x89\xc47\xbf\xf9\xcd\xe9\xd3\xa7\xd7\xd6\xd6\xea\xba\xad\x8f\xb2 \x00\x00\x00ZI\x08\xc1\x18\xcb\xce\xce\xfe\xef\xff\xfe\xef\xfb\xef\xbf\x9f\x88\xe2\xf1\xf8\xd7\xbf\xfe\xf5_\xfc\xe2\x17\xd6\xc3\x81S]\xe0\x05\xd8:\x9d\x00\x00l\xcb0\x8c\xf4\xf4t!\xc4\xb7\xbf\xfd\xed\x97^z\xc9\x9a\xfb\xdfu\xd7]\xaf\xbc\xf2\x8ai\x9a\xa6i\xda?\x00\xec^\x1f\x00\x80\rY\xf7\xfc9y\xf2\xe4M7\xdd\xf4\xd2K/i\x9a\x96H$\n\x0b\x0b_}\xf5U\xc30\x0c\xc3\xb0\xff\xb7?a\x05\x00\x00p\xb1\x0c\xc3\xe8\xd4\xa9\xd3\x96-[\xee\xbb\xef\xbe\xb2\xb22"r\xb9\\\xbf\xfc\xe5/\x1fz\xe8\xa1\xda\xdaZ)\xa5#\xbe\xfd\t\x01\x00\x00pQ\xacG\xc6\xbf\xfb\xee\xbb\xdf\xf8\xc67\x1a\x1b\x1b\x89\xa8_\xbf~\xbf\xf9\xcdo\n\n\n*++5Ms\xca\xb7?!\x00\x00\x00ZN\x08\x91\x9e\x9e\xbew\xef\xde\xbb\xef\xbe\xbb\xa9\xa9\x89\x88\n\n\nV\xadZ\x95\x93\x93s\xfa\xf4i\xeby\xf1\x0e\x82\x00\x00\x00h)\xce\xb9i\x9a\x0f=\xf4P]]\x1d\x11]s\xcd5\x7f\xfc\xe3\x1f\xd3\xd2\xd2\xc2\xe1\xb0\xe3\xbe\xfd\t\'\x81\x01\x00Z\xc84\xcd\xcc\xcc\xcc7\xdf|\xb3\xa4\xa4\x84s\xde\xa5K\x97\xdf\xfe\xf6\xb7^\xaf7\x12\x89\xd8|\xbf\xff\xbf\x83\x00\x00\x00h\x11\xeb^\xff\xd6\xa3\xde\x85\x10\xff\xf5_\xff\xd5\xb7o\xdf\x86\x86\x06\x87~\xfb\x13\x02\x00\x00\xa0%\xac{\xbd}\xf6\xd9g\xbbv\xed\x92Rv\xe9\xd2\xe5\x8e;\xee\x08\x87\xc3\xce\xfd\xf6\'\x04\x00\x00@K\x9cw\xaf\xffk\xae\xb9&amp;77\xd7\xce\xf7\xfao\t\x04\x00\x00\xc0\x85I)u]?}\xfa\xb4i\x9aD4h\xd0 \x9b?\xee\xb1%\x10\x00\x00\x00-\xc29\xb76\xff\x10Q\xd7\xae]\xad\'\x00\xa7\xb4\xa2K\xe5\xe0\xa3W\x00\x00\xed,\x16\x8bY\xd7yeff\xda\xf9I/-\x84\x00\x00\x00h\x11\xc6X&lt;\x1e\xb7\xbe\xf7;\xc0\xf4\x9f\x10\x00\x00\x00-\xc19oll\x9c4i\xd2\xdbo\xbfMD\x83\x06\rjjjr\xd0]\x1f\xfe%\x04\x00\x00\xc0\x851\xc6\x12\x89D\x8f\x1e=\xfa\xf5\xebGD\xd1h\xd4\xe9[\x80\x08\x01\x00\x00\xd0B\xd6!\xa0\xe6\xe6f"\xe2\x9c;\xfd\xdb\x9f\x10\x00\x00\x00-\xc7\x18\xb3\xf3C\xde/\x96\xb3\x0f`\x01\x00\xb43)e\x07\xd8\xffcA\x00\x00\x00\xb4\x94\x10\xc2\xedv{&lt;\x1e)\xa5\xd3\xaf\x02#\x04\x00\x00@\x0b1\xc6222\xca\xca\xca\x8e\x1c9\xe2r\xb9\xdcn\xb7\xd33\x00\x01\x00\x00pa\xd6\xbd\x80~\xf0\x83\x1f\x8c\x181b\xd4\xa8Q\xb7\xdcrKee\xa5\xcb\xe5rt\x06 \x00\x00\x00.@\x08\x91\x91\x91\xf1\xfe\xfb\xef\xff\xfc\xe7?\xaf\xaf\xaf\x8f\xc5b\x9b6mz\xf1\xc5\x17322\xac[\x039\x14v\x01\x01\x00\\\x80u\'\xb8\x03\x07\x0eh\x9af\xed\xfed\x8c\x95\x96\x96\x9a\xa6\xe9\xe8\xcd\xa0X\x01\x00\x00\xb4\x885\xdf\xe7\x9ck\x9a&amp;\x84\xf0\xf9|N\xbf\x12\xd8\xd9\xd5\x03\x00\xb4\x03\xceySS\xd3\xd8\xb1csss\xe3\xf1x,\x16\x93R~\xe3\x1b\xdfp\xf4\xf1\x1f\xc2! \x00\x80\x0b\xb2\xae\x01\xee\xd2\xa5\xcb\x1f\xff\xf8\xc7\xe5\xcb\x97G"\x91\x1bo\xbc\xf1\x96[nihhp\xf4ua\x08\x00\x00\x80\x0b\xe3\x9cG"\x91\xc1\x83\x07\xff\xf2\x97\xbf\xb4\xae\x05\xab\xaf\xafw\xf4\t\x00B\x00\x00\x00\xb4\x10\xe7&lt;\x1a\x8d655Y\xdf\xfb\x8e\x9e\xfb[\x10\x00\x00\x00-\xc59w\xfa\x89\xdfsu\x9c\x7f\x13\x00\x00\xb8(\x08\x00\x00\x00E!\x00\x00\x00\x14\x85\x00\x00\x00P\x14\x02\x00\x00@Q\x08\x00\x00\x00E!\x00\x00\x00\x14\x85\x00\x00\x00P\x14\x02\x00\x00@Q\x08\x00\x00\x00E!\x00\x94\xe0\xb8\x1bV9\xae\xe0\x8e\xcdq\x1f\xc7y\x05;\xee\x96m\xedV0\x02@\t\t!\x9c\xf5\xdc\xd2\x84\x10\xa9.\x01\xfe\xc1\xa1\xfdc\xdd\xb3\x93\x88\x12\x89\x84\xb3\x9e\xdc\x9bH$\xac?\x88$\x0f\x04\x04@\x07g5\xd0GUU\x86\x10\xdc\t\xf3 )\xa5\x8b\xf3\x8f\xaa\xaa\x88\x88\x119i\xd4vD\x0e\xed\x9f\xbd\xd5\xd5D\x94\x9b\x93\xd3\xaf_?"\xda\xb3g\x8f\xf5$\xafTWwa\xd6\xb3\'w\xef\xdeMD\x81@ //\x8f\x92\xb9 p\xc0\x7f\x11\xb8\x14.\xb7\x9b\x88j\x9b\x9b\x9b\r\xc3)\x0ba)eU4JD.\x97\xcb\x11\x83\xb6\x03st\xff\xf833sss\x89\xa8\xa6\xa6\xa6\xb9\xb9\xd9A\xf5WVV\x12\x91\xcf\xe7\x0b\x85B\x84\x00\x80\xd6\xf1\xa4y\xf2\x87\r#\xa2\xa3\xf5\xf5\x15MMn\xce\xed?\xa1\xe6\x8c5\x9b\xa65\x83\x1b0`@\x97.]\x88\xc8!#\xb7\xa3qz\xff\x0c\x1e&lt;\xf8\xc6\x1bo$\xa2#G\x8e\x94\x97\x97\xbb\xddn\xfb\x1f\x08\xe2\x9c\xc7b\xb1={\xf6\x10Q^^^zz\xba\x10\x02\x01\x00\xada\x98F~~&gt;c\xac1\x1e?\\W\x97\xa6\xeb\xc2\xde\x03@\x12\xb95\xedtS\xd3\x91p\x98\x88\x86\x0c\x1d\xea\xf5z\x89\xc8\x81\xa7!;\x02\xa7\xf7\xcfUW]u\xed\xb5\xd7\x12Q8\x1c&gt;p\xe0@ZZZ\xb2\x0f\xa9_")\xa5\xdb\xed\xae\xa8\xa88t\xe8\x10\x11\r\x1d:\x94s\x9e\xd4\x9a\x11\x00\x1dY"\x91\x183fL\xcf\xee\xdd\xa5\x94\x1bO\x9e\xd49\xb7\xf9\x0cHH\xe9\xd5\xf5\x9d\x15\x15\xd5MM\x9c\xf3\x897\xdeh\x1a\xce~\xe8\xb6\xa39\xb7\x7f\xaa\x1a\x1b9c\xd7~\xf5\xab#G\x8e\x0c\x06\x83B\x88\r\x1b6\xe8\xban\xf7\xfa\x85\xf0z\xbd[\xb7n\xad\xac\xac\xe4\x9c[\xcb\x97\xa4\x1e\xb9B\x00thR\xe6\xe5\xe5]\x9d\x9f\xcf\x18\xdbp\xf2d8\x16\xd3\xed}H]J\xa9q\xbe\xf6\xd81I\x94\x9d\x95u\xed\xb5\xd76E\x9aR]\x94\xc2\x9c\xdc?\xc1`p\xd8\xb0a&gt;\x9fo\xe8\xd0\xa1\x8c\xb1u\xeb\xd6\xd5\xd7\xd7\xeb\xba\xad\x9f\x81h\x9d\x01^\xb3f\x8d\x942\x18\x0c\x16\x14\x14\x10QRO\x83\xd9\xfa\xe3\x84K\xa7\xeb\xfa\xdd\xd3\xa6I)?\xa9\xad}\xef\xd3O3\xdcn\xd3\xae\x93 I\xe4\xd1\xf5\xe3\xe1\xf0_O\x9e$\xa2I\x93\'\xf7\xe8\xd1#\xd6\xdc\x9c\xea\xba\x94\xe6\xe8\xfe\xb1\xce\xa0N\x9b6MJy\xe8\xd0\xa1M\x9b6\xf9\xfd~\xd3\xb4\xe9\x9aRJ\xe9\xf1x\x8e\x1e=Z\\\\LD\x93\'O\x0e\x04\x02\xa6ib\x05\x00\xad\xd7\xd8\xd88e\xca\x94\xec\xecl)\xe5\xafv\xed\x12R\xda\xf6h\xba)\x84\xdf\xed^\xb6woeS\x93\xa6i\xb3f\xcf&amp;\xc2\xf9\xdf\x14sn\xff\xcc\x9e=\x9b1&amp;\xa5\xbc\xf3\xce;sss\xa5\x94\x8b\x16-J\xf6\xf7\xe9\xa50M\xd3\xef\xf7\xff\xfa\xd7\xbf&gt;}\xfa\xb4\xa6i\xb3f\xcdj\x87R\x11\x00\x1d\\4\x1a\xf5z\xbd\xf7\xde{\xaf\x94\xf2\xefee\xef\x1e?\x9e\x99\x96f\xc3I\xdc\xe7\xd3\xb7\xfa\xfaWKK\x19cC\x86\x0c\xb9\xf6\xdak\xeb\xeb\xeb5MKuiJsh\xff\\=t\xe8\xf8\xf1\xe3\x85\x10\xa6ifeeM\x9f&gt;]J\xf9\xb7\xbf\xfd\xad\xa8\xa8\xc8\x9aV\xa7\xba\xde\xf3Y\xd3\xff\xe3\xc7\x8f/]\xba\x941v\xf5\xd5W[\xf5\'\xbb\xff\x11\x00\x1d\x9c\xa6iR\xca\x87\x1f~8\x18\x0c\x12\xd1\xcf?\xf8\xc0\x9e\x938C\x88L\xb7{\xf1\xee\xdd\xd5\x91\x08\x11=\xf1\xc4\x13g/\xe3\x84\x14rj\xff|\xff\xfbD$\xa5\xe4\x9cK)g\xcf\x9em\xd5\xff\xdcs\xcf\xd9s\x11`\x18\x86\xdf\xef\x7f\xe1\x85\x17\xaa\xaa\xaa\x88\xe8\x89\'\x9e \xa2v8e\x8d\x00\xe8\xe08\xe7\x8c\xb1\x81\x03\x07\x16\x16\x16J)\xb7\x96\x95\xbd\xb4kWg\x9f\xcfV\xf7Z0\x84\x08\xa6\xa5\xfd\xed\xd4\xa9%\x1f}DDc\xc7\x8e\x9d6m\x1ac\x0c\xd3\xff\x94sh\xffL\x9d:\xd5\x9a&gt;[\xdb(\xfb\xf7\xefo\xd5\xff\xde{\xef\xbd\xf0\xc2\x0bYYYg\xef\xb5`\x07\x86a\x84B\xa1\xcd\x9b7\xff\xeaW\xbf"\xa2q\xe3\xc6\x9d\xad?\xd9\xbf\x1a\x01\xa0\x04\xc30\n\x0b\x0b\xfb\xf4\xe9\xc3\x88\x9e\xdb\xbe}[YY\xc8\xe31\xec1\x86\x85\x94i\xba\xde\x18\x8f?\xbeqc\xdc45M{\xfe\xf9\xe7m\xbe]O5\x8e\xee\x1f\xce\xb9i\x9a\x9f\xd7\xcf\xd8\xfc\xf9\xf3\xb7n\xdd\x1a\n\x85\x0c\xc3Ha\xd9g\t!\xd2\xd2\xd2\xea\xeb\xeb\x1fy\xe4\x91x&lt;\xae\xeb\xfa\xa2E\x8b\xda\xad\xff\x11\x00J\x90R\x06\x02\x81\x95+Wj\xba\xde\x98H|\xf7\xddw\xab\xa2Q\x8f\xae\xa7\xfc`\xae\xb4\x8e\xdej\xda\x7fn\xdaTZ]m\x9d\xa9\x1b6l\x98\r\x8f\xd2\xaa\xccq\xfd#\x848\xbb{\x921\xc6\x18\xfb\xbc~Mkll|\xe0\x81\x07*++=\x1eO\xca\xdbLJ)\xa5\xf4z\xbds\xe6\xcc\xd9\xb7o\x9f\x94r\xe1\xc2\x85\xe7\xd5\x9fT\x08\x00%p\xce\r\xc3\x185j\xd4\xc2\x85\x0bI\xca\x0355\xd3\xd6\xac\xe1\x8cy4\xcdH\xdd\x18\x16RJ)\xbb\xa6\xa7\xff`\xd3\xa67?\xfe\x98\x88\xee\xbc\xf3\xce\xc2\xc2B\xc30p\xf0\xc7V\x9c\xde?_\xa8\x9fh\xff\xfe\xfd\xb7\xdez\xab\xa6i\x1e\x8f\'\x85\xeb\x00!\x84\x94\xb2s\xe7\xce\x8f&gt;\xfa\xe8\xaaU\xab(\x15\xfd\x8f\x00P\x85\xae\xeb\xd6B~\xd6\xacYD\xb4\xab\xb2\xf2\xee5k\xc2\xf1x\xc0\xedN\xc9\xf1\\C\x08\x97\xa6\xf9\xdd\xee\xef\xbe\xfb\xeeoJK\x89h\xc4\x88\x11\x8b\x17/n\x9fC\x9fp\xb1\x9c\xde?\xe7\xd5\xbfs\xe7\xce\x9bo\xbe9\x1c\x0e\x07\x83\xc1\x94\x9c\x0f0\x0c\xc3\xedv\xfb\xfd\xfeG\x1eyd\xf1\xe2\xc5\x94\xa2\xfeG\x00(D\xd34!\xc4\xe2\xc5\x8bg\xcd\x9aERn\xf9\xf4\xd3ik\xd6\x1c\xaa\xad\xcd\xf6zM)\xdb\xed6/R\xca\x84\x10\x81\xb4\xb4\x84i&gt;\xb2a\xc3\xd2\x8f&gt;\x12\xa69b\xc4\x88\xa2\xa2\xa2d\xdf\xfb\x10.\x85\xd3\xfb\xe7\x0b\xf5\x13m\xdc\xb8\xf1\x96[n9x\xf0`NN\x8ei\x9a\xed\xb6\xe5LJ\x99H$\x82\xc1`&lt;\x1e\x9f9s\xe6\x8b/\xbe(\x84HU\xff#\x00\x14b\x1d\x0c5M\xf3\xec\x18\xd8SYy\xf3[o\xad&lt;p \x98\x96\xe6s\xb9\x0c!\x92:\x8c\xe5\x99\x89[\x8e\xcf\xb7\xa3\xbc\xfc\xd6\xb7\xdez\xe3\xe0A"\x1ay\xa6\xfb\xdb\xed\xd0\'\xb4\x82\xd3\xfb\xe7\x9f\xeb\xff\xf0\xc3\x0f\xc7\x8d\x1b\xb7|\xf9\xf2P(\x94\x9e\x9en\x18FRc@Ji\x18\x86\xcb\xe5\xca\xc9\xc9\xd9\xbau\xeb\xf5\xd7_\xff\xdak\xaf\x11\xd1\xc8\x91#S\xd5\xff\x18lja\x8cY\x1b\xe3\x16/^\xfc\xf4\xd3O\x13Qm4\xfa\xc8\x86\r\x0f\x14\x15\x1d\xa8\xa9\xe9\xe4\xf5\xfa\\.SJS\xca6\xdc\x87 \x89L)\r!\\\x9cw\xf6\xf9j\x9a\x9b\xe7\xbe\xf7\xdemo\xbf\xbd\xb7\xaa\x8a\x88\xa6N\x9d\xba\x0e\xdf\xfe\x0e\xe1\xf4\xfe\xf9\xe7\xfakjj\xbe\xf9\xcdoN\x9b6m\xdf\xbe}YYY&gt;\x9f\xcf4M\xd34\xdb\xb2~)M\xd3\xb4\xbe\xfa\xb3\xb3\xb3kjj~\xf8\xc3\x1f\xdep\xc3\r\xd6=\x9f\xa7N\x9d\xban\xdd\xbaT\xf5\xbf\xado\x8d\x04\xc9`-0\x85\x10s\xe7\xce\xbd\xe6\x9akf\xce\x9cYVV\xf6\x87C\x87\xd6\x1d;6\xa5_\xbf\xd9_\xf9\xca\x90\xecl\xc6X4\x91\x88[g\xa9\xa4l\xdd\x9aTJ\xc9\x88\x18cnM\xf3\xe8\xba\xce\xd8\xf1\x86\x86\x9f\xed\xdc\xb9\xa2\xb4\xf4tc#\x11\xb9]\xae\x05\xcf=WXXh\xd5\x83o\x7fGpz\xff\x9cW\xff\x03\x0f&lt;p\xea\xd4\xa9\xd5\xabW\xbf\xf3\xce;S\xa7N\x9d3g\x8eu\x07\xech4\x1a\x8b\xc5\xac\x7f\x83V\xd7OD\x9cs\xb7\xdb\xed\xf5zu]?v\xec\xd8\x82\x05\x0b\x96.]Z^^NDn\xb7{\xc1</t>
        </is>
      </c>
    </row>
    <row r="227">
      <c r="A227" s="1" t="n">
        <v>225</v>
      </c>
      <c r="B227" t="inlineStr">
        <is>
          <t>grid_number_color</t>
        </is>
      </c>
      <c r="C227" t="inlineStr">
        <is>
          <t>What is the missing color if the part denoted with the question mark has the number 7?</t>
        </is>
      </c>
      <c r="D227" t="inlineStr">
        <is>
          <t>['yellow', 'purple', 'green', 'orange']</t>
        </is>
      </c>
      <c r="E227" t="inlineStr">
        <is>
          <t>purple</t>
        </is>
      </c>
      <c r="F227" t="inlineStr">
        <is>
          <t>There is a 3x3 colored grid of numbers. The first row has number-color pair [(6, 'orange'), (8, 'green'), (9, 'yellow')], the second row is [(7, 'purple'), (7, '?'), (7, 'purple')], and the third and final row is [(6, 'orange'), (9, 'yellow'), (8, 'green')].</t>
        </is>
      </c>
      <c r="G227" t="inlineStr">
        <is>
          <t>We observe that the grid cells with number 6 is orange in color, the grid cells with number 8 is green in color, the grid cells with number 9 is yellow in color, and the grid cells with number 7 is purple in color. Thus, the pattern is that the grid cell with the same number will have the same color.</t>
        </is>
      </c>
      <c r="H227" t="inlineStr">
        <is>
          <t>Based on the pattern that the grid cell with the same number will have the same color, the missing color of the part with 7 should be purple.</t>
        </is>
      </c>
      <c r="I227" t="inlineStr">
        <is>
          <t>b'\x89PNG\r\n\x1a\n\x00\x00\x00\rIHDR\x00\x00\x02\x00\x00\x00\x02\x00\x08\x02\x00\x00\x00{\x1aC\xad\x00\x00\x88\xd9IDATx\x9c\xec\xddu|\x14G\xff\x07\xf0\xef\xcc\xee\x9eK\\\x91\xe0\xee\xee\xeeP(\xd4\xa8Q\x17\xea.O\xdb_\xfb\xd4\xdd\x81\xb6\x94\x16)-\x14j\xb8\x15ww\'@ \xae\xe7w\xbb3\xf3\xfbc\x81\xd2\x96R\xe4Br\xcf}\xdf/^\xbcH\xb8\\6\x99\xdd\xf9\x8c\xed,\x11B\x00B\x08\xa1\xe8C+\xfa\x00\x10B\x08U\x0c\x0c\x00\x84\x10\x8aR\x18\x00\x08!\x14\xa50\x00\x10B(Ja\x00 \x84P\x94\xc2\x00@\x08\xa1(\x85\x01\x80\x10BQ\n\x03\x00!\x84\xa2\x14\x06\x00B\x08E)\x0c\x00\x84\x10\x8aR\x18\x00\x08!\x14\xa50\x00\x10B(Ja\x00 \x84P\x94\xc2\x00@\x08\xa1(\x85\x01\x80\x10BQ\n\x03\x00!\x84\xa2\x14\x06\x00B\x08E)\x0c\x00\x84\x10\x8aR\x18\x00\x08!\x14\xa50\x00\x10B(Ja\x00 \x84P\x94\xc2\x00@\x08\xa1(\x85\x01\x80\x10BQJ\xae\xe8\x03\xf8\x83\x10B\x08Q\xd1G\xf1?\x85\x10B\x08\xb9\xf2\xdf\x17\x8b2\xec*\xa4(\xf5B\xc4\xa2\x0c#\xbd\x10+\xe4\xaa&lt;\'R\xb1\xa5+\x84\xe0\x9c\x0b!(\xa5\x94bw\xa4\\0\xc6\xae\xc0o\x98s\xce9\'\x84H\x92T~\xdf%\x9a\t!\x18c\x84\x10Ji\xf9\xd5 zxcQ\x96\xab3\x97dE5\xd1\xce\xa8\xb0\x00\xd0\xeb\xfd\xb3\xcf0\xaf?\x90\x9b\x97\x9f_PD\x08\x01lt\\\x1e\x01@)\xa9W\xbb\x96\xc3a\xa3g\x9da\x8c\xb1\xf0V\x1f\xa7*\x0bJ(\xf9#]|^\xdf\xa1\x83\x87\xd5\x90\n\x04\x00K\xf2r\x10\x02B\xd8\x1d\xf6\xaa\xd5\xaa\x9a-\xa63\x9ff\x8c\x01@x+h=`d\xf9\x8fQ\x81`P-.)=z\xec$!\xd8\x0f\xb8\\\x84\x10! \xa3zzll\x8c\xc9\xa8\x9c\xf9\xbc\xa6i\x92$UT\x0cT@\x00p\xce\t\x00\xa1\x14\x00\x8aJJ\x97\xaf\\\xbbh\xf1\xa2C\xfbv\x15\xe7\x1eg\x01O\x8cIp\x01Xm\\&amp;JH@e\x01j\xb7\xda\x9d\xc9Uk\xb5i\xdb\xa1\x7f\xbf&gt;-\x9a6\xd2\xff7\\1\xc0\x18;S\x07\x1d\xdc\x7fh\xd1\xc2\xc5k\xd7\xad\xc9\xcc:\\\xea*\xf1\xaan\xc5$q.*K_7b\x11\x89\xa8^f39\x92\xe2\x92\xeb\xd4\xac\xd7\xadk\xb7\x1e\xbdz\xa4\xa4%\xc3\xe9\xd6\xfa\xe5w\xec\xf4\x14\xd7\x8b2\x10\x08n\xd8\xb4}\xde\xbc\x05\xdb\xb7o*\xca;\x12\xf4\xbbc,AB\xf0\x82\xbc\\z[\xa8\xd4k0\x9a\x1c\xf1\xc95\x9a6k3`@\xdf\xb6m\x9a\x9bMF(\x87\x96\xd9\x85\x1e\xd5\x95\x0c\x80\xb3\xcf\xb3u\x1b\xb7|\xf1\xc5\x97[\xd6,\xaa\x15\xcb;\xd6\x8doY\'\xb9N\xd5\x04\xbb\xc5\x14\xe3\xb4b\xf3?\x0c\x08p\x8d\xe7\x16\xb9J\xdc\xfe]\x99\xf9\xeb\xf6\xe5l\xca\xf4\x12g\xf5AW_{\xf7\x1d\xa3\xe2b\x9c\xf0\xe7\xea\xfbbq\xce\xf5z\'\x18\x0c~?e\xda\xf7\xd3\xbe;\x92{ \xa1\x96\xbdf\xd3\xaaUk\xa79\xe3\xed\xceX\xbbbR\x84\x00\x0c\x80\xcb!@PB\xbdn\xbf\xd7\xed-\xc8.\xca:\x90\x93\xb9\xe3\xa4\xfbd\xb0u\xe3\xf6\xb7\xdfv{\x9f\xfe\xbdAoQ]\xc6H\xc2\x99\xd3\xe0\xd0\x91c\xe3\xc6\x8e_\xbe\xf4\xb78KI\xc7\xe6\xf6vM\x93\x9b\xd4K\xb2[\x8d\x8eD\x1bT\x9a1\xeb\xc8&amp;\x84\xab\xc0\xe3\xf6\x06w\xed\xcf_\xb73\x7f\xed6W\x917\xa6k\x8f\xab\xee\xbf\xef\xee\xda\xb5\xaa\xc3\xe5]\x92\x97\xe6\xca\x05\xc0\x99*c\xc3\xa6\xad\xcf&gt;\xfb\x8c\\vh@\xf3\xc4k\xba7\xac\x9a\x16\x0f\xb2\x04!M\x0bi\x8c\x0bMcXg\x84\x05\x01bP$\x89Rb\x90A\xa1\x9a\xdb\xbfv\xd7\xf1\xef~\xdf\xbb\xe9$\xf4\x1dv\xd3\x0b\xcf&gt;e\xb1\x985M;\xbb\xcb\x7f\x81\xce|\xd5\xb8\xcf\xbf\x183\xfe3%\x89\xb5\xee\xdb\xa8I\xfb\xfa\x8eX;g"\x14R\x99\xc6\x98\xc6\x04\xc7\xea?\x1c\x04P\x89R\x89*\x8a\xac\x18\x15!DQ^\xf1\xe6e;w\xaf8bU\xe3^z\xe1\xff\xfa\x0f\xec\x07\x97Tw\x9c\xe9@d\x9d\xc8~\xf6\xd9\x17\x8f\xec]\xd2\xb3\x9de\xd4\xf0Fu\xeb\'\x83\xd9\x00!\x06A\r\x18\xe7*\xc7\x1ey\x98\x10\xaaP\x90(\x18e0H\xe0\x0f\x1d\xd8\x9f7\xe9\xa7=\xbf\xaf\xf7f\xd4\xeb\xf5\xf6[\xafV\xad\x9av\x99q~\xd1\x07te\x02@\xaf2|&gt;\xdf\xfd\x0f&gt;\xba}\xc5o\xcf]\xd3\xf8\xda\x1e\x8d\xa8\xd9\xa4y\x03\x81\x90&amp;\x84\xd0gC\x80`\x8d\x11N\xfa"\x0e.@\x08!I\xd4b6\x80Q9~,\xef\xed\xef\xd7-=,^~\xfd\xed\xebF\x0c\xd3O\x80\x0b?\xe1\xf4\x8af\xdd\xda\xf5\x0f&gt;\xf0\x80\x16\xeb\x1erO\xcf\xda\x8d3\x98\xc6\xfc\xde \xd3\x18\x10\xc0\x82,\x0fB\x9c\xaa\xb0\x01@Vd\x8b\xdd\xcc\x18\xdb\xbej\xcf\xdc\xafW4Jk1\xe6\x8b\xb1\xe9\xe9i\x17\x15\xe7g\x1ad\xaf\xbc\xfa\xce\xb4I\x1f\xdfuM\xca}\xb7\xb4\xb0\xa48\xc0\x1d\xe4~\x95sA(\xa1\xa7\x96\xac\x94\xdf\x8f\x15u\xf4\xea\x96\xeb\xd1K\x085+`7\xfa\xf3\\c\'o\x1d?#\xf7\xba\x9b\x1f~\xf9\xa5g\xe0\xac\xd2)oW"\x00\xf4\xf3r\xd3\xd6\xed\xa3n\xb9\xa5\x7f-\xf5\xb5{z\x9b\xad&amp;\x9f\xcb\xcf8\x97(\xc5\xd3\xeb\x8a\xe1Bp.\xccFE\xb6\x99\xd6m=2\xfa\xa3%\xed\x87\xdc1\xe6\xe3\xf7\xe0\xc2N\xb83\r\xc6\x0f\xdf\xfb\xe8\xdd\xcf\xdf\x1c\xf2`\xb7\x8e\xfd[\x05\xfd\xaa\xdf\x17 \x84P\x8a\x05y\xe5p\xc6\x81\x10\xab\xdd,\x84\x983\xf1\xf7m\xbf\x1d\xfe\xf4\xa31\x83\xaf\x1ax\x81\x19\xa0\xa7xQq\xc9\r7\x8c\xb2j\xeb\xc7\xbc\xd57\xadf\x02\x94\xfa\xb5\x10\x93\xa4\n^\x97\x12U\x84\x10\x8c\tY\x91 \xd6\x9c\x93Y4\xfa\xd9\x05n\xda\xf6\x87\x1f&amp;&amp;\xc4\xc7]\x99\xe1\xa0r\x0f\x00UU\x15E\xf9a\xc6/\xcf&lt;p\xdbg\xf7w\x18\xd2\xb7y\xa0\xd8\xa3iL\x92p\xd1g\xc5\xd0\xcf9\xbb\xc3\x1c\xd4\xd8=o\xfdzP\xab\xb6h\xc1|\xab\xc5|\xfe\x0c8S\xfb\xdft\xc3\xcd\xeb\x0e-}\xe0\x9d[\xe3\x92b\\\xc5nB\xb1\xbe\xa80\x9c\x0bB &amp;\xc1\xb9w\xd3\xc1\xaf\x9e\x9f\xfe\xd4\xfd\xcf?\xfd\xdcS\xff\x9a\x01\xfa\x0bv\xef=0tp\xbf{\xaeq&gt;\xfdTOp\x074\xbf*\xc9\x98\xe1\x15C\x000\x8d\xcbf\x05\x1c\xa6w\xdf]\xfa\xc5\xf4\xd2_f\xcdo\xdc\xa8\xde\xa5\x8d\xd0^\x94\xf2\r\x00\xfd\x07\x98\xfc\xc3\xccw\x9e\xb9k\xee[\xc3\xab\xa6\xc5\xbb\x8a=2\x9eg\x95\x00\xe3B\xa2\xc4\x9c\xe0x\xff\xab\x05\xd3\xf7\x9a\x17/Z`\xb7Y\xff)\x03\xce\xd4\xfe7\\32S\xdb\xf9\xc0\x9b\xb7z]\xfePP\xc5\x14\xaf\x0c\x98\xc6\xac\x0e\x8b\x1aR\xdf\xb9\xf7\x8b{\xafy\xf4\xd9\x17\x9e9O\xc5\xa1\xb7+w\xec\xdcw\xcd\xb0&gt;_\xbe\xd6\xb8\xfb\x80FZN\x99D\x08\xc1\x8b\xb2\xa2\t.\x18\x17r\x9as\xc5\xfc\xddw\xfdg\xd7\x8f?/l\xd6\xb4Ay\xf7\x03\xca1\x00\xf4C\xffa\xc6/\xaf?q\xfb\xe2\xf7\xaeM\x8a\xb5\xb9\xdd\x01E\xc6*\xa3\xb2\x10\x02\x18\xe3\xf6\x94\x98\x8f\xbe^4m\xafi\xd1\xc2\xf9f\x93\xe9\xefk\xd1\xce,\x0f\xbf\xf1\xfa\x9b\x8e\xa8;\x1e|\xf3\xb6\x92\xfcR}\xac\xbf\xa2\x8e\x1c\xfd\x05g\\1*\x92,\xbdq\xe7\xe7\xa3\xaf\x7f\xe2\xe9\xe7\x9e&lt;g\x06\xe8\x01\xbf{\xcf\x81\xe1W\xf5\x9e\xf0f\x93N=\xeb\xa99.\xc5\x80w{U"j\x88))\x8e5\xcb\xf6\xdf\xfe\xec\x8e\x99\xbf.n\xdc\xa8^\xb9\xce\x07\x94W\x00\xe8\x07\xbdu\xc7\xae!\xbd:\xac\xff\xe4\xba\xb4\xc4\x18\x8f\xc7/c\x83\xb1\xf2Q5\xe6H\x8f\xff\xcf[3\xb7\xb1Fs~\x9d\xa1j\x9a\xf2\xe7\x8aC\xafJ\x9e{\xea\xf9\x9f\xd7Ny\xe9\xdbG\x0b\xb3\x8b\t\xce\xdcT&gt;\x9c\x0bE\x91$Ezn\xd8\xbb_\x7f4y\xd8\x88\xa1\x7fi&lt;\xea\x8b\xb0\xfd\x81@\x8b\xe6\xad&gt;\x7f.\xbd\xef\xb0\x16jv)\xd6\xfe\x95\x90\xaa2%\xd5\xb9\xf8\xd7\xed\xf7\xbd\x91\xb5m\xeb\x16\x8b\xc5\\~\xeb\x82\xca\xa5F\xd6G\x0c\xbc^\xdf\x8d7\xdc0vt\xe7\xf4\xb4x\x8f\x1bk\xffJJ\x91%wv\xf1\xeb\x8f\r\r\x1dY\xf6\xf6\xfb\x9f(\xb2\xac\xdfe\xaa\xd3\xdb\xfesg\xcf\x1f?}\xecc\x1f\xdcU\x92_F*\xe0n\x15\xf4\xef(%jH#\x84&lt;\xf4\xe1\xad\xf7?|\xcf\xf1cY\x94R\xce\xf9\x99\x17\xe8yp\xcb\xa8{n\xec\x05}\x87\xb7\xc4\xda\xbf\xd2R\x14I\xcd.\xeb=\xbc\xc5\xcd}\xe8M\xb7\xde\xf5\x97r\x0c\xafr\xe9\x01\x9c:\xd5\xee\xb87&gt;\xef\xf7\x8f\xfes\xad+\xafD\x91\xf1T\xab\xbc\x84\x00I\xa6n\x7f\xa8\xd5\xe8\xa9\xbf,\\\xd3\xbci#\xfd~==\xc8\x8b\n\x8bZ\xb4nq\xeb\x9b\x83j6\xac\xe6s\x07\xa8\x84\xd5\x7f\xe5\xc54\x16\x97\x143\xeb\xdb\xc5yk\x82\xcbW.e\xec\xd4}\x97\xfa%9\xee\xabIS\xc7&gt;\xb8b\xfe\x9dZ\x91W\xc6r\xac\xdc4&amp;\xe4\x04k\xb7\xfe\x13n\xb8\xe7\xe3\xfb\xef\xbd\xad\x9c&amp;\x03\xc2\xdf*\xd7\x07\x7f6o\xdd\xb1q\xe1\xb47\x1f\x18\xe0/r\xc9X\xfbWn\x84@(\xa4%$9_\xb8\xa6\xf1S\xcf&lt;{\xa6\x85\xaf\xdf\x9e\xfe\xc6\xaboVo\x17\xdf\xa8M]\xaf\xcb\x87\xb5\x7f%\'\xc9RIA\xd9\xa0[{\x1d-\xdb\xf7\xe3\xb4\x9f$I\xd2\xf7\x1d#\x84\xb8=\xde\x0f\xdey\xe5\xcb7\xfa\x88\xa0\x8a3\xbe\x95\x1f% \x02\xea\x97o\xf4\xf9\xf0\xddW\\n\x0f!\xe5\xd2X/\x97a\x19B\xc8c\x8f?\xfe\xf2\xc8\x16f\x8bIc\x1cO\xb6\xcaO\x96\xa8\xb7\xd8}\xf7\xb5\x9d\xfcG\xd7\xce\xfcu\x8e$I\xa1PH\x92\xa4\xbd\xbb\xf7\xfe0{\xca\xc8G\x87\x96\x16\xba$\x0c\xf2H@(\t\x05B#\x9f\x1c\xf2\xe2\xff\xfd\'\x18\x08RJ5M\xa3\x94\xfe\xdf\xcbo\rl\xc7\xeb\xb7\xaf\xc1\\A\xbci\xa3\xf2\xa3\x940W\xb0^\xbb\x8c\xc1\x1d\xe8K/\xbfI)={l6l\xdf%\xbco\xa77\xff7l\xd9\xce\xf2v_\xd3\xa7\x99\xcf\xe5\xc5\xa1\xffH!\x80\x80\x80\'\x877\x1f\xff\xe5\x17\xfag\x08!_\x8c\xfb\xb2y\xdf:\x8e8;\xd3\xc2\x7f\xf2\xa1\xf2@\x08\xf1{\x03\rZ\xd7QR\xb4\x9fg\xfe\xaa\xef\xea\\\xe6\xf2,[\xfc\xe3\xd3\xf7\xb5\xe7%~\tW\xe2E\x08I\xa6\xbc\xc4\xf7\xd4\xfdmW,\x9eQZ\xe6\xd6Ge\xc3\xfb-\xc2\x1f\x00\x00\xf0\xf1\'\x9f^\xdd6M6\x9b\x18\xc7-D"\x86D\x89\xdf\xe3\x1f\xd4\xa5Q\xde\xfeu[\xb6\xef2\x18\x0cE\x85\xc5\xb3\x16\xfe\xd2\xf5\xaav&gt;\x97\x0f\x9f\xd6\x10A\x08!Lc\x1d\x86\xb4\x18\xf7\xe5\x18\xbdM\xf6\xdd\xd4\x19uS]i\rR\x85?\x84s\xf8\x91\x82\x10\x10~5\xb5~j\xfdt\xf7\x94\xef~$\x84\x84\xbd\x13\x10\xce\xabZ\x08!\xcbrI\xa9k\xdb\x9a\xc5#{7\xd5&lt;~\xbcQ(\xb2h\x8c\x1b\xec\x96~\xcd\x12\xbf\xfa\xfa\x1b\x00\x989}\xa69\x95\xa6\xd7L\r\x05U\xdc\xdb\'\x82\x10J|n\x7f\x8b\xce\x8d\x8f\xe4\x1e\xd8\xb5c7\x00L\x9d:\xe9\x8e\xe1\rD\x88\xe1\xce&gt;\x11\x86\x12\x11dw\\\xd3`\xda\xb4)\x00\x10\xf6vX8\xdfNo\xfe/_\xb5\xb6V\x0cK\xab\x12\x1f\x08ix\xaeE\x16J\t\xf7\x87\x86u\xae\xbb}\xe3j!\xe0\xf7e\xbf7\xebV\x9f3\x8e\xb5\x7f\xc4\xe1\x8c[\x1d\x96*\x8d\x13W._\xe1\xf1\x05\xfd\xa5\x07\xbav\xa8\x0e\x9e\xa0\x84\xd3\xf8\x11E\xa2\x04&lt;\xc1.\xed3T\xf7\x91cY9\x94\xd2\xf0\x8e\x02\x85\xb9\x07\x00\x00\xf3\xe7\xcf\xef\xd2 \x91\x94\xc3p\x15*o\x94\x90` \xd4\xacN:\xb8\xb3\xb7\xef\xdcs8k\x7f\xfd\x96\xb5\x02\xde \xae\xfc\x8f&lt;\x044\x95\xd5kSc\xc3\xa6u\x8b\x97\xac\xa8\x9d\xcaL)N\xa6\x96\xd7rrT~\x98\xca\x8d\xc9\xce\xdai\xda\x92\xa5+\xe0t;;\\\xc2\x19\x00\xfa\r\x0b\x07\xf7\xeelU/U\x844\xac5"\x11\xe3\xc2d5\xd6M\xb3~\xf7\xdd4\xc9\xc2\xe3\x92c5U\xc5\xa2\x8c8\x84\x90P T\xb5v\xda\xc9\x82\x13sg\xcfi\xd7&lt;\x19\x00p[\xff\xc8$\x00\xa0e\xc3\xb8\xcd\x1b7\x02\x84\xf9\xd9\x9ca\x0b\x00}\xb3\xb0\x90\xc6J\x0b\xb2k\xa7\'\xb0\x90\x86\xdb\x05D"!\x04P\xda\xa0Z\xdc\x8f?\xfedK0\x9b,F\x8e3\xf9\x11\x88\x10\xa2\xa9ZBJl\xa9\xafx\xd9\xef\x8b\x9b7J\x01\x95\xe1\x8eo\x91\x88P\x02!\xd6\xa0v\xdc\x91\xc3\x07\xe1b\x1e\xddq!\xc2\x19\x00\x00\x90\x9d\x9d\xc3\x02.\xbb\xcd\xc4\xca\xed\xdeeT\xee8O\x8e\xb3\x16\x15\x9e\xb48L\xf8`\x97\xc8%\x840\x1a\r\x8c\xb0\xa2\x82\xec\xe4\x04;hxGND"\x00\xc0xR\xbc\xad\xa80[\xd5\xb4\xf0N\x03\x84yN9\'7\xdfad\xb11V\x8dq\xec\x00D"B\x08h\xbc^\xd5x\x8f\xbb$\xa1JlE\x1f\x0e\xbat\x82\x0b\x93\xc5ht\x1a|\xae\x92Z\xd5c!\x88\xa3\xb2\x11\x89\x10\x02*\xabY-V\x0b\x96\x04\x83a\x1e\x8f\rs\x00\xc8\xb2\x0c@\x00\x07\r"\x9c\xa6q\x00\xc2\x19\x96cd\x13B\x80\x00*\x11M\xc3\xa5\\\x91M\xd38\xa5r\xd8#&lt;\xcc\x01\x80+\x7f\xfe7\x10\x02\xfa\xad\xc1\xe8\x7f\x81\x10\xd8\xf4\x8ft\xa7.\xc9p\xc3\x1b\xb5\x10B(Ja\x00 \x84P\x94\xc2\x00@\x08\xa1(\x85\x01\x80\x10BQ\n\x03\x00!\x84\xa2\x14\x06\x00B\x08E)\x0c\x00\x84\x10\x8aR\x18\x00\x08!\x14\xa50\x00\x10B(Ja\x00 \x84P\x94\xc2\x00@\x08\xa1(\x85\x01\x80\x10BQ\n\x03\x00!\x84\xa2\x14\x06\x00B\x08E)\x0c\x00\x84\x10\x8aR\x18\x00\x08!\x14\xa50\x00\x10B(Ja\x00 \x84P\x94\xc2\x00@\x08\xa1(\x85\x01\x80\x10BQ\n\x03\x00!\x84\xa2\x14\x06\x00B\x08E)\x0c\x00\x84\x10\x8aR\x18\x00\x08!\x14\xa50\x00\x10B(Ja\x00 \x84P\x94\xc2\x00@\x08\xa1(\x85\x01\x80\x10BQ\n\x03\x00!\x84\xa2\x14\x06\x00B\x08E)\x0c\x00\x84\x10\x8aR\x18\x00\x08\xa1\xc8&amp;*\xfa\x00"\x97\\\xd1\x07\x10y\xb8\x10\x9c\x0b\x00\xa0\x84\x10J\x08\x00\x00\x08!\xb8\x00!\x04!D\xa2\xa4b\x8f\x10\xfd\x13\xa1\x97\x13\x00!\x84\x9c.&amp;\xc1\x85\x10\x02\x00\x08%\x84`\xd9E\x00!\x80s!@\xe8\x97\xa0^h\x9c\x0b.\x04\x01B)\x16\xe3\x85\xc2\x00\xb8P\x02\x801.Qj5)\xa0H\x00\x00\x1aWU\xa61N\x081*\x12\x95%\x90\x080\xee\xf3\xabx\xfaU6z\xd5/\x1bd\xa3Y!\x842\x8d\xa9!\x8d3N(1\x98\x14I\x91\x08\x80\x1a\xd4B\x01U\x00P\x8c\xf0J\x8c1.\xc9\x92dW@\xa2\xa0q\x082\xd08H\x84Z\x14\xaaP`\x02\xbc*\xd3\xb8$a!\xfe;\x0c\x80\x0b\xc2\xb8\x90)\xb18\xccZP\xdbr(\x7f\xdd\xde\xdc\x1d\x99\x85\x99\xb9\xaeRO0\xa82\x89\x12\xabINp\x9ak\xa68\xbb7\xab\xd2\xafUuUc\xd8\x08\xa9&lt;8\xe3\x8aA6Z\x0cE9\xa5\xdb\x96\x1d;\xb2#+\xefx\xa1\xb7\xcc\xaf\x864I\xa2f\x9b)!=\xb6j\xbd\xd4:-\xaaW\xa9\x93\x02\x00~O\x80J8:Z\xe9\x08.\x80\x10)\xd6\x1c*\xf1/_tb\xf9\xfa\xec]\x07J\n\x8a\xfd\xfe 3*4&gt;\xd6\xd4\xa8Nl\xf7\xf6\xe9\xbd\xda\xa7\x19\xe2L\xa2,\x04 \xf02&lt;?\x0c\x80\x7f\xa71n\xb7\x19}~u\xfc\xac\xed\xdf.\xda\xbba_\xae\xca\xf8?\xbdx\xee\x86\xa3\x83\xdbe\xa8\xda\x95&lt;@t&gt;\x9cq\x8b\xdd\\\x92W\xf6\xf3\xe7\x8b7.\xd8YZ\xe0:\xc7\x8b6\x02\x00\x18LJ\xfd\xb65\xfb\xde\xd2\xb9~\x9b\x9a&gt;\xb7\x9f\x00\x01\xac=*\r\xce\x055H@\xc9W\x13v|2q\xe7\xae\x03\xc5\x7f\x7f\xcd\x9ce\xc7\xdf\xf9j{\xa3:\xb1O\xdc\xd9\xec\xf6\x91\r@\x15\\e\xd8\x9f;\x0f\x0c\x80\x7f\xc1\xb8\xb0;\xcdK6\x1e{\xfa\xab\x95[\x0e\xe5\xeb\x9fL\x8e\xb54\xad\x91P\xafJlr\xac\xc5b\x949\x17._(\xbb\xd8\xbb3\xb3\xd0f6\xe83\x04\xa82\xe0\x8c[\x9d\xe6\xed+\xf6Oy\xfd\xb7\x92\xbc2\x00\xa0\x94To\x98^\xb5^jl\x92\xc3`T4\x8d\xb9K\xbc9G\n\x8e\xed=\xe9)\xf5\xedX\xb1\x7f\xd7\xaa\x03\x03\xef\xe8v\xd5\xfd\xbd\x02\xbe \x11\x98\x01\x95\x02\xe7\x82\x9a\xe5\x82"\xffm\x8f\xff&gt;w\xf9q\xfd\x93\xf5k\xc5\xb4h\x98P#\xddn\xb1\xc8\xa1 \xcb\xcc\xf6l\xd9U\xb8\xfb`\xf1\xee\x83%w&lt;\xbb\xec\xb7\xc5G\xbfy\xbfg\x8c\xc3\xc8\x03\x1af\xc0?\xc1\x008\x1f\xc6\x85\xcdnz\xff\x87M\xcf\x8c_\xc9\xb8\x00\x80^-\xaa\xde5\xa0q\xb7&amp;\xe9\xa9qVP$ \x04\x84\x00\xbd\x9b)D\xc8\x17\xca/\xf5\x07T\x8e\x1d\xcf\xca\x803nq\x98\xb7.\xdd;\xf6\xc9\xef9\xe3\x00\xd0n`\xb3^#;T\xa9\x93b4+\x84\x10\x01@\x00\x04\x80\xa6j%y\xae\xcd\x8bv\xcd\xffv\xa5\xbb\xc4;{\xfc\xb2`@\xbd\xee\x89\x01&gt;W\x80\xe2PrE\xe3\\\x10\xa3TX\xe4\xef=\xf2\xb7\x1d\x07\x8a\x01\xa0s\xab\x94\xe7\x1el\xd5\xb3]\x9a\xc9i\x04\x89\x00!\x00\x02\x98\x08\xb9B\x8b\xd6\x9cx\xf9\x83\r\x9bv\x15\xfe\xb2\xf8h\xf6\xcd\xb3\x16~w\x95\xdd\xaa\x88\x10#\x98\x01\xe7\x82\x01\xf0\x8f\x18\xe36\xa7\xf9\xb5\x89k_\x9c\xb8\x16\x00R\xe3\xac\xef\xdf\xdbed\xf7\xfa \x135\xa0y\xfd*\xf7\x85\xce~=\x01\x90$\x9a\x12k9\xcf\x00\x11\xbab\x84\x10\x8aI\xc9\xcf*\xfe\xe6\xa5\x9f8\xe3\xb2A\xbe\xf9\xf9\xab\xba\x8eh\xad\x06\xb4` \xa4\x06\xd5?\xbd\x9a\x10{\xacu\xe0\x9d\xdd\x1aw\xae;\xe6\xb1\xef\xf2\xb2\x8a\x16MY]\xbby\xb5\x96\xbd\x1a\xf9\xdc~Jq&gt;\xa0"\tB\x80\x90\x91\x0f.\xd2k\xffGG5~\xff\xe5.\xd4(\x81\'\xc4\xca\x82\x02\x84\xbe\x0e\x94\x10b\x90\xc8\xa0\xfe5{u\xaez\xff3K\xbf\xfd\xf9\xc0\x86\x9d\x057=\xb4p\xf6\xa4!L\xe5R\x05\xff\x10\x95\x14\x9e\xd9\xe7\xa61ns\x98\'\xcf\xdb\xa5\xd7\xfe\r\xab\xc5-{\xff\x9a\x91}\x1by\xfc!\xb7+\xa0j\x9cR"K\xf4\xec?\x92D\x01 \xa4a\xed_)\x08.\x8c&amp;e\xfe\xb7+|n?\x00\x0c\x7f\xb0O\x8f\xeb\xdb\xb9\x8a&lt;A\x7f\x88\x10B%\xfa\xa7?\x940\x8d\x95\x16\xb8\xaa\xd4N\xbe\xf3\xb5k\x0cF\x85\x102\xf7\xeb\xe5jP\xa3\x04\xaf\x91\x8a\xc4\x18\x97b\x8c_N\xdc\xb9x\xedI\x00\xb8cD\xbd\x0f\xdf\xe9\t!\xa6\x95\x04\x84\x00I"\xb2De\x99\xca2\xd5\x97\xfdh%\x01\x13\x81o&gt;\xeb{\xd3\x90\xda\x000gy\xd6\xd8\xafwH1F\x86\xcd\xb2s\xc1\x93\xfb\x1c\xb8\x10f\x93r\xe0X\xd1\x83\x9f/\x03\x80jI\xf69\xaf\x0f\xab\x9b\x1e\xeb*\xf1I\x94\xc8\x12=\xcf\x00\x0f\x8e\xfdT\n\x02dE*\xc9w\xedX\xb1\x9f\x10\x92^;\xb9\xfbu\xed\xca\n\xdd\x92,\xfd\xd3P\x00!DVdw\x89\xb7V\xf3\xea\xcd\xbb7\x10Bd\xed\xcf9\xbe/\xdb`V\x04N\xeaT\x10!\x80*\x92\'\xdf\xf7\xe6\x17\xdb(%5\xaa\xd8?}\xb9\x0bw\x05\x81\x0bY&gt;wA\xca2\xe5\x1a\xe7~\xf5\xcb\xb7\xbb\xd7\xc9pRJ\xfe\xef\xb3\xcdEY.j\x94\x05\x16\xe3\xdf`\x00\x9c\x8b\x00Y\x91\x9e\x19\xbf\xca\xe5\x0b)2\xfd\xe6\x89&gt;\x19i1.OP\x91\xf1\xd7\x15\x19\x84\x10\x8aQ\xc9;V\xe8*\xf2\x08!\x1aw\xaak\xb2\x18.\xa4\x1e\'\x84\x08.\x1av\xa8\r\x00\x9c\x8b\x13\x07seE\x12XsT\x10\xc6\x05\xb1)s\x16\x1f=\x9e\xe3\xe1\\&lt;v[\x13K\x92\x99\x87\xfeea\x0f\xa5\x84\x07\x99%\xd6\xfc\xe6\xe3m8\x17\x05\xc5\xfe\xaf\xbe\xdfKl\nv\x02\xfe\x0ek\xb4\xbfb\\X,\x86\x15[\xb3~]{\x04\x00\xee\xea\xdf\xa8g\xbb\x1a\xae2\x1f\xd6\xfe\x11D\x08A)\xd1k\x7f\x00H\xaa\x12w\xa1K\xb3\x08\xe1\x8c\xc7%9\xf4\x8f\\E^\x9c\xcf\xaf@\x04\x00\x04\xfc\xf6\xfb1B\xc0nU\x86\xf7\xa9!\xbc\xea\x85L\xcbK2\xe5\xae\xe0\xb0\x01\xb5\x9a\xd6\x8f\'\x04&amp;\xfdz@-\tH\n^\xc2\x7f\x85\xbf\x91\xbf\x13D"\x9f\xcf\xda!\x84\x88\xb5\x19\x9f\xbe\xb6\xb5\xeaS%\xbc-(\xe2\x108S\xe9_\xec\x95\x7f\xd60\x11\xb6\xfd+\x8e\x00I&amp;ZYp\xcb\xdeB!\xa0Q\x9d\xd8\xf4\xaav\x08\xb1\xf3\x8d\xc0\x9eF\x00\xb8\xc6%\xbb\xe1\xa6\xc1\xb5\x85\x80}GJ7m\xcb\'f\x85\xe1h\xde\x9fa\xbd\xf6\'B\x08\x93A\xc9\xcc*\x99\xbf\xe9(\x00\x8c\xe8\\;\xa3jl \xa8^\xc89\x87*\x11B8\x17V\xa7E\xff\xc8U\xe8\xb9\xd0\xa9\\!\x88D\xca\x8a&lt;\xfaG\x8e8\x1b\x8e\xffT\x14\x0e\x02d\x9a_\xe8\xcb\xc9\xf7\x01@\xbd\x1a1`\x92/|\x14\x87R\x02!\xd6\xbbc\xbaD\x89\x10\xb0dm6(\x14K\xf3/0\x00\xfe\x84q!\x9b\xe4\xf9\x9b\x8f\xb9|!B\xe0\x86\xee\xf5\x04\xc3E\xfd\x91\x87\x10\xd0BZR\xd58\xb3\xdd\x04\x00\x07\xb6\x1c\x15\xec\x82\xae|!\x84$\xd1\xfd\x9b2\x01\x80J\xb4Z\xfd4-\x84\xbbzT\x10\x01 \xd1\xe2\xb2\x90\xc7\xab\x02@j\xa2\x05$\x02\x17\\\x83\x13B \xc8\xea\xd5t\xa6&amp;Y\x00`\xfd\x8e&lt;\xc0\x1bt\xfe\x06\x03\xe0O\x08!\xc0\xc5\xa2\xcd\xc7\t@\xcd\x14g\x9b\xba\xc9!\xbc\x8d0\x02\x11B\xd4\x10KL\x8f\xab\xdd\xbc\x1a\x00\xec\xdbxd\xff\xe6L\xab\xd3\xc24v\x9e\xaf\xe2\x8c\x9b\xac\xa6\x93\x87\xf26/\xda\r\x00\xb5\x9aU\xad\xd6 5\x18\x08\xe1=D\x15\x86@ \xa8\xe9\xe36\x16\xb3|Q\x03r\x84\x80`\xc2\xea4f\xa4\xdb\x01\xe0\xd01\x97\xe6\x0eI\x12\xc1&gt;\xc0\xd90\x00\xfe \x00\x0c2-)\xf5m9T \x00\xda\xd5Oq8M!\x8d\x9d\xde\xf0\x19\x18\x17\x1a\xe3\x8c\x0b\xce\x05\xe7B\xffPc\x9c\xe39U\xf9\x10\x00\xcey\xffQ]\t!Lc\x93_\xfb\xb54\xdfe\xb1\x9b\x99\xc6\xceY\x8f0\x8d\x19L\n\xd3\xd8\xe4W\x7f\xf5\xb9\xfd\x84\x92a\xa3{\x13Jq\x16\xa0b\x9di~1\xc6/v[\x0e\xce\x05\x18\xa4\xa4x3\x00\xe4\x15\xf9\x8bK\x03 S\x9c\xd79\x1b\x06\xc0\x1f\x04\x17\x06E:\x94]v\xa2\xd0\x03\x00m\xeb\xa5\xe8\xab\xfa\x85\x00\x8dqI"6\x9b\xd1\x1ec\xb1\xd9\x8cV\x8b\xc1j1\xd8\xac\x06\xbb\xd3lw\x9a\xadFE\x08\x81\xf3K\x95\n\xa1$\xe0\r\xd6kSc\xc8\xbd=\x85\x80\xdc\xa3\x85\x1f=\xf0\xed\xc9\xc3y\x8ex;\xa1\x843~f8\x983.\xb8\xb0\xc7Z=\xa5\xbe\xcf\x1e\x9dr`\xcbQ\x00\xb8\xf6\xb1\xfe\xf5\xda\xd4\x0cx\x02\xd8\xfc\xafH\\\xd8-\x8a\xd1 \x01@QiP\xe8{w\\\x14Bd\x89\x00\x80\xc7\xab\x16\x95\x06A\xa2\xd8Z;\x1bn\x05\xf1\x07.\x00di_V\t\xe3\x1c\x00\x1aV\x8f\x03&amp;\xb8\x00\xa3D,vsq\x91w\xf1\x96\xe3\x1b\x0f\xe4\x1d\xc9)+t\x05T\x8d\x9b\x8drz\xbc\xb5Q\xf5\xf8\x8e\x8dR[\xd4J"\x12\xf5x\x83\xf8L\x91\xca\x83J\xd4W\xe6\x1f|O\x8f\x807\xb0p\xf2\xea\x13\x07\xf3\xde\xbds|\xff\xdb\xbav\x1d\xde\xda\x1eg\x0b\xf8\x82ZH\xa3\x94Z\x1cf\xa6\xb15\xb3\xb6\xfd2fQQv)\xa5\xe4\x9a\xc7\xfa\xf7\xbd\xa5\x93\xb7\xcc\x8f\x9bBW B\x08h&lt;)\xde\x1c\xeb4\xe6\x16\xf8\x0e\x1ds\x91\x0b[\x02t\x06\xa5\x00\x01-\xf3\x84\x1b\x00T\x8d\xbb\xbd!\xa0\x04\xeb\xff\xb3a\x00\x9cM\x00%\x87\xb2K\x01\xc0b\x94\xab%\xda\xd5\xa0\xea\xb4\x19\x0bJ\xfdc\xa6m\x9a\xb4x\xef\x91\x9c\xb2s~\x99A\x96\xba6I\x7f\xfc\x9a\x96\x03\xda\xd7\xf0{C\xfas\xc1\xae\xe8\x81\xa3\x7f@\x08\tx\x03\xd7=1 \xb5F\xe2O\x9f-r\x17{\x7f\xfat\xe1\xaa_6w\x1d\xd1\xa6M\xdf\xc6\t\xe9q\x01_p\xeb\xd2\xbd\x8b\xbf[}`\xf3Q\x00H\xaf\x93|\xdd\xe3\x03\x1aw\xac\xe3)\xf3\xe3\xdcO\xc5"\x04\x84\xc6\x9d\t\xe6:\xd5\x1dy\x05\xbe\xad{\x8b\\\x05&gt;\x87\xd3(4q!\x97\x17\xe3\x82Z\x94\xbd\xbb\x0b\xb6\xef+\xa2\x94p.T\xf5\xa2\x07\x91\xfe\xe7a\x00\x9c\x8d\x00\x17\xc7\xf2\xdd\x00\x10g7\xc5X\r\x8a\xd5\xb8`\xed\xe1\x07?[\xa6\xa7B\x95\x04[\x8b\xdaI\xb5R\x9d16#\x08(\xf1\x04\x0ef\x97m9\x94\x9f[\xec]\xbc\xf5\xf8\xe2\xad\xc7\x1f\x1a\xda\xfc\xfd{\xbb2\xc68\xc7=!*\x07\x02\x04\x88\xb7\xcc\xdfeD\x9b\xba\xadk\xcc\xfer\xe9\x86\xf9;\xf3\xb3\x8af|4\x7f\xfe\xb7+\x9av\xa9\x97\x93Y\x90\xb9\xeb\x04\x00\xc4&amp;9\xba\x8eh\xd3\xf3\x86\xf6\x16\xbb\xd9S\xea\xc3\xb6\x7fe\xc0\xb8\x90\xcdr\xef\x8eUVn\xca\xcd+\xf4\xcd[\x91u\xfd\r\rY\xb1_\xbe\x80\xbb29\x17\x92Izm\xcc\xd6\x90\xca\x15\x99\xe2L\xdd9a\x00\xfc\x81\x10\x00\xce\xf3K}\x00`\xb7\x18\x92\x13\xed\xd3\x16\xed\xb9\xf1\xcd\xf9\\\x88\xce\x8d\xd3\x1e\x1e\xd6\xa2G\xb3*\t1f\x90\xe8\x99\xfd\x9fA\xe3\xb9\xc5\xde_\xd7\x1ey\xf3\xfb\r\xc7\xf2\xdd\x9f\xfe\xba\xad\xa0\xd47\xe5\xb9\x01\xc1\xa0v\t\xc3\x95\xa8\x9cP\x89\xba\x8b\xbd\xb1I\xce\x07?\xbay\xef\x86#\x93_\xfd%\xfbp\xbe\xa7\xd4\xb7f\xd6V\x00\x90d\xa9~\x9b\x1a\xa3\xfeox\xd5\xba)\xc5\xb9\xa5\x9e2\x9f\xac\xe0\xde\x91\x95\x02%\x04\xfc\xda\x8d\x83k\xbf1n\xab\xaa\xf17\xbf\xd8v\xed\x90:D\xa6\x9c\x8b\xf3\xf4\xcf\x84\x10\x9a&amp;\x94\x14\xeb\xe4\xaf\xb7O\x9d}(\xc6a(s\x87\x00@\x91qJ\xff\xaf\xb0\x99\xf3\x07J\x80\xa9\xac\xcc\x1b\x04\x80jI\xf6\x8d{sny{\x01!\xf0\xee\xdd]~\x7f\xf7\x9ak{\xd4\xb3\x9b\x15\x8f7\xe4.\xf3\xbbK}\xeeR\x9f\xbb\xcc\xef\xf1\x85\xe2l\xc6{\x875_\xfd\xf1\xf5\xed\xeb\xa7\x00\xc0\x0f\xcb\x0f\xbc\xfe\xddz\x8b\x1dw\x1f\xacD8\xe3V\x87Yp\xfe\xfb\xf7\xeb~\xf9|qNf\x81\x1a\xd2$Yr\xc4Y\x01\x80i\xec\xc0\x96\xa3\x9f?\xfe\xdd/c\x17\xab!f\x8f\xb5\xf0\xd3\x8f\x89G\x15\x8bR\xc2|j\xed&amp;\x89\xb7_]\x97s\xb1}_\xd1\xd3\xaf\xaf\x91\xe2\xcc\x84\x12M\xe3\x9c\xff\xa9\x94\xf4\'\xc5k\x1a\'2U\x92,\xd3\xbf\xdb}\xdbs\xcb\x9b\xd7\x8f\x7ftT\x13!\x80Rb2J \x046\xcb\xce\x86=\x80?\x10BT\xc6=~\x15\x00\xdc\xfe\xd0\xbd\x1f-\x11\x003^\x1c&lt;\xacg=_\xa9/\x10P%J%J\xfe\xd2\xb2\xd7\x98\x08\x94\xf8\xd2\xe3\xac?\xbd&lt;\xa4\xfd\xc3?\x9c(\xf4\xbc9m\xe35]\xea\xd4\xab\x16\x1b\x08jx\x0bq\xc5\xd2k\x08[\x8ce\xcf\xdaC\xbf\x8e\xfb\xfd\xd0\xb6c\x00`\xb6\x9bz^\xdd\xba\xc3\xa0\xe6\xce\x04\xdb\xee5\x07\xd7\xcf\xdb\xb1o\xe3\x91c{N\x1e\xdbsr\xe5O\x9b\x06\xdd\xd5\xbdm\xbf\xa6\xa1\x80\xaai\xf84\xc1\x8aG)\xe5\xde\xd0\x1b\xcf\xb6_\xb4\xe6\xe4\xe1,\xd7\xfb\xdf\xec \x04^\x7f\xb6\x83!\xde\x0c\x01\rT.\x98\xd0\x9f\xfdKdB\x0c25JE\xd9\x9e\xb7\xdeZ\xf7\xde\xf8\xed\x06\x85N\xfd\xb4\xcf\xbc%G\x01\xc0h\x90lV\x05p\xa9\xde\x9fa\x00\x9c"\xf4\x1e\x00\x17\xfe\x90\x06\x00\xeb\xf6\xe4r!&gt;\xb9\xbf\xdb\xb0^\xf5\xcb\n\xdd\x8a,\xc9\xff\xb0\x05\x15!\xa0\xc8\xd4\xe5\r\xa6&amp;;\xde\xb8\xbd\xd3\xcdo\xcf\x0f\x84\xd8\xe7\xb3\xb6\x7f\xfeXo\xee\xbf\xa0\x8d\xabP9\x11BPJe\x834\xe3\xa3\x05\x0b&amp;\xae\xe2\x9c\x1b\xcd\x86\x1e\xd7\xb7\xeb~m\xdb\xc4\xaa\xf1jPe\x1a\xef2\xa2M\xc7\xabZ\x1e\xd9\x99\xb5l\xfa\xfa\r\x0bvf\x1f\xce\xff\xea\xb9\xe9\xdb\x97\xef\x1b\xf9\xcc`\x93\xc5\x10\n\xe2m\x80\x15\x8c\x10\x10!\x1e\x1bo\xfem\xfc\x80~\xb7\xce&gt;\x91\xe7}o\xc2\x8eEkN\xde}c\xc3^\xed\xd3\xab\xa5Z-\x16\x05(\x01\x95\x97\x95\x85\x0e\x1c/\x9b\xbb\xec\xf87?\xee;\x96\xed\x89u\x18\xa6~\xd4\xbbA\xc7\xf4O&amp;\xec\x00\x00\xabY\x8e\xb1\x1b\x80]\xd0\x04r\xf4\xc0\x00\xf8\x13\xbd\x17\t\x00\\\x88.\x8d\xd3\x1e\xbc\xba\x85\xb7\xd8k\x90\xff}DX\x91%\xbf;0\xbcs\xad\xfaS\xe3\xf6g\x15\xcfY\x9f\xf9z\x89\xcfl\x90\x19\xc7\x13\xae\x82\x08 \x84H\x8a\xf4\xf5\x0b36.\xd8\t\x00\xb5\x9bU\x1b\xf9\xec\x90\x1a\x8d\xd3\x03\xde\xa0\xbb\xc4K\t\x01B\xbc\xa5&gt;BH\xcd&amp;U\xeb\xb4\xa8\xde\xe5\xea\xd63&gt;Zpt\xcf\xc9\r\xf3w\xe4\x1e-|\xe8\xe3\x9bm1\x165\xa8\xe1\xad\x00\x15\x8bJ\x84yB\r\x1b\xc6\xaf\x9a1\xec\xde\xe7W,X\x99\xb5}_\xd1\x83/\xad\x94eZ-\xcd\x16\x1fc\x94%\x1a\x08\xb0\x9cB_n\x81O\xff\x92\xfe]\xab~\xf8b\xa7\xfa\xf5\xe3x\xa1\xbf\xb0$\x00\x00\xf11&amp;\x87\xcd\x00\x0c\xe7\xe6\xfe\x04\xe7\x00\xfe\x84\x9cu\xe7\xe1\xe8\xc1M\x89D/|\xed\x80\xc6\xb8\xd9j\xec\xdf\xba\x9a\x00\xc8*\xf0\xec&gt;Vd4\xca8\x94\\Q\xb8\xe0f\x9bi\xda{s\xf5\xda\xbfU\xafF\x8f\x8d\xbb\xbdJ\x9ddW\x91GS\x99$QB\t!@%J(\t\xfaB\xde2\x7f\xdd\xd65\x9e\xfa\xfa\xce\x0eCZ\x00\xc0\xf1}\xd9c\x9f\xfc\x9ei\x9cJ\x04g\x0e+\x9c$Q\xeeV\xabWq\xcc\x9f&lt;\xf8\xa71\xfd\x06\xf7\xac\x9e\x10k\xd24~\xe4\xb8k\xe3\x8e\x82\xb5[\xf3\xb6\xee-\xcc-\xf0\xc5\xc7\x9aF\xf4\xab9{\xfc\x80y\x93\x06\xd7\xaf\x13\xa7\xb9BT\xe3Y9\x1e\x00HK\xb2(6\x03\xe7\x1c\x1bdg\xc3\x1e\xc0)\x04@\x08\x90%j1\xca\x00`1)\xad\xeb%\xb3\xd0E\x8c\x00\x10B@@\xcb\xda\xc9\x00\xc0\x85\xd8\x97U\xd2\xa9yU.\x04\xc5\x16\xc7\x15w\xeaq\xf0\xbf\xefY6}=\x00\xd4m\x99q\xd7\x9b\xd7q\x8d\x05\xbcA\xe9\\\xfd9B\t\x01\xe2w\x07$Y\xba\xf3\xd5k\xb8\xc6\xd6\xcf\xdbqdg\xd6\xac\xaf\x96^\xf7X\x7f\\\x15Z\x19P\x89\xf0\x80F\x08\\=\xac\xce\xd5Cj\xe5f\xb9\xf7\x1f.\xcd\xca\xf5\xb8\xbd*!$\xc6n\xa8\x96j\xab[\xd3\x99\x90n\x07B\x84;\xc89\xc8F\xb9\xac$p&lt;\xdb\x03\x00uk8\xc1 qo\x08Ge\xcf\x86\x01\xf0\x07.\x84\xc9 \xc7X\x8d\x00`5\xca6\x93\xc2\xb9 \x17U}s^%\xd1\xa6\xff3\xa7\xc8\x8b\xf7\x02T\x14B\x89\xa6\xb2y\x13\x96\x03\x01\x93\xc5x\xd3\xf3W\x11\x02\x9a\xca\xce_\x8fS\x89r\xc6\x03\xbe\xe0\x8d\xcf^\x95\xb9\xebd\xc1\xc9\xe2\xe5\xd37t\x1b\xde:&amp;\xc9\xa9\xa9\x1a\xde\xdcW\xe1\xf4\xd6\x18+\r\x12\x02))\xd6\x94j\x0e\x90(\xe8\xbb\xfb\x08\x01L@\x90qwH\x7fV0\x10\x01\x06z\xe8\xb8+\xaf\xc8\x0f\x00\xcd\x1b$`K\xec\xef\xb0]\xf3\x07!\x80(RZ\xbc\x15\x00B\x1a\xf3\x9dZ\xc3s\xc1\xdb\xcf\x02\x00\x17\x16\xa3\xac\xd7\x14\xde\xa0Z~\x87\x8a\xceCpa4\x1b\xb2\xf6e\x1f\xdd\x9b\r\x02Z\xf6lX\xa5nJ\xc0\x1b\xbc\x90V&lt;\xa1D\x0bi\xf6XK\xcf\x1b\xda\x0b.\x02\xbe\xe0\xce\xd5\x07\x8d\xe6\x0bz\x9c$\xba2$\x89PJD\x881wH+\xf1k\x85~\xad\xd8\xaf\x95\x04\x99;$TF)\xd1\x9f\x0e/\x84\x10\x06i\xdd\xb6&lt;\xfd\xa6\x81\xb6M\x12\x01w\xf6\xfe\x1b\x0c\x80?\x08!\x80\x92:\xe9\xb1\x00\xe0\xf6\xab\x05\xa5\xfe\x8b\xde&lt;\x96\x10\xce\x85\x9e\x19\xb8z\xa4\xa2\x08!dE:\xbe/\x873\x0e\x00\x8d:\xd6\xe1\xec"6\xe7\xa0\x12\r\x06\xd4\xfamj*F\x19\x08\x1c\xdbs\x12\xf7\x8f\xac\x84\x08!\x12%\xb2De\x99\xca\x12\x95%"\xfdy\x1f.J\x08\xd1\xf8\xc2\xd5\'\x00\xa0fU{\xa3\xbaq\x10\xb8\xb8\xad\x84\xa2\x01\x06\xc0\x1f\x08!\xc0x\xb3\x9a\t\x00\xc0\xb9\xd8\x7f\xa2\x04d\xe9\xc2\'\x81\x05\x00\x10\xf0\xf8U\xfd+\x9c\x16C\xb9\x1d)\xfa\x17\x84\x90\xa2\x9cR\x00 \x94$\xa4\xc5rvQM?\xc25f\x8f\xb3\xdac\xad \xa0\xac\xc8\xc34|\x90H\x84\xe1\x02\xa8Q\xca=Z\xb6|C\x0e\x00\xf4\xea\x90n\x8c73\x8da1\xfe\x05\x06\xc0\x1f(\x01\x16b-j%:,\x06\x00X\xbb7\xe7\xa2\x06\r\x85\x10@iV\x81[\xff\xb0J\x82\x1d8\xee\nWa\xd4\xa0\x06\x00\xb2,)\x17\xb9\x16K_\x0e@%\xaaO\x17\x9f\xbdq4\x8a\x14\x9cq\xb0*\xdf\xcf9\xaco\x02q\xc3\xc0Z\xc0p\x7f\xaes\xc0\x00\xf8\x03!$\x10\xd2\xaa\xa7:\xdb\xd4M&amp;\x04\x16o\xcd\xf2\x94\xf9\x95\x0b\xd8v\xea\xac\xb7\x80mG\n\x00@\x96h\xbd\xaa\xb1\x02[\x1c\x15\xc7`\x92\x01@SY(\xa0^T\x0c\x0b\x10\x84\x92P@\r\xf8\x82\x00`\xb2\x1a%\t\x9f%\x1bI\x84\x00\xaaH\xfe\x02\xffgSvSB\x9a7\x8c\xef\xd21]xU\tGe\xff\x06\x03\xe0O\xb8\x10T\x91\xae\xedZG\x088\x94]:w\xe31\x93\xc5\xa0]\xd8\xae&gt;2\xa5Aoh\xe9\xf6\x13\x04\xa0f\x8a\xa3^\x95\xd8`\x08\x97\x8eT\x0c!D|Z\xac\xfe\x8f\xfc\xe3E\x92,]D\r.@V\xa4\xa2\xecRo\xa9\x0f\x00\x92\xaa\xc6\x11\\\x03\x1aQ4\x8d\xd3X\xe3{_n;\x92\xe5\xe2B&lt;y[S\xc9j\xc0\xbd\xb9\xce\t\xcf\xec?\x91$\x1a\xf2\x85Ft\xa9\x93\x9e`\xa3\x84\xbc\xf3\xe3&amp;5\xc4\xa4\x0bx\x88\x84\xc6\xb8\xd9jX\xb2-k\xf7\xd1"\x010\xa0m\x86\xcdiV5\x8e\xd5\xff\x95G\x08QCZ\xf5\x06i\x92L\x01`\xdb\xf2}\xe4"\x9e%\x0e\x9cq\x83I\xd9\xbeb\x9f~Ox\x9d\x16\x19\x1cG\x0f"\x87\xaar%\xde\xb4qE\xd6\x1b_l\x05\x806M\x12o\x18Q\x8f\x97\x05eL\xf1s\xc1_\xca\x9f\x10\x80\xa0\xca\x12\x12\xac\x8f_\xdd\x82\x0b\xb1\xf9`\xfe\xfb?n\xb6\xc4Z\xd5\xf3?L\x9c\x0bI\xa2\xaa\xca^\x9e\xb2\x8e\x10bT\xa4;\xfb5f\xb8\x8dL\x05!\x94\x84\xfcj\x95\xba\xa95\x9bT\x05\x80\x1d+\xf6\xed\xdf\x94i\x8b\xb10\xf5|\x85\xa8c\x1a3\xdbM\'\x0f\xe5\xad\xfae\x13!$%#\xa1^\xeb\x1a\x01_\x10\x8b\xb2\xf2\x13\x02T\x95+q\xa6\xcc\x83%\xd7&lt;\xb4(\x10d\xb2L\xc7\xfd\xb7\x8b\xa4\xd0\x8b\xc8\xff(\x83\x01\xf0W\xb2D\xfd\xee\xe0\xe8\xa1\xcdZ\xd5I\x02\x80\xff\x9b\xb4n\xe6\xa2=\xce\x04\x1bc\x9c\xb1?\xad\t\x12\x00\\\x08\x95qY\xa6\x16\xbb\xe9\xb11\xcb6\xee\xcf\xe3B\xdc;\xb0I\x93\xbaI~\x7f\x08\xd7\x9cU\x14\x01\x82Jt\xc0\xed\xdd\x00\x80i|\xe2\x7f\x7f)\xca)\xb5\xc5Z\x99\xc6\xcf9\xa9+\x84\xe0\x8cs\x8d[\x9d\x16\xbf\'\xf0\xf5\x8b3\xbde~!\xc4\xe0\xbb{\x98\xadF\x8e\xa3\x07\x95\x00cB/\xba\xbf\x14\x9e\x10\xc0\xf4]\xa0%\xa2$Y6n\xcc\xe95\xf27\xfd\xee\xdfO_\xec\xd8\xb2C:s\x870\xbf\xff\t\x06\xc090.\x14Y\x9a\xf8T\xbf\x18\x9b1\xa4\xb1\x9b\xdf\x9e?f\xfaf\x9b\xcdd\xb3\x9b\xf49a!\x84\x10\x82\x12b1\xc8\x8e\x18\x8b_ew\xbf=\xff\xf3Y;\x00\xa0E\xad\xc4Wo\xef\x18\xf0\x86(\xc5\xdfm\x85\xa1\x94\xfa\xdd\xfe\xa6]\xeb\xf5\xbe\xb1\xa3\x10"\xefX\xe1\x07\xf7N\xd8\xb7\xe1\x88=\xd6bq\x98\xf5\xe7\xbd\x08.\xc4\xe9}\xffeE\xb68\xcc\xb6\x18\xcb\xc1-G\xdf\xbb{B\xe6\xce,\x00\xe8vM\x9bv\x03\x9b\xf9\xdc~,\xca\xca@\x8a1J6\x03Q(\xd1\x03\xfbt\xd9\x11\x85Jv\x83\x1cov\xf9\xd47\xdeY\xd7\xf3\x86_3O\xba\x01\xe0\xd5G\xdb\xdcwOs\xad8 ]\xd4:\x8e(\x83[A\x9c\x83D\x89\xdf\x1fjT#\xfe\xd7\x97\x87\x0c\x7fev\x91;\xf0\xc0gKg\xad;r\xdf\xe0\xa6\xad\xeb&amp;%:\xcc\x8a,q\x01\xde\x80z(\xbbt\xe1\x96\xe3_\xcc\xdeq\xe0d)\x004\xaa\x1e\xff\xf3+C,F9\x88\xe3?\x15\x8dR\xea\xf7\x04\xaey\xac\x7f0\x10Z\xf9\xd3\xa6\xbc\xe3E\x1f\xdc\xffM\xab\xde\x8d\xda\xf6kZ\xb5^\x8a-\xd6j0*@@\x08PCji\x81+k_\xce\xc6E;\xb7,\xd9\xa3\xb7\xf7\xbb\x0co=\xf2\x99\xc1\x01o\x90\x10\xac&gt;*\x1a\x01M\x13\xdfO\xd9]\'\xc3Y7\xc3\x19\xe74\x12\x93L\xf4\x89\x9d +,\xf0\xed:\\:\x7fE\xd6\x8fs\x0e\x1f9\xe1\x02\x00\x9bE\xf9\xf0?\x1d\xef\xba\xa3\xa9V\x1a\xf8\xa7]\xdc\x91\x0e\x03\xe0\xdc$\x89\xba=\xc1\xae\xcd\xab.}\xef\x9a\xfb?^\xb2zO\xce\xfcM\xc7\xe6o:\x96\xe84WI\xb4\xd9L\x8a\xcaD\x91\xcb\x7f4\xcf\xa5j\xa7\xc6\x07\xae\xefV\xf7\x93\x07\xba\'8L\xbe\x80\x86\x0b\xce*\x9e^\xb9\x07\xd5[\xfe3\xb4Z\xbd\xd49\xe3\x97\x95\x16\xb87.\xd8\xb9q\xc1N\xab\xd3\x1c\x97\x12cu\x9aeERC\x9a\xb7\xd4W\x94[\xe6w\x07\xf4\xaf\x8bKq\x0e\xba\xab{\xd7\xe1\xad\x03\xbe\x90\x10x\'G\x05\xd3\xb7o\x96(&lt;\xfe\xc6\xda\xc2\xd2@r\x82%%\xc1\xect\x18L\x8a\x14TY\xa9+t2\xcf\xabo\xf8\x0c\x00\x84\x90!\xbd\xaa\xbf\xfeD\xdb\xc6\xcd\x93Y\t\xd6\xfe\xff\x0e\x03\xe0\x1f\xc9\x12\xf5\xb8\x83\x8d\xab\xc7/yg\xc4\xc4E{\xbfY\xb0{\xf3\xa1\xfc\x822\x7fA\x99\xff\xec\x97\xc5\xda\x8c\x9d\x1b\xa7\xdf;\xa8\xf1\xa0\xf65\xd5\x10\xf3c\xed_i\xe8m\xc4\x807\xd8\xe3\x86\xf6M\xbb\xd6[7g\xfb\xd6\xa5{N\x1e\xca\xf3\x96\xf9\xbd\x7f.D\x000\x9a\rU\xeb\xa5\xb6\xe8\xd1\xa0\xed\x80\xa6\xb1IN\x9f\xcbO\x08\xc1\xda\xbfR\x10\x00\x84\xd4\xaa\xee(,\r\xe4\x15\xfa\xf2\n}\x7f\xf9\x7fJI\xdd\x0cg\xcf\x0e\xe97\x0e\xad\xd3\xa9}\x1a\x08`%~\t\x97\xfd\\\x00\x0c\x80\xf3\x91$\xe2\x0b\xa8\x94\x92{\xaejv{\xdf\x86\xbb\x8e\x15\xed\xca,&lt;^\xe0v\xfbT\x89\x92x\x87\xa9vZL\x93\x8c\x84\x1aiN \xc4\xeb\r\x12\x82[\x00U.\x84\x80\xfe\xd4\x17{\x8cu\xf0==z\xdf\xd4!\xffxq\xde\xb1\xc2\xa2\x9cR\xaf\xcb\xcfT&amp;\x1bd\x8b\xc3\x9c\x90\x16\x93\x92\x91\x98X5\xcehR\x02\xbe\x90\xb7\x0c\xf7\x7f\xae,\xf4\xcb\x89\x102\xf7\xab\x01\x07\x8f\x96\x1d\xcdv\xe7\x15\xf8K\xdd\xa1\x90\xcad\x89\xc6:\x8cUR\xad\xf52\x9cuk\xc4\x18\xe2\xcd\xa0q\xee\t\x01\x00\xd6\xfe\x17\x08\x03\xe0_PJ\x04\x80\xc7\xe5\x97$\xda\xa2fb\x8bz)pf\x8bPB\x80q\x16b^_H\x00`\xc3\xbf\xd2\xa2\x12\xd54\xa6\x96x\xa9DSk$V\xa9\x9br\xaa~?\xfdx(\xce\xb8\xa625\xa8\xa9\x01\x95P\x82\xb5\x7f\xa5#D\\\xbc\xb9]\xaa\xad\x9dL\xfezO\x06\x17\xa0r\x082V\x12\x00\x82\x97\xe1\xc5\xc1\x00\xf8w\xe4t\x83\xc2\x1bT\xb9?\xf4\xa7\xff"\x84b\xab?\x12\x10B\x88D\x00 \x14T\xc5\x9f\x0b\x11\x00\x80\x80&gt;\xe0\x837\xfdVZB\xe5&lt;\xc4\x84\x80\xbfl\xceJ\x80\x10\x02\x84\x9c\xda\x05\x1a]\x14\x0c\x80\x8b@\t\xc1\xc7\tE\xba3I\x80"\x0b! \x9dj\xfbc\xf1\x85\r\xb6w\x10B(Ja\x00 \x84P\x94\xc2\x00@\x08\xa1(\x85\x01\x80\x10BQ\n\x03\x00!\x84\xa2\x14\x06\x00B\x08E)\x0c\x00\x84\x10\x8aR\x18\x00\x08!\x14\xa50\x00\x10B(Ja\x00 \x84P\x94\xc2\x00@\x08\xa1(\x85\x01\x80\x10BQ\n\x03\x00!\x84\xa2\x14\x06\x00B\x08E)\x0c\x00\x84\x10\x8aR\x18\x00\x08!\x14\xa50\x00\x10B(Ja\x00 \x84P\x94\xc2\x00@\x08\xa1(\x85\x01\x80\x10BQ\n\x03\x00!\x84\xa2\x14\x06\x00B\x08E)\x0c\x00\x84\x10\x8aR\x18\x00\x08!\x14\xa50\x00\x10B(Ja\x00 \x84P\x94\xc2\x00@\x08\xa1(\x85\x01\x80\x10BQ\n\x03\x00!\x84\xa2T\xf8\x03\x80\x10\x02$\xec\xef\x8a\xae(J\x08\xe8E\x89"\x1c\xc1\xa2\xfc\x9f@H\xb9\x94a\x98\x03\x80\x12\x12T\x99\xa6q&lt;\xe1"\x18\x01_P\xa5\x94\x86\x02jE\x1f\n\xba,\x9c\x0b-\xa4\x01\xa1\x81\xa0\x06xIF.B\x02AMc\xe1/\xc3\xb0\x05\x80^\xe3\xd7\xa9S\xd3\xc7-\x05\xc5n\x83$\t\x11\xae\xf7FW\x8e\x10\x02\x14y\xf7\xd1\xc2\x98\xb8\xf4\xc2\xe3E@\xb0\x14#\x15\x95\xa8\xdf\x1bP\xdd\x9a3!}\xff\xe1B0\xca\x1c\xaf\xc9\x08\xc4\x85\x00\x83t \xb3\xc8\x1eS\xc5l22\xc6\xc2\xd8\xbc\x0eg\x0f@\x08a\xb5X\xac\xce\xd8\x12\x97\x8fHXsD\xb0\x82R_\xa3F\x8dC~MS\xb13\x17\xa9\x08%&gt;\xaf\xdfb\xb4\xd6\xaa]7\'\xdf\r2\x05\xbc&amp;#\x91\x00\x90hA\x9179%5\xec\x17c8{\x00\x9cs\x83"\'W\xad\xb5\xfdP\xaedT\x0467"\x10!D\xa8\xda\xd6\xc3\x85w\xdd}\xbb;?\xe0uy\xa9\x84+\x05"\x8f\x10\xc2`Pr\x8e\xe5\'\xd8\x93\x06]5l\xf5\xa6,\xa1HxIF"!\x84P\xa4\x8d;\xf3\x1b5n\xae\x7f\x18\xc67\x0fs\x0f\x00\x00\xda\xb4\xeb\xb0~_.\xc8x\xb6E\x1e\x01`T\xa4\x82BW\x9eW\x1a&lt;\xb0\xafM\x89=\x99\x99k0\x1a\xb0(#\x8e\x10\xc2`6d\xee\xce\xaa[\xa3\xfe\xa0A\xfd\xb7\xef\xf7\x90\x80J(v\xe6"\x0f\xa1\x84\x04C\xbb\x0e\xf9\xbbt\xee\x08\x00\x94\x86\xb3\xd2\x0e\xeb{Q\n\x00C\x06\x0eXs\xa8,\xe4\xf6\xc9\xd8r\x8c4\x9cs\xc5bZ\xbc\xe9PbF\xa3\xb8Xg\xabfm\xb6-\xdfc\xb2\x1a\x04\xc7\x00\x884\x02\x84\x10\xfb\xd6\x1d\xe9\xd2\xa5k\x93\x86\xb5\x0b|\xb1Y\xfb\xf2$\x13\xf6\xcb#\x8c\x10B2)\'\xf6\xe7\xe5\xb9\x9d\x9d:\xb4\x86J\x1e\x00\x9c\xf3\x86\xf5k\x83\xb3\xda\xba\x1dG\x8df#N:E\x18\x01 \x91\x9fV\x1f\x1e4d(\x00\x0c\x1d6\xf4\xd0\xe6\x13~o\x00[\x8e\x11F\x80\xc1\xa8\x9c&lt;\x92\xab\x15K\x1d\xbbt\x00\x80\xa6-\xba\xfd8\x7f?\xd8\x8c\x8cU\xf4\xb1\xa1\x8b\xc18\x80\xcd8c\xfe\xfe\x86\xcd:\x9bL\x06\x16\xee\xf2\x0bs#\x9ds.\xcb\xf2\xb5#o\xfdv\xe1.jV8\xb6\x1c#\x87\x10`4*YG\xf3\x0e\x94\x9ao\x19y-\xe7\xbcK\xf7\xceU\xec\x19\xbb7\x1c0[M\xd8\t\x88 \x9cs\x8b\xc3\xb2f\xde\xe6\xde]\xfb%&amp;%\x02\xc0\xfd\xf7\xdf;sq.\x04Bam&gt;\xa2rG\t@04cQ\xee}\xf7\xdeS.\xef\x1f\xde\xb7\x93$I\x08q\xef\x9d\xa3\xd6\x1e\xd3\xb2\x8e\xe4\x9a\x8c\n\xf6\x01"\x05c\\qZ?\x99\xb1\xb6\xd7\xe0k\x9d\x0e{(\x14"\x84\xdcs\xf7}\x0b\xbe[i4\x1b1\xcb#\x08\x95\xa8\xd7\xe5\xdb\xbeh\xff#\x8f&gt;\x02\x00\x9a\xa6vl\xdfRq6\x997g\x17\x8d\xb50\x86E\x19\x19\x18\x134\xd6\xb2`\xcenjo\xdc\xb9ck\xc6\x98$I\xe1\xfd\x16a\x0e\x00}-\x90\xc3n\x1bv\xe3\xdd\xafN^\xa9\xd8\xcd\x8c\xf1\xf0~\x0bT\x1e\xb8\x10\x06\x93\x92\x95\x993{\x97\xef\xe1\x07\xef\x17\x82\x1b\x0c\x06\xce\xf9\x88k\x87\x9b&lt;1[W\xee\xb4:\xcc\x9ccQF\x00\xc6\x98#\xd66\xff\xbb\xa5]Z\xf4\xae\xdf\xb0\x1e\xe7\x9c\x10\n \x1e\x7f\xe2\x99\xd7\xbf\xd8%T&amp;\x08.\x07\x8d\x0c\x82\x80\xd0\xd8k_\xecz\xe2\x89\xa7\xcb\xe9[\x84\xbfC\xa8\xcf\x04\xfc\xdf\xf3O/:\xc87l:hw\x98\x19V\x1c\x95\x1ec\xdc\x18c}\xf4\xe3y\xd7\xde\xf6`\x8d\xeaU\x19\xe3\x94R!\x84\xd5f}\xf9\xc5W\xa6\xbe\xfd\x9b\xac\xc8\x80[|TzB\x08\xa3\xd1\x98\x7f\xb2h\xd5\xb4\xedo\xbf\xfb\xa6&gt;\xe5+I\x12c\xfc\xaa\xc1}\xcc\x89\x9d\xc6\x8e])\xa78\x98\x8a\x97de\xa7\xa9\\Nq\x8c\x1b\xb7\xca\x18\xdf~\xe8\x90~\xe5\xd1\xfc\x87r\xda\x0bH\x08a2\x19\xdf\xfd\xf0\x93\xbb&gt;X\x14\xd0\xf4\xaa$\xec\xdf\x07\x85\x8d\xa6qG\xbc\xe3\x87\x9f\xd7\x1daU_|\xf6\xf13\xa7\x9a$I\x8c\xb1a#\x86vn\xd2g\xca\xfb?\xc7%\xc50\x15\xe7\x10+5\xc1\x85\xc5n\x1e\xf7\x9f\xef\x9e}\xec?\xd5\xaaW\xe3\x9c\xeb\x8bF\xf4\xae\xf9\xb81\x1f\xbf=)\xfb\xc8\xf6\x93\xb2\xdd\xc8q \xa8\x12\xe3L\xc8vc\xe6\x8e\x93o}{b\xdc\x98O8/\xaf\xfb1\xcbeJH\xaf8\xae\x196\xa4\xcb\xf0{\xefz\xedG</t>
        </is>
      </c>
    </row>
    <row r="228">
      <c r="A228" s="1" t="n">
        <v>226</v>
      </c>
      <c r="B228" t="inlineStr">
        <is>
          <t>venn</t>
        </is>
      </c>
      <c r="C228" t="inlineStr">
        <is>
          <t>What is the missing number of the part denoted with a question mark?</t>
        </is>
      </c>
      <c r="D228" t="inlineStr">
        <is>
          <t>['4', '6', '0', '2']</t>
        </is>
      </c>
      <c r="E228" t="inlineStr">
        <is>
          <t>2</t>
        </is>
      </c>
      <c r="F228" t="inlineStr">
        <is>
          <t>There are 3 overlapping circles containing the numbers [1, 9, '?']. The overlapping part between the first and second circle contains the number 10. The overlapping part between the second and third circle contains the number 11.</t>
        </is>
      </c>
      <c r="G228" t="inlineStr">
        <is>
          <t>We observe that the circles with 1 and 9 overlap to form the part 10, where 1 + 9 = 10. Hence, the pattern is most likely that the numbers in the overlapping parts are the sum of the numbers in the corresponding circles.</t>
        </is>
      </c>
      <c r="H228" t="inlineStr">
        <is>
          <t>Based on the pattern that the numbers in the overlapping parts are the sum of the numbers in the corresponding circles, the missing number of the circle where the overlapping part is 11 should be 2.</t>
        </is>
      </c>
      <c r="I228" t="inlineStr">
        <is>
          <t>b'\x89PNG\r\n\x1a\n\x00\x00\x00\rIHDR\x00\x00\x02\x00\x00\x00\x02\x00\x08\x06\x00\x00\x00\xf4x\xd4\xfa\x00\x00\x9a\xbfIDATx\x9c\xec\xddy\x9cM\xe5\x1f\xc0\xf1\xcf9\xe7\xee\xcb\xec\xf6el\x11"K)*\xb4\xaa\xb4h\xa5E\x89\x10E\xa5\x84\xa2R\xdaEJ\xa5M\xda\xa9T\xb4RQ!I!\xb2g\xdf\x97\xd9\xee\x9d\xbb\xdfs\xce\xef\x8fs\xef\x18R?\x99a\xe6\xde\xfb\xbc_\xaf~\xf53\xe3\xce\x99\xfb\xbd\xe7&lt;\xdf\xe7y\xbe\xcf\xf3H\xba\xae\xeb\x08\x82 \x08\x82\x90R\xe4\x8a\xbe\x00A\x10\x04A\x10\x8e?\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2U\xf4\x05\x08\x15C\xd7\xf5\x83\xfe\xbb\xf4\xff?\xf4\xebq\x92$\xfd\xed\xbf\x0f\xfd\xb7P9\xc4\xe3whl\x0f\x17\xd7\xd2\x0e\x8d\xb1\x88o\xe5T:\xbe\xa5\xff}\xe8\x7f\x97&amp;\xee_\xe1P\x92\xfe\xff\x9e\x08B\xc2\x8a\x87V\xd3\xb4\x92\xff\x8e?\xd4e\xb9\xfc\x07\x7fTU\xfd\xdb\xcf)\xdd\x88\x08\xe5+\xde\xb8\x97n\xe4\xe3\xb1=\x16\xefy\xfcs\xa4\xebz\xc9\xeb\x1f\xab\x9f%\xfcs|\x8f\xc5\xfd\xab\xeb\xfaa\x9f\x13\xe2\xfeMn"\x01H"\x87&gt;\xa0\x15E\xf9\xd7\xef\xf7\xf9|x\xbd^\x8a\x8a\x8a(..\xa6\xb8\xb8\x98@ \x80\xdf\xef\'\x1a\x8d\x12\x0eG\xd04\r\x93I\xc1l6c\xb6Xp\xd8\xed8\x1cN\\.\'.\x97\x9b\x8c\x8ct\x9cN\'v\xbb\xfd\x1f\x7fN\xe9\x87\xcb\xb1l\xa0\x92Y&lt;\xae\x9a\xa6\x01F\xc3\xfbo\x8d\x80\xcf\xe7#\x12\x89\xb0o\xdf&gt;\xf2\xf3\xf3\t\x85\xc3\x84Ca\n\n\xf2\xf1z\xbdD\xa3QB\xe10\xba\xaec1\x9b1\x9b\xcd8\x1c\x0e233q8\x1c\x98L&amp;\xd2\xd3\xd3\xa9^\xbd:\x16\x8b\x05\xb7\xdb\xfd\xaf\xd7&amp;\xe2[6\x876\xf6\xff/\xbe\xaa\xaa\xe2\xf7\xfb)**\xc2\xe3\xf1\xe0-.\xc6\xef\xf3\xe1\xf7\x07\x08\x04\x02\xa8j\x94p8\x8c\xae\x83\xd9b\xc6d2a\xb3Z\xb1;\x1c8\x1d\x0e\\.\x17n\xb7\x9b\xf4\xf4\x0c\x9cN\x07\x16\x8b\xe5_\xafMUU\xe0@\xc2\'\xe2\x9b\x1cD\x02\x90\xc0J7\xf8&amp;\xd3\xdfgst]g\xcf\x9e\xbdl\xd9\xb2\x99\x8d\x1b7\xb1a\xc3\x066n\xda\xc8\xb6m\xdb\xd8\xbdk\x17{\xf7\xee\xa1\xa8\xa8\x88P(|\xd4\xd7\xe0p\xd8\xc9\xc8\xc8\xa4F\x8d\x1aT\xaf^\x9dz\xf5\xeaS\xbf~=\x1a5jD\xbdz\xf5\xa8[\xb7.\x99\x99\x99\x87\xbdvM\xd3D\x83\xf1\x0fJ7\xf8\xff\x94\xcc\x15\x17\x17\xb3}\xfbv\xb6l\xd9\xc2\xea\xd5\xab\xd9\xbe};k\xd7\xae%//\x9f\xad[\xb7\xe0\xf5z\xf1x&lt;e\xba\x0e\xa7\xd3\x89\xd3\xe9\xa4v\xed\xdaT\xa9R\x85\xfa\r\x1a\x90\x9b\x9bK\x93\xc6\x8d\xc9\xcd\xcd\xa5~\xfd\xfa"\xbeG\xe1H\xe2\x1b\n\x85\xd8\xbd{\x0f\x9b7\xc7\xee\xdd\x8d\x1b\xd9\xb8q#;v\xec`\xf7\xae]\xec\xdf\xbf\x1f\x8f\xc7C4\xd68\xffW\x12\xe0r\xbb\xc9\xce\xce.\xb9\x7f\x1b4hH\xbdz\xb9\xc6\xfd[\xbf&gt;\xb5k\xd5\xc2\xe5r\xfd\xed\xef\x8a\xf8&amp;\x07\x91\x00$\x90\xd2\x0f\rEQ\xfev\xd3m\xdf\xbe\x9dU\xabV\xb1d\xc9\x12\x96.]\xca\xca\x95+\xd9\xb0a\x03\xc1`\xf0\xb0\xaf\xa7\x98\xcc\xb8\xd3\xd2I\xcf\xc8\xc4\xe5N\xc3\xe5vc\xb7;\xb0\xd9\x8d\x1e\xa0\xd9lAVd\xa2Q\x95h4L$\x1c&amp;\x18\x08\xe0\xf7\xfb\xf0y\xbdx\xbdE\x14\x16\xe4S\xec\xf5\x82\xae\x1d\xf6g\xa4\xa7\xa7\xd3\xb8qcZ\xb4hA\x9b6mi\xd3\xa65M\x9a4!++\xeb\xa0\xef\x8b?P\xfe_\xcf\'\x99\x95\xee\xe1\x1f\xda \x04\x83A\xd6\xad[\xcf\x1f\xcb\xff`\xe9\x92%,[\xb6\x8c5k\xd6\xb0k\xd7\xae\x7f|=\x93\xd9\x82\xd3\xe5\xc2\xe9r\x91\x91\x91\x85;=\x13EQ0\x99\xcd(\xb2\x8c\xc9lA\x92$\xa2\xd1\x08j4J4\x1aE\xd3T|\xc5^\n\xf3\xf3\xf1z\x8b\x08\xf8\xfd\x04\x03\xfe\x7f\xfc\x19\x19\x19\x194i\xd2\x84f\xcd\x9a\xd1\xa6M\x1b\xda\xb4iC\xd3\xa6M\xff\x96\x14\x88\xf8\x1e&lt;Rrh\xc2\x1e\x8dF\xd9\xb4i\x13\xcb\x97\xaf`\xc9\x92\xdfY\xb6l\x19\xabV\xadb\xdb\xd6\xad\xa8\xda\xe1\xef-\x8b\xd5FZzF\xc9\xfd\xebp\xba\xb0\xdb\x1dX\xedv\x14E\x89\xf5\xea\x8d\xf8F\xa3Q\xc2\xa1\xa0q\xff\xfa\x8a)\xf6z\xf0\x14\x15QT\x98O\xc0\xef\xfb\xc7k\xaeZ\xb5*\'\x9ex"-[\x9eL\x9b6mh\xd5\xead\x1a7n\x8c\xd3\xe9&lt;\xe8\xfb\xe2\xd3\x7f\xa9\x1c\xdfD$\x12\x80J\xee\xdf\x1e\x1a[\xb7ne\xd1\xa2E\xcc\x9b7\x8f\x9f\x7f\xfe\x99\xe5\xcb\x97\x13\x89D\x0e\xfa\x1ewz\x06u\xeb5$\xb7A#\xea\xd4k@\xed:\xf5\xa8V\xb3\x16Y9UI\xcf\xcc\xc2\xe9tc\xb5\xd9\xb0X,\x98-\x16$IF\x92 \x9e[H\x12\xc4?!\xban\xfc\xa3\xa9*\xe1H\x98p(D(\x18\xa0\xd8\xeb\xa10?\x8f\xbc}{\xd9\xb5c+;\xb6mf\xcb\xc6\xbf\xd8\xbai\x03\xdb\xb6l"\x14\x0c\x1ctM\x99\x19\x19\xb4j\xd3\x863\xcf8\x83\xb3:v\xa4M\xeb\xd6dgg\x1f\xf4=\xd1h4%\x1e&amp;\xff\xd4\xe8G\xa3QV\xae\\\xc5\x82\x05\xf3\xf9i\xde&lt;\x16\xff\xfa+\x1b7n\xfc\xdb\xdfO\xcf\xc8\xa4n\xfd\x86\xd4\xaa\x93Kn\xc3\xc6T\xab^\x93\xda\xb9\rp\xb9\xdd\xe4T\xad\x81\xd3\xe5B1\x99\x8c\x86\xc1fG\x82\x92\xe0\x96\xe4\x8f:\xe8\xf1\xff\x00\xc2\xa10\x81\x80\x8fH8L8\x1cb\xdf\x9e]\x14{\xbd\xec\xde\xb1\x8d\xdd;\xb6\xb1m\xcb&amp;\xb6m\xde\xc8\xd6-\x1b\xd8\xbbk\xe7\xdf\xae);;\x9bV\xadZq\xc6\x19g\xd0\xb1cG\xda\xb4isPB\x10\x1fRN\xe5\xf8\xea\xba\xce\xda\xb5k\xf9\xf9\xe7\x85\xcc\x9b\xf7\x13\xbf\xfc\xf2\x0bk\xd6\xac\xf9\xdb\xdf\xcf\xa9Z\x9d\xdc\xfa\r\xc9mx\x02ur\xebS\xb3N=\xaaV\xabAfv\x15\xd232\xb1;\x9dX,V,V+f\x93\x19I\x96\x0e\xc4U2z\xf9\x87\xde\xbfj4J8\x1c"\x1c\n\x11\x0c\xf8\xf1\x14\x15R\x98\x9f\xc7\xfe}\xbb\xd9\xb9m\x0b;\xb6ma\xf3\x86ul\xdd\xbc\x91\x1d[\xb7\xa0i\x07\x8f0\xd4\xacY\x93SN9\x853\xcf:\x8b3\xcf&lt;\x93\x96-Z\xe2t:\x0e\xfa\xddR%\xbe\x89N$\x00\x95T\xbc\xc7T\xba\xd1WU\x95\xa5K\x972{\xf6\xb7\xcc\x9a\xf5\r\x8b~\xf9\x85P\xf8\xc0\xf0}Zz\x06\x8d\x9b\xb5\xe0\xa4Vmi\xd6\xa2\x15\xf5\x1a\x9dH\x8dZu\xc8\xc8\xcc\xc2f\xb7\xa1(\xb1\x07\x80\n\xaa\xaa\xa1\xc6z|\xf1\x9fe|\x14\xf4R\r\xc2\xc1\xa4R\xffc\x0c\xfb\x197\xb8\xa2((&amp;\x13\x8a"!\xc7\x9eq\xd1\x08\xf8}\xc5\x14\xe4\xedc\xfb\xd6\xcdl\\\xb7\x86U+\x96\xb2\xf2\x8f\xdfY\xbb\xeaO\xa2\x91\x03\xd7\x9d\x9d\x9d\xcdYg\x9dE\x97.]8\xfb\xec\xb3i\xd2\xa4I\xc9\xd7\xe2\x0f\x93\xc3\x8dx$\xaa\x7fj\x14\xf2\xf2\xf2\x987o\x1e\xb3f\xcd\xe2\x87\x1f~\xf8[\x83\x90\x99\x95C\xe3\xa6\'\xd1\xbcU\x1bNl~2\xf5\x1a5\xa6F\xad:\xa4gfc?$\xbe\x9a\xa6\x13\x8dF\xd0T\r]\xd7Jb\x1c\xbb\x82\x83\xfeE\xc9\xdbz\xa0"\\V\x14dIB\x92eL&amp;3\x8a"#\xcb +\xa0\xa9\x10\x0eE\xf1\x14\x15\xb0o\xcf.\xb6l\xfc\x8bu\xabV\xb0z\xc52\xd6\xae^\xc1\xd6M\x1b\x0e\xba\xee\xaaU\xabr\xe6\x99gr\xc1\x05]\xe8|vg\x9a4n|\xd0{\x91l\xf1\x05J\xe6\xccK\xc7\xd7\xeb\xf5\xb2p\xe1B\xbe\xf9f\x16\xdf}\xf7-+V\xac8\xe8\xefT\xabY\x9b\xa6\xcd[\xd2\xfc\xe464i\xde\x92z\r\x9bP\xa5z\r\xd2\xd23\xb0Z\xcd\xc82h\x9a\xf1O4\xaa\xa2\xaa\xd1\x83\xe2{d\xf7\xef\x81\xc2\xbex\x03-+&amp;L&amp;\x13\xb2L\xc9g(\x12\xd1(\xf6z\xc9\xdb\xbb\x9b\xad\x9b7\xf2\xd7\xda\x95\xacZ\xbe\x94\xd5+\x96\xf1\xd7\xdaU\x07\xbdn\x9d:u\xe8\xd4\xa9\x13\xe7\x9f\x7f&gt;\x9d:u"77\xb7\xe4k\xf1\xeb\x12\xd3\x04\x95\x93H\x00*\x91\xd2s\x82\xf1\xccY\xd34~Y\xb4\x88\x19\x9f}\xc6\x97_~\xc9\xca\x95+K\xbe\xdf\xe5N\xa7\xd5)\xa7qj\x87\x8e\xb4l\xdb\x8e\x86\x8d\x9b\x91S\xa5\x1aV\xbb\t]3n\xe2H$\x8c\x1a\x89\x18\xc3\x88\xba^\xd2\x80\x1fZ\xc8s47\xe7\x81\x8f\x8e\x1e\xeb]\xe8%\xdd\rI\x96\x90ec\xb8\xd9b\xb1b2\x19\x0f%\xbf/\xc8\xee\x1d\xdbY\xbfz\x05K\x7f\xfd\x99\xc5\x0b\xe7\xb1b\xe9o\x07\xf52:t\xe8\xc0\xe5\x97_\xce%\x97\\B\xb3f\xcdJ\xfe\xfcp\x0f\xd5D\x12o\xecJ\'u\xf9\xf9\xf9|\xf7\xdd\xf7\xcc\xfc|&amp;\xdf}\xfb-{\xf6\xec)\xf9Zfv\x0e\xad\xda\x9eF\xdb\xd3\xcf\xa4E\x9bv48\xe1D\xb2\xabT\xc3fS\xd0\x8eq|\xff\xb6\xacL\xd7\x8dFE\xd7A\x92\x90e\tE1\xc7\x8aCM(\nD\xa3PTX\xc0\xb6\xcd\x1bY\xbdb\x19K\x16\xcdg\xe9\xe2\x85l\\\xbf\xb6\xe4\xb5\x14Y\xa6},\xbe]\xbbv\xa5i\xd3\xa6%_K\xc6\xf8z\xbd^~\xf8\xe1\x07f\xcc\x98\xc1\xacY\xb3\xd8\xbe}{\xc9\xd7\xaa\xd5\xacM\xdbv\x1d8\xa5\xfdY4ou\n\xf5\x1a\x9c@FV\x16f\xb3\x84\xaaB$\x12%\x12\x8e\x18\r}I|\xa5\x83\x1ar\xe0\xa0Q\x9d\xffz\xbd\x07\xfem\xdc\xc3\xf1\xcf\x90$\x19\x89\xbd\xd9l\xc1l1\xa3\x98\x8c\xc4\xaf\xd8[\xcc\xcem[X\xfd\xe7\x1f\xfc\xfe\xcb&lt;~_\xb4\x80u\xab\x0e$2V\xab\x95N\x9d:\xd3\xed\x8an\\\xd8\xa5\x0b\xf5\xeb\xd7/\xf9\x9a\xaa\xaa\xc7l\x05\x92ptD\x02P\t\x1c\xee\xc1\xb1v\xedZ&gt;\xfe\xf8c&gt;\xfa\xe8#\xfe\xf8\xe3\x8f\x92?\xcf\xad\xdf\x88\xf6\x9d\xce\xe5\x8c\xb3\xcf\xa7E\xabS\xa9V\xb36\x16\xabL4\x02\xa1P\x90h$\x8c\xa6j\x07e\xfa\x15\x97y\xc7\x13\x83x\xefDBQd\xcc\x16+V\xab\x05Y\x81\x80/\xcc\xb6\xcd\x1bX\xf6\xdb/,\xf8\xe1[\x16\xfe4\x87\xbc}\x07\x1a\xc1\xce\x9d;\xd3\xa3G\x0f.\xb9\xe4\x12j\xd5\xaaU\xf2\xe7\xf1!\xc6D\xe8U\xc4{A\xf1\x86M\xd34~\xfc\xf1G&gt;\xf8`*_|\xf9\x05\xbbv\x1e\x18F?\xe1\xc4\xe6\x9c\xde\xf1\x1c:t:\x8f\xe6\'\xb7\xa5j\xf5\x9aX,\x12\x91\x08\x84\x82\xb1\xf8j\x95#\xbe\x07-Q\x8b\xaf&lt;1\x99\xb1Z\xadX\xac\n\xba\x0eE\x05E\xfc\xb5n5\xbf-\xfc\x89\x05s\xbf\xe5\xb7_\xe6\x11\x0e\x85\x00\x90e\x89\xce\x9d\xcf\xa1G\x8f\xeet\xed\xda\x95\x9a5k\x96\xbcv"\xc7\x17\xe0\xe7\x9f\x7ff\xea\xd4\xa9\xcc\x9c9\x93-[\xb6\x94\xfc\xf9I\xad\xdar\xe69]h\x7f\xd694i\xde\x92\xac\x9c*(\n\x84\xc3\x1a\xe1P\x90h4\x8a^\x89\xe2\x0b:\xba\x16\x8bq\xacX\xd1b\xb5a\xb5\x9a\x90$\xf0z\xfcl\xde\xb0\x8e%\x8b\xe63\x7f\xeel\x16\xcd\xff\x01_\xb1\x17\x00\x8b\xc5\xc2\x05]\xba\xd0\xa3{\x0f.\xbc\xe8B\xb2cu?\xf1\x8eN\xa2\xc47\x99\x89\x04\xa0\x02\x1d\xfa\xe0\x08\x04\x82|\xfd\xf5WL\x992\x85/\xbf\xfc\xb2d\xc8\xb6n\xfd\x86\x9c{\xe1et\xbe\xa0+\xcdOnKfv\x06\x9a\x06\xc1@\x88p8\x84\x1e\x1b5\x90\x12\xe4\x86*\x19\x02\xd7udE\xc1j\xb5a\xb5\x9b\xd15\xd8\xb3k\x17K\x17/d\xce\xd73\xf8\xe9\xfbo\xc8\xdb\xb7\x170\x8a\t\xaf\xb8\xe2Jn\xba\xe9&amp;\xce&gt;\xbbs\xc9kE\xa3\xd1J;||h\x8fg\xfb\xf6\xed|\xf4\xd1G\xbc\xf3\xce\xbb,]\xba\xa4\xe4\xfbN8\xb19\xe7\\x)\x1d\xcf\xbb\x98\xa6-[\x91\x9e\xe1F\x8d\x1a\x85\x7f\x91p\xd8\x88\xaf,\xc5\xea3*\xdf\xefY\xda\x81\xa4@\x03$L&amp;\x13V\x9b\x1d\x8bU&amp;\x1c\x8c\xb2y\xe3_\xfc\xba\xe0G\xe6~3\x83\x85?\xcd%\x142\nT\xb3\xb2\xb2\xe8\xd6\xad\x1b={\xdeD\xe7\xce\x9dJ^/\x91\xe2\xbbg\xcf\x1e&gt;\x9e&gt;\x9d\xb7\xdf~\x9b_\x17-*\xf9\xbe\x16mN\xe5\xfc\xaeWpf\xe7\xf3it\xe2I8\xdd6\xa2\x11\x08\x06\xfcD#\x11t\xf4\x92\xd8V\xc6\xdf\xf3P\xba\xa6\xa1\xc5\x92\x03E1\xe2k\xb5*D#:;\xb6mf\xf1\xc2\x9f\x98\xf3\xf5\xe7\xcc\x9f;\xbb$\x19\xa8Q\xa3\x06W_s\r7\xdep\x03\xed\xda\xb5+y\xad\xca\x1c\xdfT \x12\x80\nph\xc3\xbfs\xe7N\xde}\xf7]&amp;O\x9e\xcc\xda\xb5\xc6p\xa9;=\x9ds\xba\\\xca\xc5Wt\xa7\xcdig\x90\x95\x9dI4\n\x01\xbf\x8fh4\xc2\x81y\xf8\xc4\xbfq\xe2s\x98 a\xb1X\xb0;\xecH\x12\xec\xda\xb1\x93\x85?~\xc7\xd73&gt;\xe2\x87o\xbf2zF\x18S\x04}\xfa\xf4\xe1\x9ak\xae)Y\x9f^\x99z\x8c\x87^\xcbo\xbf\xfd\xc6\xe4\xc9\x93\x99:m\x1a\x05\xf9\xf9\x00T\xa9Z\x9ds.\xba\x94\x0b/\xbf\x86\x93\xdb\x9eNz\xa6\x9bHX\'\xe0\xf7\xa3F#\xb1a\xf6\xca\xf1\xfb\x94\x89\xae\xa3\xe9z,\x89\x91\xb1\xd9\xec\xd8\xecf"\x11\x8dM\xeb\xd7\xf2\xe3\xb7_\xf2\xcd\xcc\xe9,\xfb\xed\x97\x92\xbfr\xc6\x99g\xd2\xa7wo\xae\xbe\xfa\xea\x92\xf8V\xa6\x86\xe2\xd0\x86\x7f\xf9\xf2\xe5\xbc\xf9\xe6\x9b\xbc\xf7\xde{\xec\xdb\xb7\x0f\x80\xdau\xeb\xd1\xe5\xb2\xab\xb9\xe0\x92+i\xda\xb25N\x97\x8dpP%\x18\xf4\xa3F\xd5\x84I\xe8\x8e\x84\xf1&lt;\xd3\x90$\x19\x8b\xd5\x8a\xddnE\xd3`\xdb\xe6\x8d\xcc\xfb~\x16\xdf\xcc\xf8\x88_\xe6\xcf-\xf9\xfe\xf3\xcf?\x9f\xbe}\xfbr\xd9e\x97a\xb5Z\x81\xca\x15\xdfT"\x12\x80\xe3\xe8\xd0\x86\x7f\xdd\xbau\xbc\xfa\xdakLy\xf3M\xf2\xf2\xf2\x00h~r\x1b.\xbf\xf6F\xce\xbb\xf8\n\xea\xd4\xaf\x87\xae\x81\xdfg4\xfaF\x0f!9\x1e\x1a\xff\xa4t\x81\x9c\xc5b\xc5\xe1\xb4\x11\x8dj\xac[\xb5\x82Y3\xa73\xe3\xc3w\xd8\xbeu3\x00\xf5\xeb\xd7\xa7_\xbf~\xf4\xee\xdd\x9b\xaaU\xab\x02\x15\xfb 9\xb4a\x983g\x0e\x13\'N\xe4\xd3O?-\xf9\x9e\xb6\xa7\x9f\xc9e\xd7\xdc\xc09\x17^J\x8d\xda\xb5P\xe3I]$\x82\x94\x02U\xd3\xf1dO\x92\x0e$\x03~_\x90e\x8b\x17\xf2\xc5\xf4\x0f\x98\xf5\xf9t\n\x0b\x8c$\xa9a\xc3\x86\xdcz\xeb\xad\x95&amp;\xbe\xa57a\x02\xf8i\xde&lt;^\x9c8\x91\x8f&gt;\xfa\xa8d&gt;\xbd\xd3y\x17q\xd9\xb5=9\xf3\xec\xf3\xc9\xa9\x9aC$\xac\x11\xf0\xfb\x8c\xcfFJ\xc47V\xc7\x04Xm6\xec\x0e+\xa1`\x94?\x97\xfd\xc6W\x9fM\xe3\xcb\xe9S\xd9\xb7w7\x00\xcd\x9b\x9fD\xff\xfe\xfd\xe8\xd9\xb3\'\x19\x19\x19@\xe5J\xe4S\x81H\x00\x8e\x83C\xe7\xf8\xd7\xacY\xc3\x0b/\xbc\xc0\x9bS\xde$\xe07\x96\xc8\x9d{\xd1e\\s\xe3\xad\xb4\xeft..\xb7\x03\xbf?D(\xb6~?Uo\x88\xd2E\x91v\x87\x03\xab\xcd\xc4\xfe=\xfb\x99;\xeb\x0b&gt;|\xe7u\x96,Z\x00@\xf5\xea\xd5\xe9\xdf\xff6\x06\x0c\xb8\x8dj\xd5\xaa\x01\xc7\xf7Arhb\xf7\xed\xb7\xdf2n\xdc8\xbe\xf9\xe6\x1b\x00\xccf3\x17\\z%W\xdfx+\xa7v\xe8\x88\xddn\xc1W\x1c$\x1c\x0e"!!+2\xa5J\xf1S\x86\x1e\xdf\x1b@Qp:](f\x89-\x1b7\xf3\xcd\x8c\x0f\x99\xfe\xde\x9bl\\o\xac\x82\xa8Q\xa3&amp;\xfd\xfa\xf5e\xc0\x80\x01\x95"\xbes\xe7\xcee\xdc\xb8\xf1|\xf1\xc5\xe7\x008]i\\z\xf5u\\y\xdd\xcd\xb4ls\x1a&amp;\xb3\x8c\xaf\xd8O$\x1cN\x89F\xff\x9f\x18\xf7\xaf\x11\'\xbb\xc3\x85\xc5"\xb3s\xfbN\xbe\xfd\xe2\x13&gt;z\xf7\rV\xafX\x06@nn.\x03\x07\x0e\xa4o\xdf\xbe%\xcbE\xe3+C\x84cK$\x00\xc7X\xe9\x0f\xf2\xe6\xcd\x9b\x19\xff\xdcs\xbc\xf6\xea\xab\x04\x02\x01\x14\xc5\xc4e\xd7\\O\xf7^\xfdi}j{$I\xc2W\\\x8c\x1a\x8d"\x8b\xe1\xb0\x83h\x9a\x86\xaei\x98-\x16\x9c.\x07\x81@\x88\x85?~\xc7{\xaf\xbf\xc8\x8f\xdf}\r\x18\x89\xc0\x1dw\x0c\xe2\xf6\xdb\x07\x1e\xd4\xa38V\x0f\x92C\x13\xbb\xf9\xf3\xe7\xf3\xe4\x93O\xf2\xe5\x97_\x02\xe0t\xb9\xe9\xd6\xfdF\xae\xe9y+\xcdOn\x83\xa6\x81\xaf\xd8\x1b{(\x8a\xf8\x96\xa6i\xc6F2V\x9b\x1d\x87\xd3J\xfe\xfe\x02\xbe\xffz\x06\x1fL~\x99?~\xff\x150\xe2{\xfb\xed\xb7s\xfb\xed\xb7\x1f\x97\x86\xe2\xd0\xf8.\\\xb8\x90\xa7\x9ez\x8a\x193f\x00\x90]\xa5*\xd7\xf4\xbc\x95+{\xdcL\xc3&amp;\x8d\x89\x845|\xbeb\xb1\xec\xed0\xe2\xf7\xaf\xc5j\xc3\xe9\xb2\xe1)*\xe6\xa7\xef\xbe\xe6\xfd7^d\xd1\x82\x1f\x01\xa8[7\x97\xbb\xee\xba\x93\xbe}\xfb\xe2r\xb9\x0e\xda\xf4L86D\x02p\x8c\xc4{\xae\x92$QXX\xc8\xf3\xcf?\xcfs\xcf=GAA\x01\xb2\xacp\xe5u7qC\x9f\xdb9\xa9M[\xd4\xa8\x86\xaf\xb8\xf8o\x95\xc4\xc2\xdf\x1d\xe8U(\xb8\xdcnTUc\xd1\xfc9Lyi&lt;?|\xfb\x15\x00\r\x1a4`\xd8\xb0a\xf4\xee\xdd\x1b\x93\xc9tLz\x8b\xa5\x1b\x9e5k\xd6\xf0\xf8\xe3\x8f\xf3\xce;\xef\x00\xe0p\xba\xb8\xfa\x86[\xb8\xae\xf7m4n\xda\x8cP(\x8a\xdf\xe7C\x02d\x11\xdf\x7f\xa5\xeb:\x9a\xaab2\x9bq\xa59\xf1\x17\xfb\x99\xf3\xcdL\xde\x9a\xf4&lt;K\x17/\x04\x8c\xa9\x9f\xa1C\x87r\xeb\xad\xb7b6\x9b\x8f\xc9\xf2\xb2\xd2\xf1]\xbf~=\x8f?\xf1\x04S\xde|\x13\x80\xac\x9c*\\\xdf{\x00W\xdf\xd0\x87\xba\xf5\xeb\xe2\xf7\x87\t\x06\xfc%\xfbb\x08\xff,\x1e_\xc5d\xc2\xe5v\x11\x0e\x85\x997g\x16oMz\x8e\x85?\xcd\x01\xa0i\xb3f\x0c\x1f&gt;\x9c\x9bz\xf6\x04\xc4\xb4\xc0\xb1$\x12\x80rvh\xaf\xe1\xedw\xde\xe1\xd1G\x1e\xe1\xaf\xbf\xfe\x02\xe0\xe2n\xd7\xd2\xfb\xf6{huj;"a\x15\x9f\xafX\xac\x8d=J\xf1\x07\xbf\xcb\x9d\x86\xaei\xcc\x9f;\x8b\xd7\x9e\x7f\x9aE\xf3\x7f\x00\xa0}\xfb\xf6\x8c\x1e=\x9a\xf3\xcf?\xbf\xe4\xfb\xcb\x9a`\x95\x9e\x07\xf6x&lt;\x8c\x1d;\x96\xe7\x9e{\x0e\xaf\xd7\x8b\xa2(\\y]/z\r\xb8\x8b\x13[\x9cD\xd0\x1f!\xe0\xf7\xa5\xf40\xf0\xd1\x8a\'z\x8a\xa2\xe0Js\x13\xf0\x07\x98\xfd\xf9t\xde\x988\x96\xd5+\x8ce\xb1\xa7\x9dv\x1a\x0f?\xfc0\x17^x!`\xd4\x07\x1c\xeeL\x8c\xff\xa2t|\xbd^/\xe3\xc6\x8d\xe3\xd9q\xe3\xf0z&lt;8\x9c.\xae\xef=\x80\xeb\xfb\x0c$\xb7A=\xfc\xc5\xc6N\x98\xb2bl\x8a%\xfc7\xf1\x86\xdd\xe5v\x13\x89D\xf8a\xd6\xe7\xbc\xfe\xc23,]l\x14\x84v\xee\xdc\x99\xd1\xa3G\xd3\xb1c\xc7\x92\xef\x17\x1d\xa4\xf2%\x12\x80rT\xfa\x03\xbad\xc9\x12F\x8c\x18\xc1\xec\xd9\xb3\x01hwF\'n\x1br?g\x9e}\x01\xaa\xaa\xe2+\x16\r\x7fy\xd1T\x15$\twZ\x1a\xe1p\x98of|\xc4\xa4q\x8f\x97\xecX\xd6\xab\xd7-\x8c\x1e\xfd0u\xeb\xd6\xfd[!\xd7\x7fQ\xba\x81\x99&gt;}:#G\x8db\xcd\xea\xd5\x00t&gt;\xffbn\xbb\xe7\x01N9\xbd\x03\xa1P\x84\x80\xcfg\xf4ZD|\xcb,\xdeP\xa4\xa5\xbb\xf1\x14y\xf8\xe4\xfd)\xbc\xfe\xfc\xd3\xec\xde\xb5\x03\x80\x1bo\xec\xc9#\x8f\x8c\xa6~\xfd\xfa\x07\x9d\xa6w4?\'~\xff~\xf2\xc9\xa7\x8c\x1c9\x92\xd5\xab\x8d\xcfP\xb7\xee=\xe9;\xf8&gt;Nlq\x12~_\x88`  \xaa\xd6\xcbI&lt;\xbe\xee47\x01\xbf\x9f\xcf?\xfe\x80W\x9e{\xa2dG\xc9\xfe\xb7\xdd\xc6C\x0f&gt;H\x8d\x1a5\xcat\xff\n\x7f\'\x12\x80rP\xba\xd7\x1f\x08\x04x\xe2\x89\'x\xfa\xe9\xa7\t\x85B\xd4\xac\x9d\xcb\xc0\xa1#\xe9\xd6\xbd\'\x16\xb3\x15\x8f\xa7H4\xfc\xc7H\xe9\x86\xa2 \xbf\x80w_\x9b\xc8\x1b/&lt;Cq\xb1\x97*U\xab\xf2\xd8\x981\xf4\xed\xdb\x17\xf8o\xbd\xc5\xd2s\x91[\xb6la\xf8\xf0\xe1L\x9d:\x15\x80FM\x9aq\xfb\xd0Q\\\xd4\xedZ\x00\x8a\xbd\x1e1\x14|\x8c\xa8j\x14\x93\xc9LZ\xba\x93\xed[\xb7\xf3\xc6\xc4\xb1\xbc\xff\xc6KD"\x11rrr\x18=z4\x03\x07\x0e\x04\xca\x16\xdf\x11#\xee\xe7\x83\x0f\xde\x07\xa0u\xbb\x0e\x0c\x1a\xf6\x10g\x9ds\x01\x91p\x04\x9f\xcf\'\x1a\xfec$\x9e\x80\xa5\xa5\xbb\xd8\xbbg/oM\x9a\xc0\x94\x97\xc6\x13\x0c\x06\xa8U\xab\x16\x8f=\xf6\x187\xdf|3P&gt;\xa3=\x82H\x00\xca,\xbe\xa3\x15\x18E`w\xddu\x17\xbf\xff\xfe;\x007\xdcz;\x03\x86\xdcO\x8dZ5)*\xf4\x8a\x82\x96\xe3D\x8dF1Y,\xa4\xa59X\xbd\xe2O&amp;&lt;\xf1 \xb3\xbf0\x96\xe2u\xed\xda\x95\xf1\xe3\xc7s\xc2\t\'\x1c\xd1\xdcb\xe9^\xe1\x94)S\x18&gt;b\x04{v\xef\xc6j\xb5\xd2\xeb\xb6\xbb\xb9u\xf0P2\xb3\xb3(*\xf4\x00:\xb2,\xe2{,\xc5\x93m\x9b\xcd\x86\xc3ec\xf1\xcf?3~\xcc\x03%\xd3&gt;\x17\\p\x01\xe3\xc7\x8f\xa7Y\xb3f\x07\xd5\xe1\xfc\x93\xd2\xf1}\xf3\xcd7\x191b\x04{\xf6\xec!=#\x93\x81\xf7\x8e\xe2\xba\xde\xb7a\xb3\xd9\xf1\x14\x89\xc4\xfdxQ\xa3Q\xccV+n\xb7\x9d\xe5K\x96\xf2\xdc\xe3\xa3\xf8a\xb6QX{\xc5\x15W\xf0\xec\xb3\xcfR\xbf~}Q\x1bP\x0eD\x02P\x06\xf1,4\x12\x890f\xcc\x18\xc6\x8c\x19\x83\xa6i4k\xd1\x9a\xfbF?\xcdY\xe7\x9eg,\xf7\n\x05QD\xb6z\\\xc5\x1b\n\xa7\xcb\x89\xa2\x98\x981\xed\x1d\xc6\x8dy\x80\xdd;\xb7\x93\x95\x95\xc5\xd3O?M\x9f&gt;}\x80\x7f\x9e[\x8c\xc7w\xcf\x9e=\xdc}\xf7\xdd|\xf0\xc1\x07\x00\xb4=\xfd\x0c\x86?2\x96\xb6\xa7\x9f\x8e\xd7c,\xf7\x12\xf1=\xbe\xe2\xf1u\xa7\xa5\xa3\xaa\x11\xde\x7f\xe3e&amp;&gt;=\x9a\xa2\xc2\x02\xd2\xd3\xd3y\xfc\xf1\xc7KF\x03\x0e\x17\xdf\xd2\xa3v\xbbv\xedb\xc8\x90!%\xa3:\xe7_r\x05\xf7\x8cz\x82\xc6M\x9bPTX,\xe6\x9e+@&lt;&gt;.\x97\x1bI\x82\x8f\xdf\x7f\x93\xe7\x1e\x1b\xc9\xfe\xbd{\xa8R\xa5\n\xcf&lt;\xf3L\xc9h\x80\x88\xcf\xd1\x13\t\xc0Q(=d\xb8z\xf5j\xfa\xdfv\x1b\xf3~\xfa\t\x80[\x07\re\xc0=#q\xa7\xa5\xe1),\x14\xcb\xf9*X|\xcb\xe1\x8c\xact\xb6m\xd9\xca\xd8\xd1\xc3\xf8b\xba\xf1\xa0\xbf\xf1\xc6\x1by\xee\xb9\xe7\xc8\xce\xce&gt;hH\xb1t\xcf\xf1\xeb\xaf\xbff\xe0\xed\xb7\xb3y\xd3&amp;\xacV\x1b\x03\xef}\x80\xde\xb7\xdf\x8b\xd9b\xc1\xeb\xf1\x88\xe1\xe0\n\xa6\xc56\xd8\xc9\xc8t\xb3v\xe5j\x9e\x18u\x0f?\xc5\x96\x85^s\xcd5&lt;\xff\xfc\xf3T\xaf^\xfd\x1f\xe3\xfb\xe5\x97_r\xfb\xed\xb7\xb3e\xcb\x162\xb3\xb2\xb9\xf7\xa1\'\xb9\xfa\xc6\xdeD\xa3*~\x9fO\x0c3W\xb0\xf8\x9c\x7fFf\x1a\x9b7n\xe4\x99\x87\xee\xe3\x9b\x99\xd3\x01\xe8\xd5\xab\x17\xe3\xc6\x8d#33SL\t\x1c%\x91\x00\xfcG\xa5\x1f\x1e\xef\xbd\xf7\x1e\x83\x06\r\xa2\xa0\xa0\x80\xfa\x8d\x1a3\xea\xc9\xe7\xe9tA\x17\xbcE\xbe\x92\x1d\xcb\x84\xca!\x1a\x8db\xb3\xdb\xb1Z\xad|\xfc\xee\x1b&lt;\xf5\xe0P\x8a\n\x0bh\xd2\xa4\t\xaf\xbf\xfe:g\x9ey&amp;\xaaj\xacE\x8f?H\x1e|\xf0A\x1e}\xf4Q\x00\x9a\xb5l\xcd\x83OO\xa4\xdd\x19\x1d(*\x10\xbd\xc2\xca&amp;\x1a\x8d\xe2t:\x91d\x99\xb7&amp;=\xc7\x84\xc7\x1f$\x10\xf0S\xbf~\x03^{\xedU\xce=\xf7\xdc\x83\x8e\xd8\xd64\x8dQ\xa3F\xf1\xf8\xe3\x8f\x03p\xd69]x\xe0\x89\t\x9c\xd0\xb4\t\x85\xf9\x1e@\x14\x9aU&amp;\xd1h\x14\xbb\xc3\x81\xd9lf\xda[\xaf\xf2\xf4C\xf7Q\xec\xf5\xd0\xb4Y3\xdex\xfdu\xda\xb7o/\xa6\x04\x8e\x82H\x00\xfe\x83\xf8C?\x1a\x8d2t\xe8P\x9e{\xee9\x00.\xbd\xfazF&lt;6\x8e*U\xabQXP(z\x85\x95\x94\x1e\xdb\xd1-3;\x9d\xd5+\xfe\xe4\xa1{\x07\xf2\xdb\xc2yX,\x16\xc6\x8e\x1d\xcb\xa0A\x83\x00\xd8\xb5k\x17}\xfb\xf6-\xd9\xd0\xa7G\xaf\xfe\x0c\x1d\xfd\x14.W\x1a\x9e\xa2"L&amp;\x85T\xdc\xb9\xaf\xb23\x92s\xc8\xc8J\xe3\xf7\x85\xbf\xf0\xe0=\x03X\xbdb\x19\x8a\xa2\xf0\xf8\xe3\x8fs\xdf}\xf7\x01\xc6\xa1L\xb7\xde\xda\x97Y\xb3\xbeA\x92e\x06\x0f{\x98\xfew\r\x8f\x1dW-z\xfd\x95\x951\x1a\xa0\x93\x99\x95\xce\x9f\xcb\xfe\xe0\xa1{\x07\xb2\xf4\xd7\x9f\xb1Z\xad\x8c\x1b7\x8e\x81\x03\x07\x96i\x15H*\x12\t\xc0\x11\x8a\x0f1\xed\xd8\xb1\x83^\xbdz\xf1\xddw\xdfa\xb1X\x18:\xfaiz\xddv\'\x81@\x80p0$\xe6\x82\x13@4\x1a\xc5\xe5r\x11\x89\x84y\xf6\xd1\xfbyk\xd2\x04\x00\x06\x0c\x1c\xc85W_M\x9f&gt;}\xd8\xb4i\x13\xee\xb44\x1ex|\x02\xd7\xf4\xec\x85\xd7#Fu\x12E4\x1a%--\x1d\xaf\xb7\x88\xc7\xef\xbf\x9bO&gt;\x98\x02\x18C\xc6\xdd\xbbw\xa7_\xbf~l\xdb\xb6\x8dZuryt\xfc+t\xee\xd2\x85\xc2|\xafh8\x12D4\x1a\xc5\xe5v\x13\x0e\x06y\xe6\x91\xe1\xbc\xfb\xdaD\x00\xfa\xf7\xef\xcf\xf3\xcf?\x8f\xc5b\x11#tGH$\x00G \xde\xf8\xff\xfa\xeb\xaf\\w\xddul\xdc\xb8\x91:\xb9\rxb\xe2d:t\xeaDA^Q\xc9q\xbcBb\xd0T\x15\xd9\xa4\x90\x96\xe6\xe2\xc3\xb7\'3\xfe\xb1Q\xec\xdd\xbd\xb3\xe4\xeb-Z\x9f\xc2C\xcf\xbcH\x9bv\xed\xc8\xdf/j9\x12\x8d\xaa\xaa\x98\xcdf\x1cN\x07S&amp;M`\xd2\xb3\x8f\x93\xb7\x7fo\xc9\xd7\xcf\xeer\t#\x9f\x98@\xdd\xfa\r(,(\x14\xbd\xfe\x04\x13/\xe0t\xa79\x99\xf6\xd6d\x1e\x1d&gt;\x98\x80\xdf\xc7\xd9g\x9f\xcd{\xef\xbdG\x8d\x1a5D]\xc0\x11\x10-\xd6\xff\x11\xff\x10M\x9f&gt;\x9d\xf3\xce;\x8f\x8d\x1b7\xd2\xfe\xacsx\xe7\xf3\xb9\xb4;\xa3\x13y\xf1\xc6A4\xfe\tEV\x144U#?\xaf\x80&gt;w\xf4\xe6\xbc\xae\xddJz\x7f6\xbb\x9d\xc1#\x1e\xe1\xcc\xb3\xdb\xb1g\xd7&gt;\x14\x93I4\xfe\tF1\x99\x88D\xc2x=^\x06\xdes\'\xed\xce\xe8T\x12C\x97\xdbM\xdf\xc1\xc3h\xd2\xbc\x01y\xfb\xf6\x8bF"\x01)\x8a\x82\xa6i\x14\xe4\x17\xd2\xa3Wo\xa6|2\x9b\xba\xf5\x1b2w\xee\\:u\xea\xc4\x1f\x7f\xfc\x81\xc9d"\x1a\x8dV\xf4\xa5Vj\xa2\xd5\xfa\x07\xa5\x97\tM\x9c8\x91\xab\xaf\xbe\x1a\xaf\xd7\xcbU\xd7\xdf\xc2+S\xbf \xa7ju&lt;\x85\xa2\xe7\x90\xa8\x8cU\x1c2i\xe9\x19\x0c\x1dp7\xef\xbf\xf1\x12\x00\xf5\x1a6&amp;\x18\x080l\xe0\xcd|:u&amp;\xd5jV\x11\x0f\x91\x04\xa4E\xa3X,V\xcc\x163\x03n\xec\xc9\xd73&gt;\xc2b\xb1r\xc2\x89\xcd)\xf6z\x19\xd8\xb3\x1b_L\xff\x9c\xaa5rD|\x13\x94$I(\x8a\x89\xbc\xfd\x85\xb4n\xd7\x81wf\xcc\xe1\xd4\x0e\x1dY\xbf~=\xe7\x9e{\x1e\xdf~\xfb\xadH\x02\xfe\x0f\x91\x00\x1cF\xe9e~\x0f=\xf4PIq\xd8\x1d\xf7=\xc8\x93/NF\xd34B\xc1\x80\x98\xefOP\xf1Jp\xb3\xc5\xc2\xf0;n\xe1\xadI\xcf!\xcb2\xa3\xc7M\xe2\xf3y\xbf\xd1\xe5\xb2\xab\xc9\xdf\xbf\x8f\xc1\xb7\\\xc3\xf4\xf7\xde%\xbbJ\x06\xaax\x88$\x0cUU\xb1\xdalD"a\xee\xb8\xe9*f~\xf8.\x0e\xa7\x93q\xaf\xbd\xcf\xa7?\xfcJ\x97K\xaf\xa20?\x8fA\xbdD|\x93\x81\xc9d\xc2SXHN\xd5\xea\xbc6\xedK.\xbe\xe2Z\xf2\xf2\xf6s\xe9\xa5\x97\xf2\xd1G\x1f\x89$\xe0_\x88\x04\xe0\x10\xf1*REQ\xb8\xfb\xee\xbby\xe4\x91G\x90e\x99\x87\xc7\xbe\xc4\x90\x91\xa3\xf1\x14\x15\xc5v\xff\x13\x05&amp;\x89H\xd3\x8c\xb9aI\x82\xbb\xfa\\\xc7\xa7\x1f\xbc\x85\xd3\xe5f\xe2[\xd3\xb9\xbew_TUf\xc2\xe4i\xf4\xec;\x88H8\xcc\xd0\x017\xf1\xf6\xa4\x97\xc9\xaa\x92\x81\xaa\x8a\x87He\xa7\xaa*v\x87\x83b\xaf\x87\xdb\xae\xbb\x8c\x1f\xbf\xfd\x8a*\xd5j\xf0\xfa\x87_\xd3\xe5\xb2+\x88F4&amp;\xbc\xf9a,\xbe\xa1\x83\xe3+\x1a\x89\x84\xa5\x98L\x04\x03\x01$If\xdck\x1f\xd0\xb3\xef B\xa1\x10\xdd\xbbw\xe7\x8d7\xde\x10I\xc0?\x10E\x80\xa5\x94\xee\xf9\x0f\x180\x80I\x93&amp;a\xb5\xd9x\xe2\x85\xc9\\\xd1\xe3:\xf2\xf6\x89b\xb0Df4\xfe\x164M\xe5\xce\xde=\xf8\xf1\xdb/\xc9\xca\xae\xc2\x84\xc9\xd3\xe8p\xf6\xd9F\xb1_l\x1dqZ\x86\x9bq\x8f&gt;\xc8Kc\x8d}\x00\xee\x7fl&lt;\xb7\x0e\xba\x8b\xfc\xbc"Q]\\I\x19\x8d\xbf\x9d\xa2\xfc|n\xbb\xe1r\x96/\xf9\x95:\xf5\x1a\xf0\xd2;\x9fr\xe2I-),(@\x91\x15\x90$\xd2\xd2\xdd\x8c{t\x14/=;\x06\x10\xf1M\x16\xf1}Z\xd2\xd2\xdd\x8c\x1b3\x8a\x97\xc6\x1a\xf1}\xe9\xa5\x97\x180`\x80(\x0c&lt;\x84H\x00bJ7\xfe\xfd\xfa\xf5\xe3\xb5\xd7^\xc3\xe1t1\xee\xb5\xf7\xb9\xe0\xd2K\xc9\xdb\'\xe6\xfb\x13\x99\xa6i\x98\xccf\xd05\xee\xb8\xf9j\xe6}\xff\rU\xaaU\xe7\xa5wg\xd0\xfa\xd4v\x14\xe4\x17`2\x99\x81\xf8(\x90FfV:/&gt;\xf3$\xcf&gt;:\x02\x80\x11c\xc6\xd1\xef\xce\xbb\xc9\xdb_\x88\xa2\x88\xcfBeR\xd2\xf8\x17\xe4\xd3\xb7\xfb%\xac\xfc\xe3w\x1a\x9cp"\x93&gt;\x98In\xfdF\xb1\xfd\x1b\x8c\x98\x1d\x1c\xdf\'x\xf6\xd1\xfb\x01\x11\xdfd\xf1O\xf1\x9d8q"\xb7\xdf~\xbbH\x02J\x11\t\x00\x077\xfe\x03\x07\x0e\xe4\xe5\x97_\xc6\xe5N\xe3\xb97\xa6q\xce\x85\x17\x92\xb7\xff@\xe3 $\x1eM\xd3PL\n\x8a,3\xf8\x96k\x99;\xeb\x0b\xaaV\xaf\xc9+\x1f\xcc\xe4\xa4Vm),\xf8{|\xe3\x9f\x89\xac\x9ct&amp;\x8d\x1b\xcb\xd3\x0f\r\x05`\xd4S/p\xcb\xc0;\xc8\xdfW(j@*\t-6\xe7_\\\xec\xa1_\xf7KX\xbe\xe4W\x1a\x9d\xd8\x9cW\xa7~N\xcd\xdau\xf1z\xbc\x7f{\xe0\xffS|\x1f|j"\xbd\x06\xde.\xe2\x9b\xe0\xfe)\xbe\xaf\xbe\xfa*}\xfb\xf6\x15I@L\xca\'\x00\xa5\xab\xfd\xef\xbd\xf7^\x9e}\xf6Y\x1cN\x17\x13&amp;\x7f\xc8\xb9\x17]D\xde\xbe\x02\xa3\xe7($$]\xd7\x91$ci\xdf\x90[\xaf\xe7\xeb\x19\x1f\x91S\xa5\x1a\xafN\xfd\x82\x16mN9l\xe3_\x9a\xaaF\xc9\xce\xc9\xe0\xc5g\x9eb\xec#\xc3\x01xb\xe2\x9bt\xbf\xb9\x97\xf1\xd9\x10\x89a\x85\xd24\r\xb3\xd9L4\x1a\xa1o\xf7\xae\xfc\xfe\xcb|\x1a\x9cp"\xaf\x7f\xf4\x155j\xd5\xc5\xe7\xf5\xfekC~\xb8\xf8&gt;9\xf1M\xae\x15\xf1M\n\x7f\x8f\xaf\xc4\xfb\xef\xbf\xc7u\xd7]\'\x92\x00D\x11`I\xe3?f\xcc\x18\x9e}\xf6Y\xacV\x1bc_yW4\xfeI ^\xd0\xe9r\xbbyh\xc8\x00\xbe\x9e\xf1\x11\xe9\x99Y\xbc\xf8\xce\'F\xe3\x9f\xff\xff\x1f\xf0\xc62\xa3"\x06\xde;\x8cA\xc3\x1e\x06\xe0\xc1\xbb\xfb\xf3\xf5g\x9f\x91\x95\x9d)\n\x8b*\x90\xae\x1bK9eY\xe2\xee&gt;=\xf8\xfd\x97\xf9\xd4\xa9\xd7\x80W&gt;\x98I\xcd\xdau)\xfe?\x8d?\x1c\x1c\xdf;\xee{\x18\x80QC\xfa\xf3\xcdg3D|\x93\xc0\xdf\xef_\x9d^\xbdz\xf1\xcd7\xdf\x88\xc2@R|\x04 \x9e\x01\xbe\xf6\xdak\xf4\xeb\xd7\x0fE\x96y\xf2\xc5)\\ucO\x91\xfd\'\x01U\x8d\x92\x95\x9d\xc13\x0f\x8f\xe4\xe5q\x8f\xe1p:\x99\xf8\xf6\'t&lt;\xf7\x02\n\xf2\x8e&lt;\xb9\x8b\xcf)fd\xa6\xf3\xe8\xf0!Lyy&lt;.w\x1a\xaf\x7f\xf8\x15mN;\x03O\xa1\x18.&gt;\xde\xe2\xc9\x9d;\xcd\xcd\xd0\x0173c\xda;T\xa9V\x837&gt;\xfe\x86&amp;\xcdZ\x1c4\xe7\x7fd\xafe\xc4\xf7\x91aw\xf3\xd6\xa4\xe7p\xa5\xa5\x1b\xf1m\xd7A\xc47\xc1\x1d.\xbe\xe9\xe9\x19|\xff\xfdw\xb4m\xdb6\xa5\xb7\rN\xd9\x04 \xde\xf8\x7f\xf5\xd5W\\v\xd9\xe5\xa8j\x94\x07\x1e\x7f\x8e[\x07\xdf\xc9\xfe\xbd\xa2\xf1Ot\xd1h\x94\xec*\x19\xbc\xf3\xca$\x1e\xbaw\x00\xb2\xa20v\xd2\xbbt\xeb\xd1\x83\xbc\xbd\xff}d\xc7\xb8Mt\\\xee4\xee\xed\xdf\x93\x99\x1f\xbdK\xf5\x9a\xb5yg\xe6\\j\xd5\xcd\xc5\xef\xf3\xa7\xecC\xa4"\xc4\x93\xbb\'G\x8d\xe0\xd5\tO\xe2r\xa7\xf1\xea\xd4/8\xf5\x8c\xb3(\xcc\xff\xef\x05\xbb\x07\xe2\xeb\xe6\x9e~=\xf9\xfc\xe3\xf7\xa8^\xab6\xef\xce\xfc\x81\x9au\xea\x8a\xf8&amp;\xb8\xd2\xf15\xee\xdf\xf7\xa8[7\x97\xf9\xf3\xe7Q\xa7N\x9d\xd8\xd2\xee\xd4\x1b\x10O\xc9\x04 \x9e\xf1\xadX\xb1\x82N\x9d:QPP@\xdf\xc1\xf71b\xccS\xe4\xe7\x89\n\xe0D\x17\x8dF\xc9\xc8\xcc\xe0\xa7\xeff1\xe0\xc6\xcb\t\x87B%\x15\xde\xfb\x8f\xa2\xf1\x8f\xd35\rYQPL\n\xfd{\\\xca\xcf?~G\xf3\x93\xdb\xf0\xf6g\xdfc\xb2XP\xa3Q$)\xf5\x1e"\xc7[4j\xcc\xeb\xbe\xfb\xc6\xab&lt;xw\x7fL&amp;\x13\xe3_\x9f\xca\xc5W^E~\x19\nv\xe3\x85\xc0\x8aI\xa6_\xf7KY\xf8\xd3\xf7\x9c\xd4\xea\x14\xde\x9a\xf1\x1d&amp;\xc5\x8c\xaa\xaab\tp\x02;\\|O;\xed4\xe6\xcc\x99\x83\xcdf+9\xe6=\x95\xa4\xdc\xd3*~\xe2W~~&gt;\xd7\\s-\x05\x05\x05\\|Ew\x86&gt;\xfc$\x85\x05\x1e\xb1\xc1O\x82SU\x15\xa7\xcb\xc9\xc6\xf5k\x19v\xfb\xcd\x84C!z\xf6\x1d\xc4\xad\x83\x8d\xe5]e\xa9\xe9\x90d\x19UU\x01\x89g_}\x97\x86\x8d\x9b\xb1\xf2\x8f%\x8c\x18|+6\x9b\x9d\xd4K\xa5\x8f?5\x96\xdc\xcd\x9f;\x97\xc7G\xdc\x05\xc0\xbd\x0f=\xc5%W]E~\x19\xa7\xed\xe4X|%d\x9e}\xf5]\x1a\x9cp"\x7f.\xfb\x8d\x91\x83\xfbbw\xd8I\xc1\xbeRR94\xbe\r\x1b\x9f\xc8\xa2E\x8b\xe8\xdb\xb7_\xc9\xd7RMJ%\x00\xf1\xa5!\x92$q\xd3M7\xb1v\xed\x1aNn{\x1a\x8f=\xff:\x01\x7f\x00]\'\xe52\xc0d\xa2\xeb:&amp;\x93\x89P0\xc8\xbd\xfd{\xb2\x7f\xef\x1e:\x9d\x7f1\xf7?&gt;\x0eO\x81\xb7\\\x92;Y\x96\t\x05\x83dfWa\xfc\xeb\xef\x93\x91\x99\xc5\xec\xcf\xa7\xf3\xc2S\xa3\xc9\xccNK\xf9\xa2\xa2cIS5\xec\x0e;\xdb\xb7nf\xd8\xc0\x9b\t\x06\x03\\\xd7{\x00}\xef\x1cR\xe6\xe4.N\x96e\x82\xc1 Y9U\x19\xf7\xda\xfb\xa4gd\xf2\xf5\x8c\x8fx\xf1\x99\xc7\xc8\xcc\x12\xf1Mt\xa5\xe3\xfb\xec\xab\xef\x93\x9e\x99\xc9\xfb\xef\xbf\xc7\xd3\xcf&lt;\x93\x92E\x81)\x95\x00\xc4\x87\xfe\x1f|\xf0A\xbe\xfc\xf2K\xaaU\xaf\xc9\xd8W\xde\xc5j\xb5\x12\x89DRr\x0e(\x99h\x9a\x86\xcb\xed\xe4\xd1\xe1w\xb2b\xe9b\xea7j\xc2\x93\x13\'\x13\x8dD\xd1t\xbd\xdc\x92;EQ\xf0z&lt;4?\xf9dF?\xfb\n\xb2,\xf3\xd2\xb3c\x985s&amp;\x99Y\x19)\xf7\x109.t\x1dY1\xe27\xfc\xf6\xde\xec\xda\xb1\x8d\xd3\xcf:\x9b\x07\x1e\x1f\x8f\xa7\xb0\xb8\\G\xee\x8c\xf8\x16\xd1\xa2uk\x1e\x1e\xfb\x12\x92,3\xf1\x99\xd1|\xf7\xd5Wdd\x8a-\x83\x13\xddA\xf1}\xe6edY\xe6\xfe\xfb\xefg\xce\x9c9\x98L\xa6\x94\x1a\tH\x99\x16/\xbe\xdc\xef\xcb/\xbfd\xcc\x981\x98\xcdf\x1e}\xee5\xea7j\x84\xaf\xd8\'\n|\x12\\4\x1a%+;\x9d\xf7\xdex\x85O\xde\x7f\x13\x87\xd3\xc5S/M!+\xa7*\xa1`\xb0\xdc\x93;\x93\xc9D~^!\x97]s5\xfd\xef\x1e\x81\xa6\xaa&lt;8\xe46\xb6l\xdc\x88\xc3aG\xd3\xb4r\xfdy\xa9NUU\xd23\xdc&lt;\xfb\xe8\x03,\x9a?\x97\x1a\xb5\xea\xf0\xe4\x8bS\x00c#\xa0\xf2\x1e\xb93\x99\xcc\xe4\xe7\x15\xd2\xad{\x0fn\xbdc(j4\xca\x83C\xfa\xb3c\xeb\x16lv\x11\xdfDw \xbe\xdd\xe93\xc8\x88o\xaf^\xbd\xd8\xb3g\x0f\xb2,\xa7L|S\xa2\x080&gt;\xec\xbfs\xe7NN9\xe5Tv\xef\xde\xc5\xe0\xe1\xa3\xb9\xeb\x81\x07\xc5r\xbf$\xa0i*\x0e\xa7\x93\xb5\xabVp\xe3%\x9d)\xf6zx\xf8\x99\x97\xb8\xe9\xb6\x01GU\xf1\x7f\xe4tt\x1d\xec\x0e;}\xbb_\xc2\xfc9\xb3\xe8\xd0\xe9&lt;\xde\xf8\xe8+\x02\x81\xa0\x98N*\'j4JzV\x06\xb3g~\xca\x1d7_\x85\xc9lf\xd2{3\xe9x^\x17\n\x0b\x8e\xe5\x16\xddF|mv+}\xae\xbe\x98\x85?}O\xc7\xf3.\xe2\xd5\xa9\x9f\xe3+\xf6\x89\x11\xc3\x84\x17\x8b\xaf\xcdJ\x9fk\x8c\xf8^z\xe9\xa5\xcc\x9c93e6\tJ\x89O\xb0\x1e\x1b\xfe\xbd\xf5\xd6[\xd9\xbd{\x17\x1d\xcf\xbd\x90\x81\xf7&gt;@a\x9eG4\xfe\t\xce(\xeaT\x08\x87B\x8c\xba\xab?\xc5^\x0f\x97^}\x037\xf6\x1d@\xfe\xfe\xa2c\xbc\x91\x93T\xb2\x93\xe4\xa3\xe3_\xa1Z\x8dZ\xfc\xfc\xe3wL\x1a\xff$\x19\x99n1\x15P\x0etM\xc3j\xb7\xb3c\xebV\x1e\x196\x08]\xd7\xe9\x7f\xf7\x08\xce\xb9\xb0Kl\x17\xc7c\xf9\x906\xe2\xabk0\xe6\xb9W\xc8\xa9Z\x8d\x9f\xbe\xfb\x9a7&amp;&gt;+\xea\x01\x92B,\xbe\xba\x11\xdf*U\xab\xf3\xf9\xe7\x9f\xf3\xfc\xf3\xcf\xa7L=@\xd2\'\x00\xf1y\xff\xe7\x9f\x7f\x9eo\xbe\xf9\x86j\xd5k2\xfa\xd9\x97\x89F\xa3$\xfd\xd0G\n\xd0T\x95\xf4\x0c\x17/&lt;\xf5\x08+\x96.\xa6^\xc3\xc6\x8c|\xe29\xfc&gt;\xffq\xe9\xa1\xc9\xb2L\xc0\x1f\xa0Nn.#\x9f|\x1eY\x96\x994\xfe\t~\xfdy!\xee\xb44\xb4\x14\x9aO&lt;\x16t\xc0b\xb10f\xf8\x9d\xec\xd9\xb5\x83\xf6\x1d\xcf\xe5\xf6{\x1e\xa0 \xdf{\\\x92wY\x96\xf1\xfb\xfd\xd4k\xd8\x90\xfb\x1f{\x0eI\x92x\xf1\x99GX\xf6\xdb\xef\xb8\xdcn4M\xc47\x91\x95\x8e\xef\x88\xc7\xc6#I\x12\xf7\xdf\xff\x00\xabV\xad\xc2d2%\xfdT@R\'\x00\xf1u\x9f\xabW\xaf\xe6\xfe\xfb\x1f@\x92$\x86\x8f\x19G\xdd\xfa\xf5\x08\xfa\x03b\x08/\xc1\xa9\xaa\x8a;#\x8d\xf9s\xe7\xf2\xd6\xa4\xf1\x98\xccf\x1e|\xea\x05\xb2\xb2s\x08\x87\xc2\xc7m\x08\xded2Q\x98_H\xd7+\xae\xa4\xfb\xcd\xfd\x08\x05\x03&lt;r\xdf\xed\x04\x03~dEA\xac\x0f&lt;:\xd1h\x94\x8c\xac4\xa6\xbd\xf5\x1a\xdf}\xf5\x19\x99Y\xd9&lt;&lt;\xf6%\xb4\xd8.\x80\xc7\x8b\xc9d\xa2 \xbf\x88\xcb\xaf\xed\xc1\x15=z\xe1\xf7\xf9x\xe4\xbe;\x88\x96\x14\x0e\x8b\xf8&amp;\xb2\xd2\xf1\xbd\xf2\xba^\xf8|\xc5\xf4\xeb\xd7\x0fUUKv\x9cLVI\xdb\x02\xc6\x03\xa7i\x1a\x03\x06\x0c\xc0\xe7+\xe6\x8a\x1e7s\xe95\xdd)\xc8\x17[{&amp;\xba\xf8\x92?\x7f\xb1\x8f\xc7\xee\xbf\x8bH$B\xcf\xbe\x83\xe8\xdc\xe5\x02\n+`\xebVYQ\xf0x\xfc\x0c\x19\xf58\rN8\x91U\xcb\x97\xf2\xcasO\x92\x9e\xe1J\xa9\xaa\xe2\xf2\xa2i\xc6\x92\xbfM\xeb70\xfe\xb1\x91\x00\x0c\x19\xf5\x04\'\x9c\xd8\xf8\xb8\x8d\xee\x94&amp;\xcb2\xbe\xe2\x00\xf7\x8d~\x92:\xf5\x1a\xb0\xec\xb7_x\xf3\xa5\xf1\xa4g\xb8\x89FE|\x13]&lt;\xbeC\x1f~\x92\xba\xf5\x1a\xb0`\xc1\x02&amp;L\x98\x80\xa2(I}\xff&amp;m\x02\x10\xef\xfd\xbf\xfc\xf2\xcb\xfc\xf8\xe3\x8f\xd4\xaa\x93\xcb=\x0f=\x81\xdf\'z\xfe\xc9@UU\xd2\xd2\x9d\xbc\xfa\xdcS\xac]\xb9\x9cF\'6\xe7\x8e\xfb\x1e\xc4SX1+:$I"\x1a\x89\x90\x91\x99\xc9\xfd\x8f\x8dGQ\x14\xde|i\x1cK\x16\xfd\x8a\xd3\xed\x16S\x01\xff\x91\xae\xebX-V\x9ezh(\x05y\xfb8\xbb\xcb%t\xbf\xa9\x0f\x05\xf9\x9e\n)\xce\x92$\x89p(DN\xd5\xaa\x0c\x1b</t>
        </is>
      </c>
    </row>
    <row r="229">
      <c r="A229" s="1" t="n">
        <v>227</v>
      </c>
      <c r="B229" t="inlineStr">
        <is>
          <t>venn</t>
        </is>
      </c>
      <c r="C229" t="inlineStr">
        <is>
          <t>What is the missing number of the part denoted with a question mark?</t>
        </is>
      </c>
      <c r="D229" t="inlineStr">
        <is>
          <t>['0', '6', '9', '3']</t>
        </is>
      </c>
      <c r="E229" t="inlineStr">
        <is>
          <t>6</t>
        </is>
      </c>
      <c r="F229" t="inlineStr">
        <is>
          <t>There are 3 overlapping circles containing the numbers ['?', 8, 4]. The overlapping part between the first and second circle contains the number 14. The overlapping part between the second and third circle contains the number 12.</t>
        </is>
      </c>
      <c r="G229" t="inlineStr">
        <is>
          <t>We observe that the circles with 8 and 4 overlap to form the part 12, where 8 + 4 = 12. Hence, the pattern is most likely that the numbers in the overlapping parts are the sum of the numbers in the corresponding circles.</t>
        </is>
      </c>
      <c r="H229" t="inlineStr">
        <is>
          <t>Based on the pattern that the numbers in the overlapping parts are the sum of the numbers in the corresponding circles, the missing number of the circle where the overlapping part is 14 should be 6.</t>
        </is>
      </c>
      <c r="I229" t="inlineStr">
        <is>
          <t>b'\x89PNG\r\n\x1a\n\x00\x00\x00\rIHDR\x00\x00\x02\x00\x00\x00\x02\x00\x08\x06\x00\x00\x00\xf4x\xd4\xfa\x00\x00\x9d\xd7IDATx\x9c\xec\xddy\xbcUS\x1b\xc0\xf1\xdf\xde\xfb\xcc\xc3\x9d\x9b\xe7Y\xa54\x10E\xca\x98!d\x88\x0c\x91\xa8\x94\xb1\x0c\x19*S\xe6D\x84\x84\x84\xa2$\x14QI\xa1\x94\x8aJI\x93\xe6y\xb8\xe3\xb9g\xde\xc3\xfb\xc7&gt;\xe76\xe0\xd5p\xeb\xdes\xce\xfa~&gt;^\xde\xee\xed\xdc}\xcfs\xf6^\xcfZ\xebYkI\x86a\x18\x08\x82 \x08\x82\x90R\xe4\xb2\xbe\x00A\x10\x04A\x10N&lt;\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b2\x94\xf5\x05\x08e\xc30\x8c\x83\xfe\xfb\xc0\xff\x7f\xe8\xd7\xe3$I\xfa\xdb\x7f\x1f\xfao\xa1|\x88\xc7\xef\xd0\xd8\xfeS\\\x0fth\x8cE|\xcb\xa7\x03\xe3{\xe0\xbf\x0f\xfd\xef\x03\x89\xfbW8\x94d\xfc\xd7\x13AHX\xf1\xd0\xea\xba^\xf2\xdf\xf1\x87\xba,\x97\xfe\xe0\x8f\xa6i\x7f\xfb9\x076"B\xe9\x8a7\xee\x076\xf2\xf1\xd8\x1e\x8f\xf7&lt;\xfe92\x0c\xa3\xe4\xf5\x8f\xd7\xcf\x12\xfe=\xbe\xc7\xe3\xfe5\x0c\xe3\x1f\x9f\x13\xe2\xfeMn"\x01H"\x87&gt;\xa0\x15E\xf9\xbf\xdf\xef\xf7\xfb\xf1\xf9|\x14\x16\x16R\\\\Lqq1\xc1`\x90@ \x80\xaa\xaaD"Qt]\xc7bQ\xb0Z\xadXm6\\N\'.\x97\x1b\x8f\xc7\x8d\xc7\xe3%##\x1d\xb7\xdb\x8d\xd3\xe9\xfc\xd7\x9fs\xe0\xc3\xe5x6P\xc9,\x1eW]\xd7\x01\xb3\xe1\xfd\x7f\x8d\x80\xdf\xef\'\x1a\x8d\xb2w\xef^\xf2\xf2\xf2\x08G"D\xc2\x11\xf2\xf3\xf3\xf0\xf9|\xa8\xaaJ8\x12\xc10\x0clV+V\xab\x15\x97\xcbEff&amp;.\x97\x0b\x8b\xc5Bzz:\x95+W\xc6f\xb3\xe1\xf5z\xff\xef\xb5\x89\xf8\x1e\x9bC\x1b\xfb\xff\x8a\xaf\xa6i\x04\x02\x01\n\x0b\x0b)**\xc2W\\L\xc0\xef\'\x10\x08\x12\x0c\x06\xd14\x95H$\x82a\x80\xd5f\xc5b\xb1\xe0\xb0\xdbq\xba\\\xb8].&lt;\x1e\x0f^\xaf\x97\xf4\xf4\x0c\xdcn\x176\x9b\xed\xff^\x9b\xa6i\xc0\xfe\x84O\xc479\x88\x04 \x81\x1d\xd8\xe0[,\x7f\x9f\xcd1\x0c\x83\xdd\xbb\xf7\xb0y\xf3&amp;6l\xd8\xc8\xfa\xf5\xeb\xd9\xb0q\x03[\xb7ne\xd7\xce\x9d\xec\xd9\xb3\x9b\xc2\xc2B\xc2\xe1\xc8Q_\x83\xcb\xe5$##\x93*U\xaaP\xb9rej\xd7\xaeC\x9d:\xb5\xa9_\xbf&gt;\xb5k\xd7\xa6f\xcd\x9adff\xfe\xe3\xb5\xeb\xba.\x1a\x8c\x7fq`\x83\xffo\xc9\\qq1\xdb\xb6mc\xf3\xe6\xcd\xacZ\xb5\x8am\xdb\xb6\xb1f\xcd\x1ars\xf3\xd8\xb2e3&gt;\x9f\x8f\xa2\xa2\xa2c\xba\x0e\xb7\xdb\x8d\xdb\xed\xa6z\xf5\xeaT\xa8P\x81:u\xebR\xabV-\x1a5lH\xadZ\xb5\xa8S\xa7\x8e\x88\xefQ8\x9c\xf8\x86\xc3av\xed\xda\xcd\xa6M\xb1{w\xc3\x066l\xd8\xc0\xf6\xed\xdb\xd9\xb5s\'\xfb\xf6\xed\xa3\xa8\xa8\x085\xd68\x1f)\t\xf0x\xbddgg\x97\xdc\xbfu\xeb\xd6\xa3v\xedZ\xe6\xfd[\xa7\x0e\xd5\xabU\xc3\xe3\xf1\xfc\xed\xef\x8a\xf8&amp;\x07\x91\x00$\x90\x03\x1f\x1a\x8a\xa2\xfc\xed\xa6\xdb\xb6m\x1b\x7f\xfe\xf9\'K\x96,a\xe9\xd2\xa5\xac\\\xb9\x92\xf5\xeb\xd7\x13\n\x85\xfe\xf1\xf5\x14\x8b\x15oZ:\xe9\x19\x99x\xbcix\xbc^\x9cN\x17\x0e\xa7\xd9\x03\xb4Zm\xc8\x8a\x8c\xaaj\xa8j\x84h$B(\x18$\x10\xf0\xe3\xf7\xf9\xf0\xf9\n)\xc8\xcf\xa3\xd8\xe7\x03C\xff\xc7\x9f\x91\x9e\x9eN\xc3\x86\ri\xd6\xac\x19\xadZ\xb5\xa6U\xab\x964j\xd4\x88\xac\xac\xac\x83\xbe/\xfe@\xf9\xaf\x9eO2;\xb0\x87\x7fh\x83\x10\n\x85X\xbbv\x1d\xbf/\xff\x9d\xa5K\x96\xb0l\xd92V\xaf^\xcd\xce\x9d;\xff\xf5\xf5,V\x1bn\x8f\x07\xb7\xc7CFF\x16\xde\xf4L\x14E\xc1b\xb5\xa2\xc82\x16\xab\rI\x92P\xd5(\x9a\xaa\xa2\xaa*\xba\xae\xe1/\xf6Q\x90\x97\x87\xcfWH0\x10 \x14\x0c\xfc\xeb\xcf\xc8\xc8\xc8\xa0Q\xa3F4i\xd2\x84V\xadZ\xd1\xaaU+\x1a7n\xfc\xb7\xa4@\xc4\xf7\xe0\x91\x92C\x13vUU\xd9\xb8q#\xcb\x97\xaf`\xc9\x92\xdfX\xb6l\x19\x7f\xfe\xf9\'[\xb7lA\xd3\xff\xf9\xde\xb2\xd9\x1d\xa4\xa5g\x94\xdc\xbf.\xb7\x07\xa7\xd3\x85\xdd\xe9DQ\x94X\xaf\xde\x8c\xaf\xaa\xaaD\xc2!\xf3\xfe\xf5\x17S\xec+\xa2\xa8\xb0\x90\xc2\x82&lt;\x82\x01\xff\xbf^s\xc5\x8a\x159\xe9\xa4\x93h\xde\xfc\x14Z\xb5jE\x8b\x16\xa7\xd0\xb0aC\xdcn\xf7A\xdf\x17\x9f\xfeK\xe5\xf8&amp;"\x91\x00\x94s\xff\xef\xa1\xb1e\xcb\x16\x16.\\\xc8\xdc\xb9s\x99?\x7f&gt;\xcb\x97/\'\x1a\x8d\x1e\xf4=\xde\xf4\x0cj\xd6\xaeG\xad\xba\xf5\xa9Q\xbb.\xd5k\xd4\xa6R\xd5jd\xe5T$=3\x0b\xb7\xdb\x8b\xdd\xe1\xc0f\xb3a\xb5\xd9\x90$\x19I\x82xn!I\x10\xff\x84\x18\x86\xf9\x8f\xaeiD\xa2\x11"\xe10\xe1P\x90b_\x11\x05y\xb9\xe4\xee\xdd\xc3\xce\xed[\xd8\xbeu\x13\x9b7\xfc\xc5\x96\x8d\xeb\xd9\xbay#\xe1P\xf0\xa0k\xca\xcc\xc8\xa0E\xabV\x9cu\xe6\x99\xb4?\xfblZ\xb5lIvv\xf6A\xdf\xa3\xaajJ&lt;L\xfe\xad\xd1WU\x95\x95+\xff\xe4\xe7\x9f\xe7\xf1\xd3\xdc\xb9,^\xb4\x88\r\x1b6\xfc\xed\xef\xa7gdR\xb3N=\xaa\xd5\xa8E\xadz\r\xa9T\xb9*\xd5k\xd5\xc5\xe3\xf5\x92S\xb1\nn\x8f\x07\xc5b1\x1b\x06\x87\x13\tJ\x82[\x92?\x1a`\xc4\xff\x03\x88\x84#\x04\x83~\xa2\x91\x08\x91H\x98\xbd\xbbwR\xec\xf3\xb1k\xfbVvm\xdf\xca\xd6\xcd\x1b\xd9\xbai\x03[6\xafg\xcf\xce\x1d\x7f\xbb\xa6\xec\xeclZ\xb4h\xc1\x99g\x9e\xc9\xd9g\x9fM\xabV\xad\x0eJ\x08\xe2C\xca\xa9\x1c_\xc30X\xb3f\r\xf3\xe7/`\xee\xdc\x9f\xf8\xe5\x97_X\xbdz\xf5\xdf\xfe~N\xc5\xca\xd4\xaaS\x8fZ\xf5\x1aP\xa3V\x1d\xaa\xd6\xa8M\xc5JU\xc8\xcc\xae@zF&amp;N\xb7\x1b\x9b\xcd\x8e\xcdn\xc7j\xb1"\xc9\xd2\xfe\xb8Jf/\xff\xd0\xfbWSU"\x910\x91p\x98P0@Qa\x01\x05y\xb9\xec\xdb\xbb\x8b\x1d[7\xb3}\xebf6\xad_\xcb\x96M\x1b\xd8\xbee3\xba~\xf0\x08C\xd5\xaaU9\xf5\xd4S9\xab}{\xce:\xeb,\x9a7k\x8e\xdb\xed:\xe8wK\x95\xf8&amp;:\x91\x00\x94S\xf1\x1e\xd3\x81\x8d\xbe\xa6i,]\xba\x94\x993\xbfc\xc6\x8c\xe9,\xfc\xe5\x17\xc2\x91\xfd\xc3\xf7i\xe9\x194l\xd2\x8c\x93[\xb4\xa6I\xb3\x16\xd4\xae\x7f\x12U\xaa\xd5 #3\x0b\x87\xd3\x81\xa2\xc4\x1e\x00\x1ah\x9a\x8e\x16\xeb\xf1\xc5\x7f\x96\xf9Q0\x0eh\x10\x0e&amp;\x1d\xf0?\xe6\xb0\x9fy\x83+\x8a\x82b\xb1\xa0(\x12r\xec\x19\xa7F!\xe0/&amp;?w/\xdb\xb6lb\xc3\xda\xd5\xfc\xb9b)+\x7f\xff\x8d5\x7f\xfe\x81\x1a\xdd\x7f\xdd\xd9\xd9\xd9\xb4o\xdf\x9eN\x9d:q\xce9\xe7\xd0\xa8Q\xa3\x92\xaf\xc5\x1f&amp;\xff4\xe2\x91\xa8\xfe\xadQ\xc8\xcd\xcde\xee\xdc\xb9\xcc\x981\x83\x1f~\xf8\xe1o\rBfV\x0e\r\x1b\x9fL\xd3\x16\xad8\xa9\xe9)\xd4\xae\xdf\x90*\xd5j\x90\x9e\x99\x8d\xf3\x90\xf8\xea\xba\x81\xaaF\xd15\x1d\xc3\xd0Kb\x1c\xbb\x82\x83\xfeE\xc9\xdb\xba\xbf"\\V\x14dIB\x92e,\x16+\x8a"#\xcb +\xa0k\x10\t\xab\x14\x15\xe6\xb3w\xf7N6o\xf8\x8b\xb5\x7f\xae`\xd5\x8ae\xacY\xb5\x82-\x1b\xd7\x1ft\xdd\x15+V\xe4\xac\xb3\xce\xe2\xc2\x0b;\xd1\xf1\x9c\x8e4j\xd8\xf0\xa0\xf7"\xd9\xe2\x0b\x94\xcc\x99\x1f\x18_\x9f\xcf\xc7\x82\x05\x0b\x98&gt;}\x06\xb3f}\xc7\x8a\x15+\x0e\xfa;\x95\xaaV\xa7q\xd3\xe64=\xa5\x15\x8d\x9a6\xa7v\xbdFT\xa8\\\x85\xb4\xf4\x0c\xecv+\xb2\x0c\xban\xfe\xa3\xaa\x1a\x9a\xa6\x1e\x14\xdf\xc3\xbb\x7f\xf7\x17\xf6\xc5\x1bhY\xb1`\xb1X\x90eJ&gt;C\xd1\xa8N\xb1\xcfG\xee\x9e]l\xd9\xb4\x81\xbf\xd6\xac\xe4\xcf\xe5KY\xb5b\x19\x7f\xad\xf9\xf3\xa0\xd7\xadQ\xa3\x06\x1d:t\xe0\x82\x0b.\xa0C\x87\x0e\xd4\xaaU\xab\xe4k\xf1\xeb\x12\xd3\x04\xe5\x93H\x00\xca\x91\x03\xe7\x04\xe3\x99\xb3\xae\xeb\xfc\xb2p!S\xbe\xfc\x92i\xd3\xa6\xb1r\xe5\xca\x92\xef\xf7x\xd3iq\xea\xe9\x9c\xd6\xeel\x9a\xb7nC\xbd\x86M\xc8\xa9P\t\xbb\xd3\x82\xa1\x9b7q4\x1aA\x8bF\xcdaD\xc3(i\xc0\x0f-\xe49\x9a\x9bs\xffG\xc7\x88\xf5.\x8c\x92\xee\x86$K\xc8\xb29\xdcl\xb3\xd9\xb1X\xcc\x87R\xc0\x1fb\xd7\xf6m\xac[\xb5\x82\xa5\x8b\xe6\xb3x\xc1\\V,\xfd\xf5\xa0^F\xbbv\xed\xb8\xe2\x8a+\xe8\xdc\xb93M\x9a4)\xf9\xf3\x7fz\xa8&amp;\x92xcw`R\x97\x97\x97\xc7\xacY\xdf3\xf5\xab\xa9\xcc\xfa\xee;v\xef\xde]\xf2\xb5\xcc\xec\x1cZ\xb4&gt;\x9d\xd6g\x9cE\xb3Vm\xa8\xdb\xe0$\xb2+T\xc2\xe1P\xd0\x8fs|\xff\xb6\xac\xcc0\xccF\xc50@\x92\x90e\tE\xb1\xc6\x8aC-(\n\xa8*\x14\x16\xe4\xb3u\xd3\x06V\xadX\xc6\x92\x85\xf3X\xbax\x01\x1b\xd6\xad)y-E\x96i\x1b\x8b\xef\xa5\x97^J\xe3\xc6\x8dK\xbe\x96\x8c\xf1\xf5\xf9|\xfc\xf0\xc3\x0fL\x992\x85\x193f\xb0m\xdb\xb6\x92\xafU\xaaZ\x9d\xd6m\xdaqj\xdb\xf64mq*\xb5\xeb6 #+\x0b\xabUB\xd3 \x1aU\x89F\xa2fC_\x12_\xe9\xa0\x86\x1c8hT\xe7H\xafw\xff\xbf\xcd{8\xfe\x19\x92$3\xb1\xb7ZmXmV\x14\x8b\x99\xf8\x15\xfb\x8a\xd9\xb1u3\xab\xfe\xf8\x9d\xdf~\x99\xcbo\x0b\x7ff\xed\x9f\xfb\x13\x19\xbb\xddN\x87\x0e\x1d\xe9re\x17.\xea\xd4\x89:u\xea\x94|M\xd3\xb4\xe3\xb6\x02I8:"\x01(\x07\xfe\xe9\xc1\xb1f\xcd\x1a&gt;\xfb\xec3&amp;M\x9a\xc4\xef\xbf\xff^\xf2\xe7\xb5\xea\xd4\xa7m\x87\xf38\xf3\x9c\x0bh\xd6\xe24*U\xad\x8e\xcd.\xa3F!\x1c\x0e\xa1F#\xe8\x9a~P\xa6_v\x99w&lt;1\x88\xf7N$\x14E\xc6j\xb3c\xb7\xdb\x90\x15\x08\xfa#l\xdd\xb4\x9ee\xbf\xfe\xc2\xcf?|\xc7\x82\x9ff\x93\xbbw\x7f#\xd8\xb1cG\xbau\xebF\xe7\xce\x9d\xa9V\xadZ\xc9\x9f\xc7\x87\x18\x13\xa1W\x11\xef\x05\xc5\x1b6]\xd7\xf9\xf1\xc7\x1f\xf9\xe4\x93\t|=\xedkv\xee\xd8?\x8c\xde\xe0\xa4\xa6\x9cq\xf6\xb9\xb4\xebp&gt;MOiM\xc5\xcaU\xb1\xd9$\xa2Q\x08\x87b\xf1\xd5\xcbG|\x0fZ\xa2\x16_yb\xb1b\xb7\xdb\xb1\xd9\x15\x0c\x03\n\xf3\x0b\xf9k\xed*~]\xf0\x13?\xcf\xf9\x8e_\x7f\x99K$\x1c\x06@\x96%:v&lt;\x97n\xdd\xae\xe3\xd2K/\xa5j\xd5\xaa%\xaf\x9d\xc8\xf1\x05\x98?\x7f&gt;\x13&amp;L`\xea\xd4\xa9l\xde\xbc\xb9\xe4\xcfOn\xd1\x9a\xb3\xce\xedD\xdb\xf6\xe7\xd2\xa8is\xb2r*\xa0(\x10\x89\xe8D\xc2!TU\xc5(G\xf1\x05\x03C\x8f\xc58V\xach\xb3;\xb0\xdb-H\x12\xf8\x8a\x02lZ\xbf\x96%\x0b\xe71o\xceL\x16\xce\xfb\x01\x7f\xb1\x0f\x00\x9b\xcd\xc6\x85\x9d:\xd1\xed\xban\\t\xf1Ed\xc7\xea~\xe2\x1d\x9dD\x89o2\x13\t@\x19:\xf4\xc1\x11\x0c\x86\xf8\xf6\xdbo\x18;v,\xd3\xa6M+\x19\xb2\xadY\xa7\x1e\xe7]t9\x1d/\xbc\x94\xa6\xa7\xb4&amp;3;\x03]\x87P0L$\x12\xc6\x88\x8d\x1aH\trC\x95\x0c\x81\x1b\x06\xb2\xa2`\xb7;\xb0;\xad\x18:\xec\xde\xb9\x93\xa5\x8b\x170\xfb\xdb)\xfc\xf4\xfdtr\xf7\xee\x01\xccb\xc2+\xaf\xbc\x8a\x9bo\xbe\x99s\xce\xe9X\xf2Z\xaa\xaa\x96\xdb\xe1\xe3C{&lt;\xdb\xb6mc\xd2\xa4I|\xf4\xd18\x96.]R\xf2}\rNj\xca\xb9\x17]\xc6\xd9\xe7_B\xe3\xe6-H\xcf\xf0\xa2\xa9f\xe1_4\x121\xe3+K\xb1\xfa\x8c\xf2\xf7{\x1eh\x7fR\xa0\x03\x12\x16\x8b\x05\xbb\xc3\x89\xcd.\x13\t\xa9l\xda\xf0\x17\x8b~\xfe\x919\xd3\xa7\xb0\xe0\xa79\x84\xc3f\x81jVV\x16]\xbat\xa1{\xf7\x9b\xe9\xd8\xb1C\xc9\xeb%R|w\xef\xde\xcdg\x93\'\xf3\xe1\x87\x1f\xb2h\xe1\xc2\x92\xefk\xd6\xea4.\xb8\xf4J\xce\xeax\x01\xf5O:\x19\xb7\xd7\x81\x1a\x85P0\x80\x1a\x8db`\x94\xc4\xb6&lt;\xfe\x9e\x872t\x1d=\x96\x1c(\x8a\x19_\xbb]A\x8d\x1al\xdf\xba\x89\xc5\x0b~b\xf6\xb7_1o\xce\xcc\x92d\xa0J\x95*\\\xd3\xb5+7\xddx#m\xda\xb4)y\xad\xf2\x1c\xdfT \x12\x802ph\xc3\xbfc\xc7\x0e\xc6\x8d\x1b\xc7\x981cX\xb3\xc6\x1c.\xf5\xa6\xa7sn\xa7\xcb\xb8\xe4\xca\xebhu\xfa\x99deg\xa2\xaa\x10\x0c\xf8Q\xd5(\xfb\xe7\xe1\x13\xff\xc6\x89\xcfa\x82\x84\xcdf\xc3\xe9r"I\xb0s\xfb\x0e\x16\xfc8\x8bo\xa7L\xe2\x87\xef\xbe1{F\x98S\x04\xb7\xddv\x1b]\xbbv-Y\x9f^\x9ez\x8c\x87^\xcb\xaf\xbf\xfe\xca\x981c\x980q"\xf9yy\x00T\xa8X\x99s/\xbe\x8c\x8b\xae\xe8\xca)\xad\xcf =\xd3K4b\x10\x0c\x04\xd0\xd4hl\x98\xbd|\xfc&gt;\xc7\xc40\xd0\r#\x96\xc4\xc88\x1cN\x1cN+\xd1\xa8\xce\xc6uk\xf8\xf1\xbbiL\x9f:\x99e\xbf\xfeR\xf2W\xce&lt;\xeb,n\xeb\xd9\x93k\xae\xb9\xa6$\xbe\xe5\xa9\xa18\xb4\xe1_\xbe|9\xef\xbf\xff&gt;\xe3\xc7\x8fg\xef\xde\xbd\x00T\xafY\x9bN\x97_\xc3\x85\x9d\xaf\xa2q\xf3\x96\xb8=\x0e"!\x8dP(\x80\xa6j\t\x93\xd0\x1d\x0e\xf3y\xa6#I26\xbb\x1d\xa7\xd3\x8e\xae\xc3\xd6M\x1b\x98\xfb\xfd\x0c\xa6O\x99\xc4/\xf3\xe6\x94|\xff\x05\x17\\@\xaf^\xbd\xb8\xfc\xf2\xcb\xb1\xdb\xed@\xf9\x8ao*\x11\t\xc0\tth\xc3\xbfv\xedZF\xbf\xf3\x0ec\xdf\x7f\x9f\xdc\xdc\\\x00\x9a\x9e\xd2\x8a+\xae\xbd\x89\xf3/\xb9\x92\x1aujc\xe8\x10\xf0\x9b\x8d\xbe\xd9CH\x8e\x87\xc6\xbf9\xb0@\xcef\xb3\xe3r;PU\x9d\xb5\x7f\xae`\xc6\xd4\xc9L\xf9\xf4#\xb6m\xd9\x04@\x9d:u\xe8\xdd\xbb7={\xf6\xa4b\xc5\x8a@\xd9&gt;H\x0em\x18f\xcf\x9e\xcd\xc8\x91#\xf9\xe2\x8b/J\xbe\xa7\xf5\x19gqy\xd7\x1b9\xf7\xa2\xcb\xa8R\xbd\x1aZ&lt;\xa9\x8bF\x91R\xa0j:\x9e\xecI\xd2\xfed \xe0\x0f\xb1l\xf1\x02\xbe\x9e\xfc\t3\xbe\x9aLA\xbe\x99$\xd5\xabW\x8f\xdbo\xbf\xbd\xdc\xc4\xf7\xc0M\x98\x00~\x9a;\x977F\x8ed\xd2\xa4I%\xf3\xe9\x1d\xce\xbf\x98\xcb\xaf\xed\xceY\xe7\\@N\xc5\x1c\xa2\x11\x9d`\xc0o~6R"\xbe\xb1:&amp;\xc0\xeep\xe0t\xd9\t\x87T\xfeX\xf6+\xdf|9\x91i\x93\'\xb0w\xcf.\x00\x9a6=\x99&gt;}z\xd3\xbd{w222\x80\xf2\x95\xc8\xa7\x02\x91\x00\x9c\x00\x87\xce\xf1\xaf^\xbd\x9a\xd7_\x7f\x9d\xf7\xc7\xbeO0`.\x91;\xef\xe2\xcb\xe9z\xd3\xed\xb4\xedp\x1e\x1e\xaf\x8b@ L8\xb6~?Uo\x88\x03\x8b"\x9d.\x17v\x87\x85}\xbb\xf71g\xc6\xd7|\xfa\xd1\xbb,Y\xf83\x00\x95+W\xa6O\x9f;\xe8\xdb\xf7\x0e*U\xaa\x04\x9c\xd8\x07\xc9\xa1\x89\xddw\xdf}\xc7\xf0\xe1\xc3\x99&gt;}:\x00V\xab\x95\x0b/\xbb\x8akn\xba\x9d\xd3\xda\x9d\x8d\xd3i\xc3_\x1c"\x12\t!!!+2\x07\x94\xe2\xa7\x0c#\xbe7\x80\xa2\xe0v{P\xac\x12\x9b7lb\xfa\x94O\x99&lt;\xfe}6\xac3WAT\xa9R\x95\xde\xbd{\xd1\xb7o\xdfr\x11\xdf9s\xe60|\xf8+|\xfd\xf5W\x00\xb8=i\\v\xcd\xf5\\u\xfd-4ou:\x16\xab\x8c\xbf8@4\x12I\x89F\xff\xdf\x98\xf7\xaf\x19\'\xa7\xcb\x83\xcd&amp;\xb3c\xdb\x0e\xbe\xfb\xfas&amp;\x8d{\x8fU+\x96\x01P\xabV-\xfa\xf5\xebG\xaf^\xbdJ\x96\x8b\xc6W\x86\x08\xc7\x97H\x00\x8e\xb3\x03?\xc8\x9b6m\xe2\x95W_\xe5\x9d\xd1\xa3\t\x06\x83(\x8a\x85\xcb\xbb\xde\xc0u=\xfa\xd0\xf2\xb4\xb6H\x92\x84\xbf\xb8\x18MU\x91\xc5p\xd8At]\xc7\xd0u\xac6\x1bn\x8f\x8b`0\xcc\x82\x1fg1\xfe\xdd7\xf8q\xd6\xb7\x80\x99\x08\xdcu\xd7\xdd\xdcyg\xbf\x83z\x14\xc7\xebArhb7o\xde&lt;\x9e\x7f\xfey\xa6M\x9b\x06\x80\xdb\xe3\xa5\xcbu7\xd1\xb5\xfb\xed4=\xa5\x15\xba\x0e\xfeb_\xec\xa1(\xe2{ ]77\x92\xb1;\x9c\xb8\xdcv\xf2\xf6\xe5\xf3\xfd\xb7S\xf8d\xcc[\xfc\xfe\xdb"\xc0\x8c\xef\x9dw\xde\xc9\x9dw\xdeyB\x1a\x8aC\xe3\xbb`\xc1\x02^x\xe1\x05\xa6L\x99\x02@v\x85\x8at\xed~;Wu\xbb\x85z\x8d\x1a\x12\x8d\xe8\xf8\xfd\xc5b\xd9\xdb?\x88\xdf\xbf6\xbb\x03\xb7\xc7AQa1?\xcd\xfa\x96\x8f\xdf{\x83\x85?\xff\x08@\xcd\x9a\xb5\xb8\xef\xbe{\xe9\xd5\xab\x17\x1e\x8f\xe7\xa0M\xcf\x84\xe3C$\x00\xc7I\xbc\xe7*I\x12\x05\x05\x05\xbc\xf6\xdak\xbc\xfa\xea\xab\xe4\xe7\xe7#\xcb\nW]\x7f37\xdev\'\'\xb7j\x8d\xa6\xea\xf8\x8b\x8b\xffVI,\xfc\xdd\xfe^\x85\x82\xc7\xebE\xd3t\x16\xce\x9b\xcd\xd87_\xe1\x87\xef\xbe\x01\xa0n\xdd\xba\x0c\x1c8\x90\x9e={b\xb1X\x8eKo\xf1\xc0\x86g\xf5\xea\xd5&lt;\xfb\xec\xb3|\xf4\xd1G\x00\xb8\xdc\x1e\xae\xb9\xf1V\xae\xefy\x07\r\x1b7!\x1cV\t\xf8\xfdH\x80,\xe2\xfb\x7f\x19\x86\x81\xaeiX\xacV&lt;in\x02\xc5\x01fO\x9f\xca\x07\xa3^c\xe9\xe2\x05\x809\xf5\xf3\xe0\x83\x0fr\xfb\xed\xb7c\xb5Z\x8f\xcb\xf2\xb2\x03\xe3\xbbn\xdd:\x9e}\xee9\xc6\xbe\xff&gt;\x00Y9\x15\xb8\xa1g_\xae\xb9\xf16j\xd6\xa9I \x10!\x14\x0c\x94\xec\x8b!\xfc\xbbx|\x15\x8b\x05\x8f\xd7C$\x1ca\xee\xec\x19|0\xeaU\x16\xfc4\x1b\x80\xc6M\x9a\xf0\xf0\xc3\x0fss\xf7\xee\x80\x98\x168\x9eD\x02P\xca\x0e\xed5|\xf8\xd1G&lt;\xfd\xd4S\xfc\xf5\xd7_\x00\\\xd2\xe5Zz\xdey?-NkC4\xa2\xe1\xf7\x17\x8b\xb5\xb1G)\xfe\xe0\xf7x\xd30t\x9dysf\xf0\xcek/\xb2p\xde\x0f\x00\xb4m\xdb\x96\'\x9f|\x92\x0b.\xb8\xa0\xe4\xfb\x8f5\xc1:p\x1e\xb8\xa8\xa8\x88a\xc3\x86\xf1\xea\xab\xaf\xe2\xf3\xf9P\x14\x85\xab\xae\xefA\x8f\xbe\xf7qR\xb3\x93\t\x05\xa2\x04\x03\xfe\x94\x1e\x06&gt;Z\xf1DOQ\x14&lt;i^\x82\x81 3\xbf\x9a\xcc{#\x87\xb1j\x85\xb9,\xf6\xf4\xd3O\xe7\x89\'\x9e\xe0\xa2\x8b.\x02\xcc\xfa\x80\x7f:\x13\xe3H\x1c\x18_\x9f\xcf\xc7\xf0\xe1\xc3yy\xf8p|EE\xb8\xdc\x1en\xe8\xd9\x97\x1bn\xebG\xad\xba\xb5\t\x14\x9b;a\xca\x8a\xb9)\x96pd\xe2\r\xbb\xc7\xeb%\x1a\x8d\xf2\xc3\x8c\xafx\xf7\xf5\x97X\xba\xd8,\x08\xed\xd8\xb1#O&gt;\xf9$g\x9f}v\xc9\xf7\x8b\x0eR\xe9\x12\t@):\xf0\x03\xbad\xc9\x12\x1ey\xe4\x11f\xce\x9c\t@\x9b3;p\xc7\x80G9\xeb\x9c\x0b\xd14\r\x7f\xb1h\xf8K\x8b\xaei Ix\xd3\xd2\x88D"L\x9f2\x89Q\xc3\x9f-\xd9\xb1\xacG\x8f[y\xf2\xc9\'\xa8Y\xb3\xe6\xdf\n\xb9\x8e\xc4\x81\r\xcc\xe4\xc9\x93\x194x0\xabW\xad\x02\xa0\xe3\x05\x97p\xc7\xfd\x8fq\xea\x19\xed\x08\x87\xa3\x04\xfd~\xb3\xd7"\xe2{\xcc\xe2\rEZ\xba\x97\xa2\xc2"&gt;\xffx,\xef\xbe\xf6"\xbbvn\x07\xe0\xa6\x9b\xba\xf3\xd4SOR\xa7N\x9d\x83N\xd3;\x9a\x9f\x13\xbf\x7f?\xff\xfc\x0b\x06\r\x1a\xc4\xaaU\xe6g\xa8\xcbu\xdd\xe9u\xcfC\x9c\xd4\xecd\x02\xfe0\xa1`PT\xad\x97\x92x|\xbdi^\x82\x81\x00_}\xf6\to\xbf\xfa\\\xc9\x8e\x92}\xee\xb8\x83\xc7\x87\x0c\xa1J\x95*\xc7t\xff\n\x7f\'\x12\x80Rp`\xaf?\x18\x0c\xf2\xdcs\xcf\xf1\xe2\x8b/\x12\x0e\x87\xa9Z\xbd\x16\xfd\x1e\x1cD\x97\xeb\xbac\xb3\xda)**\x14\r\xffqr`C\x91\x9f\x97\xcf\xb8wF\xf2\xde\xeb/Q\\\xec\xa3B\xc5\x8a&lt;3t(\xbdz\xf5\x02\x8e\xac\xb7x\xe0\\\xe4\xe6\xcd\x9by\xf8\xe1\x87\x990a\x02\x00\xf5\x1b5\xe1\xce\x07\x07sq\x97k\x01(\xf6\x15\x89\xa1\xe0\xe3D\xd3T,\x16+i\xe9n\xb6m\xd9\xc6{#\x87\xf1\xf1{o\x12\x8dF\xc9\xc9\xc9\xe1\xc9\'\x9f\xa4_\xbf~\xc0\xb1\xc5\xf7\x91G\x1e\xe5\x93O&gt;\x06\xa0e\x9bv\xdc=\xf0q\xda\x9f{!\xd1H\x14\xbf\xdf/\x1a\xfe\xe3$\x9e\x80\xa5\xa5{\xd8\xb3{\x0f\x1f\x8c\x1a\xc1\xd87_!\x14\nR\xadZ5\x9ey\xe6\x19n\xb9\xe5\x16\xa0tF{\x04\x91\x00\x1c\xb3\xf8\x8eV`\x16\x81\xddw\xdf}\xfc\xf6\xdbo\x00\xdcx\xfb\x9d\xf4\x1d\xf0(U\xaaU\xa5\xb0\xc0\'\nZN\x10MU\xb1\xd8l\xa4\xa5\xb9X\xb5\xe2\x0fF&lt;7\x84\x99_\x9bK\xf1.\xbd\xf4R^y\xe5\x15\x1a4hpXs\x8b\x07\xf6\n\xc7\x8e\x1d\xcb\xc3\x8f&lt;\xc2\xee]\xbb\xb0\xdb\xed\xf4\xb8\xa3?\xb7\xdf\xf3 \x99\xd9Y\x14\x16\x14\x01\x06\xb2,\xe2{&lt;\xc5\x93m\x87\xc3\x81\xcb\xe3`\xf1\xfc\xf9\xbc2\xf4\xb1\x92i\x9f\x0b/\xbc\x90W^y\x85&amp;M\x9a\x1cT\x87\xf3o\x0e\x8c\xef\xfb\xef\xbf\xcf#\x8f&lt;\xc2\xee\xdd\xbbI\xcf\xc8\xa4\xdf\x03\x83\xb9\xbe\xe7\x1d8\x1cN\x8a\nE\xe2~\xa2h\xaa\x8a\xd5n\xc7\xebu\xb2|\xc9R^}v0?\xcc4\x0bk\xaf\xbc\xf2J^~\xf9e\xea\xd4\xa9#j\x03J\x81H\x00\x8eA&lt;\x0b\x8dF\xa3\x0c\x1d:\x94\xa1C\x87\xa2\xeb:M\x9a\xb5\xe4\xa1\'_\xa4\xfdy\xe7\x9b\xcb\xbd\xc2!\x14\x91\xad\x9eP\xf1\x86\xc2\xedq\xa3(\x16\xa6L\xfc\x88\xe1C\x1fc\xd7\x8emdee\xf1\xe2\x8b/r\xdbm\xb7\x01\xff&gt;\xb7\x18\x8f\xef\xee\xdd\xbb\xe9\xdf\xbf?\x9f|\xf2\t\x00\xad\xcf8\x93\x87\x9f\x1aF\xeb3\xce\xc0Wd.\xf7\x12\xf1=\xb1\xe2\xf1\xf5\xa6\xa5\xa3iQ&gt;~\xef-F\xbe\xf8$\x85\x05\xf9\xa4\xa7\xa7\xf3\xec\xb3\xcf\x96\x8c\x06\xfcS|\x0f\x1c\xb5\xdb\xb9s\'\x03\x06\x0c(\x19\xd5\xb9\xa0\xf3\x95\xdc?\xf89\x1a6nDaA\xb1\x98{.\x03\xf1\xf8x&lt;^$\t&gt;\xfb\xf8}^}f\x10\xfb\xf6\xec\xa6B\x85\n\xbc\xf4\xd2K%\xa3\x01"&gt;GO$\x00G\xe1\xc0!\xc3U\xabV\xd1\xe7\x8e;\x98\xfb\xd3O\x00\xdc~\xf7\x83\xf4\xbd\x7f\x10\xde\xb44\x8a\n\n\xc4r\xbe2\x16\xdfr8#+\x9d\xad\x9b\xb70\xec\xc9\x81|=\xd9|\xd0\xdft\xd3M\xbc\xfa\xea\xabdgg\x1f4\xa4x`\xcf\xf1\xdbo\xbf\xa5\xdf\x9dw\xb2i\xe3F\xecv\x07\xfd\x1ex\x8c\x9ew&gt;\x80\xd5f\xc3WT$\x86\x83\xcb\x98\x1e\xdb`\'#\xd3\xcb\x9a\x95\xabxn\xf0\xfd\xfc\x14[\x16\xda\xb5kW^{\xed5*W\xae\xfc\xaf\xf1\x9d6m\x1aw\xdey\'\x9b7o&amp;3+\x9b\x07\x1e\x7f\x9ekn\xea\x89\xaaj\x04\xfc~1\xcc\\\xc6\xe2s\xfe\x19\x99il\xda\xb0\x81\x97\x1e\x7f\x88\xe9S\'\x03\xd0\xa3G\x0f\x86\x0f\x1fNff\xa6\x98\x128J"\x018B\x07&gt;&lt;\xc6\x8f\x1f\xcf\xddw\xdfM~~&gt;u\xea7d\xf0\xf3\xaf\xd1\xe1\xc2N\xf8\n\xfd%;\x96\t\xe5\x83\xaa\xaa8\x9cN\xecv;\x9f\x8d{\x8f\x17\x86&lt;HaA&gt;\x8d\x1a5\xe2\xddw\xdf\xe5\xac\xb3\xceB\xd3\xcc\xb5\xe8\xf1\x07\xc9\x90!Cx\xfa\xe9\xa7\x01h\xd2\xbc%C^\x1cI\x9b3\xdbQ\x98/z\x85\xe5\x8d\xaa\xaa\xb8\xddn$Y\xe6\x83Q\xaf2\xe2\xd9!\x04\x83\x01\xea\xd4\xa9\xcb;\xef\x8c\xe6\xbc\xf3\xce;\xe8\x88m]\xd7\x19&lt;x0\xcf&gt;\xfb,\x00\xed\xcf\xed\xc4c\xcf\x8d\xa0A\xe3F\x14\xe4\x15\x01\xa2\xd0\xac&lt;QU\x15\xa7\xcb\x85\xd5je\xe2\x07\xa3y\xf1\xf1\x87(\xf6\x15\xd1\xb8I\x13\xde{\xf7]\xda\xb6m+\xa6\x04\x8e\x82H\x00\x8e@\xfc\xa1\xaf\xaa*\x0f&gt;\xf8 \xaf\xbe\xfa*\x00\x97]s\x03\x8f&lt;3\x9c\n\x15+Q\x90_ z\x85\xe5\x94\x11\xdb\xd1-3;\x9dU+\xfe\xe0\xf1\x07\xfa\xf1\xeb\x82\xb9\xd8l6\x86\r\x1b\xc6\xddw\xdf\r\xc0\xce\x9d;\xe9\xd5\xabW\xc9\x86&gt;\xddz\xf4\xe1\xc1\'_\xc0\xe3I\xa3\xa8\xb0\x10\x8bE!\x15w\xee+\xef\xcc\xe4\x1c2\xb2\xd2\xf8m\xc1/\x0c\xb9\xbf/\xabV,CQ\x14\x9e}\xf6Y\x1ez\xe8!\xc0&lt;\x94\xe9\xf6\xdb{1c\xc6t$Y\xe6\x9e\x81O\xd0\xe7\xbe\x87c\xc7U\x8b^\x7fye\x8e\x06\x18df\xa5\xf3\xc7\xb2\xdfy\xfc\x81~,]4\x1f\xbb\xdd\xce\xf0\xe1\xc3\xe9\xd7\xaf\xdf1\xad\x02IE"\x018L\xf1!\xa6\xed\xdb\xb7\xd3\xa3G\x0ff\xcd\x9a\x85\xcdf\xe3\xc1\'_\xa4\xc7\x1d\xf7\x12\x0c\x06\x89\x84\xc2b.8\x01\xa8\xaa\x8a\xc7\xe3!\x1a\x8d\xf0\xf2\xd3\x8f\xf2\xc1\xa8\x11\x00\xf4\xed\xd7\x8f\xae\xd7\\\xc3m\xb7\xdd\xc6\xc6\x8d\x1b\xf1\xa6\xa5\xf1\xd8\xb3#\xe8\xda\xbd\x07\xbe"1\xaa\x93(TU%--\x1d\x9f\xaf\x90g\x1f\xed\xcf\xe7\x9f\x8c\x05\xcc!\xe3\xeb\xae\xbb\x8e\xde\xbd{\xb3u\xebV\xaa\xd5\xa8\xc5\xd3\xaf\xbcM\xc7N\x9d(\xc8\xf3\x89\x86#A\xa8\xaa\x8a\xc7\xeb%\x12\n\xf1\xd2S\x0f3\xee\x9d\x91\x00\xf4\xe9\xd3\x87\xd7^{\r\x9b\xcd&amp;F\xe8\x0e\x93H\x00\x0eC\xbc\xf1_\xb4h\x11\xd7_\x7f=\x1b6l\xa0F\xad\xba&lt;7r\x0c\xed:t ?\xb7\xb0\xe48^!1\xe8\x9a\x86lQHK\xf3\xf0\xe9\x87cx\xe5\x99\xc1\xec\xd9\xb5\xa3\xe4\xeb\xcdZ\x9e\xca\xe3/\xbdA\xab6m\xc8\xdb\'j9\x12\x8d\xa6iX\xadV\\n\x17cG\x8d`\xd4\xcb\xcf\x92\xbboO\xc9\xd7\xcf\xe9\xd4\x99A\xcf\x8d\xa0f\x9d\xba\x14\xe4\x17\x88^\x7f\x82\x89\x17pz\xd3\xdcL\xfc`\x0cO?|\x0f\xc1\x80\x9fs\xce9\x87\xf1\xe3\xc7S\xa5J\x15Q\x17p\x18D\x8b\xf5\x1f\xe2\x1f\xa2\xc9\x93\'s\xfe\xf9\xe7\xb3a\xc3\x06\xda\xb6?\x97\x8f\xbe\x9aC\x9b3;\x90\x1bo\x1cD\xe3\x9fPdEA\xd7t\xf2r\xf3\xb9\xed\xae\x9e\x9c\x7fi\x97\x92\xde\x9f\xc3\xe9\xe4\x9eG\x9e\xe2\xacs\xda\xb0{\xe7^\x14\x8bE4\xfe\tF\xb1X\x88F#\xf8\x8a|\xf4\xbb\xff^\xda\x9c\xd9\xa1$\x86\x1e\xaf\x97^\xf7\x0c\xa4Q\xd3\xba\xe4\xee\xdd\'\x1a\x89\x04\xa4(\n\xba\xae\x93\x9fW@\xb7\x1e=\x19\xfb\xf9Lj\xd6\xa9\xc7\x9c9s\xe8\xd0\xa1\x03\xbf\xff\xfe;\x16\x8b\x05UU\xcb\xfaR\xcb5\xd1j\xfd\x8b\x03\x97\t\x8d\x1c9\x92k\xae\xb9\x06\x9f\xcf\xc7\xd57\xdc\xca\xdb\x13\xbe&amp;\xa7be\x8a\nD\xcf!Q\x99\xab8d\xd2\xd23x\xb0o\x7f&gt;~\xefM\x00j\xd7kH(\x18d`\xbf[\xf8b\xc2T*U\xad \x1e"\tHWUl6;V\x9b\x95\xbe7u\xe7\xdb)\x93\xb0\xd9\xec48\xa9)\xc5&gt;\x1f\xfd\xbaw\xe1\xeb\xc9_Q\xb1J\x8e\x88o\x82\x92$\tE\xb1\x90\xbb\xaf\x80\x96m\xda\xf1\xd1\x94\xd9\x9c\xd6\xeel\xd6\xad[\xc7y\xe7\x9d\xcfw\xdf}\'\x92\x80\xff \x12\x80\x7fp\xe02\xbf\xc7\x1f\x7f\xbc\xa48\xec\xae\x87\x86\xf0\xfc\x1bc\xd0u\x9dp((\xe6\xfb\x13T\xbc\x12\xdcj\xb3\xf1\xf0]\xb7\xf2\xc1\xa8W\x91e\x99\'\x87\x8f\xe2\xab\xb9\xbf\xd2\xe9\xf2k\xc8\xdb\xb7\x97{n\xed\xca\xe4\xf1\xe3\xc8\xae\x90\x81&amp;\x1e"\tC\xd34\xec\x0e\x07\xd1h\x84\xbbn\xbe\x9a\xa9\x9f\x8e\xc3\xe5v3\xfc\x9d\x8f\xf9\xe2\x87Et\xba\xecj\n\xf2r\xb9\xbb\x87\x88o2\xb0X,\x14\x15\x14\x90S\xb12\xefL\x9c\xc6%W^Kn\xee&gt;.\xbb\xec2&amp;M\x9a$\x92\x80\xffC$\x00\x87\x88W\x91*\x8aB\xff\xfe\xfdy\xea\xa9\xa7\x90e\x99\'\x86\xbd\xc9\x80AORTX\x18\xdb\xfdO\x14\x98$"]7\xe7\x86%\t\xee\xbb\xedz\xbe\xf8\xe4\x03\xdc\x1e/#?\x98\xcc\r={\xa1i2#\xc6L\xa4{\xaf\xbb\x89F"&lt;\xd8\xf7f&gt;\x1c\xf5\x16Y\x152\xd04\xf1\x10)\xef4M\xc3\xe9rQ\xec+\xe2\x8e\xeb/\xe7\xc7\xef\xbe\xa1B\xa5*\xbc\xfb\xe9\xb7t\xba\xfcJ\xd4\xa8\xce\x88\xf7?\x8d\xc57|p|E#\x91\xb0\x14\x8b\x85P0\x88$\xc9\x0c\x7f\xe7\x13\xba\xf7\xba\x9bp8\xccu\xd7]\xc7{\xef\xbd\'\x92\x80\x7f!\x8a\x00\x0fp`\xcf\xbfo\xdf\xbe\x8c\x1a5\n\xbb\xc3\xc1s\xaf\x8f\xe1\xcan\xd7\x93\xbbW\x14\x83%2\xb3\xf1\xb7\xa1\xeb\x1a\xf7\xf6\xec\xc6\x8f\xdfM#+\xbb\x02#\xc6L\xa4\xdd9\xe7\x98\xc5~\xb1u\xc4i\x19^\x86?=\x847\x87\x99\xfb\x00&lt;\xfa\xcc+\xdc~\xf7}\xe4\xe5\x16\x8a\xea\xe2r\xcal\xfc\x9d\x14\xe6\xe5q\xc7\x8dW\xb0|\xc9"j\xd4\xae\xcb\x9b\x1f}\xc1I\'7\xa7 ?\x1fEV@\x92HK\xf72\xfc\xe9\xc1\xbc\xf9\xf2P@\xc47Y\xc4\xf7iIK\xf72|\xe8`\xde\x1cf\xc6\xf7\xcd7\xdf\xa4o\xdf\xbe\xa20\xf0\x10"\x01\x889\xb0\xf1\xef\xdd\xbb7\xef\xbc\xf3\x0e.\xb7\x87\xe1\xef|\xcc\x85\x97]F\xee^1\xdf\x9f\xc8t]\xc7b\xb5\x82\xa1s\xd7-\xd70\xf7\xfb\xe9T\xa8T\x997\xc7M\xa1\xe5im\xc8\xcf\xcb\xc7b\xb1\x02\xf1Q \x9d\xcc\xact\xdex\xe9y^~\xfa\x11\x00\x1e\x19:\x9c\xde\xf7\xf6\'w_\x01\x8a"&gt;\x0b\xe5II\xe3\x9f\x9fG\xaf\xeb:\xb3\xf2\xf7\xdf\xa8\xdb\xe0$F}2\x95Zu\xea\xc7\xf6o0cvp|\x9f\xe3\xe5\xa7\x1f\x05D|\x93\xc5\xbf\xc5w\xe4\xc8\x91\xdcy\xe7\x9d"\t8\x80H\x008\xb8\xf1\xef\xd7\xaf\x1fo\xbd\xf5\x16\x1eo\x1a\xaf\xbe7\x91s/\xba\x88\xdc}\xfb\x1b\x07!\xf1\xe8\xba\x8ebQPd\x99{n\xbd\x9693\xbe\xa6b\xe5\xaa\xbc\xfd\xc9TNn\xd1\x9a\x82\xfc\xbf\xc77\xfe\x99\xc8\xcaIg\xd4\xf0a\xbc\xf8\xf8\x83\x00\x0c~\xe1un\xedw\x17y{\x0bD\rH9\xa1\xc7\xe6\xfc\x8b\x8b\x8b\xe8}]g\x96/YD\xfd\x93\x9a2z\xc2WT\xad^\x13_\x91\xefo\x0f\xfc\x7f\x8b\xef\x90\x17F\xd2\xa3\xdf\x9d"\xbe\t\xee\xdf\xe2;z\xf4hz\xf5\xea%\x92\x80\x98\x94O\x00\x0e\xac\xf6\x7f\xe0\x81\x07x\xf9\xe5\x97q\xb9=\x8c\x18\xf3)\xe7]|1\xb9{\xf3\xcd\x9e\xa3\x90\x90\x0c\xc3@\x92\xcc\xa5}\x03n\xbf\x81o\xa7L"\xa7B%FO\xf8\x9af\xadN\xfd\xc7\xc6\xff@\x9a\xa6\x92\x9d\x93\xc1\x1b/\xbd\xc0\xb0\xa7\x1e\x06\xe0\xb9\x91\xefs\xdd-=\xcc\xcf\x86H\x0c\xcb\x94\xae\xebX\xadVT5J\xaf\xeb.\xe5\xb7_\xe6Q\xb7\xc1I\xbc;\xe9\x1b\xaaT\xab\x89\xdf\xe7\xfb\xbf\r\xf9?\xc5\xf7\xf9\x91\xefs\xad\x88oR\xf8{|%&gt;\xfex&lt;\xd7_\x7f\xbdH\x02\x10E\x80%\x8d\xff\xd0\xa1Cy\xf9\xe5\x97\xb1\xdb\x1d\x0c{{\x9ch\xfc\x93@\xbc\xa0\xd3\xe3\xf5\xf2\xf8\x80\xbe|;e\x12\xe9\x99Y\xbc\xf1\xd1\xe7f\xe3\x9f\xf7\xdf\x0fxs\x99Q!\xfd\x1e\x18\xc8\xdd\x03\x9f\x00`H\xff&gt;|\xfb\xe5\x97deg\x8a\xc2\xa22d\x18\xe6RNY\x96\xe8\x7f[7~\xfbe\x1e5j\xd7\xe5\xedO\xa6R\xb5zM\x8a\xff\xa3\xf1\x87\x83\xe3{\xd7CO\x000x@\x1f\xa6\x7f9E\xc47\t\xfc\xfd\xfe5\xe8\xd1\xa3\x07\xd3\xa7O\x17\x85\x81\xa4\xf8\x08@&lt;\x03|\xe7\x9dw\xe8\xdd\xbb7\x8a,\xf3\xfc\x1bc\xb9\xfa\xa6\xee"\xfbO\x02\x9a\xa6\x92\x95\x9d\xc1KO\x0c\xe2\xad\xe1\xcf\xe0r\xbb\x19\xf9\xe1\xe7\x9c}\xde\x85\xe4\xe7\x1e~r\x17\x9fS\xcc\xc8L\xe7\xe9\x87\x070\xf6\xadW\xf0x\xd3x\xf7\xd3ohu\xfa\x99\x14\x15\x88\xe1\xe2\x13-\x9e\xdcy\xd3\xbc&lt;\xd8\xf7\x16\xa6L\xfc\x88\n\x95\xaa\xf0\xdeg\xd3i\xd4\xa4\xd9As\xfe\x87\xf7Zf|\x9f\x1a\xd8\x9f\x0fF\xbd\x8a\'-\xdd\x8co\x9bv"\xbe\t\xee\x9f\xe2\x9b\x9e\x9e\xc1\xf7\xdf\xcf\xa2u\xeb\xd6)\xbdmp\xca&amp;\x00\xf1\xc6\xff\x9bo\xbe\xe1\xf2\xcb\xaf@\xd3T\x1e{\xf6Un\xbf\xe7^\xf6\xed\x11\x8d\x7f\xa2SU\x95\xec\n\x19|\xf4\xf6(\x1e\x7f\xa0/\xb2\xa20l\xd48\xbat\xebF\xee\x9e#\x1f\xd91o\x13\x03\x8f7\x8d\x07\xfatg\xea\xa4qT\xaeZ\x9d\x8f\xa6\xce\xa1Z\xcdZ\x04\xfc\x81\x94}\x88\x94\x85xr\xf7\xfc\xe0G\x18=\xe2y&lt;\xde4FO\xf8\x9a\xd3\xcelOA\xde\x91\x17\xec\xee\x8f\xaf\x97\xfb{w\xe7\xab\xcf\xc6S\xb9Zu\xc6M\xfd\x81\xaa5j\x8a\xf8&amp;\xb8\x03\xe3k\xde\xbf\xe3\xa9Y\xb3\x16\xf3\xe6\xcd\xa5F\x8d\x1a\xb1\xa5\xdd\xa97 \x9e\x92\t@&lt;\xe3[\xb1b\x05\x1d:t ??\x9f^\xf7&lt;\xc4#C_ /WT\x00\':UU\xc9\xc8\xcc\xe0\xa7Y3\xe8{\xd3\x15D\xc2\xe1\x92\n\xef}G\xd1\xf8\xc7\x19\xba\x8e\xac((\x16\x85&gt;\xdd.c\xfe\x8f\xb3hzJ+&gt;\xfc\xf2{,6\x1b\x9a\xaa"I\xa9\xf7\x109\xd1T\xd5\x9c\xd7\x1d\xf7\xdeh\x86\xf4\xef\x83\xc5b\xe1\x95w\'p\xc9UW\x93w\x0c\x05\xbb\xf1B`\xc5"\xd3\xfb\xba\xcbX\xf0\xd3\xf7\x9c\xdc\xe2T&gt;\x982\x0b\x8bbE\xd34\xb1\x048\x81\xfdS|O?\xfdtf\xcf\x9e\x8d\xc3\xe1(9\xe6=\x95\xa4\xdc\xd3*~\xe2W^^\x1e]\xbb^K~~&gt;\x97\\y\x1d\x0f&gt;\xf1&lt;\x05\xf9Eb\x83\x9f\x04\xa7i\x1an\x8f\x9b\r\xeb\xd60\xf0\xce[\x88\x84\xc3t\xefu7\xb7\xdfc.\xef:\x96\x9a\x0eI\x96\xd14\r\x90xy\xf48\xea5l\xc2\xca\xdf\x97\xf0\xc8=\xb7\xe3p8I\xbdT\xfa\xc4\xd3b\xc9\xdd\xbc9sx\xf6\x91\xfb\x00x\xe0\xf1\x17\xe8|\xf5\xd5\xe4\x1d\xe3\xb4\x9d\x1c\x8b\xaf\x84\xcc\xcb\xa3\xc7Q\xb7\xc1I\xfc\xb1\xecW\x06\xdd\xd3\x0b\xa7\xcbI\n\xf6\x95\x92\xca\xa1\xf1\xad\xd7\xf0$\x16.\\H\xaf^\xbdK\xbe\x96jR*\x01\x88/\r\x91$\x89\x9bo\xbe\x995kVsJ\xeb\xd3y\xe6\xb5w\t\x06\x82\x18\x06)\x97\x01&amp;\x13\xc30\xb0X,\x84C!\x1e\xe8\xd3\x9d}{v\xd3\xe1\x82Kx\xf4\xd9\xe1\x14\xe5\xfbJ%\xb9\x93e\x99p(Dfv\x05^y\xf7c22\xb3\x98\xf9\xd5d^\x7f\xe1I2\xb3\xd3R\xbe\xa8\xe8x\xd25\x1d\xa7\xcb\xc9\xb6-\x9b\x18\xd8\xef\x16B\xa1 \xd7\xf7\xecK\xaf{\x07\x1csr\x17\'\xcb2\xa1P\x88\xac\x9c\x8a\x0c\x7f\xe7c\xd232\xf9v\xca$\xdex\xe9\x192\xb3D|\x13\xdd\x81\xf1}y\xf4\xc7\xa4gf\xf2\xf1\xc7\xe3y\xf1\xa5\x97R\xb2(0\xa5\x12\x80\xf8\xd0\xff\x90!C\x986m\x1a\x95*We\xd8\xdb\xe3\xb0\xdb\xedD\xa3\xd1\x94\x9c\x03J&amp;\xba\xae\xe3\xf1\xbay\xfa\xe1{Y\xb1t1u\xea7\xe2\xf9\x91cP\xa3*\xbaa\x94Zr\xa7(\n\xbe\xa2"\x9a\x9er\nO\xbe\xfc6\xb2,\xf3\xe6\xcbC\x991u*\x99Y\x19)\xf7\x109!\x0c\x03Y1\xe3\xf7\xf0\x9d=\xd9\xb9}+g\xb4?\x87\xc7\x9e}\x85\xa2\x82\xe2R\x1d\xb93\xe3[H\xb3\x96-yb\xd8\x9bH\xb2\xcc\xc8\x97\x9ed\xd67\xdf\x90\x91)\xb6\x0cNt\x07\xc5\xf7\xa5\xb7\x90e\x99G\x1f}\x94\xd9\xb3gc\xb1XRj$ eZ\xbc\xf8r\xbfi\xd3\xa61t\xe8P\xacV+O\xbf\xfa\x0eu\xea\xd7\xc7_\xec\x17\x05&gt;\tNUU\xb2\xb2\xd3\x19\xff\xde\xdb|\xfe\xf1\xfb\xb8\xdc\x1e^xs,Y9\x15\t\x87B\xa5\x9e\xdcY,\x16\xf2r\x0b\xb8\xbc\xeb5\xf4\xe9\xff\x08\xba\xa61d\xc0\x1dl\xde\xb0\x01\x97\xcb\x89\xae\xeb\xa5\xfa\xf3R\x9d\xa6i\xa4gxy\xf9\xe9\xc7X8o\x0eU\xaa\xd5\xe0\xf97\xc6\x02\xe6F@\xa5=rg\xb1X\xc9\xcb-\xa0\xcbu\xdd\xb8\xfd\xae\x07\xd1T\x95!\x03\xfa\xb0}\xcbf\x1cN\x11\xdfD\xb7?\xbe\xd7q\xdb\xddf|{\xf4\xe8\xc1\xee\xdd\xbb\x91e9e\xe2\x9b\x12E\x80\xf1a\xff\x1d;vp\xea\xa9\xa7\xb1k\xd7N\xeey\xf8I\xee{l\x88X\xee\x97\x04t]\xc3\xe5v\xb3\xe6\xcf\x15\xdc\xd4\xb9#\xc5\xbe"\x9ex\xe9Mn\xbe\xa3\xefQU\xfc\x1f&gt;\x03\xc3\x00\xa7\xcbI\xaf\xeb:3o\xf6\x0c\xdau8\x9f\xf7&amp;}C0\x18\x12\xd3I\xa5DSU\xd2\xb32\x989\xf5\x0b\xee\xba\xe5j,V+\xa3\xc6O\xe5\xec\xf3;Q\x90\x7f&lt;\xb7\xe86\xe3\xebp\xda\xb9\xed\x9aKX\xf0\xd3\xf7\x9c}\xfe\xc5\x8c\x9e\xf0\x15\xfeb\xbf\x181Lx\xb1\xf8:\xec\xdc\xd6\xd5\x8c\xefe\x97]\xc6\xd4\xa9SSf\x93\xa0\x94\xf8\x04\x1b\xb1\xe1\xdf\xdbo\xbf\x9d]\xbbvr\xf6y\x17\xd1\xef\x81\xc7(\xc8-\x12\x8d\x7f\x823\x8b:\x15"\xe10\x83\xef\xebC\xb1\xaf\x88\xcb\xae\xb9\x91\x9bz\xf5%o_\xe1q\xde\xc8I*\xd9I\xf2\xe9W\xde\xa6R\x95j\xcc\xffq\x16\xa3^y\x9e\x8cL\xaf\x98\n(\x05\x86\xaecw:\xd9\xbee\x0bO\r\xbc\x1b\xc30\xe8\xd3\xff\x11\xce\xbd\xa8Sl\x17\xc7\xe3\xf9\x906\xe3k\xe80\xf4\xd5\xb7\xc9\xa9X\x89\x9ff}\xcb{#_\x16\xf5\x00I!\x16_\xc3\x8co\x85\x8a\x95\xf9\xea\xab\xafx\xed\xb5\xd7R\xa6\x1e \xe9\x13\x80\xf8\xbc\xffk\xaf\xbd\xc6\xf4\xe9\xd3\xa9T\xb9*O\xbe\xfc\x16\xaa\xaa\x92\xf4C\x1f)@\xd74\xd23&lt;\xbc\xfe\xc2S\xacX\xba\x98\xda\xf5\x1a2\xe8\xb9W\t\xf8\x03\'\xa4\x87&amp;\xcb2\xc1@\x90\x1a\xb5j1\xe8\xf9\xd7\x90e\x99Q\xaf&lt;\xc7\xa2\xf9\x0b\xf0\xa6\xa5\xa1\xa7\xd0|\xe2\xf1`\x006\x9b\x8d\xa1\x0f\xdf\xcb\xee\x9d\xdbi{\xf6y\xdcy\xffc\xe4\xe7\xf9NH\xf2.\xcb2\x81@\x80\xda\xf5\xea\xf1\xe83\xaf"I\x12o\xbc\xf4\x14\xcb~\xfd\r\x8f\xd7\x8b\xae\x8b\xf8&amp;\xb2\x03\xe3\xfb\xc83\xaf I\x12\x8f&gt;\xfa\x18\x7f\xfe\xf9\'\x16\x8b%\xe9\xa7\x02\x92:\x01\x88\xaf\xfb\\\xb5j\x15\x8f&gt;\xfa\x18\x92$\xf1\xf0\xd0\xe1\xd4\xacS\x9bP (\x86\xf0\x12\x9c\xa6ix3\xd2\x987g\x0e\x1f\x8cz\x05\x8b\xd5\xca\x90\x17^\'+;\x87H8r\xc2\x86\xe0-\x16\x0b\x05y\x05\\z\xe5U\\wKo\xc2\xa1 O=t\'\xa1`\x00YQ\x10\xeb\x03\x8f\x8e\xaa\xaadd\xa51\xf1\x83w\x98\xf5\xcd\x97dfe\xf3\xc4\xb07\xd1c\xbb\x00\x9e(\x16\x8b\x85\xfc\xbcB\xae\xb8\xb6\x1bWv\xebA\xc0\xef\xe7\xa9\x87\xeeB-)\x1c\x16\xf1Md\x07\xc6\xf7\xaa\xeb{\xe0\xf7\x17\xd3\xbbwo4M+\xd9q2Y%m\x0b\x18\x0f\x9c\xae\xeb\xf4\xed\xdb\x17\xbf\xbf\x98+\xbb\xdd\xc2e]\xaf#?Ol\xed\x99\xe8\xe2K\xfe\x02\xc5~\x9ey\xf4&gt;\xa2\xd1(\xdd{\xddM\xc7N\x17RP\x06[\xb7\xca\x8aBQQ\x80\x01\x83\x9f\xa5n\x83\x93\xf8s\xf9R\xde~\xf5y\xd23&lt;)UU\\Zt\xdd\\\xf2\xb7q\xddz^yf\x10\x00\x03\x06?G\x83\x93\x1a\x9e\xb0\xd1\x9d\x03\xc9\xb2\x8c\xbf8\xc8CO&gt;O\x8d\xdauY\xf6\xeb/\xbc\xff\xe6+\xa4gxQU\x11\xdfD\x17\x8f\xef\x83O&lt;O\xcd\xdau\xf9\xf9\xe7\x9f\x191b\x04\x8a\xa2$\xf5\xfd\x9b\xb4\t@\xbc\xf7\xff\xd6[o\xf1\xe3\x8f?R\xadF-\xee\x7f\xfc9\x02~\xd1\xf3O\x06\x9a\xa6\x91\x96\xeef\xf4\xab/\xb0f\xe5r\xea\x9f\xd4\x94\xbb\x1e\x1aBQA\xd9\xac\xe8\x90$\t5\x1a%#3\</t>
        </is>
      </c>
    </row>
    <row r="230">
      <c r="A230" s="1" t="n">
        <v>228</v>
      </c>
      <c r="B230" t="inlineStr">
        <is>
          <t>size_grid</t>
        </is>
      </c>
      <c r="C230" t="inlineStr">
        <is>
          <t>What is the size of the missing part denoted with a question mark?</t>
        </is>
      </c>
      <c r="D230" t="inlineStr">
        <is>
          <t>['medium', 'large', 'small']</t>
        </is>
      </c>
      <c r="E230" t="inlineStr">
        <is>
          <t>medium</t>
        </is>
      </c>
      <c r="F230" t="inlineStr">
        <is>
          <t>There are circles arranged in a grid formation with varying sizes in the image. The sizes in the first row are ['?', 'small', 'medium'], the sizes in the second row are ['small', 'large', 'small'], and the sizes in the third row are ['medium', 'small', 'medium'].</t>
        </is>
      </c>
      <c r="G230" t="inlineStr">
        <is>
          <t>We observe that the circles at the corners are medium size, while the circles directly adjacent to the center are small size. Only the center circle is large size. Hence, the pattern is that the circles alternate in size depending on if they are at the corner or adjacent to the center.</t>
        </is>
      </c>
      <c r="H230" t="inlineStr">
        <is>
          <t>Based on the pattern that the circles alternate in size depending on if they are at the corner or adjacent to the center, the size of the missing part that is at the corner should be medium.</t>
        </is>
      </c>
      <c r="I230" t="inlineStr">
        <is>
          <t>b'\x89PNG\r\n\x1a\n\x00\x00\x00\rIHDR\x00\x00\x02\x00\x00\x00\x02\x00\x08\x02\x00\x00\x00{\x1aC\xad\x00\x00OMIDATx\x9c\xed\xddy|\x14E\xde?\xf0ou\xf7\xccdrO\x0e\x0eQn\x12\xae\x00\x89\x84C\x10A\x11\x8c\x82\xb8\x8a\xa0\x0b\x8a \xa0?\xbc\x82\xa2\x8b\xab\xae\xa2&gt;\xbb\n\xac\xb8\xae(&amp;\n*(\xac&lt;\xba\x08\xb2\x12\x08\xa0\x9cb$`\x02\x89\x84K\xae\x1c\x1c9\x98\x9c3]]\xbf?J\xe6\xc9\xe2E\xc2$\x93I\x7f\xde/_\xcf\xeb\xd9a\x92t&amp;\xdf\xaeOuUu5\x13B\x10\x00\x00\x98\x8f\xe2\xeb\x03\x00\x00\x00\xdf@\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4_\x1f\x80\xb9\x88Z.\xfa\'V\x8bO\x8e\r\xa0\xa1\xa1\xfe\x9b\x1a\xf6\xf3\xbf\x04x\x9d\x10\xc20\x0c"RU\xf5w\xdf\xcc9\x17B(\x8a\xa2(\xb8&gt;\x83\xe6\x00\xf5\xdfd!\x00\x1a\x96a\x18B\x08O\xdds\xceO\x9d:u\xf8\xf0\xe1c\xc7\x8e\x1d?~\x8c1&amp;\x04\x11\x89\xf0pG\\\\\\\xabV\xad\xda\xb7oo\xb7\xdbk\x7f\xad\xa2(\xe8\x13\x81\x9fB\xfd7q\x08\x80\x86b\x18\x86\xe7z\xb6\xa8\xa8h\xfb\xf6\xedk\xd7\xae\xcd\xc8\xf8\xf6\xd8\xb1\xe3\xe7\xcf\x9f\xff\xc5/\xb1\xd9\xacm\xda\xb4IHH\xb8\xe5\x96Q\x03\x06\x0c\xe8\xda\xb5\xab|\x9ds~)]\'\x80\xa6\x03\xf5\xef\x17\x10\x00\xde\'/xe\xc9fee-\\\xf8\xe6\x17_\xac\xcd\xcf\xcf\xbf\xe8m\xd1\xd1\x91$\x0cA\xc4\x98RV\xe6t\xb9\\\xb5\xff5((\xf0\xc6\x1bo\x9c1\xe3\xa1\xeb\xaf\xbf^UUy\x05\x8d\x8bbh\xfaP\xff~\x04\x01\xe0e\x86a\xc82\xdd\xb7o\xdf\x9f\xfe\xf4\xa7\xf4\xf4tOe\xb7k{E\xdf\xbe=\x12z\xc7\xf6\xed\xdd\xd5\xe1\x08\xed\xdc\xa9-\x19\x06\x11\x91\xaa\x15\xe6\x17\x15\x9c)\xce\xce9\x92\x95\x9d\x97\xb1{\x7f\xf6\xbe&lt;\xcf7\xec\xdd\xbb\xf7\xdf\xfe\xf6\xb7\xa4\xa4$BW\x08\x9a&lt;\xd4\xbf\x7fA\x00x\x93\xae\xeb\x9a\xa69\x9d\xceg\x9ey\xe6\xddwS\xab\xaa\xaa\x89(\xd0\x1ep\xe7\x1d#n\xbfm\xf8\xd0\xc1\t\xa1-\xa3\x88T"\x9d\x0c\x83j\\DrpS\x90E#M#R\x89\x04w:w\xed\xde\xbfj\xcd\xe6\x8f\x96\xaf\xcd/8#\xbfsRR\xd2\xeb\xaf\xbf\x1e\x13\x13#\x7f\x84\xef~E\x80_\x85\xfa\xf7;\x08\x00\xaf\x91\xa5\x99\x99\x999m\xda\xb4\xcc\xccL"\xb2\x07\xd8\xee\x1e\x9f4\xf3\x91{z^\xdd\x93HPe%w\xb9\x85 \xc6\x181RjMm\xc9uqB\x08\xc6HUU\n\xb2\x93b+:qbQ\xea\'\xef\xa4\xae,(&lt;KDQQQ\x0b\x17.\x1c7n\\\xed\xd1U\x80&amp;\x02\xf5\xef\x8f\x10\x00\xde!\xab\x7f\xf1\xe2\xc53g\xce\x94s\\7\r\xbff\xfe\xdcY=\xe2{\x90\xdb\xc5\xcb+\x89\xd1%\xaeg\x10D\xc20\x0c\xc3\xd0\x02\x02\xc8\x1ex\xfad\xc1\xcb\x7f]\xb4p\xd1\nC\x08"JNN^\xb0`\x01\xce\x81\xcbW\xbb\xf2\xf1I^&amp;\xd4\xbf\x9fB\x00x\x81\xac\xfe\xd4\xd4\xd4\xe9\xd3\xa7\x13\x91\xcdjy\xe5\xa5\xc7\x92\x1f\x9fL$\xb8\xb3\x82)\xac~\x93WB\x08\xce\xb9&lt;\r\xd2\xd6\xa4\xdf?\xfd/\xa7\n\xcf\x12\xd1\xb4i\xd3RRR8\xe7X!WW\x86ax\xda\x8e\xda\x7f\x149o\x89\xe5\xe7\xf5\x83\xfa\xf7_\x08\x80\xcbuQ\xf5G\x84\x87\xac\xfe\xec\xcdA\xc3\xae1\xcaJI\x08E\xbd\xdc\xd6D\x08\xc1\xb9\xa19\xc2\n\x8e\xe7\x8f\xb9\xed\xe1\x8c=9t\xe1\x1c\xd0u]UU\x9c\x03\x97\x82sN\xff}#RYY\x99\x0c\x03"\n\x0f\x0f\xf7\xbc^{\x11\x0b\xfc.\xd4\xbf_C\x00\\\x16\xb9,\xe1\x83\x0f&gt;\xb8\xef\xbe\xfb\x88\xa8{l\x87eK\xe7\xc5\'\xc6\xe9\xc5%\x9a\xc5\x9bSU\xba[\xd7B\x82KJ\xca\xa6L\xf9\xf3\xaa\xb5_\x13\xd1\x03\x0f&lt;\xb0h\xd1"\xcc\x89\xfd\xae\xda\r\xfa\xc9\x93\'\xd3\xd3\xd3\xb7m\xdbz\xf4\xe8\x8f\xb9\xb99\xba\xae3b\x82\xa8s\xe7Nm\xda\\9h\xd0\xa0\x91#Gv\xeb\xd6\x8d.lZ\x80\xab\x81\xdf\x86\xfa\xf7w\x08\x80\xfa\x93+\xde\xb2\xb3\xb3\x07\x0e\x1cPQQ\x19\xe9\x08\xdd\xbc~q\\\xdf^z\xf19\xcdb\xf1\xfa\x8f\xe3:W\x83\xec\xd5\xd5\xae!C\xef\xc9\xd8\x93KD\x8b\x17/\x9e&lt;y2\xd6\xc6\xfd\x06\xcf\x87\xb3q\xe3\xc6\x0f?\xfcp\xcd\x9a5%%%\xbf\xf1~\x9b\xcdv\xddu\xd7M\x980\xe1\xde{\xef%\xac;\xfcM\xa8\xfff\x00\x01PO\xb2_YYY9x\xf0\xa0\xac\xaclMS\xb7\xa6\xbd7\xe0\xfa\x81zq\xb1f\xb5P\xc3|\xa8\x06\xe7J\x80\xad\xa4\xac\xbc\xef\x80\xf1G\x8f\xe5\x07\x06\x06\xee\xd8\xb1\xa3W\xaf^\x9e\xc5\xd7P\x9bl\x1a\xf2\xf3\xf3\x9f{\xee\xb9%K\x96xJ\xbd]\xdb+\xbati\xd7\xb3k\x07GD8q\xeev\xeb\xdfe\xe5\x9d&lt;Y\xb8o\xff!\xba\xf0\x97\x1b&gt;|\xf8\xcb/\xbf\xdc\xbf\x7f\x7f\xcc7\xfe"\xd4\x7f\xf3\x80\x00\xa8\'\xd9\xb8&lt;\xfc\xf0\xc3\x0b\x17.$\xa2\x05\x7f{&lt;y\xf6\x0cw\xf1Y\x8bW\xaf|\x7f\xe1\xe7\xea\\\r\x0f\xdd\xf5\xd5\xae!#\xa7\xba\xdcz||\xfc7\xdf|\xa3i\x1a\x1a\xa9\x8b\xc8\xc1\x81\xb4\xb4\xb4\xfb\xef\x9fr\xeaT&gt;\x11\xd9\x03l\x7f\x1c\x7f\xf3\xddw\xdd\x9c\xd8;6\xb4u4\x91"\x17\x9e\x13\x11\t]w\x96g\xee;\xb8.m\xdb\xa2\x94\x95\x05\x85g\x88\xc8j\xb5\xbe\xfa\xea\xab\xc9\xc9\xc9\xc8\x80\x9fC\xfd7\x0f\x08\x80\xfa\x90=\x8e\x03\x07\x0e\xc4\xc5\xc5\xe9\xba~\xc3\xd0\xc4\r\x1b\xde\xd7\xcb\xcb\xb5F\xe9\x86\xe8n]\x8b\x88\x9e\xf3\xf4+/\xbc\x92JD\xef\xbf\xff\xfe\xa4I\x93p!\\\x9b\xfc4&lt;3\x93D4\xe5\xde\xdb\x1e\x7f\xec\x9e\x1e\t=\x89\x0c\xaa\xac2\\\xba!\x04\x91\x90\xf7")\x8c)\xaaB\x81vR\xadE\'N.J]\xf9\x8f7\x96\x96\x949\xe9\xc2|#2\xa06\xd4\x7f\xb3\x81\x00\xa8\x0f\xd9\x1c$%%\xa5\xa5\xa5\x05\x04X\xbf\xdf\xb1"&amp;.\xc6(\xaf\xbc\xfc5\x0f\x97B\x08a0f0\xa5\xd7\xd5\xb7\xe7\x1d:\xde\xb2e\xcb\xac\xac\xac\xc8\xc8H\xc2zv"\xfaY\xeb\x1f\xe9\x08{\xeb\x9f\xcf\x8e\x9b\xf0\x07rW\xf1\x8aJ"\xa6(\xbf\xd0\x94_X~.4\x9b\x95\x02\xc323vO\x9b\xfalf\xd6\x01\xaa\xb5\xee\x10M\x8c\x84\xfao60pVg\xb2\xfasss7n\xdcHD\xe3o\x1f\x11\x13\xdf\x93;+\x1a\xa7\xfa\x89\x881&amp;tn\t\x0e~z\xe6}\x86a\x14\x14\x14\xacZ\xb5\x8a1&amp;W:\x9a\x9cl\xa6\xd3\xd3\xd3=\xab\x12\xbf\\\xfd\xd6\xb8\t\xb7\xbb\x8b\xcf\x1a\x95U\xaa\xaa\xaa\xea//\x1egD\x8a\xa2h\x9a*t\xdd}\xae(\xa1o\x8f\xf4\r\x8b\x13\xe3\xbb\x11Qjj\xea\x9c9sTU\xd5u\xbd\xb1\x7f\x9f\xa6\x07\xf5\xdf\x9c\xe0\n\xa0\xced\x133}\xfa\xf4\xd4\xd4T\xbb=`\xcf\xf6\x8fbz\xc6\x88\xca\xaa\xc6\x9c\x86\x12D\x82\x91\xdb\xa0\x84\xfew\xe6\x1e\xf8\xb1G\x8f\xee{\xf6\xec\xc5\x9ah\xb9g\xe4\xe9\xd3\xa7\xe3\xe3\xfb\x14\x16\x16E8B\xd7\xad~;qp_\xf7\xb9b\x8b\xb5n\xebR\xb8\xae\xabA\x81%\xa5\xce\x117M\xfdnO.cl\xfd\xfa\xf5\xc3\x87\x0f\xc7u\x00\xea\xbf9\xc1\x15@\xdd\xc8\xa7[\x14\x15\x15}\xfe\xf9\xe7\x8c\xd1\xd81\xd7\xc7\xc6\xc7\x19\xe5\x95\x8d\xbc\x08\x81\x11\x19nn\x0b\r}\xe2\xe1\x89B\x88\x9c\x9c\xdc\xaf\xbf\xfe\x1a\x9d \xb9r\xff\xe9\xd9\xb3\x0b\x0b\x8b4MMy\xe3\x99\xc4\xc1\x03\xea\xd1\xfa\x13\x91\xaai\xbc\xa2\xca\x11\x15\xfe\xc9\xb2\xf9Q\x91\xe1D\xe2\xe1\x87\x1fv\xb9\\\x8c\x99\xba\xcf\x84\xfaof\x10\x00u#+l\xe7\xce\x9d\xa7O\x9f\x16\x82\xee\xbac\xa4\x10\x06\xf9\xa2\xdf\xa1\xaa\x8a\xa8\xae\xbc\xe5\xa6k\xc3\xc3B\x0c\xc3X\xb3f5\xfd\xf7\xfe6f#{\xa6[\xb6lY\xbal\x19\x11M\x18\x97t\xc7\xc4\xb1\xee\xe23\xf5h\xfd%US\xdd%\xce\x0e\xddc\xe7\xbf\xfc\x98\x10t\xe0\xc0\x81\xf9\xf3\xe7+\x8a"\xaf3\xcc\t\xf5\xdf\xcc \x00\xeaF^c~\xf1\xc5\x17\x8c\xb1+\xdb\xb4\x1c|m\x02\xab\xaaT\x14\x1f\x9c\x00\x8c1Q\xedj\xd9\xe1\xca!\x83\x12\x88h\xe3\xc6M.\x97\xcb\xe4\xa3\x13D\xb4h\xd1"\xce\xb9\xcdf}z\xd6d\xc3U\xa1^\xde\xc0\xb4f\xd5\xb8\xb3\xf4\xae?\x8e\xee\x1a\xd3\x9e1\xb6x\xf1\xe2\xaa\xaa*EQL\xdb\xd0\xa0\xfe\x9b\x19\x04@\xdd(\x8a\xe2r\xb9v\xec\xd8!\x84\x18\xd8/.\xb4e4w\xb9}5\xf2h\x08A\x8av\xe3\xb0~Dt\xe8\xd0\xc1\xa3G\x8f2\xc6\xcc\xd9?\x95C\x13\x05\x05\x05\xffY\xbb\x9616q|Rl|\xcf\xcb\x1f\x98fD\xa4s[h\xc8\x9f\x9f\x98LD\x87\x0f\x1f\xde\xb4i\x93i?dB\xfd7;\x08\x80:\x90\xeb\x1f\xf2\xf3\xf3O\x9e&lt;AD\t\xbd\xbb\x12\xa9&gt;\xec\x0b2\xc6H\xe8}z\xc5*\x8aR]]\x93\x95\x95Ef\xbd\n\x96C\x13\x1b6l(;\x7f^\x08q\xef\xdd\xb7\x08a\\x\xde\xc8eQTETU\x8e\x1954\xc2\x11F\x8c}\xf6\xd9\xa7\x97\xff=\xfd\x14\xea\xbf\xf9A\x00\xd4\x81\xac\xad\xe3\xc7\x8f;\x9d\xe5D\xd4\'.\x86\x88\xfbp\xe1\x81\xa20\xaaq\xc5tn\x17\x16\x1aBDyy\x07\xc8\xac\'\x80\xfc+l\xda\xb4\x91\x88\xda\xb7\xbb\xa2W\xef\xaeTU\xe5\x95\xa1\t\xc6\x98p\xb9\x83[D\r\x19\x14OB\xec\xdc\xb1\xb3\xba\xba\xda\x9c\x1b\x0f\xa0\xfe\x9b\x1f3\xd6\xf1e:z\xf4\x08\x11Y,\x96\xa8(\x07\x19\xdc\xb7\x0b\xcf\x047\x02C\x02\xc3\xc3\x83\x89\xe8\xe8\xd1\xa3d\xd6{a\xe4\xe2\x9c#G\x8e\x12Q\xa7\x8eW\x85\xb7\x8e\x12n\xdd[\x1f\x85a\x08E\xb3\xc5\xc7\xc5\x10QaQ\xa1\xd3\xe94\xf3Z \xd4\x7fs\x82\x00\xa8\x03y\xce\x1f:t\x88\x88\x1c\xe1\xa1]:\xb5\xa5\x1a\x97\x0f\x0b\x8e1&amp;t=8\xca\xd1\xa5S[":t\xe80\x99\xf2\x04\x90\xab?\xcb\xca\xca\x0e\x1d:HDq\xdd;\x91P\xbd\xd8@3\xc6\x88\xf4\x1e\xdd;\x13QY\xd9\xf9\xdc\xdc\\\xbap\xcf\x81\xa9\xa0\xfe\x9b\x1f\x04@\x9dY\xadV\xba\xb0\x1b\xa2\xaf\x8f\x85\x88\x88.\x1c\x89&lt;0\xd3\x12B\xb8\xddn"\x8a\x8a\x08#\xa6x\xbb\x83.\xa2"\xc3\x88\xc80\x0c\x93\xdf\x0f\x8c\xfaoN\x10\x00\xf5\xd7t\x06\x01\x9a\xce\x91\xf8\x96\x1c\x9a\xe7\xbcA\x1a&amp;\xcf\xb75\xe7\x04\xc0\xcf5\x9d\xaak:G\xe2wP\xcau&amp;;\x80\x8a\xc2,\x9aFM\xa1\xf2\x14\xc5\xa2it\xe1\xc0LK&gt;B\x96\x88\xdcn\xbd!\xfe.n\xf7O\x1f\xaf\xc9o7E\xfd7\'\x08\x80:\x8b\x8c\x8c"\xa2\xf2\xf2\xca\x13\xa7\x8a\xc8j\xf1a\xefC\x08\xc1T\xb5\xaa\xd4y2\xff4\x11\xc9\r\x11MHN\xc9\x86\x86\x86v\xec\xd8\x89\x88\xf6d\x1f \xc6\xbdxw\x92\x10\x82H\xdb\x9bu\x80\x88BCC\xbat\xe9B&amp;\x1ekF\xfd7\'\x08\x80:\x90\xe7|\xcf\x9e=\x89\xa8\xa2\xb2\xaa\xa0\xf0\x0ci\x9ao\xfb@LU\xaa\xcf\x97\xe7\x17\x9c%\xa2\x9e={\x90)\'\'\x89\xc80\x0cM\xd3\xda\xb6mKD\xc7\x8e\x17V\x97\x953\xefmN\xc9\x18\x91\xe0y\x87\x8f\x13Q\x84#"**\x8aL\x19\x00\xa8\xff\xe6\x07\x01P\x07\xf2\x04h\xd5\xaa\xa5\xdd\x1e@D\x07\x0e\x1e#\xf2\xe6j\x93\xba\x12B\x90\xcd\xf2\xe3\x89\x82\xf2\x8a\n"\xba\xf2\xca\xab|u$&gt;\'\xff\n\x83\x07\x0f&amp;\xa2\x9c\x1f\x8e\xe4f\xe7\x91\xdd\xce\xbd\xd1\x16\x08!\x14\x8bV]R\xba~\xd3.\xc6X|B|`` \xe7\xbe\\\xff\xee+\xa8\xff\xe6\x07\x01P\x07\xf2\x04\xe8\xd0\xa1c\xcb\x96-\x89h\xf7\xde\x1f\x88\x84\x0f\xdb\x01\xc3\x10\xa4X\xb3\xf7\x1dt\xb9\xdc\x9a\xa6%$$\x90Y\xa7(\xe5o}\xd3M7Y\xadV\xc30\xd6|\xb9\x85\xa9V2\xbc\xd06\x19\x86`\xf6\xc0ov\xee-(&lt;#\x84\x18=\xfaV2\xeb\xac#\xea\xbf\xf9\xc1\x87U\x07r\xbfY\xbb\xdd\x1e\x1f\x9f\xc0\x18\xdb\xf9m\xb6\xcb\xe9T4\x9f\xed?\xc5\x18\x11\x89\xcd\xdbv\x13\xd1\x15W\\a\xe6\xb1i\xb9Igll\xec\xe0\xc1\x83\x19co\xa6|r\xf6\xc4If\xf3\xca\x08\xb5 \xc3xi\xde{\xba\xce[DG\x8f\x1a5\x8a\x88\xcc\xb9\xe9\x18\xea\xbf\xf9A\x00\xd4\x8dlPF\x8f\x1e%\x84\xc8;tl\xcf\xb7\xd9d\xb77\xd0\xba\xc3\xdf=\x12\xc5j9_t:}\xf3\xb7D4l\xd8\xd0\xe0\xe0`s\x0eMHr\xa7\x9a\xa9S\xa7\n!\xce\x9c-Y\xf8\xf6r%0\\w_\xd6\xca\x10\xaes5&lt;l\xcb\x86\xed\x9b\xb7|GDcn\xbb-::\xda\xcc\x1f2\xea\xbf\x99A\x00\xd4\x8d\xbc\xc0\xbc\xf6\xda!AAA\x9c\xf3O\xd7lf\xaa\xcd\'\x03\x02\x06\x17,0p\xdb\xd6\xcc\x93\xa7\x8a\x88h\xc4\x88\x91d\xd6\xa1\tI\xd34\xc30\xee\xbc\xf3\xce!C\x860\xa2\xd7\xdf^\x9e\x9d\xf1\x9d\xc5\x11\xc6\xeb\xbb:\xd00\x0cf\xb3T\x96\x9c\x7fl\xf6|\xc6XD\x84c\xce\x9c9\xf2\xaec\xef\x1e\xb9\x1fA\xfd73\xe6-\xe5\xfaQ\x14\x85s\xde\xb9s\xe7a\xc3\x86\x11\xd1\xd2\x15k\xcf\x9d8\xa1\x06X\x1b\xbf\xf2\x98B\xa4\xf3\x05o}\xc4\x18k\xdd\xba\xf5\xad\xb7\xdeJf\x1d\x9a\xa8M\xd3\xb4\x05\x0b\x16\xa8\x9aZZ\xea\x9c8\xf9\xcf%gJ\xd4\xa0@\xae\xd7y\xe5\xbea\x18\x82)J`\xe0\x8c\x87\xe6\xec\xcd\xca3\x0c\xe3\xc5\x17_j\xdd\xba\xb5\xbc\xceh\x88#\xf7\x0b\xa8\xfff\x06\x01PO\xc9\xc9\xc9\nc\x85E\xe7\xde|{9\xb3\x077\xf2U0\xe7\x06\x0b\t\xfe*mk\xfa\xe6o\x85\x10\xd3\xa6M\xc7\xf5/]h\x9e\x12\x12\x12\xe6\xcd\x9bODY\xfb\x0f\x8dL\x9aZR\xe2T\xc3B\xdcn\xf7\xa57Q\\\xd7\x15\x8bE\r\t\x9a~\xdf\xec\x0f\x96\xaf%\xa2\xb1c\xc7&gt;\xf4\xd0C\xba\xae\xa3\x89\x91P\xff\xcd\x83y75\xbc\x1c\xf2\xa6\xd3\xde\xbd{\xe5\xe6\xfe\x10\x15\x19~\xe0\xfbUa\x8eP\xe6\xbd\xed\'\x7f\x17\xe7\\\r\x0b\xbd~\xe8=_m\xddm\xb5Zsrr:v\xech\x18\x86\x99G\'&lt;j?\xb5\x9c\x88\x12\x13\xba\x7f\xb4t^\x97\xee\xb1\xe4,\xe5:WT\xe5\xd7\xfeLB\x90apFL\t\x0fs\x96\x94%?\xfa\xf2\xe2e\xab\x89(111---,,\x8c1\x86&amp;\x86P\xff\xcd\x08&gt;\xaf\xfa\x90\xb7\x1d-X\xf0\xba\x9co|\xee\x857\x95F\xec\x04q\x9d\xab\xe1\x8e\x95\x1f\xae\xfaj\xebn!\xc4\xacY\xb3:v\xec\xc89G\xf5KrEPJJ\xca\xb4i\xd3\x88(#3g\xd0\x90\tKR&gt;v\x19\xa4:\x1cL\xd3\xe4\x86n\x9cs\xce\r\xf9\x9f\xfc_Lajx\xa8\x12\x12\xb8a\xdd\x96a\xd7O\xaa\xdd\xfa;\x1c\x0e\xc2\n\x93\x0bP\xff\xcd\x06\xae\x00\xeaIv7F\x8e\x18\xb1~\xc3\x06\xc6X\xda\xaa7o\xbc\xf5\x06\xbd\xb8T\xb3h\r\xfds\x99\xcdz\xba\xf0\\\xaf~w\x9e&gt;S\xdc\xa2Etn\xee\x0fh\x9e."\x84\x90\xb3\xb5/\xbc0g\xce\x9c\x17\xe4\x8bq=\xba\xcc|t\xe2\xad\xb7\x0c\x8dl\x1dE\x8a\x8dH\'\xf2\x14\xbfF\xc4+\x8bK\xb7\xef\xfa\xfe\xef\x0b&gt;H\xdb\xb0C\xbe:n\xdc\xb8E\x8b\x169\x1c\x0e\xf4./\x82\xfao\x1e\x10\x00\xf5$\'\x03\x8f\x1c9\xd2\xaf_bqqI\xab\x16\x91\xdfg\xacl\xd1:\x9a\x97W\xaa\r\xb62Z\x18\xc2P\x98\x1a\x1c4\xe2\x86I\x1b6\x7fKD+W\xae\x1c;v\xac\x1c\xf4h\xa0\x1f\xea\xa7&lt;\x19\x90\x96\x966k\xd6\xac}\xfb\xf6\xc9\xd7[DG\\3\xa0w\x9f&gt;\xdd\xe2b;8"\xc3\x88\x1bn\xb7\x9e\x91u\xe0\xc8\x91\x13\x9b\xb7|w\xf4\xe8I\xf9\xb6V\xadZ\xfe\xf9\xcf\xcf&lt;\xf2\xc8#t\xa1\xb1\xf3\xd9o\xd2$\xa1\xfe\x9b\x07\x04@\xfd\xc9\xb2\xfb\xf4\xd3O\xc7\x8e\x1dKD\xfd\x12\xba\xa7}\x99\x1a\x1e\x16\xc2\xab\xaa\x1a\xa2\x1c=\xd5?}\xf2\xd3\xa9\x1f\xac"\xa2\xe4\xe4\xe4\x05\x0b\x16\xa0\xfa\x7f\x83\xae\xeb\x9a\xa6\xb9\\\xae\xb9s\xe7._\xfeqNN\xee\xef~I\xeb\xd6\xadG\x8d\x1a\xf5\xfc\xf3\xcf\xb7i\xd3F6s\xe8Z\xfe"\xd4\x7f3\x80\x00\xb8,\xb2}\x999s\xe6\xeb\xaf\xbfND\xb7\xddr\xdd\x87\x1f\xfd=\xc4f\xe1U\xd5\xde\xed\x07\x19\xdc\x10\xaa\xa2\x06\x07\xfd\xcf_\xdex\xf6\xe5\xb7\x89h\xe0\xc0\x81[\xb7n%"E\xf9\xd5YM\xa0\x0b\xed\x14\x11\xd5\xd4\xd4\xac[\xb7n\xf5\xea\xd5\x19\x19\xdf\x16\x14\x14\x9c={\xce\xf3\x9e\xd0\xd0\xd0\xa8\xa8\xc8\xf8\xf8\x84Q\xa3F\xdd|\xf3\xcd-Z\xb4\xa8\xfd\x85\xf0kP\xff\xfe\x0e\x01pY\xe4r\x08M\xd3&lt;kN\xfa%t\xffrmJD\xcbH\xbd\xa4L\xd5T\xaf\x94\xa6\xae\xeb\x9a\xddN6\xab\xa7\xef\x93\x98\x98\xb8n\xdd:\x0c}^"\xf9\xf8*Ok\xce9/))\xc9\xc9\xc9\xe1\x9c3FBP\xe7\xce\x9d\xa3\xa2\xa2\xecv\xbb\xe7\rhV.\x05\xea\xdf\xdf!\x00.\x97g\xac\xd9s\x0e\xc4tj\xbb8\xf5\xa5A\xc3\x06\x91\xb3T\xd7\xb9\xaa\xaa\xf5.Q\xce\xe5\xaa\xc4\xf0\x82c\xc7\'\xdf\xffl\xda\xc6o\xa8\xd6\xba\x14\x8cM\xd7\x89\xe7)\x86\xbf\xd6\xaf\xe7\x9c\x0b!T\xd5;\xcd\x96I\xa0\xfe\xfd\x1a\x02\xc0\x0b&lt;\x1d\xcc\x07\x1f|\xf0\x9dw\xde!"\x9b\xd5\xfa\xf4\x93S\x9e\x9e=\xcd\x1a\x1cL\xe5N\xdd\xcd\xd5__~\xfek\xdf\x901\xa6\x84\x06\x93\xa0\x15\x1f\xad\x99\xf5\xa7\xf9\xa7\n\xce\x10\xd1\xa0A\x83\xd6\xacY\x83\xea\xbf\x1c\xb2\xe6ko\x1c\xcf.\xf0\xddA\xf91\xd4\xbf\xffB\x00x\x87\xe7\x1cx\xf7\xddw\x9f\x9c5\xab\xb4\xac\x8c\x88\xe2zt\x9e\xf9\xe8=\x13\xc6\xdfb\r\x0b\xa5\xeaJ\xa3\xdae\x08\xc1\x18\x93\x0f\xab\xaa}&gt;\xfc\xd4$\t!\x0c\xc1\x88T\xab\x85\x82\x02\x89\xf3\r\xeb\xb7\xcd\x7f\xed\xfd\xf5\xe9;\xe5\xdb\x92\x93\x93\xe7\xcd\x9b\'7\xbdA\xf5C\xd3\x81\xfa\xf7S\x08\x00o\x92\xd3\x86\x99\x99\x99\x0f=4\xe3\x9bov\xc9\x17{\xf5\x8cyd\xc6\xdd7\xdd8\xe8\xcaNW\x12\xd3H\xe8T\xe3"n\x18n\x9d\xe4) H\xd1TR\x15\xb2ZI\xd5\x88\xe8|\xd1\x99\xaf\xb6g\xbe\xb5h\x85gAz\x9b6m^{\xed\xb5q\xe3\xc6\x91|\x12\x1e\xfa\xaa\xd0\xf4\xa0\xfe\xfd\x0e\x02\xc0\xcb\xe49\xa0\xeb\xfa\x87\x1f~\xf8\xc2\xf3\xcf\x9f8\xf9\xd3\xbar\x87#\xec\xbak\xaf\x1e:\xa4o|\\L\xf7\x98\xf6AAv{\x94\x83\x84 A\xa4(\xbc\xccy\xbe\xbc\xf2\xd0\x8f\xa7\xf6\xe7\x1e\xde\xb6c\xcf\xc6\xcd\xdf\xfex\xec\x94\xfcB\xbb\xdd\xfe\xc4\x13O&lt;\xf2\xc8#-Z\xb4\xc0\xe4$4q\xa8\x7f\xff\x82\x00\xf0&gt;\xcf\xf5\xe9\xe9\xd3\xa7?\xff\xfc\xf3\xb7\xdezk\xef\xde\xbd\xb5\xdf\x10\x19\x11\x1e\x1a\x1a\xd4\xa9S[2\x0c\x12D\x9aZ\x98\x7f\xba\xe8L\xf1\x993%\xb5\xeeM\xa5v\xed\xdaN\x9e&lt;e\xfc\xf8\xf1]\xbbv%\xacJ\x04?\x81\xfa\xf7#\x08\x80\x06Q{\xdd!\xe7|\xe3\xc6\x8d\xeb\xd6}\x99\x9e\xbe1/\xef@M\x8d\xeb\xb7\xbf\xb6c\xc7\x0eC\x87\x0e\x1b:t\xe8\x981cBCC\t\xab\x12\xc1\xdf\xa0\xfe\xfd\x05\x02\xa0\x01\xfd|\xf9y^^^nn\xee\xbe}\xfb\x8e\x1f?v\xec\xd8qY\xd3B\x88\xf0\xf0\xf0\xb8\xb8\xb8\xb6m\xdb\xf6\xe8\xd1\xa3G\x8f\x1e\x81\x81\x81\x9e/a\x8ca\xbe\x0b\xfc\x11\xea\xbf\xe9C\x0048y\x1a\x08!4\xedR\xf7\xc9\xc2\x82th6P\xffM\x19\x02\xa0\xf1\x88Z.Zu._$"\xd9\xdfA\xddC\xf3\x83\xfao\x82\x10\x00\x00\x00&amp;\x85\xc15\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cd\xd7\x07\x00\xd0\xd8\x84\x10\xbf\xf8:c\xac\x91\x8f\x04\xc0\xb7\x10\x00\xd0\x9c\x89Z\x88HQ\x14\xcf\xff\xfd9\xc30&lt;\xff\x97\xd5\xd2\x88\xc7\x0b\xd0\xa8\xd8\xaf\xf5\x86\x00\xfc\x94l\xee\r\xc3`\x8c\xa9\xaa\xfa\xf37\x18\x86QVV\xc6\xd8O\xc5/\xff\x9f\x80\x80\x00\xbb\xdd\xfe\x8bo\x96\xdfJQ\x14\x84\x0143\x08\x00h&amp;d\xa3/\x84\xd0\xb4\xff\xbb\xae\xe5\x9c\xe7\xe7\xe7\x1f:t(;;\xeb\xec\xd9\xb3\x19\x19\xdf\xe9\xba^TXXXT\xc8\x88\t\x92\xc5\xcf\x88DpPp\xe7.\x9d\x85\xa0\xb8\xb8\xb8\xa8\xa8\xa8\xbe}\xfb^u\xd5U\xed\xda\xb5\x0b\x0c\x0c\xac\xfd\xdd\x88\x08I\x00\xcd\x06\x02\x00\xfc\x9e\x10\x82s\xeei\xf79\xe7yyyiii\xdb\xb6m\xcb\xcb\xcb;v\xec\xc7\xf3\xe7\x9d\xf5\xf8\xb66\x9b\xf5\x8a+\xae\x88\x8d\x8d\x1d0`\xe0\x88\x11#z\xf7\xee\xed\t\x03]\xd7\x15E\xf9\xb5\xa1$\x00\x7f\x81\x00\x00?&amp;\xbb\xe4r\x9c\x87s\xbek\xd7\xaeU\xabV}\xf9\xe5\x97\x07\x0f\xe6\xd5\xd4\xb8j\xbf3$$(((\xb0{L{ES\xc3B\x82z\xf5\x8a\x11\xdc\x90\xddx!\x04\xd3,\xc7~&lt;y\xfcd!S\xd5C\x87\x8e\x9f?_~\xae\xb8\xf4\xa2\x9f\xd5\xa1C\xfba\xc3\xae\x1f3f\xcc\xd0\xa1CCCC\xe9\xc25\x07.\x08\xc0\x7f!\x00\xc0/q\xce=-\xef\xc9\x93\'W\xacX\xf1\xd1G\x1f\xed\xdd\xbb\xf7\xff\xde\xc1X\xfbvm\xae\x8e\xef\x96\xd0;\xb6o\x9f\xae\xddb;\x86\x86\x05\x87E;HQIaD\x16\xa2\xda\x95\xcf\x88t281Vu\xb6\xa4\xa2\xa2j\x7f\xde\x8f{\xb2\xf2\xb2\xf7\x1d\xcc\xd8\xbd\xff\xe0\xa1c\xd5\xd55\x9e\xb7\xb6k\xd7n\xdc\xb8q\x13\'N\xec\xd5\xab\x97\xe7`~q\xb2\x01\xa0\x89C\x00\x80\x9f\x91\x03\xfd\xb2\xc1\xdd\xb1c\xc7{\xef\xbd\xf7\xef\x7f\x7fVRR*\xff\xd5\xe1\x08\xed\x9b\xd0c\xe4\r\x03\x86\\\xdb\xb7G\xd7\xf6\x81Q\x11D\x1a\x91N5.\xe2\x86\xe1v\x13\x91\x10$\x84AT\xbb\xdb.~Z\xf0#H\xb1h\xa4*d\xb3\x12\xd3\x88\x04?\xef\xcc;|bWF\xd6\x17i\xdbv\xef\xce\xf9\xf1\xd8)\xf9\x05V\xabu\xe8\xd0\xa13f\xccHJJ\xb2Z\xad\xf2j\x001\x00\xfe\x05\x01\x00~\xa3\xf6X\xff\xc6\x8d\x1b\xe7\xce\x9d\xbb~\xfdz\xcf\xbf\x0e\xbe&amp;~\xcc\xe8aw\x8d\x1dye\xc7+I\xb1\x90\xe1\xa6\xaa\x1a\xee\xd6\x85\x10\x9e\xf5\x9c\x972V#\xcf\x08\xc3\x10B\x08\xc6H\xd5T\xb2\xd9\xc8b%2\x9cE\xc5\xab\xd6n\xfel\xd5\xa6\r\x9bvVTT\xc9\xf7\xf7\x8a\x8bK\x9e9s\xf2\xe4\xc9\xf4\xdf\xd7%\x00M\x1f\x02\x00\xfc\x83\x1cm\'\xa2\xbc\xbc\xbcW_}\xf5\xfd%K\x0c!\x88\xc8n\x0f\xf8\xe3\xb8\xa4)\xf7\xfd\xe1\x9a\x81\xbd\xc9f\xa7\x9a*\xa3\xba\xc60\x04S\x98\xe2\x8dU\xfc\xf2r\xc1\x10\x82\x11\xa9V\x0b\x05\x06\x910~\xd8\x97\xf7\xaf\x95i)\xef\xae\xcc/8#\xdf6|\xf8\xf0\xd9\xb3g\xdfp\xc3\r\x84\x11!\xf0\x1f\x08\x00\xf0\x03\xba\xaek\x9a\xe6r\xb9\xe6\xce\x9d\xbb`\xc1k\xc5\xc5%D\x14\xe1\x08\x9b2\xf9\x0f\x93\xee\xbe\xa5g\xdf\xded\xb8Ey%\xe7\x86\xaa6`\x07\xfc\xa7\xdb\x0b\x88\x94 ;Y\xecE\xc7\x8e/]\xf1\xe5\xe2%\x9f\xe6\x1e8JD\x8c\xb1\xc9\x93\'\xbf\xf4\xd2KW\\q\x05.\x05\xc0/ \x00\xa0I\x93\xf7\xe5*\x8a\xb2}\xfb\xf6\x07\x1f|p\xdf\xbe}Dd\xb7\xd9\xee\xbe+\xe9\xa9\xc7\xa7\xc4\xf6\xeaA\xee\n^Q\xc5\x88)j\xe3-\xca4\x0c\xc30\x84\x16`%{h\xd9\xe9\xc2\xd7\xdf\\\xf6N\xea\xca\x82\xc2\xb3D\xd4\xaaU\xcb\x97^zy\xea\xd4\xa9\x84K\x01h\xf2\x10\x00\xd0ty\x1a\xd0\x17^x\xe1\x95W\xfe&amp;Wv\x0e\x1f\xd6\xff\xe5\x17\x1f\xe9?\xb8?\xb9\xaa\xf4\xf2JE\xf5\xd9z|!\x04\xd7\xb9f\xb3RPh\xfe\x91\xa3\xcf\xcdY\xf8\xfe\xd2\xcf\xe5\xc0\xd4]w\xdd\xf5\xe6\x9boFFF\xcak\x17\x9f\x1c\x1e\xc0\xefB\x00@\x13%[\xff\x82\x82\x82\xc9\x93\'\xa7\xa5\xa5\x11\x91#&lt;d\xce_\x1ez\xe4\xe1\x89\xa40~\xde\xc9\x9a\xc6\xadX?MM\xdb\x03( (mM\xfacO\xbcr\xe0\xe01"\x8a\x89\x89Y\xbcx\xf1\xa0A\x83p\x1d\x00M\x16\x02\x00\x9a"\xd9q\xde\xbe}\xfb\xb8q\xe3\xf2\xf3\xf3\x89h\xf0\xc0&gt;\xef\xa5\xbe\x14\xd3\xa3\xabQVJB4\xe6\x80\xcf\xa5\x10Bpnh\x8e\xb0\xb2s\xa5\xb3f\xbd\xfa\xee\xfb\xff&amp;"\x9b\xcd\xfa\x8f\x7f\xbc\xf1\xc0\x03\x0f`J\x00\x9a\xa6\xa6u\x16\x01\xd0\x85\xd6?55u\xd8\xb0a\xb2\xf5O~x\xc2\xe6\rKbb\xda\xeb%\xe7\x14\xa5Q\x87\xfb/\x11cL\xd3T^R\x16f\xb7\xa6.y%\xf5\xed\x17\xc2C\x83kj\\\x0f&gt;\xf8\xe0\x83\x0f&gt;\xa8\xaa\xaa\xbc}\xc1\xd7\x87\t\xf0_p\x05\x00M\x8b\xa7\xf5\x9f&gt;}:\x11\x85\x85\x04\xbd6\xff\xa9)\xd3\'\ng\x89\xe0F\x13l\xfa/"\x840\xb8\xa1:"\xbf\xdd\xb6\xeb\x9e\xfbf\xe7\x1d&gt;AD\xd3\xa6MKII\xc1u\x0045\x08\x00hB.j\xfd#\x1d\xa1_\xae~;qp\x7f\xbd\xf8\xac\xaa\xa9~\xd4t\xean]\x0b\x0f-&gt;]\x9ct\xcb\xf4o3s\x08\x19\x00MRS\xefO\x81y\\\xd4\xfa\xf7K\xe8\xbes\xfb\xf2\xc4k\xe2\xf5\xe2\xb3\x9aE\xf3\xafFS\xb3h\xbc\xcc\x19\xe1\x08IO\x7f\x7f\xca\xc4[\x89H\xfe^\x18\x0b\x82&amp;\x05W\x00\xd0$\xfc\xbc\xf5_\xf7\x9fTGt8/s\xaa~\xbb\x8c\xd2\xe0\x86b\xb5\x90=`\xfa\xe4\xa7S?XE\x17\xae\x03\xe4\x13f\xfc+\xd2\xa0YB\x00\x80\xef\xc9\x85\x92\x9e\xd6?1\xbe[\xda\x97\xef:\x1c!\xbc\xa2J\xd5\xfc{\x01\xa5a\x18BQ\xd4\xe0\xa0\x8b2\x00kC\xa1)@\x00\x80\x8f\xc9\xa6p\xe7\xce\x9d\x83\x07\x0f6\x0c#"&lt;\xf4\xbb\x1d\xcb;\xc4\xb6\xe7e\xe5\xfe\xde\xfaK\xc20\x84\xaa2\x8be\xd0\xb5\x7f\xdc\x99\xb1\x8f\x88\x16,X\x90\x9c\x9c\x8c{\xc4\xc0\xe7\x10\x00\xe0Kr0\xe4\xf4\xe9\xd3\xbd{\xf7**:\x1d\x14h\xdf\x9c\x96\x9axM\x02/s6\x8f\xd6_2\x0c\x83,\x96Rg\xe5\xb0\xeb\xef\xcd\xca9LD\xeb\xd7\xaf\xbf\xf1\xc6\x1bq\x1d\x00\xbe\x85I`\xf0%\xb9\xd5\xcf=\xf7\xdcSTt\x9a\x88\x16\xbe\xf6\xa7\xc4\xc1\x03\xf4\xd2\xf3\xcd\xa9\xf5\'"EQD\x8d+"\xda\xb1\xec\xfdW"\x1c\xa1Dt\xef\xbd\xf7\x14\x15\x15)\x8a"?\x01\x00\x9f@\x00\x80\xcf\xc81\x90\x17_|q\xc3\x86\rD\x94\xfc\xff\xee\x9a\xf4\xc0=\xee\xe2\xb3\x9a\xa5\x19\x0e\x8c\xa8\x9a\xaa\x97\x9e\x8fK\x8cOy\xe3Y"*,,\xba\xe7\x9e{\x18\xc3%8\xf8\x12\xea\x0f|C\xee\xef\xff\xcd7\xdf\x0c\x192\xc4\xedv\x0f\xe8\xdbs\xdb\x96e\xc2\xad\xab$\x9a\xf1\xf2\x18]\xd75G\xe4\xcc\x19\xcf\xbd\xfe\xf6\n\xba0\x19\x80\x81 \xf0\x15\x04\x00\xf8\x80\xdcX\x9fs\x1e\x17\x17\x97\x97\x97\x17\x12\x12\xb4w\xe7\x8a\x8e1\xed\x8d\x8a\xaa\xa6\x7f\xaf\xef\xe5\x10B\x18\x8c\x91\xa6\xf5\x1b8&gt;\xf3\xfb&lt;MS\xf6\xed\xdb\x1f\x13\x13#\x84h\n\x1b\xdb\x81\xd9\xa0\xe6\xc0\x07\xe4\xe3s\xe7\xcf\x9f\x9f\x97\x97GD\xaf&lt;\xffP\xc7\x1e]ugE\xf3n\xfd\x89\x881F\xdcP-\x96w\x17\xfe\xc5f\xb3pn&lt;\xfa\xe8\xa3\x18\x08\x02_i\xe6\xe7\x1b4Ar\xf0\xe7\xf0\xe1\xc3s\xe7\xce%\xa2!\x83\xe2g&lt;6\x89\x97\x954\xcb\xa1\xff\x9fSUEw:\xe3\x07\xf5\x9f\xf5\xf0\x04!\xc4\xfa\xf5\xebW\xae\\\xa9\xaa*\xe7\xdc\xd7\x87\x06\xa6\x83\xae\x07469\xe4=i\xd2\xa4\x0f?\xfc0 \xc0\xb6}\xc3{\t\x03\xfa\x18\xe5\x95\xcd\xbe\xfb\xef!\x840T\xb5\xa2\xb2\xba\xef\xc0\xbb\x0e\x1f=\xd1\xb9s\x97\xec\xeclM\xd3p{042\xb3\x9cr\xd0D\xc8\xd6\x7f\xcb\x96-\x1f}\xf4\x11\x11\x8d\xff\xc3\xf0\x84\xc1\x03\xb8\xb3\xdc&lt;\xad?\x111\xc6\x84\xcb\x1d\x1a\x1d\xfd\xec\x93S\x0cC\xe4\xe5\xe5\xcd\x9f?\x1fKB\xa1\xf1\xe1\n\x00\x1a\x95l\xe3\x86\x0f\x1f\xbey\xf3\xe6\xc8\x88\xb0o\xbe^\xda\xb1K{\xaa\xaeQ\x14s\xf5|\x05\x91 r\x13\x1b2\xec\xde\x8c\xcc\x9c\x88\x88\x88\x9c\x9c\x9c\xe8\xe8h\x92\xf3\x04\x00\x8d\xc2D\xdd.\xf09\xb9\x19rff\xe6W_}ED\x93\'\x8c\xee\xdc\xb3\xa7QQi\xb6\xd6\x9f\x88\x18\x91\xd0\xb9-$x\xce\xd3\xd3\x85\x10\xe7\xce\x9d[\xb6l\x19c\x0c3\x01\xd0\x98\x10\x00\xd0\xd8\xdez\xeb-!D@\x80u\xca\xbdc\x84\xab\\1\xeb\x12xES\x8dr\xe7\x90\x1b\x06v\x8dm\xcf\x18[\xbcxqUU\x95\xaa\xaa\xb8(\x87F\x83\x00\xf0\x19Q\x8b\xaf\x8f\xa51\x08!\xe4C\xde\xff\xf7\x7fW\x12\xd1\xddco\xea\xd6\xb7\xb7QYe\xc2\xee\xbf\xc4\x88\x84\x9b\x07\x86\x87?=\xf3&gt;!\xc4\xfe\xfd\xfb7n\xdc\xc8\x183\xc9L\x80\xd9\xea\xbfiB\x004*\xc30t]\xe7\x9c{v\x84\x97\x84\x10\x9cs]\xd7\x9b\xf1\xc9/\x077\x96/_\xeet\x96\xab\xaa:c\xeaXa\xb8\x89L\xda\xfaK\x8a\xaa\x88\xca\xf2;n\x1fqe\x9b\x96\x8c\xb1\xd4\xd4\x14j\xd6s\x00f\xae\xff\xa6\t\x01\xd0H8\xe7r\x04\\\xd34UU\x15E)+++)))-----e\x8c\xa9\xaa\xaai\x9a\xa2(\xf2d\xf0\xf5\xf1z\x9f\xaa\xaa.\x97\xeb\x83\xf7\xdfg\x8c\xf5\xbb\xbaG\xc2\x80\xde\xa2\xbcR5\xd3\xe2\x9f\x9fc\x8c\xf1\x1awPt\xd4\xddw\x8c\x10Bl\xdc\xb8\xf1\xe0\xc1\x83\xcdr9\x10\xea\xbfi2\xc5\xad7\xbe%\xb7=\x90\x9b\xbd\x9c&lt;y2==}\xdb\xb6\xadG\x8f\xfe\x98\x9b\x9b\xa3\xeb:#&amp;\x88:w\xee\xd4\xa6\xcd\x95\x83\x06\r\x1a9rd\xb7n\xdd\xe4@ps\xda\x1e@\xae\xfe\xdc\xb3\'3{\xdf&gt;!\xc4\x1d\xb7\x0eSl\x81ze\xb5\xd2\xbcv\xfd\xac\x07\xc6\x18\x19\xee;\xc6\xdc\xf0\xf77?\xaa\xa8\xa8\\\xb5j\xd5\x93O&gt;)\xef\x95\xf3\xf5\xa1y\x07\xea\xbf)\xc32\xd0\x86\xe5\xd9\xe7k\xe3\xc6\x8d\x1f~\xf8\xe1\x9a5kJJJ~\xe3\xfd6\x9b\xed\xba\xeb\xae\x9b0a\xc2\xbd\xf7\xde[\xfb\xcb\xfd\x9d\xdc\xf8\xf3O\x7fzj\xee\xdcy\x11\x8e\xb0}\xdf~\xd2\xfa\xaa\x96\xa2\xc6\xdd\x8c\x87;.\x9d!\x04\xd9l\xd7\r\xbbw\xfb7\xdf_3p\xe0\x96\xad[\x89\xa8y\xb4}\xa8\xff&amp;\x0e\x01\xd0\x80d\xf9\xe6\xe7\xe7?\xf7\xdcsK\x96,\xf1|\xd4\xed\xda^\xd1\xa5K\xbb\x9e];8"\xc2\x89s\xb7[\xff.+\xef\xe4\xc9\xc2}\xfb\x0f\x11\xfd\xf4\x9e\xe1\xc3\x87\xbf\xfc\xf2\xcb\xfd\xfb\xf7o\x1e\xcf\x8f\x15B\xe8\xba\xbbO\x9f\xf8\x9c\x9c\x9c\xeb\xafK\xdc\xb8\xe9\x03\xc3Y\xde&lt;\xda\xb8\xcb\xa7\xeb\\sD\xccyf\xde\x0b\x7fM\t\x08\x08\xf8\xfe\xfb\xefcbb\x9a\xc1E\x00\xea\xbf\xe9\xc3\x10PC\x91}\xde\xb4\xb4\xb4\xfb\xef\x9fr\xeaT&gt;\x11\xd9\x03l\x7f\x1c\x7f\xf3\xddw\xdd\x9c\xd8;6\xb4u4\x91B\xa4\xfeT\xf1B\xd7\x9d\xe5\x99\xfb\x0e\xaeK\xdb\xb6(eeA\xe1\x99\xf4\xf4\xf4-[\xb6\xbc\xfa\xea\xab\xc9\xc9\xc9rD\xd8\x7f\xcf\x81\x0b\x9b\xff\x1c9r\xe40\x11\xdd4\xfc\x1aR4\xc3\x10~\xde\xbey\rc\x8c\x0c\xd7\x88a\x03^~\xf5\xbd\xea\xea\xea\xed\xdb\xb77\x83\x00@\xfd\xfb\x05\\\x014\x88\x8b\x9erNDS\xee\xbd\xed\xf1\xc7\xee\xe9\x91\xd0\x93\xc8\xa0\xca*\xc3\xa5\x1bB\xde\r\xca\x88HaLQ\x15\n\xb4\x93j-:qrQ\xea\xca\x7f\xbc\xb1\xb4\xa4\xccI\x17\x9e!\xee\xd7\xfd \xd9\x16\xbc\xfe\xfa\x82\x993\x1f\xd7Tu\xd7\xe6\x0f\x12\x06\xc5\xf3\xf3\x15&amp;\x9f\x01\xf6\x10B0U\xa9\xacvuO\xb8\xfd\xd8\xf1\x82?\xfc\xe1\xb6\xcf&gt;\xfb\xb7_\x8f~\xa0\xfe\xfd\x05\xce@\xef\xbb\xa8\xfa#\x1da\xffZ6\xef\xbd\x0f\xe6\xf7\x88\x8b\xe1\xa5\xa5\xbc\xd4)t\xae\xa8\x8a\xa6\xa9\x9a\xa6i\x9a\xaai\xaa\xa2*\x82\xc8(\xaf\xd0K\x8a[F\x86?\xff\xe2\xac\xf4\r\x8b\x13z\xc5\x12\x91\xfc&gt;~\xbd2D\x9e\xb7\xdb\xb6o\'\xa26W\xb4\x88\xed\xda\x81\xaa\xaaM\xbb\xfc\xff\xe7\x18c\xdc\xcd\x03#\xc2\xaf\xee\xd3\x95\x88\xf6d\xee\xa9\xac\xac\xf4\xdf;\xc2P\xff~\x04\x01\xe0e\xb2\xfa\xd3\xd3\xd3e\xf5G\x84\x87|\xb9\xfa\xadq\x13nw\x17\x9f5*\xabTUUU\xe5\x17;2\x8cHQ\x14MS\x85\xae\xbb\xcf\x15%\xf4\xed\x91\xbeaqb|7"JMM\x9d3g\x8e\xaa\xaa\xba\xae7\xf6\xef\xe3\r\x8a\xa2\xb8\\\xae\x1frs\x89(\xf1\xea\x1eAQ\x11\xdc\xcd\xd1\x9b\xabM\x08AL\x1d:\xf8j"*:]t\xe2\xc4\x89\x9f^\xf47\xa8\x7f\xff\x82\x00\xf0&amp;y\xa1ZXXx\xcf=\x13\x89(\xc2\x11\xban\xcd\xa2\xc4\xc1}\xdd\xe7N[,\xda%\x0e\xe92\xc6,V\x0b/=\xef\x08\x0fI[\xf7n\xdf\xf8nD4g\xce\x9c\xf4\xf4tM\xd3\xfcn\x89\xb4\xfcL\n\n\n\x8e\x1f?NDW\xf7\xe9JL\xf3\xc7\xa6\xadA1\xc6H\xe8\xf1\xbd\xbb*\x8aRUU\x9d\x95\x95E~\x18\x00\xa8\x7f\xbf\x83\x00\xf0&amp;\xb9r\xf9\xe9\xd9\xb3\x0b\x0b\x8b4MMy\xe3\x99\xc4\xc1\x03\xdc\xe7\x8a-VK]\xbf\x95\xaai\xbc\xa2\xca\x11\x15\xfe\xc9\xb2\xf9Q\x91\xe1D\xe2\xe1\x87\x1fv\xb9\\~\xf7\xf4(y\xb4G\x8f\x1eu:\xcb\x89\xa8O\xafX"t\xff/\xa6(\x8cj\\\xb1\x9d\xdb\x85\x87\x85\x10\xd1\x0f?\xe4\x92\x1f\x06\x00\xea\xdf\xef \x00\xbc\xc6\xb3\xd3\xfd\xd2e\xcb\x88h\xc2\xb8\xa4;&amp;\x8eu\x17\x9f\xa9G\xf5K\xaa\xa6\xbaK\x9c\x1d\xba\xc7\xce\x7f\xf91!\xe8\xc0\x81\x03\xfe\xb8k\xbc&lt;]\xb3\xb3\xb3\x88(,4\xa4G\xb7\x8eTS\x83\x00\xb8\x88|B\x80\xe3\x8a\xe8.\x9d\xdb\x12Qv\xf6&gt;\xf2\xb7u/\xa8\x7f\x7f\x84\x00\xf0\xb2E\x8b\x16q\xcem6\xeb\xd3\xb3&amp;\x1b\xae\xcb]\xe8\xa2Y5\xee,\xbd\xeb\x8f\xa3\xbb\xc6\xfc\xdf\x86\x91\xf2vyo\x1dp\xe3(,,$\xa2\xc0\xc0\x80\xb0\xb0\x10\xe2\xdc\xafZ\xb6F"\x84\xd0l\xd6\xc8\x880"***\x12B\xf8W\x00H\xa8\x7f\xff\x82\x00\xf0\x0e\xcfV\x97\xffY\xbb\x9616q|Rl|OQYu\x99K\xb9\x19\x11\xe9\xdc\x16\x1a\xf2\xe7\'&amp;\x13\xd1\xe1\xc3\x877m\xda\xe4_\x1bF\xcaO 3s\x0f\x11u\x8dm\x1f\x1c\xed0\xdc\xba?6m\r\xcd0\x041\xed\xea\xde]\x89(/\xef@ii\xa9\x1f\xb5t\xa8\x7f?\x85\x00\xf0\x0e97\xb5a\xc3\x86\xb2\xf3\xe7\x85\x10\xf7\xde}\x8b\x10\x86W\xb6\xbaTTETU\x8e\x1954\xc2\x11F\x8c}\xf6\xd9\xa7\x97\xff=\x1b\x9fl\xc8Xs\xd9\xe1\xa0\xc10\xb9:\xd6\xb3y\x8e\xbf@\xfd\xfb)\x9c\x8d\xde!\xbb\xb4\x9b6m$\xa2\xf6\xed\xae\xe8\xd5\xbb+Uyg\xa7{9:\x1c\xdc"j\xc8\xa0x\x12b\xe7\x8e\x9d\xd5\xd5\xd5~\xd4\x8c2\xc6\xaa\xab\xab\xf3O\x9d""Gx(\x11\xf3\x8f&gt;\xado\x08Gx(\x11UTT\x9c:u\x8a\xfcg\x1e\x18\xf5\xef\xa7\xf09z\x87\\\x9cp\xe4\xc8Q"\xea\xd4\xf1\xaa\xf0\xd6Q\xc2{\x03\x1d\x86!\x14\xcd\x16\x1f\x17CD\x85E\x85N\xa7\xd3_\xd6B\xc8\x81\xec\xca\xca\xca\x93\xa7N\x12Q|\xaf\x18R,\xc2\xf0\x83#o|\x8c1"\x1e\xdf;\x96\x88***O\x9e&lt;I~\x15\x00\xa8\x7f\x7f\x84\x00\xf0\x02\xb9\xfa\xad\xac\xac\xec\xd0\xa1\x83D\x14\xd7\xbd\x13\to\xde\xc6\xc9\x18#\xd2{t\xefLDee\xe7sss\xe9\xc2\xd3\xd5\xfd\x02c\xccb\xb1\x10\x91\xae\xfb\xcd1\xfb\x8a\xe7#\x92\x9f\x98_@\xfd\xfb/\x04\x80\xd7\x08!\xdcn7\x11EE\x84\x11S\xbc\xddA\x11Q\x91at\xe1\x99J\xde\xfd\xd6\x8d\xe0\xa79\x00L\xfd\xfe\x1e\xcfG\xe4w=\\\xd4\xbf?B\x00x\x93\x1c\x9a\xe4\xbcA\xfa&amp;\x9eo\x8b\x01Ph\x9aP\xff~\x07\x1f\xa5\xd7x\x1ee\xe7v\xeb\xd4\x00\xdd7\xb7\xfb\xa7\x8e\x8f?\xde\r/\x87\x83\xfd\xaeW\xdb\xf8&lt;\x1f\x91\xdf\xad\x94E\xfd\xfb#\x04\x80\x17\xc8)\xa9\xd0\xd0\xd0\x8e\x1d;\x11\xd1\x9e\xec\x03\xc4\xb8\x17w\xbb\x14B\x10i{\xb3\x0e\x10QhhH\x97.]\xc8\xaf\x1a\x08!\x84\xceu"\xb2\xfa\xcf\xb8\xb6\xafx&gt;"?\x1a\xe8@\xfd\xfb/\x04\x80w\x18\x86\xa1iZ\xdb\xb6m\x89\xe8\xd8\xf1\xc2\xea\xb2r\xe6\xbd\xcd\xee\x19#\x12&lt;\xef\xf0q"\x8apDDEE\x91\xff\x9c\x00B\x08\x8b\xc5\x12\x16\x1aFD\x87\x8e\x9e \x81\x8d\x80~\x83r\xe8\xe8\t"\xb2X,aaa\xe4?\x7fe\xd4\xbf\x9fB\x00x\x87\xbcr\x1f&lt;x0\x11\xe5\xfcp$7;\x8f\xecv\xee\x8d\x85\nB\x08\xc5\xa2U\x97\x94\xae\xdf\xb4\x8b1\x16\x9f\x10\x1f\x18\x18\xc8\xb9\x7f4\xa3\xb2o\x18\x12\x12\x12\x13\x13KD\x87\x8f\x9e"\xa1\xfb\xc3\x81\xfb\x80\x10\x82H9|\xe4$\x119\x1c\xe1111\xe4?\xcd\x1c\xea\xdfO!\x00\xbcCNL\xddt\xd3MV\xab\xd50\x8c5_na\xaa\x95\xbc\xb1\xe0\xdd0\x04\xb3\x07~\xb3soA\xe1\x19!\xc4\xe8\xd1\xb7\x92\x1f\x0e\xa6\xbb\\."\n\x08\xb0\x12C\xc9\xfd\x16{\x80\x8d\x888\xe7\xfe5\xd2\x8d\xfa\xf7S8\x1b\xbdCnR\x18\x1b\x1b;x\xf0`\xc6\xd8\x9b)\x9f\x9c=q\x92\xd9,\xde\xa8TA\x86\xf1\xd2\xbc\xf7t\x9d\xb7\x88\x8e\x1e5j\x14\x11\xf9\xd1&gt;\x01r\xbdv\xef\xde\xbd\x89(\xef\xd0\x89\xf2\xb3%L\xc3\xf3\x00~\x81|$\xc0\x9e\xec&lt;"\xea\xdc\xb9Khh\xa8\x1f\xed\x07\x87\xfa\xf7S\x08\x00\xaf\x91O\xc3\x98:u\xaa\x10\xe2\xcc\xd9\x92\x85o/W\x02\xc3u\xf7eM\xe5q\x9d\xab\xe1a[6l\xdf\xbc\xe5;"\x1as\xdbm\xd1\xd1\xd1\xfex\xfd\xdb\xbau+"*-uV:+\xbd8:\xdc\x9c0\x85\x0c\xae\x17\x9d)&amp;\xa2\xe8\xe8h\xcd\xdfb\x12\xf5\xef\x8fp*z\x8d\xa6i\x86a\xdcy\xe7\x9dC\x86\x0caD\xaf\xbf\xbd&lt;;\xe3;\x8b#\x8c\xd7w9\x87a\x18\xccf\xa9,9\xff\xd8\xec\xf9\x8c\xb1\x88\x08\xc7\x9c9s\xe4]\x97\xde=\xf2\x06%\xcf\xd5\xb8\xb8^DTv\xde\x99w\xe8\x18\xd9\xac\x06v\x83\xf8oB\x08E\xd3\x9c\xa7\x8b\x0f\x1f&gt;ID={\xf6 \x7f\xbb\xd9\x15\xf5\xef\x8f\xf0Qz\x99\xa6i\x0b\x16,P5\xb5\xb4\xd49q\xf2\x9fK\xce\x94\xa8A\x81\\\xaf\xf3x\xaea\x18\x82)J`\xe0\x8c\x87\xe6\xec\xcd\xca3\x0c\xe3\xc5\x17_j\xdd\xba\xb5\xecg5\xc4\x917\x10y\xb4\xed\xdb\xb7\x0f\x08\x080\x0ccoV\x1e\x1e\t\xf9sB\x08\n\xb0\x1d9r\xe2\xcc\xd9b"\x92s\xe6\xfe\x08\xf5\xef_\x10\x00\xde\xa4(\n\xe7&lt;!!a\xde\xbc\xf9D\x94\xb5\xff\xd0\xc8\xa4\xa9%%N5,\xc4\xedv_z\x9b\xc7u]\xb1X\xd4\x90\xa0\xe9\xf7\xcd\xfe`\xf9Z"\x1a;v\xecC\x0f=\xa4\xeb\xba\xdf\x8d~z\x02\xe0\x8a\xd6\xad\x89hO\xd6\x01"\x81S\xf8"\x86!H\xd1\xb2\xf7\x1fr\xeb\xba\xc5b\xe9\xd3\xa7\x0f\xf9\xe1-\xaf\xa8\x7f\xbf\xe3g\x15\xd6\xf4\xa9\xaa\xca9ONN\x9e6m\x1a\x11e\xec\xc9\x1dy\xf3\xb4\x83?\x1c\xb5DD3"\xae\xf3\xdf\xe8\xfc\nA\x9cs\x83\x1b\xaa\xc3\xe1\xacq\xdf\x7f\xef\x9fR?XED\x89\x89\x89)))~\xb7G\xbc$\x1f\xdfa\xb7\xdbcbc\x89\xe8\x9b\x8cl\x97\xd3\xa9\xf8\xe1/\xd2\xa0d"~\xb5m7\x11EFFt\xec\xd8\x91\xfcg\rhm\xa8\x7f\xff\x82\x00\xf0&gt;\xb9""%%\xe5\xa7s 3g\xd0\x90\tKR&gt;v\x19\xa4:\x1cL\xd3\xe4\x86V\x9cs\xce\r\xf9\x9f\xfc_Lajx\xa8\x12\x12\xb8a\xdd\x96a\xd7OZ\xbcl5\x11%&amp;&amp;\xa6\xa5\xa59\x1c\x0e\xf2\xcf\x16\x81.\x8ce\'&amp;&amp;\x12\xd1\x91\xa3\xa7~&lt;x\x8c\xd9m\x98\x06\xa8MQU\xb7\xd3\xb9\xeb\xbb\xfdD\xd4\xad[\xf7\x90\x90\x10\xff\x1d\xeb@\xfd\xfb\x11\x04\x80\xf71\xc6d\xb77%%\xe5\xf9\xe7_ \xa23\xe7J\xa7&lt;\xf0\x97\xbe\x83\xee^\x92\xb2\xfc\\\xc9y%$HsD\xa9\xe1ajx\x88\xfcOsD\xa8\xe1a\x95.\xf7\x86/\xb7\xdc\x944}D\xd2\xb4\xdd{s\x89h\xdc\xb8q\xb2\xfa\r\xc3\xf0\xbb\x01\x01\x0fy\xde&amp;%%i\x9aV]S\xb3}\xd7\xf7\xa4Y\xfdk\x86\xb3A\x19\x86`v\xdb\xe1\x03?\x1e\xf9\xf1\x14\x11\xdd|s\x92_?\xfa\x1c\xf5\xefG\xf0\\\x85\x86"\x84\x90+\x16\xd2\xd2\xd2f\xcd\x9a\xb5o\xdf&gt;\xf9z\x8b\xe8\x88k\x06\xf4\xee\xd3\xa7[\\l\x07Gd\x18q\xc3\xed\xd63\xb2\x0e\x1c9rb\xf3\x96\xef\x8e\x1e=)\xdf\xd6\xaaU\xcb?\xff\xf9\x99G\x1ey\x84\x88\xfc\xbd\xfa=\x8f\x85\xe9\xd6\xb5\xeb\xf1\x13\'\xfe0z\xd8g\x9f\xbf\xc5\xcb\xce\xe3\x8a^\xd2u\xae:\x1co\xbc\xfaN\xf2\xec\xbf\xab\xaa\xf2\xed\xb7\x19\t</t>
        </is>
      </c>
    </row>
    <row r="231">
      <c r="A231" s="1" t="n">
        <v>229</v>
      </c>
      <c r="B231" t="inlineStr">
        <is>
          <t>rectangle_height_color</t>
        </is>
      </c>
      <c r="C231" t="inlineStr">
        <is>
          <t>What is the missing color of the part denoted with a question mark?</t>
        </is>
      </c>
      <c r="D231" t="inlineStr">
        <is>
          <t>['blue', 'purple', 'yellow', 'orange']</t>
        </is>
      </c>
      <c r="E231" t="inlineStr">
        <is>
          <t>yellow</t>
        </is>
      </c>
      <c r="F231" t="inlineStr">
        <is>
          <t>There are 7 rectangles in the image with varying colors and lengths. The lengths from left to right are ['short', 'medium', 'medium', 'short', 'long', 'long', 'medium']. The colors from left to right are ['green', 'yellow', 'yellow', 'green', 'orange', 'orange', '?'].</t>
        </is>
      </c>
      <c r="G231" t="inlineStr">
        <is>
          <t>We observe that the orange rectangles are of long length and the green rectangles are of short length. Hence, the pattern is that the color of each rectangle corresponds to its length.</t>
        </is>
      </c>
      <c r="H231" t="inlineStr">
        <is>
          <t>Based on the pattern that the color of each rectangle corresponds to its length, the missing color of the part denoted with a question mark should be yellow.</t>
        </is>
      </c>
      <c r="I231" t="inlineStr">
        <is>
          <t>b'\x89PNG\r\n\x1a\n\x00\x00\x00\rIHDR\x00\x00\x02\x00\x00\x00\x02\x00\x08\x02\x00\x00\x00{\x1aC\xad\x00\x00?lIDATx\x9c\xed\xddy|T\xd5\xfd?\xfe\xf79\xf7\xce$\x93u&amp;!\t\xab\x0b\x10\xb6\xa2\xc4\xb0\tA\xc0\x85\xc5Z\x15\x95\xb2(\xd8\x16\x05\xac[\xc3\xaf\x1f\xdb\xda\x0f\x9f\x02\xfa\xe9\xc7\x0f\x82m\xb5\xf6\xab\x05!\x82\x8aT\xb1.\xb4\x85\x10T\x84*!\x04eM\xc2"\xc8\x16\x12\xb2N\xb6\xc9\xcc\xdc{\xce\xef\x8f[\xf2A*\x90m2\xf7r_\xcfG\xff\xa0\x13\x98\xbcM\xde\xf7\xbc\xce=\xf7\xdc;LJI\x00\x00`?&lt;\xdc\x05\x00\x00@x \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R\xc3]\x00\x00\\\x86\x94\xb2\x15\xff\x8a1\xd6\xee\x95\xb4\x8e\xd5\xeb\xbf\x82!\x00\x00LGJ)\x84\x90R2\xc6\x18c\x9c\xb7\xe6L\xbd]\xde\xa4u\xac^\xbf}\xb0\xd6\x853\x00\xb4;c\xc8#"EQ\xce\x7f\xdd\xeb\xf5\n!\x18k\xee\xd1j\xcc\x9d\xddn\xf7\xf9/\x1a\x83)\xe7&lt;t3k\xab\xd7oC\x08\x00\x80\xf0\x93R\xea\xba\xae\xaa\xff:#\xaf\xad\xad\xcd\xcb\xcb\xdb\x91\x9b\xfb\xe5W_VVV\x16\x16\x14\xe8\xbaF\xc4\x88\x9ay\xb42"\xea\xd5\xab\x97\xdb\xe3\x192dhzz\xfa\xb0a\xc3\xbau\xebf|M\xd34\xcey\xfbN\xa8\xad^\xbfm!\x00\x00\xc2L\xd7uc\xca\x1c\x08\x046n\xdc\xb8z\xf5\xaa\xfc\x9d;\x8f\x9f8\xd9\x8e\xdf\xc2\xe3\x8e\x1f2d\xe8\x94)S\xee\xba\xfb\xee\xe4\xe4d"\xd24MQ\x94v\x99M[\xbd~;C\x00\x00\x84\x8dq\xf41\xc6\xbc^\xef\xf2\xe5\xcb\xdfxc\xf5\xde\xbd\xfb\x9a\xbe\x1a\x1b\x1dyur\\JBT\xffn\xee\x84\xf8H]\x17\x8c\x9a5\xde1FAM|u\xb4\xbc\xba\xd6\x7f\xe4Lu\x85\xb7\xa1\xe9K]\xbbt\xbe\xff\x81\x19\x0f?\xfcp\xdf\xbe}\x89H\x08\xd1\x96\xa9\xb4\xd5\xeb\x07\x04\x00@x4M\x9c\xb3\xb2\xb2\x9e\x7f~qQ\xd1A\xe3\xf5\xabR\xe2oM\xeb~\xfb\xd0kn\xe8\x95\xd451:\xca\xe5$\x85\x11g\xcd]&gt;i\xa2\t-\xa0\x95T5\x1c8Q\xb1\xe9\xcb\x93\x9bv\x9d\xd8\x7f\xac\xdcX\x84I\xf0x\x9ex\xf2\xc9y\xf3\xe6\xc5\xc7\xc7k\x9a\xd6\xb4tc\xab\xfa\x81\x10\x00\x00aa\x8c\x9e\xc5\xc5\xc5\xb3f\xcd\xca\xce\xce6^\x1cxm\xd2\x93\x93\x06\xdd\x9b\xd1;\xd1\x13ER\xea\x01=\xa8\xe9\xba\x90\xa2\xb5\xdb(9cN\x95\xabN\x95\x14\xee\xab\xf7\x7f\xb6\xef\xd4\xef\xde\xfb*g\xd7\tc\x18\xed\xdb\xb7\xef\x8a\x15+222\x8c+\xb4-ZN\xb1z\xfd`@\x00\x00t4c\xd2\x9a\x9d\x9d\xfd\xd0\xacY\xa7\x8b\x8b\x89\xa8o\x8f\x84\xff\xf8a\xfa\xb41}cb#\xfc\r\x81@Pg\x8cq\xd6\x0e\x9b\xe1\xa5\x94B\x92\x94RU\xb8\xcb\xe5$!\xb3w\x1d\x7f\xfe\x9d\xfcOv\x9f$\xa2\x08\xa7\xf3\x7f\x17/\xce\xcc\xccl\xd1\x18j\xf5\xfa\xa1\t\x02\x00\xa0C\x19\xa3\xe7\xf2\xe5\xcb\xe7\xcc\x99CDD\xec\xb1;\xaf\x7f\xe6\xc7#\x12\x12\xa2}\xb5\x8d\x9a.\x14\xceC4\x8e\xe9B2\xa2\xe8\x98\x08]\x17/\x7f\xb0\xfb7\xabsk\xea\xfdD4{\xf6\xece\xcb\x96\xe9\xba\xde\x9cM\x96V\xaf\x1f\xce\x87\x00\x00\xe88\xc6\xcaI\xd3\xe8\x99\x10\xebz\xf9\xf1\xb1\xd3\xc7\x0f\xf0\xd7\xf9\x03\x9a\xae*\x1dq=\xf3_\xc3\xa8;*\xff@\xf1\xc3/\xe4\xec9ZN$\x8d1\xf4\xb2\xf3h\xab\xd7\x0f\x17@\x00\x00t\x90o\x8f\x9e\xacKB\xd4{\xffu\xc7\x88\xf4\xabj*\xeaU%T\xb3\xe6\x8b\tj".6\xb2\xac\xba\xe1\xae\xff\xfa0\xb7\xe8,\x91h\x9aG_p\x1b\xd7\x15S?\xfc;\x04\x00@G0\x06\xa6\xcd\x9b7\x8f\x1b7\x8e\x88:\xc5\xbbv\xbc4\xadgWwMm\xa3C\r\xcfFFM\x17\x11N\x95q6\xe1W\x7f\xfdt\xcf)"Z\xb8p\xe1\x82\x05\x0b\xbes_\x8d\xd5\xeb\x87\xef\x84\x00\x00\x089c\xbbziii\xda\xa0A\xa5g\xcf\xbac"\xfe\xf6\xec\xdd#\xbf\xd7\xb5\xb6\xae\xb1c\x96M.F\x17\xd2\xe9T\xaa\xeb\x02\xb7\xff\xfa\xfd/\x8f\x941F\xd9\xd9\xd9\xe3\xc6\x8d\xbb`\x1em\xf5\xfa\xe1bp\x0f\x05@\xc8\x19OJ\x989sfIi)\x11\xfd\xe9\xb1\x9bG\xde\xd0\xa3\xa66\xcc\xa3\'\x11)\x9c\x05\xfcz\xb2\xc7\xb5\xe6\xe9\xdb=\xb1\x11$\xe5\x833g\x96\x94\x940\xc6\x8c\xa7\xfa\x18\xac^?\\\x0c\x02\x00 \xb4\x8c\xd9\xe8\x9a5krrr\x88h\xf6\xed\x03\xa7O\xfc^ME}\xb8VN.\xa0(\xac\xa6\xd6\xdf\xb7g\xa7\x97~:F\x12\x95\x94\x96&gt;\xfd\xf4\xd3\x9c\xf3\xa6\xb5\x01\xab\xd7\x0f\x97\x80% \x80\x10\x92RJ)\xab\xab\xab\x87\x0f\x1f~\xf4\xe8\xd7\xd7v\x8e\xdf\xf9\xc7\xe9.\xa7"\x844\xd5^\x15]\x171q\xae\xfb\x16\xac\xff\xeb?\x8fDD8\xb7m\xdb6d\xc8\x10\xe3Q\xcc\x96\xae\x1f\x0f\x8a\xb84\xfct\x00B\xc8\xd8\x9c\x9e\x95\x95u\xe4\xc8\x11!\xe4\xaf~8\xc4\x93\x10\x15\xd4tS\x8d\x9eD\xc4\x18\xd35}\xd1\x8c\xe1\x91N\xc5\xef\xf7/X\xb0\xc0\x18\xfa\xad^\x7f\xb8\xeb2;\x04\x00@\xa8H)\x15E\xf1\xf9|YY+\x19c}{$L\xbf\xb5\xaf\xcf\x04K\xe7\xff\x8es\xe6k\x08\x0c\xec\x93&lt;\xf9\xa6T"\xda\xba\xf5\xb3\xc2\xc2BEQ8\xe7\x96\xae\x1fW\x02.\xcdt\xbfH\x80+\x86q_\xd2\xe6\xcd\x9b\x0f\x1c(\x90R\xfe\xc7}\xe9\xd11\x11\x9an\xd2!\x891\xa6\x07\xf4\xa7&amp;\xa7GG:\xeb\xeb\x1b^{\xed5"\xe2\x9c[\xba~\x04\xc0\xa5!\x00\x00B\xeb\xf5\xd7\xb3\x18c];\xc5\xde7\xaa\xb7\xbf!\xa0\x98uU\x9as\xe6\xf3\x05\xae\xef\x932fPw\xc6\xd8\xbaw\xdf\xa9\xab\xab#\xa2\xac,k\xd6\xbf\xee\x9d\x86\x86\x06UU\xb1\x10t\t&amp;\xfd]\x02X\x9d\xb1\xfe\xe3\xf5zw\xe6\xe5I)\xc7\xdd\xd0\xc3\xe3\x89\n\x06M\xb7z~&gt;ID\x8c&amp;\x8d\xe8)\xa5,.&gt;SPP\xa0i\xda\x8e\xdc\\K\xd6\x7f\xfa\xcc\x9e={\x08\'\x01\x97\x84\x00\x00\x08\tc\xdc\xc9\xcf\xcf?y\xea4\x11\xdd1\xec\x1a""3\x0f\x9fD\n\xe7\x9a_\xbbuP\xf7\xb8\xe8HM\xd7\xb7n\xdd\xbao\xdf\xbe\xe23g\xc8\x9a\xf5o\xdc\xb0\x81\xce}j\r|\'\x04\x00@H\x18\xe3\xce\xce\xbc&lt;"\x8avE\xa4\xf5L\xd2\x03ZG?1\xa7\x85\x18\xa3@@\xef\x91\x12\x9b\xda\xcdMD{\xf6\xec\xfe\xfc\xf3\xcf\xc9\xb2\xf5\xef\xcc\xdfID\xd8\tz\t\xf8\xd1\x00\x84\x84\xf1L\xca\xfc]\xf9Dtm\x97\xb8\xae\x9dbL\xbe~b\x10B8"\x1c\xd7_\x9bHD{\xf7\xec\xd9\xf0\x8f\xbf\x13\xd1\xb5\x9dc\xadX\x7faaA]]\x1dn\n\xbb\x04\x04\x00@H\x18\xfb\xd0\xcb\xca\xca\x88(9\xde\x15\x1d\xe5\xd4\x85\x05\x86!ID\x9cu\xef\x14MD\x95\x15\x15\'N\x9c \xa2$\xeb\xd5\x1fCD\xde\xeaj\x9f\xcf\x17\xee\x8aL\r\x01\x00\xd0\xfe\x8c{P\xbd^\xef\xa1C\x07\x89h\xc0U\t\xc4\xadq_\x12c\x8c\x84\x18\xd0#\x91\x88J\xcb\xca\x8e\x1c9B\x96\xac?\x81\x88\xbc5u\x85\x85\x85\x84\xeb\xc0\x17\x87\x87\xa6\x02\x84\x8a\x94R\x0b\x06\x89(16\x928\xb3\xc0\xf0i\x90\x94\x18\x17ID\x9a\xa6\t\xc6\xc8\xb2\xf5\x0b!4M\x0bw5\xa6\x863\x00\x80\x102\xae\x04h\xbae\x06O\x83Qp\xd3\xa7kY\xb4~j\x87\xcf$\xbe\xc2!\x00\x00B\xcer\xa3\xd0\x05\x05[\xbd~\xb8\x18\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J\rw\x01\xb6 \xa5l\xc5\xbfb\x8c\xb5{%\xadc\xf5\xfa\x01\xda\xe2\n\xee\x7f\x04@HH)\x85\x10RJ\xc6\x18c\x8c\xf3\xd6\x9ci\xb5\xcb\x9b\xb4\x8e\xd5\xeb\x07h\x0b\xfb\xf4?\x02\xa0=\x19\xbfr"R\x14EQ\x94\xa6\xd7\xbd^\xaf\x10\x821\xd6\xcc\xa9\x841wp\xbb\xdd\xe7\xbf\x89\xd1L\x9c\xf3\xd0\xcd,\xac^?@[\xd8\xb0\xff\x11\x00\xedCJ\xa9\xeb\xba\xaa\xaa\xc6\xaf\xbc\xb6\xb66//o\xc7\x8e\xdc/\xbf\xfc\xb2\xb2\xb2\xb2\xb0\xb0@\xd7\xb4\x16\xbc\x1dc$e\xaf\xde\xbd=n\xcf\xe0!C\xd3\xd3\xd3\x87\r\x1b\xd6\xad[7\xe3\x8b\x9a\xa6q\xce\xdbwBa\xf5\xfa\x01\xda\xe2"\xfd\xbf\xe3\\\xff\x17\xea\xba\xde\xd2\xf7\xec\xd5\xab\x97\xdb\xed\x1e2d\x88\x99\xfb\x1f\x01\xd0\x0et]W\x14EU\xd5@ \xb0q\xe3\xc6\xd5\xabW\xe5\xe7\xef&lt;~\xfcd\x1b\xdf\xb6\xac&lt;\x8f\x886l\xcc&amp;\xa2\x04O\xfc\xe0!C\xa7L\x99r\xd7]w\'\'\'\x13\x91\xa6i\x8a\xa2\xb4\xcbl\xc2\xea\xf5\x03\xb4\xc5\xbf\xf5\xff\xea\xfc\xfc\xfc\xe3\xc7\x8f\xb7\xf1m\xcb\xca\xca\x88h\xe3\xc6\x8dD\xe4\xf1x\x86\x0c\x192e\xca\x94\xbb\xee\xba\xcbT\xfd\x8f\x00h\x13\xe3\x94PQ\x14\xaf\xd7\xbb|\xf9\xf27\xdeX\xbdw\xef\xbe\xa6\xaf\xc6\xc5D^\xdd=6%\xc95\xb0\xa7\xdb\x93\x10)5\xd1\x9c_\xb7\x94\xc48\x0b\x06\xf5\xfc\x82\xca\xeaj\xff\xe1\xe3\xde\x8a\xaa\x86\xca*oN\xce\xe6\x9c\x9c\xcd\x0b~\xf3\x9b\xfb\x1f\x98\xf1\xf0\xc3\x0f\xf7\xed\xdb\x97\x88\x84\x10m\x99JX\xbd~\x80\xb6\xf8\xb7\xfe\x7fc\xef\xde\xbdM_\x8d\x8d\x8d\xbd\xea\xaa\xab:w\xee\xdc\xa7O\x9f\x84\x84\x04M\xd3\x9a9^3\xc6\x82\xc1\xe0\xde\xbd{\xab\xaa\xaa\xbe\xfe\xfa\xeb\xca\xca\xca\xaa\xaa\xaa\x9c\x9c\x9c\x9c\x9c\x9c\x05\x0b\x16\xdc\x7f\xff\xfd\xe6\xe9\x7f\x04@\xeb\x19\x13\x07"\xca\xca\xcaz\xfe\xf9\xc5EE\x07\x8d\xd7\xaf\xee\x1e\x7f\xeb\xc8\xae?\xb8\xe5\xea\xc1\x03\x12\xbb\xa5D+\xd1\x0eR8)\x8cZ\xb6\x95@RP\x90_//o\xd8s\xa8j\xe3\xb6S\x1b\xb7\x9e\xdc_TQ|\xa6d\xe9\xd2\xa5+W\xaex\xe2\x89\'\xe7\xcd\x9b\x17\x1f\x1f\xafi\x9a\xaa\xb6\xe6\xf7h\xf5\xfa\x01\xda\xe2\xdb\xfd\xff|QQ\x91\xf1\xfaUW]5v\xec\xd8\x89\x13\'\x0e\x1a4\xa8s\xe7\xce\xb1\xb1\xb1\xaa\xaa\xb6b\xaa\x1e\x0c\x06\xfd~\x7fiiiaa\xe1\xc7\x1f\x7f\x9c\x93\x93s\xe0\xc0\x81\xe2\xe2\xe2\xa5K\x97\xae\\\xb9\xf2\x89\'\x9e0C\xff7\xf7\xb2\x06\\\xc0\xe8\x9e\xe2\xe2\xe2Y\xb3fegg\x1b/^\xdf\xafS\xe6\xac\xeb\xee\x9b\xd83.)\x8a\xa4\xa4F\x9d\x82\xba\x10RH\xa2\x96\xff\x9c9g\x8c1\xe6\xe0\x14\xa1\x90\xca\xb5\xda\xc0\xa7\xb9\xc5/,\xdf\x93\xbd\xf5$\x91$\xa2\xbe}\xfb\xaeX\xb1"##\xc3\xb8B\xd5\xa2\x1e\xb5z\xfd&amp;g\xec\xfd\xa8\xaa\xaa\xea\xdb\xa7wYy\xe5\xfc\xfb\x87?;{Tmu\x83\xaa\x98\xfdtG\x172&amp;&amp;bc\xee\xb1\xdb\xe7\x7f\xc09\xe3\x8ci\xba\xf8\xcf\xe9\xc3\xfe{\xceM\x96\xab\x9f\x88&gt;\xf9\xe4\x93\x9bo\xbe\xb9i\xac\xff\xbf\xbf\xf6]\xfd\xff\xbd\xef}\xef\xf1\xc7\x1f\x9f4iRrr\xb2\x94\xb2\xb1\xb11\x10\x08\x18\xab\xff\xad\x18\'\x8d\x9d?\x0e\x87\xc3\xe5r)\x8aRSS\xb3m\xdb\xb6\x17_|q\xf3\xe6\xcd\xc6_0C\xff\x9b\xfd\xd7iN\xc6\xfa]vv\xf6\xb0\xa1C\x8d\xee\xe9\xd7\xd3\xb3r\xc9\xcd;?\xb8\xf7\'3\x07\xc6\xb9T\xbd\xca\xa7W\xfbE@\x93D\x9c3Ua\xaa\xca[\xfa?c\xbf\x80\x0c\n\xbd&amp;\xa0U\xfaT!\xc7\xdd|\xd5\xc67\x7f\xb0\xe9\x8d\x1f\xdc\x96\xd1\x9d\x88\x0e\x1e&lt;x\xeb\xad\xb7\xfc\xe1\x0f\x7f\xe0\x9cK)\x9b\xdf\xa3V\xaf\x1f\xa0-\xfe\xaf\xff\x87\r3\xfa?55\xf5\xd5W_\xdd\xbau\xeb\xdc\xb9s].WEEEUU\x95\xdf\xef\xa7s;\x82\xd4\x963\x96\xf8\x83\xc1`uuuyy\xb9\x10b\xe2\xc4\x89\x7f\xfb\xdb\xdf\xd6\xaf_?v\xecX\xfaW\xff\xdf\x1a\xde\xfeG\x00\xb4\x98q\xca\xb6|\xf9\xf2\x89\x13\'\x9e..&amp;bO\xfch`\xee\x87\xf7\xfdd\xe6@\'#\xbd\xca\'u\xa9(\\QX\xbbl\xf8b\x8c\x14\x85\xa9\n\x97DzM@\xd4\x07\xc7\xddru\xce\xdbw\xbd\xb4p\x94;&amp;\xc2\xef\x0f\xcc\x9b7o\xce\x9c9\x9csc\x9f\xd9\x15_?@[|\xab\xffO\x9f&amp;\xa2G\x1eyd\xdb\xb6ms\xe7\xcee\x8c\x95\x97\x977m\x07j\x97)9c\xcc\xc8\x0f"\xaa\xae\xae\xae\xab\xab\x9b8q\xe2\x86\r\x1b\x96.]\x1a\x1b\x1b\xeb\xf7\xfb\xc3\xdb\xff\x08\x80\x961\x9ac\xf9\xf2\xe5s\xe6\xcc!\xa2Dw\xe4_^\xbe\xed\xa5\xe7o\x89\x8fT\xb4\n\x9f$R\x14\x1e\xa239F\xa4(\x8cs\xa6{\xfd\xa2&gt;\xf8\xc4\xa3\xe9\x9f\xbcsw\xfa\x80ND\xcc\xa8GQ\x94\xcb\xce#\xac^?@[\\\xd0\xff\x1e\x8fg\xf5\xea\xd5\xaf\xbc\xf2Jdd\xa4\xb1i\xa7u\xcb\xfd\xcd\xa4(\n\xe7\xbc\xba\xba\xba\xbe\xbe\xfe\xe7?\xff\xf9\xa6M\x9b\xae\xbf\xfez"\nc\xff#\x00Z\xc0X7&lt;\xd7=\xackR\xd4\x86\xac\xefO\x996 X\xd6 u\xa9\xaa\xbcc\xd6\xf0\x8caT;\xdbp\xc3\xf5\xc9\x9b\xdf\xbe+\xe3\x86d"nTe\xcc#\xae\xd4\xfa\x01\xda\xe2\xdb\xfdO)))\xef\xbf\xff\xfe\xcc\x993\xcf\x9e=k\x04C\xc7\x94a\xc4\xc0\xd9\xb3g\x07\x0f\x1e\xbca\xc3\x86a\xc3\x86\xd1\xb9\x0c\xe8\xf8\xfeG\x004\x97\xd1=\x9b7o6\xba\'9!2\xf7\xfd{\x87\x0e\xed\xa2\x95\xd4;\x1c\xa1\x9a5_\x82\xea\xe0\xba\xb7\xd1\x13\xed\xdc\xf2\xd7{o\x1b\xd1\x85\x88\x96/_\xbeh\xd1"EQ\xb4\xef\xbai\xcb\xea\xf5\x03\xb4\xc5\x05\xfd\xdf\xa9S\xa7-[\xb6\x8c\x1c9\xf2\xec\xd9\xb3\x0e\x87\xa3\xe3/\xc0:\x1c\x8e\xea\xea\xea\xd8\xd8\xd8O?\xfdt\xf4\xe8\xd1\x14\xa6\xfeG\x004\x8b\x10BQ\x94\xd2\xd2\xd2\x993f0\xc6\x12\xe2#\xff\xb6\xe2\xf6\x1e\xd7\xc4k^\xbf\xea\x08\xdb\xcfPQ\xb9\x08\xe8\xaa\x90k_\x990d`\x12\x11[\xb4hQNN\x8e\xaa\xaa\x17\xdc\xb8h\xf5\xfa\x01\xda\xe2\xff\xfa\x7f\xe6L\xc6\x98\xc7\xe3Y\xb7n]\xaf^\xbd\xaa\xaa\xaa\x1c\x0eG\xb8\xaaRU\xd5\xef\xf7\x0b!\xd6\xacY\x93\x96\x96FD\x1d\xdf\xff\x08\x80f1\xee\x14\x9f9sfIi)\x11-{\xf6\xa6\xa17\xf5\xd0\xaa\xfd\xaa\x1a\xe6\x1f W\x98\xde\xa8\'vr\xbd\xf3\xf2\xb8\x04w\x04I\xf9\xe0\xcc\x99%%%\x8c\xb1\xf3\xcf%\xad^?@\x1b\xfd\xab\xffKJ\x88\xe8\x0f\x7f\xf8\xc3\x981c\xc2;\xfa\x1b\x14E\xf1\xf9|IIIo\xbc\xf1\x86\xc7\xe3!\xa2\x07\x1f|\xb0#\xfb\x1f\x01py\xc6\xc9\xe3\x9a5krrr\x88\xe8\xd1\xe9\xfd\xef\x9b6 XR\x1f\xc6\xb9\xf3\xf9\x14\x95i\xd5\xfek\xfbwzua\x86$*)-}\xfa\xe9\xa7\x8d\x8de\xc6_\xb0z\xfd\x00m\xe4p8\x9a\xfa\x7f\xd6\xacY\x0f&gt;\xf8\xa0\xb1\xf2\x13\xee\xba\x88\x88TU\xad\xae\xae\x1e8p\xe0\x0b/\xbc \xa5,))\xe9\xc8\xfe7\xc5\x10`f\xc6\x1d=\x95\x95\x95\xcf&lt;\xf3\x0c\xe7,\xf5\x9a\xf8\xe7~=R\xf76\x86}\xee|&gt;\xd5\xc1\xb5\x8a\x86\x1fN\xe9?\xe5\xf6^Dl\xed\xdbo\xef\xdc\xb9\xb3ic\x99\xa5\xeb\x0fwi`m\xc60ZQQ\xf1\xcc3\xcfp\xce{\xf6\xec\xf9\xdb\xdf\xfe\xd6\xeb\xf5\x9a\xea\xe6s\x87\xc3Q^^\xfe\xa3\x1f\xfdh\xd2\xa4ID\xf4v\x07\xf6\xbf\x89F\x01s\xd2u\x9ds\x9e\x95\x95u\xe4\xc8\x11!\xe4\xfcGn\x88M\x8a\x92\x01\xddlw\xadr\xc6dP\xfc\xf7\xbc!\x91\x11J\xa3\xdf\xbf`\xc1\x02\xe3\xe9\xb5V\xaf?\xdcu\x81\xb5\x19\x17TW\xacXq\xe4\xc8\x11!\xc4\xcf\x7f\xfe\xf3\x94\x94\x94@ `\xb6\xdb\xce\x19c\x81@`\xfe\xfc\xf9\x11\x11\x11\xfe\x0e\xec\x7f\x04\xc0\xa5H)\x8dE\xba\xac\xac\x95\x8c\xb1~\xbd&lt;S\xef\xe9#\xaa\x1b\x153M\x9f\r\x9c3Q\x17H\xbd&gt;y\xda\x1d\xbd\x88h\xeb\xd6\xcf\n\x0b\x0b\x8d\rg\x96\xae\x1f\'\x01\xd0\x16\x0e\x87C\x08\x91\x95\x95\xc5\x18\xeb\xd3\xa7\xcf\xf4\xe9\xd3\xab\xaa\xaaL5\xfd7p\xcekkk\xd3\xd3\xd3\xef\xbd\xf7^"\xda\xbauk\xc7\xf4\xbf\xe9\x06\x02S1\x9e\xd1\xb1y\xf3\xe6\x03\x07\n\xa4\x94O\xcf\x1e\x14\x11\x1f!5a\xae\xc9\xc39\x8c3\xe9\xd7\x7f5gPt\x94\xb3\xbe\xbe\xe1\xb5\xd7^#"\xce\xb9E\xeb_\xf1\xdakD\x84\x00\x80\xb6\x88\x8b\x8b\xdb\xb6m[QQ\x91\x94233\xd3\xedv\x9bv\x931\xe7\xbc\xb1\xb1q\xde\xbcyQQQ\xf5\xf5\xf5\xafuH\xff#\x00.\xef\xf5\xd7\xb3\x18c\xddRb\xef\xfb~/Y\x1b\xe0f}\x1e\x16\xe7L\xd4\x07\xfa^\x9f|\xcb\x8d]\x19c\xeb\xd6\xbdSWWGD\xc6\xf4\xdfr\xf5\xbf\xbb\xee\x9d\x86\x86\x06UU\xb1\x10\x04\xad\xc6\x183\xa6\xff]\xbat\xb9\xe7\x9e{jjj.x*\x9cyp\xce\xeb\xeb\xeb\xd3\xd3\xd3G\x8f\x1e\xcd\x18[\xb7n]\x07\xf4\xbfI\xc7\x0230\xd6\x7f\xbc^\xef\xce\xbc&lt;)\xe5\x84\x9b\xbaE\'E\x89\xa0\xe9V\xcf\xcf\'%I\xc6\xee\x1b\x7f\x8d\x94\xb2\xf8\xf4\x99\x82\x82\x02M\xd3\xf2v\xe4Z\xb4\xfe={\xf6\x10N\x02\xa0\rN\x9f&gt;\xbds\xe7N)\xe5\xad\xb7\xde\x9a\x9c\x9c\x1c\x0c\x06\xcd\xb6\xfa\x7f&gt;c\xcb\xc6\x9dw\xde)\xa5,..\xee\x80\xfeG\x00\\\x94\xf1s\xcf\xcf\xcf?y\xea4\x11\xddu\xcb\xd5$\x89\xc8\xbc\xddC\xc6\x93|\x1a\xb5q#\xbb\xc5\xc5Dj\xba\xbeu\xeb\xd6}\xfb\xf6\x9d..!k\xd6\xbfq\xc3\x06j\xd5\x93x\x01\x88\xc8\xa1*\xdb\xb7o?|\xf80\x11M\x9c8\xd1\xfc\x8dd\\q\xbc\xf9\xe6\x9b\xe3\xe2\xe24M3&gt;M\x0cg\x00\xe1a\xfc\xdcw\xe6\xe5\x11QLT\xc4\xe0\x01\x89\xe4\xd7x\x07=/\xa7\x95\x18#\xe9\xd7S\xba\xc7\xf6\xb96\x9e\x88\xf6\xee\xd9\xfd\xf9\xe7\x9f\x93e\xeb\xdf\x99\xbf\x93\x88\xf0\x91a\xd0:\x0e\x873???\x18\x0c\xba\\\xaeA\x83\x06566\x9a\xbc\x97\x18c~\xbf\xbfG\x8f\x1e\xbdz\xf5"\xa2\x9d;C\xde\xff\xa6\xfeq\x84\x97q\xaa\x98\xbf+\x9f\x88z^\x15\x97\xd4%F\x9a{\xfd\xc4 \x84P\\\x8e\xb4\xfe\tD\xb4g\xef\x9e\r\xff\xf8;\x11]\xdb#\xd6Z\xf5\xdf0 \x81\x88\n\x0b\x0b\xea\xea\xeapS\x18\xb4N \x18\xc8\xcf\xcf\'\xa2\xab\xaf\xbe\xba[\xb7n&amp;_\xff1\x08!\xa2\xa2\xa2\xae\xbb\xee:"*,,\x0cu\xff#\x00.\xca\xd8\x87k&lt;$6912"\xda)u\x0b\x0cCR\x12q\xd6\xa3s4\x11UTV\x9c8q\x82,[\xbf\xb7\xba\xda\xe7\xf3\x85\xbb"\xb0*!DUU\x15\x11%\'\'\xc7\xc4\xc4X\xe2\x01SRJ\xcey\xb7n\xdd\x88\xc8\xeb\xf5\x86\xba\xff\x11\x00\xdf\xcd\xf85x\xbd\xde\xc3\x87\x0e\x12\xd1\xc0T7)\xd6\xb8/\x891F\xba\x18\x98\xea!\xa2\xb3\xa5eG\xbe&gt;B\x16\xac\xff{\xbd=D\xe4\xad\xa9+,,$\\\x07\x86\xd62\xb6\xfc\xf7\xef\xdf\xdfx\xda~\xb8\xcb\xb9&lt;\xc6\x98\xae\xeb\xfd\xfa\xf5#"\xaf\xd7\x1b\xea\xfe7\xdd\r\x11\xa6"\xa5\x0c\x06\x83D\xd4\xc9\x13I\x9cY\xa1\x7f\x88\x88HR\'O$\x11i\x9a&amp;\x04#\xcb\xd6/\x840\xed\xaem\xb0\x90\xc4\xc4D\x0b-$J)\x13\x13\x13\xa9C\xfa\x1fg\x00\x97a,\x1aj\x9a5Z\xa7\x89Qp\xd3\'M[\xb4~:\xf7\xf3\x07h\x0b\xcbM#\x9a\n\x0eu\xff#\x00\x9a\xc5r\xa3\xd0\x05\x05[\xbd~\x80\xb6\xb0\xdc4\xa2\xc3\nF\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d4p\x17\xd0,R\xcaV\xfc+\xc6X\xbbW\x02V\x84\xfe\x01\xf8N&amp;\r\x00)\xa5\x10BJ\xc9\x18c\x8cq\xde\x9a3\x95vy\x13\xb0"\xf4\x0f@s\x98+\x00\x8cC\x8e\x88\x14EQ\x14\xa5\xe9u\xaf\xd7+\x84`\x8c5s*g\xcc\xdd\xdcn\xf7\xf9ob\x1c\xcc\x9cs\xcc\xec\xaeT\xe8\x1f\x80\x161K\x00H)u]WU\xd58\xe4jkk\xf3\xf2\xf2rss\xbf\xfa\xea\xcb\x8a\xca\xca\xc2\xc2\x02M\xd3[\xfa\x9e\xbd{\xf5v{\xdcC\x87\x0cMOO\x1f6lX\xb7n\xdd\x8c\xd75M\xe3\x9ccBw%A\xff\x00\xb4\x82)\x02@\xd7uEQTU\r\x04\x02\x1b7n\\\xbdz\xd5\xce\xfc\xfc\x13\xc7O\xb4\xf1m+\xca+\x88({c6\x11\xb9=\xee!\x83\x87L\x99:\xe5\xee\xbb\xeeNNN&amp;"M\xd3\x14E\xc1l\xee\n\x80\xfe\x01h\x9d0\x07\x80qJ\xae(\x8a\xd7\xeb]\xbe|\xf9\xea7V\xef\xdb\xbb\xaf\xe9\xabQ1\xae\x84\xce\xee\xb8N1)W\'\xc6\xc4\xbbt]0\xba\xfc\xf1&amp;I2\xc6tM?u\xa8\xb4\xa1\xc6Wv\xaa\xaa\xb6\xba\xae\xba\xaaz\xf3\xe6\xcd\x9b7o^\xf0\x9b\xdf&lt;\xf0\xc0\x8c\x87\x1f~\xb8o\xdf\xbeD$\x84\xc0T\xce\xba\xd0?\x00m\x11\xce\x000&amp;nD\x94\x95\x95\xb5\xf8\xf9\xc5\x07\x8b\x0e\x1a\xafw\xea\xe2\xe9;\xf4\xda\x81\x19\xa9\xdd\xfbvqw\x8a\x8d\x88r*\ng\x9c\x13\xb5d/\x87$]\xd3\x83\x01\xad\xa6\xa2\xbe\xf8\xe8\xd9\xa2\xbc\xaf\x0b\xb6\x7f}\xeaH\xc9\x993%K\x97.]\xb1r\xc5\x93O&lt;9o\xde\xbc\xf8\xf8xM\xd3T\xd5\x14gB\xd0"\xe8\x1f\x806\n[\xe3\x1aGoqq\xf1\xacY\xb3\xb2\xb3\xb3\x8d\x17\xbb\xf7\xee|\xcb\xf4\x1b\xd3n\xee\x1f\x97\x10C$\x83~M\x0b\xea\xbe:\xbf1\xd3c-9\x82\x19\x111\xc6\x19\x8bK\x8cN\xec\xd2g\xd0\x98~\xbe\xba\xc6C\xbb\xbe\xd9\xfc\xd6\x17\x05\xb9_WUV-Z\xb4h\xed\xda\xb5+V\xac\xc8\xc8\xc80\xae\x10\xe2t\xdeB\xd0?\x00m\x17\x9e\x000&amp;M\xd9\xd9\xd9\xb3f\xcd*..&amp;\xa2\xceW\'\x8d\x7f0c\xe8\x84\xeb\xa2b#}\xf5\xfezo\x03\x111nl\xbfc\xd4\x8c3\xf7\x8b~\xaf\xa0\x1e\x0c\xe8$%W\xf8u\x19}\xbe7\xa2wA\xee\x91\xecU\xff,\xday\xf4\xe0\xc1\x83\xb7\xdcr\xcb\xe2\xc5\x8b333\x8d\xdd#8\x86-\x01\xfd\x03\xd0.\xc2\x10\x00\xc6\xd1\xbb|\xf9\xf29s\xe6\x10\x11#6\xe6\x87C\xef~\xf4\xb6\xb8\xc4\x98\x86\x1a_]u\x03\xe7\x9c+\xed\xb6\xaeznf\xc6\x88\xa8\xa1\xceG\xc4\x06f\xf4\x19pc\xefO\xd6\xe6~\xf4\xca\'\xbe\xfa\xc6y\xf3\xe6\x15\x14\x14,[\xb6L\xd7ul\xf23?\xf4\x0f@{\xe9\xe8\x000\xf6\xea5\x1d\xbd\xd1qQ\xd3\x7fy\xc7\xc8\xbbnh\xa8m\xac\xad\xacW\xd4\xf6&lt;t\xff\x9dq\xbd\xae\xa1\xc6\xc7\x18\x9b\xf8\xe3\x9bz\xa7]\xbd\xea\x99\xf7O\x1d*Y\xbe|9\x11-[\xb6\x0c\xf38\x93C\xff\x00\xb4\xa3\x0e\xdd\xc0`\xac\xdb\x9e;zY|b\xcc\xe3\x7fx`\xd4\xa4\xc15\x15uB\x17\x8a\xdaA\xc5p\x853\xce\xaa\xcbk\xaf\x19\xd0m\xde\xff\xfb\xf1\xb5\x03\xbb3bFU\x9cs\xe3\x18\x06\x13B\xff\x00\xb4\xaf\x8e\x0b\x00\xe3\xe8\xdd\xbcy\xb31w\x8bu\xbb~\xb1rv\xef\xb4\xab\xab\xcbj\x145\x0c\xfb\xa9UUi\xa8\xf5\xb9\xa2#~\xb1rv\x9f\xc1\xd7\x10\xd1\xf2\xe5\xcb\x17-Z\xa4(\x8a\xa6i\x1d\\\x0c\\\x16\xfa\x07\xa0\xdduP\x00\x08!\x14E)--\x9d1c\x06c,:\xce\xf5\xe8\xef\x1eH\xee\x91P_\xe3ST\xe5\xf2\xff&gt;4\xb8\xc2\x83AM\n9g\xf1\xd4\xab\xfav!b\x8b\x16-\xca\xc9\xc9QUU\xd7[|\xe3(\x84\x0e\xfa\x07 \x14:(\x00\x8c;\xf5g\xce\x9cYZZJD\xd3~\xf1\x83\xfe\xc3{\xd5\xd5\xf8:\xec\xb4\xfdb8\xe7\x01\x7f06!\xfa\xe1\xe7\xa6D\xc7EJ)g\xce\x9cYRR\x82e\\\xb3A\xff\x00\xb4\xbb\x8e8~\x8c\x93\xf75k\xd6\xe4\xe4\xe4\x10\xd1\xa8I\x83GMJ\xaf.\xabU\xc37w;\x9f\xa2\xf0\xfa\x1a_\xf7\xde)S\xfe\xe3\xfbDTZZ\xfa\xf4\xd3O\x9f\xff\x140\x08;\x87\xc3\x81\xfe\x01hw!\x0f\x00\xe3i\xba\x95\x95\x95\xcf&lt;\xf3\x0c\xe7&lt;\xb9{\xe2\xbd?\x1b\xdfP\xe3\xe3\x8a\x89\xa6H\xaa\xaa\xd4V\xd5g\xdc\x95\x9e~\xcb\x00"z\xfb\xed\xb7\xf3\xf2\xf2\x9a\x1e-\tad&lt;\xec\xa1\xa2\xa2\x02\xfd\x03\xd0\xeeB\x1e\x00\xc6\xe6\xe8\xac\xac\xac#G\x8e\x08!\xc6\xffhT|bL0\xa8\x9b\xee\x1c\x991=\xa8\xdf1\xe7fg\x84\xc3\xef\xf7/X\xb0\xa0\xf9O\x0f\x86\xd01.\xa8\xaeX\xb1\xc2\xaa\xfd\x83\x0e\x02\x13\x0bm\x00H)\x15E\xf1\xf9|+\xb3V2\xc6\xba\\\x934\xfc\xf6\xeb\xeb\xbd&gt;%\x94\x9b\xb5[\x87s\xd6\xd8\xe0\xbf\xa6\x7fWc\x12\xb7u\xeb\xd6\xc3\x87\x0f\xc7\xc4\xc4`\x12\x17^N\x87C\x08\x91\x95\x95\x85\xfe\x01hw\xa1=\x90\x8cg\xa4l\xde\xbc\xb9\xe0@\x81\x94\xf2\xd6\x07FF\xc5E\xea\xbaY\x0f\t\xc6\xb4\x80v\xdb\xcc\x8c\x08\x97\xb3\xa1\xa1\xe1\xb5\x15\xafEFF\xe2\x00\x0e\xaf\xb8\xb8\xb8m\xdb\xb6\x15\x15\x15Y\xb4\x7ft\xf4\x0f\x98XG\xcc\xa4\xb2^\xcfb\x8cy\x92\xe3\xd3o\x19\xd0X\xe7\xe7\xdcd\'\xef\xe7p\xce\x1a\x1b\x02\xd7\x0c\xe8\xd67\xfdZ\xc6\xd8\xbb\xef\xbe[ZZ\xea\x8c\x88\x08w]\xf6\xc6\x981\xfd\xb7h\xffD\xa0\x7f\xc0\xc4B\x18\x00\xc6\xfa\x8f\xd7\xeb5.\x88\xf5\x1f\xd63\xbeS\x8cf\xc2\xd5\xdb\xf3Hb\x8c\xd1\xf5c\xfbI)O\x9e8\xb9k\xd7\xae(\x97+\xdcE\xd9\xda\xe9\xd3\xa7\xf3v\xee\xb0p\xffDE\x85\xbb(\x80\x8b\na\x00\x18\x8b\'\xf9\xf9\xf9\xa7O\x9d&amp;\xa2\xef\x8dJ\x95\x92\xc8\xc4G/\x11qN\x81\xc6`\xdf\xa1\xd7\xba\xa2#5M\xdb\xb8q\xa3\xd3\xe9\x0cwQ\xf6\xe5P\x95\xed\xdb\xb7\x1f&gt;t\x98\xd0?\x00!\x10\xda3\x00"\xca\xcb\xcb#\xa2\xc8\xa8\x88\x1e}\xba\x04\xfdAs\x1f\xbf\xc4\x18\xd3\x02zbgwr\x8f\x04"\xda\xb9sgP\xd3\x88\x08\xbb\x81\xc2\xc2\xe1t\xe6\xe7\xe7k\x9a\xee\x8ctX\xb5\x7f\x82A"j\xd9g\xd1\x00t\x94\x10\x06\x80q\xaa\x9e\xbf+\x9f\x88:u\xf5x\x92\xe2\xf4\xa0n\xf2\x03\x98\x88\x84\x10\x11.G\xb7\xd4\x14"*(8`\xdcz\x8a\x038,\x02\x81@~~&gt;\x11%vq[\xba\x7f0\x81\x00s\nm\x00H)\xcb\xca\xca\x88(\xd6\x13\x1d\x19\x1d!\x84l\xcbGst\x0cI\xc48\xf3$\xc7\x13Qmmmccc\xb8+\xb2/!DUU\x15\xa1\x7f\x00B#T\x01 \xa5\xe4\x9c{\xbd\xdeC\x87\x0e\x11Q\xe7k\x93\xb8b\x8d\xfb\xaa\x18cB\x17\x9d{&amp;\x11\x11\xc3\xe7{\x84\x9b\xf1L\x85\xae\xbdR\xd0?\x00\xed.\xe47\x82\x19k\xa01\xee(\xc6\x99\x05\x0e_""\x92\x92b\xdcQt\xee2\x06\x84\x95$\xf4\x0f@h\x84\xfc&gt;\x00c\x06$4\x8b\xdd\x0ec\xb9\x82\xafl\x96\xfbuX\xae`\xb0\xa7\x8e\xba\xa5\xder\xe7\xc1\x96+\xf8\xcaf\xb9_\x87\xe5\n\x06[2\xdd3U\x00\x00\xa0c \x00\x00\x00l\n\x01\x00\x00`S\x08\x00\x00\x00\x9bB\x00\x00\x00\xd8\x14\x02\x00\x00\xc0\xa6\x10\x00\x00\x006\x85\x00\x00\x00\xb0)\x04\x00\x00\x80M!\x00\x00\x00l\n\x01\x00\x00`S\x08\x00\x00\x00\x9bB\x00\x00\x00\xd8\x94\x1a\xee\x02\x00\x00\xacA\x9e\xa7\xe9Ev\x9e0\xd6\xd6:\x08\x00\x00\x80K\x11B\x08!\x14Eq:\x9dN\xa7SQ\x14\xce\xb9\xf1\x91\xb7\xc6W\x03\x81\x80\xdf\xef\xd74\x8d1\xc6\xb9\x95\x96U\x10\x00\x00\x00\xdfAJ\xa9\xeb\xba\xaa\xaa\xb1\xb1\xb1N\xa7\xb3\xae\xae\xae\xb8\xb8\xf8\xc4\x89\x13%%%\xe5\xe5\xe5\xc6\xa7=GGG\xa7\xa4\xa4\\s\xcd5\xd7^{mbbb0\x18\xac\xad\xad\xe5\xd6\xf9(P\x04\x00\x00\xc0\x85\xa4\x94\x11\x11\x11QQQ^\xafw\xeb\xd6\xad\xd9\xd9\xd9\x9f}\xf6\xd9\xe1\xc3\x87\xab\xab\xab\xff\xfd/;\x1c\x8e\xab\xaf\xbe\xfa\xe6\x9bo\xbe\xff\xfe\xfb322\xfc~\x7fcc\xa3\xf1q\xd6&amp;\x87\x00\x00\x00\xf8\x16)\xa5\xa2(\'O\x9e\xfc\xeb_\xff\xfa\x97\xbf\xfce\xef\xde\xbd\x97\xfe\xfb\xc1`\xf0\xc8\x91#G\x8e\x1cY\xbe|\xf9\xb4i\xd3~\xfb\xdb\xdfv\xef\xde\xbd\xa6\xa6\xc6\xfc\x19\x80\x00\x00\x00\xf8\x16]\xd7=\x1e\xcfs\xcf=\xb7x\xf1\xe2\xa6\x17\x19c={\xf6\xec\xdb\xb7o\xaf^\xbd\x92\x92\x92\\.\x97\x94\xb2\xba\xba\xfa\xd8\xb1c\xbbw\xef.,,$"EQ\xd6\xae]\xfb\xc5\x17_\xac]\xbbv\xf0\xe0\xc1\xe6\xcf\x00\x04\x00\x00\xc0\xb7p\xce}&gt;\xdf\xb4i\xd3\x96,Y"\x84\x180`\xc0\xa4I\x93&amp;L\x98\xd0\xbf\x7f\x7f\xb7\xdb\xedp8\x88\xc8\xb8\x02\xcc\x18\xd3u\xbd\xa6\xa6&amp;??\xff\xa5\x97^\xfa\xdb\xdf\xfe\xe6p8N\x9c8q\xf7\xddwo\xd9\xb2\xe5\x9ak\xae\xf1\xf9|f\xbe,\x8c\x00\x00\x00\xf8\x16\xceyccc\x9f&gt;}~\xf5\xab_\xa5\xa6\xa6\xdes\xcf=\xf1\xf1\xf1~\xbf\xdf\xe7\xf3y\xbd\xde\xf3\xf7\x80\x12\x11cLQ\x941c\xc6\xdcz\xeb\xad\xaf\xbe\xfa\xea\xcf~\xf63\xa7\xd3YVV\xf6\xd8c\x8fm\xd8\xb0!\\\xff\t\xcd\x84\x00\x00\x00\xb8\x10c\xac\xb1\xb1q\xe1\xc2\x85\x8c\xb1\xba\xba\xba\xb2\xb22co\xcf\xc5\x96tjjj\xa4\x94\x8f&gt;\xfa\xa8\x94\xf2\xf1\xc7\x1fWUu\xcb\x96-\x7f\xff\xfb\xdf\xef\xbe\xfb\xee\xea\xeaj\xd3.\x04\x99\xf7\xdc\x04\x00 \x8c\x18c^\xaf\xb7\xba\xbaZ\x08\xa1\xaa\xea\xa57w*\x8a\xa2(JYY\xd9O\x7f\xfa\xd3[o\xbd\xd5\xb8\'`\xcd\x9a5&amp;\xdf\x0f\x8a\x00\x00\x00\xf8n\xc6\xb0\xde\xccA\xdc\xf8kR\xca\x87\x1ez\xc8\xf8C^^^YY\x99\xc3\xe1\xb8`\xd5\xc8&lt;\x10\x00\x00\x00\xedCQ\x14\x9f\xcf\x97\x9e\x9e\x1e\x1d\x1dMD%%%\xa7N\x9dr:\x9d\x08\x00\x00\x80+\x9f\xa6i\x1e\x8f\'%%\xc5\xf8sEE\x85\xa2(\x08\x00\x00\x80+\x9c\xf1\x80 \x87\xc3\x11\x15\x15e\xbc\xe2\xf7\xfb\xcd\xbc\r\xd4\xbc\x95\x01\x00X\x8b\x94\x921&amp;\x84\x08\x06\x83\xc6+\xaa\xaa\x9av\xfaO\x08\x00\x00\x80v\xc49ohh\xa8\xaa\xaa2\xfe\xecv\xbbu]7\xed^ \x04\x00\x00@\xfb\x90R:\x9d\xce\x13\'NTTT\x10\x91\xc7\xe3\xe9\xda\xb5k0\x18D\x00\x00\x00\\\xe1\x84\x10\x91\x91\x91\x9f|\xf2\x891\xeb\x1f8p`\x97.]\x02\x81\x00\x02\x00\x00\xe0Jf\\\xfe-//\xcf\xca\xca2\xfe\xef=\xf7\xdc\xe3t:\x85\x10\xe1.\xed\xa2\xf0(\x08\x00\x80v\xa0iZrr\xf2\xcf\x7f\xfe\xf3c\xc7\x8e1\xc6z\xf4\xe81u\xeaT\x93?\x10\x14g\x00\x00\x00m\x15\x0c\x06\x93\x93\x93W\xadZ\xf5\xfb\xdf\xff\xde\xb8\xf5\xf7\x99g\x9eIJJ2\xf3\xfa\x0f!\x00\x00\x00\xdaBJi\xcc\xfd\xdf|\xf3\xcd\xd9\xb3g;\x1c\x8e`0\xf8\xe3\x1f\xffx\xc6\x8c\x19UUU\xaaj\xeaU\x16\x04\x00\x00@+\t!\x18cIII\xbf\xfb\xdd\xef\x1e|\xf0A"\n\x04\x02?\xf8\xc1\x0f\xfe\xf8\xc7?\x1a\x1f\x0e\x1c\xee\x02/\xc3\xd4\xe9\x04\x00`Z\x9a\xa6EGG\x0b!~\xfa\xd3\x9f\xbe\xfa\xea\xab\xc6\xdc\xff\x87?\xfc\xe1\xca\x95+u]\xd7u\xdd\xfc\x01`\xf6\xfa\x00\x00L\xc8x\xe6\xcf\xc9\x93\'o\xbf\xfd\xf6W_}UQ\x94`0\x98\x99\x99\xf9\xc6\x1boh\x9a\xa6i\x9a\xf9G\x7f\xc2\x19\x00\x00@Ki\x9a\x96\x90\x90\xb0m\xdb\xb6\x07\x1ex\xa0\xb8\xb8\x98\x88\x1c\x0e\xc7\xcb/\xbf&lt;w\xee\xdc\xaa\xaa*)\xa5%F\x7fB\x00\x00\x00\xb4\x88\xf1\x91\xf1\x1f\x7f\xfc\xf1}\xf7\xddWWWGD\xbd{\xf7~\xfd\xf5\xd7322\xca\xca\xca\x14E\xb1\xca\xe8O\x08\x00\x00\x80\xe6\x13BDGG\xef\xdf\xbf\x7f\xea\xd4\xa9\xf5\xf5\xf5D\x94\x91\x91\xb1v\xed\xda\xe4\xe4\xe4\xb3g\xcf\x1a\x9f\x17o!\x08\x00\x00\x80\xe6\xe2\x9c\xeb\xba&gt;w\xee\xdc\xea\xeaj"\xba\xf1\xc6\x1b?\xfa\xe8\xa3\x88\x88\x08\xaf\xd7k\xb9\xd1\x9fp\x11\x18\x00\xa0\x99t]\x8f\x8b\x8b{\xef\xbd\xf7\xf2\xf2\xf28\xe7\x9d;w~\xf3\xcd7].WCC\x83\xc9\xf7\xfb_\x0c\x02\x00\x00\xa0Y\x8cg\xfd\x1b\x1f\xf5.\x84\xf8\xf5\xaf\x7f\xdd\xabW\xaf\xda\xdaZ\x8b\x8e\xfe\x84\x00\x00\x00h\x0e\xe3Yog\xce\x9c\xd9\xbd{\xb7\x94\xb2s\xe7\xce\xf7\xde{\xaf\xd7\xeb\xb5\xee\xe8O\x08\x00\x00\x80\xe6\xb8\xe0Y\xff7\xdexcJJ\x8a\x99\x9f\xf5\xdf\x1c\x08\x00\x00\x80\xcb\x93R\xaa\xaaz\xf6\xecY]\xd7\x89\xa8\x7f\xff\xfe&amp;\xff\xb8\xc7\xe6@\x00\x00\x004\x0b\xe7\xdc\xd8\xfcCD]\xbat1&gt;\x018\xac\x15\xb5\x95\x85W\xaf\x00\x00:\x98\xdf\xef7\xee\xf3\x8a\x8b\x8b3\xf3\'\xbd4\x13\x02\x00\x00\xa0Y\x18c\x81@\xc0\x18\xf7\xaf\x80\xe9?!\x00\x00\x00\x9a\x83s^WW7a\xc2\x84\x0f?\xfc\x90\x88\xfa\xf7\xef___o\xa1\xa7&gt;|\'\x04\x00\x00\xc0\xe51\xc6\x82\xc1`\xf7\xee\xdd{\xf7\xeeMD&gt;\x9f\xcf\xea[\x80\x08\x01\x00\x00\xd0L\xc6\x12Pcc#\x11q\xce\xad&gt;\xfa\x13\x02\x00\x00\xa0\xf9\x18cf\xfe\x90\xf7\x96\xb2\xf6\x02\x16\x00@\x07\x93R^\x01\xfb\x7f\x0c\x08\x00\x00\x80\xe6\x12B8\x9d\xce\xc8\xc8H)\xa5\xd5\xef\x02#\x04\x00\x00@31\xc6bbb\x8a\x8b\x8b\x8f\x1e=\xeap8\x9cN\xa7\xd53\x00\x01\x00\x00py\xc6\xb3\x80~\xf9\xcb_\x0e\x1d:t\xf8\xf0\xe1w\xdeygYY\x99\xc3\xe1\xb0t\x06 \x00\x00\x00.C\x08\x11\x13\x13\xb3}\xfb\xf6\x17_|\xb1\xa6\xa6\xc6\xef\xf7\x7f\xf6\xd9g\xaf\xbc\xf2JLL\x8c\xf1h \x8b\xc2. \x00\x80\xcb0\x9e\x04WTT\xa4(\x8a\xb1\xfb\x931VXX\xa8\xeb\xba\xa57\x83\xe2\x0c\x00\x00\xa0Y\x8c\xf9&gt;\xe7\\Q\x14!DTT\x94\xd5\xef\x04\xb6v\xf5\x00\x00\x1d\x80s^__?z\xf4\xe8\x94\x94\x94@ \xe0\xf7\xfb\xa5\x94\xf7\xddw\x9f\xa5\xd7\x7f\x08K@\x00\x00\x97e\xdc\x03\xdc\xb9s\xe7\x8f&gt;\xfah\xd5\xaaU\r\r\r\xe3\xc7\x8f\xbf\xf3\xce;kkk-}_\x18\x02\x00\x00\xe0\xf28\xe7\r\r\r\x03\x07\x0e|\xf9\xe5\x97\x8d{\xc1jjj,}\x01\x80\x10\x00\x00\x00\xcd\xc49\xf7\xf9|\xf5\xf5\xf5\xc6\xb8o\xe9\xb9\xbf\x01\x01\x00\x00\xd0\\\x9cs\xab_\xf8=\xdf\x95\xf3_\x02\x00\x00-\x82\x00\x00\x00\xb0)\x04\x00\x00\x80M!\x00\x00\x00l\n\x01\x00\x00`S\x08\x00\x00\x00\x9bB\x00\x00\x00\xd8\x14\x02\x00\x00\xc0\xa6\x10\x00\x00\x006\x85\x00\x00\x00\xb0\xa9\x0e\n\x00\xcb=2\xc9r\x05_\xd9,\xf7\xeb\xb0\\\xc1`O\xa1\r\x00\xe3\x99yD\xa4\x05u\xb2\xd4\x07gjAk?\xe6\xfb\n\x83\xfe\x01\x08\x85P\x05\x00cLJ\x19\x17\x17\x97\x9a\x9aJD\xa7\x0e\x95\xe8\x9a\xe0V\x98\x16I)\x15\x95\x9f:t\x86\x88,P\xee\x95N\x08ID\'\x0f\x16\xa3\x7f\x00\xda]\x08\xcf\x00\x8cO\xd1\xec\xd4\xa9\x13\x115\xd4\xf8\x82\x01\xcd*\xe7\xc5R\xca\xda\xcaz"r8\x1cW\xd2\x93\xff\xac\xc8\xe1p\x10Q\x9d\x17\xfd\x03\xd0\xfeB\xd8\x9d\xc6\xe2\xcf\xa0\xeb\x07\x11\xd1\xd9\x93\x15\xde\xf2Z\xc5\xc1\xa54\xfb\x99&lt;gL\xf3\xeb\xa7\x0e\x95\x10Q\xdf\xbe};w\xeeLD\x98\xcc\x85Edd\xe4\xe0\xc1\x83\x89\xa8\xec\x94\xb5\xfb\xc7"\xc9\x05\xb6\x13\xc2\x000\xe6kC\x86\x0c!\xa2\xfaZ\xdf\x99ce\x8e\x08\x87\xc9\x8f_)\xa5\xeaP\xbc\x15\xb5\xa5\'*\x88h\xd0\xa04Wd$\xe1\x00\x0e\x13]\xd3\xd2\xd3\xd3\x19\xa3\xc6\xfa\x80U\xfb\xc7\xe5""L \xc0\x9cB\x18\x00\xc6\xc9\xef\x88\x11#&lt;\t\x1e)e\xe1\x8e\xaf\xb9b\xf6\x19\x9c\x94\xe4\x88t\x1c\xddw\xaa\xa6\xb2\x8es&gt;~\xfcx\xab\x7f\xe8\xb3\xa5\x05\x82\xc1\x91#Gv\xef\xd1\xdd\xba\xfd\xa3iZ\xb8\x8b\x02\xb8\xa8\xd0\x9e\x01\x08!\xbat\xe92h\xd0 \xc6\xd8\x81\x7f\x1e\xf6\xd56*\x8a\xa9\x97D\xa5\x94\x8a\xc2\xf7l)"\xa2\xc4N\x89\xa3F\x8d\xaaoh\x08wQ\xf6%%\xa5\xa6\xa6\xa6\xdf0\xd8\xba\xfd\xd3\x80\xfe\x01\x13\x0b\xed\xe1d\\\x06\x986u\x9a\x94\xb2\xe4D\xf9\xc1\xfcc\x91\xd1\x11\xc6\xbe\x0e\x13\x92R:\x9dj\xd9\xe9\xaa\x82\xdc#D4q\xe2\xc4\xee\xdd\xbb\xfb\x1b\x1b\xc3]\x97\xad9Tu\xea\xd4\xa9\xd6\xed\x9fF\xf4\x0f\x98Xh\x03\xc0\xf8\xd0\xe4\xc9\x93\'\xa7\xa4\xa4H)7\xad\xfe\xa7\x10\xd2\xb4\xab\xa1B\xc8\xc8\x98\x88\xcf\xde\xcd\xf3V\xd4*\x8a2g\xf6\x9cpW\x04TWW7i\xd2\xa4\xa4\xa4$\x8b\xf6\x8fi\xab\x05\xa0P\x07\x00cL\xd3\xb4\xc4\xc4\xc4\x193fH)\x0f}\xf9\xcd\xfe\xcf\x0f\xb9b#\x85.B\xfa}[\xc1\x98\xbe\x95\x9f\xae\xde\xf6~&gt;cl\xd0\xa0A\xa3F\x8d\xaa\xa9\xa912\x0c\xc2\xa5\xc1\xe7s\xb9\\\xf7\xdf\x7f?\xfa\x07\xa0\xdd\x85|E\x95s.\xa5\x9c3g\x8e\xdb\xed&amp;\xa2\x8dY\xdb\x84\x90&amp;\xdc\xd0-t\xe9\x8a\x8d\xfcx\xcd\x17\xb5U\xf5D\xf4\xd4SO5\xdd\xc6\x0ca\xa4(\x8a\x94\xf2\x91G\x1e\xb1j\xff\x98\xaeR\x80\xff\xd3\x11\x01 \x84\xe8\xd3\xa7Off\xa6\x94\xf2\xf0W\xdfl~\xf3\xf3\xd8\x84hM3\xd1\xee\x1a]\x17\xd1q\x91E;\x8f}\xb26\x97\x88F\x8f\x1e=m\xda4\xc6\x18\xa6oa\xc79g\x8c\xf5\xeb\xd7\x0f\xfd\x03\xd0\xee:bO\x05\xe7\\\xd7\xf5\xcc\xcc\xcc\x9e={\x12\xd1\xfa?\x7fzd\xf7\x89\x988\x97n\x8e\x13y)\xa5\xc3\xa9\xfa\xea\xfdo\xfe\xf7\x87ZPW\x14\xe5\x85\x17^0\xf9vC\xbb\xd14\r\xfd\x03\xd0\xee:"\x00\x18c\x8c\xb1\xf8\xf8\xf85k\xd6\xa8\xaa\xea\xf7\x05\xb2\x16\xbcW[\xd5\xe0p\xaaa_c\x91RJI\x8e\x08\xf5\xcd\xdf~t\xfa\xebR)\xe5\xd2\xa5K\x07\x0f\x1e\x8c\xed\xff\xa6"\xa5D\xff\x00\xb4\xbb\x0e\xdaU\xcd9\xd74m\xf8\xf0\xe1K\x96,\x91R\x16\x7f}\xf6\xa5\'Vs\x85;\x9c\x8e0^\xd03\x8e^wR\xec\x9a\xe7\xfe\x96\xb7q/\x11M\x9e&lt;933S\xd34\x9c\xbc\x9b\n\xfa\x07 \x14:\xee\xb6\x1aUU\x8d\x13\xf9\xd9\xb3g\x13\xd17\x05\xa7_|l\x95\xaf\xae\xd1\x15\x1b\xa9\x87c=W\xe8BQ\x15Wt\xc4\xeb\x0b\xfe\xba\xf5\xbd\x9dD4t\xe8\xd0e\xcb\x96\t!p\xf4\x9a\x10\xfa\x07\xa0\xddu\xe8}\x95\x8a\xa2\x08!\x96-[f\x1c\xc3E;\x8f\xbe\xf4\xf8\xea\x92o\xcac\x13b\x84.dG\xdd\xe0#\xa5\xd45\xe1\x8a\x8d\xd4\x83\xfa\xca\xdf\xbc\xf7\xe9;;\x84\x10C\x87\x0e\xcd\xce\xce\xf6x&lt;\x84O\xf30+\xf4\x0f@\xfb\xea\xd0\x000.\x06\xe8\xba\xdet\x0c\x1f/*~\xfe\'\xcb\xbf\xf8\xe8\xcb\xe88\x97\xd3\xe5\x0c\xf5a,\xa5\xd4u\xa1\xa8J\\b\xcc\xd1\xbd\'\x97&lt;\xbc"\xf7\xef\xbb\x89h\xe8\xb0\x7f\x1d\xbdB\x08&lt;\xbf\xd7\xb4\xd0?\x00\xed\xab\xa3\x9b\x951fl\x0c]\xb6l\xd9\xc2\x85\x0b\x89\xa8\xce\xdb\xb0b\xfe\xba?\xff\xf2/\xc5_\x97F\xbb\xa3\x9c.\x87\xd0\x85\xd0E;\xee\xa30vd\x0b]\xa8\xaa\x12\xeb\x89\xae\xf7\xfa\xde\xfd\xfd\x86\x17\xe6d\x9d&lt;t\x86\x88\xa6L\x99\x92\xbd\x11G\xaf5\xa0\x7f\x00\xda\x91\xda\xf1\xdf\xd28A\x16B,X\xb0\xe0\xc6\x1bo\x9c5kVqq\xf1\xceM\xfb\xf6~vp\xf0\xf8\x81\xb7\xde\x7f\xe3\xd5\xfd\xbb\x12\xb1\xa0?\x18\x0chRHi\xdcO\xcf\x18\x91l\xde\xad\xf5\xc6_\x93\xc6\x87\x082\xc6\x14\x87\xe2\x8ctp\x85W\x9c\xae\xfa\xc7\xca\xad\xff|\x7fWuy\r\x119\x9d\x8e\xc5\x8b\x9f\xcf\xcc\xcc4\xea\xc1\xd1k\t\xe8\x1f\x80\xf6\x12\x86\x00\xa0s\xe7\xf2\x9a\xa6M\x980a\xe7\xce\x9d\xf3\xe7\xcf\x7fk\xcd[~\x7f\xe0\x8b\xf5_\xee\xca9\xd0\xff\xc6\x9e\xd7\xdf\xd4\xb7\xef\x90k=\x9d\xe3\x9d\x91\x0e\xce\xb9\xd0u)Z\xfc\\\x15E\xe5RH-\xa0{+\xea\xf6\xfd\xf3\xd0\xbem\x07\x0b\xb6\x7f]U\xe65\xbe:n\xdc\xb8g\x9f}v\xf8\xf0\xe1B\x08c^\xd9\xfe\xff\x9d\x10\x1a\xe8\x1f\x80v\x11\x9e\x00\xf8\xd7\xf7VU]\xd7\xbbv\xed\xbar\xe5\xca\xb9s\xe7\xfe\xcfs\xff\x93\xb3i\x93\xcf\xd7\xb8{K\xe1\xee-\x85Q1\xae\xce\xd7&amp;u\xb9\xb6SBgw\xca\xd5\x89\xd1\xee(\xa15\xf7\xc6z\xc6\x98\x1e\xd4O\x1d.\xa9\xad\xaa?}\xf8l\xc97e\xde\x8a\xda\xa6\xaf\x8e\x1c9\xf2\xf1\xc7\x1f\x9f&gt;}:\x11\xe9\xba\x8e=\x1b\x16\x85\xfe\x01h\xa3p\x06\x00\x9d{\xd2\x8b\x10b\xf8\xf0\xe1\x1f~\xf0\xe1\xfe\xfd\xfbW\xadZ\xb5n\xdd\xbb\xdf|s\xbc\xa1\xcewt\xdf\x89\xa3\xfbN\xb4\xd7\xf7JJN\xba}\xe2\xed3f\xcc\x187n\x1c\x9d{T5\x8e^KC\xff\x00\xb4E\x98\x03\x80\x8c5VE\x11BH)\x07\x0e\x1c\xb8d\xc9\x92E\x8b\x16\xed\xd9\xb3g\xd3\xa6M\xdbs\xb7\x17\x15\x15\xd5\xd4\xd4TUV\xb5\xe2\x9dcb\xa3\xa3\xa3\xa2\xfb\x0f\x18\x90\x96\x96v\xf3\xd8\x9b322\x12\x13\x13\xe9\xdc5=\x1c\xbaW\x06\xf4\x0f@\xab\x85?\x00\x0c\xc6\x12\xaa\x10B\x08\x11\x15\x155b\xc4\x88\x11#F\x10\x91\xcf\xe7\xab\xaf\xaf/((h\xc5\x</t>
        </is>
      </c>
    </row>
    <row r="232">
      <c r="A232" s="1" t="n">
        <v>230</v>
      </c>
      <c r="B232" t="inlineStr">
        <is>
          <t>color_overlap_squares</t>
        </is>
      </c>
      <c r="C232" t="inlineStr">
        <is>
          <t>What is the missing color of the part denoted with a question mark?</t>
        </is>
      </c>
      <c r="D232" t="inlineStr">
        <is>
          <t>['green', 'blue', 'orange', 'yellow']</t>
        </is>
      </c>
      <c r="E232" t="inlineStr">
        <is>
          <t>yellow</t>
        </is>
      </c>
      <c r="F232" t="inlineStr">
        <is>
          <t>There are 3 squares which overlap each other in the image. The color of the squares are ['?', 'red', 'blue']. The part where the first and second squares overlap is orange. The part where the second and third squares overlap is purple.</t>
        </is>
      </c>
      <c r="G232" t="inlineStr">
        <is>
          <t>We observe that the red and blue squares overlap to form purple. Hence, the pattern is that the color of the part where two squares overlap is determined by mixing the two colors.</t>
        </is>
      </c>
      <c r="H232" t="inlineStr">
        <is>
          <t>Based on the pattern that the color of the part where two squares overlap is determined by mixing the two colors, the missing color of the part which overlaps with red to form orange should be yellow.</t>
        </is>
      </c>
      <c r="I232" t="inlineStr">
        <is>
          <t>b'\x89PNG\r\n\x1a\n\x00\x00\x00\rIHDR\x00\x00\x02\x00\x00\x00\x02\x00\x08\x02\x00\x00\x00{\x1aC\xad\x00\x00!&amp;IDATx\x9c\xed\xdd}\x8c]e\x81\xc7\xf1\xe7\x9cs_f\xee\x0c\xed\x0cX\x8cn1\x06\x89\x9b\xa8\xa4\xb0PD4\x05\x05R\xcaj\xe8FY\xb2\xb1[\x8d\xda\x96EhwcD\xaa\xfeC\xc4b\xd6lB\xab -A\xb1\x85,h\\WcJ\xbaQVF]\xa9mA\xa4\xe0\xfb\x1b\xe0\xba\xb5\xd0i;/w\xee\xbd\xe7\x9cg\xffx\xca0Lg\xa6\xf7\xe59\xe7&lt;/\xdfO\x8c\xe965=\xdb&gt;\xe7\xf7\x9d\xfb\xd2\xb9\x81\x94R\x00\x00\xfc\x13\x16}\x01\x00\x80b\x10\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pB\x92$R\xca\xa2\xaf\x02\xf9\t\xf8\xfb\x06 \x84\x90R\x06A0\xf3\x07p\x1e\x8f\x00\x00\xdfI)\xd5\xe8o\xd9\xb2\xe5\xd0\xa1CA\x10\xa4iZ\xf4E!\x0f\x04\x00\xf0\x9a\x942M\xd3 \x08\xae\xbf\xfe\xfaO}\xeaS\xd7\\s\xcd\xe8\xe8h\x18\x864\xc0\x07\x04\x00\xf0\x97Z\xff(\x8a\xd6\xaf_\xbf}\xfb\xf6\xfe\xfe\xda\xde\xbd{W\xae\\I\x03&lt;A\x00\x00O\xcd\\\xff{\xee\xb9\xa7R\xa9\xd6\xeb\x93\xa5Ri\xdf\xbe}4\xc0\x13\x04\x00\xf0\xd1\xc9\xeb\xdfl6\x96\xbe\xe9\xadq\x92\xd0\x00\x7f\x10\x00\xc0;\xb3\xd6\xbf\xda\xd7\xdfl6\xde|\xd9\xb5\xff\xf8o{\xaeX\xf7\xd98\x8e+\x95*\r\xf0\x01\x01\x00\xfcr\xf2\xfa7\xa6\xeaoy\xd7uW\xff\xcb\x17&amp;\x8e\xfe\xe5\x82k6\\\xb1~K\xb3\xd9\xa0\x01&gt; \x00\x80G\xe6[\xffU\x9b\xb66\xeb\xe3B\x88\xc9\xa3\x87/\\}=\r\xf0\x04\x01\x00|\xb1\xf0\xfaK\x99\x06A\x18F\xa5\x89\xd1\xbf\xd0\x00O\x10\x00\xc0\x0b\xed\xac\xbf\xfa\x954\xc0\x1f\x04\x00p_\xfb\xeb\xaf\xd0\x00O\x10\x00\xc0q\x9d\xae\xbfB\x03|@\x00\x00\x97u\xb7\xfe\n\rp\x1e\x01\x00\x9c\xd5\xcb\xfa+4\xc0m\x04\x00pS\xef\xeb\xaf\xd0\x00\x87\x11\x00\xc0A\xba\xd6_\xa1\x01\xae"\x00\x80k\xf4\xae\xbfB\x03\x9cD\x00\x00\xa7d\xb1\xfe\n\rp\x0f\x01\x00\xdc\x91\xdd\xfa+4\xc01\x04\x00pD\xd6\xeb\xaf\xd0\x00\x97\x10\x00\xc0\x05\xf9\xac\xbfB\x03\x9cA\x00\x00\xeb\xe5\xb9\xfe\n\rp\x03\x01\x00\xec\x96\xff\xfa+4\xc0\x01\x04\x00\xb0XQ\xeb\xaf\xd0\x00\xdb\x11\x00\xc0V\xc5\xae\xbfB\x03\xacF\x00\x00+\x99\xb0\xfe\n\r\xb0\x17\x01\x00\xecc\xce\xfa+4\xc0R\x04\x00\xb0\x8ci\xeb\xaf\xd0\x00\x1b\x11\x00\xc0&amp;f\xae\xbfB\x03\xacC\x00\x00k\x98\xbc\xfe\n\r\xb0\x0b\x01\x00\xec`\xfe\xfa+4\xc0"F\x9c\x18\x00\x0b\xb3e\xfd\x15\x1a`\x0b\x83\x0e\r\x809\xd9\xb5\xfe\n\r\xb0\x82q\xe7\x06\xc0L6\xae\xbfB\x03\xccg\xe8\xd1\x01 l^\x7f\x85\x06\x18\xce\xe8\xd3\x03\xf8\xcc\xf6\xf5Wh\x80\xc9,8@\x80\x87\xdcX\x7f\x85\x06\x18\xcb\x9a3\x04\xf8\xc3\xa5\xf5Wh\x80\x99,;F\x80\xf3\xdc[\x7f\x85\x06\x18\xc8\xca\x93\x04\xb8\xca\xd5\xf5Wh\x80i,&gt;L\x80c\xdc^\x7f\x85\x06\x18\xc5\xfa\xf3\x04\xb8\xc1\x87\xf5Wh\x809\x1c9R\x80\xd5\xfcY\x7f\x85\x06\x18\xc2\xa9S\x05\xd8\xc8\xb7\xf5Wh\x80\t\x1c&lt;X\x80E\xfc\\\x7f\x85\x06\x14\xce\xd9\xb3\x05\x98\xcf\xe7\xf5Wh@\xb1\x1c?^\x80\xb1X\x7f\x85\x06\x14\xc8\x8b\x13\x06\x98\x86\xf5\x9f\x89\x06\x14\xc5\xa3C\x06\x18\x82\xf5?\x19\r(\x84w\xe7\x0c(\x16\xeb?\x1f\x1a\x90?O\x8f\x1aP\x08\xd6\x7fa4 g^\x9f6 O\xac\x7f;h@\x9e8p@\x1eX\xff\xf6\xd1\x80\xdcp\xe6\x80\xcc\xb1\xfe\x9d\xa2\x01\xf9\xe0\xd8\x01\xd9b\xfd\xbbC\x03r\xc0\xc9\x032\xc4\xfa\xf7\x82\x06d\x8d\xc3\x07d\x85\xf5\xef\x1d\r\xc8\x14\xe7\x0f\xc8\x04\xeb\xaf\x0b\r\xc8\x0eG\x10\xd0\x8f\xf5\xd7\x8b\x06d\x84S\x08h\xc6\xfag\x81\x06d\x81\x83\x08\xe8\xc4\xfag\x87\x06h\xc7Y\x04\xb4a\xfd\xb3F\x03\xf4\xe28\x02z\xb0\xfe\xf9\xa0\x01\x1aq"\x01\rX\xff&lt;\xd1\x00]8\x94@\xafX\xff\xfc\xd1\x00-8\x97@OX\xff\xa2\xd0\x80\xdeq4\x81\xee\xb1\xfe\xc5\xa2\x01=\xe2t\x02]b\xfdM@\x03z\xc1\x01\x05\xba\xc1\xfa\x9b\x83\x06t\x8d3\nt\x8c\xf57\r\r\xe8\x0e\xc7\x14\xe8\x0c\xebo&amp;\x1a\xd0\x05N*\xd0\x01\xd6\xdfd4\xa0S\x1cV\xa0]\xac\xbf\xf9h@G8\xaf@[X\x7f[\xd0\x80\xf6qd\x81Sc\xfd\xedB\x03\xda\xc4\xa9\x05N\x81\xf5\xb7\x11\rh\x07\x07\x17X\x08\xebo/\x1apJ\x9c]`^\xac\xbf\xedh\xc0\xc28\xbe\xc0\xdcX\x7f7\xd0\x80\x05p\x82\x819\xb0\xfe.\xa1\x01\xf3\xe1\x10\x03\xb3\xb1\xfe\xee\xa1\x01s\xe2\x1c\x03\xaf\xc0\xfa\xbb\x8a\x06\x9c\x8c\xa3\x0c\xbc\x8c\xf5w\x1b\r\x98\x85\xd3\x0c\x9c\xc0\xfa\xfb\x80\x06\xcc\xc4\x81\x06\x84`\xfd}B\x03\xa6q\xa6\x01\xd6\xdf;4@\xe1X\xc3w\xac\xbf\x9fh\x80 \x00\xf0\x1c\xeb\xef3\x1a\xc0\xe1\x86\xbfX\x7fx\xde\x00\xce7&lt;\xc5\xfaC\xf1\xb9\x01\x1cq\xf8\x88\xf5\xc7L\xde6\x80S\x0e\xef\xb0\xfe8\x99\x9f\r\xe0\xa0\xc3/\xac?\xe6\xe3a\x038\xeb\xf0\x08\xeb\x8f\x85\xf9\xd6\x00\x8e;|\xc1\xfa\xa3\x1d^5\x80\x13\x0f/\xb0\xfeh\x9f?\r\xe0\xd0\xc3}\xac?:\xe5I\x038\xf7p\x1c\xeb\x8f\xee\xf8\xd0\x00\x8e&gt;\\\xc6\xfa\xa3\x17\xce7\x80\xd3\x0fg\xb1\xfe\xe8\x9d\xdb\r\xe0\x06\x80\x9bX\x7f\xe8\xe2p\x03\xb8\x07\xe0 \xd6\x1fz\xb9\xda\x00n\x03\xb8\x86\xf5G\x16\x9cl\x00w\x02\x9c\xc2\xfa#;\xee5\x80\x9b\x01\xee`\xfd\x915\xc7\x1a\xc0\xfd\x00G\xb0\xfe\xc8\x87K\r\xe0\x96\x80\x0bX\x7f\xe4\xc9\x99\x06pW\xc0z\xac?\xf2\xe7F\x03\xb81`7\xd6\x1fEq\xa0\x01\xdc\x1b\xb0\x18\xeb\x8fb\xd9\xde\x00n\x0f\xd8\x8a\xf5\x87\t\xacn\x00w\x08\xac\xc4\xfa\xc3\x1c\xf66\x80\x9b\x04\xf6a\xfda\x1aK\x1b\xc0}\x02\xcb\xb0\xfe0\x93\x8d\r\xe0V\x81MX\x7f\x98\xcc\xba\x06p\xb7\xc0\x1a\xac?\xccgW\x03\xb8a`\x07\xd6\x1f\xb6\xb0\xa8\x01\xdc3\xb0\x00\xeb\x0f\xbb\xd8\xd2\x00n\x1b\x98\x8e\xf5\x87\x8d\xach\x00w\x0e\x8c\xc6\xfa\xc3^\xe67\x80\x9b\x07\xe6b\xfda;\xc3\x1b\xc0\xfd\x03C\xb1\xfep\x83\xc9\r\xe0\x16\x82\x89X\x7f\xb8\xc4\xd8\x06p\x17\xc18\xac?\xdccf\x03\xb8\x91`\x16\xd6\x1f\xae2\xb0\x01\xdcK0\xc8&lt;\xeb\xff\xf7\xac?\xdc`Z\x03\x02)e\xce\xbf%\nT\xf8\xbb\x0e\x16 \xa5\x0c\x82 \x0cC\xb5\xfe\x95J\xa5\xd9l\xbe\xf9\x9d\xd7\xae\xda\xb4\xb599.e\x1a\x84\xa1\xe0\xb4f*\x10$6\x07i\x12\x0f\x0c\x9f\xb9\xff?\xef\xfe\xee\x8eO\x96J\xa58\x8e\x97/_\xbeg\xcf\x9e\xe1\xe1au\x17\xe4v%\x04\x00fyi\xfd\xab\xad\xb8u\xdeU\x1fx\xc5\xfa#;R\x88@\xc84\x89\x9b\x8d\xa2/\xc5\x0bi\x12\xd7\x86\x96\x1c\xf8\xd6\xf6Gw\xde&amp;\xd2\xb8\xd5l^|\xf1\xc5\x0f=\xf4\xd0\xd2\xa5K\x83 \xc8\xad\x01\x04\xc0\x17\xea+\x8b\x8f}\xeccO&lt;\xf1D\x14EI\x92\x14}E\xb3\x05Ap\xec\xd8\xb1\x03\x07\x0e\xa8\xcb\x0b\xc2\xe8\xac7_,\xa5\x94i\x12\x04\xa1\xe4\x8b\xff,\x05a$\xd3d\xc9\xeb\xdf\xf4\xae\x0f\xdf\xdajL\xe5\xf9E\xa8\x9f\xa4L\x85\x14\x03\xc3g\xee\xfa\xd8\xca\xe7\x9f\xd9\xdb\xdf_\xab\xd7\'?\xf3\x99\xcf|\xfa\xd3\x9fN\x92$\x8a\xa2|.\xa3\x94\xcfo\x83\xc2\xa9\x00\xfc\xe8G?\xda\xbbwo\xd1\xd7\xb2\x90J\xa9\x94\xa6i\x14\x86I\x9a&lt;\xfb\xd4\x8f\x8a\xbe\x1c\xbf\xc4\x8dz\x10\x96\x84\x94\x82\x00dI\xbd\x9aU\xa9\r~\xfb_\xd7=\xff\xcc\xdeJ\xa5Z\xafOn\xd8\xb0a\xf3\xe6\xcd\xea5\xb0\xdc\xae\x84\x00\xf8epp0\x8a\xa2(\x8a\x9a\xcdf\xd1\xd72\xb7f\x1c\xab\x1f\x04B\x88\x97\x9e\xf6\x91\x06\xbft\xe1\x86\xb0T\x91iR\xee\x1b\x10&lt;\xd2\xca\xd8\x89\xf5\xef\x1f|x\xeb\xa6\xa7\xff\xfb\xeb\x95J\xb5\xd9l\xac[\xb7\xee\xee\xbb\xef\xce\xff\xf9\x18\x02\xe0\x974M\x93$\x91R^\xfc\xda\xd7\xbe\xf3\xac\xb3&amp;Z\xad\xd0\xb0\xaf\xf5\xa4\x10\xa50&lt;R\xaf\x7f\xe5\xe0\xc1@J!D\x10\x84\xef\xb8\xe8}\x8bO[\xd2hL\x86at\xe2\xe9j\xe8 eZ\xad\xf4\xff\xfc7\x8f\xfd\xf6\xd9\'\xa5L\xa5$\xb4\xd9\x9a\xb9\xfe\x07\x1fyH\xbd\xcfm\xdd\xbau;v\xecH\x92$\x0c\xc3\x9c\x9f|#\x00&gt;J\xd3\xf4\xb2\xb3\xce\xdar\xe9\xa5G&amp;\'K\xe6\xbd\xb8\x9aJ\xd9W*\xfd\xf5\xe9\xa7\xdf22R\n\xa3T\xca\xc3/&gt;w\xdd\xdf~\xa2\xbf\xef\xb4F\xb3\x1eE\x11_\xa4\xea\x92\xa6\xf1\xa2\xc1W\xfd\xfbwn\xff\xcd\x1f\x9f(\xfaZ\xdcg\xda\xfa\x0b\x02\xe0\xad\xc9V\xeb\xc8\xe4\xe4a#\x03 \x84\x90B\xdcp\xdeyB\x08\xd5\x80_\xfcv\xef\x96\xbb\xfe\xe1\xa6\x0f\xdc\xd9\xdfwZc\xa2\x1e\x85\xf9=I\xea\xb64M\xa4\x10\xcdf\xbd\xe8\x0bq\x9f\x81\xeb/\x08\x80\xb7\xc2 (\x85\xa1\xfaO\xd1\xd72\xb7\xbfLNN7\xa0\x1c\x95\xfe\xf7\xd0o\xee\xda\xb5\xe9\xc6\x0f|\xb1\xbf\xef\xb4f\xb3\x1e\xd2\x00M\xa2\xb0\xc4{\xff\xb3f\xe6\xfa\x0b\xfe%0\x8cU\nC\xd5\x80\xcf\xadX\xd1J\xe2rTz\xee\xcf\xbf\xf8\xe2Wo\xacO\x8dU*\xfdij\xdc\xdbX\x819\x19\xbb\xfe\x82\x00\xc0d4\x00\xb63y\xfd\x05\x01\x80\xe1h\x00\xece\xf8\xfa\x0b\x02\x00\xf3\xd1\x00\xd8\xc8\xfc\xf5\x17\x04\x00V\xa0\x01\xb0\x8b\x15\xeb/\x08\x00lA\x03`\x0b[\xd6_\x10\x00X\x84\x06\xc0|\x16\xad\xbf \x00\xb0\x0b\r\x80\xc9\xecZ\x7fA\x00`\x1d\x1a\x003Y\xb7\xfe\x82\x00\xc0F4\x00\xa6\xb1q\xfd\x05\x01\x80\xa5h\x00\xcca\xe9\xfa\x0b\x02\x00{\xd1\x00\x98\xc0\xde\xf5\x17\x04\x00V\xa3\x01(\x96\xd5\xeb/\x08\x00lG\x03P\x14\xdb\xd7_\x10\x008\x80\x06 \x7f\x0e\xac\xbf \x00p\x03\r@\x9e\xdcX\x7fA\x00\xe0\x0c\x1a\x80|8\xb3\xfe\x82\x00\xc0%4\x00Ysi\xfd\x05\x01\x80ch\x00\xb2\xe3\xd8\xfa\x0b\x02\x00\xf7\xd0\x00d\xc1\xbd\xf5\x17\x04\x00N\xa2\x01\xd0\xcb\xc9\xf5\x17\x04\x00\xae\xa2\x01\xd0\xc5\xd5\xf5\x17\x04\x00\x0e\xa3\x01\xe8\x9d\xc3\xeb/\x08\x00\xdcF\x03\xd0\x0b\xb7\xd7_\x10\x008\x8f\x06\xa0;\xce\xaf\xbf \x00\xf0\x01\r@\xa7|X\x7fA\x00\xe0\t\x1a\x80\xf6y\xb2\xfe\x82\x00\xc0\x1f4\x00\xed\xf0g\xfd\x05\x01\x80Wh\x00\x16\xe6\xd5\xfa\x0b\x02\x00\xdf\xd0\x00\xcc\xc7\xb7\xf5\x17\x04\x00\x1e\xa2\x018\x99\x87\xeb/\x08\x00\xfcD\x030\x93\x9f\xeb/\x08\x00\xbcE\x03\xa0x\xbb\xfe\x82\x00\xc0g4\x00&gt;\xaf\xbf \x00\xf0\x1c\r\xf0\x99\xe7\xeb/\x08\x00@\x03\xfc\xc4\xfa\x0b\x02\x00\x08\x1a\xe0\x1f\xd6_!\x00\x80\x104\xc0\'\xac\xff4\x02\x00\x9c@\x03|\xc0\xfa\xcfD\x00\x80\x97\xd1\x00\xb7\xb1\xfe\xb3\x10\x00\xe0\x15h\x80\xabX\xff\x93\x11\x00`6\x1a\xe0\x1e\xd6\x7fN\x04\x00\x98\x03\rp\t\xeb?\x1f\x02\x00\xcc\x8d\x06\xb8\x81\xf5_\x00\x01\xf0\x8b\x94\xb2\xe8K\xb0\t\r\xb0\x1d\xeb\xbf0\x02\xe0\x0b)\xa5\x94\xb2T*\x15}!\x96\xa1\x01\xf6b\xfdO\x89\x00xAJ\x19\x04A\x10\x04G\x8f\x1e-\xfaZ\xecC\x03l\xc4\xfa\xb7\x83\x00\xb8OJ\x99\xa6i\x18\x86\xeb\xd7\xaf\xdf\xbf\x7f\x7f\xa5T\x12B\xf0LPGh\x80]X\xff6\x11\x00\xc7\xa9\xf5\x8f\xa2h\xfd\xfa\xf5\xf7\xdcsO\x14Ei\x9a\n!\xcaa\xc8\xeb\x01\x1d\xa1\x01\xb6`\xfd\xdbG\x00\\6k\xfd+\x95J\x92\x9c\xd8\xa9\x17\xea\xf5j\xa9D\x03:B\x03\xcc\xc7\xfaw\x84\x008k\xd6\xfaW\xab\xd5f\xb3\x19\x86a\x9c\xa6a\x10\xdc\xff\xcc3w\x1c8\xf0\xea\xc1\xc18M\x8b\xbeR\x9b\xd0\x00\x93\xb1\xfe\x9d"\x00n\x9a\xb5\xfe\xfd\xfd\xfd\x8dF\xe3\xfa\xeb\xaf_\xb1b\x85\x10"\x08\xc3D\xca\xcd##w=\xf1\xc4\x99\xb5\x1a\r\xe8\x08\r0\x13\xeb\xdf\x05\x02\xe0\xa0\x93\xd7\xbf^\xaf\xafY\xb3\xe6K_\xfa\xd2\xcb\xcf\xf9HY\x8e\xc2[FF\xee\xfa\xe9Oi@\xa7h\x80iX\xff\xee\x10\x00\xd7\xcc\xb9\xfek\xd7\xae\xbd\xf7\xde{\x1b\x8dF\x1c\xc7\'~\x99\x10\xad$\xa5\x01]\xa3\x01\xe6`\xfd\xbbF\x00\x9c\xb2\xc0\xfa\x8f\x8d\x8d\t!\xc20\x14B$I\xf2\xd1\xf7,\xbb|\xd9\xd2V\x92VK\x11\r\xe8\x0e\r0\x01\xeb\xdf\x0b\x02\xe0\x8e\x85\xd7?M\xd3\x99w\xc2kN\xaf}\xeb\xf3\xef[v\xf6\x92F\x9c\xd0\x80\xae\xd1\x80b\xb1\xfe="\x00\x8e8\xe5\xfa\xab\xaf\xfd\xa7\x8d\xd5[\x03\x03\x95=[V\xff\xcd9g\xd2\x80^\xd0\x80\xa2\xb0\xfe\xbd#\x00.\xe8t\xfd\x85\x10\xa5(\x94S\xf1\xf0`u\xcf\xe7\xfe\x8e\x06\xf4\x88\x06\xe4\x8f\xf5\xd7\x82\x00X\xaf\x8b\xf5W\x820\x98\x9c\x8a\x87\x07h\x80\x064 O\xac\xbf.\x04\xc0n]\xaf\xbf\x12EA\x9d\x06hB\x03\xf2\xc1\xfakD\x00,\xd6\xe3\xfa+4@#\x1a\x905\xd6_/\x02`+-\xeb\xaf\xd0\x00\x8dh@vX\x7f\xed\x08\x80\x954\xae\xbfB\x034\xa2\x01Y`\xfd\xb3@\x00\xec\xa3}\xfd\x15\x1a\xa0\x11\r\xd0\x8b\xf5\xcf\x08\x01\xb0LF\xeb\xaf\xd0\x00\x8dh\x80.\xac\x7fv\x08\x80M2]\x7f\x85\x06hD\x03z\xc7\xfag\x8a\x00X#\x87\xf5Wh\x80F4\xa0\x17\xac\x7f\xd6\x08\x80\x1dr[\x7f\x85\x06hD\x03\xba\xc3\xfa\xe7\x80\x00X \xe7\xf5Wh\x80F4\xa0S\xac\x7f&gt;\x08\x80\xe9\nY\x7f\x85\x06hD\x03\xda\xc7\xfa\xe7\x86\x00\x18\xad\xc0\xf5Wh\x80F4\xa0\x1d\xac\x7f\x9e\x08\x80\xb9\n_\x7f\x85\x06hD\x03\x16\xc6\xfa\xe7\x8c\x00\x18\xca\x90\xf5Wh\x80F4`&gt;\xac\x7f\xfe\x08\x80\x89\x8cZ\x7f\x85\x06hD\x03N\xc6\xfa\x17\x82\x00\x18\xc7\xc0\xf5Wh\x80F4`&amp;\xd6\xbf(\x04\xc0,\xc6\xae\xbfB\x034\xa2\x01\n\xeb_ \x02`\x10\xc3\xd7_\xa1\x01\x1a\xd1\x00\xd6\xbfX\xc5\x0f\n\x14+\xd6_\xa1\x01\x1a\xf9\xdc\x00\xd6\xbfp\xa6l\x8a\xe7,Z\x7f\x85\x06h\xe4g\x03X\x7f\x13\x985+~\xb2n\xfd\x15\x1a\xa0\x91o\r`\xfd\ra\xe2\xb2x\xc5\xd2\xf5Wh\x80F\xfe4\x80\xf57\x87\xb9\xe3\xe2\x03\xab\xd7_\xa1\x01\x1a\xf9\xd0\x00\xd6\xdf(\xa6\xef\x8b\xc3\x1cX\x7f\x85\x06h\xe4v\x03X\x7f\xd3\xd811\xeeqf\xfd\x15\x1a\xa0\x91\xab\r`\xfd\rd\xd3\xca8\xc3\xb1\xf5Wh\x80F\xee5\x80\xf57\x93}Cc;\'\xd7_\xa1\x01\x1a\xb9\xd4\x00\xd6\xdfX\xb6n\x8d\xa5\x1c^\x7f\x85\x06h\xe4F\x03X\x7f\x93\xd9=7vq~\xfd\x15\x1a\xa0\x91\xed\r`\xfd\r\xe7\xc2\xe2X\xc1\x93\xf5Wh\x80F\xf66\x80\xf57\x9f;\xa3c2\xaf\xd6_\xa1\x01\x1a\xd9\xd8\x00\xd6\xdf\n\xae\xed\x8e\x81&lt;\\\x7f\x85\x06hdW\x03X\x7f[\xb89=\xe6\xf0v\xfd\x15\x1a\xa0\x91-\r`\xfd-\xe2\xf2\xfa\x14\xce\xf3\xf5Wh\x80F\xe67\x80\xf5\xb7\x8b\xfb\x03T\x14\xd6\x7f\x1a\r\xd0\xc8\xe4\x06\xb0\xfe\xd6\xf1e\x83r\xc6\xfa\xcfB\x0342\xb3\x01\xac\xbf\x8d\xfc\x9a\xa1|\xb0\xfes\xa2\x01\x1a\x99\xd6\x00\xd6\xdfR&gt;.Q\xa6X\xff\x05\xd0\x00\x8d\xcci\x00\xebo/\x7f\xc7(\x0b\xac\xff)\xd1\x00\x8dLh\x00\xebo5\xdf\xf7H#\xd6\xbfM4@\xa3b\x1b\xc0\xfa\xdb\x8eI\xd2\x83\xf5\xef\x08\r\xd0\xa8\xa8\x06\xb0\xfe\x0e`\x954`\xfd\xbb@\x034\xca\xbf\x01\xac\xbf\x1b\x18\xa6^\xb1\xfe]\xa3\x01\x1a\xe5\xd9\x00\xd6\xdf\x19lSOX\xff\x1e\xd1\x00\x8d\xf2i\x00\xeb\xef\x12\xe6\xa9{\xac\xbf\x164@\xa3\xac\x1b\xc0\xfa;\x86\x85\xea\x12\xeb\xaf\x11\r\xd0(\xbb\x06\xb0\xfe\xeea\xa4\xba\xc1\xfakG\x034\xca\xa2\x01\xac\xbf\x93\xd8\xa9\x8e\xb1\xfe\x19\xa1\x01\x1a\xe9m\x00\xeb\xef*\xa6\xaa3\xac\x7f\xa6h\x80F\xba\x1a\xc0\xfa;\x8c\xb5\xea\x00\xeb\x9f\x03\x1a\xa0Q\xef\r`\xfd\xdd\xc6`\xb5\x8b\xf5\xcf\r\r\xd0\xa8\x97\x06\xb0\xfe\xcec\xb3\xda\xc2\xfa\xe7\x8c\x06h\xb4`\x03\xfa\xe6k\x00\xeb\xef\x03f\xeb\xd4X\xffB\xd0\x00\x8d\xe6k\xc0d}\xee\x06\xb0\xfe\x9e`\xb9N\x81\xf5/\x10\r\xd0h\xce\x06\xdc\xb9\xeb\xa6\xfa\xd4x\xb5Z\x9b\xf9+Y\x7f\x7f0^\x0ba\xfd\x0bG\x034:\xb9\x01\x7f\xfa\xbf_o\xbd\xef\x9f\x8e\x8f\xbd0\xfdkX\x7f\xaf\xb0_\xf3b\xfd\rA\x034\x9a\xd5\x80R\x18\xfd\xfa\xf7\xfbG~\xf2\xf5 \x8c\x84\x10R\xca@\x84\x95\xfe\xc1\xdd\xac\xbf\x1f\x98\xb0\xb9\xb1\xfeF\xa1\x01\x1a\xcdl@\x9c&amp;\xa50\x9a\x1e\xf50\x8c*\xb5\xc1\xdd[7=\xcd\xfa\xfb\x81\x15\x9b\x03\xebo \x1a\xa0\xd1\xac\x06\x88\x97\xa6=\x08\x82\xddwl|\xe6\xfb_g\xfd=\xc1\x90\xcd\xc6\xfa\x1b\x8b\x06ht\xa2\x01\xe7\x9f\x7f\xfb\x8a\x15Q\x10\x08\x99\n!\x9e;\xf8??}\xf8\xber\xa5\xc2\xfa{\x82-{\x05\xd6\xdfp4@\xa3R\x18\x1e\x1a\x1f\xff\xe7\x0b.X\xf3\xa67\xa5R\x96\xc2PJY\xaeTZ\xcd&amp;\xeb\xef\t\xe6\xece\xac\xbf\x15h\x80FA\x104\xe2\xf8U\xfd\xfd\xea\xff\x8c\xa2\x88\xf5\xf7\n\x8bv\x02\xebo\x11\x1a\xa0Q\x10\x04\xad4\x15B\x84a\x98$\t\xeb\xef\x15FM\x08\xd6\xdfB4@#5\xf3\xcd8\xbe\xf0\xc2\x0bw\xec\xd8\xa1\x0e&lt;\xeb\xef\x03v\x8d\xf5\xb7\x15\r\xd0nhhHJ)\xa5d\xfd=\xe1\xfb\xb4\xb1\xfeV\xa3\x01z\xc5q\x1c\x04\x01\xeb\xef\x0f\xaf\xd7\x8d\xf5w\x00\r\xd0\x88\xe9\xf7\x8d\xbf\x03\xc7\xfa;\x83\x06\x00\xdd\xf1t\xe3X\x7f\xc7\xd0\x00\xa0\x0b&gt;\xce\x1c\xeb\xef$\x1a\x00t\xca\xbb\xa5c\xfd\x1dF\x03\x80\x8e\xf85v\xac\xbf\xf3h\x00\xd0&gt;\x8f\xf6\x8e\xf5\xf7\x04\r\x00\xda\xe4\xcb\xe4\xb1\xfe^\xa1\x01@;\xbcX=\xd6\xdfC4\x008%\xf7\x87\x8f\xf5\xf7\x16\r\x00\x16\xe6\xf8\xf6\xb1\xfe\x9e\xa3\x01\xc0\x02\\\x9e?\xd6\x1f\x82\x06\x00\xf3sv\x01Y\x7fL\xa3\x01\xc0\x9c\xdc\x1cA\xd6\x1f\xb3\xd0\x00\xe0d\x0e\xee \xeb\x8f9\xd1\x00`\x16\xd7\xa6\x90\xf5\xc7\x02h\x000\x93Sk\xc8\xfa\xe3\x94h\x000\xcd\x9dAd\xfd\xd1&amp;\x1a\x00(\x8el"\xeb\x8f\x8e\xd0\x00@\xb8\x11\x00\xd6\x1f]\xa0\x01\x80\xf5\xcb\xc8\xfa\xa3k4\x00\x9e\xb3{\x1cY\x7f\xf4\x88\x06\xc0g\x16\xef#\xeb\x0f-h\x00\xbce\xebD\xb2\xfe\xd0\x88\x06\xc0OV\xae$\xeb\x0f\xedh\x00&lt;d\xdfP\xb2\xfe\xc8\x08\r\x80o,\xdbJ\xd6\x1f\x99\xa2\x01\xf0\x8aMs\xc9\xfa#\x074\x00\xfe\xb0f1Y\x7f\xe4\x86\x06\xc0\x13v\x8c&amp;\xeb\x8f\x9c\xd1\x00\xf8\xc0\x82\xddd\xfdQ\x08\x1a\x00\xe7\x99&gt;\x9d\xac?\nD\x03\xe06\xa3\xd7\x93\xf5G\xe1h\x00\x1cf\xee\x80\xb2\xfe0\x04\r\x80\xab\x0c\xddP\xd6\x1fF\xa1\x01p\x92\x893\xca\xfa\xc3@4\x00\xee1nIY\x7f\x18\x8b\x06\xc01f\x8d)\xeb\x0f\xc3\xd1\x00\xb8\xc4\xa0=e\xfda\x05\x1a\x00g\x982\xa9\xac?,B\x03\xe0\x06#V\x95\xf5\x87uh\x00\x1cP\xfc\xb0\xb2\xfe\xb0\x14\r\x80\xed\n\xdeV\xd6\x1fV\xa3\x01\xb0Z\x91\xf3\xca\xfa\xc3\x014\x00\xf6*laY\x7f8\x83\x06\xc0R\xa5B~W\xd6\xbfpi*\xe3$\x8d\x13\xb6I\x9b\xb1\x89\xe6`_\xf9;\xb7\xad\xbej\xf3\x7f\xfc\xec\xf7/\x94\xa3\xf0\x96\x91\x11!\xc4\r\xe7\x9dwhr2(\xfa\xf2\xe6\x14\xa7i\x9c\xa6\xa9\x94E_\x08\x8aQ@\x00X\x7f\x13\x0c\xf4\x97K\xc3\x03\xc3B\x88\x88?mM\x02!\x12\xf9\x9a\xe1\xda\x13w\xbf\x7f\xd5\xe6o~\xf7\x89\xe7\xa6\x1b\xb0\xe9\x82\x0b\xa6\xe28\x0c\x8c\xab@\x9c\xa6\xa7\xd7j\xb5r\xb9\xe8\x0bA1\xf2\x0e\x00\xebo\x820\x0c\xff\xeb\xc0\x1f\xe3/&lt;\xd2\x98j\x19\xb8J\xd6\x92B\x04I\x92\xd6j\x95s\xfej\xe8\x91\'\x9fOR\x19\x04\xe2\x96\x91\x91_\x1e9rz\x7f\x7f\x9c\xa6\xa6\xfdY\xa7R\x0e\x94\xcb\xdf\x7f\xee\xb90\x0cS\x9e\xaa\xf2O\xae\x01\x90R\n!\xa6\xd7\xbfZ\xad\xb2\xfe9\x0b\xc30\x8a\xa2(\x8aF\x9e\xfa\xd3\xc8S\x7f*\xfar\\\x16EQ\x10\x06\x81\x10i\x92|\xe5\xe0\xc1\xa2/\xe7\x14*\x95J\x92$\xdc\x80\xbe\xc9;\x00R\xca\x8f~\xf4\xa3j\xfd\x1b\x8d\xc6\x9a5kX\xff\xdc\x04A0&gt;&gt;\x9e$I\x92$E_\x8b\xfbf\xfe!Ga\x18\x08\x11\x86a3\x8e\x0b\xbc\xa4\x054\x9bM!\xc4\xf8\xf8x\xd1\x17\x82\\\xe5\x17\x80$I\xa2(\xba\xed\xb6\xdb\xb6o\xdf^\xab\xd5&amp;\'\'\xdf\xf1\x8ew\xec\xda\xb5\xeb\xc5\x17_\x14B\xb0\xfeY\x0b\x82 \x8e\xe3\xb7\xbe\xf5\xad\xb5Z\x8d\xc7\xfb9H\xd3\xb4T*\x05A\xf0\x83\x1f\xfc@\x1d\xfef\x1c_p\xc1\x05\x8b\x17/\x96\xe6\xbd\xe8\x1aEQ\x92$\xe7\x9f\x7f\xbe\x10"\xe0YAo\x04\xb9\x9dE\xf5\xe5\xff\xf3\xcf?\x7f\xddu\xd7=\xf6\xd8c\x95J\xa5\\.o\xd9\xb2e\xe3\xc6\x8d\x87\x0f\x1f.\x95\x8ay?\x92o\xfa\xfa\xfa\xa2(*\xfa*\xdc\x97\xa6i\x10\x04\xd5j\xf5\x86\x1bn\xd8\xbe}{\xb9\\n4\x1a\xeb\xd6\xad\xdb\xb1cG\xd1\x97\x06\xbc,\xbf\x00\x08!\xa4\x94A\x10\x8c\x8e\x8e\xae\\\xb9r\xdf\xbe}\xea\x8b\x8e\xad[\xb7\xd2\x80\xdc\xf0\x85\x7f\x0e\xd4\xf3\x99\xa7\x9dv\xda\x87&gt;\xf4\xa1\x07\x1ex\xa0R\xa94\x9bM\xb5\xfei\x9a\xaa\xbb\xa0\xe8k\x9c\x17\x8f\xc5\xbd\x92k\x00\xc4K\xf7\xc6t\x03\xd4+\x014\x00\xce\x98^\xff\x0f\x7f\xf8\xc3;w\xeeT\xefsS\xeb\xaf^e5y\xfd\xe1\x9b\xbck\xaf\x9e}\x1e\x1e\x1e\xde\xb3g\xcf\xf2\xe5\xcb\x1b\x8dF\xb5Z\xdd\xb4i\xd3\xb6m\xdb\x96,Y\x12\x9b\xfa\x12\x19\xd0\x0e\xd6\x1fv)\xe0\xe1\x1e\r\x80\x93X\x7fX\xa7\x98\xe7\xfbh\x00\x1c\xc3\xfa\xc3F\x85\xbd\xe0C\x03\xe0\x0c\xd6\x1f\x96*\xf2\x15\x7f\x1a\x00\x07\xb0\xfe\xb0W\xc1o\xf9\xa2\x01\xb0\x1a\xeb\x0f\xab\x15\xff\x9e_\x1a\x00K\xb1\xfe\xb0]\xf1\x01\x104\x00\x16b\xfd\xe1\x00#\x02 h\x00\xac\xc2\xfa\xc3\r\xa6\x04@\xd0\x00X\x82\xf5\x873\x0c\n\x80\xa0\x010\x1e\xeb\x0f\x97\x98\x15\x00A\x03`0\xd6\x1f\x8e1.\x00\x82\x06\xc0H\xac?\xdccb\x00\x04\r\x80aX\x7f8)\xefo\x07\xdd\x11\x87\xbfw\xf4\xac?v\xe6\xc3d\xac?\\et\x00\x84[\rH\xd3T}P\x94\xfaXv5\x1cR\xca4M\xa7?\xa7\x9751\r\xeb\x0f\x87\x99\x1e\x00a\x7f\x03\xa4\x94I\x92\x94J\xa5Z\xadV\xa9T\x92$\x19\x1f\x1f\x1f\x1b\x1b\xab\xd7\xeb\xcdf\xb3\\.\xd7j\xb5\xc5\x8b\x17\x0f\x0e\x0e\xa6i:66\xa6&gt;?\xb6\xe8\xab\x86\x10\xac?\\gA\x00\x84\xcd\rH\xd3\xb4Z\xad\x0e\x0c\x0c\x1c;v\xec\xc9\'\x9f\x1c\x19\x19\xd9\xbf\x7f\xff\xef~\xf7\xbbC\x87\x0e\xd5\xebu5"\xb5Zm\xe9\xd2\xa5\xcb\x96-\xbb\xfa\xea\xab\xaf\xb8\xe2\x8a\xc1\xc1\xc1c\xc7\x8e\xd1\x80\xc2\xb1\xfep\x9e\x1d\x01\x10v6 M\xd3\x81\x81\x81g\x9f}\xf6\xc1\x07\x1f\xfc\xc67\xbe\xf1\xb3\x9f\xfd\xec\x94\xff\x93e\xcb\x96\xddz\xeb\xad\xefy\xcf{FGG\xf9t\xd6\x02\xb1\xfe\xf0\x815\x01\x10\xb65 I\x92\xc5\x8b\x17\x7f\xf5\xab_\xbd\xf9\xe6\x9bGGG\xd5O\x96\xcbe5\x1c\xea\xf5\x00!D\x10\x04j\xe8\xd5\x8b\x01\xea\'o\xbf\xfd\xf6\x8f\x7f\xfc\xe3\xa3\xa3\xa3&lt;\x0e(\x04\xeb\x0fO\xd8\xf45\xa6u\xef\r\x95R\xbe\xfa\xd5\xaf\x1e\x1d\x1d-\x97\xcb\xe5r9\x8a\xa2V\xab\xd5l6\x9b\xcdf\x1c\xc7j\xee\x93$i\xb5Z\xadV+I\x12)\xa5z}x\xf3\xe6\xcd;w\xee\x1c\x1e\x1eV\xaf\x0c#O\xac?\xfca\xd3#\x00\xc5\xa2\xc7\x01i\x9a.^\xbc\xf8\xaa\xab\xae\xfa\xde\xf7\xbe\xa7~\xe6\xcc3\xcf\xbc\xe4\x92K.\xbc\xf0\xc27\xbc\xe1\rCCCQ\x14MLL\xfc\xeaW\xbf\xda\xbd{\xf7\xa3\x8f&gt;\xaa~M\x18\x86R\xca3\xce8c\xff\xfe\xfd\xa7\x9f~z\xab\xd5bqr\xc3\xfa\xc3+\xf6\x05@\xd8\xd3\x80$I\x86\x86\x86\xbe\xfd\xedo\xbf\xf7\xbd\xef\xbd\xf4\xd2K\xd7\xacYs\xc5\x15W,]\xba\xb4T*%I\x92\xa6\xa9\x942\x0c\xc3(\x8a\xe28\xde\xb9s\xe7M7\xdd\xd4h4\xd4O&amp;Ir\xfb\xed\xb7\xdfr\xcb-F\xfd\x7f\xe46\xd6\x1f\xbe\xb12\x00\xc2\x9e\x06\x04A\xd0l6\x9fy\xe6\x99\x8b.\xba\xa8\xbf\xbf\x7f||\\M\xbc\x9a\x12\xf5\xef\x00\xd4_\xc1\x92%K&gt;\xff\xf9\xcf\xdf|\xf3\xcd\xeay\xff4M/\xbb\xec\xb2\x87\x1f~x||\x9cW\x83s\xc0\xfa\xc3C\xb6\x06@X\xd5\x80\xfe\xfe\xfe\x89\x89\t\xf5\x06\xff9wD}\xd5?11q\xfe\xf9\xe7\x1f&gt;|8\x8a\xa2$I^\xff\xfa\xd7?\xf6\xd8c}}}I\x92\xb0&gt;\x99b\xfd\xe1\'\x8b\xbf\xb4\xb4\xe55a)\xe5\xf8\xf8x\x10\x04\xa5Ri\xbe\x1d\t\x82@=_t\xf6\xd9g\x8b\x97\xbe3\xc4\xf1\xe3\xc7\xa7\xa6\xa6\xf8\xf2?k\xac?\xbce\xf7\xb8\xd8\xd2\x806G&lt;\x08\x82\x99[\xc3\xf4\xe4\x80\xf5\x87\xcf\xec\x0e\x80\xb0\xa7\x01\x0bSo\x00\x9d\x98\x98\xf8\xf3\x9f\xff&lt;\xfd\x93CCC\xb5Z\x8dw\x82f\x87\xf5\x87\xe7\xac\x0f\x80p\xa2\x01I\x92\x0c\x0e\x0e&gt;\xfe\xf8\xe3\xcf&gt;\xfb\xacz\x1bh\x10\x04o|\xe3\x1b\x17/^\x1c\xc713\x94\x05\xd6\x1fp!\x00\xc2\xf2\x06\xa4iZ.\x97[\xad\xd6\xad\xb7\xde:\xfd\x9a\xbc\x94\xf2\xdd\xef~w\x14E\xf6\xbeJo2\xd6\x1f\x10V\xbf\x0b\xe8d\xb6\xbc/h&amp;u\xcd\x8b\x16-\xfa\xc8G&gt;r\xdf}\xf7\xa9W\x0b\xd24=\xe7\x9cs~\xfc\xe3\x1f\x97J%\xf5\x1d\xa4\x8b\xbeL\xa7\xb0\xfe\x80\xe2\xc8#\x00\xc5\xba\xc7\x01q\x1cW\xab\xd5j\xb5\xfa\xc1\x0f~\xf0\xbe\xfb\xee\x9b\xf9\x9d\x7f\xee\xb8\xe3\x0e\x9e\xff\xc9\x02\xeb\x0fLs*\x00\xc2\xaa\x06\xc4q\xbch\xd1\xa2\xe3\xc7\x8f\xaf^\xbd\xfa\xfe\xfb\xef\x9f~\xb6\'M\xd3m\xdb\xb6\xadZ\xb5\xea\xe8\xd1\xa3|38\xbdX\x7f`&amp;\xa7\x9e\x02\x9af\xfesAq\x1c\x0f\x0f\x0f?\xf9\xe4\x93\xef\x7f\xff\xfb\x7f\xf9\xcb_\xaa\xa1W\x1bt\xe7\x9dwn\xd8\xb0\xe1\xc5\x17_d\xfd\xf5b\xfd\x81Y\xdc\x0c\x800\xbb\x01j\xfdGFF\xae\xbd\xf6\xda#G\x8eL\xaf\xff\xf0\xf0\xf0\x97\xbf\xfc\xe5\xd5\xabW\x17~\x85\xeea\xfd\x81\x939\x1b\x00aj\x03\xd4\xa7\xc4\x1c&lt;x\xf0\xca+\xaf\x9c~\x92\'I\x92\xb7\xbc\xe5-\xbbv\xed:\xf7\xdcs\x8f\x1c9\xc2\xfa\xeb\xc5\xfa\x03sr9\x00\xc2\xbc\x06\xa87\xf8\x07A\xb0b\xc5\x8a\xa7\x9ez\xaaT*\xa9O\x0c\xbe\xec\xb2\xcb\x1e|\xf0\xc1\xa1\xa1\xa1c\xc7\x8e\x95\xcb\xe5\x9c\xaf\xcam\xac?0\x1f\xd7^\x04\x9e\xc5\xb4\xd7\x84\xd5\xc7\x84\xdd\x7f\xff\xfdj\xfd\xd5\x07\xc2\\z\xe9\xa5\xdf\xfc\xe67\x07\x06\x06\x8e\x1f?\xce\xfa\xeb\xc5\xfa\x03\x0bp&lt;\x00\xc2\xb0\x06\x84a\xd8j\xb5\xbe\xf6\xb5\xaf\xa9\xc7\x01R\xca\xa5K\x97\xee\xdc\xb9\xb3R\xa9LMM\xf1\xcc\x8f^\xac?\xb00\xf7\x03 \x8ci\x80\x94\xb2R\xa9\x1c:t\xe8\xe7?\xff\xb9|\xc9\xc6\x8d\x1b_\xf7\xba\xd7\x8d\x8f\x8f\xf3\x9e\x1f\xbdX\x7f\xe0\x94\xbc\x08\x800\xa3\x01\xea;\xbe\xbd\xf0\xc2\x0b\xc7\x8e\x1d\x13B\xa8\x8f\x07X\xb1bE\xbd^g\xfd\xf5b\xfd\x81v\xf8\x12\x00aF\x03\xc20\xac\xd7\xeb\xd3\x9f\x0c\xb3h\xd1"\xf5[\xb3G\x1a\xb1\xfe@\x9b&lt;\n\x800\xa3\x01\xea\xd3\x80\xd5\x7fOMM\xf1\xb5\xbf^\xac?\xd0&gt;\xc7\xdf\x06:\xa7\xa2\xde\x1b\xaa\x9e\x02\x1a\x1b\x1b{\xfc\xf1\xc7\xd5\xcf\x94\xcb\xe5\xe5\xcb\x97\xab7\x83f\xf4\x9bz\x85\xf5\x07:\xe2c\x00D\xa1\xff&gt; \x0c\xc3\x81\x81\x01\xf5c)\xe5\xc4\xc4\x84\x9f\x7f\x05\xda\xb1\xfe@\xa7&lt;\r\x80(\xf4q@\x1c\xc7i\x9a\n!\xc20\xe4\x8d\xffZ\xb0\xfe@\x17\xfc\r\x80(\xa8\x01\xea[A\xf4\xf5\xf5\t!Z\xad\xd6\xd8\xd8\x98x\xe9S\xe0\xd1\x1d\xd6\x1f\xe8\x8e\xd7\x01\x10\xb97@J900\xf0\x93\x9f\xfc\xe4\xd1G\x1f\x9d\x9a\x9a\xba\xe8\xa2\x8b\xae\xbc\xf2\xcaF\xa3\xc1\xa7\xbet\x8d\xf5\x07\xba\xe6{\x00D\x8e\rP\xdf\x07b\xdb\xb6m\x9f\xf8\xc4\'\xa6?\xea}\xed\xda\xb5w\xdduW\xa3\xd1`\xa7\xba\xc0\xfa\x03\xbd \x00B\xe4\xd2\x00)e\xa9T:z\xf4\xe8\xb9\xe7\x9e\xab\xbe\xe7\x8f\xfa\x97\xc0I\x92\xec\xde\xbd\xfb\xf2\xcb/\x1f\x1b\x1bS\x9f\x07\x896\xb1\xfe@\x8fX\x1c!r\xf9\xf7\x01R\xcaj\xb5\xfa\x87?\xfcall,\x08\x82V\xab\xa5\xfe\xfdW\x18\x86O?\xfdt\xb9\\V/\x0b\xa3M\xac?\xd0;\x02pB&gt;\xffFl\xce\xaf\xf1\xf9\xc2\xbfS\xac?\xa0\x05\xd3\xf3\xb2L\x1b\x10\x04\xc1\xd4\xd4\xd4\xd9g\x9f}\xc6\x19g\xa8\xef\n\xa7\xbe\x1dt\x9a\xa6\xe7\x9dw^\xb3\xd9$\x03mb\xfd\x01]\x18\x9dW\xc8\xae\x01\xeai\x9f%K\x96|\xf6\xb3\x9f\xadT*\xcdfS\xfdk\x80\x1bo\xbc\xf1\x92K.\x19\x1f\x1f\'\x00\xed`\xfd\x01\x8dx\x11x\x0e\xd9\xbd&amp;,\xa5\x1c\x1c\x1c&lt;p\xe0\xc0#\x8f&lt;R\xaf\xd7\xdf\xf6\xb6\xb7]~\xf9\xe5SSS\xfc-\xb4\x83\xf5\x07\xf4"\x00s\xcb\xae\x01i\x9a\xd6j\xb5\xfe\xfe~!D\xb3\xd9\xe4\xcd?mb\xfd\x01\xed\x08\xc0\xbc2m\x80z\xcfO\x10\x04|7\xd0v\xb0\xfe@\x16\x08\xc0BL\xfbLy?\xb1\xfe@Fx\xf2a!&amp;|~\x80\xe7X\x7f ;\x04\xe0\x14h@\x81X\x7f S\x04\xe0\xd4h@!X\x7f k\x04\xa0-4 g\xac?\x90\x03\x02\xd0.\x1a\x90\x1b\xd6\x1f\xc8\x07\x01\xe8\x00\r\xc8\x01\xeb\x0f\xe4\x86\x00t\x86\x06d\x8a\xf5\x07\xf2D\x00:F\x032\xc2\xfa\x039#\x00\xdd\xa0\x01\xda\xb1\xfe@\xfe\x08@\x97h\x80F\xac?P\x08\x02\xd0=\x1a\xa0\x05\xeb\x0f\x14\x85\x00\xf4\x84\x06\xf4\x88\xf5\x07\nD\x00zE\x03\xba\xc6\xfa\x03\xc5"\x00\x1a\xd0\x80.\xb0\xfe@\xe1\x08\x80\x1e4\xa0#\xac?`\x02\x02\xa0\r\rh\x13\xeb\x0f\x18\x82\x00\xe8D\x03N\x89\xf5\x07\xccA\x004\xa3\x01\x0b`\xfd\x01\xa3\x10\x00\xfdh\xc0\x9cX\x7f\xc04\x04 \x134`\x16\xd6\x1f0\x10\x01\xc8\n\r\x98\xc6\xfa\x03f"\x00\x19\xa2\x01\x82\xf5\x07\x0cF\x00\xb2\xe5y\x03X\x7f\xc0d\x04 s\xde6\x80\xf5\x07\x0cG\x00\xf2\xe0a\x03X\x7f\xc0|\x04 \'^5\x80\xf5\x07\xac@\x00\xf2\xe3I\x03X\x7f\xc0\x16\x04 W\xce7\x80\xf5\x07,B\x00\xf2\xe6p\x03X\x7f\xc0.\x04\xa0\x00N6\x80\xf5\x07\xacC\x00\x8a\xe1X\x03X\x7f\xc0F\x04\xa00\xce4\x80\xf5\x07,E\x00\x8a\xe4@\x03X\x7f\xc0^\x04\xa0`V7\x80\xf5\x07\xacF\x00\x8agi\x03X\x7f\xc0v\x04\xc0\x08\xd65\x80\xf5\x07\x1c@\x00LaQ\x03X\x7f\xc0\r\x04\xc0 V4\x80\xf5\x07\x9cA\x00\xccbx\x03X\x7f\xc0%\x04\xc08\xc66\x80\xf5\x07\x1cC\x00Ld`\x03X\x7f\xc0=\x04\xc0PF5\x80\xf5\x07\x9cD\x00\xcceH\x03X\x7f\xc0U\x04\xc0h\x857\x80\xf5\x07\x1cF\x00LW`\x03X\x7f\xc0m\x04\xc0\x02\x854\x80\xf5\x07\x9cG\x00\xec\x90s\x03X\x7f\xc0\x07\x04\xc0\x1a\xb95\x80\xf5\x07&lt;A\x00l\x92C\x03X\x7f\xc0\x1f\x04\xc02\x996\x80\xf5\x07\xbcB\x00\xec\x93Q\x03X\x7f\xc07\x04\xc0J\xda\x1b\xc0\xfa\x03\x1e"\x00\xb6\xd2\xd8\x00\xd6\x1f\xf0\x13\x01\xb0\x98\x96\x06\xb0\xfe\x80\xb7\x08\x80\xddzl\x00\xeb\x0f\xf8\x8c\x00X\xaf\xeb\x06\xb0\xfe\x80\xe7\x08\x80\x0b\xbah\x00\xeb\x0f\x80\x008\xa2\xa3\x06\xb0\xfe\x00\x04\x01pI\x9b\r`\xfd\x01(\x81\x94\xb2\xe8k\x80Nj\xdfGGGW\xae\\\xb9o\xdf\xbej\xb5\xdah4\xb6n\xdd\xbaq\xe3\xc6\xc3\x87\x0f\x87a\xc8\xfa\x03Px\x04\xe0\x9a\x85\x1f\x07\x08!X\x7f\x00\n\x8f\x00\xdc4\xdf\xe3\x80\x1bo\xbcq\xed\xda\xb5\x0f&lt;\xf0\x00\xeb\x0f\x80\x008kV\x03J\xa5R\x92$o\x7f\xfb\xdb\x7f\xf8\xc3\x1f\xaa\x1e\xb0\xfe\x80\xe7\x08\x80\xcbNn@\x1c\xc7\xac?\x00\x85\xd7\x00\\6\xeb\xf5\x808\x8ek\xb5\x1a\xeb\x0f@\xe1\x11\x80\xfb\xa6\x1f\x07\xacZ\xb5j\xef\xde\xbd\x1b6l\xb8\xfb\xee\xbbY\x7f\x00\x04\xc0\x0b\xaa\x01\x87\x0e\x1d\xba\xf7\xde{?\xf9\xc9O\xaa\xbft\xd6\x1f\xf0\x1c\x01\xf0\x85\x94R-\xfe\xf4\x0f\x00x\x8e\xd7\x00|\x11\x04\x81\x942I\x12\xd6\x1f\x80\xc2#\x00\x00\xf0\x14\x8f\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xf5\xff\xfb\xe1\x83%\xda\xb9\t\xd6\x00\x00\x00\x00IEND\xaeB`\x82'</t>
        </is>
      </c>
    </row>
    <row r="233">
      <c r="A233" s="1" t="n">
        <v>231</v>
      </c>
      <c r="B233" t="inlineStr">
        <is>
          <t>rectangle_height_color</t>
        </is>
      </c>
      <c r="C233" t="inlineStr">
        <is>
          <t>What is the missing color of the part denoted with a question mark?</t>
        </is>
      </c>
      <c r="D233" t="inlineStr">
        <is>
          <t>['yellow', 'purple', 'red', 'orange']</t>
        </is>
      </c>
      <c r="E233" t="inlineStr">
        <is>
          <t>red</t>
        </is>
      </c>
      <c r="F233" t="inlineStr">
        <is>
          <t>There are 7 rectangles in the image with varying colors and lengths. The lengths from left to right are ['short', 'short', 'medium', 'long', 'long', 'medium', 'long']. The colors from left to right are ['green', 'green', 'blue', 'red', 'red', 'blue', '?'].</t>
        </is>
      </c>
      <c r="G233" t="inlineStr">
        <is>
          <t>We observe that the blue rectangles are of medium length and the green rectangles are of short length. Hence, the pattern is that the color of each rectangle corresponds to its length.</t>
        </is>
      </c>
      <c r="H233" t="inlineStr">
        <is>
          <t>Based on the pattern that the color of each rectangle corresponds to its length, the missing color of the part denoted with a question mark should be red.</t>
        </is>
      </c>
      <c r="I233" t="inlineStr">
        <is>
          <t>b'\x89PNG\r\n\x1a\n\x00\x00\x00\rIHDR\x00\x00\x02\x00\x00\x00\x02\x00\x08\x02\x00\x00\x00{\x1aC\xad\x00\x00&gt;OIDATx\x9c\xed\xddy|\x15\xd5\xfd?\xfe\xf793w\xcbzoB\x12VA\x08 \x8a\x06\xc2&amp;\x06\x01\xb5,\xb6\xee"\x82\x82\xdf~Q\xb0\x0b\xad\xf1\xeb\xd7\xb6\xf6\xe7\xe3\x83\xe8\xb7\xb5\x88\xb6\xd5\xb6\x9f*\x08\x11T\xc4\x8fZ\xab\xb6\x95\x10\xb4\x02.\x10\xc0\xb2&amp;l\xb2\x13\x12B\x96\x9b\xedn3\xe7\xfc\xfe\x98\x9a"\xa2\x86Hrg\xeey=\xff\xc2{\xf1\xe6\xcd\xc9\x99\xf3:s\xe6\xcc\\&amp;\xa5$\x00\x00P\x0f\x8fw\x01\x00\x00\x10\x1f\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94\x1e\xef\x02\x00:\x9c\x94\xb2\x1d\xff\x17c\xec\xbcW\xd2&gt;N\xaf\xdf\xe9\x12\xb8\xfd\x11\x00\x90\x80\xa4\x94B\x08)%c\x8c1\xc6y{\xcet\xcf\xcb\x87\xb4\x8f\xd3\xebw:u\xda\x9f\xb5/\xdc\x00l\xc8:\xe4\x88H\xd3\xb4\xd3_\x0f\x06\x83B\x08\xc6\xda\xda\xdb\xad\xb9\x9b\xdf\xef?\xfdE\xeb`\xe6\x9cw\xdc\xcc\xce\xe9\xf5;\x9d\x82\xed\x8f\x00\x80D \xa54MS\xd7\xff}F\xdb\xd8\xd8XZZ\xbaq\xc3\x86O?\xfd\xb4\xb6\xb6\xb6\xbc\xac\xcc0\x0cF\xd4\xc6\xben\x1d\xea\xb9\xb9\xb9\xfe@`\xf8\x88\x11\xf9\xf9\xf9#G\x8e\xec\xd1\xa3\x87\xf5\xaea\x18\x9c\xf3\xf3;\xa1sz\xfdNw\xf6\xf6\xdf\xb8\xf1\xdf\xed_^n\x9a\xe6\xb9~f\xbf~\xfd\xfc~\xff\xf0\xe1\xc3\xed\xdc\xfe\x08\x00p&lt;\xd34\xad)[4\x1a]\xb5j\xd5\xf2e\xcb6o\xdat\xf8\xe8\xd1\xf3\xf8#\x02\xe9\xe9\xc3G\x8c\x98:u\xea\r7\xde\x98\x9d\x9dMD\x86ah\x9av^fsN\xaf\xdf\xe9\xcel\xff\xe5\xcb7o\xde|\xf8\xf0\xe1\xf3\xf8#\x02\x81\xc0\xf0\xe1\xc3\xa7N\x9dz\xc3\r7\xd8\xaa\xfd\x11\x00\xe0`V\xefe\x8c\x05\x83\xc1\xc5\x8b\x17\xbf\xb8|\xf9\xf6\x1d;Z\xdfM\xf5z{\xa6\xa6f\xfb|\xb9~\x7f\xc0\xeb5\x84h\xe3\xd1\xc6\x18\x8b\x99\xe6\xae\xda\xda\xfaH\xe4`0X\xd7\xd2\xd2\xfaV\xb7\xae]\xef\x9c1\xe3\x9e{\xee\x198p \x11\t!\xbe\xcdT\xce\xe9\xf5;\xdd\x99\xed\xff\xe2\x8b\xdb\xb7oo}755\xf5\x82\x0b.\xe8\xda\xb5\xeb\x80\x01\x03222\x0c\xc3h\xe3x\xcd\x18\x8b\xc5b\xdb\xb7o\xaf\xab\xab\xfb\xec\xb3\xcfjkk[\xdf\xea\xde\xbd\xfb\x1dw\xdca\x9f\xf6G\x00\x80S\xb5N\xdc\x8a\x8a\x8a\x9eX\xb0`\xf7\x9e=\xd6\xeb=\xd3\xd3\xaf\xec\xde\xfd;\xbd{\x0f\xce\xcc\xccNNNq\xb9t\xce\xf99N\xb5\xa4\x94\x86\x10a\xd3\xacni\xd9SW\xb7\xee\xd8\xb1\x7f\x1e=Z^SCR\x12QF \xf0\x93\x9f\xfe\xf4\xfe\xfb\xefOOO7\x0c\xa3u\xe9@\xa9\xfa\x9d\xee\x0b\xed\xff\xc4\x13\xbbw\xef\xb6^\xbf\xe0\x82\x0b\xc6\x8f\x1f?y\xf2\xe4\xbc\xbc\xbc\xae]\xbb\xa6\xa6\xa6\xea\xba\xde\x8e\xa9z,\x16\x8bD"UUU\xe5\xe5\xe5\xef\xbd\xf7^II\xc9\xae]\xbb\xac\xb7222~\xf2\x93\x9f\xd8\xa1\xfd\x11\x00\xe0H\xd6\xd1[QQ1k\xd6\xac\xe2\xe2b\xeb\xc5A]\xba\xcc\xbe\xf4\xd2\xef\xf5\xed\x9b\x95\x94$\xa5\x8c\x98f\xd44\x85\x94\xb2];\xf9\x18c\x9c1\x17\xe7^M\xd39o\x88F?\xae\xa8xv\xdb\xb6\x0f\x8e\x1e\xb5\x86\xd1\x81\x03\x07.Y\xb2\xa4\xa0\xa0\xc0\xbaBxNc\x84\xd3\xebw\xba\xb3\xb6\xff%\x97\\2w\xee\xdc\x9bn\xba);;[J\x19\x0e\x87\xa3\xd1\xa8\xb5\xfa\xdf\xce\xf6\xe7\xdc\xe5r\xf9|&gt;M\xd3\x1a\x1a\x1a\xd6\xaf_\xff\xf4\xd3O\xafY\xb3\xc6\xfa\x0bvh\x7f\x04\x008\x8f5i*..\x9e5kVEE\x05\x11\xe5\x06\x02?\x1e2\xe4\xa6\xfe\xfd\xfd\x1eOc4\x1a3Mb\x8c\x9f\x8f\xbd\xd8\x92HH)\xa5\xd49Oq\xb9L)?8z\xf4\x0f\xff\xfa\xd7\x87\xc7\x8e\x11\x91\xc7\xed\xfe\xcd\x82\x05\x85\x85\x85\xe7t\x0c;\xbd~\xa7km\xff\xbb\xef\xbe\xfb\xf8\xf1\xe3D\xd4\xbf\x7f\xff\x07\x1ex\xe0\xb6\xdbn\x0b\x04\x02\r\r\r\xd1h\xd4\x1a\xbe\xcfC\xfb\x7f\xbe\x19T\xd7\xf5\xd4\xd4T\xd34KJJ\x9ez\xea\xa9\x0f&gt;\xf8\x80\x88&lt;\x1e\xcfo~\xf3\x9b8\xb6?\x02\x00\x1c\xc6:z\x17/^&lt;g\xce\x1c""\xc6\xfe\xf7%\x97&lt;t\xf9\xe5\xd9&gt;_}$b\x08\xa1q\xdeA\x87\x91)%#J\xf3xL!\x16o\xdf\xbe`\xd3\xa6\xc6H\x84\x88f\xcf\x9e\xbdh\xd1"\xd34\xdb2d8\xbd~\xa7;\xb3\xfd\x89~\xf0\x83\x1f&lt;\xf2\xc8#999uuu\x1dzm\xd64M\xc6\x98\xb5\xec\xf3\xa7?\xfdi\xfe\xfc\xf9\x8d\x8d\x8d\x14\xd7\xf6G\x00\x80\x93Xg\xee\xadG\xaf\xdf\xeb\xfd\xcd\x95WN\x1f4(\x18\x89DMS\xef\x94\xebi\xd60\xda\xc5\xe7+\xad\xac\xbc\xef\xfd\xf7w\xd5\xd4\x90\x94\xd61\xfc\x8d\xf38\xa7\xd7\xeftg\xb4\x7f \x10x\xfa\xe9\xa7g\xce\x9c\x19\x0c\x06\xa3\xd1h\xe7\xac\xc5[1\x90\x99\x99\xb9a\xc3\x86{\xef\xbd\xd7\xba\xec\x1c\xaf\xf6G\x00\x80c|\xe1\xe8e,\xdb\xe7+\x9a&lt;yl\xaf^\x95\xcd\xcdz\x87\xcd\x9a\xbfJL\x88\x80\xd7[\xdd\xd22\xe3\xef\x7f\xdfR]MB\xb4\xce\xe3\xce\xb8\x8d(a\xeaw\xba3F\xff\x9c\x9c\x9cW_}u\xdc\xb8q\'O\x9el\xdfe\xdeo#\x16\x8b\x05\x02\x81\xea\xea\xea\x9bo\xbe\xb9\xb4\xb4\x94N;\x0f\xe8\xcc\xf6G\x00\x803X\x07\xc6\x9a5k&amp;L\x98@D\x99&gt;\xdf\xbb\xb7\xde\xda7=\xbd.\x12q\xc5i#\x9d!\x84W\xd79c\xb7\xbd\xfd\xf6G\xc7\x8f\x13\xd1#\x8f&lt;2o\xde\xbc\xb3\xee\xebpz\xfdNwF\xfbw\xe9\xd2e\xfd\xfa\xf5\xfd\xfa\xf5\xab\xab\xabs\xb9\\q)\xc90\x0c\xaf\xd7\xabi\xda\xb5\xd7^\xbbn\xdd:\x8aG\xfb#\x00\xc0\x01\xac\xed\xd2UUUyyy\'O\x9eL\xf7x^\xfe\xeewGu\xebV\x1f\x89t\xce\xb2\xc9W1\xa5\xf4jZC4:\xf5\x9dwv\x9c:\xc5\x88\x8a\x8b\x8b\'L\x98p\xc6&lt;\xce\xe9\xf5;]k\xfb\x0f\x192\xa4\xaa\xaa\xca\xef\xf7\xbf\xf9\xe6\x9bW\\qE\x1cG\x7f\x8bi\x9a^\xaf7\x18\x0c^w\xddu[\xb7ne\x8cur\xfb\xab{\x0f\x088\x88u\xa7\xfe\xcc\x993\xab\xaa\xaa\x88\xe8\xf1+\xaf\x1c\xdb\xabW]\xbcGO"\xd2\x18\x0b\x99f\x17\x9f\xef\xb9\t\x13\xfc\x1e\x8f\x94r\xe6\xcc\x99\x95\x95\x95\x8c1\xeb\xa92\x16\xa7\xd7\xeft\xad\xed_YYID\xbf\xff\xfd\xef\xc7\x8d\x1b\x17\xf7\xd1\x9f\x884M\x0b\x85BYYY/\xbe\xf8b \x10 \xa2\xbb\xee\xba\xab3\xdb\x1f\x01\x00vg\xcd\x86V\xacXQRRBD3\x06\r\xba\xf3\xe2\x8b+\x9b\x9b\xe3\xb5rr\x06\x9d\xb1\xfaH\xe4\xe2.]\xfe_A\x01\x11UUU=\xf4\xd0C\x9c\xf3\xd6sk\xa7\xd7\xeftg\xb4\xff\xacY\xb3\xee\xba\xeb\xae\x93\'O\xc6}\xf4\xb7\xe8\xba^__?x\xf0\xe0\xa7\x9ezJJYYY\xd9\x99\xed\x8f% \xb05)\xa5\x94\xb2\xbe\xbe~\xd4\xa8Q\x07&gt;\xfb\xacwZ\xda\xea\xdbn\xf3h\x9a\xb5\x95\xc5&gt;L!\x02^\xef\xccw\xdf\xfd\xfb\x81\x03\x1e\xb7{\xfd\xfa\xf5\xc3\x87\x0f\xb7\x1e\x05\xec\xe8\xfa\x9d\xfe\xa0\x88/\xf4\x9f\x03\x07\xfa\xf4\xe9\xf3\xf1\xc7\x1f{\xbd^k+N\xbc\xab\xfb\x0f\xd34322n\xbd\xf5\xd6\xbf\xfe\xf5\xaf\x1e\x8f\xa7\xd3\xda\xdf\xd9\xbf]Hx\xd6\xe6\xe8\xa2\xa2\xa2\xfd\xfb\xf7\x0b)\xe7\x0e\x1d\x9a\x9d\x94\x145M\x1b\x1d\xbbDD\xc4\x18\x8b\n\xf1\xe0\xf0\xe1^M\x8bD"\xf3\xe6\xcd\xb3\x86~\xa7\xd7\x1f\xef\xba\xbe\xad/\xb4\xbf\x10\x0f&lt;\xf0@NN\x8eu\x9fW\xbcK\xfb\x02\xc6X4\x1a}\xf8\xe1\x87=\x1eOg\xb6?\x02\x00\xecKJi-\x92\x16-]\xca\x18\xcb\r\x04n\x1d0\xa0.\x1c\x8e\xfb\xd2\xf9\x97q\xc6\x9a\xa2\xd1\xbc\xec\xec\xeb\xfa\xf5#\xa2uk\xd7\x96\x97\x97k\x9a\xc69wt\xfd\x8e\xbe\x12\xf0\x9f\xfeST\xc4\x18\x1b0`\xc0\xf4\xe9\xd3\xeb\xea\xeal\xb8\xc7\x89s\xde\xd8\xd8\x98\x9f\x9f\x7f\xcb-\xb7\x10\xd1\xbau\xeb:\xa7\xfdm\xd7\x11\x01ZY\xf7\xc5\xacY\xb3fWY\x99\x94\xf2\x87yy\xe9\x1e\x8fa\xd7!\x893\x161\xcd\x1f\xe5\xe5%\xb9\xdd\xcd--\xcf?\xff&lt;\x11q\xce\x1d]\xbf\xa3\x03\xe0?\xfdg\xd7.)eaa\xa1\xdf\xef7\x0c#\xdeu\x9d\x1d\xe7&lt;\x1c\x0e\xdf\x7f\xff\xfdIII\xcd\xcd\xcd\x9d\xd3\xfe\x08\x00\xb0\xbb\x17\x8a\x8a\x18c]SS\xbf\xd7\xaf_c4\xaa\xd9o\xfal\xe1\x8c5G\xa3y\xd9\xd9Wt\xef\xce\x18{\xfd\x7f\xfe\xa7\xa9\xa9\x89\x88\xac\xe9\xbf\x13\xeboii\xd1u\xdd\xe9\x0bA/\xbc\xf0\x02c\xac[\xb7n7\xdf|sCC\x83m\xb7\xb7r\xce\x9b\x9b\x9b\xf3\xf3\xf3\xc7\x8e\x1d\xcb\x18{\xfd\xf5\xd7;\xa1\xfdm\xda\x17\x01\xac\xf3\xf7`0XZZ*\xa5\x1c\xdb\xa3GvRR\xcc~\xab\xe7\xa7\x93D\x9c\xb1k\xfb\xf4\x91R\x1e?q\xa2\xac\xac\xcc0\x8c\x8d\x1b68\xb4\xfem\xdb\xb6\x91cO\x02Z\xfb\xcf\xa6M\x9b\xa4\x94\xd7\\sMvvv,\x16\xb3\xdb\xea\xff\xe9\xac]\x03\xd7_\x7f\xbd\x94\xb2\xa2\xa2\xa2\x13\xda\x1f\x01\x006e\xf5\xfb\xcd\x9b7\x1f;~\x9c\x88&amp;\xf4\xeeMDd\xe3\xa3\x97\x884\xceC\x861\xa6G\x8fT\xaf\xd74\xcdu\xeb\xd6\xed\xd8\xb1\xa3\xa2\xb2\x92\x9cY\xff\xbb\xef\xbeK\xedz\x12\xb2\x1d\xb4\xf6\x9f\xa3G\x8f\x12\xd1\xe4\xc9\x93\xed\xff\x0f\xb1\xaeX\\u\xd5Uiii\x86a\xacZ\xb5\x8a:\xb8\xfd\x11\x00`SV\xbf\xb7\x1e\x93\x92\xec\xf1\\\x92\x99\x196\x8cs\xfd^\x94N\xc6\x88"\xa6\xd9#5\xf5\xc2\xf4t"\xda\xb6u\xebG\x1f}D\x8e\xad\x7f\xf3\xa6MD\xe4\xd0\x9d\xa0V\xff\xd9\xb4i\x13\x11\xa5\xa4\xa4\xe4\xe5\xe5\x85\xc3a\x9b\xff[\x18c\x91H\xa4W\xaf^\xfd\xfa\xf5\xa3\xcf\x8b\xef\xd0\x9am\xdd\x1c\xa02\xebT}\xcb\xe6\xcdDtAZZ\xb7\x94\x14\x9b\xaf\x9fX\x84\x10I.\xd7%\x19\x19D\xb4}\xdb\xb6w\xff\xfew"\xea\x95\x9a\xea\xc4\xfa\xcb\xcb\xca\x9a\x9a\x9a\x1czS\x98\xd5\x7f6o\xdeLD\xbd{\xf7\xee\xd1\xa3\x87\xcd\xd7\x7f,B\x88\xa4\xa4\xa4K/\xbd\x94\x88\xca\xcb\xcb;\xba\xfd\x11\x00`S\xd6&gt;\xe8\xea\xeaj"\xca\xf4zS\xdcn\xd3\t\xc3\x90$\xd2\x18\xeb\x96\x9cLD\xb555G\x8e\x1c!\xc7\xd6___\x1f\n\x85\xe2]Q;\x9d\xde\x7f\xb2\xb2\xb2RRR\xac\xef\xf6\xb29\xeb\xe6\xaf\x1e=z\x10Q0\x18\xec\xe8\xf6G\x00\x80\x1dY\x87A0\x18\xdc\xbbg\x0f\x11\r\xf4\xfbu\x87\xdc\x97\xc4\x183\x84\x18\x10\x08\x10QUu\xf5\xfe\xfd\xfb\x89h\x803\xebohj*//\'\x07^\x07\xfeO\xff\xd9\xbb\x97\x88.\xba\xe8"M\xd3\x9c\xd2\xfe\xa6i^t\xd1ED\x14\x0c\x06;\xba\xfdmwC\x04@+)e,\x16#\xa2\x80\xd7\xcb\x19s\xc0\xe1KDD\x92(\xc3\xeb%"\xc30\x04cD\x94\xe1\xcc\xfa\x85\x10\xb6\xdd5\xdf\x16RJ\xab\xfe\xcc\xccL\x07-dI)333\xa9S\xda\x1fg\x00`k\xd6\xa2\xad\xe1\x90C\xb7\x95Up\xeb\xb7;9\xb4~:\x1f_J\x1c_\xffn\x7f\xa7\xc5Xk\xc1\x1d\xdd\xfe\x08\x00p\x00\xc7\rB\xeck\xff\xd3\xfe\x1cW\xf0\xd7s\\\x8cuZ\xc1\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a5\xc7\xbb\x00p\x00)e;\xfe/\xc6\xd8y\xaf\x04\x9c\x08\xfd\xc7\xb6\x10\x00p\x16RJ!\x84\x94\x921\xc6\x18\xe3\xbc=g\x8a\xe7\xe5C\xc0\x89\xd0\x7f\x9c\x02\x01\x00\xffa\x1drD\xa4i\x9a\xa6i\xad\xaf\x07\x83A!\x04c\xac\x8dS9k\xee\xe6\xf7\xfbO\xff\x10\xeb`\xe6\x9ccf\x97\xa8\xd0\x7f\x1c\x07\x01\x00DDRJ\xd34u]\xb7\x0e\xb9\xc6\xc6\xc6\xd2\xd2\xd2\r\x1b6~\xfa\xafOkkj\xcb\xca\xcb\r\xc3`\x8c\xdax*\xcf\x18#\x92\xfd\xfa\xe5\x06\x02\xfe\x11\xc3\x87\xe7\xe7\xe7\x8f\x1c9\xb2G\x8f\x1e\xd6\xbb\x86ap\xce1\xa1K$\xe8?\x0e\x85\x00\x002MS\xd34]\xd7\xa3\xd1\xe8\xaaU\xab\x96-_\xbei\xd3\xe6\xa3G\x0e\x7f\xcb\x8f\xad9u\x8a\x88\x8aW\xad"\xa2t\x7f`\xc4\xf0\xe1S\xa7N\xbd\xf1\xc6\x1b\xb2\xb3\xb3\x89\xc80\x0cM\xd30\x9bK\x00\xe8?\xce\x85\x00P\x9auJ\xaeiZ0\x18\\\xbcx\xf1\xf2\x17_\xdc\xb1}{\xeb\xbb\xde\xe4\xd4\xb4\xac\x1e\xc9\xfe\xec@\xf7~\xde\xd4\x80\x10\x06\xa3\xb6\x1do\x8c\t#V}\xa8,\xdcT\x1f\xac&lt;\xd4\xdcP\x17\xac\xaf[\xb3\xa6d\xcd\x9a\x92\xff\x9a\xf7_3\xee\xbc\xf3\x9e{\xee\x198p \x11\t!0\x95s.\xf4\x1f\xa7C\x00\xa8\xcb\x9a\xb8\x11QQQ\xd1\x82\'\x9e\xd8\xb3{\xb7\xf5\xba?\xbbg\xafK\x0b.\x1cvMV\x9fKR2\xb2\xdd\xbe\x14\xc65\xce5I\x92\xdax\x00\x13\x91\x94\xc2\x8c\x19\xd1HK}\xf5\xa9\xa3{\x8fl[\x7fx\xeb\x07\'\x0f\xef\xae&lt;q\xe2\xc9\'\x9f\\\xb2d\xe9O\x7f\xfa\x93\xfb\xef\xbf?==\xdd0\x0c]G?t\x1e\xf4\x9f\x04\x80\x86S\x94u\xf4VTT\xcc\x9a5\xab\xb8\xb8\xd8z1\xab\xf7E\xf9\xd7\xdd\xd3\xff\xf2k\x93\xfcY$\xa5\x11\r\x9bF,\xd2\xdc(I\xb6u\xf9\xf64\x8cq\xc6X\x92?\xabov\xaf\xdc\x91\x13#\xcd\x8dGw}\xb2\xe5\xedE\x87\xb7\xae\xad\xab\xab\x9d?\x7f\xfe\xca\x95+\x97,YRPP`]!\xc4\xe9\xbc\x83\xa0\xff$\x06\x04\x80\x8a\xacISqq\xf1\xacY\xb3***\x88(\xb3G\xbf\xe17\xfd\xe8\xa2+o\xf4$\xa7G[\x1aC\ru\x8c\x111n\xed\xbf\xfb6\x07\x96i\xc4\xccXDJ\xc95\xbd\xef\xb0\xab/\x1c:\xfe\xd0\xd6\xb5\xa5o\xfe\xe9\xc8\xf6\x8f\xf6\xec\xd9s\xf5\xd5\xd7,X\xf0\x9b\xc2\xc2Bk\xf7\x08\x8eaG@\xffI\x18\x08\x00\xe5XG\xef\xe2\xc5\x8b\xe7\xcc\x99CD\x8c(\xef\xda\xef\x8f\xb9\xf3g\xc9\xfe\xecpS}\xa8\xa1\x86k\x1a?m\xfb\xdd\xb7\xc4\x18#\xa6Y\xc7e\xa4\xb9\x81\x88]\x98\x7fu\xef!\xe3\xfe\xf5\xb7%\x1f\xbd\xf2D\xa4\xa5\xe9\xfe\xfb\xef/++[\xb4h\x91i\x9a\xd8\xe4g\x7f\xe8?\x89\x04\xd7O\xd4b\xed\xd5k=z}\xa9\xfe\xef\xfe\x9f\xff\x9e4\xf7)\xdd\xe5m\t\x9e""\xae\xe9\xe7\xb0P{\x8e\x18\xd7\x18\xe7\xe1\xe6`,\xd4&lt;\xf2\x96\xb9S\x1f{=\xbb\xcf\xc5Dd\xd5\xa3i\x9a\x94\xb2}w\x8dB\xe7@\xffI0\x08\x00\x85X\xeb\xb6\xd6\xd1\xc2\x88\x92\x03\xd97\xff\x7f\xcb/\xfd\xce\xf4\x96\xba\x93R\x98\\\xeb\xa4\xd3A\xce5\xc6ys]U\xd7\xdc!\xb7=\xfa?\xdd\x06\xe4\xb3\xcf\x8fa\xce\xb9u.\x0f6\x84\xfe\x93x\x10\x00\xaa\xb0\x8e\xde5k\xd6Xs7oZ\xc6\xf4\xc7\xdf\xea1hDsm%\xd7]\xd4\xe9\'\xce\\w\x85\x9b\xea\xdd\xbe\x94\xe9\x8f\xff\xb5\xe7\xe0\xd1D\xb4x\xf1\xe2\xf9\xf3\xe7k\x9af\x18F\'\x17\x03\xdf\x08\xfd\'!!\x00\x94 \x84\xd04\xad\xaa\xaaj\xc6\x8c\x19\x8c1oJ\xfa\xcd\xbf|!\xd0\xed\xc2pS\x90\xeb\xaexU\xc55\xdd\x8cE\xa4\x907&lt;\xb8(\xa7\xef`F4\x7f\xfe\xfc\x92\x92\x12]\xd7M\xd3\x8cWU\xf0e\xe8?\x89\n\x01\xa0\x04\xebN\xfd\x993gVUU\x11\xd15\xb3\x7fuA\xde\x95\xe1\xc6\xbaN;m\xff*\x8ckf4\xe4K\xefr\xdd\x03\x7f\xf6\xa4\xf8\xa5\x943g\xce\xac\xac\xac\xc4\xa5&lt;\xbbA\xffIH\x08\x80\xc4g\x9d\xbc\xafX\xb1\xa2\xa4\xa4\x84\x88.\xfd\xce\x1d\x97N\xb8\xa3\xb9\xa62\x8es\xb7\xd31M\x8f4\xd5w\xe9=\xe8\xea\xbb\x1f%\xa2\xaa\xaa\xaa\x87\x1ezH;\x7f\xdbH\xe0\xdbs\xb9\\\xe8?\t\t\x01\x90\xe0\xac\xa7\xe9\xd6\xd6\xd6&gt;\xfa\xe8\xa3\x8c\xf3@\xb7&gt;\xe3\xfe\xd7\xc3\xe1\xc6\xfa\xb8\xcf\xddN\xc7uWK\xb0f\xf0w\xa6\r\x18\xfd]F\xf4\xca+\xaf\x94\x96\x96\xb6&gt;Z\x12\xe2\xc8\xdaTSSS\x83\xfe\x93\x90\x10\x00\t\xce\xda\x1c]TT\xb4\x7f\xff~)\xc4\x88\x9b~\x94\x14\xc86\x8dh\xe7_\xb5\xfbz\x8c13\x16\x1d}\xfb\xff\xd1\xdc\x9eH$2o\xde\xbc\xb6?=\x18:\x8euA\xf5\xf9%K\x1c\xda\x7f\xd0\x85\xbe\x1e\x02 \x91I)5M\x0b\x85BK\x8b\x8a\x18c\x99=\xfa\r\x1aw\x8b\x1d\x96n\xbf\x8cq\x1e\r5\xe5\xe4\xe6\r\x18}\x1d\x11\xad[\xb7n\xdf\xbe})))\x98\xc4\xc5\x97\xcb\xe5\x12B\x14\xa1\xff$(\x04@"\xb3\x9e\x91\xb2f\xcd\x9a\xb2]\xbb\xa4\x94\xc3n\xfc\x81\'%]\x986\xdd$\xc7\x187\xa3\x91\xe17\xfd\xc0\xedMjiiy~\xc9\x12\xaf\xd7\x8b\x038\xbe\xd2\xd2\xd2\xd6\xaf_\xbfg\xf7n\xf4\x9f\x84\x84\x00H|EE/0\xc6\xd22\xbb\x0e\x18\xfd\xddhK#\xe76\xbd&gt;\xc68\x8f\x86\x9a\xbb\xe6\xe6\xf5\xbad4c\xec\xb5\xd7^\xab\xaa\xaa\xf2x&lt;\xf1\xaeKi\x8c1k\xfa\x8f\xfe\x93\x90\x10\x00\t\xcbZ\xff\t\x06\x83\xa5\x9bJ\xa5\x94\x17\\ve\x92?\xcb\x8c\xc5\xec\xb6z\xfbE\x92\x88\xf5\x1b5IJy\xf4\xc8\xd1-[\xb6$\xf9|\xf1.Ii\xc7\x8f\x1f\xdfX\xba\xc9\xc1\xfd\'))\xde%\xd9\x1a\x02 aY\'\xbf\x9b7o&gt;~\xec\x18\x11]8\xec\x1a\x92\xf6&gt;x\x898\xd7\x8cH\xe8\x82K\xc7x\x92R\x0c#\xf6\xee\xaaUn\xb7;\xdeE\xa9K\xd7\xb4O&gt;\xf9d\xdf\xbe\xbd\x84\xfe\x93\xa0\x10\x00\t\xcb\xda\xffPZZJD\x1e_r\xf6\x85\x97\x18\xb10c\xf6\xfe\x8d3f\xc6"\xa9Y=\xfc\xdd\xfa\x10\xd1\xa6M\x9bb\xb8\xad?~\xdcn\xf7\xe6\xcd\x9bM\xc3\xd0=&gt;\xa7\xf6\x9fX,\xde5\xd9\x9a\xbd\x7f\x9d\xf0-X7Cn\xde\xbc\x85\x88\xd2\xb3{\xa5dv\xb3\xfd\xf9;\x11\x91\x10\xc2\xe5\xf1e\xf5\xbe\x98\x88\xca\xca\xca\xad[O\xb1\x99/.\xa2\xd1\xe8\xa6\xcd\x9b\x89(-\xab\'\xfaOBB\x00$,k\x1ftuu5\x11%\xa5g\xba}\xc9R8\xe2\x01)\x92q-5\xb3\x1b\x11566\x86\xc3\xe1x\xd7\xa3.!D}]\x1d\xa1\xff$.\x04@b\x92Rr\xce\x83\xc1\xe0\x9e\xbd{\x89(\xa3\xe7\x00\xc6uG\xcc\x83\x18c\xc242{\r "\xce\xf1=\x7fqfm\xf9\xefr\xc1@\xf4\x9f\x84\x84\x00HdRJk\r\xd4\x9b\x1a`\x9c\x139\xe0\x00&amp;"\x92\xd2\x9b\x9aA8s\xb7\x8d\xa4\xd4\x0c\xf4\x9f\x84\x84\x00Hp\xd6\x0cH\n\x87]Ju\\\xc1\x89M8\xed\xd7\x81\xfe\xd3F\x08\x00E8\xeeD\xd8q\x05\'6\xc7\xfd:\x1cWp| \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94\x1e\xef\x02\xdaDJ\xd9\x8e\xff\x8b1v\xde+i\x1f\xa7\xd7\x0f\x00\t\xc9\xa6\x01 \xa5\x14BH)\x19c\x8c1\xce\xdbs\xa6r^&gt;\xa4}\x9c^?\x00\xa8\xc0^\x01`\ryD\xa4i\x9a\xa6i\xad\xaf\x07\x83A!\x04c\xac\x8dSik\xee\xec\xf7\xfbO\xff\x10k0\xe5\x9cw\xdc\xcc\xda\xe9\xf5\x03\x80R\xec\x12\x00RJ\xd34u]\xb7\x86\xbc\xc6\xc6\xc6\xd2\xd2\xd2\r\x1b6\xfc\xeb_\x9f\xd6\xd4\xd6\x96\x97\x97\x19\x86y\xae\x9f\x99\xdb/\xd7\x1f\xf0\x8f\x18&gt;"??\x7f\xe4\xc8\x91=z\xf4\xb0^7\x0c\x83s~~\'\xd4N\xaf\x1f\x00\x14d\x8b\x000MS\xd34]\xd7\xa3\xd1\xe8\xaaU\xab\x96/_\xb6i\xf3\xe6#\x87\x8f|\xcb\x8f\xad9UCD\xc5\xab\x8a\x89\xc8\x1f\xf0\x0f\x1f6|\xea\xedSo\xbc\xe1\xc6\xec\xecl"2\x0cC\xd3\xb4\xf32\x9bvz\xfd\x00\xa0\xa68\x07\x80\xb5$\xa2iZ0\x18\\\xbcx\xf1\xf2\x17\x97\xef\xd8\xbe\xa3\xf5\xdd\xa4\x14_FW\x7fZ\x97\x94\x9c\xde\x99)\xe9&gt;\xd3\x14\x8c\xbey\xbc\x93$\x19c\xa6a\x1e\xdb[\xd5\xd2\x10\xaa&gt;V\xd7X\xdfT_W\xbff\xcd\x9a5k\xd6\xcc\xfb\xaf\xff\xba\xf3\xce\x19\xf7\xdcs\xcf\xc0\x81\x03\x89H\x08\xf1m\xa6\xd2N\xaf\x1f\x00T\x16\xcf\x00\xb0&amp;\xceDTTT\xb4\xe0\x89\x05{v\xef\xb1^\xef\xd2-0p\xc4\x85\x83\x0b\xfa\xf7\x1c\xd8\xcd\xdf%\xd5\x93\xe4\xd64\xce8\':\x97\xbd4\x92L\xc3\x8cE\x8d\x86\x9a\xe6\x8a\x03\'w\x97~V\xf6\xc9g\xc7\xf6W\x9e8Q\xf9\xe4\x93O.Y\xba\xe4\xa7?\xf9\xe9\xfd\xf7\xdf\x9f\x9e\x9en\x18\x86\xae\xb7\xa7\x1d\x9c^?\x00(.n\x03\x875zVTT\xcc\x9a5\xab\xb8\xb8\xd8z\xb1gn\xd7\xab\xa7_&gt;\xe4\xaaAi\x19)D2\x161\x8c\x98\x19j\x8aX3mv.#(#"\xc68ci\x99\xc9\x99\xdd\x06\xe4\x8d\xbb(\xd4\x14\xde\xbb\xe5\xd0\x9a\x97?.\xdb\xf0Y]m\xdd\xfc\xf9\xf3W\xae\\\xb9d\xc9\x92\x82\x82\x02\xeb\n\xed9-\xa78\xbd~\x00\x80\xf8\x04\x805i-..\x9e5kVEE\x05\x11u\xed\x9d5\xf1\xae\x82\x11\x93.MJ\xf5\x86\x9a#\xcd\xc1\x16"b\xdc\xda\xfe\xc8\xa8\r+\'_\xf9\xb3bf,j\x92\x94\\\xe3\x97\x16\x0c\xb8dtn\xd9\x86\xfd\xc5\xcb&gt;\xdc\xbd\xe9\xc0\x9e={\xae\xbe\xfa\xea\x05\x0b\x16\x14\x16\x16Z\xbbw\xda8\x86:\xbd~\x00\x00\x8aK\x00X\xa3\xe7\xe2\xc5\x8b\xe7\xcc\x99CD\x8c\xd8\xb8\xdbF\xdc\xf8\xa3\xef\xa4e\xa6\xb44\x84\x9a\xea[8\xe7\\;o\xeb\xda\x9f\xcf\x8c\x19\x11\xb54\x85\x88\xd8\xe0\x82\x01\x17_\x9e\xfb\xfe\xca\ro\xff\xf9\xfdPs\xf8\xfe\xfb\xef/++[\xb4h\x91i\x9am\xd9d\xe9\xf4\xfa\x01\x00,\x9d\x1d\x00\xd6^\xc9\xd6\xd139-i\xfa\xcf\xbfw\xc5\rC[\x1a\xc3\x8d\xb5\xcd\x9a~&gt;\x87\xce/\xb3\xae\x97\xb64\x84\x18c\x93\xbf\x7fe\xee\x90\xde\xcb\x1e}\xf3\xd8\xde\xca\xc5\x8b\x17\x13\xd1\xa2E\x8b\xbeq\x1e\xed\xf4\xfa\x01\x00Zu\xea\x06\x12k\xdd\xfc\xf3\xd1\x93\xa5g\xa6\xcc\xfd\xfd\x9dcn\x1a\xd6P\xd3$L\xa1\xe9\x9dT\x0c\xd78\xe3\xac\xfeTc\x9f\x8b{\xdc\xff\xdf\xdf\xbfppOF\xcc\xaa\x8asn\x8d\xa1\tY?\x00\xc0\xe9:/\x00\xac\xd1s\xcd\x9a5\xd6\xdc9\xd5\xef\xfb\xd9\xd2\xd9\xb9Cz\xd7W7hz\x1c\xf6\xb3\xeb\xba\xd6\xd2\x18\xf2%{~\xb6t\xf6\x80a}\x88h\xf1\xe2\xc5\xf3\xe7\xcf\xd74\xcd0\x8c\xc4\xab\x1f\x00\xe0\x0c\x9d\x14\x00B\x08M\xd3\xaa\xaa\xaaf\xcc\x98\xc1\x18KN\xf3\xfd\xe8\xb7wf\xf7\xcahn\x08i\xba\xf6\xcd\xff\x7f\xc7\xe0\x1a\x8f\xc5\x0c)\xe4\x9c\x05\xb7_0\xb0\x1b\x11\x9b?\x7f~II\x89\xae\xeb\xa6\xf9\x85\x1bw\x9d^?\x00\xc0\x97uR\x00XOJ\x989sfUU\x15\x11M\xfb\xd9u\x83F\xf5kj\x08u\xda\xb2\xc9W\xe1\x9cG#\xb1\xd4\x8c\xe4{\x1e\x9f\x9a\x9c\xe6\x95R\xce\x9c9\xb3\xb2\xb2\x921v\xfaZ\x8a\x13\xeb\x8foa\x00`\x7f\x9d1~Y\x8b\'+V\xac())!\xa217\r\x1bsS~}u\xa3\x1e\xbf\xb9\xf3\xe94\x8d77\x84z\xe6\xe6L\xfd\xbf\xdf%\xa2\xaa\xaa\xaa\x87\x1ez\x88s\xde\xfa\xe06\'\xd6\x7f\xfaS\xe4\x00\x00\xce\xaa\xc3\x03\xc0z\x9aqmm\xed\xa3\x8f&gt;\xca9\xcf\xee\x99y\xcb}\x13[\x1aB\\\xb3\xd1\x14U\xd7\xb5\xc6\xba\xe6\x82\x1b\xf2\xf3\xaf\xbe\x98\x88^y\xe5\x95M\x9b6Y\x17T\x1dZ\x7fiii\xeb\xa3I\x01\x00\xce\xaa\xc3\x03\xc0\xda\x9c^TT\xb4\x7f\xff~!\xc4\xc4\xff5&amp;=3%\x163m\xb7F\xc1\x98\x193\xbf7\xe7*\xb7\xc7\x15\x89D\xe6\xcd\x9bg=\xbd\xd9\xe9\xf5\xc7\xbb,\x00\xb0\xaf\x8e\r\x00)\xa5\xa6i\xa1Phi\xd1R\xc6X\xb7&gt;Y\xa3\xae\xbd\xac9\x18\xd2:r\xb3|\xfbp\xce\xc2-\x91&gt;\x83\xba[\x93\xe8\xb5\xeb\xd6\x96\x97\x97k\x9a\xc69wb\xfd\xeb\xd6\xad\xdb\xb7o_JJ\nN\x02\x00\xe0\xabt\xec@f=\xa3f\xcd\x9a5e\xbb\xca\xa4\x94\xd7\xdcyER\x9a\xd74\xed:$1fD\x8d\xef\xcc,\xf0\xf8\xdc-\xcd-\xcf?\xff&lt;\x11q\xce\x1dY\x7fK\xcb\xf3K\x9e\xf7z\xbd\x08\x00\x00\xf8*\x9d1\x93-z\xa1\x881\x16\xc8N\xcf\xbf\xfa\xe2pS\x84s\x9b-\x9e|\x8es\x16n\x89\xf6\xb9\xb8\xc7\xc0\xfc\x0b\x19c\xaf\xbd\xfeZSS\x13\x11Y\xd3\x7f\xe7\xd5\xff\xdakUUU\x1e\x8f\'\xdeu\x01\x80Mu`\x00X\xeb?\xc1`\xd0\xba 9hd\xdf\xf4.)\x86\rW\xcfO#\x891F\x97\x8d\xbfHJYq\xbc\xa2\xac\xac\xcc0\x8c\x8d\x1b7:\xb1\xfe\xa3G\x8en\xd9\xb2%)\xc9\x17\xef\xa2\x00\xc0\xa6:\xf0Y@\xd6\xcdS\x9b7o&gt;~\xec8\x11]2\xa6\xbf\x94D6\x1e=\x89\x88s\x8a\x86c\x03G\\\x98\x94\xe2mi\n\xaf[\xb7\xce\xe5r\x9d\xa88AN\xab\xdf\x97\xec\r5\x87W\xadZ\xe5v\xbb\xe3]\x14\x00\xd8T\xc7\x9e\x01\x10Qii)\x11y\x93&lt;\xbd\x06t\x8bEb\xf6\x1e?\x891fD\xcd\xcc\xae\xfe\xec^\x99D\xb4u\xdb\xd6\x8f&gt;\xfa\x88\x1cY\x7f\x06\x11m\xda\xb4)\x163\xe8\xdc\xbe\x89\x06\x00T\xd1\x81g\x00\xd6R\xc9\xe6-\x9b\x89\xa8K\xf7@ +\xcd\x8c\x996\x1f@\x89H\x08\x91\xe4\xf3\xf6\xe8\x9fs\xa8\xfc\xf8\xb6m\xdbjkj\x89(\xb3\x9b\xdfq\xf5\x1f\xde]QV\xb6+f\x08""\xec\x07\x05\x80/\xe9\xd8\x00\x90RVWW\x13Qj \xd9\x9b\xec\t5\x85\x99]\xaf\xa0\xb6\x92D\x8c3\x7fv\x1a\x11\xd5\xd6\xd4H!\xc8\x81\xf5\x07\xb2\xd3\x89\xa8\xb1\xb1\x91\x18n\t\x06\x80\xb3\xeb\xa8\x00\x90Rr\xce\xeb\xeb\xeb\xf7\xee\xddKD]/\xcc\xe2\x1a\x93R\xb6\xe5[\xd1\xe3\x8b1&amp;L\xd1\xf5\xc2,":Y]]SSCN\xac\xbfo\x16\x111\xce\x89\x18&amp;\xff\x00pV\x1d\xfb\x850R\xcaX,FD)\xfe$\xc6\x1d3\x12II)\xfe$"2\x0cC0F\x8e\xad_Ji\xff5+\x00\x88\x97\x0e\xbf\x0f\xc0\xba\x12 \x0c\x87\xdd\x8ed\x15\xdc\xfaM\xeb\x0e\xad\x1f\x00\xe0kt\xd6#\r\x1c7\x0fe_\xfb\x9f\xf6\xe7\xb8\x82\x01\xa0\xd3\xd9\xee\x996\x00\x00\xd09\x10\x00\x00\x00\x8aB\x00\x00\x00(\n\x01\x00\x00\xa0(\x04\x00\x00\x80\xa2\x10\x00\x00\x00\x8aB\x00\x00\x00(\n\x01\x00\x00\xa0(\x04\x00\x00\x80\xa2\x10\x00\x00\x00\x8aB\x00\x00\x00(\n\x01\x00\x00\xa0(\x04\x00\x00\x80\xa2:\xf6\xfb\x00\x00\x00\x12\x86&lt;M\xeb\x8b\xec4q\xac\xad}\x10\x00\x00\x00_G\x08!\x84\xd04\xcd\xedv\xbb\xddnM\xd38\xe7\xd6W\xdeZ\xefF\xa3\xd1H$b\x18\x06c\x8cs\'-\xab \x00\x00\x00\xceBJi\x9a\xa6\xae\xeb\xa9\xa9\xa9n\xb7\xbb\xa9\xa9\xa9\xa2\xa2\xe2\xc8\x91#\x95\x95\x95\xa7N\x9d\n\x87\xc3D\x94\x9c\x9c\x9c\x93\x93\xd3\xa7O\x9f\x0b/\xbc0333\x16\x8b566Z\xf1\x10\xef\xf2\xdb\x04\x01\x00\x00p&amp;)\xa5\xc7\xe3IJJ\n\x06\x83\xeb\xd6\xad+..^\xbbv\xed\xbe}\xfb\xea\xeb\xeb\xbf\xfc\x97].W\xef\xde\xbd\xaf\xba\xea\xaa;\xee\xb8\xa3\xa0\xa0 \x12\x89\x84\xc3aM\xd3:\xbd\xeas\x86\x00\x00\x00\xf8\x02)\xa5\xa6iG\x8f\x1e\xfd\xcb_\xfe\xf2\xea\xab\xafn\xdf\xbe\xfd\xeb\xff~,\x16\xdb\xbf\x7f\xff\xfe\xfd\xfb\x17/^&lt;m\xda\xb4_\xfd\xeaW={\xf6lhh\xb0\x7f\x06 \x00\x00\x00\xbe\xc04\xcd@ \xf0\xf8\xe3\x8f/X\xb0\xa0\xf5E\xc6X\xdf\xbe}\x07\x0e\x1c\xd8\xaf_\xbf\xac\xac,\x9f\xcf\'\xa5\xac\xaf\xaf?x\xf0\xe0\xd6\xad[\xcb\xcb\xcb\x89H\xd3\xb4\x95+W~\xfc\xf1\xc7+W\xae\x1c6l\x98\xfd3\x00\x01\x00\x00\xf0\x05\x9c\xf3P(4m\xda\xb4\x85\x0b\x17\n!.\xbe\xf8\xe2\x9bn\xbai\xd2\xa4I\x83\x06\r\xf2\xfb\xfd.\x97\x8b\x88\xac+\xc0\x8c1\xd34\x1b\x1a\x1a6o\xde\xfc\xcc3\xcf\xfc\xedo\x7fs\xb9\\G\x8e\x1c\xb9\xf1\xc6\x1b?\xf8\xe0\x83&gt;}\xfa\x84B!;_\x16F\x00\x00\x00|\x01\xe7&lt;\x1c\x0e\x0f\x180\xe0\x17\xbf\xf8E\xff\xfe\xfdo\xbe\xf9\xe6\xf4\xf4\xf4H$\x12\n\x85\x82\xc1\xe0\xe9{@\x89\x881\xa6i\xda\xb8q\xe3\xae\xb9\xe6\x9ag\x9f}\xf6\xbe\xfb\xees\xbb\xdd\xd5\xd5\xd5?\xfe\xf1\x8f\xdf}\xf7\xddx\xfd\x13\xda\x08\x01\x00\x00p&amp;\xc6X8\x1c~\xe4\x91G\x18cMMM\xd5\xd5\xd5\xd6\xde\x9e\xafZ\xd2ihh\x90R\xfe\xe8G?\x92R\xce\x9d;W\xd7\xf5\x0f&gt;\xf8\xe0\xef\x7f\xff\xfb\x8d7\xdeX__o\xdb\x85 \xfb\x9e\x9b\x00\x00\xc4\x11c,\x18\x0c\xd6\xd7\xd7\x0b!t]\xff\xfa\xcd\x9d\x9a\xa6i\x9aV]]\xfd\xc3\x1f\xfe\xf0\x9ak\xae\xb1\xee\tX\xb1b\x85\xcd\xf7\x83"\x00\x00\x00\xce\xce\x1a\xd6\xdb8\x88[\x7fMJy\xf7\xddw[\x7f(--\xad\xae\xaev\xb9\\g\xac\x1a\xd9\x07\x02\x00\x00\xe0\xfc\xd04-\x14\n\xe5\xe7\xe7\'\'\'\x13Qee\xe5\xb1c\xc7\xdcn7\x02\x00\x00 \xf1\x19\x86\x11\x08\x04rrr\xac?\xd7\xd4\xd4h\x9a\x86\x00\x00\x00Hp\xd6\x03\x82\\.WRR\x92\xf5J$\x12\xb1\xf36P\xfbV\x06\x00\xe0,RJ\xc6\x98\x10"\x16\x8bY\xaf\xe8\xban\xdb\xe9?!\x00\x00\x00\xce#\xceyKKK]]\x9d\xf5g\xbf\xdfo\x9a\xa6m\xf7\x02!\x00\x00\x00\xce\x0f)\xa5\xdb\xed&gt;r\xe4HMM\r\x11\x05\x02\x81\xee\xdd\xbb\xc7b1\x04\x00\x00@\x82\x13Bx\xbd\xde\xf7\xdf\x7f\xdf\x9a\xf5\x0f\x1e&lt;\xb8[\xb7n\xd1h\x14\x01\x00\x00\x90\xc8\xac\xcb\xbf\xa7N\x9d***\xb2\xfe\xf3\xe6\x9bov\xbb\xddB\x88x\x97\xf6\x95\xf0(\x08\x00\x80\xf3\xc00\x8c\xec\xec\xec\x07\x1ex\xe0\xe0\xc1\x83\x8c\xb1^\xbdz\xdd~\xfb\xed6\x7f (\xce\x00\x00\x00\xbe\xadX,\x96\x9d\x9d\xbdl\xd9\xb2\xdf\xfd\xeew\xd6\xad\xbf\x8f&gt;\xfahVV\x96\x9d\xd7\x7f\x08\x01\x00\x00\xf0mH)\xad\xb9\xffK/\xbd4{\xf6l\x97\xcb\x15\x8b\xc5\xbe\xff\xfd\xef\xcf\x981\xa3\xae\xaeN\xd7m\xbd\xca\x82\x00\x00\x00h\'!\x04c,++\xeb\xb7\xbf\xfd\xed]w\xddED\xd1h\xf4\xba\xeb\xae\xfb\xc3\x1f\xfe`}9p\xbc\x0b\xfc\x06\xb6N\'\x00\x00\xdb2\x0c#99Y\x08\xf1\xc3\x1f\xfe\xf0\xd9g\x9f\xb5\xe6\xfe\xb7\xddv\xdb\xd2\xa5KM\xd34M\xd3\xfe\x01`\xf7\xfa\x00\x00l\xc8z\xe6\xcf\xd1\xa3G\xaf\xbd\xf6\xdag\x9f}V\xd3\xb4X,VXX\xf8\xe2\x8b/\x1a\x86a\x18\x86\xfdG\x7f\xc2\x19\x00\x00\xc0\xb92\x0c###c\xfd\xfa\xf5w\xdeygEE\x05\x11\xb9\\\xae?\xfe\xf1\x8f\xf7\xde{o]]\x9d\x94\xd2\x11\xa3?!\x00\x00\x00\xce\x89\xf5\x95\xf1\xef\xbd\xf7\xde\xad\xb7\xde\xda\xd4\xd4DD\xb9\xb9\xb9/\xbc\xf0BAAAuu\xb5\xa6iN\x19\xfd\t\x01\x00\x00\xd0vB\x88\xe4\xe4\xe4\x9d;w\xde~\xfb\xed\xcd\xcd\xcdDTPP\xb0r\xe5\xca\xec\xec\xec\x93\'OZ\xdf\x17\xef \x08\x00\x00\x80\xb6\xe2\x9c\x9b\xa6y\xef\xbd\xf7\xd6\xd7\xd7\x13\xd1\xe5\x97_\xfe\xf6\xdbo{&lt;\x9e`0\xe8\xb8\xd1\x9fp\x11\x18\x00\xa0\x8dL\xd3LKK{\xe3\x8d7JKK9\xe7]\xbbv}\xe9\xa5\x97|&gt;_KK\x8b\xcd\xf7\xfb\x7f\x15\x04\x00\x00@\x9bX\xcf\xfa\xb7\xbe\xea]\x08\xf1\xcb_\xfe\xb2_\xbf~\x8d\x8d\x8d\x0e\x1d\xfd\t\x01\x00\x00\xd0\x16\xd6\xb3\xdeN\x9c8\xb1u\xebV)e\xd7\xae]o\xb9\xe5\x96`0\xe8\xdc\xd1\x9f\x10\x00\x00\x00mq\xc6\xb3\xfe/\xbf\xfc\xf2\x9c\x9c\x1c;?\xeb\xbf-\x10\x00\x00\x00\xdfLJ\xa9\xeb\xfa\xc9\x93\'M\xd3$\xa2A\x83\x06\xd9\xfc\xeb\x1e\xdb\x02\x01\x00\x00\xd0&amp;\x9csk\xf3\x0f\x11u\xeb\xd6\xcd\xfa\x06\xe0\xb8V\xf4m9x\xf5\n\x00\xa0\x93E"\x11\xeb&gt;\xaf\xb4\xb44;\x7f\xd3K\x1b!\x00\x00\x00\xda\x841\x16\x8dF\xadq?\x01\xa6\xff\x84\x00\x00\x00h\x0b\xceySS\xd3\xa4I\x93\xdez\xeb-"\x1a4hPss\xb3\x83\x9e\xfapV\x08\x00\x00\x80o\xc6\x18\x8b\xc5b={\xf6\xcc\xcd\xcd%\xa2P(\xe4\xf4-@\x84\x00\x00\x00h#k\t(\x1c\x0e\x13\x11\xe7\xdc\xe9\xa3?!\x00\x00\x00\xda\x8e1f\xe7/y?W\xce^\xc0\x02\x00\xe8dR\xca\x04\xd8\xffcA\x00\x00\x00\xb4\x95\x10\xc2\xedv{\xbd^)\xa5\xd3\xef\x02#\x04\x00\x00@\x1b1\xc6RRR***\x0e\x1c8\xe0r\xb9\xdcn\xb7\xd33\x00\x01\x00\x00\xf0\xcd\xacg\x01\xfd\xfc\xe7?\x1f1b\xc4\xa8Q\xa3\xae\xbf\xfe\xfa\xea\xeaj\x97\xcb\xe5\xe8\x0c@\x00\x00\x00|\x03!DJJ\xca\'\x9f|\xf2\xf4\xd3O744D"\x91\xb5k\xd7\xfe\xf9\xcf\x7fNII\xb1\x1e\r\xe4P\xd8\x05\x04\x00\xf0\r\xac\'\xc1\xed\xde\xbd[\xd34k\xf7\'c\xac\xbc\xbc\xdc4MGo\x06\xc5\x19\x00\x00@\x9bX\xf3}\xce\xb9\xa6iB\x88\xa4\xa4$\xa7\xdf\t\xec\xec\xea\x01\x00:\x01\xe7\xbc\xb9\xb9y\xec\xd8\xb1999\xd1h4\x12\x89H)o\xbd\xf5VG\xaf\xff\x10\x96\x80\x00\x00\xbe\x91u\x0fp\xd7\xae]\xdf~\xfb\xede\xcb\x96\xb5\xb4\xb4L\x9c8\xf1\xfa\xeb\xafollt\xf4}a\x08\x00\x00\x80o\xc69oii\x19&lt;x\xf0\x1f\xff\xf8G\xeb^\xb0\x86\x86\x06G_\x00 \x04\x00\x00@\x1bq\xceC\xa1Pss\xb35\xee;z\xeeoA\x00\x00\x00\xb4\x15\xe7\xdc\xe9\x17~O\x978\xff\x12\x00\x008\'\x08\x00\x00\x00E!\x00\x00\x00\x14\x85\x00\x00\x00P\x14\x02\x00\x00@Q\x08\x00\x00\x00E!\x00\x00\x00\x14\x85\x00\x00\x00P\x14\x02\x00\x00@Q\x08\x00\x00\x00EuR\x008\xee\x91Ig\x14\xec\xf4\xfa\x01\x00\xbe\xacc\x9f\x05d=3\x8f\x88\x8c\x98I\x8e\xfa\xe2L#f\x92U\xbf\x94\xe4\xd8\xfa\x01\x00\xbeFG\x9d\x010\xc6\xa4\x94iii\xfd\xfb\xf7\'\xa2c{+MCp\'LK\xa5\x94\x9a\xce\x8f\xed=AD\xd9\xd9\xd9\xb9\xb9\xb9\xe4\xd8\xfa\x1dP.\x00\xc4O\x07.\x01Y\xdf\xa2\xd9\xa5K\x17"ji\x08\xc5\xa2\x86S\xd6%\xa4\x94\x8du\xcdD\x94\x96\x96\x96\x93\x93CD\xcd\x8e\xab\xbf\xb6\x99\x88\\.W"=\xb9\x10\x00\xce\xaf\x0e\x1c\x1d\xac\xc5\x9f\xbc\xcb\xf2\x88\xe8\xe4\xd1\x9a\xe0\xa9F\xcd\xc5\xa5\xb4\xfbJ\ng\xcc\x88\x98\xc7\xf7V\x11\xd1\xe0\xc1\x83\'M\x9aLD\xa7\x8e\xd5:\xab\xfec{+\x89h\xe0\xc0\x81]\xbbv%"rHt\x01@g\xea\xc0\x00\xb0\xe6\xcb\xc3\x87\x0f\'\xa2\xe6\xc6\xd0\x89\x83\xd5.\x8f\xcb\xe6\xe3\xa7\x94Rwi\xc1\x9a\xc6\xaa#5Dt\xe9\xe0K\xc7\x8c\x19C\x8e\xad?/o\x88\xcf\xe7%\xac\x05\x01\xc0\xd9t`\x00X\x8b\x0f\xa3G\x8f\x0ed\x04\xa4\x94\xe5\x1b?\xe3\x9a\xddg\xd0R\x92\xcb\xeb:\xb0\xe3X\xb0\xb6\x91s~\xe5\x95W\x8e\x1c92\xdd\x9f\xee\xb8\xfa\x1bj\x9b8\xe7\x13\'N4\x0c\\\r\x06\x80\xb3\xeb\xd83\x00!D\xb7n\xdd\xf2\xf2\xf2\x18c\xbb&gt;\xdc\x17j\x0ck\x9a\xad\x97\xa4\xa5\x94\x9a\xc6\xb7}\xb0\x9b$\xa5\xfb\xd3\x87\r\x1b\x96\x94\x944d\xc8\x10\xe7\xd5O\x94\xd9%s\xcc\x981---\xf1.\n\x00l\xaac\x873\xeb2\xc0\xb4\xdb\xa7I)+\x8f\x9c\xda\xb3\xf9\xa07\xd9#\x84M\'\xd1RJ\xb7[\xaf&gt;^W\xb6a?\x11M\x9e49\x10\x08\x10\xd1\xf4i\xd3\x1dY\xff\xe4\xc9={\xf6\x0c\x87\xc3\xf1\xae\x0b\x00l\xaac\x03\xc0\xfa\xd2\xe4)S\xa6\xe4\xe4\xe4H)W/\xffP\x08i\xdb\xf5h!\xa47\xc5\xb3\xf6\xb5\xd2`M\xa3\xa6is\xe6\xcc\xb16\xb3:\xb5\xfe\xd9s\xe2]\x11\x00\xd8Z\xc7\x06\x00c\xcc0\x8c\xcc\xcc\xcc\x193fH)\xf7~zh\xe7G{}\xa9^a\x8a\x0e\xfd\xb9\xed`M\x9fO\x1d\xaf_\xff\xe6f\xc6\xd8\x90\xa1C\xc6\x8f\x1f/\x840M\xd3\x89\xf5\xe7\xe5\xe5\x8d\x193\xa6\xa1\xa1\xc1\xca`\x00\x80/\xeb\xf0\x15m\xce\xb9\x94r\xce\x9c9~\xbf\x9f\x88V\x15\xad\x17B\xdapC\xbd0\xa5/\xd5\xfb\xde\x8a\x8f\xad;\x00~\xf6\xe0\xcf\x88HJ\xe9\xd0\xfa\x1f|\xf0\xc1\xd6\xdb\xb0\x01\x00\xce\xaa3\x02@\x081`\xc0\x80\xc2\xc2B)\xe5\xbe\x7f\x1dZ\xf3\xd2G\xa9\x19\xc9\xb6\xda\x9db\x9a"9\xcd\xbb{\xd3\xc1\xf7Wn \xa2\xb1c\xc7N\x9d:U\x08\xa1i\x9aC\xeb\x9f6m\x1ac\x0c\xd3\x7f\x00\xf8\x1a\x9d\xb1\xa7\x85sn\x9afaaa\xdf\xbe}\x89\xe8\x9d\xe7\xfe\xb9\x7f\xeb\x91\x944\x9fi\x8f\x85\x14)\xa5\xcb\xad\x87\x9a#/\xfd\xbf\xb7\x8c\x98\xa9i\xdaSO=u\xfavO\xa7\xd7\x0f\x00pV\x9d\x11\x00\x8c1\xc6Xzz\xfa\x8a\x15+t]\x8f\x84\xa2E\xf3\xdeh\xackq\xb9\xf5\xb8\xafQH)\xa5$\x97G\x7f\xe9Wo\x1f\xff\xacJJ\xf9\xe4\x93O\x0e\x1b6L\x08\xd1\xfa\x10\x05\'\xd6o\x9a6:A\x01\x00{\xea\xa4]\xed\x9cs\xc30F\x8d\x1a\xb5p\xe1B)e\xc5g\'\x9f\xf9\xc9r\xaeq\x97\xdb\x15\xc7\x0b\xaa\xd6\xe8\xe9\xcfJ]\xf1\xf8\xdfJWm\'\xa2)S\xa6\x14\x16\x16\x1a\x86q\xc6\xe2\x89\xd3\xeb\x07\x00\xf8\xb2\xce\xbb\xadI\xd7u\xc30\n\x0b\x0bg\xcf\x9eMD\x87\xca\x8e?\xfd\xe3e\xa1\xa6\xb0/\xd5k\xc6c=]\x98B\xd35_\xb2\xe7\x85y\x7fY\xf7\xc6&amp;"\x1a1b\xc4\xa2E\x8b\xac\xa5\xff/\xff}\xa7\xd7\x0f\x00p\x86N\xbd\xafU\xd34!\xc4\xa2E\x8b\xac1t\xf7\xa6\x03\xcf\xcc]^y\xe8TjF\x8a0\x85\xec\xac\x1b\xac\xa4\x94\xa6!|\xa9^3f.\xfd\xaf7\xfe\xf9?\x1b\x85\x10#F\x8c(..\xb6\xee\xfc\xfa\xaaM&gt;N\xaf\x1f\x00\xe0t\x9d\x1a\x00\xd6b\xbai\x9a\xadc\xe8\xe1\xdd\x15O\xfc\xef\xc5\x1f\xbf\xfdir\x9a\xcf\xedsw\xf40*\xa54M\xa1\xe9ZZf\xca\x81\xedG\x17\xde\xb3d\xc3\xdf\xb7\x12\xd1\x88\x91\xff\x1e=O_\xfaO\xbc\xfa\x01\x00N\xd7\xd9\x83\x05c\xcc\xdaX\xb9h\xd1\xa2G\x1ey\x84\x88\x9a\x82-K\x1e~\xfd\xb9\x9f\xbfZ\xf1YU\xb2?\xc9\xeds\tS\x08S\x9c\xc7},\xd6\x8exa\n]\xd7R\x03\xc9\xcd\xc1\xd0k\xbf{\xf7\xa99EG\xf7\x9e \xa2\xa9S\xa7\x16\xafj\xeb\xe8\xe9\xf4\xfa\x01\x00Zu\xecWB\x9e\x95\xb5@!\x84\x987o\xde\xe5\x97_&gt;k\xd6\xac\x8a\x8a\x8aM\xabwl_\xbbg\xd8\xc4\xc1\xd7\xdcqy\xefA\xdd\x89X,\x12\x8bE\r\xeb+\x19\x19YO\xb4\x97m{\xb0\xb1\xf5\xd7\xa4\xf5%\x8e\x8c1\xcd\xa5\xb9\xbd.\xae\xf1\x9a\xe3u\xffX\xba\xee\xc37\xb7\xd4\x9fj "\xb7\xdb\xb5`\xc1\x13\x85\x85\x85V=m\x1c=\x9d^?\x00\x80%\x0e\x01@\x9f\xaf\xa5\x18\x861i\xd2\xa4M\x9b6=\xfc\xf0\xc3/\xafx9\x12\x89~\xfc\xce\xa7[Jv\r\xba\xbc\xefeW\x0e\x1c8\xfc\xc2@\xd7t\xb7\xd7\xc59\x17\xa6)\xc59?\xd5^\xd3\xb9\x14\xd2\x88\x9a\xc1\x9a\xa6\x1d\x1f\xee\xdd\xb1~O\xd9\'\x9f\xd5U\x07\xadw\'L\x98\xf0\xd8c\x8f\x8d\x1a5J\x08a\xcd\xeb\xd5\xa9\x1f\x00\x80\xe2\x15\x00\xff\xfe\xd9\xban\x9af\xf7\xee\xdd\x97.]z\xef\xbd\xf7\xfe\xfa\xf1_\x97\xac^\x1d\n\x85\xb7~P\xbe\xf5\x83\xf2\xa4\x14_\xd7\x0b\xb3\xba]\xd8%\xa3\xab?\xa7wf\xb2?I\x18\xa2\x8dc(c\xcc\x8c\x99\xc7\xf6U6\xd65\x1f\xdfw\xb2\xf2Pu\xb0\xa6\xb1\xf5\xdd+\xae\xb8b\xee\xdc\xb9\xd3\xa7O\'"\xd34\xdb\xbdg\xc6\xe9\xf5\x03\x80\xe2\xe2\x19\x00D\xa4i\x9a\xb5\xc0=j\xd4\xa8\xb7\xfe\xfa\xd6\xce\x9d;\x97-[\xf6\xfa\xeb\xaf\x1d:t\xb8\xa5)t`\xc7\x91\x03;\x8e\x9c\xaf\x9f\x95\x95\x9du\xed\xe4kg\xcc\x981a\xc2\x04\xfa\xfcQ\xd5\xdfr\xf4tz\xfd\x00\xa0\xb28\x07\x00Yk\xdc\x9a&amp;\x84\x90R\x0e\x1e&lt;x\xe1\xc2\x85\xf3\xe7\xcf\xdf\xb6m\xdb\xea\xd5\xab?\xd9\xf0\xc9\xee\xdd\xbb\x1b\x1a\x1a\xeaj\xeb\xda\xf1\xc9)\xa9\xc9\xc9I\xc9\x83.\xbex\xc8\x90!W\x8d\xbf\xaa\xa0\xa0 33\x93&gt;\xbf\xa6z\xbe\x86N\xa7\xd7\x0f\x00\xca\x8a\x7f\x00X\xac%l!\x84\x10"))i\xf4\xe8\xd1\xa3G\x8f&amp;\xa2P(\xd4\xdc\xdc\\VV\xd6\x8eg\x1b\xe4\xe6\xe6\xa6\xa5\xa5\xa5\xa7\xa7\xb7\xbeb}\x88\xa6i\xe7}\xf4tz\xfd\x00\xa0 \xbb\x04\x80\x85sn=~\xd9\x9aPs\xce}&gt;\x9f\xcf\xe7\x1b;vl\xbb?\xd3\x1a\x94\xad\xcb\xa4\x1d=n:\xbd~\x00P\x8a\xbd\x02\xc0r\xfas\x8c\xad\xdd\xf4\xed{\xe6\x9a\xb5W\xc7\x1a\x94\xcfg}m\xf8\xb9\x8e\xae\x1f\x00\x14a\xc7\x008\x9d\xb5\xe9\xde\xb93_\xa7\xd7\x0f\x00\t\x0cSK\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t>
        </is>
      </c>
    </row>
    <row r="234">
      <c r="A234" s="1" t="n">
        <v>232</v>
      </c>
      <c r="B234" t="inlineStr">
        <is>
          <t>color_size_circle</t>
        </is>
      </c>
      <c r="C234" t="inlineStr">
        <is>
          <t>What is the missing color of the part denoted with a question mark?</t>
        </is>
      </c>
      <c r="D234" t="inlineStr">
        <is>
          <t>['dark red', 'light red', 'light orange', 'dark blue']</t>
        </is>
      </c>
      <c r="E234" t="inlineStr">
        <is>
          <t>light red</t>
        </is>
      </c>
      <c r="F234" t="inlineStr">
        <is>
          <t>There are circles of various sizes and colors in the image. The circles are ['small', 'extra large', 'medium', 'large'] size, and their colors are ['?', 'very dark red', 'medium red', 'dark red'].</t>
        </is>
      </c>
      <c r="G234" t="inlineStr">
        <is>
          <t>We observe that the largest circle is very dark red color, and the smaller circles change color from dark red to medium red. Hence, the pattern is that the circles become lighter as they become smaller.</t>
        </is>
      </c>
      <c r="H234" t="inlineStr">
        <is>
          <t>Based on the pattern that the circles become lighter as they become smaller, the missing color of the smallest circle denoted with a question mark should be light red.</t>
        </is>
      </c>
      <c r="I234" t="inlineStr">
        <is>
          <t>b'\x89PNG\r\n\x1a\n\x00\x00\x00\rIHDR\x00\x00\x02\x00\x00\x00\x02\x00\x08\x02\x00\x00\x00{\x1aC\xad\x00\x00\xcc\x1aIDATx\x9c\xec\x9dw\x9cT\xd5\xf9\xff?\xcf\xb9\xf7\xce\xcc\xce\x96\xd9\x0e\x0b\x0b\xcb"\xbd\x83\x80\x02\x8a `/Dc\xf9Z\xd0\x9f\xc6\x1eM4\x89\xc64\xcd7\xed\xab\x89\xd1\x14M\xa2\xd1\xd8b\x10{A\t\xa8 H\x11\x91\xdeA\x96\xb2\xb4\xed;;;;3\xf7\xde\xf3\xfc\xfe8\xccd\xa5\x18\x1b\xec\x99\xdd\xfb~\xf1\xc2\xb9\xeb\xb2{\xe6\xce\xb9\xcf\xe7\x9c\xa7\x1dbfxxxxxt&lt;D[\x0f\xc0\xc3\xc3\xc3\xc3\xa3m\xf0\x04\xc0\xc3\xc3\xc3\xa3\x83\xe2\t\x80\x87\x87\x87G\x07\xc5\x13\x00\x0f\x0f\x0f\x8f\x0e\x8a\'\x00\x1e\x1e\x1e\x1e\x1d\x14O\x00&lt;&lt;&lt;&lt;:(\x9e\x00xxxxtP&lt;\x01\xf0\xf0\xf0\xf0\xe8\xa0x\x02\xe0\xe1\xe1\xe1\xd1A\xf1\x04\xc0\xc3\xc3\xc3\xa3\x83\xe2\t\x80\x87\x87\x87G\x07\xc5\x13\x00\x0f\x0f\x0f\x8f\x0e\x8a\'\x00\x1e\x1e\x1e\x1e\x1d\x14O\x00&lt;&lt;&lt;&lt;:(\x9e\x00xxxxtP&lt;\x01\xf0\xf0\xf0\xf0\xe8\xa0x\x02\xe0\xe1\xe1\xe1\xd1A\xf1\x04\xc0\xc3\xc3\xc3\xa3\x83\xe2\t\x80\x87\x87\x87G\x07\xc5\x13\x00\x0f\x0f\x0f\x8f\x0e\x8a\'\x00\x1e\x1e\x1e\x1e\x1d\x14O\x00&lt;&lt;&lt;&lt;:(\x9e\x00xxxxtP&lt;\x01\xf0\xf0\xf0\xf0\xe8\xa0x\x02\xe0\xe1\xe1\xe1\xd1A\xf1\x04\xc0\xc3\xc3\xc3\xa3\x83\xe2\t\x80\x87\x87\x87G\x07\xc5\x13\x00\x0f\x0f\x0f\x8f\x0e\x8a\'\x00\x1e\x1e\x1e\x1e\x1d\x14O\x00&lt;&lt;&lt;&lt;:(\x9e\x00xxxxtP&lt;\x01\xf0\xf0\xf0\xf0\xe8\xa0x\x02\xe0\xe1\xe1\xe1\xd1A\xf1\x04\xc0\xc3\xc3\xc3\xa3\x83\xe2\t\x80\x87\x87\x87G\x07\xc5\x13\x00\x0f\x0f\x0f\x8f\x0e\x8a\'\x00\x1e\x1e\x1e\x1e\x1d\x14O\x00&lt;&lt;&lt;&lt;:(\x9e\x00xxxxtP&lt;\x01\xf0\xf0\xf0\xf0\xe8\xa0x\x02\xe0\xe1\xe1\xe1\xd1A\xf1\x04\xc0\xc3\xc3\xc3\xa3\x83\xe2\t\x80\x87\x87\x87G\x07\xc5\x13\x00\x0f\x0f\x0f\x8f\x0e\x8a\'\x00\x1e\x1e\x1e\x1e\x1d\x14O\x00&lt;&lt;&lt;&lt;:(\x9e\x00xxxxtP\xcc\xb6\x1e\x80\x87\xc71\x82\x99?\xe7w\x12\xd1Q\x1d\x89\x87\x87&amp;x\x02\xe0\x91\xc6\xa4l\xba\x94\xf2\xa0\xaf\x10Qk;~\xd0\xe5\x7f\xfd\xb1\xad\xd5\xa2\xf5e\xea\x87\x08!\x0e\xfa\x8a\x87G\xdaA\x9f\x7fY\xe4\xe1\xd1V\xa8Y\xaa\xac\xbcz\xad\x0cz\xca\n\x7f\x1e\xea\xeb\xeb\x89\xfe\xcb\x84W\xdf\x90\x97\x97\xf7\xf9\x7f\xac\x942\xa5\x10J\x0c\xd4\xa8&lt;a\xf0\xd0\x1fO\x00&lt;\xb4\x83[\x01\x80\x88\x0c\xc38\xecw\xba\xae\x1b\x0e\x87\xa5\x94\xeb\xd6\xads]\xd7q\x9c\xa5K\x97\xda\xb6MD;v\xec\xd8\xbe}{\xca\xe2G"\x91\xad[\xb7~\xce\x01\xf4\xea\xd5+++\x0bI=\xe8\xd1\xa3GYY\x193[\x965z\xf4h\xd34\r\xc3\x188p\xa0\x10"\'\'\xe73\xc6\xd6Z\xab\xbe\xd0\x16\xc4\xc3\xe3\xd8\xe0\t\x80G\xdb\xc3\xcc\xa9\xd5\xbd\x10\xe2\xd0u\xbd\xeb\xbaMMM[\xb6l\x89D"\xabV\xadjll\\\xb5jUCC\xc3\xfe\xfd\xfb\xf7\xee\xdd\xcbR646\x1e\xe31\xe7\x86B$DIII\xa7N\x9drss\x87\x0e\x1d\x1a\n\x85\x86\x0e\x1d\x9a\x95\x95\xd5\xbbw\xef\xec\xec\xecC\x85AJ)\xa5L\xed\x12&lt;=\xf0hs&lt;\x01\xf0h\x03Z\xaf\xf1\x0f\xb5\xf8---555[\xb7n]\xbdzuuu\xf5G\x1f}\xb4k\xd7\xae}\xfb\xf6\xd5\xd7\xd7\x1f\xf1\'\xa6~B\xeb\x1f\xd5zn3\xe3\xf3Ou"\xb4\xb6\xce\xad_\'\x83\r\xffyq\x08yyy\x9d;w\xee\xd6\xad\xdb\xa8Q\xa3\x8a\x8a\x8a\x86\x0c\x19\xd2\xabW\xaf\xc2\xc2\xc2\x8c\x8c\x8c\xd6\xdf\x96\xd2\x03o\x7f\xe0\xd1Vx\x02\xe0q\x8cP\xcb|f&gt;\xd4\xa5\xd3\xd8\xd8\xb8y\xf3\xe6\xca\xca\xca\xe5\xcb\x97/]\xbat\xc3\x86\r\xb5\xb5\xb5\xd1h\xf4\xe0\x1f\xa1\xec\xb22\xf1j\xde&amp;\xcdz\x80\xd9\x0fH\xa0\x1b\x90\r\xb8@6\xd0\x97(e\xa4\r`\x10`\x00\x0c\x1c\xc9\xd0\xaa\xff\xe5\x02k\x017\xf9E\x01lbn\x02\x0c\xa0\t\xd8\x05\x08 \x0e\xc4\x94\xbdNI\x85\xfa[\xca\xc3*M0\x18,((\xe8\xdf\xbf\xff\xe8\xd1\xa3G\x8c\x18QZZ\xda\xa7O\x9fP(\xd4\xfa{\x94\xcbH\x056&lt;1\xf086x\x02\xe0q\x149\x92\xd1w]w\xf3\xe6\xcd\x1b7n\\\xbe|\xf9\xe2\xc5\x8bW\xadZUSSs\xf0?\x16\xe2?\xb6\x9e\x19\xcc\x06s\x16\x90\x0f\x14\x03\xc5D\xdd\x80\x00\xd0\x0fp\x81\xee@\x16\xe0\x02y\x80\x1f`@\x00\x16\xd0zr;\x9f{\xd8\xads\xe3\x08\xb0\x01\t\x10\x10\x07\xea\x01\x03\x88\x00;\x01\x03\xd8\x08\xc4\x80]@\x15s\x15P\x07D\x00W\xa9BJ\x1b\xa4&lt;t\xbbPXX8t\xe8\xd01c\xc6\x8c\x181\xa2_\xbf~}\xfa\xf49\xe8\xfexb\xe0q\x0c\xf0\x04\xc0\xe3\xebG\x19}\x00\xad\x8dZ4\x1a]\xbbv\xed\xa2E\x8bV\xaf^\xfd\xe1\x87\x1fn\xde\xbc\xd9q\xfec\x93\x89\x88\x85\x00Q\xca\xdcg1\x17\x03\xc5@9Q7\xe08 \x1f\xe8\x04\x04\x80l\x80\x00\x13\x90\xc9\xa5z"i\xa3\xedVF_\x1e\xb2\xd8\xff&lt;\xa6\x94\x0f\xb9L9\x95()*\x02\xf0\x01\x00\x0c@\x00\x0e\xc0@\x13\x10\x03\xf6\x03u\xc0\'\xc0.\xa0\x82\xb9\n\xa8\x02"\xad%\x81\x99\x92\xf7Ga\x9af\x9f&gt;}N8\xe1\x84!C\x86\x8c\x1d;v\xd0\xa0A\xc1`0\xf5\x7f]\xd7U\xf7\xe7\x0b\xa5&lt;yx|\x1e&lt;\x01\xf0\xf8zH-\xf6[\xfb\xf4]\xd7]\xbe|\xf9\xc2\x85\x0b\x17,X\xb0l\xd9\xb2\x9d;w~\xea\xdf\x18\xc6\x01\x8b/%\x98\xf3\x80r\xa0\x1fQ_\xa0\x1b\xd0\x1d\x08\x01Y\x80Hzf\x1c\xc0I\x1a}Nzl\x94MOY\xf6\xa3\xbdZ\xe6O\xbfh=\x0c%\x06&amp;`&amp;}M\x12\x88\x00\x8d\xc0N`\x17\xb0\t\xd8\xc8\\\x01\xd4\x03\x07|Y\xea\xed\xbbn\xeb_\xd1\xbd{\xf7\x91#G\x9e|\xf2\xc9\xe3\xc6\x8d\x1b1bDJDS1\x03o[\xe0\xf1u\xe1\t\x80\xc7W"e\xf7M\xf3?\x8e\x93\xca\xca\xca\xa5K\x97\xbe\xf9\xe6\x9b\x1f.Y\xb2~\xc3\x86\xd4\xd7\x89\x88\x959\x93\x12\xcc!\xe6^@_\xa2\xbe@/\xa0\x14\xc8O:p\\ \x01\xb8I[\x8fO\x1bz=\x8d\x1f\x1f\xf2\xb7R\x05\x03\xf0\x01F\xd2\x89T\x07T\x02[\x81M\xc0&amp;\xe6\xad@c\xab\xd8\x06%\x93G\x15\x03\xfa\xf7?\xe1\xc4\x13\xcf9\xe7\x9c\xd1\xa3G\x97\x96\x96\xa6\xbe\xee8\x8e\xa7\x04\x1e_\x1dO\x00&lt;\xbe\x0c\x87\xda}\xb5\xd8\x7f\xff\xfd\xf7g\xcd\x9a\xf5\xd1\xd2\xa5\xe1\xa6&amp;\xf5\xf5\x03F_9v\xa4,\x01\x06\x00#\x88\xfa\x02\xe5@\'\xc0\x070\xe0\x00\x89\xe4\x02\x1f\xc95u\xfb\xb0m\x9c\xfc\x83\xe4\x16\xc1\x07\x98\x00\x01\t`?P\x01l\x02\x963\xaf\x07\xf6\x02\x07v\x06D\xad\xc5 \';{\xd4\xe8\xd1g\x9cq\xc6)\xa7\x9c\xd2z[\xe0)\x81\xc7W\xc1\x13\x00\x8f/\xc0a\xed\xfe\x87\x1f~\xf8\xca+\xaf\xbc\xf5\xd6[\xeb\xd7\xaf\xff\xcf\xb7*\xf7\x8e\x94\xad\x8d\xfe\x10\xe08 \x0f0\x92\x16?\xd1j\xb1\xdcn,\xfeg\xd3Z\x0f\x08\xf0%\xf5\xc0\x05\xea\x81O\x80\xd5\x07\x89\x81\x10\x07\xb9\x89\x06\x0c\x18p\xd6Yg}\xe3\x1b\xdf8\xe1\x84\x13&lt;%\xf0\xf8*x\x02\xe0\xf1\xb9P\x0e\xe8\xcf\xb6\xfb\xffY\xecK\x99\xc9&lt;\x08\x18C4\x12(\x07\xf2\x01\x03\xb0\x81x2d\xdaq,\xfeg\xc3\xad\x02\t&amp;\xe0\x07,\xc0\x05\xea\x80\n`\x19\xb0\x98y-\xd0\x9c\x8c\x19\xb4\xde\x16\x1cI\t\x0e[L\xe7\xe1q(\x9e\x00x|\x16j\xc9\x9fZW~\x96\xdd\x97\x12R\xf6\x04\x86\x10\x8d\x07\x06\x00\xdd\x01\xd33\xfa_\x84\xc3\x8a\x81\x03\xec\x04\xd6\x03\xf3\x81\xd5\xcc\xdbp`[\xf0\xd9Jp\xd0\x07\xe7\xe1qX&lt;\x01\xf08&lt;*\xfb0\xb5\xae\\\xbf~\xfd[o\xbd\xf5\xcc3\xcf\xac^\xbdZ}E\x10\xc9Vv\xffd\xa2S\x81\x81@6\xc0@\x1c\x88{F\xff+\xd0Z\x0c\xfc\x80\x1f \xa0\tX\x07\xbc\x07,h\xa5\x04\xc2ue\xf2)\x1e2d\xc8\x95W^y\xd6Yg\r\x180@}\xe5\xa0\xcf\xd1\xc3\xa35\x9e\x00x|\x8a\x83V\x8e\xe1p\xf8\xb5\xd7^{\xe6\x99g\xe6\xce\x9d\xab\xd2\xf6[\xdb\xfd\xa1\xc0$\xa2\x11@_ \x17H\x00-\xc9\xc4|\xe1\x19\xfd\xaf\x0fN\xc6\xc6\r \x03\xf0\x01\r*n\x0c\xbc\xcb\xbc\n\x07+\x81i\x9a\x13\'N\xbc\xf2\xca+\xcf?\xff\xfc\x9c\x9c\x1cx\x1b\x02\x8f#\xe0\t\x80\xc7\x01Tt7\xb5T\\\xb4h\xd1\x93O&gt;\xf9\xf6\xdboWVV\x02\x10\x804\xcd\x83\xd6\xfb\xc3\x81\x00`\'\xed&gt;y\'\xcc\x1d}$\xc0I%\xb0\x80\x18\xb0\xe2\xd0=\x81\xe3(\xc1(--=\xf3\xcc3\xaf\xbe\xfa\xea\xb1c\xc7\xaa\x7f\xee\xba\xaeWS\xe6\x91\xc2\x13\x00\x8fOy\tRK\xfe9s\xe6\xa8\xff+\x0cC\x02\x90\xb2\x13\xf3ID\xe7\x03\x03\x80\x1c\xc0\x06\xa2\xc9j[\xcf\x9c\x1c{d\xb2&amp;9\x08X@\x18X\x0f\xbc\x06|\xc0\xbc\x9fH\x1dJ \x93\xb9CS\xa6Li\xbd!\xf0\xfcB\x1e\nO\x00:.\x07\xb9\x056n\xdc\xf8\xfc\xf3\xcf\xff\xfd\xef\x7fWK~\x83\xc8\x15\x02R\xfa\x98\xc7\x02\x93\x89&amp;\x02\x85\x80\xe3\xad\xf75\xa3\xf5\x9e\xc0\x04j\x80\xb9\xc0;\xcc\x8b\x80\x04\x11\x840\xa4t\x99\x01\x94\x96\x96~\xeb[\xdf\xba\xe4\x92K\xfa\xf5\xeb\x07\xcf/\xe4\xe1\t@\xc7D=\xf9\xa9\x05\xe0\x9c9s\x9e}\xf6\xd9\xe7\x9f\x7f&gt;\x1e\x8f#\xb5\xe4w\xdd\x1e\xc0\x99Dg\x00}\x00\x014\x03\xb6g\xf75F)\x81\x05d\x02\x12\xd8\x0c\xcc\x02\xdef\xde\x0e\xc00R\x1b\x02\xbf\xdf\x7f\xc9%\x97\\q\xc5\x15S\xa6LQ\xff\xd0u]O\x06:&amp;\x9e\x00t,Z\x9b\xfeD"1k\xd6\xac?\xff\xf9\xcf\xca\xdb#\x00\x15\xdd\x15\xcc\'\x00\x97\x12\x9d\x08\xe4\x01q@\xf5e\xf6\xe2\xbaiA*b\x1c\x04\xfc@=\xb0\x04\x98\xce\xfc! \x95k\xc8u\xd57L\x992\xe5\xdb\xdf\xfe\xf6\x19g\x9c\xe1\xf3\xf9\xe0\xc9@\x87\xc4\x13\x80\x8e\xc2A\xa6\xff\x9f\xff\xfc\xe7\xef\x7f\xff\xfb\xb5k\xd7\x020\x89\x1c! e&gt;\xf3yDg\x01\x03\x00\x13h\x06\x1co\xc9\x9f\xb6\xa8\r\x81\td\x02\x0e\xb0\x1ex\x0bx\x9d\xb9\x8e\x08B\x98R:\xcc\x00\x06\r\x1at\xc7\x1dw\\~\xf9\xe5\x9e\x0ct@&lt;\x01h\xff|\x96\xe97\x0c\x07\x80\xeb\xf6\x02\xce\':\x0b(\x03Z\x80\x96\xa4[\xd9\xa3\x1d\xa0\x026\x19@\x06\xb0\x03x\x0bx\x8dy+\x00\xc30\x01\xc7u\xe1\xc9@G\xc5\x13\x80\xf6\xcc\x7f1\xfd\xcc\x90r\x0cp\x0e\xd1i@.\x10\x01\xe2\x80\xf0\x96\xfc\xed\x11\tH\xc0\x0fd\x01\r\xc0l\xe0M\xe6\xc5\x00\x840\x89&lt;\x19\xe8\x98x\x02\xd0nq]\xf7\xb0\xa6_\x18\x86L\x9a\xfe\xab\x89\xc6\x01\x16\x10\x01\xecd\xcbb\x8fv\x8cj\xb5m\x01Y\x80\r,\x04\x9eL\xca\x80 \x92G\x90\x01/a\xb4\xbd\xe2\t@;$U\xecs\x90\xe97\x0c\xc3e\xb6\xa4&lt;\x83\xe8\x1c`\\\xf2\x9c[\xcf\xdb\xd3\x01Q~!u~\xf2B\xe0M`\x16\xb3-\x84A\xe4\x1e"\x03\x07\x15\tz\xb4\x1b&lt;\x01hW\xb4~P\xa7O\x9f\xfe\xab_\xfdJ\x99~\xcb0lfS\xcas\x88\xae\x04\x06\x01.\x10\xf1L\x7f\x87G\xc9@\x16`\x00k\x81g\x807\x99\x1d!,";)\x03?\xfe\xf1\x8f/\xbd\xf4RxU\xc4\xed\x11O\x00\xda\t\xad\xdd\xfd\xef\xbe\xfb\xee}\xf7\xdd\xa7\x92;\x95\xe9\x87\x94g\x10\xdd\x00\x0c\x00\x12@\xd4\xcb\xed\xf1h\x85\xca\x17\n\x02&gt;`=\xf07`\x163Z\xc9\xc0\x94)S\xee\xba\xeb\xaeI\x93&amp;\xc1\x0b\x0c\xb4/&lt;\x01h\x0f\xa4\xbc\xb4k\xd7\xae}\xf0\xc1\x07\x9fx\xe2\t\x00\x96\x106\x90\xf2\xf5\x9f\x0cH\xa0\xd93\xfd\x1eG@\xc9@&amp; \x80\x05\xadb\x03\x16`K\t\xe0\x9ak\xae\xb9\xfd\xf6\xdb\x07\r\x1a\x04/0\xd0^\xf0\x04 \xbd\x91R\x02\x10B466\xfe\xeew\xbf\xbb\xff\xfe\xfb\x13\x89\xc4\x81\xbc~\xd7\x1d\x0c\xdcJ46\xe9\xeb\x87g\xfa=\xfe\x1b\xaaFL\xc5\x06\x16\x01\x7fb^\x03\xc00T\xdd\x80\xcf\xe7\xbb\xf3\xce;\xbf\xff\xfd\xef\x87B\xa1\xd4\xdck\xd3\xf1z|%&lt;\x01HWZ\xfb|\xa6O\x9f~\xcf=\xf7l\xde\xbc\xd9\x00\\\xc3\x80\xeb\x1e\x07L#:\x07\xc8\x04\xc2\x9e\xaf\xdf\xe3\x0b\xa2b\x039@3\xf0&amp;\xf04\xf3\'PY\x04\xae\x0b\xf4\xe9\xd3\xe7\xe7?\xffy*0\xe0y\x84\xd2\x17O\x00\xd2\x92\xd6&gt;\x9f;\xef\xbc\xf3\xed\xb7\xdf\x06`\x99\xa6\xed8y\xc0\xe5DW\x039@\x18p=\xd3\xef\xf1eQ\x93GM\xa4\'\x81\x7f2\xd7\'\xa7\x19\x803\xcf&lt;\xf3\xfe\xfb\xef\xf7&lt;Bi\x8d\'\x00iFj\xe1\xdf\xda\xe7\x93r\xf7\x9fO\xf4m\xa0\x07\xd0\xe8\x99~\x8f\xaf\t5\x91B\xc0v\xe0\xcf\xc0k*&gt;\x0c\xd8R\xb6\xf6\x08y[\x81t\xc4\x13\x80t\xc2q\x1cu,\xfb\xdbo\xbf\xfd\xdd\xef~\xb7\xb5\xcfg\x10\xf0]\xa2\xf1@\x14\x88\x01f[\x0f\xd5\xa3\x9d\xe1\x00\x01 \x08\xcc\x07\x1ebN\xd6\x95\x1c\xf0\x08=\xf4\xd0Cg\x9ey&amp;ZMQ\x8f\xb4\xc0\x13\x80\xf4 \xb5\xf0\xdf\xb3g\xcf\xf7\xbe\xf7\xbd\xe9\xd3\xa7\xa3\x95\xcf\xe7\x06\xa2K\x80\x00\x10\xf6zvz\x1c5T\x9f\xd1\x1c \x06&lt;\x0f\xfc\xed\xd3\x1e\xa1K/\xbd\xf4\x81\x07\x1e\xe8\xd2\xa5\x8b\xb7\x15H#&lt;\x01H\x03R\xab\xaa\xe9\xd3\xa7\x7f\xef{\xdf\xdb\xb3g\xcfA&gt;\x9f2\xcf\xdd\xefq\xacH\x05\x06v\x1c\xe2\x11\xea\xd2\xa5\xcb\x03\x0f&lt;\xa0\x82\xc3\xdeV -\xf0\x04@k\x0e\xbb\xf07M\xd3q\x9c\xee\xc0\xddD\x93\x81f \xee\x99~\x8fc\x8b\x0b\xf8\x81L\xe0\x1d\xe07\xcc;\x93\xd3\x12\xdeV \xad\xf0\x04@_R\x99\x15\xa9\x85\xbf\xcf0\x12R\x1a\xcc\xd7\x12]\x05\x14\x00\x8d\x9e\xcf\xc7\xa3\x8dP\x1e\xa1\x10P\x0b&lt;\x05&lt;\xce\xec\x12\xf9\x84H\xb8n\xeb\xad\x80\x97 \xa43\x9e\x00\xe8\x083\xbb\xaek\x9afmm\xed\xb7\xbf\xfd\xed\xd6\x0b\xffA\xc0\xddD\'\x00\xe1d\xffN\x0f\x8f6D\xf5\x16\xcd\x01&gt;\x04~\xc3\xbc\xf6\xd3[\x81?\xff\xf9\xcf\x05\x05\x05\x8e\xe3\x18\x86\xe1m\x054\xc4\x13\x00\xedP\xe7t\x03\xf8\xf7\xbf\xff}\xdbm\xb7m\xde\xbcY-\xfc\x05\xf3\xf5D\xd7\x03~\xa0\xc9k\xdd\xec\xa1\r\xaa\xc5t6\x10\x07\x1e\x05\x1ee\x96\xc9\xad@\x9f&gt;}\xfe\xf8\xc7?\x9e~\xfa\xe9h5\xb1=\xf4\xc1\x13\x00\xbdP\xa13\xc7q~\xf0\x83\x1f&lt;\xf4\xd0CHfY\xa8\x85\xffh/\xc1\xdfCWR\xe5\x02K\x93[\x81T\x82\xd0w\xbf\xfb\xdd\xdf\xfe\xf6\xb7jb{\x91a\xad\xf0\x04@\x17Rn\x9f-[\xb6\xfc\xbf\xff\xf7\xff\x16.\\\x98J\xf5\xb9\x9c\xe8\xfb\x80\xcf[\xf8{\xe8Mj+\x90\x00~\x07\xfc\xb3U\x82\xd0\xb8q\xe3\xfe\xf1\x8f\x7f\xf4\xee\xdd\xdbs\x07i\x85\'\x00Z\x90\xda\x1d\xcf\x981\xe3\xe6\x9bo\xae\xad\xad\xf5\x9bf\xdcq\n\x80_\x10M\xf6\xb2&lt;=\xd2\x87T\x9e\xe8;\xc0O\x99k\x81\x03\x93\xb9\xa0\xe0\x91G\x1e\xb9\xf8\xe2\x8b\xe1\xb9\x83\xb4\xc1\xfb\x0c\xda\x1e\xc7q\x84\x10\x8e\xe3\xdc~\xfb\xed\x97\\rImm\xada\x18q\xc7\x99B\xf4\x02\xd1\xa9@\xbd\xd7\xcd\xcd#}0\x00\x06\xea\x81S\x81\x17\x88\xa6\x10\xc5\x1d\xc70\x8c\xda\xda\xdaK.\xb9\xe4\xf6\xdboOM\xf8\xb6\x1e\xa9\x87\xb7\x03hk\x94W4\xe5\xf6I\xc5{\xef \xba\x06\xb0\x81\x98g\xfa=\xd2\x13\x17\x08\x00\x16\xf0\x04\xf0\xfbV\x91\xe1\xd6\xee /$\xd0\xb6x;\x806#\xe5\xf4\x9f1c\xc6\x981c\x16.\\\xe87\xcd\x84\xebvc\xfe\x07\xd1\r@\xc4\xab\xf0\xf2Hg\x0c \x0eD\x80\x1b\x80\x7f\x10ucN\xb8\xae\xdf4\x17.\\8f\xcc\x98\x193f\x98\xa6\xe9\xba\xae\xb7\x06mC&lt;\x01h\x1b\xd4\xf1\xaa\x86a\xfc\xfc\xde{\x0fr\xfb&lt;G4\x1a\xa8\x05\x84\xf7\xf1x\xa49j\x0e\xd7\x02\xa3\x81\xe7\x0eq\x07\xfd\xfc\xde{U@X\x1dC\xefq\xec\xf1\\@m\x80\xda\xf9\xd6\xd7\xd7\xdfx\xe3\x8d3f\xcc\xb0\x0c\xc3\x96\xd2`\xbe\x9d\xe8\x1a \xe1-\xfc=\xda\x1d\xaau\x84\x0fx\x02x\x90\xd9%\xb2\x84\xb0]\xf7\xe2\x8b/\xfe\xeb_\xff\x9a\x97\x97\xe7\xb9\x83\xda\x04O\x00\x8e5\xaa2~\xcb\x96-\x97_~\xf9G\x1f}\x14\xb0\xac\x98m\x17\x00\x0f\x10\x8d\x03\xea\x01x\x0b\x7f\x8f\xf6\x88:l2\x0fX\x08|\x8f\xb9\x16P\x93\x7f\xd4\xa8Q\xff\xfc\xe7?{\xf7\xee\xed5\x8d8\xf6x\x02pLQ\xcb\x9c\x85\x0b\x17\x9ew\xdeyuuu*=n(\xf0{\xa2\x12 \xec\xf5\xf1\xf7h\xef8@\x0e\xb0\x17\xb8\x83yU2C4??\xff\xf5\xd7_\x1f7n\x9c\xb7\x0f8\xc6xk\xcdcD*\xe4\xfb\xd8c\x8fM\x980\xa1\xae\xae\xce2\x8c\xb8\xe3\\H\xf44Q!\xd0\xe4Y\x7f\x8f\x0e\x80\t4\x01\x85\xc0\xd3D\x17\x12\xc5\x1d\xc72\x8c\xba\xba\xba\t\x13&amp;&lt;\xf6\xd8c^X\xf8\x18\xe3\xed\x00\x8e\x05\xa9\xb2\x97\xdbo\xbf\xfd\xa1\x87\x1e2\x88$\x11K\xf9c\xa2i@\x04p=)\xfe\x9a\xe0V\x7f\x1f\xf4\x82&gt;_\x115\'\xbfYq\xd0\x0b\xaf\x80\xf5kA\x02\x06\x90\x05&lt;\r\xfc\x8a\x99\x84\x10\xcc.\xf3w\xbf\xfb\xdd\x07\x1f|\x10^\xa5\xd8\xb1\xc2\x13\x80\xa3\x8e\x9a\xca\x8e\xe3\xdc|\xf3\xcd\x8f=\xf6\x98\xca\xf4\xcff\xbe\x9f\xe8T\xa0\xf1s\x1b&amp;\x8f\xd6\xa4\x0c=\xb72\xee\x04X\x00\x03\xbe\xa4\xa0\x1a\xad\x0c\xb7\x04\xec\xcf\xf1\x93-@\xb4\xfa\xf9*=E\x02\t\x80\x00\xfbp\xbf\x14\xde\'\xf8\xc5Q\xf70\x04\xbc\x07\xdc\xc9\xdc\x94\xac\x12\xb8\xee\xba\xeb\x1ey\xe4\x11\xd34=\r8\x06x\x02ptQq\xad\xfa\xfa\xfas\xcf=w\xe1\xc2\x85\x01\xd3\x8c9N7\xe0&gt;\xa2\xd1@\x8d\xe7\xf6\xf9\xdc\xa4\xcc.\x92\x86^$\r\xbd\x018I\x1b]\x07\x18\xc0\x0e\xa0\x190\x80M@\x13\x00\xc0\x00\x1a\x80-\xcc\xd4j[p\x10\xea\x7f\xf5&amp;\xcaM\xda\xfdl\xa0/\xe0\x02\x99@\x19\xe0\x02\xf9\xc9_j\x02n\xf2\x97\xca\xa40\xe0\xd3\xaa\xe0\xf1_q\x80B`)p\x17\xf3.@= \xe3\xc6\x8d{\xe3\x8d7\xf2\xf2\xf2\xbc\xb0\xf0\xd1\xc6\x13\x80\xa3\x88\x9a\xbe{\xf7\xee=\xff\xfc\xf3?\xfa\xe8#5\xb9\x07\x00\x8f\x12\xe5{!\xdf\xffFk\x8bo\x00\x16\xe0\x03\xcc\xa4\xcd\xad\x07\xc2\xc0^\xa0\x12\xa8\x06v\x01\xfb\x99\x9b\x81\x9d\x80\x00\x1aS?\xe5\xa0\xa6c\x9f\xa7\x07\xd9AOD\xf22\x04H\xa0;\x90\tt"\xea\x06\x14\x01\xa5@\t\x90\x03\xe4%\x85\xc1\x01\x12\x80\x9d\x94\x10O\x0f\xfe+*,\\\x07\\\xcf\xbc&gt;\xa9\x01\xa3F\x8dz\xed\xb5\xd7JJJ&lt;\r8\xaax\x02p\xb4P\xf9\x0c\x1f}\xf4\xd1\xf9\xe7\x9f\xbfw\xef^\xbfa\xc4]\xf7&lt;\xa2\x9f\x00~\xaf\xc1\xc3\x11\x90I\x8b\xafV\xf7\xbe\xe4B;\x02T\x01\xdb\x80M\xc0\x0e\xa0\x92y;\x10\x05bhe\xd3\x89\xfec\xbb\x8f\xc6\xac&gt;\xc2/\n\x00A\xa0\x07PJT\x06\xf4\x05z\x02\xc5@Vrk\x92H\xee\x12\x00\x90\x17\xec9\x1c\xaaiD\x1c\xf8%\xf0:\xb3zXJJJ^{\xed\xb5Q\xa3Fy\xa9AG\x0fO\x00\x8e\n)\xeb\x7f\xfa\xe9\xa7\xd7\xd7\xd7\xfb\x0c#\xe1\xba\xdf \xfa5\x10\x03l\xcf\n\xb4\x82\x93\xc6\xd1H\xd6\n\x11\xd0\x02\xec\x06\xb6\x01\x1b\x80M\xcc\xdb\x80=\xad\xcd}\xca\x04\x1fa\xf6f\x98f\xc04])\x8b\x83\xc1\x92\xac,GJ\x009&gt;\xdf\xc0\xc2B\xf9\x99\x13^\x10\xad\xab\xa9\t\'\x12\x00L!\xf6F"U\xd1\xa8!D\xccqZ\x8e\xd4\xbc\xec\x90!\x05\x80.@O\xa0/Q\x7f\xa0\'\xd0\x15\xc8\x008Y\xe5\xa76\x07\xdeY\x9e\xad\x91\x80\x05\x04\x80\x1f\x01\xaf0\xabG&amp;//\xef\xdf\xff\xfe\xb7\xa7\x01G\x0fO\x00\xbe~R\xc9\xfe\xe7\x9e{n}}\xbde\x18\xb6\xeb~\x8f\xe8\x1a\xa0\x05\x90\x9e\xf5\x07\x90\\\xec\x13\xe0\x07\xfc\x80\x014\x02;\x815\xc0\x16`%\xf3\xd6C-\xfe!s5\xdb\xe7\xcb\xf1\xf9z\x84B\xd9&gt;\xdf\x80\x82\x82L\xcb\x1aTX\xe82\x97\xe7\xe4d\xfb\xfd\xae\x94\xea\x1b$3\x88\x04`}\x0eg\x82\xed\xba\x12\x00\xb3 \n\'\x12M\x89\x84!DS&lt;^\x11\x0e\x1bDkkj\x9am{}mmS"\xb1\xbd\xb1Q}\xc3\xc1?\x82\xe8 =\xe8\x05\x0c#\xea\r\x0c\x06\xba\x03!\xc0\x05\xe2@&lt;y\x13\xbc)\x81\xe4\xa3\x91\x01&lt;\x01&lt;\xc0\xac\x1e\x9c\xbc\xbc\xbc7\xdex\xc3+\x118Jx\x02\xf05\xa3\xa6\xe9c\x8f=v\xf3\xcd7;\x8ec\taK\xf9\x13\xa2k\x80\x1a\xcf\x1d\x9c\xb4\xfb\x06\x90\x01X\x80\x03\xec\x04\xd6\x01+\x80\xc5\xcc\xdb\xd5\xea8e@?=9s|\xbe\xf2P\xa8kvv\xbf\xfc\xfc&gt;yyE\xc1`y(\x94iY\xf9\x81\x00\x01\x96a0\xb3#%\x88\x12\xae\xebJID\xae\x94\x0e\xb3\xba\xe7\x0c|\x9e\xd9N\xc9\xc3J\x180\x89\x0c!\x98\xd9\x10\xc2g\x18`6\x85 "\xdbu\x19\xa8\x8b\xc5\x9am\xbb\xa2\xb1\xb1:\x1a\xdd\\_\xbf\xb1\xaenwSSEcc\xf8 Ih\xf5v\x0c\xa0\x070\x86h80\x10\xe8\x0e\x98\x80\r\xb4\x00\xae\xa7\x04\xc9\xa8O!\xf0\x04\xf0Kf\xf5\xf8\x98\xa6\xf9\xc8#\x8f\\w\xddu\x9e\x06|\xedx\x02\xf0u\x92\xb2\xfe\xd7_\x7f\xbd b"\x96\xf2\xa7DWu\xf8\x84\x9f\xd6v\xdf\x074\x00\x9b\x80e\xc0b\xe6\xb5@3\x0eXIbn=!3L\xb3_~~\x9f\xfc\xfc\x01\x05\x05\x03\n\n\x8e\xcb\xcd\xed\x14\x0c\x06L\xd3\x14\xc2\x91R2\xc7]W*\xa3\x0f(\xdf\x8e\xb2\xde\x02\xffq\xd9\x7f\x15\xc5\xfd\xcfP\x98\xe5\x81\xff2\x00A\x04\xc0\x14B\x10\xf9\rC\x10\xa9!\xc5\x1cg\x7f4\xfaIC\xc3\xfa\xda\xda\xf5\xb5\xb5\x9b\xeb\xea6\xd6\xd5\xb5\xf6\x1d\x11\x11\'\xc5 \x13\x18\x04\x8c!\x1a\t\xf4\x05r\x81\x84\xa7\x04\x00\x92\xa9AO\x01\xbf`&amp;!\x88Y2?\xfa\xe8\xa3\x9e\x06|\xedx\x02\xf0\xb5\xd1\xda\xfa\xab\xfen*\xd9\x7f"\xd0\xd8QC\xbe\x07\xad\xf7\xc3\xc0:\xe0=`\x01\xf36\xb4\n\xab\xb6\x9a\x84\xb9~\xff\xc0\xc2\xc2\xd1%%\xc7w\xeat\\nnYNN\xc04\x05`K\x19w][J\xc9\xcc\xccj\x9dNH\x9a\xfc\xb6\x80q@\x10\xd4\xde\x82\x88\x04\x91%\x84\xdf0,!$\x10s\x9c\x1d\xe1\xf0\'\r\r\x1f\xef\xdf\xbft\xef\xdeu55\r\xf1\xf8\x7f\xfe}\xab\xb7\xdf\x138\x99\xe8T` \x90\xe3\xed\t\x00\x17\x08\x01s\x93%\x02\xaas\x9c\xa7\x01_;\x9e\x00|=\x1c\xd6\xfa\xff\x95\xe8\x84\x0e\xb9\xf6\xe7\xa4?7\x00\xf8\x0fk\xf7\x89H\xca\xd4\xcc\xcb\xb2\xaca\xc5\xc5\xa3:w\x1e]R2\xa0\xa0\xa0sf\xa6\xdf0\x1c\xe6\x84\xeb\xaa5&gt;3\x0be\xf1\xb5?KVmadR\x0f\xfc\x86\xe13\x0c\x93(\xee\xba\xfb\x9a\x9b\xd7\xd7\xd6.\xdd\xbb\xf7\xa3}\xfbVVUE\xec\x03ui\x04\xb0\x10j[p\x90\x12\xc4\x81X\xf2f\xea\xfe\xce\xbfn\xd4&gt;\xe0C\xe0FO\x03\x8e\x1a\x9e\x00|\r\x1c\xc9\xfa\x8f\x04\xea\x00\xab\xad\x87w,\x91\xc9B\xdcL \x0el\x05f\x03\xffn\xb5\xdeo=\xe1\xbafe\x9dTZ:\xa5\xaclHQQ\x8fP\xc8\xa7\xbc(\xae\x9bp\xdd\x03\x064\x1d,\xfeg\xc3\xcc\x12P\x02\xe63\x8c\x80a\x98B$\xa4\xdc\xde\xd8\xb8\xba\xbaz\xce\x8e\x1d\x1fTV\xee\x8eD\xd47\x13\xc0\xea\xfd2\xf7\x04N\':\r\xe8\x05\xf8\x81\xe6d)r\x87\xda\x10\xd8@&gt;\xb0\xcc\xd3\x80\xa3\x86\'\x00_\x95\xcf\xb0\xfe\xf5\x1di\xed\xaf\xfc\x15\x19\x80\x1f\xd8\x05,\x02\xdeb^\n\xb8\x87\xd8\xfd&gt;yy\x93\xca\xcaN\xef\xd1c@AAaF\x06\x80\x16\xc7\x89\xa7\x8c~\xba\x9b\xfc#\xa3v\x06J\x0c\xfc\x86\x91a\x9a\x00jZZ\xd6\xd7\xd6\xfe{\xfb\xf6ww\xec\xd8\\\xaf\xda\x81\xffG\t\x0c\xe6\xd1\xc0YDc\x81n@\x1ch\xe9`\x07D;@\x9e\xa7\x01G\rO\x00\xbe\x12\x9e\xf5W\xde\x1e\x13\xc8\x02l`\x030\x1d\x98\xc7\\\x8b\x03\xab\xf7\xd4\x04K\xd9\xfda\xc5\xc5\xb9~\x7fB\xca\x98\xe3\xd8RB\xf97\xda\xad\xd9?&lt;\x9c\x8c*[B\x04L\xd3\'DC&lt;\xbe\xb2\xaa\xea`% R\x91\x86\x02`\x02\xd1\xa5@\x7f\xc0\x02"\x80\xd3a\xfcB\x9e\x06\x1c=&lt;\x01\xf8\xf2\xa8\xc9\xf7\xf7\xbf\xff\xfd\xba\xeb\xae\xeb\x80\xd6_\x02\x12Pu\xb0\r\xc0\x1c\xe0M\xe6\x0f\x01\xa9\xf2p\x92\x06\xae$3\xf3\xfc\xde\xbd\xcfhe\xf7\xa3\xb6\xedH)\x88\xa8\xa3Y\xfd\xc3\xa1\x02\xc8\x92\xd9\x14"hY)%\x98\xb5}\xfbk[\xb6\xecmn\x06 Z\xdd\xd5\x13\x80s\x88\xa6\x00\xb9\xc9Z\xe8\x8ept\xe8a5\xe0\xb1\xc7\x1e\xfb\xd6\xb7\xbe\xe5i\xc0W\xc1\x13\x80/\x89\x9avK\x96,\x19;v\xacA\xe40w\x1c\xeb\xaf\x1c\xfdA \x03\xd8\x05\xcc\x00f1W\x00\xaa\xd8J\xa5c\xfa\x0ccb\xb7n\x97\xf4\xeb7\xa6K\x97\x92\xcc\xcc\xd6v_xf\xff\x08\xc8O+\xc1\xde\xe6\xe6\xc5{\xf6&lt;\xbfq\xe3\xdc]\xbb\x12\xae\x0b@\x10\xa9"\xb5r\xe0\x0c\xa2\x8b\x81n@\x0b\x10\xed\x00\xe1\x81\x834\xc0$r\x99\x17-Zt\xe2\x89\'z\x1a\xf0\xa5\xf1\x04\xe0\xcb\xa0\x1aT}\xf4\xd1Gg\x9cqFcC\x03\x01A)\xff\xd2\x01\xac\x7f\xca\xf4\xfb\x81U\xc0L\xe0u\xe6:\x00D&amp;\xb3Jw\xef\x95\x9b;\xb5w\xef\xf3z\xf5\x1aPP@@\xb3m\'\\\xd7\xb3\xfb_\x08\xa5\x04&gt;\xc3\xc8\xb4,\x06\xd6\xd7\xd6\xbe\xbeu\xeb\xab[\xb6lmh\x00`\x02\x0e\x11\x98\xf3\x81\xf3\x88\xce\x06\x86\x02\xf1\x0e \x03)\r\xb8\x899*\x04\x03\xa1\xdc\xdcY\xb3f\x8d\x1a5\xca\xeb\x19\xf7\xe5\xf0\x04\xe0\x0b\x93\xb2\xfe\xaa\xcf\x8f\xaa\x00\xfa\x0b\xd1\x14\xa0\xba\xfd\xe6\xfc\xa4L\xbf\x0fX\x0b&lt;\x03\xccd\xb6\x01\x10\xa5\xbc=\xe3KK/\xea\xdb\xf7\xec\x9e=\xf3\x03\x81\x16\xc7\x89:\x0e\x80v\x1c\xd4=\xdapr;\x154\xcd\x0c\xd3\xac\x8b\xc5fn\xdb\xf6\xc2\xa6M\xf3++\x91\xf2\x0b1[\xc0\xd9DW\x02\x83\x80D{\x97\x01\x1b(\x02\xe6\x0071\xabG/\xd5/\xc8\xd3\x80/\x81\'\x00_\x0cuHEuu\xf5\xc0\x81\x03\xab\xab\xabU\xbb\x92\x9f\x10]\x014\xb4\xd3\xb5\xbf\n\xf3\xb66\xfdo2;\x80A\xe4&amp;\xbd=\x17\xf4\xee}Y\xff\xfe\xa3:w\x0e\x98f8\x1e\xb7=W\xcf\xd7\x8a\xda\x10XB\xe4\xf8\xfd1\xc7\xf9h\xdf\xbe\xe76lxy\xcb\x16\xe5\x17R\x1f\x84\t\x9c\xf3i\x19h\xaf!b\x07\xc8\x05\x9eU\xbd"\x0c\xc3v\xdd\xa2\xa2\xa2u\xeb\xd6\x15\x15\x15yg\xc8|Q&lt;\x01\xf8\x02H)\x01444\x9cy\xe6\x99K\x97.UMk\x7fBt5P\xdb\x1e3\xf38\xd9\xa77\x00\xac;\x9c\xe9/\xcc\xc8\xb8j\xd0\xa0\xf3{\xf5\x1aXP \x99\x9b\x12\t\xd56\xa7\xad\x07\xdenQ\r\x8e\xb2}&gt;A\xb4\xae\xb6\xf6\xb5\xad[\x9fZ\xbb\xb6\xa6\xa5\x05\x87\xc8\xc0@ \x96\xec:\xde\xfed\xc0\x05\n\x80\'\x81_&amp;{G\x8f\x1e=\xfa\xed\xb7\xdf\xce\xcd\xcd\x05\xe0i\xc0\xe7\xc7\x13\x80\xcf\x0b\';\x10\x8c\x1b7n\xf1\xe2\xc5j\xda\xddAt+\xb0\xbf=\xae\xfd\x1d\xc0\x07d\x01{\x80\xbf\x01/\x1c\xce\xf4O\x1b8\xb0,\'\xa7\xc5\xb6\xa3\x8eC\xc9\x0e9\x1eG\x1b\xc9\xcc\xca/dY;\xc2\xe1\xa7\xd7\xad;T\x06."\xba\x01\xe8\x02D\x80D;\x9d\x9f\x9d\x80?\x01\xbfOj\xc0\x981c\x16.\\x\xa0M\x887\x15?\x1f\x9e\x00|.\x98\xd9u]\xd34\xaf\xbf\xfe\xfa\xc7\x1e{L\x1dZ4\x95\xe8\xd7@\xa4\xdd\xf9[%@@.P\x05&lt;\x0b&lt;\xcf\\w\x04\xd3\x1fI$b\x8e\xe3y{\xda\x04\xe5\x17\n\x98f\x96\xcfwX\x19\xc8\x07.!\xba\x02(\x06\x1a\x00n\x8f\x135\x0b\xf8\x11\xf0*\xb3z$\xaf\xbb\xee\xbaG\x1f}\xd4q\x1c\xc30&lt;\r\xf8&lt;x\x02\xf0\xb9Pyf\xb7\xdf~\xfbC\x0f=\xa4\xa6\xda\xd9D\x0f\x00\x91d?\xf7\xf6\x01\'\x1f*\x17x\x15x\x9cy\x07\xfe\x13\xe6=\xd4\xf4\x1bB\xb4\x9b\xf7\x9e\xa60\xe0Jy\xa8\x0c\xa4B\xc4e\xc0\xb5DS\x01#\xb9Xi7\x1f\x99z\xf4\xb2\x80\xef\x013\x93\x1a\xf0\xdd\xef~\xf7\xc1\x07\x1f\xf4\x12C?\'\x9e\x00\xfcwZ\x97\xfb\xfaM3\xee\xba\xfd\x99\x9f"\xb2\xda\xd7\xd9^n\xb2\x87\xcfR\xe0\x8f\xccK\x01\x10\x99\x80\xc3l\tq\xf3\xf0\xe1\xd7\x0e\x1e\xdc\xdd3\xfdZ\xd2Z\x06v\x86\xc3\x8f\xafY\xf3\xc8\x8a\x15\xb6\x94&amp;\x91\x03\x80y4p\x1b\xd1\xe8dO\xa1v\x13\xafR\xe7\x88\xd9\xc0U\xcc\x1b\x88\xfc\x86\x11w\x1c\xafH\xf8\xf3\xe3\t\xc0\x7fA\xe5\x96\xb5.\xf8\xea\xc2&lt;\x83(\x1b\x88\xb7\x17\xeb\xaf\x928C\xc0&gt;\xe0\xaf\xc0\x0cf\x17\xf0\x11%\x98\x01\\\xd2\xaf\xdf\rC\x87\x0e/.n\xb6m\xcf\xf4\xebLJ\x062-kEU\xd5\xdfV\xadz~\xe3F$?J\x03\xb8\x98\xe8F\xa03\xd0\x08\xa0\x1d\xcd^?\xd0\x04\\\xcc\xbc\xe7\xd3\x05b^b\xe8\x7f\xc5\x13\x80\xcfBe\x95UTT\x8c\x1c9R\x15|eJ\xf9\x17\xa2\xa1@\xa4\xbd,\xa3\x1c \x08\x98\xc0\xeb\xc0\x03\xcc\xd5\xad\xdc\xfd\xe3\xbav\xfd\xce\xf1\xc7O)+\x8b\xbbn$\x910\xbc\xd8Z:\xc0\xcc.s\x96\xcf\xe77\x8c9;v\xfc\xe1\xe3\x8f\x17\xee\xde\x8d\xe4\xc7Z\x04|\x8f\xe8&lt;\xc0\x01\xa2\xed%8\xec\x02Y\xc0*\xe0&amp;\xe6\xe6d\x81\xd8\xb2e\xcb\xca\xcb\xcb\xbd\xc4\xd0\xcf\xc6\x13\x80#\xa2\xeeLCC\xc3i\xa7\x9d\xb6l\xd92uJ\xb5*\xf8j\x1f-\xfeS\xc1\xde\r\xc0\xfd\xcc\x1f\x00 2\x98]\xa0Sf\xe6]\xa3G\xffO\xbf~\x96a4\xc4b^\x987\xedP!\xe2\xdc@\xc0v\xdd\x7fm\xdcx\xdf\xd2\xa5\xfb\x9b\x9b\r\xd5\x9c\x95\xf9$\xe0N\xa2\xfe\xed(8\xac\x0e\x0fP\x05b\xeaQ\x1d9r\xe4\xec\xd9\xb3Ub\xa8\xb7p9\x12\x9e\x00\x1c\x11\xe5C\xbc\xe8\xa2\x8b^|\xf1E\xbfi\xc6\x1d\xe7n\xa2\xab\xdbK\xb3\x07\x07\xc8\x04\x08x\x16\xf8\x13s3`\x11\xd9\xcc\x06\xd1U\x83\x06\xdd1rd\xd7\xac\xac\xfaX\x8c\x01\xc3{x\xd2\x16\x97\x99\x80\xbc@`w$\xf2\xfbe\xcb\x9eZ\xbb\xd6eV\x1ft&amp;p+\xd1\x15\x00\x03\xcd\xedeJ\xe7\x01O\x02\xbfaV\x0f\xec7\xbf\xf9\xcd\x17^x\xc1\x0b\x06|\x06\x9e\x00\x1c\x1e5i~\xfe\xf3\x9f\xdf{\xef\xbd\x01\xcb\x8a\xd9\xf67\x88\xee\x03\x1a\xd2\x7f\xb9\xa4&lt;\xfey\xc0\x06\xe07\xcc\x8b\xd5\xfa\x88\x99\x81\xe1\xc5\xc5\xbf:\xf9\xe41]\xba(w\xbf\xe9\xed\x9d\xdb\x05N20\xb0x\xcf\x9e\x1f/X\xb0\xa2\xaaJ\x1d\xa5\xc9\xccc\x80\xbb\x89\xfa\x03\xaa\xfdt\xba\x7f\xde\x12\xc8\x05\xee\x02^aV\x8f\xed\xbd\xf7\xde{\xcf=\xf7x\x1ap$&lt;\x018\x0c*v\xf4\xd2K/}\xf3\x9b\xdf\xf4\x99f\xc2q\x06\x03\xcf\x12\xd9\xe9\x9f\xf4\xa9*{M\xe0\x99\xe4\xc2\xdf\'DB\xca,\x9f\xef\x87\xa3G_5p\xa0\xdf4\xc3\xf1\xb8\xe7\xeeog\xa8\xc0@\x8e\xdf\x1fw\x9c\xa7\xd6\xad\xfb\xbf\xa5K#\x89\x84\xfa\xe8\xd5V\xe0J\xc0IV\x0e\xa7/\xea\xf1\xb4\x80+\x98\xd7\x00\xea\xe1}\xf1\xc5\x17/\xbc\xf0B/ |X&lt;\x018\x18)%\x11\xa9\xc0o\xb8\xa1\x81\x81\x10\xf3KD\x05\xe9\x9f\xf6\xa3\x9a\xa8\xec\x01~\x03\xccaN-\xfcO\xe9\xd6\xedW\'\x9d4\xa8\xa8\xa8!\x16s\x99=\x9fO{E}\xb8\xb9\x81\xc0\xda\xea\xea\x1f\x7f\xf0\xc1\xfb\xbbv\xa5\xb6\x02S\x88\xee\x06\xba\xa4\x7fK+\x95\x14T\x0b\\\xc8\xdcHD@N2 \xcc\xcc^@\xf8 &lt;\x01\xf8\x14\xcc\xac\x1a\xfe\x9ct\xd2IK\x96,\xb1\x0c\xc3u\xdd\xc7\x89N\x00\x9a\xd2yq\x94\x8a\xf7\xce\x01~\xca\\\x0b\xf8\x85\x88K\x99iYw\x9fp\xc2uC\x86H\xa09\x91\xf0|&gt;\x1d\x01G\xcaL\x9fO\x00\x8f\xad^\xfd\x9b\x0f?l\xb6m5\x19\n\x80_\x10MI\xff\xc8\xb0\x0bd\x03\x1f\x02\xd72\x1b\x86a\xbb\xee\x89\'\x9e\xf8\xc1\x07\x1f\x00\x10\xc2\xebN\xfb)\xd2\xf7S&gt;*\xa8}\xe2\xf7\xbf\xff\xfd%K\x96\xf8M\xd3v\xdd\xef\x12\x9d\x0c\x84\xd3\xd9\xfa\xbb\x80\x1f\x08\x00\xbf\x03nf\xae%\xb2\x88\xe2R\x0e+.~u\xea\xd4\xdbF\x8ch\xb6\xed\x16\xdb\xf6\xac\x7f\x07\xc1\x14\xa2\xc5\xb6\x9bm\xfb\xb6\x11#^\x9d:uXqq\\J\x8b\xa8\x96\xe8f\xe6\xdf\x01\x01\xc0\x0f\xb8m=\xce/\x8d\x01\x84\x81\x93\x81\xef\x12\xd9\xae\xeb7\xcd%K\x96|\xff\xfb\xdf7\x0c\xc3u\xd3\xf7m\x1d\x15\xbc\x1d\xc0\x7fh\xed\xfaWY\x04\xa7\x12=\x0c4\xa5\xb3N\xba@\x08\xa8\x04~\xca\xbc8\x99\xea\x03\xe0\xf6\x91#o?\xfex\xbfa\x84\x13\t\xcb3\xfd\x1d\x12[\xca\x1c\x9f/\xee\xba\x0f~\xfc\xf1\x83\xcb\x96!9=\xc6\x00\xbf *\x05\x1a\xd3y\xdd#\x81l\xe0\x16\xe0\xbddR\x90\x17\x0c8\x14O\x00\x0e\xd0\xda\xf5\xdf\xd4\xd8(\x99K\x98\x9f\'\xca\x04\x9c\xf4\x0c\xfc\xaa\xcf5\x04\xbc\xf3i\xb7Oq0\xf8\xe0\xc4\x89\xe7\x1cw\\\xbd\xe7\xf1\xef\xf0\xa8\t\x90\x17\x08\xbc\xf9\xc9\'\xb7\xcf\x9d[\x15\x8d\xb6v\x07MN\xd6\x0c\xa7\xe3\x14a\xc0\x04\x9a\x81K\x98\xf7\x12\t\xa2\xecP\xc8\x0b\x06\x1c\x84\'\x00\xc0\x11\\\xff\xff \x1a\x9d\xb6\xce\x1f\xd5#\xc5\x0f&lt;\x0e&lt;\xc0\x8c\xe4\xe2n|i\xe9\x1fN=\xb5,\'\xa7.\x16\xf3\x9a:x \xd9@"?\x10\xd8\x11\x0e\x7f\xe7\xbd\xf7\xe6WV\xa6\xb6\x89\xdf#\xba\x16\x88\xa7m\xcf+\x17\xc8\x01\x96\x02\xff\xcf\x0b\x06\x1c\x81t\xfcX\xbf~\x0e\xeb\xfa\x1f\x9b\xb6[`\x17\xc8\x00l\xe0n\xe0\x01f\x8b\x08\x80\xcd|\xfb\xc8\x913\xce;\xafSff],fz\xd6\xdf\x03\x00@\x80)D],\xd6)3s\xc6y\xe7\xdd&gt;r\xa4\x9d\\1&lt;\xc0|7`\x03\x19\xe9\x19\x120\x80F`\xac\x17\x0c82\xde\x0e\xe0\x80\xf5\x7f\xf7\xddw\'O\x9e\xdc\x0e\\\xff\x0e\x90\r\xec\x07\xbe\xcd\xbc\x1e\xf0\x13\xc5\x99C~\xff_\xa6L9\xbbg\xcf\xbaX\x8c\x99\xbd\xbe\x0e\x1e\x87"\x99\x89(?\x10\x98\xb9m\xdbMs\xe64\xc6\xe3j\xf2\x0c\x00\xfeL\xd4\thJ\xcf\x0c\xd1C\x83\x01\xef\xbc\xf3\xce\xa4I\x93\xbc`\x00&lt;\x01P\xe7|544\x8c\x1e=\xbab\xdb6\x10\xe5J\xf9\x12Q~zf\xfd\xab\x8e(K\x80\xef\xb4r\xfa\x0f)*\xfa\xeb\x94)\xfd\n\n\xeaZZ\xbcT\x1f\x8f\xcf\xc6\x912?#ccm\xed\x8ds\xe6\xac\xae\xaeN\x85\x04\xfe@tbzv\xc1R\x95\x01u\xc0\x85\xcc\rB\x80\xb9\xbcg\xcf\xa5K\x97\xe6\xe6\xe6zg\x87uts\xe0\xba\xae\x10\xe2\xa6\x9bn\xfa\xe4\x93OL!\xa4\x94\xbf$*\x01b\xe9vk\xd4\xf9\xbd\x85\xc0?\x81\xeb\x99k\x01\x95\xebyq\xdf\xbe\xafN\x9dz\\n\xaeg\xfd=&gt;\x0f\xa6\x10u--\xc7\xe5\xe6\xbe:u\xea\xc5}\xfb\x1e\xc8\x10\x05\xaeg\xfe\'P\x08\xb8\xc9\xfc\x82tA\x001\xa0\x04\xf8%\x91\x94\xd2\x14\xe2\x93O&gt;\xb9\xe9\xa6\x9b\x84\x10\x9e#\xa8C\xef\x00\xd4\x1ep\xc6\x8c\x19\x97\\r\x89\xaa\x1a\xbf\x94\xe8\x7f\x81\xfats\xfd\xab\x8f0\x07x\x1a\xf8U\xab\x12\xdf{\xc6\x8e\xfd\xf6\xf0\xe11\xd7M\xb8\xae\x97\xed\xe3\xf1\xf9q\x99}\x86\x110\x8c?\xafX\xf1\xf3E\x8bR\x05\xc3?&amp;\x9a\x06\x84\x01\xa4[j\x90\x0b\xe4\x01?\x03\xa63\xab\x87\xfd\xf9\xe7\x9f\xbf\xf8\xe2\x8b;\xb8#\xa8\xe3\n\x80J\xfb\xa9\xa9\xa9\x19&lt;xpmM\x8d\x0b\xf4\x95\xf2y"\'\xdd\x1a\xfeH@\x00A\xe0\xa7\xc0K\xcc\xea\xf4\x8fL\xcb\xfa\xc5I\']7dHu4\n\xef\xb8v\x8f/\x8ed\x06P\x14\x0c&gt;\xb6z\xf5O?\xf8\xa0\xd9\xb6\xd5\xd4\xba\x90\xe8\x17@49\xf1\xd2\x05\xf5P\x9b\xc0%\xcc\x9b\x840\x80\x82\xc2\xc25k\xd6\x14\x16\x16\x02\xe8\xb0Y\xa1\x1d\xf4m#y\xd8\xcb\xad\xb7\xdeZUU%\x88L)\x7fFd%\xbb&amp;\xa4\x0b*\xddS\x1d\x8d\x9d\xb2\xfe!\xbf\x7f\xc6\xb9\xe7~k\xf0\xe0}\xcd\xcd^+\x7f\x8f/\x87\x9a9\xfb\x9a\x9b\xbf5x\xf0\x8cs\xcf\r\xf9\xfd\tf\x1f\xd1K\xcc?\x02\xb2\x00+\xd9Y6-\xa0\xe4\xc3\xf23"SJATUUu\xeb\xad\xb7\n!\xd4Z\xb0c\xd2A\x05\xc0u]\xd34_x\xe1\x85\x193f\xf8L\xd3v\xdd\xffG4:\xdd2\x7fTk\xcff\xe0\xdb\xc0\xab\xcc\x01!\x12\xcc\x83\x8b\x8af}\xf3\x9b\xa3KJ\xf6G\xa3^\x89\xaf\xc7W\xc4\x12b\x7f4:\xba\xa4d\xd67\xbf9\xb8\xa8(\xc1\x1c\x10\xe2U\xe6o\x03\xcd@ \xad\xd2C\x05\xd0\x04\x8c\x06\xfe\x1f\x91\xed\xba&gt;\xd3\x9c1c\xc6\x0b/\xbc`\x9af\x87\r\x06tD\x17\x90*\xfa\xad\xae\xaen\xed\xfc\x99N\x94^S@%\xfb7\x01\xdfb\xde\xd0*\xe1g\xc6\xb9\xe7\xe6gd\x84\xe3q/\xe4\xeb\xf1u\xe1H\x99\xe3\xf7\xd7\xb5\xb4\\\xfc\xc6\x1b\xa9\xd4\xa0\xfe\xc0\xdf\x89\xb2\x81\x96t\x8b\x99\x19\xc0\xa5\x9fv\x04\x15\x15\x15u\xcc\xf2\xe0\x0e\xf7\x86\x0103\x11\xa5\x9c?\x96\x94?#\xf2\xa5\xd5~\xf6`\xebO\x14\x97r|i\xe9\xf4s\xcf\r\x05\x02\x9e\xf5\xf7\xf8z1\x85\x08\xc7\xe3\xa1@`\xfa\xb9\xe7\x8e/-\x8dK\xe9\'\xda\x00|\x8b\xb9)\xdd\xca\xc4$\xe0\x03~Fd\xb5r\x04\x11u\xc4\xa50:\xa0\x00\xa8\xa0\xff\x9c9sf\xcc\x98\xe13\x0c\xdbu\xafHv{N\x97{q\x98\xb5?\xf3\xa5\xfd\xfa\xbd&lt;uj\xb6\xcf\x17\xf5\xfazz\x1c\x05L!\xa2\xb6\x9d\xed\xf3\xbd&lt;u\xea\xa5\xfd\xfa\xc5\x99\xfdB\xa4\xa3\x06(G\xd0\t\xc0\x15\xca\x11d\x183f\xcc\x983gN\xc7,\x0f\xeeX\xba\xa7\xca\xbe"\x91\xc8\xf1\xc7\x1f_\xf1\xc9\'\x92\xa8\xab\x943\x88\x94+3-B\xa5\x87\xf5\xfc\\\xda\xaf\xdf\x9f\'O\x8e$\x12\xd2\xab\xf2\xf58\x9a\xa8\t\x96\xe5\xf3}\xfb\x9dw\xa6o\xdc\x98\xa6\xbe \x06\x0c \x06\\\xcc\xbc[\x08\xc1\\~\xdcq\x1f\x7f\xfcqVVVG+\r\xebXKE\x95\xf9s\xdf}\xf7m\xdd\xbaU\x08AR\xfe\x88(\x1f\xb0=\xeb\xef\xe1\xf19\x10D\x929\x92H\xfcy\xf2\xe4K\xfb\xf5\x8bK\x99\x8e\xfb\x00\x02l \x1f\xf8\x11\x11I)\x84\xd8\xbau\xeb}\xf7\xdd\xd7\x013\x82:\xd0\x0e@\xc5~7o\xde&lt;d\xc8\x10v][\xca\xb3\x81\x87\x80\xda4\xa9n\x97@\xc0\xb3\xfe\x1e\x1a\xf0\xd9\xfb\x80t\xa9\xa2w\x80\x02\xe0\xbb\xc0L\xc0\x12\x82\x0cc\xf5\xea\xd5}\xfa\xf4\xe9P\xd1\xe0\x8e\xf2&gt;\x91\x8c\xfd\xdev\xdbm\x89DB\x02\xd9\xcc\xb7\x03\xcdi\xb2iU)\xcc\x9e\xf5\xf7\xd0\x81\xcf\xde\x07\xa4K}\x80\x014\x03\xb7\x03\xd9\xcc\x12H$\x12\xb7\xddv[G\x8b\x06w\x14\x01P\xb1\xdf\x17_|q\xf6\xec\xd9\xaa\xdd\xff\x8dD\xdd\x81x:8\x7f\xb8U\xado*\xe7\xc7\xb3\xfe\x9f\x07\x06\x18\x90\xccn\xf2\x8f#\xe5g\xfcI}\x9bd\xe6tkzs,9\x8c\x06\x10m\x00~\n\x04\x01\x91\x0e\xb7\x8e\x808\xd0\x1d\xb8\x91\xc8u]\xcb0f\xcf\x9e\xfd\xe2\x8b/v\xa8hp\x87\x90\xbbT\xecw\xf8\xf0\xe1\xdb+*$Q?)\xa7\x139m=\xb0\xcf\x83\xfax\xb2\x80\xbb\x81W\x99\xbd\xb5\xff\x91`\xf5A\xab\xad\x1e\xa0\xa2y\x96\x10\x0c\xf8\rC\x10\x81\x19D\x9f]\x1cgK\xa9\xbeM2\xc7]\x97\x00[J5\x7fX\xfd\xcc\xe4\xdf\x1e8\x82/h*\xd1o\x80\x08\x80tX]\x010\x81K\x997\n!\x98{\x94\x97\xafX\xb1\xa2\xe3D\x83\xd3\xc2\xfb\xfdU\x91R\x1a\x86q\xdf}\xf7m\xdb\xb6\xcdg\x18\x8e\xeb~\x8f\xc8\x0f\xc4\xd3\xc1\xff#\x81&lt;\xe0\x87\xc9Z\xdf\x98\x94\xe3\xbav\xf5\xac?\x92\x16_2\x13 \x840\x85\xf0\x0ba\x08a\n!\x99\x1d)\xe3\xae[\xdb\xd2b\x10}\xd2\xd8\xd8l\xdb\x82\xc8v\xddU\xd5\xd5\xce\x11\x02}\xa6\x10C\x8b\x8a,\xc3\x90\xcc\x99\x96u\\(\xe42\x17dd\xf8\r\xc3\x14B\x109R\xbaR\xc6\xa5t\xa4\x94R2 :\x88\x9d8\x02\xad\xf7\x01\xbb\x9a\x9a\x16\xee\xde\x1d\x10\xe2U)\x05\xd1\xff\xa5ISE\x17\xc8\x04\xbeGt\x83\x94\xa6al\xdb\xb6\xed\xbe\xfb\xee\xfb\xd5\xaf~\xd5A\x9a\xc4\xb5\xff\x1d\xc0\xa7b\xbf\x8ec3\x9f\r&lt;\x98&amp;\xb3S\xf5\xf7\x7f\x1c\xf8M\xb2\xcf\xcf\xe0\xa2\xa2\x19\xe7\x9e\x9b\xe5\xf3\xd9\xae\xdb\x01\xad\xbf\xf2\xe7\xa83m|\x86\xe17\x0c\xb5\xc6\x8f\xd8vC,\xb63\x1c\xde\xd5\xd4\xb4\xa5\xa1\xa1&gt;\x16\xdb\\W\xd7\x94HT\x84\xc3\x02h\x88\xc7\xbf\xc4\xef\xca\xf5\xfb%P\x9e\x93\x93\xed\xf3\xf5\xc9\xcf\xcf\x0b\x04z\xe7\xe6v\xcb\xce\xee\x9e\x93\x93\x1b\x08dY\x96\xda\x1f\xc4]7\xe1\xba\xea4\x95\x8ey\xcc\xa0d\xb6\x0c#\x92H\\\xfc\xc6\x1bk\xaa\xab\xd5D\xbd\x9b\xe8\xda49?@5\n\xbd]E\x83\x89\xc84;N4\xb8\xfd\x0b\x80R\xf2\xab\xae\xba\xea\xe9\xa7\x9f6\x0c#\xcbu_"*L\x87\xd4O\'\xd9\xdf\xff\x9e\x94\xf5/,|\xe1\xfc\xf3C&gt;_\xd4q:T{ge\xf4\x89H\xf5(6\r#\xe18{\x9a\x9b\xb7\xd4\xd7o\xa8\xad]W[\xbb\xb1\xb6vgSS},v\x0c\x06\x93\x17\x08t\xcf\xce\xeeWP0\xb0\xa0\xa0\x7fAA\xef\xbc\xbc.\x99\x99&gt;\xd3t\\Wu\xde\xe6\xa4\x18\x1c\x83\xc1h\x82\xcb\x1c4\xcd\xc6D\xe2\xa2\xd7^[SS\xa3\xa6\xeb\xcf\x89.O\x07\r`\xc0\x02j\x80\x0b\x99#\x86\xe1\xba\xee\xb4i\xd3\x9ez\xea\xa9\x8e\xb0\th\xe7\x02\xa0\xce{Y\xb0`\xc1\xa9\xa7\x9e*\x00\xdbuo"\xba\x03\xa8\xd3~\xf9\xef\x02Y\xc0\n\xe0[\xcc6\x91d\xce\xf6\xfb\xff\xfd\xcdo\x1e\x97\x9b\xdbq:=Hf\xc9l\n\x110M\xbfa$\\w_s\xf3\xfa\xda\xda\xa5{\xf7.\xdd\xb7o]M\xcd\xe7\\\xda\x1bB\xe4ddHfC\x88\xbe%%\xa6a\x1c:\xed\x89\xc8q\xddM{\xf7\xbaR\n\xa2pK\x8b\xfb\xf9R\xc2s\xfd\xfe\x81\x85\x85\xa3;w\x1e]R2\xa0\xa0\xa0sf\xa6\xcf0\xe2\xae\x1bs\x1cG\xca\x8e\xd3\x8dU\xf5\x0b\xfa\xa4\xa1\xe1\xf4\x17_l\x8a\xc7\x05\x91\xc5\xfcw\xa2\xe1@$\x1d\x1e\xb7|\xe0\xf7\xc0_\x98-\xc3\x90\xc0{\xef\xbdw\xf2\xc9\'+\xefq[\x8f\xee(\xd2\xfe\x05\xc00\x8c\x89\x13\'\xce\x9b7O\x18F7\xd7}\x99H\xff7\xacR\xfek\x81o07\x02\x82\xc82\x8c\x17\xcf;\xef\x84\x92\x92\xc6\x0e`\xfdSv?hY&gt;!\x1a\xe2\xf1\x8a\xc6\xc6wv\xec\x98\xb7k\xd7\xfa\xda\xda\xd6\xcb|\xfat\xb6\x89!D~VV\xafN\x9d\n\xb2\xb3\x07\x96\x96f\x05\x02C\xbaww\xa5,\x0e\x85\xba\xe4\xe59\xae+\x88:\x85B\x82\xe8\xa0#\x1f\xd4\xa5d\xde\xdf\xd8(\x99M\xc3\xd8S__\xd5\xd8h\x08\xb1z\xe7\xceH,\xb6\xae\xb2\xb2\xb6\xa9i\xeb\xfe\xfdu\x91Hka8h\x00y\x81\xc0\x80\x82\x82\t\xdd\xbaM.++\x0f\x85r\xfd\xfe\x84\x94Q\xdb\xee J\xe0H\x19\xf2\xfb?\xdc\xbb\xf7\x9b\xaf\xbfn\xbb\xaed\x0e\x01\xaf\x10\x15\xa4Iq\x00\x01\x170\xef2\x0c\xe9\xba\x13&amp;L\x98;wn\xbb\xdf\x04\xb4g\x01P\x1f\xde\x0b/\xbcp\xf1\xc5\x17[\x86a\xbb\xee=D\x97k\xef\xfdg\xc0\x04l\xe0j\xe6\xf5\x80O\x88\x84\x94\x0fL\x98p\xdd\x90!\xed\xbb\xc33\xabRm\xa2\x0c\xcb\n\x18FC&lt;\xbe\xb2\xaa\xea\</t>
        </is>
      </c>
    </row>
    <row r="235">
      <c r="A235" s="1" t="n">
        <v>233</v>
      </c>
      <c r="B235" t="inlineStr">
        <is>
          <t>shape_morph</t>
        </is>
      </c>
      <c r="C235" t="inlineStr">
        <is>
          <t>What is the missing shape of the part denoted with a question mark?</t>
        </is>
      </c>
      <c r="D235" t="inlineStr">
        <is>
          <t>['triangle', 'hexagon', 'circle', 'pentagon']</t>
        </is>
      </c>
      <c r="E235" t="inlineStr">
        <is>
          <t>pentagon</t>
        </is>
      </c>
      <c r="F235" t="inlineStr">
        <is>
          <t>There are eight shapes arranged in a grid. The top left shape is a triangle and the bottom right shape is a ?. The other shapes do not appear to regular shapes.</t>
        </is>
      </c>
      <c r="G235" t="inlineStr">
        <is>
          <t>We observe that from the top left to bottom right direction, the shapes look like a triangle but gradually change shape into something like a pentagon. Hence, the pattern is the the shapes are morphing between triangle and pentagon shapes.</t>
        </is>
      </c>
      <c r="H235" t="inlineStr">
        <is>
          <t>Based on the pattern that the shapes are morphing between triangle and pentagon shapes, the missing shape at the bottom right should be a pentagon.</t>
        </is>
      </c>
      <c r="I235" t="inlineStr">
        <is>
          <t>b'\x89PNG\r\n\x1a\n\x00\x00\x00\rIHDR\x00\x00\x02\x00\x00\x00\x02\x00\x08\x02\x00\x00\x00{\x1aC\xad\x00\x00}$IDATx\x9c\xed\xddw\\U\xf5\xff\x07\xf0\xcfYw\x0f.{(\x88&amp;\nn\x01\x05-\'\x0e\xb4\\\xa5f\xe3\x9bZ\xa0i\x9a\x96\xfa\xad\xb4\x1c\x95Z\xbfJMM\x05s\x94\xa3\xdc3\xb7\xe5\xd7\x14\x07\xa6\xa9i\x0e$P\x01\xb9\xc0\xdd\xfb\x9c\xf3\xf9\xfd\xf1\xc9\xfb\xe5\xdbTS@\xce\xfb\xf9G\x0f\xc3\x8b\x1c\xce=\xf7\xf3\xfa\xec\x0f\x851F\x00\x00\x00\xa4\x87\xae\xee\x0b\x00\x00\x00P=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00\x00@\xa2 \x00\xee\x1a\xc6\xb8\xba/\x01\x00\x00\xee\x03\x08\x80\xbbFQ\x14\xc6X\x14\xc5\xea\xbe\x10\x00\x00\xf8G \x00\xee\x8e(\x8aEEE\x14E\xd14\xcd\xf3&lt;\xb4\x06\xaa\x05\xdcv\x00\xee\x0b\x08\x80\xbb \x8a"EQ\xcf&gt;\xfbl\xbf~\xfd\xae^\xbd\xca\xb2,EQ\x82 T\xf7uI\x0eEQ\xa2(\n\x82 \x08\x02\x84\x01\x00\xf7\x0c\x02\xe0\xeeP\x14EQ\xd4\xd6\xad[\x93\x93\x93\xdf}\xf7]\xaf\xd7\xcb0\x0c)\x8c\xaa\xfb\xd2$\xa4\xbc\xbc\x9c\xa6i\x86a\x18\x86\xa1(\x8a\xe7yh\x8dU1\x7f\xfa\x12\xd5}9\xe0\x1eA\x00\xdc\x0b\x86a\xccf\xf3;\xef\xbc\x93\x98\x98\xb8k\xd7.R\x18\x89\xa2\x08\x03\x03\x0f\x14)hJKK\xdb\xb6m\xdb\xb1C\x87\xe1\xc3\x87\xef\xdb\xb7O\x10\x04\x96e\xfd\xad1h\x13T\r\x7f\xfa\x12dTL\x14E\xbe\x12\xf2v\x88\xa2\x089QcQ\xf0\xae\xdc9Q\x14i\x9a\xee\xd2\xa5\xcb\xb7\xdf~\xcb\xb2\xac^\xab)7\x99\x11BO\r\x1c\xf8\xda\xf8\xf1\xa9\xa9\xa9\x08!\x9e\xe7\xc9\x07\xa3\x9a\xaf\xb56\xe2y\x9ee\xd9\x95+W\x0e\x1d:\xd4\xff\xc5\x84\x84\x84\xce]\xba$\xb6n\xdd\xabW\xaf\xb0\xb00\xf2E\x8c\xb1 \x08\xf0F&lt;\x08\x18c\x8a\xa2\xbe\xfd\xf6[\xb5Z\xdd\xb0aC\xf2E\x83\xc1p\'\xdfKjH\xbf\t\x03\xff{D\xd3\xf4o\xbe\x02\x1e4\x08\x80\xbbP9\x00\x18\x86\x11\x04!:"\xa2\xc2b\x911L\x85\xcd6x\xf0\xe0\x193f\xc4\xc5\xc5!\x84H\xe9S\xdd\xd7[\xdb\x90\x00\x185z\xf4\x9a\x95+c\xa3\xa3\xcf\\\xbcH\xbenP\xabM\x0eGxXX\xcf\xf4\xf4\xfe\xfd\xfb\xa7\xa6\xa6\x86\x84\x84\x90\xbf"\xd5R\x8a\xa2\xe0\xed\xb8/|&gt;\x1f\xc7q3f\xcc\x98:u*B((0P\xc4\x18!\x14S\xaf\x9e! \x80e\xd9\xa4\xa4$\xb9\\\x8e16\x18\x0c\xcd\x9b7\xc7\x18GFF\x86\x87\x87c\x8c\x19\x86\xd1\xe9tw\xf2S*\xb7\xa4\xfd\xa9\x00\x1e\x04\x08\x80\xbbP9\x00\x10B\xcf=\xf18C3?\xe7\xe7\x17\x19\x8d%F\xa3\x8f\xe7\xb5Z\xed\xa4I\x93&amp;M\x9a$\x93\xc9\xfc\xaf\xaf\xee\xab\xae%H\xc5\xd3n\xb7\xc7\xc5\xc5\xb9\x1d\x0e\x1f\xcf\xc7\xc5\xc4\x14\x14\x17\xc7DEvHL\x9a\xfb\xc5\x17\xfeW\x06\x04\x04\xc4\xc7\xc7\x0f\x1b6\xacW\xaf^QQQ\xfeo\x17\x04\x81L\xdf\x82\n\xe6\xbd!\x01|\xe0\xc0\x81\xb4\xb44\x8a\xa69\x86\xc1\xa2\xe8\x13\x04\x84Px``IE\xc5\x9f}\xa3^\xaf\'\x19\x1c\xd7\xa8\x91B.\xaf\x9c\x13\xf5\xea\xd5\x8b\x8e\x89A\x18\xb3,\xdb\xa4I\x13\x9a\xa6i\x9a\xd6\xeb\xf5\xfe\xef\x85\xba\xd4\x83\x85\xc1\x1d#\xfd\xcb\x9d;w&amp;\xb7\xee\xdd\xb1c\xf0\xd5\xcb\xa76\xac\xef\x98\x9c\x1c\x15\x16\x1a\xa0\xd3\x05\x07\x04 \x84\x9a4i\xb2c\xe7N\xd2\xf5\xe9\xf3\xf9*\xf7\x81\x82{F\x86yW\xadZEn\xbeA\xa7+=\xfc\x9f\xab\xbbw\x9dX\xf7\xf5\x07\xaf\xbfV7&lt;\x9c\x14\xea\x89\t\t\xed[\xb5$\xaf\xd1j\xb5\xed\xda\xb7\x9f0a\xc2\xd1\xa3G\x7f\xf3O\xf1&lt;\x0f\xef\xcb]!\x0f\xff\xb9s\xe7\xf4\x01\x01\xa9-[\x06h\xb5-\x1a5j\x15\x1fOn\xf5\x84a\xc3\x10B:\x8d\xe6\xf9\xbe}\xc8W\x9a&lt;\xf2H\xfbV\xad\x10B\xad\xe3\xe3\xc9\xe7\x82\xa1\xe9\xd0\x80\x80\xbf(\x8bTj\xb5\xc1`\x08\n\nJm\xd7.--\xads\xe7\xceS\xa7N%?\x1a\xde\xac\x07\x84\xbd\x7fQ"9\x0e\xa7\x0ba\xd4\xa4A\x83\xfd\xcb\x97}\xfd\xcd7\x0bW\xaf9\x7f\xf5JtD\xc4\xe5\x9f\x7f\xee\xf7\xc4\x13Im\xdb\xce\xf9\xe4\x93\x94\x94\x14\x04\xb5\x98\xfb\x01c\x8c\x10:r\xf4htxx\xcb\x84\x84\xd8\xa8\xa8\x00\x83A\xa7\xd1\xd4\x8b\x8aj\xdd\xb8\xf1KO&gt;y!?\x7f\xfe\x97\xab\xd2RS\xb2\xd6o \xdfb\xb3\xd9\xae\x9c?\x7f\xf4\xc8\x91\x8f&gt;\xfa(55\xb5\x7f\xff\xfe\xc9\xc9\xc9\x89\x89\x89Z\xad\x96\xbc\x80t\x10\xc1P\xc1\xdf\xc2\x18\x8b\x18\xbb\x1c\x8e!C\x86\xc8i\xfa\xfc\x95+\xfd\xd3\xba\xbe9b\x84\xcb\xe9,2\x1ae\x1c\xa7V*9\x96\r\x0b\x0efh\xaa\xf0f\x11F\xa8Cb\xeb\xbc\xeb7~\xca\xcb\xeb\xf9\xd8c+\xb6lA\x08\x85\x05\x07\xf7\xee\xd41{\xdd\xfa@\xbd\xbew\xa7\x8e_n\xdd\x86\x10\xea\xde\xbe\xfd\x85\xbc\xbc\x1b%%j\x95*!6\xf6\xe4\xf9\xf3,M\xe7]\xb8Pj6#\x84HS{\xda\xb4i$\x00\xa0=}\xdfA\x00\xdc;\xf28:\xddn\x8e\xe7\x9f}\xe2\x89\xb4\x94\xd4\xcf\xbeZ\xbbt\xc3\xc6\xd0\xa0\xa0\xb0\xe0`\xc1ji\x97\xdan\xcc\xd81o\xbf\xfdvpp0\xc6\x98\x945\xd5}\xd5\x0f%\x8c1\xc30\x1e\x8fg\xff\xbe}.\x8f\'\xff\xc6\x8d\x7f\xf5\xe9C\xd3\xb4\xd3\xeb\xa5}&gt;\x84\x90R.\x7f\xb4U\xabG[\xb6t\xba\xdd\xb1Qu\x0e\x9d\xca\xdd\xfd\x9f\xc3&amp;\xab\x15#d\xb4X(\x8a\xca\xc9\xc9\xc9\xc9\xc9A\x08EEE\xf5\xea\xd5k\xd8\xb0a\t\xf1\xf1\xfa\x80\x00\xf2&amp;\x92\xea-\xe9\x7f\xa8\xe6_\xb5F"S\xad^\x1c5\xaa\xa8\xb0\xb0Cr\xf2\xb9\xcb\x97\xfb\xa7\xa55\x8e\x8b\xf3:\x1c\xad\x9a4A\x08\x0b&gt;\xbe]\x9b6H\x14}n\xf7+\xcf&lt;\x83\x10\x12D\xd1XQ\xf1\xd1\xc4\t4Mwn\x93\xec\xf1\xf9\xb4\x1a\x8d\xd5f\x0b\xd6\x07\x84\x87\x86\xd0\x88*\xb8YDQT\xaf\xc7\x1e-1\x1am\x0eG\xc3\xe8\xe8\x94\x96-N\x9e?\x1f\x1e\x1a\x9a\xfe\xd8\xa3\xd9\xeb7 \x84d\x1c7}\xfa\xf4\xa2\xa2\xa2\xac\xac,\x04}\xaa\x0f\x00\x8c\x01\xdc\x85\xdf\x8c\x01\xbc\x95\x99\xf9\xfe\xc4\t\x96\x8a\n\x96a\x04A\x90q\x9cB\xad&gt;q\xe6\xc7M\xfb\xf6\x1d&lt;v\xccb\xb7\xb7\x8a\x8f\xdf\xb0kW\xbd\xfa\xf5_\x9f8q\xe4\x88\x11\xa4\x9a\t\x0f\xf1= \xbd\xcf\xabW\xaf~\xee\xb9\xe7\xc8WNo\xdc\xd0\xb4aC\x97\xdbMn&amp;\xa9\xa2R\x08\xd14\xadV\xa9\x90L\xe6\xb1\xdb\x0bKJ\xbe\xcf=\xb5z\xc7\x8e\xe3g\xcf\xda\x9d\xceW\x9e}v\xfb\xb7\xdf\x16\x14\x15\x91\x7f!88\xb8]\xbbv\xfd\xfb\xf7OOO\xff\xcd\xf4!\x184\xae\x8c\xb4_\x97,^&lt;\xe1\xb5\xd7Z7ir\xf3\xd6\xad\x11\x83\x06M\x1c\xfd\xb2\xf9V)\xc3\xb2\xa4\x00\xa1\x10%b\x11!\xc4\xd0\xb4\xbfH\xe18\x8eB\x08c\xacP(\x10E!Q\xc4\x18Sr9\xc9\t\x8ee\x11\x85\xdc\x1eo\xb9\xd9\x8c1\xe68\xceX^^P\\\xac\xd3h-Vk\xce\xd9\xb3\x1bv\xef\xbe\\P\xc0\xb2,\xcf\xf3\x83\x07\x0f^\xb4h\x91\xc1`\x80\xc6\xf4\xfd\x05\x01p\x17\xfe"\x00\x10)\x83DQ\xadR1\nE\xee\x99\x1f?[\xb3f\xc7\xa1C\x9d\xda$\x9f\xbd\xf8s\xb9\xd9\\\xbfq\xe3O\xe7\xcdk\xd3\xa6\rY\xb8\x04\xdd\x0ew\xc5?\xff\xe7\x9b\xcd\x9bZ%4\x89\x0e\x0f\x9f;\xf9-\xbb\xdd\xfe\x87Q\xea\xef\xd8\x91\xcbd\x9cR\xc9\xbb\xdd\xf97on\xde\xb7\xbfy\xa3\xb8\xe1S\xde.6\x1a\x11B\xc1\x01\x01r\x99\xecfi)B(,,\xacg\xcf\x9e\xcd[\xb4\xe8\xd9\xa3GBBBU\xffn5[\xe5\x81\xdf\xa8\xb0\xb0V\xf1\xf1\x81:\xdd\xf2\x99\xef;\x9c\xce\xbf\xad\xc7\xf8\xcb\x16\xf1\xd7\x90\xf8\xef\x9f\xfd9AQ\x14\xc7\xb2\x88\xa2\xb0(\xb2,\xcbr\x1c\x12E\x11cZ\xa94\x95\x95\x8d\x9e\xf1\xee\xbe\xa3G\x95\n\xf9\xf5\xe2\x92\xa4\xe4\xe4m[\xb7FDD@\x06\xdcG\x10\x00w\xe1\xaf\x03\xc0\xff\x1aQ\x14\xb5\x1a5B\xe8\x9b\xff\x1c~g\xfe\x02\xb9L\xe6\xe3y\x96\xa2\x8e\x9f?\xdf\xae]\xbb\x8f?\xfe\x18\x06\x06\xee\nyD=\x1eO\x8b\x16-LFcXp\xf0\xf4WF\xf7\xed\xd6\xcda\xb73\x7fY\x06a\x8c\x05Q\xa4iZ!\x93q\n\x85\xc3f3\xd9l\xfbrr\x0e\xe6\xe4X\xed\x8eC\xb9\xb9\x16\x9b\xad\xf2\xebY\x96\xed\xdc\xb9\xf3\x90!C\xea\xd7\xaf\xdf\xb1cG$\xf9\xe6\x1a\xf9\xf5\xcb\xcb\xca\x1a\xc7\xc7\xc7\x86\x87\x17\x14\x17\xc7\xc5\xc4\x1c^\xb3\xdan\xb3\xa1\xfb7[\xdf_\x04a2\xd7\x0b!\x84\x90 \x08\n\x85B\xa1T\xbe&gt;\xfb\x83OV\xac\x08\r\x0e6\x96\x95\x85GD\x90E\xf8$\x96\xee\xcbO\x978\xe9&gt;\xdc\x0f\x08M\xd3,\xcb:\x9c.\x87\xd3\xf5x\xe7\xce\x07\xbf\xfc\xa2]\xab\x96\x8fD\xd7\xbd^Z\x1a\x19\x1a*\xd8\xac\xedRS_}\xf5\xd5\xb2\xb22\x86aH\x87Cu_rMG&amp;\xf2\xef\xdd\xbb\xf7\xf2\xe5\xcbF\x93\xe9\xe7k\xd7\xea\xd7\xa9\x83y\xfeo\x8b\x1f\x8a\xa2X\x86\xa1)\xca\xed\xf5Z\xccf\x84PH@\xc0\xb0\'\x9f\xfc\xf2\xff\xfe\xef\x8bY3w.^4e\xe4\x88\xe8\x88\x08\x84P\xcb\xc6\x8d9\x8e\xe3y~\xdf\xbe}\xc3\x87\x0f\xef\xd4\xa9Sff&amp;B\x88\xa6i\xc9\xbeAd\x96\x88\xcb\xe5\xea\xd4\xb5\xabV.\xd7k\xb5\x11\xc1\xc1\x0b\xdf\x9e\xe2\xf6x0\xc6\xf7\xb1\xfd\xea_NLS\x14C\xff\x8a\xe38\x9f\xcf\xe7\xb0\xdb\xdf\x1d;f\xfe\xe4\xc9\x1a\x85\x82\xe5\xb8\xe2\xe2\xe2\x1e=z\x9c&lt;y\x92\xf4\x0b\xdd\xaf\x0b\x902\x08\x80\x07\x82&lt;\xc4V\xabUN\xd3\x1f\xbf\xf5\xd6\xcc\xf1\xe3;\xb7m\x13\x1b\x15Ua\xb5\rJO_\xf8\xe9\xa7\xa9))\x9f-Z\x84\x10"\x0b\xca\xa0\x1d\xf6\x17\xc8\xcd\xc99v,&gt;6\xb6s\xdb\xb6}:wn\x99\x90\xe0\xef\xfd\xbf\x134E\x91V\x9a\x8f\xe7\xadf\xb3\xd5b\xe18\xae}\xcb\x96\xef\x8e\x1f\x7fz\xe3\x86C+W\x8e\x18&lt;\xb8\xf5\xed\x19\x8d\x08!\x8e\xe3\xb2\xb3\xb3;v\xeaTPP\xc00\x8c47\x1a"-\xd4\x91/\xbf\\p\xe5\xca\xad\x8a\nA\x10&gt;\x9a8\xa1y\xa38\xdf\xdd\xdc\xf9\x7f\x82\xa6i\x8c1\x16\xc5W\x86\r\x1d?\xf4\x05\x19\xcb\xd24m6\x99\xfc\x19\xe0\xf3\xf9\xaa\xe02j7\x08\x80\x07\x88\x14\xeeV\x93)"8x\xd5\xbcys\xdfz\xf3\xd1\xd6\xad\x0f\x1e?\xfed\xcf\x9e\xbc\xcb\xf5\xde;\xef\xa4\xa6\xa6\x1e&lt;x\x90\x8c\x07@\x0c\xfc\x192\xffg\xfb\xb6md\xae\xc8\xb8\xa1/x}&gt;tO5P2\xbaK\xda^6\x87\xc3b6+\x15\x8a\x0eI\x89#\x87&lt;}\xf8\xcb/\xbe_\xf5\xe5\x87\xaf\xbf\xde\xbd];R\xb2\x94_\xbf\xde\xb4i\xd3\xec\xecl\xb2\xd1\x90\xa46z"\xd3~&gt;\xff\xfc\xf3\xf5k\xd7&amp;\xb7hQ/22\xa9i\xd3\xb4\xb44\xb3\xd5FWa\xbf%EQ\x18!sY\xd9+\xc3\x86\xedY\x9a\xadS\xab\x11M\x9b\xcd\xe6n\xdd\xbb\x9f&lt;y\x924\xda\xaa\xecbj%\x08\x80\x07\x8b\x948\x82 \x98KK[\xc7\xc7/\x9d1}\xd9{\xef]\xca\xcfOi\xd9\x92\xe5\xb8\xdc\x13\'\xbav\xed\xfa\xe2\x8b/\xde,*\xf2\xc7@u_r\xcdB\xfa\x7f~\xfa\xe9\xa7K?\xff\\TV\x96\xb5~=CQ\x0cM\xa3\x7f\x1c\x964M\x93\xe9[6\x87\xc3j\xb1x\xbc\xdev\xadZN\x1c\x91\xb9\xfb\xf3\xa5\x83z\xf6\x18\xd2\xabW\x8b\x84\x04\xbb\xdd\x9e\x99\x999e\xca\x14\x8b\xc5BN\x80\xb8/\xbfT\rG\xba\xfesss_\x1e5*80\xd0\xe7\xf3%&lt;\xd2\xe0\xc37\xfem\xbdu\x8b\xab\xf2\x9ew\n!\x8ee\xcd\xa5\xa5\xed\x93\x92v.^\xacS\xa91\xc6^\x97\xabk\xd7\xae\xcb\x97/\x87v\xc0?\x04\x01P\x15\xc8T\x07\x87\xd3\xe9p\xb9\x1e\xef\xdc\xe9\xbb\xd5\xab\xda\xb5l\xe1p:\x03\r\x01a\xc1\xc1\xcb\x96-Kl\xdd\xfa\xd3O?\xf5y\xbddX\x18b\xc0\x8f\xd4\xbbO\xe6\xe6F\x04\x07\xa7\xb4h\xd1\xaee\xcb\xb6\xcd\x9b\xbb\\\xae\xfb\xd5\x0bA6\x87 \xe9kw8\xcd\x15\x15\x0e\x87c\xcd\xff}\xf8\xf1\xbf\'\x9d&lt;w\xb6nxx\x88\xc1\xf0\xfe\xfb\xef\xb7m\xdb\xd6\xdf\xf5\\\xeb\x1bj$t7m\xda\xe4\xf3z\xaf\x97\x94\xe4\xdf\xb8\xb1p\xca\x14\xb7\xc3AU\xdfx8\xc7qf\x93\xa9]r\xd2\xd6\x85\xf3[4j\x14\x18\x10`\xb7\xd9\x86\x0f\x1f\x9e\x9d\x9d\xcdq\x1c\xb4\x9e\xef\x19\x04@\xd5\xf1\x0f\x0c(hz\xe4\xe0\xc1;\x17-Jn\xdaT\x10\x84\xc8\xd0PsE\xc5\xab\xaf\xbe\x1a\x9f\x90\xb0h\xf1b\xb2\xe8\t\x9e\xe9\xcan\\\xbf~\xfd\xd6\xad\xa3\xa7O\xcbe\xb2\xca3\xcd\xef/\x9a\xa69\x96E\x18;]\xee@\xbd\xfe\xf8\xd7_\xc7\xd5\xab\xc7q\x9cR\xa9\xbct\xe9R\x8f\x1e=\xbe\xd9\xb5K:\xa7\x00)\x95J\x8a\xa2(\x84\x1a\xc6\xc4\x84\x06\x05y\xbd^\xbaZ\'.s,k\xae\xa8\xe8\x98\x92\x925c\xba\xd7\xeb\xc5\x08i\xd5\xea\xcc\xcc\xcc\xf1\xe3\xc7\x93&gt;=\xf8\xbc\xdc\x03\x08\x80\xaa\xc60\x0c/\x08\x1e\xaf\xb7M\xf3f\x9b\xe7\xcf\x7fw\xec\xd8\xf0\xa0`\xb5J\xa5\xd5h\xccF\xe3{\xef\xbc\r\x03\x03\xbfG\x96\x14Q\x14%&lt;\xf8\x8ex\xd2&amp;\xf0z\xbd\n\xb9|\xfd\xdc9\xa3\x86\x0c\xf1z&lt;u\xc2\xc3=.W\xef^\xbd\x9e}\xe6\x19\x93\xc9DF\x86\x1f\xf4\x95T\xaf_\xb7\xdf!\x7f\x10\xc5\x9a\xb0l\x85cY\x8b\xd9\x9c\x98\x90pr\xdd\xd7=\xda\xb7\xd7k\xb5\x1c\xcb\xce\x9d;733\x93\xa6ir\xc1\xd5}\x8d\x0f\x19\x08\x80j@&amp;\xbd\xd9\x9dN\xaf\xd7;\xf2\xb9g\xd7\xcd\xfdd\xf4\x90!,M\xf7M\xebJ\xd1\xcc)\x18\x18\xf8\x1dR\x12\xf9\'\x89W\x01\x9a\xa6\x05\x9eWp\xdc\xe4Q/\x1fY\xb3Z\xa7V\x1b\xf4z\x9dV\xbbf\xed\xda.]\xbb\x1e?~\x9ceY\xe9\xd4:kB\xe9O\xb0\x0c\xe3p:\xeb\x84\x87\xaf\xfe\xe8\xc3\xc8\x90\x10\x1f\xcf+\x15\x8a\xec\xec\xec\xcc\xccL8\x94\xe9\x1e@\x00T\x1b\x86\xa6)\x8a\xb2TT\xc4DD\xbc3j\xe4\xa5=\xbb[\xc5\xc7\xbb\xdcn\xc3\xff\x0e\x0c\x90e\xc3\xf0dW=\xd2\xe0\xb0\x98\xcdm\x9a5[9k\xe6c\xad[[m\xb6F\xb1\xb1\x1a\x84RRR&gt;\xfd\xf4S\x12\xe4\x10\xcfU\x8ca\x18\x87\xcb\xa5\x94+\xfe\xb3\xea\xcb\xa1\xfd\xfa\xb9\xdcn\xa5R\xe9\xcf\x00\xd2\x14\xa8\xeek|h@\x00T3\x96a\\\x1e\x8f\xcb\xed\xd1)\x95\x99\x83\x06U\x1e\x18\xb0\x98L\xaf\xbe\xfajJj\xea\xd6m\xdb\xc8\xf8\x81\x14F k\x14\xb2\x94\xccf\xb7\'&amp;$,\x9f=\xeb\xd3)\x93\x87\xf6\xeb[TVf\xd0\xeb_}\xf5\xd5\x17\x86\x0e\xb5\xdb\xedd\xc0\xa6\xba\xafTZ\x18\x9a\x16x^\xe0\xf9\xe5\xb3f\x0e\xed\xd7\xcf\xe5r\xb1,\x9b\x9d\x9d=x\xf0`\x93\xc9$\xe5\xe5{w\x0b\x02\xa0\xfa\xd1\x14E\xd3\xb4\xcf\xe7\xf3\xfe\xef\xc0\x80R\xa1\x08\t\x0c\xbcy\xedZ\xbf\xbe}\x9f|\xf2I2\x0b\x05\x06\x06\xaa\x1e\xc306\xa7\xd3\xe7\xf5\x8e\x19&gt;\xac_Z7\xb5Ba\xb2X\x02t\xba\x9c\x83\x07\x13\x9a49\x96\x93C\x9ah\xf0\xa6T%\x9a\xa6\x05Q\xb4;\x1c\xcbg\xcfz\xee\x89\'\x02\xb4\xda:\xe1\xe1\xeb\xd6\xad\xeb\xd1\xa3\x07\x19\xa4\x81\x0c\xb8\x13\x10\x005\xc5o\x07\x06\xe6\xcd\xc9\x18\xf8\x14\xc7\xb2\x98\xa6\x9f\xee\xd5k\xff\xee\xdd\xfd\xfa\xf4ye\xcc\x18\x9b\xcd\x06\x03\x03U\x8f\xa1i\x9a\xa2\xcc\xb7J\xe3b\xa2w/\xcd\x1e\xd8\xb3\xe7K\x03\x06\x84\x85\x86\xdc**Jm\xd7n\xee\xdc\xb9\xe4\xa01xS\xaa\x12MQ\x08c\xbb\xdd\xfe\xe5\x87\x1f\xfc\xabO\x9f\x1b%%\x0c\xcb\x9e&lt;y\xb2k\xd7\xae\xa7O\x9f\x96\xc2@\xfd?\x07\x01P\xb3\xfcw` &lt;|\xe6\xb8q{\xb2\xb32\x9fz\xea\xc4\xd9\xb3m[\xb6\x0c\r\x08\xd8\xb6~]BB\xc2\xfc\xf9\xf3\x05\x18\x18\xa8\x0e\x1c\xc7\xd9\x9d\xce@\x9dn\xdd\xc2\x05\x8fw\xe9|\xe6\xe2\xcf^\x9e\xef\xdc\xa6\xcd\xf8\xf1\xe3\xd3\xbau\x93\xc8\xec\xa0\x1a\x85\xa2(\x84\xb1\xc3\xe1x\x7f\xfc\xb8\xf7_}5@\xa3y$&amp;\xe6\xf4\xe9\xd3]\xbbv\x85-\x83\xee\x04\x04@MD\x06\x06\x9c.W\xe3z\xf5f\xbc\xfe\xda\xaaO&gt;fhZ\xaf\xd5\xd6\xabS\xf7\xc6\x8d\x1bc\xc7\x8em\x9b\x92\x02\x03\x03\xd5\x82\xa1i\x9e\xe7-Fc\xc76m\xd6|\xf8\xe1\xa4\xe1\xc3C\x03\x83X\x869\xb0\x7f\x7f\xeb\xc4\xc4#G\x8e\xb0,K\x8e0\xac\xee+\x95\n\x8a\xa20\xc6\x02\xcf\xbf5\xe6\x95\xf9\x93\xdf\xbaZP@\xd3\xb4\t\xb6\x0c\xba3\x10\x005\x14\x19\x18py\xbd\xe6\xf2\xf2\x94\xa6M7}:o\xc6\x98W.\xe4\xe5\x05\x05\x04\x04\x1b\x0c7\xf3\xf3\x7f?0P\xdd\x97,\x15\x14E\xb1,k\xb3Z{w\xec\xf0\xc1\xa4\x89\x02\x16b"#UJ\xa5\xcfa\xef\x96\x966u\xeaT2\x17\x05\xde\x91*C2\xc0Z^&gt;\xa8g\xcf\xed\x8b&gt;\xd3\xa9\xd5\x14E\x99M\xa6\x9e={\xc2\x96A\x7f\r\x02\xa0F\xa3)\x8acY\x9b\xcd.\x8ab\xfbV\xadr7\xac\x7f\xf1\xc9\x012\x8e#\x03\x03\x07v\xef\xee\xfb\xc4\x13\xaf\x8c\x1d\xebp8\xc8bH\xa8xV\x19\x9a\xa6\xed.\x97\xd5j]\xbfpa\xe6\xc0\x81m\x9a6\xed\xdf\xad\xbb\xcb\xed\x9e1c\xc6\xa0\xc1\x83\xaf\\\xb9"\xd9mD\xab\x05\xd9t\xcb\xe1t&gt;\xde\xad\xdb\xce\xc5\x8b\xf5\x1a\r\xa2\xe9\x8a\x8a\x8a\xee=z\xec\xd9\xb3\x07\xfa\x82\xfe\x0c\x04\xc0C\x80ah\x84\x90\xd3\xe5\x8a\n\t\xa9&lt;0\x90\xdc\xa2E\xdd\xd0\x90\xed\xeb\xd65\x8c\x8b\xdb\xbcy3Y\xc2\xca\xf3&lt;\xc4@\xd5 #\xc3v\x93i\xfc\x0b\xff\xda\xb9d\xf1\xb13g\x82\r\x86zQQ\xeb\xd7\xadKIM\xdd\xbbw\xaf\x04\xb7\x11\xad^\x0c\xc3\x98\x8d\xc6vI\x89;\x17/\xd6\xaaT\x91\xa1\xa1^\x97\xabg\xcf\x9eK\xb3\xb3I\xd7\x1c\xe4\xf1o@\x00&lt;4h\x9av{\xbd\xff\x1d\x18\xf8\xf8#\xb9Lfs8#\xc2\xc3\x1aGE\r\x180\xa0\xeb\xed\x15\xaa\xa4\xff\x01\x9e\xf5*@\xe6n\x913Rveg\r\xe9\xdd\xeb\x97\x9b7c\xeb\xd6\xb1Y,=z\xf4\x983g\x0e\xcf\xf3\xd2\xd9F\xb4&amp;\xe08\xceb2\xb5k\xdd\xea\xdb\x95+tj\xb5\xd3\xedf\x18&amp;#3s\xee\xdc\xb9\xb0e\xd0\xefA\x00&lt;L~30\xb0y\xc1\xfc\t\xc3\x86\x05\xea\xf4\x02\xc6\x06\xbd\xfe\xe0\xc1\x83\x1d\x1e{\xec\xb9\xe7\x9e;y\xf2$L\x15\xadJd\xf5\xa9V\xa5\xfap\xc2\x84\x95\xb3f\xdd2\x96\xa9U\xca\xc8\xd0\xd0\xd7^{\xadS\xa7N%%%,\xcbB;\xa0\xca\xb0,k\xb1Z[6n\xbc\xf4\xfd\xf7\x12\x1a4P\xc8\xe5\x11!!\xe3\xc7\x8f\x1f1b\x04l\x19\xf4\x1b\x10\x00\x0f\x9f_\x07\x06\x1c\x0e\xaf\xc73|@\xffM\xf3?mP\xb7\xae^\xad\x0e\xd0\xe94*\xd5\xea\xd5\xab\xfb\xf7\xed\xf3\xca\x98100P\x95h\x8a\xf2\xf9|\xbc\xcf\xf7\xaf\x01\xfd\xf7~\xfey\xbb\x96-\x8bJK\xeb\xd5\x89:r\xe4HB\xd3\xa6\x9b6m"\xe7[\xc1{Q5\xc8\xfa\xed\xf6\xad[\x7f\xf7\xc5\xcan\xa9\xa9\xc5F\xa3R\xa9\xcc\xca\xca\xf2o\x19\x04\x19@@\x00&lt;\xac\xc8y\xe8V\x87C\xe0\xf9e\xb3g\xcd\x9b&lt;\xb9K\xdb\xb6\x15\x16K\xef\x8e\x1d#\x82\x82\xb6\xaf__y`\x00z\x84\xaa\x00\xe9\x0e\xb2\x98L\xed[\xb7Z&lt;m\xda\xc8\xc1\x83\xaf\x17\x15k\xd4\xeaN-[&gt;\xf9\xe4\x93\x99\x99\x99\xfe\xf7\xa2\xba\xafT\x12X\x86\xb1\x98\xcd\x01Z\xed\xdc\xb7\xde\xec\xd7\xb5\xab\xcb\xe5R(\x14\xd9\xd9\xd9#F\x8c \xa7n@\x18#\x08\x80\x87\x1d\xd9\x1c\xdfj6\xf7\xe9\xda%k\xda\xb4}+\x96\xb3\x0ccw\xb8~30@z\x84\xa0\'\xba\n\x90\xfe\x87\xd0\xc0\xc0E\xef\xbd;u\xf4\xa8\x7f\x0f\x1f^\\V\xa6P\xc8\xe1\x90\xe1\xaa\xc7\xb2\xac\xcb\xed\x8e\x08\x0e\xde\xbcp\xc1\xd0~\xfd\xdcn\xb7\xbf\x1d \x08\x02l\x1b\x87 \x00\xee\x19Y\xb2[\xddW\x81\xd0\xed\tpV\x8bE\xa9\x90\xa7\xb5m\xbbn\xee\x9c\x89\xc3\xffg`\xe0\xb1\xc7\x1e\x1b3v\xac\xd1h$;\x18C\r\xf4Ac\x19\xc6\xeb\xf3YM\xa6\xb7\xc7\xbc\xf2\xda\xb0\xa1\x91!!\xe1AA,\xcbJ\xf9\x90\xe1\xea\xc2\xd0\xb4\xc7\xe3\xb1\xdb\xed\xfem\xe3\xa2\xc2\xc2\xb2\xb3\xb3;u\xea\x04\xdb\xc6!\x08\x80{\x811BH\x10E\x97\xdb}oG\x93?\x08\x0c\xc3\x88\x18[\xadV\x9f\xd7\xeb\x1f\x18\xd0\xa9\xd5\x01:\x9dN\xad^0\x7f~\xf3\x16-\x96/_\xee?\xa3\x18J\x9f\x07\x8a\xa6(\x86\xa6-\x15&amp;\x8c\xf1\xc6\xc5\x8bRZ\xb4x\xb2[\x9ad\x0f\x19\xae^4M#\x8c\x1dN\xe7\xd2wg\xbc\xf1\xd2\x8bN\x97\x8b\xe3\xb8#G\x8et\xef\xde\xbd\xb8\xb8X\xe2\xdb\xc6A\x00\xdc5\x8aa4Je\xcf\x0e\x8f\xb5l\xdc\x98\xf7\xf9jH;\x00!D!D:7\xfd\x03\x03\xf3\xa7Li\xdf\xaa\xa5\xc7\xeb\xad\x13\x1en./\x1f&gt;|x\xd7\xae]\xbf^\xb7\xce\xbfT\x15:"\x1e(\x96e\xb1(\xdaL\xa6/g\xcf\x9e\xf3\xe6\x9b\x92=d\xb8\xda\x91\xf6\x96\xc7\xeb\x9d&gt;v\xec\xe0\xf4t\x9f\xcf\x17d0\x9c\xca\xcdMLL$S\xe6$\x9b\xc4\x10\x00w\x81\xd4\x9a\xdb\xb4i\xa3\x90\xcbi\x9a\xf9\xf1\xe7\x9f)\x9f\xafz\x0fJ\xfdC\xfe\x81\x81\'\xbat\xfe\xf2\x83\x0f\xfeo\xc2\x04\x85L\xa6U\xab\xa3#"\xce\x9c&lt;9\xf2\xa5\x97\xfa\xf5\xeb\x07\x03\x03U\x83\xa2(\x1a!\x97\xdb\x1d\xa8\xd3I\xfc\x90\xe1\xeaE\x93\x0c\xf0x\x16\xcd|\xff\xf3\xf7\xde\xd5*\x95,\xc7\x15\x17\x17\xfb\xb7\x0c\x92\xe6\x07\x01\x02\xe0\xae\xa9\x94\xca2\xb3\xf9\x9b\xef\xbe;\x94\x9b\xcb\xb0l\xcd\xac\xbe\xf9\x07\x06\x14\x1c7r\xc8\xd3{?_\xfaD\x97.*\xa5\xb2Q\x83\x06\xed[\xb7\xde\xbauk\x87\x0e\x1d\xc6\x8c\x19\x03\x03\x03U\x01\x0e\x19\xae\x19\xc8\x19\xf7\x96\xb2\xb2\xe1\x83\x06M\x18&gt;\\\xc6\xb24M\x9b\xa5\xbdm\x1c\x04\xc0]\x13E\x91\xa2(\x86\xa6\xb5j5\xaa\x91\xa5\xbf\x1f\xc30\x82(Z\xad\xd6\xa8\xd0\xd0\xcf\xdf\x7fo\xc3\x9c9/=\xf5\xe4\xee\xc3\x87\xf5:\x9dV\xa5Z\xb0`\xc1o\x06\x06jf\x98\xd5\x0ep\xc8pM@\x8ex\xb3TT\x8c\x1e6t\xcf\xd2l\x9dZ\x8dh\xdal6w\xeb\xde]\x9a\xdb\xc6A\x00\xdc\x0b\x8c\xb1\xf0\x90\xec\xc5O\nw\xaf\xd7k\xb5X\x1a\xd7\x8f\xfdW\xdf\xbe\x1b&gt;\x9d\xd7\xa1uk\xf7\x1f\r\x0c\xc0qc\x0f\x14\x1c2\\C\xb0,k.-m\x9f\x94\xb4s\xf1b\x9dJ\x8d1\xf6\xba\\]\xbbv]\xbe|\xb9\xd4\xda\x01\x10\x00\x92@b\xc0\xe9r\xb9\xdc\xee~\xdd\xba\xad\x9c5\xf3\xa3_\x07\x064u#"\xce\x9e:5\xf2\xc5\x17\x1f\x7f\xe2\x89\xc2\xc2B\xd8C\xe2\x81\xfa\xd3C\x86u\xbaW_}u\xf8\xf0\x17\xe1\x90\xe1\xaa\xc1q\x9c\xd9dj\x97\x9c\xb4u\xe1\xfc\x16\x8d\x1a\x05\x06\x04\xd8l\xb6\xe1\xc3\x87gggs\x1c\'\x9dj\x10\x04\x80\x84\xd04MS\x94\xd5lV\xc8d\xb7\x07\x06:\xa9\x15\x8a\xa8\x88\xf0v\xad[\xff\x94\x9b\x1b\x17\xd7\xe8\xa3\x8f&gt;"{HT\xf7\xc5\xd6f\xffs\xc8p\xb7nJ\xb9\xdcd\xb5\xea4\x9a]\xdb\xb66m\xda4\'\'\x07\xee\x7f\x15\xe0X\xd6\\Q\xd11%%k\xc6t\xb7\xc7\x83\x10b\x18&amp;33s\xfc\xf8\xf1\xa4\x1a$\x85\x0c\x80\x00\x90\x1c\xff\xc0@dpp\xd6\xf4\xe9{?_\xda\xa7S\xe7\xfd99\x88e\xeb\x84\x86L\x9c8199\xf9\xf3\xcf?w\xbb\xddR\xf8\x00T\x97_\x0f\x19.56\x88\x8a:\xb8rE\xc6SOuKM\xc5\x14UPP\xd0\xa1C\x87\x8f&gt;\xfa\xc8\xedv?\x14}\x8c\x0f5\x8ee\xadfs\xab\xc6\x8d\xcfo\xdd\xd2\xa3}{\n!\x96e\xe7\xce\x9d\xfb\xec\xb3\xcf:\x9dN)\x0c\xc9@\x00\x80?\xe0\xf5z\xbd^/B\xa8\xd6\x7f\x00j&amp;\x9f\xcfGz\xa2\xe1\xfeW\x0bQ\x14%2\x1a\xccV\xf7\x05\x80\xaa&amp;\x08\x02\xc7\xb2\x1a\x8d&amp;\xff\xc6\x8d\xf7\x16/&gt;\xfa\xc3i\xb9\\\x96\x96\x9az\xe1\xf2\xe5\x1b&amp;\xf3\xff\xfd\xdf\xff\xbd\xfc\xf2\xcbj\xb5\xba\xba/\xb3\x96\x13D\x91\xa2\xa8\x80\xd0\x90\x9f\x7f\xbe\xf4\xd4\xd8W\x7f\xbazU\xa7\xd1\xa8\xe4\xf2\x98\x98\x98\xb5k\xd7\xa6\xa6\xa6V\xf7\x05J\x82\x8f\xe7\x03\x0c\x86\x13g\xce\xf4\x1a1\xb2\xdclf\x18F\xe0\xf9q\xe3\xc6\xcd\x993\x07!\x841\xae9\xcb&lt;\x1f\x10\x08\x00\t\x11E\x11Q\x94. \xc0TQ\xb1r\xeb\xb6\x8fW\xac\xb0\xd8\xec\n\x85\xbc\xac\xa2\xa2\xe0\xc6\xcd\xf6\x9d:\x1dZ\xb80::\x1a!\xc4\xf3&lt;\xcb\xc2\xb3\xf1\xa0\x08\x82\xa0U\xab=\x820\x7f\xd9r\x87\xc3\xe1\xf2x\x0c:\x9d\xc9j}r\xe0\xa0O?\x9d\xa7\xd1h\x04A\x80a\x80\x07\xcd\xc7\xf3\x01\x81\x81\x87rr^\x9d9K!\x97#\x84\x04A\xc8\xca\xca\xca\xc8\xc8 [\xc5\xd5\xfa\xd2\x1fA\x00H\x04\xd9\x89^\xadRa\x84\xb6\xec\xdb\xb7l\xc3\xc6\x83\'N\x18t:\x9b\xc3n4Ut\xe9\xd2%s\xc4\x88\xc1\x83\x06!\x84\xc8\xa3\x0f\xa5\xff\x03B&amp;\x10\xeb4\x9aS?\xfd\xf4\xf1\xf2\x15_\xed\xda\xd5(6628\xf8\xda\xf5\xeb\xf3\xe6\xcd\x1b;v,B\x08J\xff*\xe0\xf3\xf9\x02\x02\x03\x8f\x9e\xcc\xed;z\x8c\xc5nS\xca\xe5Z\xadv\xde\xbcy\xc3\x86\r\xf3\xf9|\x1c\xc7U\xf7\x05V\x11\xf8\x9c\xd7r\xa4\xe8W(\x142\xb9\xfc\xa7K\x97\x8f\x9f;\x9b\xf9\xceT\x8dF\xa3\x90\xc9n\x94\x94\x84GD\xcc|\xff\xfda\xc3\x86\xa1\xdbE?\x14=\x0f\x0e\xc6\x98\xa1i\x8dNw\xfc\xf4\xe9\xe1\x93\xa7X\xecv\x9dV{)?_\xd9\xaa\xd5\xb1c\xc7\xda\xb6mKz\xfc\xe1-x\xd0x\x9e\x0f\x08\r=r\xec\xd8\xe3#_\xb6:\x1d\x14E\xc9\x94\xca}{\xf7&amp;\'\'\xf3&lt;/\x9d\xd2\x1fA\x00\xd4n\xff\xdb\xdd\xbf\xe4\xe8\xe9\xd3\x06\x9d\xae\xe7c\x8f\xed&lt;tH&amp;\x93\xbd\xf2\xca+\xef\xbc\xf3NHH\x08\t\t(w\x1e(Q\x14Y\x8es{&lt;\x9f|\xb6h\xea\xfc\xf9\x11\xa1\xa1&amp;\x8b\xc5\xe9v?3d\xc8\x82\x85\x0b\r\x06\x03t\xbbU\x01\xd2\x02\xd3\x07\x06.\\\xbe\xe2\xdf\x1f\x7f\xec\xf2x\x90(\x06\x18\x0c{\xf6\xecINN\x96T\xdd\x9f\x80\x07\xaev"e\xbaN\xaf7\x99\xcd+\xd7~\xf5\xf1\x8a\x15\x16\x9bM\xa9P\x94\x1a\x8d"B}\xfb\xf6}\xf3\xcd7\xdb\xb6m\x8bnw\xf7C\xe9\xff\x00a,b,\x93\xc9\x9cn\xf7\xc0q\xe3/^\xbb&amp;\x93\xcbo\x94\x94\x18\x0c\x86\xf5\x9b6\xf5JOG\x08\t\x82\x00\xa5\xff\x83F&amp;u\xea\x83\x83\x97\xad]\xfb\xd1\xb2e^\x9e\x17E\xd1p\xbb\xf4\x97Z\xdd\x9f\x80g\xae\x16\x12D\x91\xa1i]@\xc0\xf6\x03\x07\x97|\xfd\xd5\xa1\x93\xb9\x01:\x9d\xcd\xe10\x9aL\xd0\xdd_\xc5H\xa1\xa3T(\x8cfs\xc7\xe7\x9fw{\xbc&gt;\x9f\xcf\xe5r5j\xd4\xe8\xcb/\xbf$\xe5\x0e\xc30\x10\xc0\x0f\x9a\x881C\xd3,\xc7\xbd\xfc\xd6\xe4\xc5_\x7f\x1dd0\xf0&gt;_DD\xc4\xd6\xad[\xc9\xbb \xcd\x0f\x82\x14\x7f\xe7\xda\n#$\n\x02\xc30:\xb5\xda\xed\xf3\r\x7f\xe3\xcd\x83\xc7\x8f[\xecv\xf9\x1fu\xf7\x93\xcd!\xaa\xfb\x92k9\x9e\xe7Y\x8e\xd3\xe8\xf5C\xc6\x8e\xc5\x18\'7k\xbef\xc7\x0e\x84\xd0\xe4\xc9\x93\'N\x9c\xa8\xd7\xeb%[\xeeT1\x8c1M\xd3r\x99l\xca\xbcy_\xef\xda\xc5q\\\xb9\xc9\x94\x94\x94\xb4m\xdb\xb6\x88\x88\x08)7\xbf$\xfak\xd7&gt;\xe4!\xd6\xe8t^\x9fo\xd9\xa6\xcd\x1b\xf6\xeeu\xb8\\V\x87\xc3l\xb5r\x1c\xf7\xca\x981\xef\xbc\xfd6t\xf7W\x19\x11c\x8c\xb1&gt;\xd0\xe0\xb4;\x9e\x1c\xf9\xf2\x0f\x17/\xdc\xb8U\xda(:Z\xa3\xd1|\xf2\xc9\'\x19\x19\x19\x88\x8c\nH\xb5\xdc\xa9J\xa2(R4\xadV\xa9\x86\xbd\xf9\xd6\x8a-[\xa2\xc2\xc2LVk\xfb\xf6\xed\xb7o\xdfn0\x18$&gt;\xe7\n\x9e\xbf\x87\x9e\xbf\xbb\xbf\xbc\xbc\xe2\xe8\xb9s\x0b\xbe\xf8\xf2R\xfe/z\x9dF%\x93\x9b,\x96.]\xba\xcc\x9c9\x13\xba\xfb\xab\x12/\x08\n\xb9\\\xaeV\xbf\xfb\xe9\xa7\x14\xa2\x8a\x8c\xc6\x92\xf2r\x9e\xe7\x83\xea\xd6\xddy\xf0`LL\x0c\xe9\xf6\xa1iX\x87\xff\xc0\t\xa2\xa8\x90\xcber\xf9\xb07\xde\\\xb1e\x8bR\xa9\xbcy\xebVFF\xc6g\x9f}\xc6\xb2,T\x86 \x00\x1en\xfe\xee\xfem\xfb\x0f\xac\xdc\xb2e\xd3\xbe}\xbd;v\xd4\xa8\x95\xc5%\xb7|\x0c\xb3i\xd3\xa6\xfe\xfd\xfb#\xe8\xee\xafB&lt;\xcf\xeb\xf5\xfa\xeb\xc5\xc53g\xcd\xce^\xbf^\xa9TvKI9\xf6\xa3\'###++\x0b\xc1xo\x15\xe2y^\xa5R\x15\x19\x8d\xe3f\xce\xdar\xe0\x80B\xa1p\xb9\\\x99\x99\x99K\x96,!\xd5&amp;\xc8`x\x10\x1fV\xbf\x16\xfd\xb7\xbb\xfb\xbf=~\xdcl\xb7\x07\xea\xf5;\x0f\x1d\x8a\x8a\x08\xef7p\xe0\x07\xb3g\xab\xd5j\xb2\xa1\x95\xc4\xab9U\x83\xcc\xe2\xd7\x1b\x0cGrO\xcd\\\xb2\xf8\x9b\xff\x1c\xaeW\'\xea\x97\x1b7\xbf;sf\xe3\xc6\x8d\x03\x06\x0c\x80\xf7\xa2*\xf1\x82\xa0\x0f\x080\x96\x97\x93\xd2_\xa9T\xba\\\xae\x8c\x8c\x8c%K\x96\x90\xfa\x10\x94\xfe\x08\x02\xe0a$b,\x08\x82^\xab\xe5E\xd1\xdf\xddoq8\xccV\xab\x8c\xe3\x9e}\xf6\xd9W_}599\x19\xdd^S*\x85\x15\xed\xd5N\xc4X\xc6q\x18\xa1/6m~y\xfat\x99\x8c\x8b\x0c\r\xfd\xe5\xc6\xcd\xf6\xed\xdbo\xd8\xb0!&lt;&lt;\x9c\xd47\xe1\xbd\xa8\x1a\xbc h5\x9a#?\xfc\x90\xf9\xf6;\x05\xc5\xc5\x11!!\xc5F#\xa9\xfbKg\x9b\x87;\x01\x01\xf00\x111F\x18+\xe5rV\xa5\xca\xf9\xe1\x87\xf7?[t\xed\xfau\x9d\xf6\x0f\xba\xfbaYoU\x12E\x91f\x18\x9b\xd39\xe3\xb3\xcf\xe6\xafZ\x1d[\xb7\xce\x8d\xe2\x12\xb3\xd5\xf6\xc9\'\x9f\x8c\x193\x86\x1c8\x0e\xdd&gt;U\x86\xf4\xc2\xfdp\xe1\xc2K\x93\xa7\xfc\x9c\x9f\xcf0\x8c\xc3\xe9\x9c3g\xce\xb8q\xe3 \x86\x7f\x03\x1e\xca\x87\x86(\x8a\n\xb9\x9c\xa6\xe9\x8b\xd7\xae\xad\xdb\xb5{\xf5\x8e\x1d\xf5\xeb\xd6\xd5\xaaU\xbf\xe9\xee\xe7y\x1e\x8a\xfe*C\xba}\x14r\xb9O\x10\xd232\x7f)*\xaa\x17\x15\x95\x7f\xfdF`P\xd0\xda5k\xbaw\xef\x8e`\xb6O\xd5\xfau\x93\x9f\xdcS\xe9#FhT*\x95B\xe1t\xbb\xb3\xb3\xb2^\x92\xd2\x16ow\x0e\x9e\xcb\x87\x80 \x88\x0cC\xab\x94\xca\xeb\xb7n-Z\xbbv\xd5\xf6\x1d\x82(vn\xd3f\xd7w\xdf\xa9\xb4\xda\x01\x83\x06}0k\x96\xbf\xbb\x1f\xca\x9a*#\x88"BH\x17\x18\xf8\xe1g\x8bv\x1d&gt;\x9c\xd2\xb2e\xeeO?\x95\x99L\x03\x07\rz\xff\xbd\xf7\x1a6l\x08\xb3}\xaa\x98 \x08\x01!!G\x8f\x9f\xe8=r\xa4\xcd\xe9\xb4\xda\xed\x01\x06\xc3\xa6-[z\xf4\xe8\x01\x8d\xb0?\x04w\xa4F\xfb\xb5\xbb_\xa7s\xbb\xddGN\x9f\x1e0\xf6UD\xce\x95\xa5\xa8\xaf\xbe\xf9f\xc0\x80\x01o\xbc\xf1\x06t\xf7W\x0bQ\x145J%\xcdq\x03G\x8f&gt;}\xe1bqY\xd9\x95\x82_\x94\n\xc5\xc4I\x93\xa6O\x9f\x8e`\xb6O\xd5\xf2\xefw\xbbc\xdf\xbe\xe7\'\xfd\xdbb\xb7#\x8c\x03\x03\x03w\xef\xde-\xe5\x85\xbe\x7f\x0bnJ\r\xf5?\xdd\xfd\xa7O\xcf\xf8t\xbe\xcb\xe3Ih\xd0\xe0\xf0\xa9S\x08\xa1\xc4\xc4\xc4\xc5\xcb\x97\xf7\xed\xd3\x07!\x04{\tT1LR9 `\xfb\xfe\x03\xdf\xff\xf0\x03C1\x05EE\xbc \x84\x86\x87\xef\xdb\xb4\xb9}\xfb\xf6\xb0\xd0\xba\x8a\x91\x93[tAAk7o~f\xe2$\x9a\xa61\xc6\x06\x83\x81\x94\xfe\x12\xdc\xe2\xed\xceA\x00\xd4D\xbc \xa8\x95J\x8a\xa2\xfc\xdd\xfd\r\xa2\xa3-6[\xb9\xa9\xa2N\x9d:\x93&amp;M\x1a\xf5\xf2\xcb\x0c\xcb\x923c\xa1jS\x95\x04Q\x94q\x9c&amp;0\xf0\xd0\x91#\xcfL\x9adw:;\xb7i\xc3\x0bB\xd7\xb4\xb4\xf5\xeb\xd6\xc1\xa6\x9eU\x8f\x94\xfe\x0c\xcb\xce\x9c\xbf\xe0\x93\x95+\x1f\x89\x89\xb9ZP \xf1-\xde\xee\x1c&lt;\xa95\x8b \x8a4E\xe9\x03\x03\xf3\xf2\xf3\xb3\xbe\xfe\xda\xdf\xdd\xff\xcdw\xdfit\xba\xfe\x03\x07\xcd\x9a9S\xab\xd5"86\xa4:\xf8|&gt;\x9dV[R^&gt;\xee\xcd\xb7b\xc2\xc3[\xc67&gt;\xf1\xe3\xd9oO\x9c 3L\x10t\xfbT9\x8c1\xa2(\xb5Z\xfd\xfa\xec\x0f&gt;Y\xb9\x92a\xd9r\xb3\xb9U\xabV\x9f\x7f\xfey\xabV\xad \x8c\xff\x16\xdc\x9d\x9a\x82\xcc\'\xd1\xa8T\xbc ,^\xb5:{\xdd\xfa\xfc\x9b7X\x96e\x10\xfa}w?\xcc\xf3\xa9b\xbf\x1e\xe1\x1b\x16\xfa\xf3\xc5K\x83\xc6\x8d;w\xe5J\x80N\x17\xa2\xd7\x87EF\xae\xfb\xea\xab\x94\xd4TQ\x14\xa1\xdb\xa7\x8a\x89\x18S\x14\xa5\xd1h\x9e\x9f8i\xf7\xf7\xdf\xd7\t\x0f\xbfQR\x92\x9c\x9c\xbcg\xcf\x1e\xb2\xc9\x0f\x94\xfe\x7f\x0bnP\xf5#\xdd\xfd2\x99\x8c\xa2\xa8\x13g\xcf\xbd\xbbx\xd1\x89s\xe7e\x1c\xe7r\xbb\xdd^obR\x12t\xf7W\xaf\xdf\x1c\xe1\xebp\xbb\rz\xbd\xc9b\xe9\xd3\xbf\xff\xc2\x05\x0b\xe0\x08\xdfjA\xb6\xf1Q\xa9T\xc3\xdexs\xd5\xf6\xed,\xcb\xf2&amp;\xd3\xa0A\x83\x16/^\x0c[\xbc\xdd9\x08\x80jF\xba\xfb\x11\xc2&amp;\x87\xf3\xeb\x1d;\xa6.X\xc804\xc30E\xa5\xa5aaa\x1f\xbc\xf5\xd6\xa8Q\xa3X\xe8\xee\xaf&amp;p\x84o\xcd$\x88"\xd9\xd6\x90l\xf0\xe9\xdf\xe6\x81\xec\xb6\x04[\xbc\xdd9(P\xaa\xcd\x7f\xbb\xfb\xaf][\xb9y\xcb\x825k\xfa\xa7uU*\x14\xb7JKy\x8c\x87\x0f\x1f&gt;\xe3\xddw\xa3"#\x11\x141\xd5\x04\x8e\xf0\xad\x99\x04AP\xabTf\xbb\xadW\xe6\xc8\x13\xe7\xce)\x15\n\x7f\xe9O\xe6_\xc1\xc2\x8b;\x07\x01P\r~\xdf\xdd\xffK\xd1M^\x14\xb7\xee? \x97\xcb\x12\xdb\xb4\x999sf\x97.]\x10t\xf7\xdfF\x91\x05\x0e\x14\x85\xab\xea\'\xc2\x11\xbe\x95\x91\'\xb6&amp;\xe0\x05A\xa3R\xdd()\x191mz\x91\xd1\xc8\xb1\xac\xcb\xed\xf6\x97\xfe\xb0\xd0\xf7nI\xe5\t\xae9\x04A\x90q\x1c\xc30\x95\xbb\xfb\x1dN\xa7\xc7\xe7k\xd0\xa0\xc1\xeb\x13&amp;\x8c\x1c1\x82\xa2((\xfa+\xf3\xf9|\x18!\x841\xf3\xe0+wdA5\x1c\xe1\xfbka\x8a1M\xd3\x14M\xd7\x84\x0c\xf0\xf1|\x80\xc1p\xe2\xcc\x99\xc7G\xbel4\x99\xb4j\xb5\x8f\xe7\xc7\x8d\x1b7g\xce\x1c\xd8\xe4\xe7\xde\xd4\xf2\x87\xb8F!\xfd\xf8:\x9d\xce\xecp|\xb9a\xc3\xb4\x85\x9fU\xee\xee\x7f\xeb\xad\xb7^\x1e9\x92\x93\xc9\x10\xf4\xf9\xfcN\x9d\xbau\xeb\x86\x85\xd5\x8d\x8c\xf4x\xbddB\xce\x83\xf8)\xa2(\x92\xcee\x95B^Za\xea\xf8\xaf\x7fI\xf9\x08_\x97\xcbE\n\xfd+\x05\x05\xa5\xe5\xe5:\x8d\xc6\xc7\xf3t\xf5\x95\xb0&gt;\x9e\x0f\x08\x0c&lt;\x94\x93\xf3\xea\xccY2\x99\x8cB\xc8\xe6pdeee\xc0&amp;?\xff\x00t\x96U\x05\x8c\xb1\x8f\xe7\xd5*\x95Z\xa9\xdc\xf1\xedw\x9d\x9e}\xee\xe8\x99\x1f\xd5*U\x85\xc9|\xab\xacl\xf8\xf0\xe1\xa7~\xf8a\xec\xd8\xb1\x9cL&amp;\x08\x02\x82n\xe5JH\x7fnrRRqY\xd9\xb1\x1f\x7f&lt;z\xe6\xcc\xf1\xb3g\x95J%I\xd3\x7f\x8el! \x08\x02\xc6X\xa3V\x05\x04\x06\xaa\xd5\xeag&amp;Nz\xfd\x83\x0f\x93\x9b5\xbf^Rb4\x99&amp;O\x9e|\xfc\xf8q\xff\x8e\x02\xb5\xbe\xa0!+i\x07\x0c\x18\xc0\xc9du\xc3\xc3c\xeb\xd4\x19\xfd\xde{\n\xb5\x1a\xdf\xa7{~\x0f|&gt;_\x80\xc1p\xf4dn\xdf\xd1c~\xbct\xa9\xc2l\xd6h\xb5\xcb\x96-\xcb\xc8\xc8\xf0\xf9|\xb0\t\xca=\x83\x16\xc0\x83E\xca\x17\x8e\xe34AA\xb9\xa7N}\xb6f\xed\x8eC\x87:\xb7is\xec\xcc\x19\xde\xe7K\x82\xee\xfe\xbfC\n\xa3&amp;M\x9a4j\xdc\xd8b4\xf6\xea\xd8Q\xc0X\x10E\xf4\x8f?\xf0\xa2(\x92M\xfc\x95r9b\x18\x9f\xc7s\xf4\xf4\x99\xa3\xa7\xcf\xec\xcf\xc9\xd9{\xf4(B\xa8I\xfd\xfa\xd2&lt;\xc2\x97\xa6iA\x10\x92\x92\x92\x16}\xf6\xd9\x98Q\xa3\x1a\xd6\xabw\xe1j\xde\xa4\xd9\x1f|\xf8\xce\xdb\xe6\x92\x12\xaejo\x02F\x88\xe7\xf9\x80\xd0\xd0#\xc7\x8e=&gt;\xf2e\xab\xd3AQ\x94L\xa9\xdc\xb7w/,\xf4\xfd\xe7$\xf1@W\x17A\x108\x8e\xd3\xe8\xf5\xd7~\xf9\xe5\x9d\xa9S\x7f\xb9q\xb3\xb4\xa2\xa2K\xdb\xb6\x1bv\xed\x8am\xd0`\xe2\x94)/\x8f\x1c\t\xdd\xfd\x7fK\x10\x04\xb9\\\xfeD\x9f&gt;[\xbf\xfa\xeaJa\xe1\xdc\x15+7\xce\xff\xd4\xe3v\xdfC\x06\x90&lt;F\x08\xb1,\xabU\xab\x11\xcbV\x94\x97\x9f&lt;w\xfe\xc2\xb5k+6o&gt;~\xf6,y\x19\xc7q&gt;\x9fO\xcaG\xf82\x0c\xc3\xf3\xfc\x8b/\xbe\xf8\x9f\xc3\x877\xaf[\' \x94{\xfe\xfc\xfe\xfd\xfb\xd3\xda\xa5\xdalv\xba\xaa\x9eU\xb2\xcdC@p\xf0\x82\xe5\xcb\xdf\xf8\xf8\x13\x97\xc7\x83D1\xe0\xf66\x0f\xb0\xc9\xcf?\x07\x01\xf0@T\xee\xee\x9f2s\xe6\xcd[\xb7\x0e\x9f\xfa\x01!T7,t\xdd\xae]c\xc6\x8e}\xfb\xed\xb7\x83\x83\x83\xc9\xb6bP\xf4\xff5\xd2\xbaOMI\x99=k\xd6\xc5\xfc|\x96a\xce\\\xb8\xd0\xb4aC\x97\xdb}\x87\x85\xb2\x88\xb1(\x8a,\xc3p,+W\xa9\x10\xc6\x16\xb3\xf9\xc8\xcf?\xef&gt;|\xf8\x8b\xad\xdb\n\x8b\x8b[6n\xfcS^\x9e\xff\xf5&gt;\x9f\x0f\x8e\xf0e\x18F\x10\x84\xc5\x8b\x16\xfdp\xfa\xb4\xa3\xbc\x9ca\x98\t\xff\xf7\xd1\x17\xb3g\xc5\xd5\xaf\xef\xf3x\xaa \x0e\x7f\x1d\xd7\xa5\xe9\x05\xcbW\xccY\xb9\xd2\xcb\xf3\xa2(\xc2&amp;?\xf7\x97\x14\x9f\xec\x07J\x14EQ\x14\xb5\x1a5Bh\xc7\xb7\xdf\xbe3\x7f\x81\\&amp;\xf3\xf1|\xdd\xd0\xd0\xe3\xe7\xcf\xd7{\xe4\x91\xa399)))\xe8\xf6H/\x94\xfe\x7f\x8b\xf4\x02u\xef\xde=..\xced4\x86\x05\x07_\xbbq\xa3Y|\xfc\xdf\xceJ!\xcb\xb8h\x9aV\xc8d\x9cB\xe1\xb0\xd9\x8cf\xf3\xbe]\xbb\x0e\xe6\xe4X\xed\x8eC\xb9\xb9\x16\x9b\x8d\xbc\xf2\xcc\xcf?#\x84X\x96\xed\xdc\xb9\xf3\x90!C\xea\xd7\xaf\xdf\xb1cG$\xed%E\x14EQ\x14\xa5T*\xbf;p\xa0q|\xbc\xc5f+.+\x1b\xfd\xee{\x87\xd7\xac\xe6\xbd^R7\xbf/?\xc8?\xbf\x08\x93*?B\x08!A\x10\x14\n\x85B\xa9|}\xf6\x07\x9f\xacX\x11\x1a\x1c\xcc\xfb|\x11\x11\x11[\xb7n\x85\xed\x9d\xef#\xb8\x89\xf7\x8d\x7fGrF\xa1\xc8=\xf3\xe3gk\xd6\xec8t\xa8S\x9b\xe4\xb3\x17\x7f.7\x9b\xeb7n|\xec\xd8\xb16m\xdaP\x14%\x9d\x99$\xf7\x05\xb9c\n\x85\xa2kZ\xda7\x9b7=\x12\x1d}\xe8\xc4\xc9\xfe\xdd\xba\xfdY\xf1C2\x98a\x18\xb9L\xc6)\x95\xbc\xdb\x9d\x7f\xf3\xe6\xe6}\xfb\x9b7\x8a\x1b&gt;\xe5\xedb\xa3\x11!\x14\x1c\x10\xa0Q*I\x00\x84\x85\x85\xf5\xec\xd9\xb3y\x8b\x16={\xf4HHH\xa8\xfcOI\xaa\xdb\xe7\xf7h\x9a\xe6y&gt;(8\xf8\xab\xaf\xbeJKK\x8b\n\x0b\x0b\xd0\xe9^\x98\xf4\xef\xe53\xdfw8\x9d\x7f\x1b\x00\xfe\x92]\xc4\x18!DU\xfa3s{^)EQ\x1c\xcb"\x8a\xc2\xa2\xc8\xb2,\xcbqH\x14E\x8ci\xa5\xd2TV6|\xca\xdb\xfb\x8e\x1e\xad\x1b\x11~\xbd\xb8$)9y\xdb\xd6\xad\x11\x11\x11\x92m\x93=\x08p\x1f\xef\x0f2\xbb_\xa1\xd3\x9d8\xf3\xe3\xa6}\xfb\x0e\x1e;f\xb1\xdbIw\x7f\xbd\xfa\xf5g\xcc\x9eMf\xf7#)\x8d%\xdew\xed\xdb\xb5[\xf4\xd9g\x05\xc5%\x08\xa1a\x03\xfaW\xee\x05\xc2\x18\x8b\x18S\x08\xd14\xad\xd5h\x90L\xe6\xb1\xdb\x7f).\xfe&gt;\xf7\xd4\xea\x1d;\x8e\x9f=kw:_y\xf6Y\xd9\xedN\x832\xb3988\xb8O\x9f&gt;\xfd\xfb\xf7OOO\x0f\x0b\x0b#_\'\x9dr\xb0\xad\x9b\x1f\xcb\xb2\x82 t\xed\xdau\xf1\xa2E\x13^{\xcdj\xb7_\xcc\xcb\xfbx\xf9\x8a\x89\xa3_6\xdf*eX\xf6\xd7r\x1cQ"\x16Q\xa5\x92\x1d!\xc4q\x1c\x85\x10\xc6X\xa1P \x8aB\xa2\x881\xa6\xe4r$\x8a&gt;\xb7\x9bcYD!\xb7\xc7[f6c\x8c9\x8e3\x96\x97\x17\x14\x17\xeb4Z\x8b\xd5\x9as\xf6\xec\x86\xdd\xbb/\x17\x14\xb0,[f2\r\x1e&lt;x\xd1\xa2E\xb0\xc9\xcf}\x07%\xd1?E\xb6\x81\xd4\xe9t\xb7\x8ce\xb3\x96.]\xbaa#\x85PXp\xb0^\xadZ\xb7k\xf7\xef\xbb\xfb%^\xa9\xbc7\x0c\xc3`\x8c\x9fz\xea\xa9\xe9\xd3\xa7\x9b\xcb\xca\xc2CB\xf2\xae\xdfh\x16\x1f/b\x8c\xc8\xa0.\xc3h\x94J\x84\xb1\xd3\xed\xde\x7f4\xe7\xd0\xa9\xdc\xdd\xff9l\xb2Z1B\xd7\xae_\'\xd1\xbb`\xf5j\x84PTTT\xaf^\xbd\x86\r\x1b\x96\x10\x1f\xaf\x0f\x08 \xff&gt;\x99\x06J\xd34M\xd3\x10\xcf\xbfA\x06\x84G\x8c\x1cy4\'g\xc7\x96-\x1d\x92\x93\x97\xac[\xd7\xb0^L\xbf\xf4t\xaf\xc3!\x93\xc9\x10\xc2\x82\x8fg\x94\xca\xff\x96\xec\x08\t\xa2h\xac\xa8 \xfd\xf8\xe7\x7f\xf8\xc1\xe3\xf3i5\x1a\xab\xcdv\xf4\xf4\x99\xf0\xd0\x10\x1aQ\xeb\xf7\xec\xa1(\xaa\x7f\xd7.\xcb6m.(.n\x18\x1d\x9d\xda\xaa\xe5\xfcU\xab\xeb\x84\x87\xa7?\xf6h\xf6\xfa\r\x08!\x19\xc7y+\x8d\xc7H\xb9G\xee\x01\x81g\xfd\xde\x91\x9a\x8eJ\xa9\xa4\x18f\xf5\xf6\xed\x0bW\xaf9\x7f\xf5\x8aA\xa7/.-\xbdUV\x96\xd4\xb6\xed\xd1\x9c\xa3\xd0\xdd\x7f_\x90^ \xb9\\\x9e\xd6\xad\xdb\xceM\x9bb\xeb\xd49|\xeaT\x9f\xb4\xae\n\x99\x8ceY\x84\xb1\xc5n?\xf5\xf3\xcf\xf3\xbf\\\x95\x96\x9a\x92\xb5~C\xee\xf9\xf3\xe4\x1bC\xf4z\x84\x10\xc6855\xb5\x7f\xff\xfe\xc9\xc9\xc9\x89\x89\x89\xe4@\x05T\xa9\xb3\x08\xde\x9a\xbf\xc60\x0c/\x08\x9f}\xf6\xd9\x0f?\xfcp\xf4\xf4i\x97\xc7\xb3</t>
        </is>
      </c>
    </row>
    <row r="236">
      <c r="A236" s="1" t="n">
        <v>234</v>
      </c>
      <c r="B236" t="inlineStr">
        <is>
          <t>rectangle_height_color</t>
        </is>
      </c>
      <c r="C236" t="inlineStr">
        <is>
          <t>What is the missing color of the part denoted with a question mark?</t>
        </is>
      </c>
      <c r="D236" t="inlineStr">
        <is>
          <t>['blue', 'yellow', 'purple', 'green']</t>
        </is>
      </c>
      <c r="E236" t="inlineStr">
        <is>
          <t>yellow</t>
        </is>
      </c>
      <c r="F236" t="inlineStr">
        <is>
          <t>There are 7 rectangles in the image with varying colors and lengths. The lengths from left to right are ['medium', 'short', 'short', 'long', 'long', 'medium', 'long']. The colors from left to right are ['red', 'blue', 'blue', 'yellow', 'yellow', 'red', '?'].</t>
        </is>
      </c>
      <c r="G236" t="inlineStr">
        <is>
          <t>We observe that the red rectangles are of medium length and the blue rectangles are of short length. Hence, the pattern is that the color of each rectangle corresponds to its length.</t>
        </is>
      </c>
      <c r="H236" t="inlineStr">
        <is>
          <t>Based on the pattern that the color of each rectangle corresponds to its length, the missing color of the part denoted with a question mark should be yellow.</t>
        </is>
      </c>
      <c r="I236" t="inlineStr">
        <is>
          <t>b'\x89PNG\r\n\x1a\n\x00\x00\x00\rIHDR\x00\x00\x02\x00\x00\x00\x02\x00\x08\x02\x00\x00\x00{\x1aC\xad\x00\x00?\x9fIDATx\x9c\xed\xdd{`T\xd5\xbd6\xfe\xefZ{\xcf5\x99d&amp;!\tWAH\xb8\t\x06\xc3M\x08\x02^\x10\xacwQ\x04\x04\xdf\xbe(h\x15\xdbp&lt;\xf6\xd4\xf3\xfa+\xa0=\xb5\n\xf6T[Om\x00\x11\xadH\xab\x1e\xab\xb6\x95\x90\xd8\n\x14\x05\x02H\x10\x12\x10\xe4\x16\x08\t\xb9Nns\xdb{\xad\xdf\x1f[R\xc4\n!$\x99\xd9\xd9\xcf\xe7/\x9c\x89\x93o\xd6\xec\xb5\x9e\xb5\xd7^\xb3\x87I)\t\x00\x00\xac\x87G\xbb\x00\x00\x00\x88\x0e\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j\xb4\x0b\x00\xe8pR\xca6\xfc_\x8c\xb1v\xaf\xa4m\xcc^\xbf\xd9u\xe1\xf6G\x00@\x17$\xa5\x14BH)\x19c\x8c1\xce\xdbr\xa6\xdb./\xd26f\xaf\xdf\xec\xac\xd3\xfe\xacm\xe1\x06\x10\x83\x8c.GD\x8a\xa2\x9c\xfd\xb8\xdf\xef\x17B0\xd6\xda\xa3\xdd\x98\xbby\xbd\xde\xb3\x1f4:3\xe7\xbc\xe3fvf\xaf\xdf\xec,\xd8\xfe\x08\x00\xe8\n\xa4\x94\xba\xae\xab\xea\xd7g\xb4\r\r\r\xdb\xb7o\xdf\xb6m\xeb\xae]\xbbjjjJJ\x8auM\xbb\x88\x97c\x8c\xa4\x1c\x90\x9e\xee\xf3\xfaF\x8e\x1a\x9d\x95\x955f\xcc\x98^\xbdz\x19Oj\x9a\xc69o\xdf\t\x9d\xd9\xeb7\xbb\xefh\xffmg\xda\xbfD\xd7\xf5\x8b}\xcd\x01\x03\x06x\xbd\xdeQ\xa3F\xc5r\xfb#\x00\xc0\xf4t]7\xa6l\xe1px\xfd\xfa\xf5\xaf\xbf\xbef\xc7\x8e\xc2c\xc7J\xdb\xf1W$\xf9\x12G\x8e\x1a=c\xc6\x8c\xdbn\xbb=55\x95\x884MS\x14\xa5]fsf\xaf\xdf\xec\xbe\xd5\xfe\xaf\xef\xd8\xb1\xe3\xd8\xb1c\xed\xf8+|&gt;\xdf\xa8Q\xa3f\xcc\x98q\xdbm\xb7\xc5T\xfb#\x00\xc0\xc4\x8c\xa3\x971\xe6\xf7\xfbW\xacX\xf1\xc6\x1b\xaf\xef\xd9\xf3E\xcb\xb3\t\xf1\xce\xbe\xbd=i)\xaea\xfd\xbd\xbe$\xa7\xd4Dk\xba\x9b\x94\xc48\x8bD\xf4\x1d\xc55uu\xa1\x83\xc7\xfc\xd5\xb5\xcd-\xcf\xf6\xec\xd1}\xf6}s\x1e|\xf0\xc1A\x83\x06\x11\x91\x10\xe2R\xa6rf\xaf\xdf\xec\xbe\xd5\xfeo\xec\xd9\xb3\xa7\xe5Y\x8f\xc7s\xd9e\x97u\xef\xde}\xe0\xc0\x81III\x9a\xa6\xb5r\xbcf\x8cE"\x91={\xf6\xd4\xd6\xd6~\xf5\xd5W555-O\xf5\xec\xd9s\xf6\xec\xd9\xb1\xd3\xfe\x08\x000\xab\x96\x89\xdb\xea\xd5\xab\x9f\x7f\xfe\xb9\xfd\xfb\x0f\x18\x8f\xf7\xed\x9dx\xfd\xf8\x9e\xb7\\\xd7w\xe4\xd0\xe4^iqJ\x9c\x8d\x14N\n\xa3\x8b;\xd2%E\x04\x85\xf4\xaa\xaa\xe6\xa2/k\xd7o&gt;\xb1~S\xe9\xde\xfd\xd5D\x92\x88\x92\x92|\x8f=\xf6\xc3E\x8b\x16%&amp;&amp;j\x9a\xd6\xb2t`\xa9\xfa\xcd\xee\x9b\xed\xff\xfc\xfe\xfd\xfb\x8d\xc7/\xbb\xec\xb2\xc9\x93\'O\x9b6-33\xb3{\xf7\xee\x1e\x8fGU\xd56L\xd5#\x91H(\x14\xaa\xa8\xa8())\xf9\xf8\xe3\x8f\xf3\xf3\xf3\xf7\xed\xdbg&lt;\x95\x94\x94\xf4\xd8c\x8f\xc5B\xfb#\x00\xc0\x94\x8c\xde[VV6o\xde\xbc\xbc\xbc&lt;\xe3\xc1+\x07w\xcb\x997|\xfa\xb4\xfe\t)n\x92\x92\x82:Et!\xa4\x90D\x17\x7f\x9cs\xce\x18c\xcc\xc6\xc9\xa1\x90\xca\xb5\x86\xf0\xdf\xb7\x96\xbd\xb0\xa2(oS\xa91\x8c\x0e\x1a4h\xd5\xaaU\xd9\xd9\xd9\xc6\x15\xc2\x8b\x1a#\xcc^\xbf\xd9\xfd\xcb\xf6\xbf\xe2\x8a+\x16.\\x\xc7\x1dw\xa4\xa6\xa6J)\x83\xc1`8\x1c6V\xff\xdb0N\x1a;\x7fl6\x9b\xcb\xe5R\x14\xa5\xbe\xbe~\xf3\xe6\xcd/\xbe\xf8bAA\x81\xf1\x03\xb1\xd0\xfe\x08\x000\x1fc\xd2\x94\x97\x97\xf7\xc0\xbcy\'\xcb\xca\x88hp\x7f\xdf\x8f\x7f0\xe2\xbe[3\xec\x89\x0ej\x0c\xeb\x11\x9d\x881N\x97\xde\xab\xa4$!\xa4$\xa9*\x9c\xe2l$d\xfe\xc6\xd2\xe7_\xf9\xbc`\xcb\t"r8\xec\xbf\xf8\xc5s999\x17\xd5\x87\xcd^\xbf\xd9\xfd\xb3\xfd\x1fx\xe0\xe4\xc9\x93D\x94\x91\x91\xf1\xf8\xe3\x8f\xdfs\xcf=&gt;\x9f\xaf\xbe\xbe&gt;\x1c\x0e\x1b\xc3\xf7\xa57H\xcbfPUU=\x1e\x8f\xae\xeb\xf9\xf9\xf9/\xbc\xf0\xc2\'\x9f|BD\x0e\x87\xe3\x17\xbf\xf8E\x14\xdb\x1f\x01\x00&amp;c\xf4\xde\x15+V,X\xb0\x80\x88\x88\xd8c\xff\xe7\x8ag\xfe\xfd\xea\xc4\x14\x17\xf9C\xba.8\xe7\x1d\xd1\x8f$\x91\xd0%c\xc4\x13\x1c\xa4\x8b_\xbf\xba\xe7\xa7\xcb\x0b\xeb\x1aCD4\x7f\xfe\xfc\xdc\xdc\\]\xd7[3d\x98\xbd~\xb3\xfbV\xfb\xd3\xc3\x0f?\xbcd\xc9\x92\xb4\xb4\xb4\xda\xda\xda\x0e\xbd6\xab\xeb:c\xccX\xf6y\xf9\xe5\x97\x97.]\xda\xd0\xd0@Qm\x7f\x04\x00\x98\x89q\xe6\xde\xd2{\x93\xbd\xce\xff\xf9\xd953\xee\x19B\xf5!-\xac+*\xef\x84\xde\xa3\x1b\xc3h\xb2\xeb\xf3\x1d\xe5\x0f\xfe\xfb\xdfv\x15W\x13I\xa3\x0f_p\x1eg\xf6\xfa\xcd\xee\x9c\xf6\xf7\xf9|/\xbe\xf8\xe2\xdc\xb9s\xfd~\x7f8\x1c\xee\x9c\xb5x#\x06\x92\x93\x93\xb7n\xdd\xfa\xd0C\x0f\x19\x97\x9d\xa3\xd5\xfe\x08\x000\x8do\xf6^\xd63\xc5\xf5\xa7\xdci\xa3\xaf\xe9\x13)oR\xd5\x0e\x995\x9f\x87\x16\x11\xaa\xd7Y[\xdd|\xeb\xf7\xff\xb2\xe5\xf3J"\xd12\x8f;\xe7cD]\xa6~\xb3;g\xf4OKK\xfb\xc3\x1f\xfe0i\xd2\xa4\xd3\xa7O\xb7\xed2\xef\xa5\x88D"&gt;\x9f\xaf\xb2\xb2\xf2\xce;\xef\xdc\xbe};\x9du\x1e\xd0\x99\xed\x8f\x00\x00s0:FAA\xc1\x94)S\x88(5\xc9\xb5\xe3\x83\xe9}\xfa%ju!\xd5\x16\x9d\x8dt\xba&amp;\x14\x87\xaa)\xec\xa6\xd9\x1f\x14|v\x92\x88\x96,Y\xb2x\xf1\xe2\x7f\xb9\xaf\xc3\xec\xf5\x9b\xdd9\xed\xdf\xad[\xb7\xcd\x9b7\x0f\x180\xa0\xb6\xb6\xd6f\xb3E\xa5$M\xd3\x9cN\xa7\xa2(7\xddt\xd3\xa6M\x9b(\x1a\xed\x8f\x00\x00\x130\xb6KWTT\x8c\xc8\xcc\xac8}\xda\x97\xe0X\xff\xda\xf7F\x8f\xee\xa1\xf9C\xaa\x1a\xcdm\xd4B\x97\xdc\xa1T7\x84\xa7\xcd\xf9p\xc7\xde*\xc6(//o\xca\x94)\xe7\xcc\xe3\xcc^\xbf\xd9\xfd\xb3\xfdG\x8c\xa8\xa8\xa8\xf0z\xbd\xef\xbd\xf7\xde\xf8\xf1\xe3\xa38\xfa\x1bt]w:\x9d~\xbf\xff\x96[n\xd9\xbd{7c\xac\x93\xdb\xdf\xba\x9f\x01\x01\x131&gt;\xa9?w\xee\xdc\xf2\x8a\n"\xca}\xe6\x9a\xd1\xd7\xf4\xd1\xea\xa2&lt;z\x12\x11W\x98\x1e\xd4\x93\xbb\xb9\xfe\xf8\x9b)I^\x07Iy\xff\xdc\xb9\xe5\xe5\xe5\x8c1\xe3\xae2\x06\xb3\xd7ov\xffl\xff\xf2r"\xfa\xd5\xaf~5i\xd2\xa4\xa8\x8f\xfeD\xa4(J \x10HIIy\xe3\x8d7|&gt;\x1f\x11\xdd\x7f\xff\xfd\x9d\xd9\xfe\x08\x00\x88u\xc6lh\xed\xda\xb5\xf9\xf9\xf9D\xf4\xc8\xac!\xd3g\x0e\x8d\x947Ek\xe5\xe4\x1c\x8a\xca\xb4\xba\xd0\xe5C\xba\xbd\xb2$[\x12\x95WT&lt;\xf9\xe4\x93\x9c\xf3\x96sk\xb3\xd7ov\xe7\xb4\xff\xbcy\xf3\xee\xbf\xff\xfe\xd3\xa7OG}\xf47\xa8\xaaZWW7l\xd8\xb0\x17^xAJY^^\xde\x99\xed\x8f% \x88iRJ)e]]\xdd\xd8\xb1c\x0f\x1f\xfej\xc0e\t;\xff|\x8f\xdb\xa1p]\xc6\xd4^\x15M\x17\xaa\xd7y\xef\x03\x1f\xfd\xf1\xa3\xc3N\x87}\xd3\xe6\xcd\xa3F\x8d2n\x05l\xea\xfa\xcd~\xa3\x88o\x1e?\x87\xfb\xf5\xeb\xf7\xe9\xa7\x9f:\x9dNc+N\xb4\xab\xfb\']\xd7\x93\x92\x92\xa6O\x9f\xfe\xa7?\xfd\xc9\xe1pl\xee\xac\xf67\xf7\xbb\x0b]\x9e\xb19z\xf5\xea\xd5\x87\x0e\x1d\x12B&gt;\xf5\xf0U\x9e\x14\xb7\x0c\xeb\xb1\xd4y\x89\x888c2"~\xb6h\x94\xd3\xa1\x04C\xa1\xc5\x8b\x17\x1bC\xbf\xd9\xeb\x8fv]\x97\xea\x9b\xed/\x1e\x7f\xfc\xf1\xb4\xb44\xe3s^\xd1.\xed\x1b\x18c\xe1p\xf8\xa9\xa7\x9er8\x1c\xa1Nl\x7f\x04\x00\xc4.)\xa5\xb1H\xbaz\xf5\xab\x8c\xb1\xc1\x03|\xf7\xde9P\xd4\x05\x95h/\x9d\x7f\x1b\xe7L4\x863\xaeL\x9dy\xf3\x00"\xda\xb4icII\x89\xa2(\x9csS\xd7o\xea+\x01g\x1d?\xab\x19c\x03\x07\x0e\x9c5kVmmm\x0c\xeeq\xe2\x9c744dee\xddu\xd7]D\xb4i\xd3\xa6\xcei\xff\x98;\x10\x01Z\x18\x9f\x8b)((\xd8\xb7\xafXJ\xf9\xe4\xfcLG\xa2Cj"\xb6&amp;og0\xcedH\xff\xc9\x82\xcc8\xb7\xbd\xa9\xa9y\xe5\xca\x95D\xc497i\xfd\xabV\xae$"S\x07\xc0Y\xc7\xcf&gt;)eNN\x8e\xd7\xeb\xd5.\xea\x9b\x15:\x11\xe7&lt;\x18\x0c.Z\xb4\xc8\xedv755\xad\xec\x94\xf6G\x00@\xac{\xed\xb5\xd5\x8c\xb1^i\x9e\xe9\xdf\x1b \x1b\xc2\\\x89\xd1\x83\x96s&amp;\x9a\xc2\x83\xaeL\xbd\xee\xea\x9e\x8c\xb1w\xde\xf9ccc#\x11\x19\xd3\x7f\xd3\xd5\xff\xf6;\x7flnnVU\xd5\xec\x0bA\xaf\xbd\xf6\x1ac\xacG\x8f\x1ew\xdeyg}}}\xccno\xe5\x9c755eeeM\x9c8\x911\xf6\xce;\xeftB\xfb\xc7\xe8\xb1\x08`\x9c\xbf\xfb\xfd\xfe\xc2\xed\xdb\xa5\x94S\xaf\xe9\x15\x97\xe2\x16\x91\x98[=?\x9b\x94$\x19\x9b~c?)e\xd9\xc9S\xc5\xc5\xc5\x9a\xa6m\xdf\xb6\xd5\xa4\xf5\x17\x15\x15\x91iO\x02\xfey\xfc\x14\x16J)\xaf\xbf\xfe\xfa\xd4\xd4\xd4H$\x12k\xab\xffg3v\r\xdcz\xeb\xadR\xca\xb2\xb2\xb2Nh\x7f\x04\x00\xc4(\xe3\xb8\xdf\xb1cG\xe9\x89\x93Dt\xdbu}I\x12Q\xec\xf6^"R\x14\xce\x82\xda\x94\xf1\xbd\x12\xe2\x9d\x9a\xaeo\xda\xb4\xe9\x8b/\xbe8YVN\xe6\xac\x7f\xfdG\x1fQ\x9b\xee\x84\x1c\x0b\xfey\xfc\x94\x96\x12\xd1\xb4i\xd3b\xff\x0f1\xaeX\\{\xed\xb5\t\t\t\x9a\xa6\xad_\xbf\x9e:\xb8\xfd\x11\x00\x10\xa3\x8c\xe3\xbep\xfbv"\x8aw;F\x0eM\xa6\x90\xc6;\xe3nim\xc7\x18\xc9\x90\x9e\xd6\xdb3\xf0\xf2D"\xdaS\xb4{\xcb\x96-d\xda\xfa\x0bw\x14\x12\x91Iw\x82~}\xfc\x14\x16\x12Q|||fff0\x18\x8c\xf1\xbf\x851\x16\n\x85\xfa\xf4\xe93`\xc0\x00:S|\x87\xd6\x1c\xd3\xcd\x01Vf\x9c\xaa\xef\xd8\xb9\x83\x88\xfa_\x96\x90\xd2#^\xc6\xf6\xfa\x89A\x08\xa1\xb8l#\x86$\x11Q\xd1\x9e\xa2\x8f\xfe\xfa\x17"\xba\xbc\x8f\xc7\\\xf5_54\x89\x88JJ\x8a\x1b\x1b\x1bM\xfa\xa1\xb0\xaf\x8f\x9f\x1d;\x88\xa8o\xdf\xbe\xbdz\xf5\x8a\xf1\xf5\x1f\x83\x10\xc2\xedv\x0f\x1f&gt;\x9c\x88JJJ:\xba\xfd\x11\x00\x10\xa3\x8c}\xd0\x95\x95\x95D\x94\x9a\xect\xc4\xd9\xa5n\x82aHJ"\xce\xfat\x8f#\xa2\xea\x9a\xea\xe3\xc7\x8f\x93i\xeb\xf7\xd7\xd5\x05\x02\x81hW\xd4Fg\x1f?)))\xf1\xf1\xf1\xc6w{\xc58\xe3\xc3_\xbdz\xf5""\xbf\xdf\xdf\xd1\xed\x8f\x00\x80Xdt\x03\xbf\xdf\x7f\xf0\xcb\x03D4,\xc3K\x8a9&gt;\x97\xc4\x18#]\x0c\xcb\xf0\x11\xd1\xe9\x8a\xcaC_\x1d"\x13\xd6\x7fE\xba\x8f\x88\xfc\xf5\x8d%%%d\xc2\xeb\xc0-\xc7\xcf\x97_~ID\x83\x07\x0fV\x14\xc5,\xed\xaf\xeb\xfa\xe0\xc1\x83\x89\xc8\xef\xf7wt\xfb\xc7\xdc\x07"\x00ZH)#\x91\x08\x11u\xf39\x8933\xf4_""\x92\xd4\xcd\xe7$"M\xd3\x84`d\xda\xfa\x85\x101\xbbk\xbe5\xa4\x94F\xfd\xc9\xc9\xc9&amp;Z\xc8\x92R&amp;\'\'S\xa7\xb4?\xce\x00 \xa6\x19\x8b\xb6\x9af\x8e\xae\xdb\xc2(\xb8\xe5\xdb\x9dLZ?\x9di\x7f\xf3:\xd3\xfe&amp;\x8b\xb1\x96\x82;\xba\xfd\x11\x00`\x02\xa6\x1b\x85\xce)\xd8\xec\xf5\x9b\x9d\xe9b\xac\xd3\nF\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d4h\x17\xd0*R\xca6\xfc_\x8c\xb1v\xaf\x04\x00.\x16\xfao\xcc\x8a\xd1\x00\x90R\n!\xa4\x94\x8c1\xc6\x18\xe7m9Si\x97\x17\x01\x80\x8b\x85\xfek\x16\xb1\x15\x00\xc6[ND\x8a\xa2(\x8a\xd2\xf2\xb8\xdf\xef\x17B0\xc6Z9\x950\xe6\x0e^\xaf\xf7\xec\x171\x0e&amp;\xce9f\x16\x00\x1d\x01\xfd\xd7tb%\x00\xa4\x94\xba\xae\xab\xaaj\xbc\xe5\r\r\r\xdb\xb7o\xdf\xb6u\xeb\xae]\xbbjjjJ\x8a\x8b5McD\xad&lt;\x934\x0e\xb5\xf4\xf4t\xaf\xcf7j\xf4\xe8\xac\xac\xac1c\xc6\xf4\xea\xd5\xcbxV\xd34\xce9&amp;\x14\x00\xed\x05\xfd\xd7\xa4b"\x00t]W\x14EU\xd5p8\xbc~\xfd\xfa\xd7\xd7\xac\xd9QXx\xac\xb4\xf4\x12_\xb6j\xfbv"Z\x9f\x97GD\xbe\xc4\xc4Q\xa3G\xcf\x981\xe3\xb6\xdboOMM%"M\xd3\x14E\xc1l\x02\xe0\x12\xa1\xff\x9aW\x94\x03\xc08%T\x14\xc5\xef\xf7\xafX\xb1\xe2\x8d\xd7_\xdf\xf3\xc5\x17-\xcfz\x9c\xce\xde\x1eO\xaa\xcb\x95\xee\xf5\xfa\x9cNM\x88V\xbe\xdb\x8c\xb1\x88\xae\xef\xab\xa9\xa9\x0b\x85\x8e\xf8\xfd\xb5\xcd\xcd\xb5~\x7f~AA~A\xc1O\x7f\xfa\xd3\xfb\xe6\xccy\xf0\xc1\x07\x07\r\x1aDDB\x08L%\x00\xda\x06\xfd\xd7\xec\xa2\x19\x00\xc6\xc4\x81\x88V\xaf^\xfd\xfcs\xcf\xed?p\xc0x\xbcwb\xe25={\xde\xd0\xb7\xef\xb0\xe4\xe4\xd4\xb8\xb8x\x9bM\xe5\x9c_d\xd4K)5!\x82\xba^\xd9\xdc|\xa0\xb6v\xd3\x89\x13\x7f/--\xa9\xae&gt;U^\xbe|\xf9\xf2WW\xadz\xec\x87?\\\xb4hQbb\xa2\xa6i\xaa\x1a\x13gB\x00&amp;\x82\xfe\xdb\x05D\xad\xe1\x8c\xa3\xa7\xac\xacl\xde\xbcyyyy\xc6\x83C\xbau\x9b?|\xf8\xcd\xfd\xfb\xa7\xb8\xddR\xca\x90\xae\x87u\xbd!\x1c\x96m\xdaI\xc6\x18\xe3\x8c\xa5\xb8\xdd}&lt;\x9ei\xfd\xfa\xd5\x87\xc3\x9f\x96\x95\xbdRT\xf4IiiMm\xed\xd2\xa5K\xd7\xad[\xb7j\xd5\xaa\xec\xecl\xe3\n\x15N\'\x01Z\t\xfd\xb7k\x88N\x00\x18\xa1\x9d\x97\x977o\xde\xbc\xb2\xb22"J\xf7\xf9\x1e\x1d1\xe2\x8e\x8c\x0c\xaf\xc3\xd1\x10\x0e\xd7\x06\x02\xc4\x18?s\x10\x10\x11\xb5\xf5\xdd\x8d\x08\x11\xd2u)\xa5\xca\xf9\r\x97]vm\x9f&gt;\x9f\x94\x96\xfe\xfa\xf3\xcf\xffq\xe2\xc4\x81\x03\x07\xae\xbf\xee\xba_&lt;\xf7\\NN\x8e\xb1{\x01\xc7\x10\xc0\x05\xa1\xffv\x19QX&gt;3\x8e\x9e\x15+VL\x9b6\xad\xac\xac\x8c\x18\xfb\xbf\xc3\x86\xfdu\xfa\xf4\xff;l\x18#\xaa\x0e\x04t)\x15\xce\x95v\x8atF\xa40\xa6rND\xfep\xb8)\x12\xb9\xbeo\xdfwo\xbb\xedg\x13&amp;x\x1c\x8eP8\xbch\xd1\xa2\x05\x0b\x16p\xce\x8d}f\x97\xfe\x1b\x01\xba0\xf4\xdf\xae\xa4\xb3\x03\xc0\xd8+\xb6b\xc5\x8a\x05\x0b\x16\x10\x91\xd7\xe9|\xe5\x86\x1b~u\xdduNE\xa9\n\x04\x88H\xe5\xbc\xe3B\\a\x8c3\xe6\x0f\x85\x9a"\x91\x1ffe\xbdw\xfb\xedWt\xebF\x8c\x19\xf5(\x8a"\xa5\xc41\x04\xf0]\xd0\x7f\xbb\x98N\r\x00c\xdd\xf0\xeb\xa3\x87\xb1T\xb7\xfb\xcd\xef}\xef\xbe\xa1CO77\xebR\xaa\x9du5\xdf8\x8c*\x9a\x9bG\xa4\xa6\xbes\xdbm#SS\x89s\xa3*c\x1e\xd19e\x00\x98\x0b\xfao\xd7\xd3y\x01`\x1c=\x05\x05\x05\xc6\xdc!\xd9\xe9\xfc\xf3]w\x8d\xed\xd1\xa3\xbc\xa9\xc9\xd6\x91\xb3\x86\xefb\xe3\xbc.\x18\xf4\xd8\xed\x1f\xdeuWv\x8f\x1eD\xb4b\xc5\x8a\xa5K\x97*\x8a\xa2iZ\xa7\x97\x03\x10\xd3\xd0\x7f\xbb\xa4N\n\x00!\x84\xa2(\x15\x15\x15s\xe6\xcca\x8cy\x9d\xce\xd7o\xba\xa9\x7fbb](d\x8b\xde6^\x95s\xe3\xfa\xd2\xca\xa9S\x87\xa7\xa4\x10cK\x97.\xcd\xcf\xcfWUU\xd7\xf5hU\x05\x10k\xd0\x7f\xbb\xaaNz\xf3\x8cO\x8a\xcf\x9d;\xb7\xa2\xa2\x82\x88\x9e\xbd\xe6\x9a\x89}\xfa\xd4\x86B\x9dv\xda\xf8]\x14\xc6\x02\xba\xde\xcd\xe5\xfa\xdd\x94)^\x87CJ9w\xee\xdc\xf2\xf2r\xc6\x18\xce%\x01Z\x98\xae\xffF\xb70\xb3\xe8\x8c\xf7\xcf8y\\\xbbvm~~&gt;\x11\xcd\x192\xe4\xbe\xa1C\x8d3\xc7N\xf8\xed\x17\xa42V\x17\n\r\xed\xd6\xedg\xd9\xd9DTQQ\xf1\xe4\x93Or\xceq5\t\xc0`\xb3\xd9\xcc\xd5\x7f\xcf\xbe\x8b\x1c\x9cG\x87\xbf\x85\xc6\xdd\\kjj\x9e~\xfai\xce\xd8\xe5\x89\x89?\x1d?\xbe.\x18\x8c\xfa\xdc\xe1l6\xce\xab\x9b\x9bg\x0f\x19r\xf3\x80\x01\xc4\xd8[o\xbdUXX\x88\x0bJ\x00\xc64\xa8\xba\xba\xda\\\xfdw\xfb\xf6\xed-\xb7&amp;\x85\xf3\xe8\xf0wQ\xd7u\xce\xf9\xea\xd5\xab\x0f\x1d:$\xa4\\x\xd5U\xa9nwX\xd7c\xed\x0c\x8d1\x16\x16\xe2\x89Q\xa3\x9c\x8a\x12\n\x85\x16/^\xdc\xfa\xbb\xd7\x02tU\xc6\x05\xd5U+W\x9a\xb4\xff\xa2\x0b\x9f_\xc7\x06\x80\x94RQ\x94@ \xb0\xfa\xd5W\x19c\xe9&gt;\xdf\xf4\x81\x03kcl\xfa`\xe0\x8c5\x86\xc3\x99\xa9\xa9\xb7\x0c\x18@D\x9b6n,))Q\x14\x05\x93\x08\xb02\xbb\xcd&amp;\x84X\xbdz\xb5\xc9\xfa\xef\xa6M\x07\x0f\x1e\x8c\x8f\x8fG\xff=\xbf\x8e}#\x8d{t\x14\x14\x14\xec+.\x96R\xfe 33\xd1\xe1\xd0b\xf5-\xe1\x8c\x85t\xfd\x91\xccL\xb7\xdd\xde\xd4\xdc\xbcr\xe5J"\xc2\x01\x04V\x96\x90\x90\xb0y\xf3\xe6\xfd\x07\x0e\x98\xab\xff677\xafZ\xb9\xd2\xe9t\xa2\xff\x9e_g$\xf9k\xabW3\xc6\xba{&lt;7\x0f\x18\xd0\x10\x0e+\xb17}0p\xc6\x9a\xc2\xe1\xcc\xd4\xd4\xf1={2\xc6\xde\xf9\xe3\x1f\x9b\x9b\x9bUU\xc5Y$X\x17c\xabM\xda\x7f\xdf~\xbb\xa2\xa2\xc2\xe1pD\xbb\xae\x98\xd6\x81\xef\xa5\xb1\xfe\xe3\xf7\xfb\x8d\x0b2\x13{\xf5Ju\xbb#\xb1\xb7zx6I\xc4\x19\xbb\xa9_?)\xe5\xc9S\xa7\x8a\x8a\x8a\x08\'\x01`a\'O\x9e,\xdc\xb6\xcd\x8c\xfd\xf7xi\xe9\xce\x9d;\xddnw\xb4\x8b\x8ai\x1d\x18\x00\xc6\xb8\xb9c\xc7\x8e\x13\'O\x12\xd1\x94\xbe}\x89\xda~S\xc0\xce\xa1p\x1e\xd0\xb4\t\xbdzy\x9cN]\xd7?\xfa\xe8#j\xd3\x9dl\x01\xba\x00\x9b\xaa|\xf6\xd9g_\x1e&lt;Hf\xeb\xbf\xf1\x0eGD\xd3\xd6\x7f\xf4\x91\xddn\x8fvQ1\xadc\xcf\x00\x88h\xfb\xf6\xedD\x14\xe7p\\\x91\x9c\x1c\xd4\xb4\x8b\xfd^\x88N\xc6\x88B\xba\xde\xcb\xe3\xb9&lt;1\x91\x88v\x14\x16\x12\x11\xber\x08\xac\xc9f\xb7\xef\xd8\xb1C\xd3u\x97\xcdf\xd2\xfe\x1b\x89D\xa2]TL\xeb\xc0\xa1\xcd\xf80\xde\xce\x1d;\x88\xe8\xb2\x84\x84\x1e\xf1\xf11~\xfeh\x10B\xb8m\xb6+\x92\x92\x88\xa8\xa4\xb8\xb8\xb1\xb1\x11\x1f\n\x03k\n\x87\xc3\xc6\x1c\xa8O|\xbc\x19\xfboqq\xb1\xf1\xd1e\xf4\xdf\xef\xd2\xb1\x01 \xa5\xac\xac\xac$\xa2d\xa73\xden\xd7\xcd\xf06H"\x85\xb1\x1eqqDTWW\x17\x08\x04\xa2]\x11@t\x08!j\xeb\xea\x88(\xd9\xe52c\xffmhh\x08\x06\x83\xd1\xae(\xa6uT\x00H)9\xe7~\xbf\xff\xcb\x03\x07\x88h\x90\xd7\xab\x9a\xe4sU\x8c1M\x88\x81&gt;\x1f\x11\xd576\x96\x94\x94\x10\xae\x03\x83U\x19[\xfe\x07\'%\x99\xab\xff\x0eJJ""\xc69n\nt~\x1d\xfeA0c\r\xce\xe7tr\xc6Lp\xf8\x10\x11\x91$Jr:\x89H\x08\x81[\xcb\x02$\x99\xb3\xff\x9a"\xb1\xa2\xab\xc3/o\x1a\t\xac\x99\xed\x9dh)\x183\x08\x00\xf3\xf6_8\xbfN\xda\xdfb\xbaA\xd4t\x05\x03t\x1c\xd3u\x07\xd3\x15\x1c-\xd8\xe0\x08\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R\xa3]\x80%H)\xdb\xf0\x7f1\xc6\xda\xbd\x92\xb61{\xfd\x00\xf0/!\x00:\x84\x94R\x08!\xa5d\x8c1\xc68o\xcb\x99V\xbb\xbcH\xdb\x98\xbd~\x00h\r\x04@{2\x86&lt;"R\x14EQ\x94\x96\xc7\xfd~\xbf\x10\x821\xd6\xca\xa9\xb41w\xf6z\xbdg\xbf\x881\x98r\xce;nfm\xf6\xfa\x01\xe0\xa2 \x00\xda\x87\x94R\xd7uUU\x8d!\xaf\xa1\xa1a\xfb\xf6\xed[\xb7n\xdb\xf5\xf9\xae\x9a\xea\x9a\xe2\x92\x12M\xd3\x18\xa3V.\xa50\xc6\x88\xe4\x80\x01\xe9&gt;\x9fw\xf4\xa8QYYYc\xc6\x8c\xe9\xd5\xab\x97\xf1\xac\xa6i\x9c\xf3\xf6\x9dP\x9b\xbd~\x00h\x03\x04@;\xd0u]Q\x14UU\xc3\xe1\xf0\xfa\xf5\xeb\xd7\xbc\xfeza\xe1\x8e\xd2\xe3\xc7.\xf1e\xab\xab\xaa\x88(o\xfdz"J\xf4\xfaF\x8f\x1a5c\xc6\x8c\xdbo\xbf-55\x95\x884MS\x14\xa5]f\xd3f\xaf\x1f\x00\xda\x06\x01pI\x8c%\x11EQ\xfc~\xff\x8a\x15+^\x7f\xe3\x8d/\xf6\xeciy\xd6\x19\xe7IH\xe9\x15\xe7M\xf5\xf5\x1c\xe0\xf4\xf8\x84\xd0\x18\xb5n\xbccLh\x91\xca\xa3\xc5\xc1\xc6:\x7f\xf9\xd1\xa6\xfaZ\x7f]mAA~AA\xfeO\x17\xfft\xce}\xf7=\xf8\xe0\x83\x83\x06\r""!\xc4\xa5L\xa5\xcd^?\x00\\\n\x04@\xdb\x19\x13g"Z\xbdz\xf5s\xcf?\x7f`\xff~\xe3qoj\xef&gt;\xc3\xb3/\x1fy}J\xbf+\xe2\x93R\xed\xaex\xc6\x15\xce\x15I\x92Z9\x80\x12\x91\x94B\x8fh\xe1Ps]eU\xe9\x97\xc7\x8b6\x1f\xdb\xfd\xc9\xe9c\xfb\xcbO\x9dZ\xbe|\xf9\xaaU\xaf\xfe\xf0\x87\x8f-Z\xb4(11Q\xd34Um\xcb\xfbh\xf6\xfa\x01\xe0\x12\xa1\xe3\xb5\x911z\x96\x95\x95\xcd\x9b7///\xcfx0\xa5\xef\xe0\xac[\x1e\xcc\xb8\xfa&amp;\xb77\x85\xa4\xd4\xc2A]\x8b\x84\x9a\x1a$\xc9\xd6.\x9f\x9f\x851\xce\x18s{S\xfa\xa7\xf6I\x1fsc\xa8\xa9\xa1t\xdfg;?\xc8=\xb6{cmm\xcd\xd2\xa5K\xd7\xad[\xb7j\xd5\xaa\xec\xecl\xe3\n\xedE-\xa7\x98\xbd~\x00\xb8t\x08\x80\xb60&amp;\xadyyy\xf3\xe6\xcd+++#\xa2\xe4^\x03F\xdd\xf1\xc8\xe0knw\xc4%\x86\x9b\x1b\x02\xf5\xb5\x8c\x111n\xec\x7f\xbc\x94\x81M\xd7"z$$\xa5\xe4\x8a\xda\x7f\xe4u\x97_5\xf9\xe8\xee\x8d\xdb\xdf{\xf9\xf8\x9e-\x07\x0e\x1c\xb8\xee\xba\xeb\x9f{\xee\x17999\xc6\xee\x9dV\x8e\xa1f\xaf\x1f\x00\xda\x05\x02\xe0\xa2\x19\xa3\xe7\x8a\x15+\x16,X@D\x8c(\xf3\xa6\xefO\xb8\xef\xc7q\xde\xd4`c]\xa0\xbe\x9a+\n?k\xfb\xe3%b\x8c\x11S\x8cq1\xd4TO\xc4.\xcf\xba\xae\xef\x88I\x9f\xffy\xd5\x96\xb7\x9e\x0f57.Z\xb4\xa8\xb8\xb8877W\xd7\xf5\xd6l\xb24{\xfd\x00\xd0^p\xfd\xed\xe2\x18{%[FO\x97\xc7\xfb\xbd\x7f\xfb\x9f\xa9\x0b_Pm\xcef\x7f\x15\x11qE\xbd\x88\x85\xf2\x8b\xc4\xb8\xc28\x0f6\xf9#\x81\xa61w-\x9c\xf1\xcc;\xa9\xfd\x86\x12\x91Q\x8f\xa2(R\xca\xf3o\xd57{\xfd\x00\xd0\x8e\x10\x00\x17\xc1X77F+F\x14\xe7K\xbd\xf3\xff\xbd&gt;\xfc\x86Y\xcd\xb5\xa7\xa5\xd0\xb9\xd2I\xa7S\x9c+\x8c\xf3\xa6\xda\x8a\xee\xe9#\xeey\xfa\x8f=\x06f\xb13c(\xe7\xdcXK\xe9\x92\xf5\x03@\xfbB\x00\xb4\x961z\x16\x14\x14\x18sggB\xd2\xacg\xdf\xef5dtSM9Wm\xd4\xe9\x0b\x17\\\xb5\x05\x1b\xeb\xec\xae\xf8Y\xcf\xfe\xa9\xf7\xb0qD\xb4b\xc5\x8a\xa5K\x97*\x8a\xa2iZ\xd7\xab\x1f\x00\xda\x1d\x02\xa0U\x84\x10\x8a\xa2TTT\xcc\x993\x871\xe6\x8cO\xbc\xf3?_\xf3\xf5\xb8&lt;\xd8\xe8\xe7\xaa-ZUqE\xd5#!)\xe4mO\xe4\xa6\xf5\x1f\xc6\x88\x96.]\x9a\x9f\x9f\xaf\xaa\xaa\xae\xeb]\xa9~\x00\xe8\x08\x08\x80\xd6\xd2u}\xee\xdc\xb9\x15\x15\x15Dt\xfd\xfc\xff\xba,\xf3\x9a`Cm\xa7-\x9b|\x17\xc6\x15=\x1cp%v\xbb\xe5\xf1\xdf:\xe2\xbdR\xca\xb9s\xe7\x96\x97\x973\xc6\xce^K1\xee\xf4`\xae\xfa\xa3[\x18\x80\x15 \x00Z\xc5f\xb3\xad]\xbb6??\x9f\x88\x86\xdf0{\xf8\x94\xd9M\xd5\xe5Q\x9c;\x9f\x8d)j\xa8\xb1\xae[\xdf!\xd7=\xf04\x11UTT&lt;\xf9\xe4\x93\x9c\xf3\x96\xab\xa9\xc6\xe2\x8f\xb9\xeaW\xdao\x1b\x12\x00|\x17\x04\xc0\x05\x18\xc3huu\xf5\xd3O?\xcd8\xf7\xf5\xe87\xe9\xff&lt;\x15l\xa8\x8b\xfa\xdc\xf9l\\\xb55\xfb\xab\x87\xdd0s\xe0\xb8\xef1\xa2\xb7\xdez\xab\xb0\xb0\xd0\xb8\xa0j\xdc\x8d\xb9\xa6\xa6\xc6\\\xf5o\xdf\xbe\xbd\xe5\xd6\xa4\x00\xd0A\x10\x00\x17`\\\x90\\\xb9j\xd5\xa1C\x87\xa4\x10\xa3\xefx\xc4\xedK\xd5\xb5p\xe7_5=?\xc6\x98\x1e\t\x8f\xbb\xf7\xdf\x14\xbb#\x14\n-^\xbc\xd8\xb8{\xb3\xb1\xb9~\xf5\xea\xd5&amp;\xad?\xdau\x01te\x08\x80\x0b\xb0\xd9lB\x88\xd5\xabW3\xc6\x92{\r\x182\xe9\xaeXX:\xff6\xc6y8\xd0\x98\x96\x9e9p\xdc-D\xb4q\xd3\xa6\x92\x92\x12EQ8\xe7\x81@\xe0U\xb3\xd5\xbfi\xd3\xa6\x83\x07\x0f\xc6\xc7\xc7\xe3$\x00\xa0\xe3 \x00. !!a\xf3\xe6\xcd\x07\xf6\xef\x97R\x8e\xbc\xfdaG|\xa2\xd0ct\x93"c\\\x0f\x87F\xdd\xf1\xb0\xdd\xe9nnjZ\xb9r%\x11q\xce\x0b\n\n\x8a\xf7\xed3Y\xfd\xcd\xcd+W\xadr:\x9d\x08\x00\x80\x8e\x83\x00\xb8\x00\xc6\x981\xfdOH\xee&gt;p\xdc\xf7\xc2\xcd\r\x9c\xc7\xe8\xf5I\xc6y8\xd0\xd4==\xb3\xcf\x15\xe3\x18c\x7f|\xfb\x9d\xc6\xc6F"Z\xfd\xaa)\xeb\x7f\xfb\xed\xb7+**\xec\x0eG\xb4\xeb\x02\xe8\xb2\x10\x00\x17p\xf2\xe4\xc9m\xdb\x0b\xa5\x94\x97]y\x8d\xdb\x9b\xa2G"\xb1\xb6z\xfeM\x92\x88\r\x18;UJy\xaa\xecdqq\xb1\xa6i[\xb7m3c\xfd\xa5\xc7Kw\xee\xdc\xe9v\xb9\xa2]\x12@\x97\x15sk\xc11EU\x94\xcf&gt;\xfb\xec\xe0\xc1/\x89\xe8\xf2\x91\xd7\x93\x8c\xed\xc1\x93\x88sE\x0b\x05.\x1b&gt;\xc1\xe9\xf6\x04\x9b\x1b6m\xdad\xb3\xd9N\x9d*#\xb3\xd5\xefp\xc7\x87\x9a\x1b?Z\xbf\xden\xb7G\xbb(\x80.\x0bg\x00\xe7c\xb7\xdbw\xec\xd8\xa1k\x9a\xeap\xa5^~\x85\x16\t2\x16\xdb-\xc6\x98\x1e\tyRz\xf9z\xf6#\xa2\xddEE[\xb6l!"\x87\xcbm\xae\xfa\xbd=\xfa\x11QaaaD\xd3\x88\xda\xf0e\x04\x00pa8\x038\x9fp8\\\xb8c\x07\x11%\xa4\xf4\x8eO\xee\x11\xf3\xeb\'DDB\x08\x87\xc3\xd5\xad\xef\xd0S\x87\xbe(*\xdaS]]MD\t\xa9}\xccU\x7fJ\xdf\xa1\x15_\xed-..\x11z\x98\x88\x88\x90\x00\x00\xed\x0f\x01p&gt;B\x88\xba\xdaZ"r\'&amp;\xdb]q\xa1\xa6\x06f\x82/\xb0\x95\x8c+q\xc9=\x88\xa8\xba\xbaF\x08\x9d\x88\\\t&amp;\xab\xdf\x93\xdc\x83\x88\x1a\x1a\x1a\x14\x8e\xa1\x1f\xa0\xa3 \x00.\x80+\xaa\xd0\xb5n\x97\rb\\\x95R\xc6\xfa\xfc\x99\x881&amp;t\xad[\xef\x0c"\xaa\xac\xac\xa8\xae\xae"\xa2\xe4\xde\x03\xcdU\x7fr\x9f\x81Dt\xe6\xeba\x90\x01\x00\x1d\x02\x01\xd0*nO\x12\xe3\xdc4#\x91\x94NO\x12\x11i\x9a\xc6\x98 "\xa7\xc7g\xc6\xfa\xa5\x94\x1d\xf6\xe54\x00\x80\x8b\xc0\xad#D\x8c~x\xea\xbbH\xa1\x11Q\xcb7\xadKs\xd6\x0f\x00\x1d\n\x01\xd0J\xa6\x9b\x88\xb2\xf3\xfeg\xec3]\xc1\x00\xe6\x83\x00\x00\x00\xb0(\x04\x00\x00\x80E!\x00\x00\x00,\n\x01\x00\x00`Q\x08\x00\x00\x00\x8bB\x00\x00\x00X\x14\x02\x00\x00\xc0\xa2\x10\x00\x00\x00\x16\x85\x00\x00\x00\xb0(\x04\x00\x00\x80E!\x00\x00\x00,\n\x01\x00\x00`Q\x08\x00\x00\x00\x8b\xc2\xf7\x01\x00\x00\xb4\x8a&lt;K\xcb\x83\xec,Q\xac\xadm\x10\x00\x00\x00\xe7#\x84\x10B(\x8ab\xb7\xdb\xedv\xbb\xa2(\x9cs\xc6\x98\x11\x03B\x88p8\x1c\n\x854Mc\x8cq\x13|\xeb\xea?!\x00\x00\x00\xfe\x05)\xa5\xae\xeb\xaa\xaaz&lt;\x1e\xbb\xdd\xde\xd8\xd8XVVv\xfc\xf8\xf1\xf2\xf2\xf2\xaa\xaa\xaa`0HDqqqiii\xfd\xfa\xf5\xbb\xfc\xf2\xcb\x93\x93\x93#\x91HCC\x03?\xf3]\xa6\xb1\x0f\x01\x00\x00p.)\xa5\xc3\xe1p\xbb\xdd~\xbf\x7f\xd3\xa6Myyy\x1b7n&lt;x\xf0`]]\xdd\xb7\x7f\xd8f\xb3\xf5\xed\xdb\xf7\xdak\xaf\x9d={vvvv(\x14\n\x06\x83\x8a\xa2tz\xd5\x17\r\x01\x00\x00\xf0\rRJEQJKK\xff\xf7\x7f\xff\xf7\x0f\x7f\xf8\xc3\x9e={\xce\xff\xf3\x91H\xe4\xd0\xa1C\x87\x0e\x1dZ\xb1b\xc5\xcc\x993\xff\xeb\xbf\xfe\xabw\xef\xde\xf5\xf5\xf5\xb1\x9f\x01\x08\x00\x00\x80o\xd0u\xdd\xe7\xf3=\xfb\xec\xb3\xcf=\xf7\\\xcb\x83\x8c\xb1\xfe\xfd\xfb\x0f\x1a4h\xc0\x80\x01))).\x97KJYWWw\xe4\xc8\x91\xdd\xbbw\x97\x94\x94\x10\x91\xa2(\xeb\xd6\xad\xfb\xf4\xd3O\xd7\xad[7r\xe4\xc8\xd8\xcf\x00\x04\x00\x00\xc07p\xce\x03\x81\xc0\xcc\x993\x97-[&amp;\x84\x18:t\xe8\x1dw\xdc1u\xea\xd4!C\x86x\xbd^\x9b\xcdFD\xc6\x15`\xc6\x98\xae\xeb\xf5\xf5\xf5;v\xecx\xe9\xa5\x97\xfe\xfc\xe7?\xdbl\xb6\xe3\xc7\x8f\xdf~\xfb\xed\x9f|\xf2I\xbf~\xfd\x02\x81@,_\x16F\x00\x00\x00|\x03\xe7&lt;\x18\x0c\x0e\x1c8\xf0\'?\xf9IFF\xc6\x9dw\xde\x99\x98\x98\x18\n\x85\x02\x81\x80\xdf\xef?{\x0f(\x111\xc6\x14E\x994i\xd2\xf5\xd7_\xff\xca+\xaf\xfc\xe8G?\xb2\xdb\xed\x95\x95\x95\x8f&gt;\xfa\xe8G\x1f}\x14\xad?\xa1\x95\x10\x00\x00\x00\xe7b\x8c\x05\x83\xc1%K\x960\xc6\x1a\x1b\x1b+++\x8d\xbd=\xdf\xb5\xa4S__/\xa5|\xe4\x91G\xa4\x94\x0b\x17.TU\xf5\x93O&gt;\xf9\xcb_\xfer\xfb\xed\xb7\xd7\xd5\xd5\xc5\xecBP\xec\x9e\x9b\x00\x00D\x11c\xcc\xef\xf7\xd7\xd5\xd5\t!TU=\xff\xe6NEQ\x14E\xa9\xac\xac\xfc\xc1\x0f~p\xfd\xf5\xd7\x1b\x9f\tX\xbbvm\x8c\xef\x07E\x00\x00\x00\xfck\xc6\xb0\xde\xcaA\xdc\xf81)\xe5\x03\x0f&lt;`\xfcc\xfb\xf6\xed\x95\x95\x956\x9b\xed\x9cU\xa3\xd8\x81\x00\x00\x00h\x1f\x8a\xa2\x04\x02\x81\xac\xac\xac\xb8\xb88"*//?q\xe2\x84\xddnG\x00\x00\x00t}\x9a\xa6\xf9|\xbe\xb4\xb44\xe3\xdf\xd5\xd5\xd5\x8a\xa2 \x00\x00\x00\xba8\xe3\x06A6\x9b\xcd\xedv\x1b\x8f\x84B\xa1X\xde\x06\x1a\xbb\x95\x01\x00\x98\x8b\x94\x921&amp;\x84\x88D"\xc6#\xaa\xaa\xc6\xec\xf4\x9f\x10\x00\x00\x00\xed\x88s\xde\xdc\xdc\\[[k\xfc\xdb\xeb\xf5\xea\xba\x1e\xb3{\x81\x10\x00\x00\x00\xedCJi\xb7\xdb\x8f\x1f?^]]MD&gt;\x9f\xafg\xcf\x9e\x91H\x04\x01\x00\x00\xd0\xc5\t!\x9cN\xe7\xdf\xfe\xf67c\xd6?l\xd8\xb0\x1e=z\x84\xc3a\x04\x00\x00@Wf\\\xfe\xad\xaa\xaaZ\xbdz\xb5\xf1\x9fw\xdey\xa7\xddn\x17BD\xbb\xb4\xef\x84[A\x00\x00\xb4\x03M\xd3RSS\x1f\x7f\xfc\xf1#G\x8e0\xc6\xfa\xf4\xe9s\xef\xbd\xf7\xc6\xf8\rAq\x06\x00\x00p\xa9"\x91Hjj\xea\x9a5k\xfe\xfb\xbf\xff\xdb\xf8\xe8\xef\xd3O?\x9d\x92\x92\x12\xcb\xeb?\x84\x00\x00\x00\xb8\x14RJc\xee\xff\xfb\xdf\xff~\xfe\xfc\xf96\x9b-\x12\x89|\xff\xfb\xdf\x9f3gNmm\xad\xaa\xc6\xf4*\x0b\x02\x00\x00\xa0\x8d\x84\x10\x8c\xb1\x94\x94\x94_\xfe\xf2\x97\xf7\xdf\x7f?\x11\x85\xc3\xe1[n\xb9\xe5\xd7\xbf\xfe\xb5\xf1\xe5\xc0\xd1.\xf0\x02b:\x9d\x00\x00b\x96\xa6iqqqB\x88\x1f\xfc\xe0\x07\xaf\xbc\xf2\x8a1\xf7\xbf\xe7\x9e{^}\xf5U]\xd7u]\x8f\xfd\x00\x88\xf5\xfa\x00\x00b\x90q\xcf\x9f\xd2\xd2\xd2\x9bn\xba\xe9\x95W^Q\x14%\x12\x89\xe4\xe4\xe4\xbc\xf1\xc6\x1b\x9a\xa6i\x9a\x16\xfb\xa3?\xe1\x0c\x00\x00\xe0bi\x9a\x96\x94\x94\xb4y\xf3\xe6\xfb\xee\xbb\xaf\xac\xac\x8c\x88l6\xdbo~\xf3\x9b\x87\x1ez\xa8\xb6\xb6VJi\x8a\xd1\x9f\x10\x00\x00\x00\x17\xc5\xf8\xca\xf8\x8f?\xfex\xfa\xf4\xe9\x8d\x8d\x8dD\x94\x9e\x9e\xfe\xdak\xafeggWVV*\x8ab\x96\xd1\x9f\x10\x00\x00\x00\xad\'\x84\x88\x8b\x8b\xdb\xbbw\xef\xbd\xf7\xde\xdb\xd4\xd4DD\xd9\xd9\xd9\xeb\xd6\xadKMM=}\xfa\xb4\xf1}\xf1&amp;\x82\x00\x00\x00h-\xce\xb9\xae\xeb\x0f=\xf4P]]\x1d\x11]}\xf5\xd5\x1f|\xf0\x81\xc3\xe1\xf0\xfb\xfd\xa6\x1b\xfd\t\x17\x81\x01\x00ZI\xd7\xf5\x84\x84\x84w\xdf}w\xfb\xf6\xed\x9c\xf3\xee\xdd\xbb\xff\xfe\xf7\xbfw\xb9\\\xcd\xcd\xcd1\xbe\xdf\xff\xbb \x00\x00\x00Z\xc5\xb8\xd7\xbf\xf1U\xefB\x88\xff\xfc\xcf\xff\x1c0`@CC\x83IG\x7fB\x00\x00\x00\xb4\x86q\xaf\xb7S\xa7N\xed\xde\xbd[J\xd9\xbd{\xf7\xbb\xee\xba\xcb\xef\xf7\x9bw\xf4\'\x04\x00\x00@k\x9cs\xaf\xff\xab\xaf\xbe:---\x96\xef\xf5\xdf\x1a\x08\x00\x00\x80\x0b\x93R\xaa\xaaz\xfa\xf4i]\xd7\x89h\xc8\x90!1\xfeu\x8f\xad\x81\x00\x00\x00h\x15\xce\xb9\xb1\xf9\x87\x88z\xf4\xe8a|\x03pT+\xbaT&amp;^\xbd\x02\x00\xe8d\xa1P\xc8\xf8\x9cWBBB,\x7f\xd3K+!\x00\x00\x00Z\x851\x16\x0e\x87\x8dq\xbf\x0bL\xff\t\x01\x00\x00\xd0\x1a\x9c\xf3\xc6\xc6\xc6\xa9S\xa7\xbe\xff\xfe\xfbD4d\xc8\x90\xa6\xa6&amp;\x13\xdd\xf5\xe1_B\x00\x00\x00\\\x18c,\x12\x89\xf4\xee\xdd;==\x9d\x88\x02\x81\x80\xd9\xb7\x00\x11\x02\x00\x00\xa0\x95\x8c%\xa0`0HD\x9cs\xb3\x8f\xfe\x84\x00\x00\x00h=\xc6X,\x7f\xc9\xfb\xc52\xf7\x02\x16\x00@\'\x93Rv\x81\xfd?\x06\x04\x00\x00@k\t!\xecv\xbb\xd3\xe9\x94R\x9a\xfdS`\x84\x00\x00\x00h%\xc6X|||YY\xd9\xe1\xc3\x87m6\x9b\xddn7{\x06 \x00\x00\x00.\xcc\xb8\x17\xd0\x7f\xfc\xc7\x7f\x8c\x1e=z\xec\xd8\xb1\xb7\xdezkee\xa5\xcdf3u\x06 \x00\x00\x00.@\x08\x11\x1f\x1f\xff\xd9g\x9f\xbd\xf8\xe2\x8b\xf5\xf5\xf5\xa1Ph\xe3\xc6\x8d\xbf\xfd\xedo\xe3\xe3\xe3\x8d[\x03\x99\x14v\x01\x01\x00\\\x80q\'\xb8\xfd\xfb\xf7+\x8ab\xec\xfed\x8c\x95\x94\x94\xe8\xban\xea\xcd\xa08\x03\x00\x00h\x15c\xbe\xcf9W\x14E\x08\xe1v\xbb\xcd\xfeI`sW\x0f\x00\xd0\t8\xe7MMM\x13\'NLKK\x0b\x87\xc3\xa1PHJ9}\xfatS\xaf\xff\x10\x96\x80\x00\x00.\xc8\xf8\x0cp\xf7\xee\xdd?\xf8\xe0\x835k\xd6477\xdfx\xe3\x8d\xb7\xdezkCC\x83\xa9?\x17\x86\x00\x00\x00\xb80\xceyss\xf3\xb0a\xc3~\xf3\x9b\xdf\x18\x9f\x05\xab\xaf\xaf7\xf5\x05\x00B\x00\x00\x00\xb4\x12\xe7&lt;\x10\x08455\x19\xe3\xbe\xa9\xe7\xfe\x06\x04\x00\x00@kq\xce\xcd~\xe1\xf7l]\xe7/\x01\x00\x80\x8b\x82\x00\x00\x00\xb0(\x04\x00\x00\x80E!\x00\x00\x00,\n\x01\x00\x00`Q\x08\x00\x00\x00\x8bB\x00\x00\x00X\x14\x02\x00\x00\xc0\xa2\x10\x00\x00\x00\x16\x85\x00\x00\x00\xb0(\x04@\xeb\x98\xee\x96O\xe7\x14l\xf6\xfa\x01\xa0\x03\xe0^@\xad"\xb4\x08\x99\xea\x9b?\x85\x16!")\xa5\x94\x82L[?\x00t(\x9c\x01\\\x80\x10\x82\x88*\x0e\xef\x15\xba\xc6\x98\t\x9aKJ\xc9U\xdb\xe9#\xfb\x88(55-=}\x00\x11\x9d&gt;\xba\xcfl\xf5\xef%""\x9c\x07\x00t \x13\x8c\x08\xd1e\xb7\xd9\x88(\xd0P\xab\x85\x83f\xb9\xf7\xb7\x94\xb2\xd9_ED\t\t\x9e\xb4\xb44"\n5\xd6\x99\xac\xfe\xba*"\xb2\xd9l]\xe9\xce\x8b\x00\xb1\x06\xbd\xeb|\x9cN\xe7\xc8\x91YD\xe4/?\xdaT[\xc9U{\xec/\xa40\xc6\xf5H\xb0\xea\xe8&gt;"\x1a6l\xd8\xd4\xa9S\x89\xa8\xcel\xf5\x9f&gt;\xba\x8f\x88\x06\r\x1a\xd8\xbd{w\xe3\xe1\xe8V\x05\xd0%!\x00\xceG\xd3\xb4\xac\xac,b,\x1ch\xac9qP\xb5;\x8c%\xf5\xd8%\xa5b\xb37\xd5V\xd6\x96\x1d!\xa2\xe1\xc3\x86_3a\x02\x11\x05\x1b\x1b\xccU\x7f]\xd9a"\x1a\x91\x99\xe9r:\t\x97\x84\x01:\x06\x02\xe0|"\x91\xc8\xf8\xf1\xe3{\xf7\xee#\xa5&lt;V\xb4\x91+\xaa\x8c\xed\x19\xb4\x94Bu\xb8N\x1d\xd8\xd9TW\xc58\xbf\xe6\x9a\tc\xc6\x8cIL\xf4J)LV\xbf\xbf\x9as~\xe3\x8d7\x9a\xfdK\xb7\x01b\x19\x02\xe0|$QFFFV\xd6U\x8c\xb1#;?\x0e5\xd5s%\xa6\xf7MI)9W\xbe\xda\xb6^\x92\xf4&amp;zG\x8e\x1c\xe9v\xbbG\x8c\x18a\xba\xfa\x89(\xb9[\xb7\t\x13&amp;457G\xbb(\x80.\x0b\x01p\x01\xaa\xaa\xce\xbc\xf7^)eM\xd9\xe1\xd2\xbd\x9f\xda]\xf1R\xc4\xea\x9cTJ\xd5\xee\xf4W\x1c;\xba{#\x11M\x9b6\xd5\xe7\xf3\x11\xd1\xacY3\xcdY\xff\xb4\xde\xbd{\x87\x82\xc1h\x97\x05\xd0e!\x00.\xa0\xb1\xb1\xf1\x8e;\xeeHII\x91R\x16\xbe\xf7\xb2\x94"f/H\n\xa1\xdb\xdd\x9e\xdd\x1f\xadi\xac\xabT\x14e\xc1\x82\x05\x8c1)\xe5\xddw\xdf\x9d\x96\x96f\xbe\xfa\xe7\xcf\x8fvE\x00]\x1c\x02\xe0\x02\x02\x81\x80\xcb\xe5\x9a={\xb6\x94\xb2t\xdf\xd6#;\xff\xe6\x88K\x88\xc5I\xf4\xd7\xd3\xe7\xe3{\xf2\xdfd\x8c\x8d\xb8\xea\xaa\xc9\x93\'\x0b!t]ONN\x9e3g\x8e\xb9\xea\xcf\xcc\xcc\x9c0aB}}\xbd\xa2(\xd1\xae\x0c\xa0\xcbB\x00\\\x80\xa2(R\xca\x87\x1f~\xd8\xeb\xf5\x12\xd1\xb6w\x7f\x1d\x9b\x93h\xa1k\x8e\xb8\x84]\x1f\xaeh\xf6W\x13\xd1\x8f\x9fx\x82\xbe^R\xe7R\xca\x05\x0b\x16\x98\xab\xfe\'\x9exBJi|\n\x0f\x00:\x08\x02\xe0\x028\xe7\x8c\xb1\xc1\x83\x07\xe7\xe4\xe4H)O\x14o\xdb\xf9~\xae\xdb\xdb-\xa6\xeeU t\xcd\xe1\xf1\x1e\xdf\xb3e\xd7\x9fW\x12\xd1\xc4\x89\x13g\xcc\x98!\x84P\x14\x85s.\x84\x188p\xa0\xb9\xea\x9f9s&amp;c\x0c\xd3\x7f\x80\x0e\x85\x00h\x15M\xd3rrr\xfa\xf7\xefO\xc4\xb6\xac[~\xb2x\xbb\xd3\xe3\x13\xba\x16\xed\xba\x88\x88\xa4\x14\x8a\xcd\x11nn\xdc\xf0?O\xe8ZDQ\x94\x17^x\xe1\xec\xed\x9e\x9cs]\xd7\xcd[?\x00t\x10\x04@\xabH)\x13\x13\x13\xd7\xae]\xab\xaaJ$\xd8\xf8\xd1K?j\xf6W\xabvg\xf4\x17\xd3\xa5$)m\x0eg\xfeo\x7f\\u|\xbf\x94r\xf9\xf2\xe5#G\x8e\x14B\xb4\xdcD\x811\xc6\x183W\xfd\xd8\xfe\x0f\xd0\t\x10\x00\xad\xc29\xd74m\xec\xd8\xb1\xcb\x96-\x93\x92\xaa\x8e\x1fx\xf7\xe9\xd9\x8c+\x8a\xcd)\xa37\x8f\x96RH)\xe3\x93z\xe4\xbf\xf2d\xc9\xa6\xf7\x88\xe8\xee\xbb\xef\xce\xc9\xc9\xd14\xed\x9c\xc5\x13\xb3\xd7\x0f\x00\x1d\x01\x01\xd0Z\xaa\xaa\x1a\x0bA\xf3\xe7\xcf\'\xa2\x8aCE\xef,\x99\x19j\xaew\xc4%Fe=]\xe8\x9a\xa2\xd8\xecn\xcfG/\xfdhO\xde\xebD4z\xf4\xe8\xdc\xdc\\c\xe9\xff\xdb?o\xf6\xfa\x01\xa0\xdd!\x00.\x82\xa2(B\x88\xdc\xdc\xdc\xf9\xf3\xe7K\xa2\xe3_ly\xf7\xe9\xd9\xd5\'\x0f\xb9\xbd\xdd\xa4\xae\xcb\xce\xda\xb2"\xa5\x14z\xc4\x19\x97\xa8\xeb\x91\xbf\xfe\xea\xb1\xcf\xff\xbaZ\x081z\xf4\xe8\xbc\xbc&lt;\xe3\x93_\xdfu\xd7O\xb3\xd7\x0f\x00\xed\x0b\x01p\x11\x8c\xc5t]\xd7\x8d1\x94\x88*\xbe\xfa\xe2\xad\x9f\xdc\xb6\xf7\xe3?8&lt;^\x9b\xd3-t\xadC\xef\xb6&amp;\xa5\x14\xba\xa6\xa8\xaa\xdb\x9bZv`\xe7\xba\xff\xbc\xb3\xf8\x93w\x88h\xf4\xe81\xc6\xe8y\xf6\xd2\x7f\xd7\xab\x1f\x00\xda\x17:\xdb\xc5a\x8c\x19\x1b+sss\x97,YBD\x81\x86\xda\xbf\xfe\xf7\xc2\x0f\x9f\x9f_u\xfc\x80+!\xc9\xe6pK\xa1\x0b\xa1\xb7\xe7&gt;\x16)\xa5\xd0\x85\xae)\xaa\xcd\x9d\xd8-\xd0P\xb7q\xf5\xd2?&lt;u\x97\xf1\xad/3f\xcc\xc8\xcb[\xdf\xca\xd1\xd3\xec\xf5\x03@;\x8a\xe9[\x83\xc5&amp;c\x81B\x08\xb1x\xf1\xe2\xab\xaf\xbez\xde\xbcyeee\xfb\xff\xf1\xc1\xe1\xc2\r\x03\xb3o\xcf\xba\xf5\xc1\xee\x03\xae$\xc6\xb4P@\x8f\x84\x85\x14$e\xdb\xd64\xa4\x94D\x8cq\xa6\xa86\xd5\xee\xe2\x8a\xe2\xaf(\xdd\xfa\xceK_\xe4\xff\xbe\xb1\xe64\x11\xd9\xec\xf6\xe7\x9f{.\'\'\xc7\xa8\xa7\x95\xa3\xa7\xd9\xeb\x07\x80\xf6\x82\x00h\x0bc-E\xd3\xb4\xa9S\xa7\x16\x16\x16&gt;\xf5\xd4So\xae]\x1b\x0e\x05\xf7\xfe\xed\x0f_~\xfaA\xdf\xcc\x89\xfdGM\xe93,;!\xa5\xa7\xc3\xe1b\\\x91\xba\xd6\x86\t5Wm$\x84\x16\t5\xd5U\x9e:\xf0\xf1\xe1\x1d\x05Gw\xff\xbd\xa1\xba\xc2xv\xca\x94)\xcf&lt;\xf3\xcc\xd8\xb1c\x85\x10\xc6\xbc\xde:\xf5\x03@\xbb@\x00\xb4\x9d\xaa\xaa\xba\xae\xf7\xec\xd9\xf3\xd5W_}\xe8\xa1\x87~\xfe\xf3g7\xe4\xe7\x07\x03\xcd\x07\xb7\xe5\x1d\xdc\x96\xe7\x8aKH\xea\x9d\x9e\xd4;\xc3\x93\xd2\xdb\xd7\xb3\xbf\xcb\x93$\x84\xc6Zu\x0f\x06I\x8c\x0b-Ryt_\xb3\xbf\xba\xeaXI\xcd\xc9\x83\x8d\xb5U-O\x8f\x1f?~\xe1\xc2\x85\xb3f\xcd""]\xd7\xdb\xbcg\xc6\xec\xf5\x03\xc0%B\x00\\\x12\xe3NAB\x88\xb1c\xc7\xbe\xff\xfe\x9f\xf6\xee\xdd\xbbf\xcd\x9a\xb7\xdfy\xf7\xd8\xd1#\x81\xa6\xfa\x93\x07v\x9d&lt;\xb0\xab\xbd~WJj\xeaM\xd3n\x9a3\xe7\xbe)S\xa6\xd0\x99o\xab\xbf\xc4\xd1\xd3\xec\xf5\x03\xc0\xa5@\x00\\*\xe3\x965B\x08)\xe5\xb0a\xc3\x96-[\xb6t\xe9\xd2\xa2\xa2\xa2\r\x1b6|\xb6u\xeb\xfe\xfd\xfb\xeb\xeb\x1bjk\xaa\xdb\xf0\xcaq\xf1\x9e\xb8\xb8\xb8\xa1C\x86\x8c\xb8j\xc4\xb5\x93\'ggg\'\'\'\x93qI\xb5\xfd6\xcb\x9b\xbd~\x00h3\x04@\xfb0\x96\xb0\x85\x10B\x08\xb7\xdb=n\xdc\x</t>
        </is>
      </c>
    </row>
    <row r="237">
      <c r="A237" s="1" t="n">
        <v>235</v>
      </c>
      <c r="B237" t="inlineStr">
        <is>
          <t>color_grid</t>
        </is>
      </c>
      <c r="C237" t="inlineStr">
        <is>
          <t>What is the color of the missing part denoted with a question mark?</t>
        </is>
      </c>
      <c r="D237" t="inlineStr">
        <is>
          <t>['red', 'orange', 'blue', 'green']</t>
        </is>
      </c>
      <c r="E237" t="inlineStr">
        <is>
          <t>blue</t>
        </is>
      </c>
      <c r="F237" t="inlineStr">
        <is>
          <t>There are circles with different colors arranged with a grid formation in the image. The colors in the first row are ['purple', 'blue', 'purple'], the colors in the second row are ['?', 'orange', 'blue'], and the colors in the third row are ['purple', 'blue', 'purple'].</t>
        </is>
      </c>
      <c r="G237" t="inlineStr">
        <is>
          <t>We observe that the circles at the corners are purple, while the circles directly adjacent to the center are blue. Only the center circle is orange. Hence, the pattern is that the circles alternate in color depending on if they are at the corner or adjacent to the center.</t>
        </is>
      </c>
      <c r="H237" t="inlineStr">
        <is>
          <t>Based on the pattern that the circles alternate in color depending on if they are at the corner or adjacent to the center, the missing color of the part that is adjacent to the center should be blue.</t>
        </is>
      </c>
      <c r="I237" t="inlineStr">
        <is>
          <t>b'\x89PNG\r\n\x1a\n\x00\x00\x00\rIHDR\x00\x00\x02\x00\x00\x00\x02\x00\x08\x02\x00\x00\x00{\x1aC\xad\x00\x00r\x12IDATx\x9c\xed\xddy|\x15\xd5\xfd?\xfe\xf79\xb3\xdc%\xb9\xd9C6\xd6@\x12 \x0b\x88\x04\x14\x94]\x14\x97\xaau\xc3\x02EP\xa1\x1f\xb7\x8a_\xeb\xc7\xb6~Z\x7f\xb4\xd6\x82h\xa9u\xb7\xa2U\xb1\xd4\x95*\n\x01QT\x16\x11\t[\xd8\x12\x08K \x1b\xd9\x93\xbb\xcf\x9c\xf3\xfbc\xe0\x1a\x93\x10\x82\xe4&amp;7s\xde\xcf\xcf\xe3\xc1\xc3\x0f\xf76\xdc\xbc\xefk\xe6}\xe6\xcc\x99\x19\xc29\x07\x84\x10B\xe2\xa1\xdd\xfd\x01\x10B\x08u\x0f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l\x00\x08!$(\xb9\xbb?\x80\x888\xe7m\xfe=!\xa4\x8b?\x89\x98\xb0\xfe\xdd\x0b\xeb\x1f:\xb0\x01\x04\x17o\x06\x00(\xa5\x81?[c\x8c\x05\xfe$\xcdt\xe1\xe75\x1b\xac\x7f\xf7\xc2\xfa\x878r\xb6n\x8c~2#\xee\x8c1B\x88$I\xad\xdf\xc0\x18\xab\xaf\xaf\'\xe4t\xf1\x8d\xff\xb0Z\xad6\x9b\xad\xcd7\x1b?\x8aR\x8a\x1bCG`\xfd\xbb\x17\xd6\xbf\x07\xc1\x06\xd0i\x8c\xd0s\xcee\xf9\x87\xe3*]\xd7KKK\x0f\x1d:\xb4{\xf7\xee\xaa\xaa\xaam\xdb\xbe\xd74\xad\xbc\xbc\xbc\xbc\xbc\x9c\x00\xe1\xf0C\xf1\xc3\xc3\xc3\xd3\x06\r\xe2\x009\xd9\xd9q\xf1q#G\x8e\xec\xd3\xa7O\xbf~\xfd\xecv{\xf3\x9f\x06\x00\xb8%\xb4\xe9&lt;\xea_Q^VV\xdeb\x07\xe4\x08\x0f\x1f\x946\x088d\xe7d\xc7\xc7a\xfd\xcf\x1b\xe6\xbf\'\xc2\x06\xd0\t8\xe7\xba\xae\x07r\xaf\xebzaaa^^\xde\xc6o6\x1e&lt;x\xf0\xe8\xb1cMM\x8d?\xe1\xc7*\x8a\x9a\x9c\x9c&lt;xp\xc6\xa5\x97^:u\xea\xd4a\xc3\x86\x056\x06M\xd3(\xa5g;\x94\x16\xcd\xd9\xea\xff\xcd\xc6\x8d\x07\x0f\x16\x1e;v\xac\xa9\xb1\xe1\'\xfcXEQ\x93S\x92\x07g`\xfd\xcf\x01\xf3\xdfsa\x03\xb8 \xc6\x90\xc48\xce\xd5u}\xeb\xd6\xad\x1f}\xb4r\xf5\xea\xd5\x85\x85\x85~\xbf\xaf\xf9;m\xd60\x8b\xc5\xde+\xa6/\xa5\x92E\xb5\xa7$\xa61\xa6\x03\x18\x03\x19.Q\xb9\xaa\xeed]C%%\xf4T\xcd\t\x8f\xb7\xa9\xc9Y\xdf\xe2\xdf\xea\xdf\xaf\xff\xc4I\x93n\xb8\xe1\xfa\t\x13&amp;DDD\xc0\x991\x97\xc8\x03\xa2\xb6\xeb\xbffuaa\x91\xdf\xe7m\xfeN\xab=\\\xb1\xda\xa3\x93\x07RIR\xac\xe1\xf1\xfd\x872\xa6\x9f\xae&gt;\xe7\x92\xac\xd4W\x1co\xac.\xa5T\xaa+;\xe2s79\x1bj[\xfc[\xfd\xfa\x0f\x984i\xe2\r\xd7c\xfd\x7f\x80\xf9\xef\xe9\xb0\x01\xfcD\xba\xae\x07\x92w\xe2\xc4\x89\x15+V\xbc\xfd\xf6\xf2]\xbbv\x06\xde@)\x89\x89J\xee\x9d\x94\xd1;!=%1=!\xae\xbf\xcd\x1a\x1e\x1e\x16E\t\x05 \xb2\xac@\xf3\xc2\x13`\xba\xae3\x9d\x10\xd2\xe4\xaa\xf5\xf9\xdc\x95\xd5\xc7K+\x0e\x95V\x1e&gt;^\xba\xefTM\x89\xaf\xd9\xee\xaco\xdf\xbe\xb7\xdez\xdb\xacY3srr\x02\x1f\xa6\xcd\xc9V\x13\xebH\xfd#\xe2\xfb\xf4J\xcd\x8a\x1f\x90\xd9\xab\x7ffL\xefA\x16\xbb\xc3\x16\x11K(%\x84H\xb2\xca\x81\x07v@\x04\x08\xd35\xa6\xeb\x84\x10WC\x8d\xdf\xeb\xaa-=\\u\xec@\xd5\xb1\x03\x15\x87w\xd5\x95\x1d\xf1y=\x81\x9f\xdc\xa7o\xbf\xdbn\xbd\x15\xeb\x8f\xf97\x01l\x00\xe7\xcd\x98\xe84\x02\xb7y\xf3\xe6\xd7^{\xed\x83\x0f&gt;\xac\xaf\xaf3^\r\xb3G\xf4I\x1a\x9c\x91:j`\xbf\x8b\x12\xe2\xfa;\xc2\xa2%*\xe9L\xd74\x1f\xe3L\xd75\x00\xce\xe1\xf4\x1f\x01\xc6\xae\xc8\xd8\x9c(\x95)\xa1\xb2\xacJ\x92\xcc9w{\x1a\xabjN\x1c=\xb9w\xdf\xa1\xcd\'\xca\x0eT\xd5\x94\x1a\xff\x13EQ\'N\x9cp\xcf=\xf7L\x9b6MUUc4$\xc2f\xd0F\xfd?\xfc\xb0\xbe\xae\xcex\xd5\xee\x88\xea\x95\x9a\xdd7\xe7\xf2\xde\x99\x97\xc4\xa4\x0c\xb4E\xc4RIf\xba\xa6\xfb}\x8c\xe9L\xf7\x1b\xfb\x1d\xceY\x8b\x1fK\x081\xfa\x01\x95eB\xa8\xacX\xa8,s\xce\xbd\xce\x86\xba\xf2\xa3\xe5E;\x8f\xe4\x7fYY\xbc\xbb\xae\xa2\xc4x\xbf\xac\xa8\x93\xb0\xfe\x98\xff\x1e\x0e\x1b\xc0yh&gt;\xd7\xb9~\xfd\xfaE\x8b\x16\xaf[\xb7\xd6x\x89\x10H\xed;,+}\xdcE\x99S\xe2cR(\x95u\xdd\xef\xd7|F\xe2\x8dUm`\xfc_\x87\xfe\x1d\xe0\xc0\xe1\xf4\xca9I\x91UYV9\xe7\x8d\xce\x9a=\x07\xbe\xd9}pCa\xf1w\x1e\xaf\xdbxwvv\xf6\x82\x05\x0b\xe6\xcc\x99\x03?\x1e\x97\x99O\xcb\xfa/^\xbcn\xed\xe9\xfaS\x02\xc9\x83sSs\xa7f\x8c\xb962\xb1\x9f$)\xba\xe6\xd7|\x1e\xa6\xfb9\xe7\x84\x10 \x94\x00@G*\xc3O\xef\xa18\xe7@\x80RIV-\x92b\xe1\x8c\xb9\xea\xab\x0fo\xcb;\xf4]^\xc9\xeeo\xbcn\x97\xf1vq\xeb\x8f\xf9\xef\xf9\xb0\x01t\x941\xdb\x08\x00\x85\x85\x85\x8b\x16-Z\xb6\xecu\x00\x0e\x00\xaaj\xbd8\xf3\x8aKF\xfcl@\xeflU\xb5y}nM\xf3\x1a;\x9d\xc0\xa0\xf2\x02\x19\xcb\xea\x00\x88$\xc9V\x8b\x9ds~\xb2\xa2h\xc7\xde\xcf7o\xff\xa8\xae\xa1\xcax\xcf\x94)S\x1e}\xf4\xd1\xc9\x93\'\x83I\x8f\x88\xcfZ\x7f\x8b5\xfd\xb2\xeb\xb3&amp;OON\xbfX\xb1\xda\xfd\x1e\xa7\xe6kV\xff\xce\xd8\x17p\xce8\xe7\x04\x80\xca\x8aj\r\xe7\x9c\x9d:\xb6\xbfp\xd3\'{\xd6-o\xac\xa90\xde#n\xfd1\xff=\x196\x80\x0e\xd14M\x96e\x9f\xcf\xb7x\xf1\xe2g\x9e~\xa6\xb6\xae\x16\x00\xc2\xec\x11\x97\\\xf4\xb3\x91\xd9W\xf5\xef\x9d\xa53\xcd\xebuq\xce\x08\t\xea\x00\x843\xc6\x00\x88\xaaZ-\x8a\xb5\xb2\xa6$\x7f\xcf\xba-;\xfe[~\xea\xa8\xf1\xf2\xdc\xb9s\xff\xf4\xa7?%\'\'\x9bl(\xd4\xbc\xfeO?\xf3L]m-\x00\xd8\x1cQY\x93\xa7\x0f\xbe\xfc\xc6\xe4\xf4\x11\xba\xee\xf7\xb9\x9d\x9c\xe9\x84JA\xfc\xad9g\x9c\x11\x00\xc5b\x97-\xb6\xba\xb2#\x076~\\\xb0\xfe\x9d\xea\x13\x87\x01\x00\x80\xcc\x9d;\xc7\xf4\xf5\xc7\xfc\x9b\t6\x80s0\xaeK\xa4\x94n\xda\xb4\xe9W\xbf\xfaUAA\x01\x00\xa8\xaaeD\xe6\xd4)cg\xf5M\x1e\xea\xf59\xbd&gt;7\x10BI\xd7-J3\xc6D\xb2\xac\xda\xad\x8e\xda\x86\x8a\r\xdf\xfeg\xf3\xf6\x0f\xeb\x1b\xab\x01 !!\xe1\xcf\x7f\xfe\xf3]w\xdd\x05\xa6\x18\n\xb5Y\x7fE\xb5d\\vC\xee\r\xff\x930h\x98\xdf\xdd\xe4\xf3\xba\x08\x10\xd2\x85\x8b\x029g\x9c1Y\xb5X\xc2"\x1b\xabJ\xf3?}m\xcf\xda\xe5M\xb5\x95 F\xfd1\xff\xa6\x81\r\xa0=\x81\x00=\xfe\xf8\xe3O&gt;\xf9\xa4\xcf\xe7\x03\x80\x8c\xd4\xdck&amp;\xfd*c@\xae\xd7\xef\xf6z]\x94R\xd2\x85\xd1o\x8es\xce\xb8.K\xaa\xdd\xe6\xa8\xa8:\xf6\xe9\x97/o\xdb\xf5\x99\xb1\xc5N\x9f&gt;\xfd\xb9\xe7\x9e\x8b\x8d\x8d5\xc6n\xdd\xf2\xf1.\xdc\x8f\xeb\xffWc)H\xdf\xec\xb1\x97\xcdx\xa4O\xd6X\xbf\xd7\xe5\xf7\xb8H\xf7\xd5\x1f8gL\x97d\xd5\x1a\x1eYs\xf2\xf0\xe6\x15K\xf6mx\x8f1\x0e\xe6\xac?\xe6\xdf\x84\xb0\x01\x9c\x95\x91\xfe\xb2\xb2\xb29s\xe6\xe4\xe5\xe5\x01\x80\xdd\xe6\xb8z\xc2\xbc\t\x97L\x07\x00\xb7\xd7I\t\xe9\xb6]O3\x1c8c\xba*[-\x16\xfb\xae\xfd\x1b&gt;X\xfdte\xf5q\x00HOO_\xb6l\xd9\xd8\xb1c{\xe88\xa8u\xfd\xada\x11\x97N\x7fx\xc4\xb5w\x12\x00\xaf\xab\xb1;w\xfd\xcdq\xce\x98.\xabV\xd5\x16^\xb4u\xf5\x86\xd7\xfePSz\x04\xccX\x7f\xcc\xbf\xf9`\x03h\x9b1p\xd8\xb4i\xd3\xad\xb7\xdeZZZ\n\x00\x03\xfa\xe4\xcc\xbc\xe1\xffR\x12\xd3\x9d\xaez\x0e\xbc+\x0fx;\x82s\xce8\x0b\xb3E\xb8\xdc\r\xef\xaf~\xe6\xdb\x1d\x1f\x03\x80\xaa\xaa\xcf&gt;\xfb\xec\xfc\xf9\xf3{\xdc\x94h\xeb\xfa\'g\\|\xd5\xfd\xcf\xc4\xf7\xcft7\xd6\x00\xe7\x84\x86\xd6&amp;\xcd9\xe7L\xb7\x86Gy\x9a\xea\xbe\\\xf6\xf8\xde\xf5+8\x80\xaaZ\x9e}\xf6\xef\xe6\xa8?\xe6\xdf\x94\xb0\x01\xb4\xc1H\xff\xab\xaf\xbez\xef\xbd\xf7\xfa\xfd~B`\xdc\xa8\xdbn\xbc\xf2\xd7\x12\x95=&gt;\xa7DC\xf7\x88\x921]\x96\x15\x8b\x1a\xf6\xf5w\xef\xae\\\xfb\xac\xdb\xd3\x04\x00\xf3\xe7\xcf\x7f\xe9\xa5\x97z\xd06\xd0\xba\xfe\xc3\xaf\x9e;\xe1\x8e?PI\xf6\xb9\x9b\xa8\x14\xc2\xf5\xd75IQU[\xf8\xce\xcf\xde\xf8\xfa\xcd?y\x9c\x8d`\x8a\xfac\xfe\xcd\n\x1b@K\x81\xf4\xcf\x9b7\x0f\x00l\xd6\xb0\x1b\xaf\\0a\xf4mM\xae:\xc6Y\xa8\r|Z3\xce\x8f9\xc2c\x0b\x8b\xb7\xbd\xf9\xe1\x1fN\xd5\x9c\x00\x80\xbb\xef\xbe\xfb\x95W^\xe9\x11\xdb@\x8b\xfa[\xec\xe1\xe3\xe7\xfcq\xc45w\xba\x1bj\x8cE&gt;\xdd\xfd\x01\xcf\xc1\xb8\x13fXT\xfc\xf1=\x9b&gt;[z_]\xf91\xe8\xc9\xf5\xc7\xfc\x9b\x1b6\x80\x1fi\x91~\xbb-\xe2\x7ff,MO\x1d\xd9\xd0T-Q\xa9S\x165w\r]\xd7\xec6G\xa3\xb3\xf6\xf9\xb7\x1e()\xdd\x0f=d\x1bhQ\x7fkx\xe4\xcf\x1f{\xabo\xf6e\xce\xbaJJ\xa5NY\xd4\xdf5\x98\xe6\xb7\x84G\xb9\xeb\xab\xde_8\xa3\xe2\xf0n\xe8\x99\xf5\xc7\xfc\x9b\x1e6\x80\x1f\xb4H\x7f\x9f\xe4\xc1sn~"!\xae\xbf\xcb\xdd \x85\xf0\xb4\xc3\xd90\xa6\xab\x8a\xd5\xafy\xff\xb3j\xd1w\xbb&gt;\x83\x90\xdf\x06Z\xd4?a`\xf65\x0f\xbd\x10\x932\xc8\xdbTGe\xa5\xbb?\xddyc\xba\xa6Xl\x9a\xdf\xfb\xf9\xcb\xbf\xdb\xb7\xe1}\xe8i\xf5\xc7\xfc\x8b\x00\x1b\xc0i\xad\xd3\x7f\xdf/\x9f\x0b\xb7G\xb9&lt;MR\xc8O;\x9c\r\xe3L\x96\x14U\xb1\xbe\xf9\xe1\x1f\xbf\xdd\xf1\t\x9c\xd9\x06\x8c\'l\x84\xd46\xd0z\xef\x7f\xf3\x1fW\xd8"\xa2\xbd\xce\x86P\x9e\xf4o\x1fg\xba$\xab\xb2\xd5\xbez\xe9\x03\x05_\xfc\x07zN\xfd1\xff\x82\xc0\x06\x00pf\xc5\xdb\x0f\xe9O\x1a|\xdf\xec\xe7lV\x87\xd7\xe7\xee\xb9\xe97\x18\x17gZ-a\xff\xfa\xe0\x0f[w\xae\x82f\xe3\xa0\xd0Y\x1b\xd7\xa2\xfe\t\xa9Y7?\xfe\x1fKX\x84\xdf\xe3\xec\xb9{\x7f\x03g\x8cP\xaa\xda\xc2?[\xfa\xc0\xde/\xdf\x85\x9eP\x7f\xcc\xbf8\xb0\x01\x9cN\xff\x96-[\xc6\x8e\xbd\x8csf\xb79\x1e\xbe\xfb\x8d\x84\xb8~=z\xec\xd3\x1c\xe7\x8cRI\x92\x94%\xaf\xce9~r\x1f\x00\xfc\xedo\x7f{\xf0\xc1\x07C\xe4\x1a\x99\x16\xf5\xb7\x86E\xceX\xfcitJj\x8f\x1e\xfb7g\xd4\x9f\xca\xea;\xff{m\xf9\xa1]\x10\xda\xf5\xc7\xfc\x0bE\xf4\x06`\x1c\x0cVVV\xe6\xe4\xe4TVV\xaa\xaa\xed\xbe_&gt;7\xb0\xefp\x97\xa7\xd1\x1c\xe97p\xce$I\xf1\xfa\\K\x97\xcd+;U\x0c\x1c\xd6\xae]{\xc5\x15Wt\xfb8\xa8E\xfd\x15\x8b\xfd\x96\xc7\xff\x9d&lt;d\x94\xd7Yo\x8e\xbd\xbf\x813&amp;)\x8a\xcf\xed\xfa\xcf\xefo\xac.)\xe4\x10\xa2\xf5\xc7\xfc\x8b&amp;\xd4\x17u\x05\x9bq\xe1\xf8\xacY\xb3*++\x01\xe0\xa6\xab\x1e\xcaH\x1d\xe5\xf24\x98)\xfd\x00@\x08\xd54_\xb8=\xfa\x97?_h\xb7F\x00\xc0\xacY\xb3***(\xa5F\x05\xbaK\x8b\xfaO\xbc\xf3\xf1\xbe\xc3.\xf76\xd5\x99i\xef\x0f\x00\x84R\xcd\xe7\xb5G\xc6\\\xfd\xe0?,\xe1\x91\x10\xaa\xf5\xc7\xfc\x8bF\xe8\x06`\x1c\x03.\\\xb8p\xdd\xbau\x000n\xd4-\x13/\xbd\xbd\xa1\xa9*\x94/u\xf9\xc9(\x95\\\xee\x86\xd4\xbe9\xb7^\xf3\x08\x00TTT\xcc\x9a5+\xf0`\xf4n\xd1\xa2\xfe\xc3\xa7\xcd\x1eq\xdd\xdd\xce\x9a\x8a\x9e\xb8\xe6\xe7\x9c\xa8${\x1a\xeb\x92\x06\x8f\x9c|\xf7_ $\xeb\x8f\xf9\x17\x90\xb8\r\x801&amp;\xcb\xf2\xb7\xdf~\xfb\xc4\x13O\x00@\xbf\x94\xa17M{\xa8\xc9YK\x89\xa9\xc6&gt;\xcdI\x92\xdc\xd0T}\xe9\x88\x9f\x8d\x1bu\x0b\x00\xac[\xb7n\xe9\xd2\xa5\x92$\x19Ov\xedb-\xea\x9f8h\xf8\xc4;\x17\xba\xeb\xabM6\xf6o\x8e\xca\x8a\xab\xb62k\xca\xf4\x8b\xa6\xdd\x01!V\x7f\xcc\xbf\x98\x04m\x80\xc6\x03\xe4t]\xcf\xca\xca.**\xb4Z\xec\xbf\x99\xf7\xaf^q\xfd\xbc&gt;w\xe8_\xebx!\x8c\'uH\x92\xfc\xd4\xcb\xb3OV\x14QJ\xf7\xee\xdd\x9b\x9e\x9e\xce9\xa7]z;\xe53\xf5\xcf\xce.*,Tm\xe13\x9f\xfa,:9\xd5\xefq\x86\xfe\xb5\xbe\x17\x84s \x84\xca\xca\xf2\xdf\\}\xea\xe8^J\xa5n\xae?\xe6\xbf;\xea\x1f:D\xfc\x9d\x01\xc0x|\xe8\x92%K\x8a\x8a\n\x01\xe0\x9a\x89\xf3{\'fx\xbcNs\xa7\x1f\x00\x08!\x8c1IRn\xbb\xf6QYRt\x9d=\xf0\xc0\x03]\x7f \xfcC\xfd\x0b\x0b\x01`\xec\xf4\x87\xe3\x07\x0c\xf5\xb9\x1bM\xbe\xf7\x07\x00B8\xd3%Y\x992\xffIIVu\xd6\xdd\xf5\xc7\xfcwG\xfdC\x87\xc9\xbf\xef6\x19\x0f\xb7;|\xf8\xf0\xe2\xc5\x8b\x01``\xdf\xe1\x13\xc7\xcchr\xd5\x9ar\xea\xb35J\xa9\xdb\xd3\x98\x91\x9a;~\xf4m\x00|\xed\xda\xb5\xef\xbd\xf7^W\x1e\x08\xb7\xa8\x7f\xef!\xa3.\xbe~\x9e\xbb\xbe\x86J&amp;\x9c\xfao\x8dP\xc9\xeb\xac\xef\x9bs\xd9\x88k\xee\x04\xde\xfd\xf5\xc7\xfcwq\xfdC\x8a\x88\r\xc08\x0c\\\xb8pa}}\xbd\xa2X\xae\x9fz?\x086\x00\xa0Tr\xba\x1b\xa6^~G|l\x1fB\xc8c\x8f=\xe6\xf3\xf9\xbal\x1c\xd4\xbc\xfe\xb2j\xb9\xfc\x97\xbf\x07\x0e\xc6\x03f\x05A\xa9\xeci\xac\x1bu\xd3\xfd\xd1I\xfd\t\xa1\xddX\x7f\xcc\x7f\xd7\xe7?\xa4\x08\xd7\x00\x8c\x95\xbf_\x7f\xfd\xf5\xf2\xe5\xcb\x01`\xf8\x90\x89\x19\xa9\xa3&lt;\xde&amp;\xd3\x1f\xfc6G\x80h\xba?\xd2\x11?e\xec,\xceyaa\xe1\x92%K\xbafI\\\x8b\xfa\xa7_ru\xbfa\x97{]\r\xe6\x9f\xfci\x8e\x10]\xf3\x85\xc5$\xe4\xdep\x0f\xe7\xac\x1b\xeb\x8f\xf9\xef\xe2\xfc\x87\x1a\x81\xbeu\x831\t\xf8\xc7?&gt;\xae\xebz\x98=\xf2\xcaqs\xbd&gt;\x171\xef\xca\x87\xb3\x91\xa8\xe4t\xd7\x8f\x1avu\xdf\x94\xa1\x84\x90g\x9ey\xa6\xb2\xb2\x92R\x1a\xecA\xd0\xe9\xfa?\xfe\xb8\xae\xeb6G\xf4\xe8\x9b\x7f\xeds7u\xe5\xe3|C\x04\x95dOc\xed\xd0\t7%\x0e\x1a\xd6\r\xf5\xc7\xfcwS\xfeC\x8dX\x1b\x9eq#\xc0\xfc\xfc\xfc\r\x1b6\x00\xc0\xa8\x9c\xab\xfb\xa5\x0c\xf5\xfa\\b\xde\x16\x8a1\xddf\t\xbf\xf2\xf29\x9c\xf3\xea\xea\xea\xb7\xdf~\x9b\x10\x12\xd4\x99\xd0\x16\xf5\x1f:\xfe\xa6\x84\xb4\xe1~\xb73\x14\x9e,\xd8\xf5\x98\xae\xa9\xf6\x88\xd17=\xd0]\xf5\xc7\xfcwq\xfeC\x90\x88\x1b\xde\xf3\xcf\xbf\x00\xc0\x15E\x1d5\xfcj\x8f\xd7i\xe2\x85\xcf\xed\xa3Try\x1a3\x06\x8eJ\x88\xefO\x08y\xed\xb5en\xb7[\x92\xa4`\x0f\x82\x9e\x7f\xe1\x05\xe0\\V-C\'\xde\xe2w5\x12Q\xaf\xc5\xa7\x92\xecu\xd6\xf7\x1bvyl\xca@B\xc8k\xcb\xba\xaa\xfe\x98\x7f\x00\xe8\xbe\xfc\x87\x14\x81\x1a\x00\xe7\xdcx\xc8\xf5\xfb\xef\xbf\x07\x00#2\xaf\x18\xd0\'\xc7\xebs\x8b9\xfc10\xa6\x87\xdb\xa3&amp;]:\x83s\xbeo\xdf\xde\xf5\xeb\xd7\x1bS\x04\xc1\xf8\xb7\x02\xf5\x7f\xef\xbd\xf7\x00 c\xccuI\x19#|\x1e\x97\x98\xc3\x7f\x03\xd35[D\xcc\xc5?\x9b\xcf9\xdf\xb7\xb7\x8b\xea\x8f\xf9\x0f\xe8\xca\xfc\x87&amp;\x81\xb6=\xe3\xe0\xee\xdf\xff\xfewSS\x13\xa5\xd2\x98\x11\xd7\xeb\xba\xbf\x07=d*\x18\x08\xa1nO\xd3EC\'EG\xf6"\x84\xbc\xf2\xca+\x00\x10\xa4=B\xa0\xfe\xce\xa6&amp;J\xa5\xec+~\xc14M\xec\xf2\x03\xa5\x92\xd7\xd9\x90&gt;\xe6\x9a\x88\xd8\xc4.\xab?\xe6?\xa0+\xf3\x1f\x9a\x04j\x00\x92$\xf9|\xbe\xd7_\x7f\x83\x10\xd2/e\xc8\x80\xbe9\x1e\xafK\xa8\xc5\x0f\xad\x11Bt\xdd\x1f\xe1\x88\x1b&gt;t\n\xe7|\xfd\xfa\xf5EEEAZ\x0eq\xba\xfeo\xbcA\x08I\x1a4,y\xf0H\x9f\xbbI\xac\xc5?\xad\x19\xcb\x81\xa2\x13\xd2\xc7\\\xd7E\xf5\xc7\xfc7\xd3\x95\xf9\x0fM\xa2|\xfd\xba\xae\x13Bv\xec\xc8\xdf\xbb\xb7\x80s\x9e\x9d1\xde\xa2\xd89\x17\xe5kn\x0f!\xba\xee\xcf\x19&lt;\x8eR\xear\xb9V\xae\\\tgn\x12\xd9\x89~\xa8\x7fA\x01\xe7&lt;u\xd4T\xc5j\xe7L\xac\x13nm"\x84\xe8\x9a\x7f\xe0\xa8+\xbb\xa8\xfe\x98\xff\x16\xba$\xff!K\x94\x06`\x9c\xd8\xf9\xe0\x83\x0f9\xe7\xe1\xf6\xc8\x8b\xb3\xae\xf0\xf8\x04]|\xd2\x02%\xd4\xe3u\r\xecw\xd1\x80&gt;\xd9\x84\x90\x8f&gt;Zi\\)\xda\xb9\xffJ\xf3\xfa\xdb\x1dQ\x83/\xbb\xde\xefvR\xc1\x87\xff\x00\x00@\xa8\xe4s7\xa5\x0c\x1d\x95\x9c&gt;\xa2k\xea\x8f\xf9o\xaek\xf2\x1f\xb2D\xf9=\x8d\xe3\xdfU\xab&gt;\x05\x80\xe4\xc4\xb4\xd8\x98\xde\x9a\xe6\x13j\xb2\xaf\x1d\x9c3\x8bbK\xebw1\xe7&lt;??\xff\xd0\xa1C\x9d~\x14\xdc\xbc\xfe\xf1\xfd\x87F&amp;\xf6\xd7|^\xc1\'\xa0\x038\xd3\x15kX\xef\xac\xb1]S\x7f\xcc\x7f\x0b]\x90\xff\x90%D\x030\x1e{T\\\\\\\\|\x18\x002\x06\x8c\x92\xa9"\xd4b\xafs D\xd3}\xe9\xa9\xb9\x12\x95\xbc^\xcf\xa6M\x9b\xa0S\x8f\x82\x03\xf5?\\|\x18\x00\xfa\xe6\\Ne\x05\xe7\x1f\x02\x08!\xba\xdf\xdb7g,\x95\x82[\x7f\xcc\x7f\xdb\x82\x9c\xffP&amp;J\x03\x00\x80\xd5\xabW{\xbd^\x89Ji\xfdGhL\xf4\xf5\x0f\xcd\x11 &gt;\xbf\xa7wRFTd/\x00\xf8\xf8\xe3\x8f\xa1S\xd7B\x04\xea\xef\xf3z\xa9$\xf5\xce\x1a\xc3p\xf8\xd9\x0c!T\xf3zz\xa5fE\xc4$B0\xeb\x8f\xf9oS\xb0\xf3\x1f\xca\x84h\x00\xc6wi4\xf6\xc8\xc8\xf8\x84\xf8\xfe~\xbf\x87\x80\x10_pG\x10B\x8c\x05\xd1)\x89\xe9\x00\x90\x9f\xbf\xc3\xe5ru\xe2\x151\xcd\xeb\xef\x88I\x8cI\x19\xa4\xf9&lt;8\x01\xfd\x03B\x98\xee\xb7E\xc4\xc4\x0f\xc8\x82 \xd7\x1f\xf3\xdfZ\xb0\xf3\x1f\xca\x84\xd8\x08)\xa5&gt;\x9fo\xdf\xbe\xfd\x00\xd07i\x88#,\x861]\x90\x0e\xdfA\x9csJ\xa5\x81}/\x02\x80\xca\xca\x8a\x92\x92\x12\x80N\xbbGd\xf3\xfa\'\x0c\xcc\xb1G\xc51\rG\xa0?\xc29\xa7TN\x19:\x1a\x00*\x82Y\x7f\xcc\x7f\x9b\x82\x9a\xffPf\xfe\x06`L\x80\x96\x95\x95\x1d?~\x1c\x00R\x123$*\x8b\xf0\xd5\x9e\x1fBt\xa6\xf5NL#\x84x&lt;\x9e\xdd\xbbwC\'m\x00\x81\xfa\x1f;~\x1c\x00z\r\xc8\xa2\x12\xd6\xbf%B\x08\xd3\xfc\xf1\x032\t\xa1\xde\xe0\xd4\x1f\xf3\xdf\x9e\xa0\xe5?\xc4\x99\xbf\x01\x18\xdf\xe2\x91#G\x9c\xce&amp;\x00HI\x18\xa43\x1d\x87\x9f-\x10 \x9a\xdf\x17\x1f\xdb\'\xcc\xe6\x00\x80\xfd\xfb\xf7C\'m\x00\x81\xfa\xbb\x9cM\x00\x10\xd7\x7f\x08\xd34\x1c~\xb6@\x08\xd54_t\xd2\x00[x\x04\x04\xa7\xfe\x98\xffv\x04/\xff!N\x94\x06`\xb4t\xbb-&lt;1~\x80\xa6yq\x02\xb4\x05B\x88\xce\xfc\x91\x8e\xf8\xb8\xd8&gt;\x00\xb0gO\x01t\xd2y\xb0\xe6\xf5\xb7\x859b{\xa7\xeb\x9a\x17\x1b@K\x840\xbf/,\xa6WtR\x7f\x08Z\xfd1\xffg\x13\xbc\xfc\x878\xf37\x00Cyy9\x00\xa8\x8a\xd5f\r\xd79^\x80\xda\x06\xce\xb9,\xabv[$\x00TTT\x18\xcf\x8d\xea\xac\x1fn\xd4_\xb1\xd8-a\x11\\\xd7\x01w@\xadp\xcee\xc5j\r\x8f\x82\xa0\xd5\x1f\xf3\xdf\x8e\xa0\xe6?d\x99\xbf\x01\x18\x17\xf5\xe5\xe7\xef\x00\x80^q\xfd\xc2\xc3\xa2\x99\x8eS\x10m\xe0\x9cKT\xee\x9d\x90\x0e\x00\x85\x85\x07\xeb\xea\xea:\xe5\xf9\x18\xcd\xeb\x1f\x9d\x9cj\x8b\x88\xd1\xf1\x0cp[8gT\x92\xe3\x06d\x01\xc0\xc1\xe0\xd4\x1f\xf3\xdf\x8e \xe5?\xc4\x99\xbf\x01\x18\x02_$\xae&gt;l\x07\x01b\xec\x1at\x9dI\x9dz\x9b\xfe\x1f\xea/\xccE\xf6?\x05\t~\xfd1\xffg\x17\xbc\xfc\x87,\xf3\xa7\xc18\xad\x7f\xf2\xe4I\x00\xb0Y\x1d8\xf6i\x07\xe7\xdcfu\x00\x80\xcb\xe54*v\xe1#\xa0\xe6\xf5\xb7\x84E\xe2\x0e\xa8\x1d\x9csKX$\x04\xad\xfe\x98\xff\xf6\x05#\xff!\xce\xe4[\xa31\x91\xe7r\xb9N\x9c8\x01\x00\xc9\xbd\xd2\xf0"\xf8\xb3"\x84q=%!\r\x00\x02\x15\xbb\xc0Z\x05\xea_r\xe2\x04\x00\xc4\xf5\x1f\x827\x818\x1bB\x08\xd7\xb5\xf8\xfeC\x01\xc0\xdd\xd9\xf5\xc7\xfc\x9f[\x10\xf2\x1f\xfaL\xde\x00\x0c\x84\x10EQ\x00\x00w=\xe7\x14(\x91Q\xb1N\xf1C\xfd\xc5\xb8\xbf\xca\x85\x08\x94((\xf5\xc7\xfc\x9fK0\xf2\x1f\xca\x84h\x00 @\'\xeft\x9d[1\xac\xff\xf9\xc2\xfaw/A*&amp;J\x03@\x08!\xd4\x82(\r\xc08\xf7\xc5A\x88\xae~!\x9a-\x17\xe9\xcc\xb3\x85\xa7\x7f\x9a\x18\xa3\xaa\x0b\x12\xcc\xfac\xfe\xcf)H\xf9\x0fYB4\x00\xce\xb9\xa6i\x00 S!\xe6\xf5.\x84,\xc9\xc6\x7f\x18\x15\xeb\x14\x81\xfaSY\xc1K\xc0\xdaG\xe5\xd3\x11\rF\xfd1\xff\xe7\x14\x8c\xfc\x872\xf37\x00\xce\xb9\xa2(\x91\x91\x91\x00PUwB\xc7\xfb \x9e\x1d!\xb4\xaa\xb6\x14\x00\x02\x15\xbb\xf0Z\x19\xf5\x8f\x8a\x8c\x04\x80\xfa\x8a\xe3L\xf7c\xfd\xcf\x86PZ_q\x0c\x82P\x7f\xcc\x7fG\x04#\xff!\xce\xe4\r\x80\x10\xc29w8\x1c\x19\x19\x19\x00P]W\xaas!\x1a\xfbO\xc19%\xb4\xaa\xee$\x00DFF\xa5\xa7\xa7\xc3\x05o\x00-\xea\xdfPy\x9c\xeb\x1a\x1e\x04\xb4\x89sN\xa8d4\x80\x88\xe0\xd4\x1f\xf3\xdf\x9e \xe4?\xf4\x99\xbc\x01\x04\xf8|&gt;\x00P$\x95\xe2\x85H\xedRd\x0b\x00\xe8\xba\xae\xeb\x9dy\xc7\x18\xa3\xfe\x92b\x01\xbc\x12\xb8]\x92b\x85\xa0\xd5\x1f\xf3\x7fNA\xca\x7f\xc82\x7f\x1a\x8c\xe7\xe1\r\x1b6\x0c\x00\xaajN49k)\xde\x0f\xbd-\x84\x10\x9di\xa5\x95E\x00\x90\x96\x96\x16\x11\x11\xd1)\xf7\xc3j^\xff\xba\xb2\xa3\xee\xfa\x1a*\xcbx6\xb85B\x08\xd3\xfd\xd5\xc7\xf7C\xd0\xea\x8f\xf9oG\x90\xf2\x1f\xe2\xcc\xdf\x00\x0cII\x89\x00\xe0\xf64z\xbd.\x8a\x83\xd0\xb3\xd0\x99\xd6\xe8\xac\x05\x80\xf8\xf8xY\xee\xcc\xdd\x84Q\x7f\xaf\xb3\xc1\xefi"T\x88\xbb\xac\x9c?\xca4\xcdU_\x05\x00\xbd\x82S\x7f\xcc\x7f\xfb\x82\x97\xff\x90e\xfe(\x18=&lt;\'\'\x07\x00\x9c\xee\xa6S5%\xb2\xa4\xe2z\xb8\x168\xe7\x92$79kjjN\x02@VV&amp;\x9c\x19&lt;^\xa0\xe6\xf5w;\x1bjK\x8f\xc8\xb2\x8a\x97\xa4\xb6\xc4\xb9$\xcb\xae\xfa\xea\xfa\xf2\xe3\x10\xb4\xfac\xfe\xcf&amp;x\xf9\x0fq\xa24\x80\xfe\xfd\xfb[,V\xce\xd9\xc9\x8aC\x92\x84S\x10-q\xe0\xb2l\xa9\xaa9\xd9\xe0\xac\x05\x00\xe3\x9ca\xa7hQ\xff\xaac\xfb\xa9\x8c\xb7\xa3i\x89s.)\x96\xfa\xf2\xa3\xce\xfaj\x08f\xfd1\xffm\n^\xfeC\x9c@\r ))\t\x00NV\x14\xe1\xde\xa7\r\x9c\xcbT.\xad,\xd6uM\x96\x95\xe1\xc3\x87\xc3\x99[\xc9_\xa0@\xfd\x13\x93\x92\x00\xe0\xd4\xd1}\x1c8.\x04j\x81sFe\xa5\xaa\xe4`\xf0\xea\x8f\xf9oO\xd0\xf2\x1f\xe2\xcc\xff\x1b\x12B\x18c6\x9bm\xf0\xe0\x0c\x008~r\xaf\xdb\xd3@\xa9\x84\x07\xc1-p\x80\xe2\xe3;\x01 &amp;&amp;&amp;55\x15:i\r\\\xa0\xfeC\x06g\x00@\xf9\xa1\x1d\xde\xa6zz\xe6r\x1bt\x06\x01\x02\'\xf7}\x07\x001\xb1A\xa9?\xe6\xbf}A\xca\x7f\x883\x7f\x03\x803sy\xb9\xb9\xb9\x00PU{\xf2Tu\x89\xa2X\x18n\x01\x01\x1c(\x95\xdc\x9e\xc6\xe3\xa5\xfb\x00`\xe8\xd0\xa1\x0e\x87\x831\xd6Y\x1b@\xf3\xfa\xd7W\x94\xd4\x96\x1e\x91U\x0b\xe0i\x80f\xa8${\x9b\xea+\x0e\xef\x04\x80\xa1C\x82X\x7f\xcc\x7f\x1b\x82\x9c\xffP&amp;D\x030\xbe\xc8i\xd3\xa6I\x92\xec\xf7\xfb\x8e\x9c(P$\x15\x00w@\xa71\xe0\x8ab\xa9\xac:j\\\x06y\xf5\xd5\xd3(\xa5\x9dx\x06\xecG\xf5\xf7y\xcb\n\xb7K\x8aE\x843l\x1d\xc5\x99\xacZjN\x1e\xae\xaf(\x81`\xd7\x1f\xf3\xdfJ\xb0\xf3\x1f\xca\x84h\x00\xc6\\\xde\xb0a\xc3\x8ci\xd0}\x8763\xce\t\x0e\x80\x028Se\xcb\x81\xe2m~\xbf\x97R:y\xf2d\xe8\xd4\xe3\xdf\x16\xf5?\x9a\xff%\xe7\x8c\xe0i\x803\x18c\xb2j=\xbe\xfb\x1b\xbf\xaf+\xea\x8f\xf9o)\xc8\xf9\x0feB4\x00B\x88\xae\xebv\xbb}\xca\x94\xc9\x00p\xa2\xec@\xa3\xb3\x9aJ\xb8\x16\xe54B@g\xfa\xe1\xe3;\x00HzzFff&amp;\xe7\xbc\x13\x9f\x89\xda\xa2\xfe\x95\xc5{\\u\xa7\xa8\xa2\xe2Z\x14\x03!\x841\xfd\xe4\xbe\xad@HzF\xd0\xeb\x8f\xf9o!\xd8\xf9\x0feB4\x80\x80\x9bo\xbe\x19\x00j\xea*v\xef\xff\xcaj\t\xc3\r\x00\x008\xe7\xaab;Qv\xb0\xb0\xf8{\x00~\xddu\xd7Z,\x96 ]\x07o\xd4\xbf\xbe\xaa\xf4\xf0wy\xaa-\x0c\x1f\x10\x06\x00\xc0\x99b\xb1W\x16\x17\x1c\xdf\xb3\t8\xbf\xee\xda\xa0\xd7\x1f\xf3\xdf\\W\xe6?\x04\x89\xd2\x00\x8c\xa3\xe0q\xe3\xc6\xa5\xa4\xa4\x00\xc0\xce\xfd_p\xce\x00\xcf\x83\x01p\xceT\xc5VP\xb8\xd1\xebsK\x92t\xd3M7A\x10\x8e\x7f\x03\xf5ONI\x01\x80\xa2-\x9fr\xceq\x12\x08\x8c\xf9\x1f\xab\xbd\xf8\xfbu&gt;\x8f\xab\x0b\xea\x8f\xf9o\xa1k\xf2\x1f\xb2Di\x00\x84\x10M\xd3\x1c\x0e\xc7\xf4\xe9\xd3\x01\xe0\xd0\xd1\xfc\x93\xe5E\x16\xd5\x86\x83 J\xa9\xcb\xd3\xb8\xbd \x8f\x102r\xe4\xc8\xdc\xdc\\\xc6X\xa7\x1f\xff\x06\xea\x7f\xfb\xf4\xe9\x00P\xb2\xf7\xdbSG\xf6)\x16;\xae\x05\xa2\x92\xecu\xd6\x1f\xfcfe\xd7\xd4\x1f\xf3\xdfB\xd7\xe4?d\x89\xd2\x00\xe0\xcc h\xce\x9c9\x8a\xa2x}\xee\xef\xf7\xe4\xa9\xaaM\xf0{\x120\xce\xac\x96\xf0\xc2#\xdbJ+\x0es\xce\xef\xbc\xf3\xce\xe0\xad\x7f\x08\xd4_V\x14\x9f\xc7u\xe0\x9b\x8fd\xab]\x90\xb5\x16g\xc3\x99\xae\xda\x1d%\xbb7\x9d:~\xb0\xcb\xea\x8f\xf9\x0f\xe8\xca\xfc\x87&amp;\xb1\x1a\x00c,33s\xfc\xf8\xf1\x84\x90\xcd\xdb?\xaa\xac&gt;.\xcb\xaa\xc8\x83 \x02\xa0\xeb\xda\xfaMoq\xce\x13\x12\x12n\xbc\xf1\xc6\xe0\x9d\xfe\n\xd4\x7f\xc2\xf8\xf1\x84\x90\xdd\xeb\x96\xd7\x95\x1e\x91\x15\xab\xd8\xa7\x82\t\xd3\xfc\xdbV\xbe\xd0\x95\xf5\xc7\xfc\x07te\xfeC\x93@\r\x00\xce&lt;\xf0s\xc1\x82\x05\x9c\xf3Fg\xed\xb6]k\xec\xd6\x08\xc6E9\xe1\xd3\x821\xfc).\xd9Ut4\x1f\x00f\xce\x9c\x19\x17\x17\xa7\xebA|bT\xf3\xfa\xbb\xea\xab\xf7\x7f\xf5\x81%&lt;\x92\xe9\x82&gt;\xa2\x843\xdd\x12\xe6(=\xf0}\xc9\xdeo\xa1\xcb\xeb\x8f\xf9\xef\xfa\xfc\x87 \xb1\x1a\x00\xa5\x94s&gt;q\xe2\xc4\x8c\x8c\xc1\x84\x90\xad;?\xa9m(W\xc4\xbe9\xe2\x86oW\x00\x80\xc5b\xb9\xf3\xce;9\xe7A\xbd\xff\xc9\x0f\xf5\x1f&lt;\x98\x10Z\xf0\xc5\x7f\x1a\xabNJ\x8aE\xd8\x83\x00\xce!\x7f\xd5\xab\xd0\xf5\xf5\xc7\xfc\x9f\xd1\x95\xf9\x0fAb\xfd\xb6\x81\xfb\xa2\xfc\xeew\xbf\xe5\x9cWT\x1d\xfbb\xd3r\xbb-\x821\xe1\x06A\x8c1\xbb\xd5\xb1\xb7p\xe3\x8e\xbd\xeb9\xe7\xb7\xdf~\xfb\x90!C\x18cA\xdd\x00~\xa8\xffo\x7f\xcb9\xab)-\xde\xfe\xdf\x97\xad\x8e(\x01\xeb\xcf\x99n\t\x8f:\xb2}\xfd\xc1\xcd\x9fvC\xfd1\xff\xdd\x91\xff\x10$\xd6o\x0b\x00\x92$\xe9\xba&gt;c\xc6\x8c\xf1\xe3\xc7\x03\xc0\xe6\xfc\x95\xe5UGU\xd9*\xdaL(!\xa0\xeb\xda\xda\x8do\x10Bbcc\x9f|\xf2\xc9\xaey\xfe\xd1\x8f\xebOv\x7f\xfeN\xcd\x89C\xb2j\x13\xef \x800\xcd\xff\xdd\x07\xff\xe8\xd6\xfac\xfe\xbb:\xff\xa1F\xb8\x06`\x90$i\xe1\xc2\x85\x92$5:k?\xf9\xfc\x05\xab5\x8c\x8b4\x13\xaa3-\xdc\x1e\xbdy\xfb\xcaCGwp\xce\x1fz\xe8\xa1\xc4\xc4\xc4\xae\x1c\xfe\x9c\xa9?u\xd5Wo\\\xfeW\xd5\x1e.\xd4 \x94\xe9\x9a-2v\xcf\xba\xe5%\xfb\xb6vk\xfd1\xff\xdd\x93\xff\xd0!\xdc/\x0cg\x06A\xe3\xc6\x8d\x9b9s\x16\x00l/X\xbbs\xef\x17v[\xa4 \xfb \xce\xb9*[O\xd5\x94|\xba\xe1\x15JiFF\xc6\xc3\x0f?\xdc\xc5{\x9f\xd3\xf5\x9f5\x0b\x00\x0el\xfco\xd1\x96O\xad\x8ehA\xce\x06s\xced\xd5ZWvt\xf3\x8a\xa7\xbb\xb9\xfe\x98\xff\xee\xa8\x7fH\x11\xf1w\x863\x93\xa1\x7f\xfd\xeb\x93\x91\x91Q\x9c\xeb\xef\xad~\xca\xe5n\x90\xc5\xb8;\n\xe7\xccb\xb1\xbf\xbfzICc\x15c\xec\xd9g\x9fUU\xb5\x8b\x8f\x7fO\xd7\xff\xc9\'#\xa3\xa28\xd3\xbf\xf8\xe7\xffy\x9a\xea$1\xee\x0e\xc4\x19Sm\xe1_\xfe\xf3\xb1\xa6\xda\xcan\xae?\xe6\xbf\x9b\xea\x1f:\x04m\x00\xc6r\x88\xc4\xc4\xc4g\x9ey\x9as\xa8\xaa9\xf9\xee\xa7\x8b\xad\x960\xd3_\x17\xa3\xeb\x9a#,f\xc3\x96\x7f\xef\xdc\xf7%\x00\xcc\x993g\xea\xd4\xa9\xba\xaew\xf1\xda\xe7\x1f\xea\xff\xf4\xd3\x9cC]\xf9\xb1\xf5\xaf\xfcN\xb5;L?\x08e\x9a\xdf\x1e\x15\x9f\xff\xc9?\x0b\xbf]\r\xa1P\x7f\xcc\x7fw\xd4?t\x10\x11z\xfe\xd9h\x9a&amp;\xcb\xf2m\xb7\xdd\xf6\xee\xbb\xef\x02\xc0m\xd7&gt;:y\xcc\x8c\xfa\xc6*\xc9\xa4\xcf\xabbL\xb7Y\x1d\xc7K\xf7-]6\xcf\xebs\xa7\xa6\xa6\xee\xde\xbd\xdbf\xb3\x11B\xbae\xf8\xd3\xa2\xfeW\xcc\x7f\xf2\xe2\xeb\xe7;k*\xa8\xact\xfd\x87\xe9\x02L\xd7\xac\xe1\x91\xe5\x87v\xad\xf8\xfd\xcf\xfd\x1ewj\xea\x80\x90\xaa?\xe6_@\x82\x1e\x01\x18\x8c\xc9\xd0\x17_|155\x95\x10\xb2r\xed\xdf\x0f\x16o\xb3\xdb\xcc9\x0e\xe5\x9c\xc9\xb2\xeat\xd5\xbd\xf9\xe1\xe3&gt;\xbfG\x96\xe5w\xdey\',,\x0c\xba\xef\xd6W-\xea\xbf\xe1_\x7f:\xbe{\xa3%&lt;\xca\x94\'\x038c\xb2bq7\xd4\xac\xfe\xfb\xaf5\xaf[\x96\xa5P\xab?\xe6_@B7\x00\xa3\xf3\xc7\xc4\xc4\xbc\xf3\xce;\x84\x10\x9f\xdf\xfd\xc6\xfb\xbfot\xd6\xa9\x8a\x95\x99\xebX\xd8x\x0e\xbbE\xb5\xbd\xbdraY\xe5a\xce\xf9SO=5z\xf4hM\xd3\xba\xf1\xdcW\x8b\xfak\x1e\xd7\xa7\xcf\xdc\xe3n\xa8V,6n\xb2}\x10\xe7@@\xb1\x85\xad\xf9\xc7CU\xc7\x0f\x86f\xfd1\xff\x02\x12\xfa\x97\x07\x00J\xa9\xa6i\xa3G\x8f~\xf1\xc5\x179\x87\xea\xba\xb2\xe7\xdf\xbc\xcf\xaf\xf9dI1\xd3|(g,\xcc\x1e\xf1\xe6\x87\x7f\xdc}\xe0+\x00\x98={\xf6\x83\x0f&gt;h\xcc\x00t\xef\x07\xfbQ\xfd\x01\x1a*O\xbc\xff\xf8\xed\x9a\xdfGe\xd5LO\x0b\xe0\x8c\xd9\x1c\xd1\x9f-}\xe0\xd0wy\x10\xb2\xf5\xc7\xfc\x8bG\xf4\x06\x00\x00\xb2,k\x9a6o\xde\xbc\xf9\xf3\xe7\x03@I\xd9\x81\x7f\x7f\xf2\x17\x8bb#\x84\x9a\xe3\x04\x89\xce\xb4\x08G\xdc\xe7\x9b\xde\xde\x92\xff1\x00\xe4\xe6\xe6\xbe\xf0\xc2\x0b\xa1s\xcf\xdb\xe6\xf5\xe7\x00\x15\xc5{\xd6\xbd\xf8\x88j\xb5\x13J\xcc\xb1\x0fb\xbaf\x8f\xee\xb5m\xe5K\x05\xebW@h\xd7\x1f0\xff\x82\xc1\x06\x00\x00 I\x92\xa6i/\xbd\xf4\xd2\xddw\xdf\r\x00\xdf\xef^\xf3\xaf\x0f\xff`\xb5\x84QJ{\xf4\xb10\x07\xce\x98\x1e\x19\x1e\xf7\xf9\xc6\xb7&gt;X\xbd\x04\x00rss\xf3\xf2\xf2\xecv;\x84\xd2\xd4g\x8b\xfa\xef\xff\xfa\xa3\xcf\x96\xde\xaf\xda\x1c\x94J=\xfb8\x80s\xae\xeba\xd1\xbd\xbe_\xf9\xe2\x97\xff\xfc?\xe8!\xf5\xc7\xfc\x8bC\xe8U@\xcdq\xce\x8dA\xc1\xbcy\xf3^}\xf5U\x00\xb8\xe4\xa2\xeb~\xf1\xb3\xdf3\xce4\xcdGi\xcf\x1b,p\xce\x00H\x98-b\xfd\xe6\xe5\xef\xaf~\x8a\xf3\xd3\xe9\x8f\x8e\x8e\x0e\xc1\xcb^Z\xd7?k\xd2mS\xef}\x8a3\xa6\xf9&lt;\xb4\x07\xaeK1\x0e_\xac\xe1\xd1\xdb?~\xf9\x8bW\x1f\xe3\x00\xb9\xb9\xa3\xf2\xf2\xd6\xf4\x94\xfac\xfeE\x80\r\xe0\x07\xad\xb7\x81\xfe\xbd\xb3\xffg\xc63\xe1a1.wC\xcfZ\x1b\xc7\x98.\xcb\xaa\xaaX\xdf\xfeh\xe1\xe6\xfc\x95\x000j\xd4\xa85kBt\xefch]\xff\xa4\xf4\x11?\x7f\xecM{d\xac\xa7\xb1\xaeg\xad\re\xba&amp;+\x16\xd9j_\xf3\x8f\x05{\xd6\xbd\x03\x00\xb9\xa3F\xe5\xf5\xb4\xfac\xfeM\x0f\x1b\xc0\x8f\xb4\xde\x06R\x12\xd3f\xde\xf0\xc7\xd4\xbe9\rM\xd5\x12\x95\xa0\'&lt;\xc7V\xd75\xbb-\xa2\xc9Y\xfb\xce\xc7O\xec\xda\xff%\x84\xf6\xd8\xb3\xb9\xd6\xf5\x8f\xef?\xf4\xaa\xfb\xff\x962x\xa4\xb3\xee\x14\xa5\x12\xf4\x84\xc3v\xa6\xf9\xad\x8e(W}\xf5\xda\x17~S\xf4\xedj\xe8\xc9\xf5\xc7\xfc\x9b\x1b6\x80\x96Zo\x03v[\xc4m\xd7\xfc\xef\xe8\x8b\xaeu\xb9\x1b\x18\xd3C\xf9p\x98s\xce9s\x84\xc5\x14\x97\xecz{\xe5\xc2\x93\xe5E\xd0\xd3\xc6&gt;\xad\xebo\r\x8f\x9c2\xef\xc9\xccI\xb7z\x9a\xea8\xd3IH\xd7\x9fq\xc6\xed\x91\xb1\xa5\x07\xbf\xcf\xfb\xc7C\x95G\xf7A\xcf\xaf?\xe6\xdf\xc4\xb0\x01\xb4\x81sn&lt;\x1ab\xe9\xd2\xa5\x0b\x16,\x00\x00 0~\xd4m7^\xf9kYV\xdd\x9eFJ\xa4\x10&lt;\x83\xa43MU\xac\x16\xc5\xf6\xd5w\xef\xae\\\xfbw\xb7\xc7\t\x00s\xe7\xce]\xbat\xa9\xc3\xe1\xe8A\xe9o]\x7f\x02p\xd15s\xc7\xdf\xf1\x07IV\xbd\xae\x86\xd0&lt;\x14`\xba&amp;\xabV\xc5\x1a\xb6\xf3\xb3\xd7\xbf\xfa\xd7B\xaf\xab\t\xccR\x7f\xcc\xbfYa\x03h[`\x1b\xc8\xcb\xcb\x9b;wnii)\x00\xf4K\xc9\xbcy\xda\xffKO\x1d\xe9r7j\xbaO\xa2\xa12+\xca\x98N\x08\r\xb3GV\xd5\x9c\xf80oi~\xc1:\x00PU\xcb\xa2E\x7f}\xf0\xc1\x07\x01\xa0\xc7\xa5\xbf\xcd\xfa\'\xa5\r\x9fx\xe7\x9f\xfaf\x8f\xf18\xebu\xbf/t\xce\x0cs\xa6\x03!6GL]\xf9\xd1\r\xaf\xff\x7f\x077}\x02f\xac?\xe6\xdf|\xb0\x01\xb4\xc7\xb8T\xa4\xac\xacl\xce\x9c9yyy\x00\xa0(\xea\xa4KgL\x1a33\xd2\x11\x17\nG\xc4\xc6*=\xbb\xd5\xa1\xeb\xfe-;&gt;\xf9\xec\xcb\x97\xeb\x1aN\x01@FF\xc6k\xaf\xbd6v\xecX\xc6X\xcf\xbd\xd5I\x9b\xf5\x1fq\xfd\xafr\xaf\x9f\x1f\x16\x9d\xe0i\xaac\xbaN\xbbu5\xb7q\xc5\xb2%,\x92i\xfe=_\xac\xd8\xb2bIcu\x05\x00\xa4gd,3i\xfd1\xfff\x82\r\xe0\x1c\x02w\n\\\xbat\xe9\xa3\x8f\xfe\xd6\xeb\xf5\x00@B|\xbf)c~92\xfbJ\xab5\xdc\xedidL\xa7\x94v\xf1\xf91\xc6\x18!`\xb5\x84\x03\xf0}E[&gt;\xdf\xf4\xe6\xc1\xe2m\xc6Kw\xddu\xd7\x92%K"##Mp\xadc\x9b\xf5\x8fM\x198\xf2\x86{\x06\x8f\xbb\xc1bwx\x9d\rL\xd7\xa8\xd4\xd5\xe7\'\x8dQ\xbf\xc5\xe6\xe0\xc0\x8f\xee\xd8\xb0\xed\xa3\x17\x8e\xed\xdeh\xbcd\xfa\xfac\xfeM\x03\x1b\xc0\xb9\x05\x06\x11\x05\x05\x05\x8f&lt;\xf2\xc8\xea\xd5\xab\x8d\xbf\xef\xdf\'k\xeaes\xd2\x07\x8c\x0c\x0f\x8bt{\x9c\xba\xee\'\x84\x10\x12\xdc#M\xe34\x17\xa5\x92\xd5\x12\xa6\xe9\xfe\xa3\'\n\xbe\xfa\xf6?\xdb\x0b\xd6\x1a\xaffee/^\xbch\xda\xb4i\xd0l\xd3\xed\xe9\xceV\xff\xe4\xf4\x11\xa3n\xba\xbfo\xf6\x18[D\x8c\xd7\xd9\xa8k&gt;B(\t\xf2\x91&gt;\xe7\x8c3F%Y\xb5\x853\xcd_Z\x98\xbf\xe3\xd3\xd7\x0en\xfc\xd8\xd8\x8a\xb2\xb2\xb3\x17/\x12\xa5\xfe\x98\x7f\x13\xc0\x06\xd0Q\x81&lt;\xadX\xb1\xe2/\x7f\xf9\xcb\x9e={\x8c\xbfOI\x184\xfe\x92\xe9\xc3\x87L\x8c\x08\x8f\xd5\x98\xe6\xf5\xba8\x0f\x1cuv\xda\x98\x88s\xc6\xb9qC+\xab\xa2X\xdd\x9e\xa6CG\xb7\x7f\xb1e\xf9\x81\xe2\xad\xc6\xa5\x9a\t\t\x89\xf7\xddw\xef#\x8f&lt;\xa2\xaa\xaa)\x0f{\x9b\xd7\xff\x89\xbf\xfc\xa5\xe0L\xfd\xe3\xfb\r\x1eq\xed]i\x97L\x0b\x8b\xee\xa5k~\x9f\xdb\xc9\x99N\x08%\xb4\xb3\xeb\xcf8! [\xec\x8a\xc5\xe6u6\x94\xec\xdd\xb2\xfd\xe3\x97\x8f\xef\xfa\x9aq\x00\x80\x84\xc4\xc4\xfb\xee\x15\xa5\xfe\x98\x7f\xd3\xc0\x06p\x1e\x18c\x00@)\xf5\xf9|\x8b\x17/~\xfe\xf9\xe7\xcb\xcb\xcb\x8d\x97b\xa3\x93\x86\x0f\x99\x94=x|j\xdfa\x16\xc5\xe6\xd7}~\xbfW\xd75\x00\x0e\x84\x108\xef8r\xe0\xc6h\x07\x00(\x95\x14\xd9\xa2(\x16\xc6\xf4\x13\xe5\x85\xfb\x8a6o/\xc8+)=h\xbc\xd3j\xb5\xfe\xe2\x17\xbfX\xb8paJJ\n\x98z\xe0\xd3\xa2\xfe\xcf=\xff|\xc5\x99\xfaG\xf6\xea\x9dv\xe95\x83r\xa7&amp;\x0f\xc9U,v]\xf3i^\x0f\xd3\xfd\xfc\x87\xf2\x9f\xe7\xee\xc08\r\n\xa7\xeb/\xab\x16Y\xb52]\xaf&lt;\xb2\xf7H\xfe\x97\x077\xae\xac(.0\xdeh\xb1\xdaf\xfc\xe2v\x01\xeb\x8f\xf97\x01l\x00\xe7-\x90\xb0\x8a\x8a\x8a\xb7\xdez\xeb\xcd7\xdf\xda\xb3g\xb7\xf1\x12\xa1\x90\xdagx\xfa\x80\x91\xe9\x03F\xa6$\xa6\x87\xdb\xa3(\x95t]\xd34\x9f\xce\xfc\x8c\xf3\x1f\x1ey\xd8z{h\xf6\x12\x01"I\xb2,)\x92\xa4\x00\x80\xdb\xd3XY}\xbc\xf0\xc8\xf7\x87\x8f\xed8X\xbc\xd5\xe3u\x1boLLL\x9a9s\xc6\xec\xd9\xb3\xb3\xb2\xb2\x00@\xd34I\n\xc5\xf5y\x9d\xab\xbd\xfa\x13H\x19\x9c\xdb\'\xfb\xb2\xbe\xd9c\xe2\x07d\xd9\x1c\xd1T\x92\x98\xa6i~/\xd3\xfc\xc6\xec\xc1\xe97\xb6.?\x9c\xfe\n\x8c\xfd\x95$)\x92\xa2\x1a\x97\x1f{\x9d\x8d\xb5\xa5\xc5\xc7\xf7l&lt;\xb9o\xeb\xf1]_{=.\xe3\x7f\x92\x98\x944s\x06\xd6\x1f\xf3\xdf\x83a\x03\xf8)\x02\x17\xcb\x00\x80\xcf\xe7[\xb3f\xcd\xb2e\xaf\xaf]\xbb\xd6\xed&gt;\xbdk \x04\xe2\xa2SR\x12\xd3S\xfb\x0eKIH\xef\x15\xdb\'"&lt;N\x96UI\x92\t\x10\x0e\x9c1\xad\xf9\x012\xe7\x9cR\x89\x12\n\x00:\xd3t\xa659k\xabjN\x96\x9f:R\\\xb2\xebx\xe9\xfeS5\xc7}&gt;o\xe0\xfdc\xc7\x8e\xbdc\xf6\x1d\xd7\xfd\xec\xba\x84\x84\x04\x00\xd0u\x9dR*N\xf4\xdb\xac\x7f\xde\xda\xb5\x9ef\xf5\x8fJ\xe8\x1b? 3ypn|\xff\xcc\xe8\xe4\xd4\xb0\xa8^\xb2\xaaRI\x01B\x803\xa6\xb7|\xde\x00\xa1\xc6\xf9\x03\xc24?\xd35W}U]\xc5\xf1\x9a\x13E\xa5\xfb\xb7U\x1c\xdeU[Z\xec\xffQ\xfd/\x9b}\xc7\xec\x9f]\x87\xf5\xc7\xfc\xf7l\xd8\x00~:\xce\xb9\xae\xeb\x81e\x06\x07\x0e\x1cX\xb5j\xd5\xca\x95\xff\xdd\xf6\xdd6\x9f\xdf\xdb\xfc\x9d\x8e\xf0\xa8\xb8\xe8\xdev[DJB\xba$I\x165,%1\x8d1f\x04\x96\x03\x97$\xa5\xba\xe6dmC9\xa5Ri\xe5!\x97\xab\xbe\xb2\xa6\xa4\xbe\xb1\x8a\xb3\x1f};\x99\x99Y\xd3\xa6]u\xe3\x8d7\x8e\x193\xc6\xf8\x1b\xe3\x89\x16b\xaeqn\xbb\xfe\xff\xfd\xefw\xdfmk\xbe\xb3\x06\x80\xb0\x88\xe8\xa8\xa4\xfe\x96\xb0\xa8\xf8\x01\x99\xc6\xf9\xdb\xf8\xfeC\x19\xd3\t\x10\xe3\xe7H\xb2R_q\xac\xa1\xaa\x94JR\xd5\xb1\xfd\x9e\xc6\xba\xda\xd2bgm\xc5\x8f\xcb\x0f\x99YY\xd3\xae\xc2\xfa\x9f\x86\xf97\x01l\x00\x17\xca\x18\r\x11B\x02)\xdc\xbf\x7f\xff\xd6\xad[?\xf9dU~\xfe\xf6\x93\'K\xfd~\xdf\x85\xfc\xfc^\xbd\x12rr\xb2\xaf\xba\xea\xaaq\xe3\xc6\x8d\x181\xc2\x18v\x19\xff(\x8ez\xa0\x9d\xfa\xafZ\xb5}{~iii\x8bfp\xbez%$\xe6dga\xfd\xcf\x06\xf3\xdf\xa3a\x03\xe84\x8c1\xe3\xb88\x10J\x97\xcbu\xec\xd8\xb1\x03\x07\x0e\xec\xd9\xb3g\xf7\xee=\xd5\xd5\xd5\xfb\xf6\xed\xd3u\xbd\xa1\xa1\xa1\xcd\xad"66\x0e\x00\x06\r\x1a\x14\x1d\x1d=r\xe4\xc5\x03\x07\x0e\xcc\xcc\xccLKK\x8b\x8a\x8a\n\xbcG\xd34B\x08\x9e\xe6j\xadC\xf5\xdf\xbf_\xd3\xb4\x86\x86\x06\xad\xcd\xfa\xc7\xc5s\xce\x07\r\x1a\x14\x83\xf5?\x7f\x98\xff\x9e\x08\x1b@\xe73\xb6\x846cZ__\xcf\x18+//\x0f,\x9f\x08\x08\x0f\x0fOKK\xe3\x9cGGG\x9f\xed\x07\xe2\x90\xa7#\xb0\xfe\xdd\x0b\xeb\xdf\x83`\x03\x08"\xde\x8c\xb10\xb9#\x93\x95\xc6\xe1-?\xb3"\x05C\xff\x93a\xfd\xbb\x17\xd6?\xf4a\x03\xe8RF\xb5\xf9\x99\x05\xce-\x18\x9b\x07\xc6=x\xb0\xfe\xdd\x0b\xeb\x1fj\xb0\x01 \x84\x90\xa0p\xf9\x14B\x08\t\n\x1b\x00B\x08\t\n\x1b\x00B\x08\t\n\x1b\x00B\x08\t\n\x1b\x00B\x08\t\n\x1b\x00B\x08\t\n\x1b\x00B\x08\t\n\x1b\x00B\x08\t\n\x1b\x00B\x08\t\n\x1b\x00B\x08\t\n\x1b\x00B\x08\t\n\x1b\x00B\x08\t\n\x1b\x00B\x08\t\n\x1b\x00B\x08\t\n\x1b\x00B\x08\t\n\x1b\x00B\x08\t\n\x1b\x00B\x08\t\n\x1b\x00B\x08\t\n\x1b\x00B\x08\tJ\xee\xee\x0f \xa2\xb3=\x87\x19\x1f\x87\xdd5\xb0\xfe\xdd\x0b\xeb\x1f:\xb0\x01\x04\x17o\x06\x00(\xa5\x81?[c\x8c\x05\xfe$\xcdt\xe1\xe75\x1b\xac\x7f\xf7\xc2\xfa\x878r\xb6n\x8c~2#\xee\x8c1B\x88$I\xad\xdf\xc0\x18\xab\xaf\xaf\'\xe4t\xf1\x8d\xff\xb0Z\xad6\x9b\xad\xcd7\x1b?\x8aR\x8a\x1bCG`\xfd\xbb\x17\xd6\xbf\x07\xc1\x06\xd0i\x8c\xd0s\xcee\xf9\x87\xe3*]\xd7KKK\x0f\x1d:\xb4{\xf7\xee\xaa\xaa\xaam\xdb\xbe\xd74\xad\xbc\xa2\xbc\xac\xac\xbc\xc5\x06\xe0\x08\x0f\x1f\x946\x088d\xe7d\xc7\xc7\xc5\x8d\x1c9\xb2O\x9f&gt;\xfd\xfa\xf5\xb3\xdb\xed\xcd\x7f\x1a\x00\xe0\x96\xd0\xa6\xf6\xeb\xbf\xc7\xa8\xff\xf7\xdb4M\xab(////\x03 \x00F\xf8\t\x00\x0f\x0fw\x0c\x1a4\x88s\xc8\xce\xc9\x8e\x8b\x8b\xc7\xfa\x9f/\xcc\x7fO\x84\r\xa0\x13p\xceu]\x0f\xe4^\xd7\xf5\xc2\xc2\xc2\xbc\xbc\xbco6n&lt;x\xb0\xf0\xd8\xb1cM\x8d\r?\xe1\xc7*\x8a\x9a\x9c\x92&lt;8#\xe3\xd2K/\x9d:u\xea\xb0a\xc3\x02\x1b\x83\xa6i\x94\xd2\xb3\x1dJ\x8b\xe6l\xf5\xdf\xb8\xf1\x9b\xc2\x83\x07\x8f\x1d;\xd6\xd0\xd8\xf4\x13~\xacE\x95\x93\x93S22\x06_\x82\xf5o\x17\xe6\xbf\xe7\xc2\x06pA\x8c!\x89q\x9c\xab\xeb\xfa\xd6\xad[?\xfah\xe5\xea5\xab\x0b\x0b\x8b\xfc&gt;o\xf3wZ\xed\xe1\x8a\xd5\x1e\x9d&lt;\x90J\x92b\r\x8f\xef?\x941\xdd\x18\xc6p\xce%Y\xa9\xaf8\xdeX]J\xa9TWv\xc4\xe7nr6\xd4\xb6\xf8\xb7\xfa\xf5\x1f0i\xd2\xc4\x1b\xae\xbf~\xc2\x84\t\x11\x11\x11pf\xcc%\xf2\x80\xa8u\xfdW\xae\xfch\xf5\xea\xd5E\x85\x85^\x9f\xbf\xf9;\x1dvk\x98M\xc9\xe8\x1d%S\xea\xb0+9\x03\xe2\x18c\x00\x04N\xd7_:V^_r\xaaI\x92hQi]\x83\xd3W\xd3\xe0j\xf1o\r\xe8\xdfo\xe2\xa4I\xd7_\x7f\x03\xd6?\x</t>
        </is>
      </c>
    </row>
    <row r="238">
      <c r="A238" s="1" t="n">
        <v>236</v>
      </c>
      <c r="B238" t="inlineStr">
        <is>
          <t>color_hexagon</t>
        </is>
      </c>
      <c r="C238" t="inlineStr">
        <is>
          <t>What is the missing color of the part denoted with a question mark?</t>
        </is>
      </c>
      <c r="D238" t="inlineStr">
        <is>
          <t>['purple', 'green', 'orange', 'blue']</t>
        </is>
      </c>
      <c r="E238" t="inlineStr">
        <is>
          <t>purple</t>
        </is>
      </c>
      <c r="F238" t="inlineStr">
        <is>
          <t>There is a hexagon split into six parts with the colors ['orange', 'blue', '?', 'orange', 'blue', 'purple'] in an anti-clockwise order.</t>
        </is>
      </c>
      <c r="G238" t="inlineStr">
        <is>
          <t>We observe that a blue part is opposite another blue part, and a orange part is opposite another orange part. Thus, the pattern is that the colors in opposite parts are the same.</t>
        </is>
      </c>
      <c r="H238" t="inlineStr">
        <is>
          <t>Based on the pattern that spatially opposite parts have the same color, the missing color of the part which is opposite a purple part should be purple.</t>
        </is>
      </c>
      <c r="I238" t="inlineStr">
        <is>
          <t>b'\x89PNG\r\n\x1a\n\x00\x00\x00\rIHDR\x00\x00\x02\x00\x00\x00\x02\x00\x08\x02\x00\x00\x00{\x1aC\xad\x00\x00}\xc3IDATx\x9c\xed\xddy|U\xd5\xb9?\xfe\xf5\xac\xb5\xcf\x98s20\x86A\x14b@\x06\x91\xa1\x18BH\x98\x11\xa7\xc6[E\x19D\xa5\xf2S[\xed\x15\x01\x15J\x03\x12TD\x06s\xb5V\xed\xb7\x15)\xa3\xa0\xb6`\xb5JUd\x16\x110\x14\xea\x10\x02\x16\xd4\x06T2\x9c\x9cy\xafg\xfd\xfeXID\x14\x05\x12\x92s\xce~\xde\xaf\xfb\xc7\xbd\xde\xde\xdb\xd3\x9c\xb3\xf7\xb3\xf6Z\xcf~&gt;\xa0\x94b\x84\x10B\xac\x877\xf5\x07 \x84\x10\xd24\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a3\xa9?\x00iJJ)\xa5TS\x7f\n\xd2d\x00\x00\x00\x9a\xfaS\x90&amp;\x03t\xfd[\x96i\x9a\x86A+\x00\xab3MS\x08Ae\xc0\x9a\xa8\x00X\x14"r\xce?\xfe\xf8\xe3_\xff\xfa\xd7\x9csDl\xeaOD\x1a\x95a\x18\xa6iN\x9a4i\xdc\xb8qM\xfdYH\x93\xa1\x05\xa0\xe5\xe8\x92\x1f\x0c\x06\x17-Z\x94\x9a\x9a\xbaq\xe3\xc6\xa6\xfeD\xa4\xc9t\xeb\xd6\xed\x8b/\xbe\x185jT\x8f\x1e=\x94R\x9c\xd3\xa1\xa0\xb5\xd0\x13\x80\xe5H)\x85\x10K\x97.\xbd\xed\xb6\xdb\x00@\x08Q\xf7\x1b\xe0\x9c\xf6\x01\x12\xdf\xc9\xe7&gt;B\x88H$2a\xc2\x84\xbf\xfc\xe5/\xb4%hAT\x00\xacE\x9f\xfaVVVv\xeb\xd6\xed\xeb\xaf\xbfFD\xda\xfc\xb18\xbb\xdd.\xa5\xdc\xb8qcnn\xae^\x1c4\xf5\'"\x8d\x87\n\xbe\xb5 \xa2\x10\xa2\xa0\xa0\xa0\xac\xac\xacf\xed\x0f\xc0\x81!\xaa[\x86w\x9dxe\x0f\xbf?,h\x1f A\xa1R\x0e\xa7m\xf7\xc7e3_\xd8\x8e\xa8P)\x00n\x9a&amp;"N\x9e&lt;y\xfb\xf6\xed6\x9bM)E\x07\xc2\xd6AO\x00\x16\x82\x88\x00\xf0\xe9\xa7\x9f\xf6\xe8\xd1\x03\x11\xebz@90T\xac]\x0bO\xc9\xf3\xb7\xba\xbcNf"\xa3;@B\x92\x8ay\x1cWM~\xf1\x1f\xbb&gt;\x13\x1c$\xeak\x1f\x84\xe0R\xca\x17^x\xe1\xd6[o\xa5\x87\x00K\xa1\x02`!\xfa\xda\xbe\xe2\x8a+6l\xd8`\x186\xd3\x8c\xb6\xce\xe8\x19\xa8\xf8\xda\xf7\xcd\x7f\r\xc1M)\'\x8d\xea\xfe\xc7\xa9#\xab\xaa\x82B\xd0C@\xa2\x91\x12\xbd\xc9\xce\xe5o\xfe\xfb\xd6\x85\x1b\xf4\xdd\xdf\x10\xb6N\x1dz}zx\x97&gt;\xfbm\xd5\xaa\xd5\x81\x03\x07RSS\xe9\xe5\x00\xeb\xa0\x02`\x15\xfa\xee\xbfa\xc3\x86+\xae\xb8B\x08\xa1\x18S\xa8\xc6\xcd\x7f\xf5\xf3\x03\xefmZ:\x97\x0b\xc1\x14r\x80\xdd\xbf\x1f\xdb\xbdS\x8bP0J\x07\xc2\x89D1\x06\x8c)\x06\x97\xdd\xb5\xec\xe0\x97\x95\x860Liv\xcb\xcc\xbe\xed\x86G\n\x9f\xbc\xde\x1f\xa80\x84\x115\xa33g\xce|\xf8\xe1\x87\xe9!\xc0:h\xa1g\tzc\xd74\xcd\xff\xfd\xdf\xffe\x0c\x80\x0b\x94\xb2K\xce\xb5\x17t\xef\x7f\xd9\xa8\t\xa9\xe9\x17\xa1\x94\x9csS\xe2\x94?n\x16t\xebO8R\xa2\xcb\xeb||\xcd\xae\x83_V\x1a\x82KD\xce\xc55C\x7f\xd5"\xad\xdd\xd5C\xeePJ\xe9\xf7B\x16,XPRRB\xef\x85X\x07\x15\x00K\xd0\x97\xf7s\xcf=\xf7\xc9\'\x9f\x08CHi:\xdc\xde\xec\x9b\xee\x0b\x05\xaa\x1c\xee\xe4\x017Ma\x8c!2\xc1\xe1\xed\xbdG_\xddv(\xc9\xe3\x90\x92\x1e\r\x13\x04*\xe6p\x18G?\xafxj]1\x00(\x06Jav\x9f\xfc\x8e\x17\\z\xa2\xe2\xbf\xfd{\xff\xbc}\x9b.\x12Q\xb7\x84\xce\x9c9\x13\x806\x06\xac\x82\n@\xe2\xd3g\xbfeee\x05\x05\x05\x00\xc0\x18(\xc4^W\xde\xd6:\xe32\x19\t\x85\xfdU\xdd\x87\xdd\xd4\xae\xeb\xe5\x88\x92q\x01\x8cM\xfd\xd3\xe6@ *\x04\xd0= 1(D\xbb\xcb&gt;c\xc9\xb6\x13\xbe\x90!8"\xba\x9c\xde\xab\x87\xdc\x11\x89\x84\x94RN\xbb;\x7f\xf8\xdd\x8c))Q\x08\xb1v\xed\xda\r\x1b6\x08!\xa4\x94M\xfd\xc1\xc9yG\x05 \xf1\xe97&lt;g\xcc\x98Q^^.\x0c\x9b\x94fJ\xab\x0b\xfa]wW\xc8W\xce\xb9\xc1\x98Bi\xe6\xdd2\x93\x0b\x81\x88B\xf0\x92\xcf+\x1e_\xb3\xcb\xe5uJI\xfb\x00qO\xa2J\xf2:\xdfz\xef\xd0\xaaw?\x11\x1c$2\xa5\xd4\xa8A\xb7\xa7\xa5\xa4G\xcd\xb0\x10\x86?T\xd5-3\xa7g\xd7\xc1\x88\x12\x80\x03\xc0\xff\xfe\xef\xff\x9a\xa6I\xcf\x01V@\x05 \xc1\xe9\xcd\x9f\xdd\xbbw\xafZ\xb5J\x08\x81\x88L\xa9\x9cq\x0f\xb8\xd3ZI3\xc2\x00\x80\x8bH\xc0\xd7\xa1gN\x8fac\x15\xa2b\xc0\x01\x9eZW|\xe4\xf3\n\x87\xdd\xa0;@\xbc\x03\xc6L\x13\xe7\xac\xd8\x89\xa8\xf4\xe6~\xfb6]\x06g\xdd\x18\x0c\xf9\x80\x0b\xfd/@\x94\xf9\xc3\xefv9=\xfa\xf8\xf7\x93O&gt;y\xee\xb9\xe7\xe8$\xc0\n\xa8\x00$8}\xfc;u\xea\xd4p8\x0c\\\xa04\xdbu\xbd\xbc\xfb\xd0\x1bCU\'\xb8\xa8y\r\x90s\x11\tT\xe7\x8c\x9d\xe6HJ\x96\x88\\\xf0\x13\xbe\xd0\xcc%\xdb\xecIv\xba\x05\xc45SbR\x8ak\xe9\x1b\x07\xb6\xee\xff\xd2\x10\\J\xc5\x98\xca\x1f~\xb7\xcd\xe6D\x94\xfa\xac\x1f\x80\x87"\xfe\x0b\xdat\xcd\xed7Z)d\x8a\x01@AAAyy9\xe7\x9c\x1e\x02\x12\x1b\x15\x80D\xa6\x17tk\xd7\xae\xdd\xb4i\x93a\x18R\x9a\xc2\xb0\xe5\xdd2\x13\xa5\xc9N~\xd7\x0b\xc0\x8c\x84\xbc-\xdaf\x8f\x9e\xcc\x94B\xc58\x875[Jv\xec9\xear\xdbk_\x17"qF)f3\xc47\xdf\xf8\xe7\xbd\xb8\x0b\x00\x18\xe3\xa8\xf0\xb2\xaeC\xbae\xe6\x04B&gt;\xce\xbfm\xf4\xe4\\\xf8\x83\x95\xc3r\xc6\xb7Hk\'\xa54\x84Q^^\xaeO\x8ch\x05\x90\xd8\xa8\x00$,\xbdv\xd3}\x1d\x8c1\x06\\!v\x1epm\x87\x9e\x03#\x01\x1f|w\xde\x03\x17"\xec\xaf\xeau\xd5\xc4\xb4\xb6\x1dQ"\xe7&lt;\x12\x95\x0f&lt;\xbfUPOh\xdc\x92\x12\x9d\xc9\xce\xc5/\xed&gt;\xf4\xdfJ\xc1A"\na\xbbz\xc8\x1dJ\x9dzO\x07\x06\xa6\x8c\xa6z[\x8d\xc8\xbdM1ur\xcf\x18m\x04%6*\x00\tK\x8f\xfdY\xb8paII\x89a\xb3I3\xea\xf4\xa4\xe6\xde&lt;=\x12\xf8\xce\xea\xaf\x16(\x946\x87k\xf0\xad\xb3\x18S\x12\x95\x10|\xeb\xfe/Wl\xf8wR\xb2\xd3\xa4\xd3\xe0x\x83\xa8\\n\xfb\'%\xc7\x9f~\xb5\x98\xf3\x9a\xd6\xcf!\xfd\xc7th\xd7-\x14\xf6s8\xf5\xc2\x17\\T\x07\xca\x07\xf4\xc9\xef\xd4\xa1\x97D)\x84\xd0o\x8d\xd0Qpb\xa3\x02\x90\x98\xf4"\xae\xb4\xb4t\xfe\xfc\xf9\x9cs\xa5\x98R\xaa\xf7U\x13\xd3\xdae\x98\x91\x10\xfb\xa1\x17\xfd\x81\x8b\xb0\xbf*#kT\x87\x9e\x03\x15"\x03\x0e\xc0\n\xfe\xb2\xe3\x9b\x13\x01\x9b!\xe8&amp;\x10w\xb8\x80\x19\xcfo\xab\xf4G8pD\xf4z\x9a\r\x1d0&gt;\x14\xf6\xc3\xf7\xee\xfe\x9abL\x08\xe3\xaa\xc1\x93\x00\xb8n\t\xdd\xb0a\xc3\xda\xb5k\xa9%4\x81Q\x01HL\xfa\xec\xb7\xb0\xb0\xb0\xaa\xaaJ\x08C\x9a\xd1\xb4\xb6\x1d\xb3\xae\xbf\'\xe4+\xe7?\xfa\x96\xbfB9d\xe2la\xd8\x10Qp~\xb8\xacj\xf1K\xbb\x9d\xc9\xd4\x12\x1aO\xa4TI^\xe7[\xef\x7f\xf6\xd7\xed\xa5B\x00*\xa6\x94\xbaf\xc8]\xcdR\xdb\x98f\xe4ts~8\xf0@\xb0\xaaG\x97\xdc\xbe\x97\x8eD\x94\x1c8\x00\xcc\x9c93\x12\x89\xd0s@\xa2\xa2\x02\x90\x80\xf4\xd9\xef\xe6\xcd\x9bW\xacX!\x84aJ\xc9\x18\x1b|\xeb,\x9b\xcb\xa3P\xb2\xd3\x8f\xfa\x04\xce#\xc1\xea\xf4\xcc\xde}\xae\x99\xa4\x10\x15\xe3\x9c\xc3\xd3\xaf\x16\x7f\xf4\xe9q\xa7\xcb\x86t\x0b\x88\x13B@ \x10\x99\xbed\x1b\x00\x03&amp;\x10e\xa7\x0e\xbd\x06\xf4\xbd\xce\x1f\xa8\xfc\xa1\xdd\xbfo\x01\xf0p$\x90?\xfcn\xb7+\xd9\x94\xa6a\x18%%%\x0b\x17.\xa4\x93\x80DE\x05 1I)\x0b\n\n\xa4\x94\xc0\xb9B\xd9\xa1\xe7\xc0\x8c\xacQ\xe1\xeaJ\xf8\xd1\xeb\x9f\xe9\x96\xd0`\xf5\xcf\xf2\xeft\xa7\xb6\xd0\xfbH\x95\xfe\xc8\xc3+w\xda\x9c6E\xed@\xf1\xc0\x94\xe8\xf2:\x97\xff\xf3\xa3\xbd\x07\xbf\xe2\x9c#*\x00~\xd5\xe0IB\x18\x8a\xfd\xc47\x08\x00\xd1h\xb8U\xf3\x0b\x07e\xdd\xa4\x94R\xa8\x80\xc3\xa2E\x8b\xca\xca\xca\xa8#(!Q\x01H4\xa6i\n!V\xae\\\xb9y\xf3f\xc3\xb0Iir!\x86L\x9c\xad\xf0\xcc\xb6q\x01\xccH(\xb9e\xfb\x9c1\xf7+\x85\xa8\x98\xe0\xf0\xe2\xa6O\xdf\xdaq(\xc9\xeb\xa4\x96\xd0\x18\xa7\x14s\xd8\x8d\xb2cU\xb3\x96\xed\xe0\x00\xc08*\xd9\xb7\xc7\x88\x1e]r\x03\xc1\xaa\xef\x9f\xfd~\x1fp\xe1\x0fV\x8e\xcc\xbd\xb5E\xb3\x0bLi\x1a\xc28q\xe2\xc4\x8c\x193\xe8\x9d\x80\x84D\x05 \xa1\xe8\xa9\x0fUUUs\xe6\xcc\x01\xe0\x8a1\x85\xd8c\xd8\xd8\xd6\x17_\x16\tV\xc3\x99E}qa\x84\xaa+\xba\x0f\x1d\xdd\xaac\x0fD\x04\xce%\xaa9+wJ\x13iJ|\x8c\x93\x88v\xb7\xfd\x89\x97\xf7\x1c+\x0fp\xce%\xa2\xcb\xe9\x195\xe8\xf6H4t\xba\xb3\xdfS\xe8\x17\x83\x9d\x8e\xa4\xab\x06Ob\x8c\xa1D\xbd\x9e\xd8\xb3gO\xcd\x9b\xe4$\x81P\x01H(z\xd3f\xfe\xfc\xf9\xa5\xa5\xa5B\x08\x94\xa6#)%g\xec\xb4h(\xf0\xe3\x9b\xbf\xa7PR\xda\x9cIy\x13f0\xa5$2\xdd\x12\xba\xe4\x1f\xfb\x93\x92]\xd4\x12\x1a\xb3\x10\x95\xdbm\xdf\xf7qY\xd1\xdf&gt;\xe4\x1c\x94bJan\xbf\xd1\x1d\xdau\x0bG\x02g\x9e\xf1\xc2\xb9\x08\x04\xab\xfa\xf7\xbe6\xe3\xc2^\x12%\xe7&lt;\x12\x89L\x9e&lt;YJI\x0f\x01\t\x86\n@\xe2\xd0\x8d\xff\xfa\xd4Np\xa1#\x1f\xb3G\xdf\xebm\xd1\xeet\xad\x9f\xa7\x03B\x84\xab+:\xf6\x1dzq\xd6(\x85\x92\x01\xe8\x96\xd0\xb2cU4 (\x96\t\x0eS\xfe\xb89\x12\x95\x1c\xb8Dl\x9e\xd6vX\xce\xcd\xfe@\xc5Y\x95\x7f\xc6\x98\xd2\x03\x82F\xfc\x86sa\x9a\xd20\x8c-[\xb6\xac\\\xb9\x92ZB\x13\x0c\x15\x80\xc4\xa1Wg5}{B \xcaV\x1d{\xf4\xbe\xfa\x97a\x7f\xe5\x8f\xb7~\x9e\x06\xa0\x94y\x13~\xebp{\x11\x95\xe0\xe2Xy\xe0\x89\x97\xf7\xd8]vI\xfb\x00\xb1G\xa2J\xf28^\xddv\xe8\xed\xbdG\x05\x07T\x8c1u\xcd\xd0\xbbR&lt;\xcd\xa54\xe1,S\x9e9\xf0P\xd8\xdf\xb9c\xbf\xec&gt;\xf9\xfa\xcda\x00\x983gNee%\xb5\x84&amp;\x12*\x00\tB\xb7~n\xda\xb4\xe9\xdb7w\x94\xca\x9b0\xc3p\xb8\x94\xfc\xb1\xd6\xcf\xd3\x01\xce#\x01_\xabN\x97\xf6\xba\xf26\x85\x88\x0c8\x87\xa2\xbf}\xb8\xff\xd3cn\xb7\x1d\xe948\x96(\xc6\x04\x87P(:\xf5\xffmf\x8c\x01\x08D\x99qa\xaf\xac^\xd7T\x07\xcfz\xf9\xaf\x01\xf0P\xb8\xfa\xea!w\xb8\x9c^\xfd\x10PZZZTT\xc49\xa7\x87\x80\x84A\x05 \x11\xe8\xd7\xbe\xc2\xe1\xf0\xd4\xa9S\x01@\xb7~f\xf6\xbf\xf2\xa2\xbeC\xc3\xd5\x15p\xae\xf9\xae\\\x18!_\xf9\xcf\xae\xbb+\xa5u\x07\xa5\xf7\x82\xa3r\xf6\xb2\xf7\x80\xe6\x03\xc5\x18)\xd1\xe5q&lt;\xb3~_\xc9\x17\x15Bp\x89h\x08[\xfe\x88{\xf0G_\xfb\xf8q\x00`\x9a\x91\xb4\x94\xf4+\x07\xdd\xcej\x07\x04=\xf1\xc4\x135\xc7K\xf4\x14\x98\x10\xa8\x00$\x02}q\xae^\xbdz\xf7\xee\xddz\xf9/\x0c[\xce\x98i\n\xf1\x9c\xaf\x7f\xc6\x18\x03\x90f\xc4\xd3,=\xeb\xfa\xdf(\xa5tK\xe8+\xdb\x0e\xbe\xf5\xfeg\x94\x19\x19;t\xeb\xe7\xb1\xe3\xbe\xc2\x95;\x01\x180\xae\x14\xf6\xee&gt;\xbcK\xa7\xcb\x7fp\xec\xcf\x99\x03.\x82!_^\xd6\xe8\x96\xcd;\xe8G\xcc\xca\xca\xca\xc2\xc2Bz\' aP\x01\x88{z\xf9_^^&gt;}\xfat\xce\xb9b\xa0\x10\xfb\\3\xa9\xf5\xc5\x97}\x7f\xea\xe7\xd9\xe2\xc2\x08V~s\xe9\xf0\xb1\xed\xba\xf6C)\x81\x0b\x006}\xc9\xb6P\xd8\xa4\xcc\xc8\x18\x81\x88v\xb7}\xf6\xb2\xf7*\xaa\xc3\x82\x0b\x89\xd2\xedJ\xfe\xf9\xf0_\x87B\xa7\x1d\xfbs\x86tK\xa8\xdd\xe6\xfa\xc5\x15\xf7\xb2\xdam\xc6\x15+Vl\xd9\xb2\xc50\x0c\xda\x08J\x00T\x00\xe2\x9e^\xfe\x17\x14\x14\x94\x95\x95q.\xa44\xdd\xa9-~\x96\x7fg$X}n\x9b\xbf\xdf\xa3\xb80\xb2o\x9c\xa2_\x08\xe0\x9c\xef=\xf8\xd53\xeb\x8a]\x1e\x07\r\x08jr\x12\x95\xcbm\xdf\xf1\xe1\xd1?\xbfq\xa0\xb6\xf5S\r\xca\xba\xa9U\xf3\x0b\xa3f\xf8\xcc[?O\x87s\x11\x0c\xf9z^2\xb8s\xa7~\x88\x08\xc0\xa5\x94\x93\'O\x0e\x87\xc3t\x1a\x9c\x00\xa8\x00\xc47}\xf7\xaf\xcd\xf0\x13\xa8\x14Sj\xe0\xd8\xfb\x93[\xb6?\xdb\xd6\xcf\xd3\x01.B\xd5\x15\x19\xfdF\\20_\xa1d\xc09@\xe1\xca\x9d\xc7\x8e\xfb\xa8%\xb4\xc9\x01cB\xf0\x07\xfe\xbc\xd5\x94(8\x97([6\xef02\xf7V\x7f\xf0\xa7\xc7~\x9c!\xc5\x18*y\xfd\x15\xf7\ta\x93R\x1a\x86\xb1g\xcf\x9e\xd5\xabW\xd3\x80\xa0\x04@\x05 \xbe\xe9\xfd\x1f\x9d\xe2\xcd\x85N|\xecw\xe9\x88\xf1A\xdf\xb7\x89\x8f\xf5\xc7\xb9\x88\x04\xfd\xb9\x13~\xeb\xf4\xa4\xa2\x94\x9c\xf3\x8a\xea\xf0\xece\xef\xd9]6\xba\x054!=\xf5s\xc5\x86\x7fo\xdd\xff\xa5\xa8I|d\xbf\xb8\xe2^\x87\xdd]\x97\xf8X\x7f\x1cx8\x1c\xb8\xb0}\xf7!\xfd\xc7\xe8\xccH\xce\xf9\xf4\xe9\xd3O\x9c8A\x0f\x01\xf1\x8e\n@\x1c\xd3{\xb2\x1b6l\xd8\xb0a\x83\x10\x02Q\x02\xe7\xd97N\xe1\xc2`\r{Y\x02\x98\x91`Z\xdbN\xbd\xaf\x9a\xa8\x94B\xc68\x87?\xbfq`\xdf\'\xc7\\\xd4\x12\xdaD\x94\x9e\xfa\xe9\x8f&lt;\xb4\xfc=\xc6\x180\x8e\n;w\xea\xd7\xf3\x92\xc1\xc1\xd0\x0ff\xfe\x9c;\x00\x1e\n\xfb\x87\x0e\x18\xef\xf54\x97(\x05\x17eee\x8b\x17/\xa6\x87\x80xG\x05 ^\xe9\xb5\xbf\x8emb\x0c\x80\x0b\x94\xb2K\xce\xcf3.\x1f\x11\xaa\xaeh\xa8\xc7\xff:\\\x88\x90\xaf&lt;\xeb\xfa{R\xd3/\xd2\x0f\x01\xa6\xc4)\x7f\xdcL\x91\x91MEJty\x9d\x8f\xaf\xd9u\xf0\xcbJCp\x89\xc8\xb9\xb8\xfe\x8a\xfbP5|{\x16\x00D\xcdH\xb3\xd46W\x0f\xb9C\xa9\x9a\x96\xd0\x05\x0b\x16\x94\x94\x94P\r\x88kT\x00\xe2\xd5\xc9\xc1\xad\xc2\x10R\x9a\x0e\xb77\xfb\xc6\xc9\xd1P\xb0\x9e\x9d?\xa7\x01J\x9av\xb7w\xc0MS\x18c\x88Lpx{\xef\xd1W\xb7\x1d\xa2\x96\xd0\xc6\x87\x8a9\x1c\xc6\xd1\xcf+\x9eZW\x0cP\x93\xf8\x98\xdd\'\xbfC\xbbn\xe1p\xa0&gt;\xad\x9f\xa7#\xb8\x08\x04\xab\xb2z]\xd3\xbeM\x17\x89(\x84\xd0q\xd3\xb4\x0b\x14\xd7\xa8\x00\xc4%D\x04\x80\xb2\xb2\xb2\x82\x82\x02\x00`\x0c\x14b\xaf+ok\x9dqY4X]\xcf\xe6\xbf\xd3\x01a\x84|\x15\xdd\x87\xdd\xd4\xae\xeb\xe5\x88\x92q\x01\x8cM\xfd\xd3\xe6@ J-\xa1\x8dL!\xda]\xf6\x19K\xb6\x9d\xf0\x85\x0c\xc1\x11\xd1\xe5\xf4^=\xe4\x8eH$x\x9e\xbe}\xa6\xa7\x84\xda\xdd\xf9\xc3\xeffL\xe9\xcc\xc8\xb5k\xd7\xea\xedGj\t\x8dST\x00\xe2\x92\x1e\xfb&lt;c\xc6\x8c\xf2\xf2ra\xd8\xa44SZ]\xd0\xef\xba\xbbB\xbe\xf2\x06&lt;\xfb\xfdA(\xcd\xbc[fr!\x10Q\x08^\xf2y\xc5\xe3kv\xb9\xbc\x94\x19\xd9x$\xaa$\xaf\xf3\xad\xf7\x0e\xadz\xf7\x13\xc1A"SJ\x8d\x1at{ZJz\x83\xb4~\x9e\x0e\xe7\xc2\x1f\xaa\xea\x96\x99\xd3\xb3\xeb`D\t\xc0\xeb\x1a\x10\xe89 NQ\x01\x88?z\xf3g\xf7\xee\xdd\xabV\xad\xaay)_\xa9\x9cq\x0f\xb8\xd3ZI3\xd2 \xad\x9f\xa7\xa3\x07\x04u\xe8\x99\xd3c\xd8X\x85\xa8\x18p\x80\xa7\xd6\x15\x1f\xf9\xbc\x82ZB\x1b\r0f\x9a8g\xc5ND\xa5\xb7\xe0\xdb\xb7\xe928\xeb\xc6`\xc8\xd7\xe0g?\xdf\xff\xb7F\x94\xf9\xc3\xefv9=\xba\x07\xa1\xb6\x05\x99N\x02\xe2\x12\x15\x80\xf8\xa3\x8f\x7f\xa7N\x9d\x1a\x0e\x87\x81\xeb\xd6\xcf\xcb\xbb\x0f\xbd1T\xd5\x90\xad\x9f\xa7\xc3\xb9\x88\x04\xaas\xc6Ns$%KD.\xf8\t_h\xe6\x92m\xf6$;\xdd\x02\x1a\x81)1)\xc5\xb5\xf4\x8d\x03[\xf7\x7fi\xd4\xb4~\xaa\xfc\xe1w\xdbl\xce\x06l\xfd&lt;\x1d\x00\x1e\x8a\xf8/h\xd35\xb7\xdfh\xdd\x12\n\x00\x05\x05\x05\xe5\xe5\xe5\x14\x19\x16\x8f\xa8\x00\xc4\x19\xbd\xecZ\xbbv\xed\xa6M\x9b\x0c\xc3\x90\xd2\x14\x86-\xef\x96\x99(\xcdz\x8d\xfd9s\x00f$\xe4m\xd16{\xf4d\xa6\x14*\xc69\xac\xd9R\xb2c\xcfQ\x97\xdbN\x99\x91\xe7\x95R\xccf\x88o\xbe\xf1\xcf{q\x17\x000\xc6Q\xe1e]\x87t\xcb\xcc\t4t\xeb\xe7\xe9p.\xfc\xc1\xcaa9\xe3[\xa4\xb5\x93R\x1a\xc2(//\xd7gQ\xb4\x02\x88;T\x00\xe2\x89^a\xe9\xee\x0b\xc6\x18\x03\xae\x10;\x0f\xb8\xb6C\xcf\x81\xf5\x1f\xfbs\xe6\xb8\x10a\x7fU\xaf\xab&amp;\xa6\xb5\xed\x88\x12\xf5\x94\xd0\x07\x9e\xdf*\xa8\'\xf4&lt;\x93\x12\x9d\xc9\xce\xc5/\xed&gt;\xf4\xdfJ\xc1A"\na\xbbz\xc8\x1dzd\x7f\xe3\x00\x06\xa6\x8c\xa6z[\x8d\xc8\xbdM\xd5N\t\xd5\xddh\xb4\x11\x14w\xa8\x00\xc4\x13\x9d\xf9\xb5p\xe1\xc2\x92\x92\x12\xc3f\x93f\xd4\xe9I\xcd\xbdyz$\xd0H\xab\xbfZ\xa0P\xda\x1c\xae\xc1\xb7\xcebLIT:3r\xc5\x86\x7f\'%;)3\xf2&lt;AT.\xb7\xfd\x93\x92\xe3O\xbfZ\xccyM\xeb\xe7\x90\xfec:\xb4\xebV\xcf\xa9\x9fgKpQ\x1d(\x1f\xd0\'\xbfS\x87^\x12\xa5\x10B\xbf\x8fBG\xc1q\x87\n@\xdc\xd0K\xad\xd2\xd2\xd2\xf9\xf3\xe7s\xce\xf5\xd8\xaf\xdeWMLk\x97\xd1Pc\x7f\xce\x1cp\x11\xf6Wed\x8d\xea\xd0s\xa0Bd\xc0uf\xe47\'\x026C\xd0M\xe0&lt;\xe1\x02f&lt;\xbf\xad\xd2\x1f\xe1\xc0\x11\xd1\xebi6t\xc0\xf8P\xb8\xbeS?\xcf\x81bL\x08\xe3\xaa\xc1\x93\x00\xb8n\t\xdd\xb0a\xc3\xb7aD$NP\x01\x88\x1b\xfa\xec\xb7\xb0\xb0\xb0\xaa\xaaJ\x08C\x9a\xd1\xb4\xb6\x1d\xb3\xae\xbf\'\xe4+?\xa7\xc4\xc7\x86\xf8H(\x87L\x9c-\x0c\x1b"\n\xce\x0f\x97U-~i\xb73\x99ZB\x1b\x9e\x1e\xfb\xf3\xd6\xfb\x9f\xfdu{\xa9\x10\x80\x8a)\xa5\xae\x19rW\xb3\xd46\xa6\x199\x7f\xad\x9f\xa7\xc3\x81\x07\x82U=\xba\xe4\xf6\xbdt$\xa2\xe4\xc0\x01\xa0&amp;\x8e\x94\x9e\x03\xe2\x07\x15\x80\xf8\xa0\xcf~7o\xde\xbcb\xc5\n!\x0cSJ\xc6\xd8\xe0[g\xd9\\\x1eU\x8f\xd4\xa7\xfa\x00\xce#\xc1\xea\xf4\xcc\xde}\xae\x99\xa4\x10\x15\xe3\x9c\xc3\xd3\xaf\x16\x7f\xf4\xe9q\xa7\xcb\x86t\x0bhPB@ \x10\x99\xbed\x1b\x00\x03&amp;\x10e\xa7\x0e\xbd\x06\xf4\xbd\xce\x1f\xa8l\xdc\xdd\xbfo\x01\xf0p$\x90?\xfcn\xb7+\xd9\x94\xa6a\x18%%%\x0b\x17.\xa4\x93\x808B\x05 nH)\x0b\n\n\xa4\x94:\xf1\xb1C\xcf\x81\x19Y\xa3\xc2\xd5\r6\xf5\xf7\x1cp."\xc1\xea\x9f\xe5\xdf\xe9Nm\xa1w\xa8*\xfd\x91\x87W\xee\xb49m\x8a\xda\x81\x1a\x8e)\xd1\xe5u.\xff\xe7G{\x0f~\xc59GT\x00\xfc\xaa\xc1\x93\x840\x14k\xb2\xbf3\x00D\xa3\xe1V\xcd/\x1c\x94u\x93RJ\xa1\x02\x0e\x8b\x16-*++\xa3\x8e\xa0xA\x05 \x0e\x98\xa6)\x84X\xb9r\xe5\xe6\xcd\x9b\r\xc3&amp;\xa5\xc9\x85\x182q\xb6\xc2\xa6\xdel\x050#\xa1\xe4\x96\xeds\xc6\xdc\xaf\x14\xea\xcc\xc8\x177}\xfa\xd6\x8eCI^\'\xb5\x846\x08\x9d\xf8Xv\xacj\xd6\xb2\x1d\x1c\x00\x18G%\xfb\xf6\x18\xd1\xa3Kn X\xd5\x98g\xbf\xdf\x07\\\xf8\x83\x95#som\xd1\xec\x02S\x9a\x860N\x9c81c\xc6\x0cz\' ^P\x01\x88uz\xeaCUU\xd5\x9c9s\x00\xb8bL!\xf6\x186\xb6\xf5\xc5\x97E\x82\xd5\x8d\xd6\xfay:\\\x18\xa1\xea\x8a\xeeCG\xb7\xea\xd8\x03\x11uj\xd8\x9c\x95;\xa5\x89\x8d\xbe/\x9d\x98$\xa2\xddm\x7f\xe2\xe5=\xc7\xca\x03\x9cs\x89\xe8rzF\r\xba=\x12\r5\xfe\xd9\xef)\xf4\x8b\xc1NG\xd2U\x83\'1\xc6P\xa2^\xa9\xec\xd9\xb3\x87\x82\xe3\xe3\x02\x15\x80X\xa7\xb7V\xe6\xcf\x9f_ZZ*\x84@i:\x92Rr\xc6N\x8b\x86\x02M\xb5\xf9{\n%\xa5\xcd\x99\x947a\x06SJ"\xd3-\xa1K\xfe\xb1?)\xd9E-\xa1\xf5\x84\xa8\xdcn\xfb\xbe\x8f\xcb\x8a\xfe\xf6am\xe2#\xe6\xf6\x1b\xdd\xa1]\xb7p$\xd0\xf8g\xbf\xdf\xc7\xb9\x08\x04\xab\xfa\xf7\xbe6\xe3\xc2^\x12%\xe7&lt;\x12\x89L\x9e&lt;YJI\x0f\x01\xb1\x8f\n@L\xd3\x8d\xff\xfalMp\x81J)\xa5\xb2G\xdf\xebm\xd1\xae\xf1[?O\x07\x84\x08WWt\xec;\xf4\xe2\xacQ\n%\x03\xd0-\xa1e\xc7\xaah@P\xfd\t\x0eS\xfe\xb89\x12\x95\x1c\xb8Dl\x9e\xd6vX\xce\xcd\xfe@E\x8c\x94\x7f\xa63#Q\xe6\x8f\xf8\r\xe7\xc24\xa5a\x18[\xb6lY\xb9r%\xb5\x84\xc6&gt;*\x001M\xaf\xa1j\xba\xeb\x84@\x94\xad:\xf6\xe8}\xf5/\xc3\xfe\xca\xa6j\xfd&lt;\r@)\xf3&amp;\xfc\xd6\xe1\xf6"*\xc1\xc5\xb1\xf2\xc0\x13/\xef\xb1\xbb\xec\x92\xf6\x01\xce\x95D\x95\xe4q\xbc\xba\xed\xd0\xdb{\x8f\n\x0e\xa8\x18c\xea\x9a\xa1w\xa5x\x9aKiBS\xb4~\xfd \x0e&lt;\x14\xf6w\xee\xd8/\xbbO\xbe~\'\x19\x00\xe6\xcc\x99SYYI-\xa11\x8e\n@\xec\xd2\xad\x9f\x9b6m\xfa\xf6\xfd\x1a\xa5\xf2&amp;\xcc0\x1c.%\x9b\xa6\xf5\xf3t\xf4\x94\xd0V\x9d.\xedu\xe5m\n\x11\x19p\x0eE\x7f\xfbp\xff\xa7\xc7\xdc\x94\x19yN\x14c\x82C(\x14\x9d\xfa\xff63\xc6\x00\x04\xa2\xcc\xb8\xb0WV\xafk\xaa\x831\xb4\xfc\xd7\x00x(\\}\xf5\x90;\\N\xaf~\x08(---**\xe2\x9c\xd3C@,\xa3\x02\x10\xa3\xf4k_\xe1px\xea\xd4\xa9\x00\xa0[?3\xfb_yQ\xdf\xa1\xe1\xea\n\x88\xad\xe5?c\xfa4\xd8W\xfe\xb3\xeb\xeeJi\xddA\xe9\xbd\xe0\xa8\x9c\xbd\xec=\xa0\xf9@\xe7DJty\x1c\xcf\xac\xdfW\xf2E\x85\x10\\"\x1a\xc2\x96?\xe2\x1el\xa2\xd7&gt;~\x1c\x00\x98f$-%\xfd\xcaA\xb7\xb3\xda\x01AO&lt;\xf1D\xcd\xc1\x15=\x05\xc6**\x001J_B\xabW\xaf\xde\xbd{\xb7^\xfe\x0b\xc3\x963f\x9aB\x8c\xc1\xeb\x9f1\xc6\x00\xa4\x19\xf14K\xcf\xba\xfe7J)\xdd\x12\xfa\xca\xb6\x83o\xbd\xff\x19eF\x9e-\xdd\xfay\xec\xb8\xafp\xe5N\x00\x06\x8c+\x85\xbd\xbb\x0f\xef\xd2\xe9\xf2F\x1e\xfbs\xe6\x80\x8b`\xc8\x97\x975\xbae\xf3\x0e\xfa\xe1\xb5\xb2\xb2\xb2\xb0\xb0\x90\xde\t\x88e\xb1\xf8K"z\xf9_^^&gt;}\xfat\xce\xb9b\xa0\x10\xfb\\3\xa9\xf5\xc5\x975\xe6\xd4\xcf\xb3\xc5\x85\x11\xac\xfc\xe6\xd2\xe1c\xdbu\xed\x87R\x02\x17\x00l\xfa\x92m\xa1\xb0I\x99\x91g\x05\x11\xedn\xfb\xece\xefUT\x87\x05\x17\x12\xa5\xdb\x95\xfc\xf3\xe1\xbf\x0e\x85\x9a`\xec\xcf\x19\xd2-\xa1v\x9b\xeb\x17W\xdc\xcbj70W\xacX\xb1e\xcb\x16\xc30h#(6\xc5\xe8\x8f\xc9\xe2\xf4\xf2\xbf\xa0\xa0\xa0\xac\xac\x8cs!\xa5\xe9Nm\xf1\xb3\xfc;#\xc1\xeaX\xdb\xfc\xfd\x1e\xc5\x85\x91}\xe3\x14\xfdB\x00\xe7|\xef\xc1\xaf\x9eYW\xec\xf28h@\xd0\x19\x92\xa8\\n\xfb\x8e\x0f\x8f\xfe\xf9\x8d\x03\xb5\xad\x9fjP\xd6M\xad\x9a_x^\x13\x1f\xeb\x8fs\x11\x0c\xf9z^2\xb8s\xa7~\x88\x08\xc0\xa5\x94\x93\'O\x0e\x87\xc3t\x1a\x1c\x9b\xa8\x00\xc4\x1c}\xf7\xafM\xda\x13\xa8\x14Sj\xe0\xd8\xfb\x93[\xb6\x8f\x9d\xd6\xcf\xd3\x01.B\xd5\x15\x19\xfdF\\20_\xa1d\xc09@\xe1\xca\x9d\xc7\x8e\xfb\xa8%\xf4\x0c\x01cB\xf0\x07\xfe\xbc\xd5\x94(8\x97([6\xef02\xf7V\x7f\xb0)\xc7~\x9c!\xc5\x18*y\xfd\x15\xf7\ta\x93R\x1a\x86\xb1g\xcf\x9e\xd5\xabW\xd3\x80\xa0\xd8D\x05 \xe6\xe8\xfd\x1f\x9d\xb5\xcd\x85N|\xecw\xe9\x88\xf1A_c$&gt;\xd6\x1f\xe7"\x12\xf4\xe7N\xf8\xad\xd3\x93\x8aRr\xce+\xaa\xc3\xb3\x97\xbdgw\xd9\xe8\x16\xf0\x93\xf4\xd4\xcf\x15\x1b\xfe\xbdu\xff\x97\xa2&amp;\xf1\x91\xfd\xe2\x8a{\x1dvw#$&gt;\xd6\x1f\x07\x1e\x0e\x07.l\xdf}H\xff1:3\x92s&gt;}\xfa\xf4\x13\'N\xd0C@\x0c\xa2\x02\x10[\xf4\xce\xe9\x86\r\x1b6l\xd8 \x84@\x94\xc0y\xf6\x8dS\xb80X\xbc\\&lt;\x00f$\x98\xd6\xb6S\xef\xab&amp;*\xa5\x901\xce\xe1\xcfo\x1c\xd8\xf7\xc91\x17\xb5\x84\xfe(\xa5\xa7~\xfa#\x0f-\x7f\x8f1\x06\x8c\xa3\xc2\xce\x9d\xfa\xf5\xbcdp\xb0\xb1\x12\x1f\xeb\x0f\x80\x87\xc2\xfe\xa1\x03\xc6{=\xcd%J\xc1EYY\xd9\xe2\xc5\x8b\xe9! \x06Q\x01\x88!z\xed\xaf\xc3\x95\x18\x03\xe0\x02\xa5\xec\x92\xf3\xf3\x8c\xcbG\x84\xaa+b\xff\xf1\xbf\x0e\x17"\xe4+\xcf\xba\xfe\x9e\xd4\xf4\x8b\xf4C\x80)q\xca\x1f7Sd\xe4\x8f\x93\x12]^\xe7\xe3kv\x1d\xfc\xb2\xd2\x10\\"r.\xae\xbf\xe2&gt;T\xf1\xd4D\x05\x00Q3\xd2,\xb5\xcd\xd5C\xeeP\xaa\xa6%t\xc1\x82\x05%%%T\x03b\r\x15\x80\x18rr\xbc\xaa0\x84\x94\xa6\xc3\xed\xcd\xbeqr4\x14\x8c\xd9\xce\x9f\xd3\x00%M\xbb\xdb;\xe0\xa6)\x8c1D&amp;8\xbc\xbd\xf7\xe8\xab\xdb\x0eQK\xe8\xe9\xa0b\x0e\x87q\xf4\xf3\x8a\xa7\xd6\x15\x03\xd4$&gt;f\xf7\xc9\xef\xd0\xae[8\x1c\x88\xcd\xd6\xcf\xd3\x11\\\x04\x82UY\xbd\xaei\xdf\xa6\x8bD\x14B\xe8 k\xda\x05\x8a5\xf1\xf4\xabJl\x88\x08\x00eee\x05\x05\x05\x00\xc0\x18(\xc4^W\xde\xd6:\xe3\xb2h\xb0:f\x9b\xffN\x07\x84\x11\xf2Ut\x1fvS\xbb\xae\x97#J\xc6\x0506\xf5O\x9b\x03\x81(\xb5\x84\xfe \x85hw\xd9g,\xd9v\xc2\x172\x04GD\x97\xd3{\xf5\x90;"\x91`\xdc}\xfbLO\t\xb5\xbb\xf3\x87\xdf\xcd\x98\xd2\x99\x91k\xd7\xae\xd5\x1b\x9b\xd4\x12\x1a;\xe2\xef\x87\x95\xa8\xf4\xd8\xe7\x193f\x94\x97\x97\x0b\xc3&amp;\xa5\x99\xd2\xea\x82~\xd7\xdd\x15\xf2\x95\xc7\xc5\xd9\xef\x0fBi\xe6\xdd2\x93\x0b\x81\x88B\xf0\x92\xcf+\x1e_\xb3\xcb\xe5\xa5\xcc\xc8SITI^\xe7[\xef\x1dZ\xf5\xee\'\x82\x83D\xa6\x94\x1a5\xe8\xf6\xb4\x94\xf4\x18o\xfd&lt;\x1d\xce\x85?T\xd5-3\xa7g\xd7\xc1\x88\x12\x80\xd7\xb56\xd0s@\xec\xa0\x02\x10\x13\xf4\xe6\xcf\xee\xdd\xbbW\xadZU\xf3\xea\xbcR9\xe3\x1ep\xa7\xb5\x92f$\xc6[?OG\x0f\x08\xea\xd03\xa7\xc7\xb0\xb1\nQ1\xe0\x00O\xad+&gt;\xf2y\x05\xb5\x84\x9e\x02\x183M\x9c\xb3b\'\xa2\xd2\x1b\xe5\xed\xdbt\x19\x9cuc0\xe4\x8b\xa3\xb3\x9fS\xe8W\xc3\xf2\x87\xdf\xedrztwCms3\x9d\x04\xc4\n*\x001A\x1f\xffN\x9d:5\x1c\x0e\x03\xd7\xad\x9f\x97w\x1fzc\xa8*&gt;Z?O\x87s\x11\tT\xe7\x8c\x9d\xe6HJ\x96\x88\\\xf0\x13\xbe\xd0\xcc%\xdb\xecIv\xba\x05\xd41%&amp;\xa5\xb8\x96\xbeq`\xeb\xfe/\x8d\x9a\xd6O\x95?\xfcn\x9b\xcd\x19\x17\xad\x9f\xa7\x03\xc0C\x11\xff\x05m\xba\xe6\xf6\x1b\xad[B\x01\xa0\xa0\xa0\xa0\xbc\xbc\x9c"\xc3b\x04\x15\x80\xa6\xa7\x17Gk\xd7\xae\xdd\xb4i\x93a\x18R\x9a\xc2\xb0\xe5\xdd2\x13\xa5\x19\xa3c\x7f\xce\x1c\x80\x19\ty[\xb4\xcd\x1e=\x99)\x85\x8aq\x0ek\xb6\x94\xec\xd8s\xd4\xe5\xb6Sf$cL)f3\xc47\xdf\xf8\xe7\xbd\xb8\x0b\x00\x18\xe3\xa8\xf0\xb2\xaeC\xbae\xe6\x04\xe2\xa7\xf5\xf3t8\x17\xfe`\xe5\xb0\x9c\xf1-\xd2\xdaI)\ra\x94\x97\x97\xebS.Z\x01\xc4\x02*\x00ML\xaf\x83t\x8f\x04c\x8c\x01W\x88\x9d\x07\\\xdb\xa1\xe7\xc0X\x1e\xfbs\xe6\xb8\x10a\x7fU\xaf\xab&amp;\xa6\xb5\xed\x88\x12\xf5\x94\xd0\x07\x9e\xdf*\xa8\'\x941\xc6\x98\x94\xe8Lv.~i\xf7\xa1\xffV\n\x0e\x12Q\x08\xdb\xd5C\xee\xd0\x83\xf5\xe3\x1d00e4\xd5\xdbjD\xeem\xaavJ\xa8\xees\xa3\x8d\xa0X\x10\xf7\xf7\x97x\xa73\xbf\x16.\\XRRb\xd8l\xd2\x8c:=\xa9\xb97O\x8f\x04\xe2~\xf5W\x0b\x14J\x9b\xc35\xf8\xd6Y\x8c)\x89JgF\xae\xd8\xf0\xef\xa4d\xa7\xc53#\x11\x95\xcbm\xff\xa4\xe4\xf8\xd3\xaf\x16s^\xd3\xfa9\xa4\xff\x98\x0e\xed\xba\xc5\xec\xd4\xcf\xb3%\xb8\xa8\x0e\x94\x0f\xe8\x93\xdf\xa9C/\x89R\x08\xa1\xdft\xa1\xa3\xe0X\x90\x08\xbf\xb0\xf8\xa5\x17D\xa5\xa5\xa5\xf3\xe7\xcf\xe7\x9c\xeb\xb1_\xbd\xaf\x9a\x98\xd6.#\xf6\xc7\xfe\x9c9\xe0"\xec\xaf\xca\xc8\x1a\xd5\xa1\xe7@\x85\xc8\x80\xeb\xcc\xc8oN\x04l\x86\xb0\xf8M\x80\x0b\x98\xf1\xfc\xb6J\x7f\x84\x03GD\xaf\xa7\xd9\xd0\x01\xe3C\xe1\xd8\x9d\xfay\x0e\x14cB\x18W\r\x9e\x04\xc0uK\xe8\x86\r\x1b\xbe\x8d9"M\'q~d\xf1H\x9f\xfd\x16\x16\x16VUU\taH3\x9a\xd6\xb6c\xd6\xf5\xf7\x84|\xe51\x96\xf8\xd8\x00\x14\xca!\x13g\x0b\xc3\x86\x88\x82\xf3\xc3eU\x8b_\xda\xedL\xb6nK\xa8\x1e\xfb\xf3\xd6\xfb\x9f\xfdu{\xa9\x10\x80\x8a)\xa5\xae\x19rW\xb3\xd46\xa6\x19\x89\xc7\xd6\xcf\xd3\xe1\xc0\x03\xc1\xaa\x1e]r\xfb^:\x12Qr\xe0\x00P\x13tJ\xcf\x01M\x8a\n@\x93\xd1g\xbf\x9b7o^\xb1b\x85\x10\x86)%cl\xf0\xad\xb3l.\x8f\x8a\xc9\xd4\xa7\xfa\x00\xce#\xc1\xea\xf4\xcc\xde}\xae\x99\xa4\x10\x15\xe3\x9c\xc3\xd3\xaf\x16\x7f\xf4\xe9q\xa7\xcb\x86\x96\xbc\x05\x08\x01\x81@d\xfa\x92m\x00\x0c\x98@\x94\x9d:\xf4\x1a\xd0\xf7:\x7f\xa02Qv\xff\xbe\x05\xc0\xc3\x91@\xfe\xf0\xbb\xdd\xaedS\x9a\x86a\x94\x94\x94,\\\xb8\x90N\x02\x9a\x16\x15\x80\xa6$\xa5,((\x90R\xea\xc4\xc7\x0e=\x07fd\x8d\nW\xc7\xc1\xd4\xdfs\xc0\xb9\x88\x04\xab\x7f\x96\x7f\xa7;\xb5\x85\xde\xfb\xaa\xf4G\x1e^\xb9\xd3\xe6\xb4)\xeb\xb5\x03\x99\x12]^\xe7\xf2\x7f~\xb4\xf7\xe0W\x9csD\x05\xc0\xaf\x1a&lt;I\x08C\xb1\x04\xfck\x00@4\x1an\xd5\xfc\xc2AY7)\xa5\x14*\xe0\xb0h\xd1\xa2\xb2\xb22\xea\x08jBT\x00\x9a\x86i\x9aB\x88\x95+Wn\xde\xbc\xd90lR\x9a\\\x88!\x13g+L\xdc-Q\x003\x12Jn\xd9&gt;g\xcc\xfdJ\xa1\xce\x8c|q\xd3\xa7o\xed8\x94\xe4uZ\xaa%T\'&gt;\x96\x1d\xab\x9a\xb5l\x07\x07\x00\xc6Q\xc9\xbe=F\xf4\xe8\x92\x1b\x08V%\xc6\xd9\xef\xf7\x01\x17\xfe`\xe5\xc8\xdc[[4\xbb\xc0\x94\xa6!\x8c\x13\'N\xcc\x981\x83\xde\thB\x89\xf9S\x8bqz\xeaCUU\xd5\x9c9s\x00\xb8bL!\xf6\x186\xb6\xf5\xc5\x97E\x82\xd5\t\xd0\xfay:\\\x18\xa1\xea\x8a\xeeCG\xb7\xea\xd8\x03\x11uj\xd8\x9c\x95;\xa5\x89\t\xb4\xe3\xfd\xd3$\xa2\xddm\x7f\xe2\xe5=\xc7\xca\x03\x9cs\x89\xe8rzF\r\xba=\x12\r%\xd2\xd9\xef)\xf4\x8b\xc1NG\xd2U\x83\'1\xc6P\xa2^\x03\xed\xd9\xb3\x87\x82\xe3\x9bJ\xc2\xfe\xdab\x99\xde\x00\x99?\x7f~ii\xa9\x10\x02\xa5\xe9HJ\xc9\x19;-\x1a\n$\xde\xe6\xef)\x94\x946gR\xde\x84\x19L)\x89L\xb7\x84.\xf9\xc7\xfe\xa4d\x97EZB\x11\x95\xdbm\xdf\xf7qY\xd1\xdf&gt;\xacM|\xc4\xdc~\xa3;\xb4\xeb\x16\x8e\x04\x12\xe9\xec\xf7\xfb8\x17\x81`U\xff\xde\xd7f\\\xd8K\xa2\xe4\x9cG"\x91\xc9\x93\'K)\xe9!\xa0IP\x01hl\xba\xf1_\x9f\x80\t.P)\xa5T\xf6\xe8{\xbd-\xda%R\xeb\xe7\xe9\x80\x10\xe1\xea\x8a\x8e}\x87^\x9c5J\xa1d\x00\xba%\xb4\xecX\x95u\x06\x04\t\x0eS\xfe\xb89\x12\x95\x1c\xb8Dl\x9e\xd6vX\xce\xcd\xfe@E\xc2\x97\x7f\xa63#Q\xe6\x8f\xf8\r\xe7\xc24\xa5a\x18[\xb6lY\xb9r%\xb5\x846\t*\x00\x8dM\xaftjz\xe0\x84@\x94\xad:\xf6\xe8}\xf5/\xc3\xfe\xca\xc4k\xfd&lt;\r@)\xf3&amp;\xfc\xd6\xe1\xf6"*\xc1\xc5\xb1\xf2\xc0\x13/\xef\xb1\xbb\xec2\xd1\xf7\x01$\xaa$\x8f\xe3\xd5m\x87\xde\xde{Tp@\xc5\x18S\xd7\x0c\xbd+\xc5\xd3\\J\x13\x12\xab\xf5\xeb\x07q\xe0\xa1\xb0\xbfs\xc7~\xd9}\xf2\xf5\xdb\xce\x000g\xce\x9c\xca\xcaJj\tm|T\x00\x1a\x95n\xfd\xdc\xb4i\xd3\xb7o\xc1(\x957a\x86\xe1p)\x99h\xad\x9f\xa7\xa3\xa7\x84\xb6\xeati\xaf+oS\x88\xc8\x80s(\xfa\xdb\x87\xfb?=\xe6N\xe8\xccH\xc5\x98\xe0\x10\nE\xa7\xfe\xbf\xcd\x8c1\x00\x81(3.\xec\x95\xd5\xeb\x9a\xea\xa0%\x96\xff\x1a\x00\x0f\x85\xab\xaf\x1er\x87\xcb\xe9\xd5\x0f\x01\xa5\xa5\xa5EEE\x9csz\x08hdT\x00\x1a\x8f~\xed+\x1c\x0eO\x9d:\x15\x00t\xebgf\xff+/\xea;4\\]\x01VY\xfe3\xa6O\x83}\xe5?\xbb\xee\xae\x94\xd6\x1d\x94\xde\x0b\x8e\xca\xd9\xcb\xde\x83\x84\x9e\x0f$%\xba&lt;\x8eg\xd6\xef+\xf9\xa2B\x08.\x11\ra\xcb\x1fq\x0f&amp;\xdck\x1f?\x0e\x00L3\x92\x96\x92~\xe5\xa0\xdbY\xed\x80\xa0\'\x9ex\xa2\xe6H,\xd1\x9f\x02c\n\x15\x80\xc6\xa3\x7f\xe8\xabW\xaf\xde\xbd{\xb7^\xfe\x0b\xc3\x963f\x9aB\xb4\xd4\xf5\xcf\x18c\x00\xd2\x8cx\x9a\xa5g]\xff\x1b\xa5\x94n\t}e\xdb\xc1\xb7\xde\xff,Q3#u\xeb\xe7\xb1\xe3\xbe\xc2\x95;\x01\x180\xae\x14\xf6\xee&gt;\xbcK\xa7\xcb\x13f\xec\xcf\x99\x03.\x82!_^\xd6\xe8\x96\xcd;\xe8\xc7\xe2\xca\xca\xca\xc2\xc2Bz\'\xa0\x91Y\xebg\xd7\x84\xf4\xf2\xbf\xbc\xbc|\xfa\xf4\xe9\x9cs\xc5@!\xf6\xb9fR\xeb\x8b/K\x8c\xa9\x9fg\x8b\x0b#X\xf9\xcd\xa5\xc3\xc7\xb6\xeb\xda\x0f\xa5\x04.\x00\xd8\xf4%\xdbBa3!3#\x11\xd1\xee\xb6\xcf^\xf6^EuXp!Q\xba]\xc9?\x1f\xfe\xebP(\xa1\xc6\xfe\x9c!\xdd\x12j\xb7\xb9~q\xc5\xbd\xacvkt\xc5\x8a\x15[\xb6l1\x0c\x836\x82\x1a\x8d\xe5~yME/\xff\x0b\n\n\xca\xca\xca8\x17R\x9a\xee\xd4\x16?\xcb\xbf3\x12\xac\xb6\xce\xe6\xef\xf7(.\x8c\xec\x1b\xa7\xe8\x17\x028\xe7{\x0f~\xf5\xcc\xbab\x97\xc7\x91`\x03\x82$*\x97\xdb\xbe\xe3\xc3\xa3\x7f~\xe3@m\xeb\xa7\x1a\x94uS\xab\xe6\x17\xc6i\xe2c\xfdq.\x82!_\xcfK\x06w\xee\xd4\x0f\x11\x01\xb8\x94r\xf2\xe4\xc9\xe1p\x98N\x83\x1b\r\x15\x80\xc6\xa0\xef\xfe\xb5yx\x02\x95bJ\r\x1c{\x7fr\xcb\xf6Vh\xfd&lt;\x1d\xe0"T]\x91\xd1o\xc4%\x03\xf3\x15J\x06\x9c\x03\x14\xae\xdcy\xec\xb8/\xc1ZB\x811!\xf8\x03\x7f\xdejJ\x14\x9cK\x94-\x9bw\x18\x99{\xab?\x98\x98c?\xce\x90b\x0c\x95\xbc\xfe\x8a\xfb\x84\xb0I)\r\xc3\xd8\xb3g\xcf\xea\xd5\xabi@P\xa3\xa1\x02\xd0\x18\xf4\xfe\x8fN\xc4\xe6B\'&gt;\xf6\xbbt\xc4\xf8\xa0/\xbe\x13\x1f\xeb\x8fs\x11\t\xfas\'\xfc\xd6\xe9IE)9\xe7\x15\xd5\xe1\xd9\xcb\xde\xb3\xbbl\ts\x0b\xd0S?Wl\xf8\xf7\xd6\xfd_\x8a\x9a\xc4G\xf6\x8b+\xeeu\xd8\xddq\x9d\xf8X\x7f\x1cx8\x1c\xb8\xb0}\xf7!\xfd\xc7\xe8\xccH\xce\xf9\xf4\xe9\xd3O\x9c8A\x0f\x01\x8d\x83\n\xc0y\xa7\xf777l\xd8\xb0a\xc3\x06!\x04\xa2\x04\xce\xb3o\x9c\xc2\x85\xc1\xe8\'\x0e`F\x82im;\xf5\xbej\xa2R\n\x19\xe3\x1c\xfe\xfc\xc6\x81}\x9f\x1cs%DK\xa8\xd2S?\xfd\x91\x87\x96\xbf\xc7\x18\x03\xc6Qa\xe7N\xfdz^28\x18\xff\x89\x8f\xf5\x07\xc0Ca\xff\xd0\x01\xe3\xbd\x9e\xe6\x12\xa5\xe0\xa2\xac\xacl\xf1\xe2\xc5\xf4\x10\xd08\xa8\x00\x9c_z\xed\xaf#\x90\x18\x03\xe0\x02\xa5\xec\x92\xf3\xf3\x8c\xcbG\x84\xaa+\xac\xfc\xf8_\x87\x0b\x11\xf2\x95g]\x7fOj\xfaE\xfa!\xc0\x948\xe5\x8f\x9b\x13#2RJty\x9d\x8f\xaf\xd9u\xf0\xcbJCp\x89\xc8\xb9\xb8\xfe\x8a\xfbP%b\xab\xd3\xd9\x03\x80\xa8\x19i\x96\xda\xe6\xea!w(U\xd3\x12\xba`\xc1\x82\x92\x92\x12\xaa\x01\x8d\x80\n\xc0\xf9ur\x08\xaa0\x84\x94\xa6\xc3\xed\xcd\xbeqr4\x14\xb4`\xe7\xcfi\x80\x92\xa6\xdd\xed\x1dp\xd3\x14\xc6\x18"\x13\x1c\xde\xde{\xf4\xd5m\x87\xe2\xbd%\x14\x15s8\x8c\xa3\x9fW&lt;\xb5\xae\x18\xa0&amp;\xf11\xbbO~\x87v\xdd\xc2\xe1\x80\xd5Z?OGp\x11\x08Ve\xf5\xba\xa6}\x9b.\x12Q\x08\xa1#\xb2i\x17\xa8\x11\xd0O\xf0&lt;BD\x00(+++((\x00\x00\xc6@!\xf6\xba\xf2\xb6\xd6\x19\x97E\x83\xd5\x16l\xfe;\x1d\x10F\xc8W\xd1}\xd8M\xed\xba^\x8e(\x19\x17\xc0\xd8\xd4?m\x0e\x04\xa2q\xdd\x12\xaa\x10\xed.\xfb\x8c%\xdbN\xf8B\x86\xe0\x88\xe8rz\xaf\x1erG$\x12\xa4o\xffd\x88\xd2iw\xe7\x0f\xbf\x9b1\xa53#\xd7\xae]\xab\xb7L\xa9%\xf4\xbc\xa2_\xe1y\xa4\xc7&gt;\xcf\x981\xa3\xbc\xbc\\\x186)\xcd\x94V\x17\xf4\xbb\xee\xae\x90\xaf\xdc\xe2g\xbf?\x08\xa5\x99w\xcbL.\x04"\n\xc1K&gt;\xafx|\xcd.\x977^3#%\xaa$\xaf\xf3\xad\xf7\x0e\xadz\xf7\x13\xc1A"SJ\x8d\x1at{ZJ\xbae[?O\x87s\xe1\x0fUu\xcb\xcc\xe9\xd9u0\xa2\x04\xe0uM\x13\xf4\x1cp^Q\x018_\xf4\xe6\xcf\xee\xdd\xbbW\xadZU\xf3\x82\xbbR9\xe3\x1ep\xa7\xb5\x92f\xc4\xb2\xad\x9f\xa7\xa3\x07\x04u\xe8\x99\xd3c\xd8X\x85\xa8\x18p\x80\xa7\xd6\x15\x1f\xf9\xbc"N[B\x811\xd3\xc49+v"*\xbd\x9d\xdd\xbeM\x97\xc1Y7\x06C&gt;:\xfb\xf9&gt;\xfdjX\xfe\xf0\xbb]N\x8f\xee\x9b\xa8m\x9b\xa6\x93\x80\xf3\x88\n\xc0\xf9\xa2\x8f\x7f\xa7N\x9d\x1a\x0e\x87\x81\xeb\xd6\xcf\xcb\xbb\x0f\xbd1Te\xf5\xd6\xcf\xd3\xe1\\D\x02\xd59c\xa79\x92\x92%"\x17\xfc\x84/4s\xc96{\x92=\xeen\x01\xa6\xc4\xa4\x14\xd7\xd27\x0el\xdd\xff\xa5Q\xd3\xfa\xa9\xf2\x87\xdfm\xb39-\xde\xfay:\x00&lt;\x14\xf1_\xd0\xa6kn\xbf\xd1\xba%\x14\x00\n\n\n\xca\xcb\xcb)2\xec\xfc\xa1\x02p^\xe8%\xcc\xda\xb5k7m\xdad\x18\x86\x94\xa60ly\xb7\xccDiZn\xec\xcf\x99\x030#!o\x8b\xb6\xd9\xa3\'3\xa5P1\xcea\xcd\x96\x92\x1d{\x8e\xba\xdc\xf68\xca\x8cT\x8a\xd9\x0c\xf1\xcd7\xfey/\xee\x02\x00\xc68*\xbc\xac\xeb\x90n\x999\x01j\xfd&lt;=\xce\x85?X9,g|\x8b\xb4vRJC\x18\xe5\xe5\xe5\xfa\xfc,\xeeV\x00\xf1\x82\n@\xc3\xd3\xab\x15\xdd\xc9\xc0\x18c\xc0\x15b\xe7\x01\xd7v\xe89\xd0\x9ac\x7f\xce\x1c\x17"\xec\xaf\xeau\xd5\xc4\xb4\xb6\x1dQ\xa2\x9e\x12\xfa\xc0\xf3[E\\\xf5\x84J\x89\xced\xe7\xe2\x97v\x1f\xfao\xa5\xe0 \x11\x85\xb0]=\xe4\x0e=\xfe\x9e\x9c\x0e00e4\xd5\xdbjD\xeem\xaavJ\xa8\xee\xa0\xa3\x8d\xa0\xf3\x84nF\rOg~-\\\xb8\xb0\xa4\xa4\xc4\xb0\xd9\xa4\x19uzRso\x9e\x1e\t\xd0\xea\xef\'\x81Bis\xb8\x06\xdf:\x8b1%Q\xe9\xcc\xc8\x15\x1b\xfe\x9d\x94\xec\x8c\x8b\xccHD\xe5r\xdb?)9\xfe\xf4\xab\xc5\x9c\xd7\xb4~\x0e\xe9?\xa6C\xbbn\x16\x9c\xfay\xb6\x04\x17\xd5\x81\xf2\x01}\xf2;u\xe8%Q\n!\xf4;4t\x14|\x9e\xd0\xcf\xb1\x81\xe9eKii\xe9\xfc\xf9\xf39\xe7z\xecW\xef\xab&amp;\xa6\xb5\xcb\xb0\xf2\xd8\x9f3\x07\\\x84\xfdU\x19Y\xa3:\xf4\x1c\xa8\x10\x19p\x9d\x19\xf9\xcd\x89\x80\xcd\x10qq\x13\xe0\x02f&lt;\xbf\xad\xd2\x1f\xe1\xc0\x11\xd1\xebi6t\xc0\xf8P\xd8\x8aS?\xcf\x81bL\x08\xe3\xaa\xc1\x93\x00\xb8n\t\xdd\xb0a\xc3\xb7\x01J\xa4A\xd1/\xb2\x81\xe9\xb3\xdf\xc2\xc2\xc2\xaa\xaa*!\x0ciF\xd3\xdav\xcc\xba\xfe\x9e\x90\xaf\xdc2\x89\x8f\r@\xa1\x1c2q\xb60l\x88(8?\\V\xb5\xf8\xa5\xdd\xce\xe4Xo\t\xd5c\x7f\xdez\xff\xb3\xbfn/\x15\x02P1\xa5\xd45C\xeej\x96\xda\xc64#\xd4\xfay&amp;8\xf0@\xb0\xaaG\x97\xdc\xbe\x97\x8eD\x94\x1c8\x00\xd4D\xa8\xd2s@C\xa3\x02\xd0\x90\xf4\xd9\xef\xe6\xcd\x9bW\xacX!\x84aJ\xc9\x18\x1b|\xeb,\x9b\xcb\xa3,\x96\xfaT\x1f\xc0y$X\x9d\x9e\xd9\xbb\xcf5\x93\x14\xa2b\x9csx\xfa\xd5\xe2\x8f&gt;=\xeet\xd90\x86o\x01B@ \x10\x99\xbed\x1b\x00\x03&amp;\x10e\xa7\x0e\xbd\x06\xf4\xbd\xce\x1f\xa8\xa4\xdd\xbf3\x07\xc0\xc3\x91@\xfe\xf0\xbb\xdd\xaedS\x9a\x86a\x94\x94\x94,\\\xb8\x90N\x02\x1a\x1c\x15\x80\x06&amp;\xa5,((\x90R\xea\xc4\xc7\x0e=\x07fd\x8d\nW[z\xea\xef9\xe0\\D\x82\xd5?\xcb\xbf\xd3\x9d\xdaB\xef\xaaU\xfa#\x0f\xaf\xdcis\xdaT\xac\xb6\x03\x99\x12]^\xe7\xf2\x7f~\xb4\xf7\xe0W\x9csD\x05\xc0\xaf\x1a&lt;I\x08C\xb1\x18\xfd\xcc\xb1\t\x00\xa2\xd1p\xab\xe6\x17\x0e\xca\xbaI)\xa5P\x01\x87E\x8b\x16\x95\x95\x95QGP\xc3\xa2\x02\xd0`L\xd3\x14B\xac\\\xb9r\xf3\xe6\xcd\x86a\x93\xd2\xe4B\x0c\x998[!m\\\x9e=\x003\x12Jn\xd9&gt;g\xcc\xfdJ\xa1\xce\x8c|q\xd3\xa7o\xed8\x94\xe4u\xc6`K\xa8N|,;V5k\xd9\x0e\x0e\x00\x8c\xa3\x92}{\x8c\xe8\xd1%7\x10\xac\xa2\xb3\xdf\xb3\x05\\\xf8\x83\x95#som\xd1\xec\x02S\x9a\x860N\x9c81c\xc6\x0cz\'\xa0a\xd1\xef\xb2a\xe8\xa9\x0fUUUs\xe6\xcc\x01\xe0\x8a1\x85\xd8c\xd8\xd8\xd6\x17_\x16\tVS\xeb\xe79\xe0\xc2\x08UWt\x1f:\xbaU\xc7\x1e\x88\xa8S\xc3\xe6\xac\xdc)M\x8c\xc1\xbdt\x89hw\xdb\x9fxy\xcf\xb1\xf2\x00\xe7\\"\xba\x9c\x9eQ\x83n\x8fDCt\xf6{\x0e\xf4\x8b\xc1NG\xd2</t>
        </is>
      </c>
    </row>
    <row r="239">
      <c r="A239" s="1" t="n">
        <v>237</v>
      </c>
      <c r="B239" t="inlineStr">
        <is>
          <t>shape_size_grid</t>
        </is>
      </c>
      <c r="C239" t="inlineStr">
        <is>
          <t>What is the size of the missing part denoted by a question mark?</t>
        </is>
      </c>
      <c r="D239" t="inlineStr">
        <is>
          <t>['medium', 'large', 'small']</t>
        </is>
      </c>
      <c r="E239" t="inlineStr">
        <is>
          <t>small</t>
        </is>
      </c>
      <c r="F239" t="inlineStr">
        <is>
          <t>There are 9 shapes arranged in a grid with different sizes in the image, of which there is 1 missing shape. The first row is ['large pentagon', 'medium pentagon', 'small pentagon'], the second row is ['large hexagon', 'medium hexagon', 'small hexagon'], and the third row is ['large triangle', 'medium triangle', '?'].</t>
        </is>
      </c>
      <c r="G239" t="inlineStr">
        <is>
          <t>We observe that the columns contain large shapes, medium shapes, and small shapes respectively. On the other hand, the rows contain pentagons, hexagons, and triangles respectively. Hence, the pattern is that the shapes within each row are the same, while each column progresses the size of the shapes.</t>
        </is>
      </c>
      <c r="H239" t="inlineStr">
        <is>
          <t>Based on the pattern that the shapes within each row are the same, while each column progresses the size of the shapes, the size of the missing triangle should be small.</t>
        </is>
      </c>
      <c r="I239" t="inlineStr">
        <is>
          <t>b'\x89PNG\r\n\x1a\n\x00\x00\x00\rIHDR\x00\x00\x02\x00\x00\x00\x02\x00\x08\x02\x00\x00\x00{\x1aC\xad\x00\x00oTIDATx\x9c\xed\x9dyx\x14e\xf2\xc7\xdf&gt;fB\x8eI&amp;\x1c\txq\t\xa8\x04V\x13\x95\x85 \xd7j\x12ET\x90\x04\x0f.\xf5\'(\x08\x04\x08\x92\x18\xb2\x80\x80\x80\x1cF\xf1\xc2E9\\\x11\x03\x8a\x8a(\x89\x1a\xe4\x08\x88Jt1\xa8\x10\xc2\xa1\xbb\x1aB\x8e\x99\xcc\xe4\x9c~\xbb\x7f\x7f\x14y\x1ds\x11\x92\xb9\xba\xbb&gt;\xcf&gt;\xfb\x18\xc4\xcc\xdb=\xdd\xf5\xad\xb7\xaa\xde*NQ\x14\x82 \x08\x82\xe8\x0f\xde\xdb\x0b@\x10\x04A\xbc\x03\n\x00\x82 \x88NA\x01@\x10\x04\xd1)(\x00\x08\x82 :\x05\x05\x00A\x10D\xa7\xa0\x00 \x08\x82\xe8\x14\x14\x00\x04A\x10\x9d\x82\x02\x80 \x08\xa2SP\x00\x10\x04At\n\n\x00\x82 \x88NA\x01@\x10\x04\xd1)(\x00\x08\x82 :\x05\x05\x00A\x10D\xa7\xa0\x00 \x08\x82\xe8\x14\x14\x00\x04A\x10\x9d\x82\x02\x80 \x08\xa2SP\x00\x10\x04At\n\n\x00\x82 \x88NA\x01@\x10\x04\xd1)(\x00\x08\x82 :\x05\x05\x00A\x10D\xa7\xa0\x00 \x08\x82\xe8\x14\x14\x00\x04A\x10\x9d\x82\x02\x80 \x08\xa2SP\x00\x10\x04At\n\n\x00\x82 \x88NA\x01@\x10\x04\xd1)(\x00\x08\x82 :\x05\x05\x00A\x10D\xa7\xa0\x00 \x08\x82\xe8\x14\x14\x00\x04A\x10\x9d\x82\x02\x80 \x08\xa2SP\x00\x10\x04At\n\n\x00\x82 \x88NA\x01@\x10\x04\xd1)(\x00\x08\x82 :\x05\x05\x00A\x10D\xa7\xa0\x00 \x08\x82\xe8\x14\x14\x00\x04A\x10\x9d\x82\x02\x80 \x08\xa2SP\x00\x10\x04At\n\n\x00\x82 \x88NA\x01@\x10\x04\xd1)(\x00\x08\x82 :\x05\x05\x00A\x10D\xa7\xa0\x00 \x08\x82\xe8\x14\x14\x00\x04A\x10\x9d\x82\x02\x80 \x08\xa2SP\x00\x10\x04At\n\n\x00\x82 \x88NA\x01@\x10\x04\xd1)(\x00\x08\x82 :\x05\x05\x00A\x10D\xa7\xa0\x00 \x08\x82\xe8\x14\x14\x00\x04A\x10\x9d\x82\x02\x80 \x08\xa2SP\x00\x10\x04At\n\n\x00\x82 \x88NA\x01\xf0&amp;\x94RJ\xa9\xb7W\x81 \x88N\x11\xbd\xbd\x00\x9d\xa2(\x8a,\xcb\x82 \xc0?\x13B8\x8e\xf3\xf6\xa2\x10\x04\xd1\x17\xb8\x03\xf0\x02\xb2,s\x1c\'\x08\xc2G\x1f}\xf4\xe2\x8b/r\x1c\xc7q\x1cn\x05\x10\x04\xf10(\x00\x9e\x86R\xca\xf3\xbc$I\xb3g\xcf\xbe\xef\xbe\xfb\x12\x13\x13\x1fx\xe0\x81\xdf\x7f\xff]\x10\x04I\x92`7\x80 \x08\xe2\x018\xb48\x1e\x83\x85}N\x9e&lt;\xf9\xe8\xa3\x8f\xe6\xe4\xe4\xf0&lt;\x0fb\xd0\xa5K\x97\x8d\x1b7\xc6\xc6\xc6\x12BdY\xe6y\x14f\x04A\xdc\x0e\x1a\x1a\x0fA)\x85\xb0\xcf\x86\r\x1bn\xbd\xf5\xd6\x9c\x9c\x1cQ\x14eY\x96$I\x14\xc5?\xfe\xf8#..n\xd1\xa2E\x92$\x81$x{\xbd\x08\x82h\x1f\xdc\x01x\x02\xb0\xf2V\xab5))i\xc3\x86\r\x84\x10A\x10(\xa5\x82 \x10\x8ePJy\x8e\'\x84\xc8\xb2\x1c\x1d\x1d\xbdq\xe3\xc6^\xbdzA\xa4\x083\xc3\x08\x82\xb8\x0f\x14\x00\xf7"\xcb2!\x84\xe7\xf9\x9c\x9c\x9cG\x1f}\xf4\xe4\xc9\x93\x82 \xc0\x1f\x92\xba\xfa\x1f\xf8\x0b\xb2,\x8b\xa2(IR\x87\x0e\x1d^~\xf9\xe5\x07\x1ex\x80\x10rQ$\x10\x04A\xdc\x00\x86\x80\xdc\x08\xc4sx\x9e_\xbcx\xf1\xb0a\xc3\xc0\xfaSJ9\x9eS\x14EQ\x941\x0f\xdc;k\xfeS`\xfd\x05Q\x90$I\x10\x84\x92\x92\x92\x07\x1f|\xf0\xf1\xc7\x1f\xb7\xd9l\x90\x19\xf6\xf6u \x08\xa2Mp\x07\xe0\x16\x14E\xa1\x94Bp\xff\x91G\x1e\xc9\xcc\xcc$un\xbe \nT\xa2\x81\x81\x01i+R\'MyX\x14\xc5\xaf\xbe\xd8\x9f\xf4D\xf2\xb93\xbf\n\x02/\xcb\n\xfcMJidd\xe4\xab\xaf\xbe:`\xc0\x00\xb6\x8d\xf0\xf2U!\x08\xa2-\xd0\xa6\xb8\x1e\xb0\xd7\xa2(fddDEEeff\x8a\xa2H\x08Q\x14\x85\xe7y*\xd1\xbfE\xf6\xcb\xd8\xb3\xf5\x91\'\'\x94\x95X\xce\x17\x16\r\x1a\xf2\xf7\x0f\xf7n\xbf{\xcc]\x94\xca\x8a\xa2p&lt;\x07\x91\x9f\xdc\xdc\xdc\xc1\x83\x07\xa7\xa7\xa7\xc36\x02\x0f\n \x08\xe2Zp\x07\xe0b\xc0vK\x924o\xde\xbc\xf4\xf4t\xe2\x94\xef\x05\x0b\xfe\xc8\x93\x13\x17,K1\x18D\x9b\xcd\x0e\xc2@%j\xf43\x06\x9a\x027\xaf\x7f{I\xf2s\x15\x15\x95\xb0K\xe0y\x1e"E\t\t\t\xe9\xe9\xe9]\xbat\x81\x18\x11f\x86\x11\x04q\t(\x00.\x83\x95\xf9\xe7\xe6\xe6N\x9b6\xed\xc8\x91#\x10\xb4\x81?\xa4\x94v\n\xeb\xb8\xea\xb5\xe5q\xa3b\xac\x96\xf2z\xd9]EVdY\xee\x10\xd6\xfe\xbb\xc3\xb9\xcf\xccJ\xfbO\xee\x8f\xbc\xc0+\xb2\xa2(\nd\x86\xf1\xa0\x00\x82 .\x07\xed\x88kp.\xf3\x1f6l\xd8\x91#G\xa0\xcc\x9f\x10\x02m\x1e\x06\x0f\x8f\xfed\xff\xce\x98\x91w\x94\x14\x97*\x8aR\xaf\xb6\x87\xe39A\x14\x8a\x8bJ\xfa\xdd\xd8\xf7\x83/\xde{\xe4\xc9\x892\x95\xe1\xaf\xe1A\x01\x04A\xdc\x04\xee\x00\\\x00\xd8\xe8\x92\x92\x92\xa7\x9ezj\xdb\xb6m\xe4\xafa\x1fA\x10R\x9e\x9d7e\xd6\xffI\x0e\xa9\xaa\xaa\n\xc2&gt;M\x01\x7f\xdf\x1c\x1a\x92\xf1\xef\xf7\x9f\x9d\xbf\xecBQ1\xec\x00\xd8f\x02\x0f\n \x08\xe2*P\x00\xda\x04\xab\xcf\xc9\xcc\xcc\x9c9s\xa6s\x99?\xa4m\xbb\xf5\xe8\xba\xea\xb5\x15C\xfe1\xb8\xb4\xb8\x94\xb4\xac\x92\x07*\x88\xdawl\xff\xeb\xe9_\xe7&gt;\x99|po\x0et\x8b\xc3\x83\x02\x08\x82\xb8\x16\x0c\x01\xb5\x1e\xe72\xff\xb8\xb8\xb8\x93\'O\x8a\xa2\xc8\xca\xfc)\xa5\xe3&amp;\x8c\xdd}\xf0\xc3\xbf\x0f\xbe\xb5\xb8\xa8\x18\xfefK~-\xc7q\xa2(\x96\x16\x97v\xea\xdc\xe9\x9d\x8f7\xe2A\x01\x04A\xdc\x04\xee\x00Z\x03+\xf3\xcf\xcf\xcf\x9f1cFff&amp;\x0b\xd1\x80\x93\x1eb\x0eY\xb2v\xe1\xfd\x0f\xdeWUY][[\xdb:\'\x1dv\x12\x1d:u\xd8\xf7\xc5\x81\xa4\'\xe6\xe3A\x01\x04A\\\x0b\n\xc0e\xc3\xa2.\x19\x19\x19\xd3\xa6M+))\x01\xa3\xcf\x025\x91\xb7\xde\xb4\xe6\xf5\x95\xd7\xf7\xbb\xae\xb4\xb8\xb4\xedaz\xc9!\x99\xdb\x87\x14\x9d\xbf\x906g\xf1\'\x1f|J\x08\xe1\x05^\xa6\x17+\x8bDQ\\\xb5jUbb"\xc1p\x10\x82 \x97\t\n\xc0\xe5\x01\xf9^\x9b\xcd\x96\x9a\x9a\xban\xdd:\xd2\xa0\xcc\x7f\xe6\xd3\xd3g\xce\x9ff0\x1a\xed\xe5v\xd1\xe0\x9a\x81kxP\x00A\x10w\x80\x02\xd0RX\x98\xe5\xc8\x91#\xd3\xa6M\xcb\xcd\xcd\x85|/\x14k\xb22\xff\xbb\xee\x8d++\xb5\xc8T\xe6\x05W\x06d\xf0\xa0\x80;\xc0a\x9c\x88\xceA3\xd1"\xa0\xe6\x92\xe7\xf9\xf4\xf4\xf4\xc1\x83\x07\xe7\xe6\xe6^\xcc\xf7\xd6Ms\xbc\xf3\xde\xd8\xdd\x07?\x8c\x19y\xfb\x85\xa2bEQ\\k\xfd\t\x1e\x14p\x03\x8a\xa2\xb0\xa8\x9d\xb7\xd7\x82 \xde\x01w\x00\x97\xc0\xb9\xad[bbbFF\x06\xb3\x1a,\x0e\xf3\xcc\x92\xa7\x9f\x98=\xa5\xb6\xb6\xb6\xaa\xf2\x12e\xfem\x07\x0f\n\xb8\x04PMY\x96+**L&amp;\x13\xfc\xe8\xedE!\x88\xa7\xc1\x1d@s\xc0\xf4vQ\x14333\xa3\xa2\xa2222DQ\x84\xb0\xbb \x08T\xa27\xf4\xbb~\xe7\x97\x19O\xcd{\xd2Vn\xab\xa9\xae\xf1\x80\x11\x11\x04AQ\x94\xe2\x0b%c\x1f\x1e\xf3\xc9\xfe\x9d\x83\x87GC\xfe\x99\xd4\xd5 \xe5\xe4\xe4\x0c\x1c8p\xdb\xb6m\x90\x0c\xc0\x16r\xf5P\x14\x85\xed\x99n\xbf\xfd\xf6\x1bo\xbc\xf1\xd0\xa1C \x06\xb8\x15@\xf4\x06\n@\x93\xb0\xe9\xed\x8b\x16-\x8a\x8b\x8b\xfb\xe3\x8f?\xc0\xd7\x06\x13L)\x9d4e\xfc\xf6\xcc\xadQ\x03"K\x8aK[^\xe6\xdfv\xf0\xa0@\xabqn\xd4z\xf3\xcd7\xef\xdd\xbb\xf7\xf4\xe9\xd3C\x87\x0e]\xbcx1\x9b\xcf\xec\xed5"\x88\xe7\xc0\x10P#4:\xbd\x9d\xfc\xb5\xcc\x7f\xd9\x0b\x8b\xe2\'\x8c-\xb7X\x1d\x0e\xc9[\xc5\x97xP\xe0\xb2h\xb4Q+|\xd7\x84\x90\xd8\xd8\xd8\x8d\x1b7b%\x15\xa2+tm\x11\x1a\xa5\xa9\xe9\xed\x84\x10\xf0\x10\x07\x0f\x8f\xfe\xf0\xcb\x8c\xb1\xe3\xef/.*\xa6T\xf6b\xe9=8\xad\x17\n/\x0c\x1a2\x00\'\n4\x03\xec\xd8\x1a\xde\x10(\xe2j\x18\xe5\xc3\xcc0\xa2\x13p\x07\xf0\x17\x9a\x9c\xde.\nT\xa2\x84\x90\x99\xf3\xa7\xcf]\x90\xa8(J\x85\xbd\xc2w\xd2\x86xP\xa0\x19\xd8\xf9\xb8\r\x1b6\xcc\x993\xc7f\xb3\xb1\xb4\xf9E]w:XG\x08ILL\\\xb5j\x15Ty\xe1\xc1:D\xdb\xa0\x00\\\xa4\x99\xe9\xed&lt;\xcfQ*w\xed~\xcd\xb3k\x16\xc6\x8d\xba\xa3\xac\xd4\x02\xb3\xbd\xbc\xbd\xe4\xbf\x80\x07\x05\x1a\xa5\xf9F\xad\x06\xa3!\xc8\x14TVR\x06?B\xd1\x14\xa54::\xfa\xad\xb7\xde\xea\xdd\xbb7VR!\xdaF\x17V\xe0\x92\xb0\xb6n\xe9\xe9\xe9\r\xa7\xb7S*\xdf=\xe6\xae\x0f\xf7n\x8f\x19\xf9\x8f\xe2\xa2\x12\x8e\xe3|\xd0z\xe2A\x81z@U\x0f\x94E\r\x1a4\x88\x95E\xb1\xf9&lt;7\xf4\xbb~\xe7\x17\x19Y_\xef\x1e&lt;|\x10\xc4\xfd\x08!P\xf2\x9b\x93\x93s\xeb\xad\xb7n\xd8\xb0\x01+\xa9\x10m\xa3\xf7\x1d@\xcb\xa6\xb7?3i\xea\x84\n[EM\x8d\'\n=\xdb\x08\x1e\x14 u\x8e?!d\xf1\xe2\xc5K\x97.\x85\x1f%I\x82h\x0f!d\xdc\x84\xb1\x0b\x9f_`2\x05\xd5\xd4\xd6\x1a\x8d\xc67^\xdc\xb0\xfc\x9f\xabX\xac\x8f\x85\x83\xfe\xef\xff\xfeo\xed\xda\xb5xP\x00\xd1*\xba\x16\x00(\xf3\xe78.###11\x91\x15zr\x1c\xc7\xf1\x9cL\xe5\xbfE\xf6{\xee\xc5%7\x0f\x8c,)*\xe5y\x9e\xe3\xd5a+\xf5&lt;Q\xa0\x19E\xaf\xd7\xa8\xb5\xb2\xb2\xcaQ\xeb\xe08\x9e\x10\xa5}\xc7\xf6\xfb\xbf&lt;\x88\x95T\x88\xde\xd0\xef\xd3\x0c\xfe/\xa5t\xf6\xec\xd9\xe3\xc6\x8d\xfb\xe3\x8f? Zr\xb14\x90\xca\x8f&lt;9\xf1\x83/\xde\xebwc\xdf\xe2\xa2\x12A\x14\xd4b\xfd\x89\x8e\x0f\n8\x97\xf9GEEeff\x82\xdb\x0e9\x1bI\x92"o\xbd\xe9\xc3\xec\xed\t\x13\xc6Z-\xe5\xe0\xe9\xf3&lt;\xc7\xf3|\xf1\xf9\xe2\xfa\x95T\x1cVR!\xdaG\x8f;\x80\x96Lo\xff\xe7\xca\xd4\x84\xf1\xf7[\xca\xac\xaav\x90uuP\xa0\xd12\xff\x967ju\xae\xa4z6\xf9\xb9\xca\x8aJ\x16:kXI\x85\xe1 D\x1b\xe8N\x00\x9a)\n\x84\xf7|\xf0\xf0\xe85\xaf\xad\xb8\xa6\xc75\xa5\xc5\xa5\xda\xa8\x98\xd4\xfcD\x81\x96(zK\x1a\xb5^\xac\xa4\xea\xd4\xfe\xe8\x91\xdc\xa4\'S~\xfa\xf1g\xd6\xf0\xb5^%\x95\x06\xf4\x12A\x88\xdeB@M\x05@\xe0=\xe7y~\xc1\xb2\xe4\xad\xbb6w\n\xefTZ\\\n\x07\x82\xbc\xbdd\x17 \x1aDkY\xb9\xc9d\xfa\xd7\xb6\xd7V\xac[\x1a\x18\x18 SY\x10\x85\xa6\x82`\xea\xf2\t\x9c\x0f\xee\r\x1b6\xec\xc8\x91#\xec\xe0\xde\xe56j\xfd\xb3\x92\xea\xa6~\xdb3\xb7N\x9a2\x9eR\xdah%\x15\xf6\x8d@\xb4\x81^v\x00\x97,\xf3o\xc5\xf4vu\xa1\xc9\x83\x02\xcd\x97\xf9\xb7\xbaQ+\xa5\xd4`\x10\x83\xcd!\xdb\xdf\xde\x91:{\x91\xd5b\xadWI\x15\x1b\x1b\xbbn\xdd\xba^\xbdz\xe9\xf0`\x1d\xa2%T\xf0\x92\xb7\x1d\xe7\xe9\xedP\xe6\xcf\xba\xf9C\x99\x7fB\xab\xa6\xb7\xab\x0b\x8d\x1d\x14hQ\x99\x7fk\x1b\xb5\n\x82@\xa9\\\\T&lt;v\xfc\xfd\x1f~\x99\x01-W!H\x08\x1f\x9a\x99\x999p\xe0@\xe8\x1bA\xea\xdc\x0b\x04Q\x1d\x1a\xdf\x014\x9c\xdeN\xfeZ\x14\x18d\n\\\xf0\\\xca\xa4)\xe3\xed\xf6\nG\xadC\x8d\x11\xf0\xcbE\x03\x07\x05ZX\xe6\x1f\x1cb\xb2Z\xca\xdb\x92\xb0\x95$)0(\x90\xe3\xb85K\xd2_z\xfe\x15\xd2 \xb1\x8c}#\x10U\xa3e\x01`q\x8cf\xa7\xb7\xaf\xb8\xae\xefue\xa5e\xbei\xe9\xdc\x84z\x0f\n\\^\x99\x7f\x8dC\x10\xdb\xbar8,\xd2\xbeC\xe8\xa7\x1f\xed\x99\xf7d\xca\x85\xa2\xe2\x8b\xa7\xc4\xeb\xee\xd8\x80\x01\x03^}\xf5\xd5\xc8\xc8H\x9f\xd5K\x04i\n\r\xc6:\x00pim6\xdb\xcc\x993\xc7\x8d\x1bWRR\xf2\x972\x7fY\x9e\xf9\xf4\xf4\xf7&gt;\xfbw\x8f^=JK4R\xed\xd3rTzP\xe0\xb2\xcb\xfc\xdbl\xfd\t!`\xd3/\x14\x15\xc7\x8c\xbc}\xf7\xc1\x0f\xef\xbc7\xd6\xd9\xfa\x8b\xa2x\xe4\xc8\x91a\xc3\x86a\xdf\x08D\x8dhp\x07\xe0\\\x14\xf8\xf8\xe3\x8f75\xbd\xfd\xce{\xe3,n\x98\xde\xae.TtP\xa0\x8de\xfemG\x92$\xff\x00\x7f\xa3\xd1\xf8\xfa\x0bo&lt;\x97\xf6&lt;K6\xb0\x05&lt;\xf0\xc0\x03/\xbf\xfcr\x87\x0e\x1d\xf0\xa0@\x0b\x81\xfb\xe6;\xfbK\x1d\xa25\x01`\xf1\x8au\xeb\xd6\xa5\xa6\xa66,\xf3\xbf\xf3\xde\xd8\xc5\xab\xd2\xae\xba\xe6\xca\xb2R\x8b\xde\x1c\xff\xa6\xf0\xf1\x83\x02\xae*\xf3o;\xa0\x82\xa1\xed\xcdGr\xbeM\x99\x99\xc6\x0e\n\x90:\xbd\xec\xdd\xbb\xf7[o\xbd\x15\x1d\x1d\xedu\xbd\xf4q\xd8w\n\xffL\x08\xc17\xd1+h\xe7\x01\x85Y\xaf\x82 \xfc\xfe\xfb\xef\xe3\xc6\x8d\x9b9s\xa6\xcdf\x83\xc8\x00\xbc\xa5\x1c\xc7-X\x96\xfc\xafw_\xeb\x18\xd6\xb1\xac\xd4\xa2\x992\xff\xb6\xe3\xcb\x07\x05\\X\xe6\xdfv\xa0B\xac\xa4\xb84j\xc0M;\xb2\xdeM\x980\x16\x0e\n\xc0JDQ&lt;y\xf2\xe4\xb0a\xc3\xb0oD\xf3\xc0\xcb(\x08\xc2G\x1f}\xf4\xe2\x8b/B&lt;\r\xef\x95W\xd0\xc8\x0e\x80\xe5{333\x1fy\xe4\x11h\xeb\x06\x8f\x14\xbc\x877\xf4\xbb~\xf9KK\x06D\xdfRVj!\xe8\x9a5\x86\x0f\x1e\x14pS\x99\x7f\xdb\xa1\x12\xcc\x12\x08\xdc\xfc\xc6\xbf\x97&gt;\xb3\xdcn\xab`\x13xp\xc0d\xf34\x0c\xe5\x8d\x1b7n\xed\xda\xb5W\\q\x05\x86\xce&lt;\x8f\x16\x04\x80U\x01.]\xbat\xf1\xe2\xc5\x84\x106\xbd\x1d4\xc0UE\x81z@\x92$\x93)\xc8\xe1p,M]\xb1\xf1\xb5-\xa4\xce\xe6\xc2-%\x84,\\\xb8p\xc1\x82\x05\xf0\xa3\xfbnf\xb3\x07\xf7|B\xd1!\x88\x11\xda&gt;\xf4\x97\xe3\xbf\xcc}"9\xf7\x9b\xef\x9b\xea\x1bA\xd4s\xb0\xce\xad4:j\x1b\xf6\xe8\xd8c\xc3[hA\x00\x08!\xf9\xf9\xf9\x8f&lt;\xf2H\xa3\xd3\xdb][\x14\xa8\x07Z~P\xc0M\x0b\xf0X\x99\xbfK\x96\x1a\x14\x14\xe8\x90\xa4e\x7f\xd5\xcb\x86\x07\x05t\xee\xde:\xf7\xe0JJJ\xb2Z\xad\xcc\xa5p\xf6-\x16-ZD\x9c\x1e\x00\xc4\xdd\xa8[\x00dY\xa6\x94~\xf0\xc1\x07\xd3\xa7Oge\xfe\xccN\r\x1e\x1e\xbdd\xf5?o\xe8\x7f}Iq)\x16h_\x16-9(\xf0\xca+\xaf\x8c\x193F\x10\x04\x17\xfak\x9e/\xf3o;\x90vV\xf5\xc1:w\xd3\xe4\xa8mA u\x8d\xd9\t\xf6\xd8\xf0\x06*\x16\x00x\x80\xb6l\xd92i\xd2$R\xf7HAw\x07B\xc8\xcc\xa7\xa7\xcfM\xf3\xb9\xe9\xed\xea\x02\n\x1f\x05\x81_\xbb\xf4\xa5\x97W\xbf\xc6n/so7o\xde&lt;q\xe2DW\x95\x0657\x9f\xe7\xcf\x83{+\xaf\xefw]\xa9\x8f)\xbaz\x0f\xd6\xb9\x9bfBy\xe4\xaf\xf5?,t\xd6\xa1C\x87W_}5!!\x81`\xe8\xcc\xfd\xa8\xf8\xe6\xc2s\x13\x15\x15\xd5\xae];\x88\x0b\xc3\x9f\xf4\xba\xae\xd7\xa6\xf77\xa4&gt;\x97\\UY\xe5\xe1\xdc\xa0\xc6\x10E\xb1\xa6\xba\xa6\xb2\xa2*\xf5\xb9\xe4ww\xbf\xdd\xeb\xba^\xa4\xae\xf6\x86\xe7\xf9v\xed\xdaEEE\x11\x17\x15\xf0]b&gt;\x8f,\xcf|zz\xc6g\xff\xee\xd1\xab{IQ\x89\xaf\xf9\x86*=X\xe7n\x1a\xf6\xe0r\x1e\xb5\xad(\xca\x98\x07\xef\x9b\xf9\xf4t\xf8g\xf6u\x97\x94\x94\xd4\xab\xe2\xf3\xf6uh\x19\x15\x0b\x00\xbcc}\xfb\xf6\xbd\xf1\xc6\x1b!\xb9\x04\xc6"a\xfc\xfd\xf7\x8f\x19}\xfe\x8f\xf3\xbe9\xbd]]\xc0\x0b\\\xf8\xbf\xc2\xd8\xd8;\x12\xc6\xdf\x0f/*8q7\xdexc\xdf\xbe}\xdb\xee\xa3\x81\xfb\xdc\xe8\xec-V\xe6\xbf\xe9\xfd\x7f-x.\x99R\xb9\xd2^\xe9\x8eC^.\xc1Y/\xb7}\xfa\xef\xae\xdd\xaf\xa1\x12\x85\xa2U\xe7J\xd6\xef\xbf\xff\x1eJ\xd4\xd4\xbb\xf9\xbe$P\x93\xdd\xb0\xc3 L]\x96\xa9\x1c\x18\x18\xb0b\xdd\xb2W6\xa5/x.e\xd3\x8e\x7fu\n\xeb\xc8\xben\xb8W\xeb\xd6\xad\x1b6lXnn\xae\xe6\xef\x95wQ\xb7}\x84\xbd\xe4\xfd\xf7\xdfO\x08a\xc1\x9f]\x1f\xec&gt;_v\xdeh4zyq\x1a\xc2\xe8g,.\xbb\xb0\xeb\x83\xdd\x84\x10({\'u\xb7\xbd\x8d\x8d0}\xaa\xcc\xbf\xed\x80t](\xbc0p\xc8\x80\x8f\xf6\xee\xb8\xeb\xde886\xc1\x0e\n\xe4\xe6\xe6\x0e\x1d:t\xdd\xbau\x1a\xee\x1b\xd1|\xc7\x0e*\xd1\xbfE\xf6\xcb\xd8\xb3\xf5\x91\'\'\x94\x95X\x8a\xce\x17\xc5\xdc]\xbf\xc7\x06\xbbW\xd8c\xc3\xdd\xf8\xf4\xebtI\xc0\xf7\xbc\xe7\x9e{\xfc\xfc\xfc(\xa5\xf0\xe4\x9d\xfc9\xff\xf7\xff\xfe\xe1\xe7\xe7\x87^\x83KP\x14\xc5\xcf\xcf\xef\x7f\xff\xfd\xe3\xe4\xcf\xf9\xa4.\xf1\xee\xe7\xe7w\xcf=\xf7\x90\xb6U\xec5?\x9fG\xbd\x07\xf7D\x83X^Vn\n6\xad\xdf\xfa\xca\xa2\xe7\xd3\x02\x02\x03X8\xa8\xd1\xfeT\xde^\xaf+\xb9d(\xef\x91\'\'~\xf0E\x06\x1b\xb5m0\x18\xcaJ-\x1d\xc3:\xfe\xeb\xdd\xd7\x16,Kf\r\xbd\xe1?\xb1\xd9l\x8f?\xfe\xf8\x83\x0f&gt;\xa8\xc9{\xe5\x0b\xa8^\x00\x14E\xb9\xf6\xdak#""\xc0\xbf\x10\x04\xa1\xba\xaa\xfa\xd0\xbe\xaf\xdb\x05\xb4C\x97\xc1%PJ\xdb\x05\xb4;\xb4\xef\xeb\xea\xaaj\xa8\xf9Q\x14%""\xe2\xdak\xaf\x85{\xde\xba_\x0bI?wt\xf3\xf7\x05\x04Q\xa8\xad\xad\xb5\x95\xdb\xa6\xcd\x9d\xba#\xf3\xdd\x1b\xfa]\x0f3\xe8a7\x00\xde\xf1\xa0A\x83\x98w\xac\x01Z\x18\xca[\xfe\xe2\x12I\x92\xecN\xa5\x19\x10:\xb3\x95\xdb\x9e\x9a\xf7\xe4\xce/3n\xe8w=\xfc\',t\xb6m\xdb\xb6A\x83\x06\xe5\xe4\xe4\xc0\xee\x10\xa7/\xb8\x10u\x0b\x00\xa9\xf38\x86\x0f\x1fN\x9c\xb2\x91{&gt;\xce\x94)\xe58\xd5_\x9d/\xc0q\xbcL\xe9\x9e\x8f3\xeb~\xe4\x08!\xc3\x87\x0foK\xab\x03EQ\x1c\x0e\xc7\xc2\x85\x0b\x9d\xe7\xf3\x90:#2n\xc2\xd8\x1dY\xefF\r\xb8\t\xeawU\x9a\xc8\x01w\xa4\xa8\xb0\xa8\xdfM}wd\xbd;\xae\xaeo\x04\xa9+\x8b&lt;y\xf2d\\\\\xdc\xc2\x85\x0b\x1d\x0e\x87\xdaw\xab\x97\x0c\xe5\r\x1e\x1e\xfd\xc9\xfe\x9d1#\xef().\x85L\x92\xf3\x7f\x8e=6\xbc\x85*_-g\xc0\x1e\x8d\x1d;\x16r\xc2\xf0\xcc}{\xf8\xe8\xd9\x82s\xed\xdaa\x14\xa8\xad(\x8a\xd2\xae\x9d\xdf\xd9\x82s\xdf\x1e&gt;J\xea\xe6p\xf1&lt;?v\xecX\xd2\x86\xfa\x1fx\xb7322$I2\x18\x0cP\xeb\xa9(\x8a9\xd4\xfc\xd2\x9bk\xd7\xbe\xf1\xbc\xc1h(\xb7\xd84\xe0\x1d\x1b\x0c\x06[\xb9\xdd`4\xac}\xe3\xf9\x97\xde\\k\x0e5\xc3\xb5\xc3\x85\xc3M u\x05\x91*\xa5\xe5\xa3\xb6\xcbJ\xcb\x9a\t\xe5\x89\xa2Xn\xb1\x19\x0c\x86\x177\xac^\xb1ni\x90)\xd09t&amp;I\xd2\xec\xd9\xb3\xe3\xe2\xe2T:\xbc\xda7Q\xbd\x00\xc0\xb6\xfa\xa6\x9bn\xba\xf6\xdak\xd9\x9e\xb1\xc2^q ;\' \xd0\x1f=\x856B)\r\x08\xf4?\x90\x9dSa\xaf`Q\x9ak\xaf\xbd\xf6\xa6\x9bnj\xe8\xc7\xb5\x1cY\x96\r\x06\xc3\x94)S\x88SV9,\xbc\xd3\xf6=\xef&lt;0)\xde\x85\xdd\xfc}\x01A\x10\xa8D\xad\x96\xf2\x07&amp;\xc5o\xdf\xf3NXx\'RW\xb3\xa0(\xca\x94)S\x0c\x06\x83J\xc3\x1al0gfff\x83P\x1eO)\xed\xd6\xa3\xeb\xb6O\xff=c\xfe\xf4\n{EM\xcd\xa5Cy\xd0\x82\xb0\xac\xd42i\xca\x84]\xfb&gt;\x88\xbc\xf5&amp;\x16:#\x84\xc0\x07\xb1\xc42|\x90G.T\xb3\xa8^\x00\x08!\x94R\xa3\xd1x\xef\xbd\xf7\x12\xa7\x9c\xe4\x9e]Y\x14\xa3@m\x86\xe3xJ\xe9\x9e]Y\xf0#\xdc\xde{\xef\xbd\xd7h4\xb6E\\\xe1\xf7\x8c\x1c9\xd2\xf9\xf7\xd8lvA\x14m\xe5v(\x05i\xf3\xda}\x08\xb8"[\xb9]\x10E\x9b\xcd\x0e\x7f\x08\xcf\xed\xc8\x91#\x89:\xbb\xdf8\x97\xf9\xc7\xc5\xc5\xb9j\xd46\xf8p\xa5%\xa5=\xae\xed\x9e\xb1\xe7\x9dG\x9e\x9c\x08\xe1 \xb6\xab\x80\xd2\xd2\xd9\xb3g\xabbx\xb5\x8f\xa3\xbe\xc7\xae!\xac*\x11\xa3@\xae\xa5\xa9\xf8\x0f\xab\xbbm\xf5o\x86o\x8a\xed$ \\^UY\xf5\xf9\xee/\x82\x82\x834\xe9\xd6\xc9\xb2\x1c\x14\x1c\xf4\xf9\xee/\xaa*\xabX.\x9d\xed\\\xd5%\x00\xac\xcc???\x1f\xca\xfcY[7\x08\xfd\x07\x99\x02W\xac[\xfa\xe2\x86\xd5F?\xa3\xad\xbc5\xa1&lt;Q\x14++\xaa\xa8DW\xbc\xb4t\xdd\xc6\x17\xe0\xa0\x00\x08\x0c|Vzz\xfa\xb0a\xc3\xf2\xf3\xf3\xf1\xa0@[P\xd3c\xd7\x14\x18\x05r\x13n\x8a\xff\x00`\xf5\xe2\xe3\xe3\x89\xd3\x19\x8e#\x07\xbfq8\x1c\x9a\xdc\xb7q\x1c\xefp8\x8e\x1c\xfc\x868E\xbd\xe2\xe3\xe3Y\x07i\x15\xc1\n\x99\x06\x0e\x1c\x08\xd1\x18h\x83\xca\xd7\r\xe6\xdc\xb5\xef\x83IS&amp;\x94\x95Z \x80\xd3\xbaO\xe1\x05^Q\x94\xe2\x0b%c\x1f\x1e\xf3\xc9\xfe\x9d\x83\x87GC\xae\x88\xd4u{\xcc\xc9\xc9\x198p \x8b;\xb9\xf4\x12\xf5\x82F\xde4\x8c\x02\xb9\x037\xc5\x7f\xea~9G\x08\x196l\x18\x14u\x80\x11&lt;r\xe8\xbbsZ\xdc\xb7\xc1^\xea\\\xc1\xb9#\x87\xbe#ug)x\x9e\x1f6l\x18Q\xd50,\xa8\xe5\xff\xe3\x8f?f\xcd\x9a\xe5\x81Q\xdbM\xf6\xd8\x10\xea\xf7\xd8\xf8\xe3\x8f?@\x84\\u\xa5:A#\xc6\xb1\xa9(\xd0\x99\x82s\xed\xfc\xb5fM&lt;\x83\xa2(\xed\xfc\xfd\xce\xb8!\xfe\x03\x80\xc9`\xe7\t\xb4\xbdok\xb8\x97r&gt;\xbf\xa2\xa2\xdep\xa0[{\xf6\xecy\xe9\xa5\x97 \r\x0bA\x7fJi\xc7\xb0\x8e\x9b\xde\xffW\xeas\xc92t\xecp]\x05W#=6\xea&gt;\x94\xe38\x83\xc1\xb0a\xc3\x86={\xf6`yh+\xd0\x88\x004\x15\x05:\xb8\xf7\x90\x7f\x80\xd6\xac\x89g\xa0\x94\xfa\x07\xf8\x1f\xdc{\xc8\x1d\xf1\x1f\xf6\x11~~~z\xd8\xb75\xb5\x97\x82\x13\xec^]\xda\xe5\x01\xdf\xfb\x9dw\xde\x19\x1a\x1a\xca&amp;\xee\x11BbF\xde\xfeY\xceG1#o/vO\xc7\x0e\x88\xfb\x17\x15^\x18x\xdb\x80\x8f\xbez?f\xe4\xed\xec\xa3%I2\x9b\xcdw\xdey\'\xc1\xf9\xf2\x97\x8fv^3\x88\x02\x8d\x1e=\x9a\x10\xc2z\x05C\xc8UE[l\xdf\xa1\xde\r\x84\x97m\xf4\xe8\xd1.\x89\xff8\x7f\x84\xe6\xb3\xf7\xee\xcb\xa5{\x1e\xf0\x03:w\xee&lt;h\xd0 \x08\xfaC6\xfb\xfa\x88\xebz\\\xdb\xa3\xf8B\x89[;v\x18\x0cbiI\xe9U\xd7\\q}\xc4u\xce\x9f\x1e\x1d\x1d\xdd\xb9sg\xf0\xfc\xdc\xf4\xd1ZE;\x02\x00\xdf}\\\\\x1c\xa9\x8b\xb1\x12B\x0e\xee\xcd9\xff\xfby\xa3\xd1\xa8\x19k\xe2\x19\x14E1\x1a\x8d\xe7\x7f?\x7fpo\x0e!\x84\xc5\xe8\xe1\xf6\xba\xea5\xd3I\xf6\xde\xad\xb9t\xcf\x03O\x02d\xef\xd9\x8fY\xbb?\xb7Z,\x1e\xe8\xc0h4\x1a\xcb-\xe5Y\xbb?\'N\x8d\x08a1\xaa\xcb\xa5\xfb\x02\xda\x11\x00pQo\xba\xe9&amp;\xf0\x05\xe0O.\x14\x15\x1f\xc9\xf96 \xd0\x1f\x1f\x8e\xcbB\x96\xe5\x80@\xff#9\xdf^(*f\xd3\x9a:w\xee|\xd3M7\x11\x97\x16\xad\xeb!{\xef\xd6\\\xba\xe7\x01\xc5\xba\xe3\x8e;\x02\x02\x02X\xc3\x86\x82\x93gN\xfe|\xca\xdf\xbf\x9d[_4Y\x96\xfd\xfd\xdb\x9d\xfc\xf9T\xc1\xc93u\xa7\rh@@\xc0\x1dw\xdcA0\xfe\xd3*4\xf2\x8e\x91\xba\x96#!!!\xe0\xa5\xb2Q\x85\x99\xbb\xb28U\x15Y\xfb\x08\x1c\xcfg\xee\xca"u=m\x08!qqq!!!l\xf0\x8ek&gt;\xa5\x99(\x90&amp;\xb2\xf7\x90K\xd7F\xfc\x07\x80\x1dLxxx\xbf~\xfdH\xdd\xe3Q[[\x9b\x9d\xf9U;\xf7\x0b@;\xffv\xd9\x99_\xd5\xd6\xd6\xb2\x17\xbc_\xbf~\xe1\xe1\xe1\x18\xffi\x1d\x1a\xb4\x8cl?\x08\xee\xd5\x81l\x8c\x02]\x1e,\xfes \xfb/\xf1\x1f\xb6\xebw!ME\x81\xf6\x7fyP\x1b\xd9{\xc8\xa5\xef\xff\xf2\xa06\xe2?\x00\x14b\xb2~P\xf0fe}\xf29\x9cqs\xdf\xe7\xc2i\xc1\xacO&gt;\'Ng)\xc6\x8e\x1d\xeb&lt;f\x12\xb9,4%\x00\xe0\x11\x0c\x1e&lt;\x18\xa3@m\xa1\xa9\xf8\xcf\xe0\xc1\x83\x89\x1b\x9a\x164\x1a\x05\xfar\xcf^E\x13&gt;\x1d\xc7q\x8a,\x7f\xb9g/\xfc\xa8\xf6\xf8\x0f\xc0\xe6p\xc0U\x80r\x1f?\xf6\xf3/\xc7O\xb8/\n\x04\xf1\x9f_\x8e\x9f8~\xecg\xd0Qxr\xda&gt;\x97B\xcfh\xea\xaeA\x14(88\x18\xa3@m\xa4\xd1\xf8Opp\xb0k\xe3?\x17?\xab.\n\x04~\x1c\xb8\x93\xc7r\x7f,*\xbc\xa0\xf6}\x1b\xec\xa5\x8a\n/\x1c\xcb\xfd\x91\xd4\x9d\xa2\x12\x04A\xbd\xf1\x1f\x80u\xf2\x88\x8c\x8cd\x9d&lt;\x1c\x0eGv\xe6&gt;\xf7E\x81\xea\xe2?\xfb\x1c\x0e\x07\xeb\xa5\x11\x19\x19\xa9\xc6^\x1a\xbe\x836\xef\x1aF\x81Z\x8d\'\xe3?@\xbdH.\x18\x94\xa2\xf3\x174\xb0oc{\xa9\xa2\xf3\x17\xc0`\xd5\x8b\x9e{{\x81\xad\xa7^&amp;\xc3\x03Q\xa0F\xe3?,{\xe4\x8eO\xd4\x03*~\x04\x1b\x05\xa3@m\xc4\xc3\xf1\x1fR\xb7os\xae\xe5\xd0\xd2\xbe\xad\xe1^\x8a\xd5\xcf\xa8w\x07@\x9a\x8b\x02\x9d\xf4\x0fp\xfd\x8b&amp;\xcb\xb2\x7f\x80\xff/\xc7Ob\xfc\xc7\xb5h\xed\xc65\x15\x05\xda\xf3q\x96\xaa\xdf7O\xc2q\xdc\x9e\x8f=\x14\xffq&amp;!!\x81hh\xdf\xd6\xd4^\n.S\xed4\x15\x05\xfa\xf2\xb3l\xbfv~\xee\x10\x00\xbfv~_~\x96\x8d\xf1\x1f\xd7\xa2\xd9\x1bW/\n\x94\xb3\xefpqQ\xb1\xc1`P\xa95\xf1\x0c\x8a\xa2\x18\x0c\x86\xe2\xa2\xe2\x9c}\x87\x89G\xe2?\x80&amp;\xf7m\x9e\xdfKy\x98F\xa3@\xfb\xb3\x0f:jk]~u&lt;\xcf;jk\xf7g\x1f$\x18\xffq)\xaa\x7f\n\x1b\xc2\xac\xc9\x15W\\\x01;S\x9e\xe7\x8b\x8b\x8a\x7f\xca;\xe1\xee:e\xb5\x03y\xb6\x9f\xf2N\xc0\x04\x0f\xd8k_q\xc5\x15\xee\xb6YZ\xcd\xde{2\x97\xeeyX\x14\x08:\x1a\xc1\x9b\xf5\xd3\x8f\xbf\xfcz\xf67??W\x9e\xe1P\x14\xc5\xcf\xcf\xef\xd7\xb3\xbf\xfd\xf4\xe3/\xa4\xce\xab\xf3\xf3\xf3\xc3\xf8O\xdb\xd1\xe0\xbdc\xd6\xe4\x96[n!u}ldY\xfe\xfc\x93/\x8c~\xb8\x03h\x0eEQ\x8c~\x86\xcf?\xf9\x02\x9c;0R\xb7\xdcr\x8b\xc7l\x96f\xb2\xf7\x9e\xcf\xa5{\x1e\x88\xc3\xb0\x9e\xa6p\x86\xc3Vn;\xf0\xa5\x8b;y\\\xec\xa5\xf1e\x8e\xad\xdc\xc6z\xa9\xb2&gt;\xb2(\x00mA\x9b\xf7\x0e\xec\xc5}\xf7\xdd\x07?\xc2\xbb\xf7\xe5\x9e\xbd\x96R\x8b\xc1`\xf0\xe2\xc2|\x1c\x83\xc1`)\xb5@\xd1:\xdb*\xc1mt\xb7\t\xd6X\x14H\xf3\xf1\x1f\x00\xbaC\x0f\x1f&gt;\x9c\xb8\xb3\x93G\xa3\xbd4\x86\x0f\x1f\x8e\xfd\x9f\xdb\x8eF\x1e\xc4z\xb0\xed\xb6\xc9d\x82v%&lt;\xcf\x9f=}\xee\x87\xef\x8e\x05h\xe2|\xa9;\xa0\x94\x06\x04\xf8\xff\xf0\xdd\xb1\xb3\xa7\xcf\x81sG)5\x99L,,\xe3\xd6O\xd7^\xf6\xde[\xb9tO\xc2\xce\xe2\xba\xaf\x9fkS\xbdT\xd99\xe4\xb6\x7f\x84\x9e\xd1\xa6\x00\xb0\xa6\xb5C\x86\x0c!u\xcd\xc4\x15E\xf9|\xf7\x97\x06\x8c\x025\x81\xa2(\x06?\xc3\xe7\xbb\xbfd\x8dv\t!C\x86\x0c\xf1p\xa3]\rd\xef\xbd\x95K\xf7&lt;\x1e\xe8\xe7\xaa\xb1^\xaa\xbe\x866\x05\x804\xd1\xb4\x16\xa3@\xcd\xd0h\xfc\xc7\x93\x8dvY\x14\xa8K\x97.\xaa\xce\xde7\x9aK\xef\xd2\xa5\x8b\xc6\xe2?\x80\xbb\xfb\xb9j\xac\x97\xaa\xaf\xa1\xa9g\xd1\x19p\rbcc1\n\xd4\x12\x9a\x8a\xff\xc4\xc6\xc6\x12O5\xdaeQ\xa0\x98\x98\x18R\xb7oSc\xf6\xbe^.\xfd\xe2\xcc\xac\x98\x18\x8d\xc5\x7f\x00\xb7N\xf5\xd1\xd2,\x1d\xdfD\xb3\x02\x80Q\xa0\xcb\xc2G\xe2?\xf0\xbd\x8c\x181\x82\xd4u\xce!*\xdc\xb7\xd5\xdbK\xd5\xbb(//\xce\xd54\x17\x05\nj\xab\xa7E)\r\x08\xc2\xf8\x8f\x1b\xd1\xac\x00\x90\xa6\xa3@e%e*\xb2&amp;\x9e\xc1`0\x94\x95\x94y1\xfe\x03\xb0f\t\xea\xdd\xb75\xb5\x97\xd2\xf0\xd0\x92\xc6\xa3@\x1fg\xd5\xd6\xd4\xc2\xe5\xb7\x1aEQjkj!\x97N0\xfe\xe3\x06\xb4,\x00\r\xa3@\x1c\xc7\x9d=}\xee\xf8\xb1\x9f\xfd\x03\xd4\x14Sv7\xb2,\xfb\x07\xb4;~\xec\xe7\xb3\xa7\xcf\xb1AK\x1e\x8e\xff\x00,\\\xae\xde}[S{)\x96\xd8\xf0\xf6\x02]O\xa3Q\xa0\xdco\x7f\xb0\x94Y\xc3\xc2;\x99\x82M!\xe6\xe0V\xfc\xcf\x14l\n\x0b\xefd)\xb3\xe6~\xfb\x03\xc1\xf8\x8f{\x10\xbd\xbd\x007\xe2\x1c\x05\xda\xbd{7\xa4\xe3$I\xfa&amp;\xe7\xbb\xe8a\x83d\xd9\xa6\xb1t\\\xab\x91e\xd9`4~\x93\xf3\x9d\xa2(\xa2(\x82\x00\xb0\xf8\x8f\x87\xef\x12|b||\xfc\xee\xdd\xbb\x89\xd3\xbem^\xe9lU\xd4\x02\xd5\x8b\xff\x80\x9db{)M&gt;r\xceQ\xa0\x93\'O\xc25\xda\xcam\xdb6o\xbf1\xaa\x7fEEe\xeb\xaeZ\x96\xe5\xc0\xc0\x80\x1f\x8e\x1e\xb3\x95\xdb8\x8e\x83\xd7\xb9w\xef\xde\x18\xffq!Z\x16\x00R\xf7\xca\x8d\x1d;\x16\xac\t\x98\x8f=\xbb\xb2\x9e\x9c\xf38&gt;@\x0cA\x10\xaa\xab\xaa\xa0\xd0\x82YX\xa8\xb3\xf6\xbc\xcdr\xde\xb7\xd9l6\xa8\x05\x82(P\xf4\xd0\x81\xe5\xe56_\xfe\xe2(\xa5\xc1\xc1\xa6\x9c}\x87Y\xfcG\x96e\xaf\xec\xa5&lt;\x8c,\xcbF\xa31::\x1a\x04@\x92$B\xc8s\x0bV\xba\xf0#`\\Dtt4\xc4\x7f4|3=\x89\x06\xfd\x11g\xc0x\r\x1a4\xc8h4\xc2\x16\x92\xe3\xb8\x9f\x8e\xfd\xfcK\x9e\x1bG\x17\xa9\x8b\x8b\x83\x96\xf2N\xfcT\xd7h\x17^\xe6A\x83\x06\x11o\xd4,\xaa:{\xef#\xb9to\x01\xc1\x19\xf6Z\xf1.\x02~\x1b\xfcZ\xf8\x08\xc4Uh_\x00\x1amZ\xeb\xd6\xd1E\xeaB\xf6\xbdAKM\x9f\xe1\xb0\xfax\xf6\xde`0XJ\xad^\xcf\xa5{\x1e\xe7T\x07\xc7q\xa2(B\xd1\x8eK\x10\x04A\x14E\x8e\xe3\x9c\x93C\xde\xbeb\x8d\xa0\xfd\xfb\xd8h\xd3Z\x0f\x0c\xb0V\x0b&gt;8h\xa9\xa93\x1c\xb9\xdf\xfc\xe0\xcb\x93\xe2)\xa5\xfe\x01\xfe\xb9\xdf\xfc\xe0\xc5\xb3\x14\xde\x02\xcep\x98L\xa6\xdbo\xbf\x9dR*IR[\x8a\x7f\x1a\x02\xbf\xf0\xf6\xdbo\x87GB\xf3{)\x8f\xa1\xf1\x1c\x00qjZ\x9b\x9a\x9a\xeap8\x08!\\\xdd\x00\xeb\xeb#\xae\xab\xac\xac\xd2\xb37!\xcbr@\x80\xff\xcfy\xbf\xb0AK\x84\x10\xaf\x0fZj*{\x7fh\xdf\xe1\x11q\xc3|6\n\xa4(\x8a\xd1\xcfxh\xdfaHQz7\x97\xee-\xa6L\x99\xf2\xdf\xff\xfe\xd7\xe5\xde\x03\xfc\xc2)S\xa6\xb8\xf0w"D\'\x02\xc0\xa2@_\x7f\xfd5\xecL!\nt\xd3-7\xda\xed\x15:y3\x1b\xc59\xfe\xc3\xea\x7f|a\xd0R\xa3\xd9\xfb\x83_\x1d\xaa\xaa\xa8\xf4YWZ\x10\x84\xaa\x8a\xca\x83_\x1d"&gt;\x90K\xf7&lt;\xf0\xbd\x0c\x1e&lt;8;;\xdb\x03\x1f\x84\xb8\x04\x8d?\x94\x00F\x81\x9a\xc2\x07\xe3?@\xa3\xd9\xfb\x1f\x7f8\xfe\xcb\xf1\x93\xbe\x99\xbd\xbf\x98K?~\xf2\xc7\x1f\x8e\xfbB.\xdd[@\xe1\x93\x9b\xf0\xd9\xcd\x9fz\xd1\xc5s\xc9\xa2@\x9e\x19`\xad\x16d\x1f\x1e\xb4\xddh\xf6^r8\xb23\xbf\xf2\xcd\xec}\xdd^\xea+\xc9gr\xe9^\x01\xcav\xdd\x04\x86\xfe]\x8e.\x9e\xcb\xa6j\x81\xdc4\xc0Z-\xc8\xbe=h[]\xfb6\x9f\xddK!H3\xe8B\x00\x88g\x07X\xab\x05\xde\xb7\x07m7\xbdo\xf3\xb93\x1cu\xf1\x9f\x13&gt;\xb8\x97B\x90f\xd0\xcb\xa3\t/\xe1\xa8Q\xa3\x985!\xee\x19`\xad\x16\x1a\x1d\xb4m4\x1aG\x8d\x1aE|\xc3f5\xb5o\xf3\xc13\x1c\xb2\xef\x9d\xa5@\x90\x96\xa0\x97G\x13\xde\xc9\xee\xdd\xbbw\xef\xde\xdd\xad\x03\xac\xd5\x02ml\xd06\xbb?&gt;b\xb3\xd4\x12\x05\xc2\xf8\x0f\xa2R|\xe2=\xf7\x0c\x8d\xee\xca]&gt;\xc0Z-4:h\x89\xc5[\xbc\xba\xb4?QE\xf6\xde\x97s\xe9\x08\xd2&lt;:z:\xdd:\xbaH]\xa8e\xd0\x92*\xb2\xf7&gt;\x9eKG\x90f\xd0\xd1\xd3\xe9\x81\x01\xd6j\x81\xaag\xd0vS\xd9\xfb\x9a\xea\x1aY\x96%\x1f@\x96\xe5\x9a\xea\x1a\x9f\xcd\xa5#H3h\xff$\xb03\xb4nt\xd1\xaaU\xab\xc0S#\x84\xec\xd9\x955\xe1\xf1\x87t\x15\x05j\x18\xff\x91e\x19\x06-I\x92$\x8a&gt;\xf4T\xb0\xec\xbds\'\x8f\x9f~\xfc\xa5\xe4BI\x8f\xee\xdd\xab\x1d\xd5\x9cW]lE\x96\xdb\x19\xda\x9d&gt;s\xe6\xa7\x1f\x7fq\xee\xa5\xe1;\xb9t\x04i\x06NW\xa1\x0fh#~\xe4\xc8\x118\x9f\xa9(\x8a\xa2(\x81A\x81Y_\x7f\xd2\xe5\xca.\xb5\xb5\xb5\xbe\x13\xfdp\x1f\x8a\xa2\x18\x8d\xc6?\xfe\xf7G\xcc\xdf\xef\xae\xb0W@\xc3EB\xc8\xa1C\x87\x06\x0c\x18\xe0\x83\x9d\xd6\x15Eq8\x1c\xfd\xfb\xf7?q\xe2\x04\xc8\xb6\xa2(\xf7\xc4\xdf\xdd\xabO\xcf\xea\xaa\x1a\xef\x1aYY\x96\xdb\xf9\xfb\xe5\x9f(\xf8x\xfb\'lhI\x9f&gt;}\x8e\x1d;f0\x18\xf4\xf08!\xaa\xc6\x87|=\x0f\xd0pt\x11\xcf\xf3\x10\x05\x9a\xfc\xc4\x84\xaa\xaa*\x9fr~\xddD\xbd\xf8\x0f\x9c\xdd\xf7\xe5AK,\xa7\n\xfb6I\x92\x08!\x1fo\xff\xc4\xdb\xeb\xaa\x0f\xdc=Y\x96!k\xedk{)\x04i\x88\xee\xb6\xa8\xb4\xd1\x01\xd6z\xaa\x05j\xb4\xfe\xc7\x97\x07m7\x1aU\x87\x1e\xf1&gt;\x02SM\xdf\xcc\xa5#HS\xe8\xc2\xe49\xc3\xac\t\xeb\xd8E\x08\xf9\xf6\xf0\xd1\xd3\xa7\xce\xb6\xf3\xd7~-\x90\xa2(\xed\xfc\xfdN\x9f:\xeb\\\xff\xc3q\x9c/\xdb,\xb6o\xeb\xd5\xab\x17\xcf\xf3F\xa3Q\x14E\x9fZ*\x8c@1\x1a\x8d&lt;\xcf\xf7\xea\xd5\xcbg\xf7R\x08R\x0f\xddmQ\x995\xe9\xd3\xa7\xcf/\xbf\xfc\xc2\xa2@\xc7r\x7f\xbc\xb6w\x8f\xea\xaajm\xbf\xb7\xd0\xb4\xe0X\xee\x8f\xce\xf1\x9f\xeb\xae\xbb\xce\xc7m\x16\xec\xdbF\x8e\x1c\xb9v\xedZo\xaf\xe5\x12\x8c\x1c9\x12\xe3?\x88Z\xd0\xe33\n\xd6$..\x0e\x04\x00\xfe0{\xcf\xde1\x0f\xde\xe7\xd5uy\n\x8e\xcb\xde\xb3\x97\x10\xc2\x92\x96qqq&gt;n\xb3\xe0k\x9a&gt;}zpp0+\x06\xf55`a\x13&amp;L X\xff\x83\xa8\x04\x1f}\x97\xdc\n\x14\xba|\xf2\xc9\'\xa3F\x8dbU%\x1d\xc3:~\xf1\xcd\xa7A\xa6 I\x92|*\xbc\xe0B\x14E\x11E\xd1n\xb3\xdf~\xeb]\xc5E\xc5L\x00v\xed\xdau\xf7\xddw\xfb`\xfd\x0f\x82 n\xc5G=&gt;\xb7\x02\xde\xd9\xd0\xa1C;w\xee\\XX\x08\x1d\xcc\x8b\x8b\x8a\x8f\xe4|;\xea\xfe\xbb,eV\xad\xdaAY\x96\x03\x02\xfd\xbf\xdc\xb3\xb7\xb8\xa8\x18\x94O\x96\xe5\xce\x9d;\x0f\x1d:\x94\xa8\xc1i\x85\x81e\xde^\xc5%\x80\x83u\xde^\x05\x82\xb4\x08=\n\x00\x1b`\x1d\x17\x17\xb7i\xd3&amp;0\xf7\xb2,g\xee\xca\xba\'\xfeno\xaf\xce\xbdp&lt;\x9f\xb9+\x8b\xd4\x99{I\x92\xe2\xe2\xe2`\xd0\xb6\xef\xcb\x1e\xe4Z\xbd\xbd\n\x04\xd1\x0e\xbe\xee\xf4\xb9\x95\xf8\xf8xR\xd7\t\x99\x10r ;\xe7\xfc\xef\xe7\x8dF\xa3&amp;\xc3bp\xfe\xeb\xfc\xef\xe7\x0fd\xe7\x10BXOl\xb8\t\x08\x82\xe8\x10\x9d\n\x00\xf8\xbf\x83\x07\x0f\xee\xdc\xb93\xd8A\x9e\xe7/\x14\x15\x1f\xc9\xf96 \xd0W\xdaL\xba\x16\x88\xff\x1c\xc9\xf9\xf6BQ1\\&gt;\xc4\x7f\x06\x0f\x1eL\xd4\x10\xffA\x10\xc4\xe5\xe8\xf4\xb5\x87(Pppp\\\\\x1c!\x04\x9a8\x12B2wey\xb7\xb7\x8c[q\x8e\xff@\xc0\'...88\x98R\x8aak\x04\xd1!\x9a5v-D\'Q \x8c\xff \x08\xd2\x10\xfd\n@SQ\xa0\xaf\xb5\x18\x05\x82\xf8\xcf\xd7\x18\xffA\x10\xc4\t\xfd\xbe\xf9,\n\x14\x1b\x1bK\x9c\xa2@\x9f\x7f\xf29\xc7s\x8a\xach\nY\xe1x\xee\xf3O&gt;\'N\xf1\x9f\xd8\xd8X\x8c\xff \x88\x9e\xc1\xa2:\x92\x90\x90\xb0e\xcb\x16\xe6\xf2\x1f\xfd\xe6{{\xb9\xdd?\xc0_Vd\x8eh\xc12*D1\x1a\x8d\xf6r\xfb\xd1o\xbe\'\x84\xc0\x95r\x1c\x97\x90\x90\xe0\xed\xa5!\x08\xe2Mt-\x00\xe0\xf2\x0f\x1c8\xd0l6\x97\x95\x95\xc1\xc9\xd8s\xa7\x7f\xcd\xf9\xea\xf0-\x03\xa3\xec\xb6\n^\xd0\xc2\x0eI\xa6r\x90)\xf0\xdb\xc3G\xcf\x9d\xfe\x15\xda\x15(\x8a\x12\x1a\x1a:p\xe0@\x82\xf1\x1f\x04\xd11zl\x05\xe1\x0c\xf4\xc2\xbc\xfb\xee\xbb?\xfd\xf4SA\x10 \x15\xec\xef\xdf\xce\xe8\xe7\xa7(2\xd1\xc4\x0e\x80\x10\x85\xe3\xf8\xda\x9a\x9a\xaa\xaajB\x08\\\xe6]w\xdd\xf5\xc9\'\x9f(\x8a\x82\x02\x80 \xbaE\xd7;\x00B\x88,\xcb\xa2(&amp;$$|\xfa\xe9\xa7\xec\x0f\xab\xaa\xaa\xc1Vj\x98\x84\x84\x04\xc8\x82\xa0\x00 \x88n\xd1\xfb\x0e@Q\x14\x8e\xe3\n\x0b\x0b\xfb\xf4\xe9c\xb3\xd9 B\xa2\xd5\xa4(\\\x9a\xa2(&amp;\x93\xe9\xc4\x89\x13\x9d;w\xd6\xf0\xc5"\x08rI\xf4\xbe\x03\x00/\xb8s\xe7\xce\xd1\xd1\xd1\x9f}\xf6\x19\xc8\xa1\x86E\x11.-::\xbas\xe7\xce\xaa\xe8\xff\x83 \x88\xfb\xd0\xbb\x000&amp;N\x9c\xf8\xf5\xd7_;\x0f\x1d\xd4$p\x81\x13\'N\xf4\xf6B\x10\x04\xf1&gt;z\x0f\x019SVV\xe6\xed%x\x88\xd0\xd0Po/\x01A\x10\xef\x83\x02\x80 \x08\xa2S0\x04\xf4\'\xfa\xd1BL\xfc"\x08Bp\x07\x80 \x08\xa2[\xb0\x06\x1cA\x10D\xa7\xa0\x00 \x08\x82\xe8\x14\x14\x00\x04A\x10\x9d\x82\x02\x80 \x08\xa2SP\x00\x10\x04At\n\n\x00\x82 \x88NA\x01@\x10\x04\xd1)(\x00\x08\x82 :\x05\x05\x00A\x10D\xa7\xa0\x00 \x08\x82\xe8\x14\xec\x05\xd4$Z\xea\x0b\x8dc\xbf\x10\x04i\x08\xf6\x02j\x1c\x8d\x8d\xca\xd2\xd8\xe5 \x08\xe2\x12p\x07\xd0\x08\xb2,\xf3&lt;\xbfh\xd1\xa2\xfd\xfb\xf7\xb3I\xf1j\x04\x16?d\xc8\x90E\x8b\x16\xc1Ey{E\x08\x82\xf8\x10\xb8\x03\xa8\x8f,\xcb\x1c\xc7\x9d&lt;y\xf2\xba\xeb\xae\xf3\xf6Z\\\xc6/\xbf\xfc\xd2\xbbwoEQP\x03\x10\x04a\xa0\x00\xd4\x07&amp;\xe5\xc6\xc6\xc6fee\x19\x8dF\xf5\xba\xff\x80 \x08\xb5\xb5\xb5111\x99\x99\x998\x04\x18A\x10gP\x00\xfe\x02\x98\xc8\xac\xac\xac\xd8\xd8\xd8\x8b\xc1\x1f\x8e\xf0&lt;O\xd4x\x938"\xcb2Q.\x06\x82233cbbP\x03\x10\x04a\xa0\x00\xfc\x89\xa2(\x8a\xa2H\x92\xd4\xbf\x7f\xff\x93\'Or\x1c\xa7\x8dB \x9e\xe7\x15E\xe9\xdd\xbb\xf7\xb1c\xc7DQ\xe48\x0e\x13\xc2\x08\x82\x10L\x02;#\xcb\xb2 \x08\xabW\xaf&gt;q\xe2\x84(\x8a\x94R\x9e\xe7\x05QX\xb9nY\xe7+\xc2kk\x1dj\xb1\x9b\x8a\xa2\x18\x8d\x86\xc2\xdf\xcf\xcf\x9f\x91J%\xaa(\x8a \x08\'N\x9cX\xbdz\xf53\xcf&lt;\x83\x9b\x00\x04A\x00\xdc\x01\\\x04\x9c\xfd\xa2\xa2\xa2\xbe}\xfbZ,\x16\xc8\x97RJ\xa7\xce\xfa\xbfU\xe9\xcb-\x15\x16u\x19MJ\xa99\xd0&lt;/1e\xfd\x8b\x1b\x04A\x80\xcc\xb6\xd9l&gt;~\xfcxXX\x18\xc1\x93\x01\x08\x82\xa0\x000\xc0/~\xe4\x91G6m\xda$\x08\x02\x84\x83\xae\xe9v\xf5\'\x07v\xfa\xf9\xf99\x1c\xaaq\xff\x01EQ\x0c\x06CMM\xcd\xdd\xb7\x8d\xfe\xf5\xeco\x10\xf6\xa1\x94N\x9e&lt;y\xe3\xc6\x8d\xb8\t@\x10\x84\xa0\x00\x00\xe0 \xe7\xe6\xe6FGG;\x1c\x0e\x88\x05QJW\xae[6\xf9\xc9\x89\xc5E\xc5\xa2\xa8\xbeX\x99$I\x1d\xc3:nzm\xcb\xfc\x19\xa9p9&lt;\xcf\x1b\x0c\x86\x9c\x9c\x9c\xc8\xc8H,\tE\x10\x04\x05\x80\x90:\xf7\x7f\xd8\xb0a\xfb\xf6\xed\x03\xd7\x98Rz\xcb\xc0\xa8\xed\x99\xefVUV\xa9\xd7P\xca\xb2\xec\x1f\xe0\x1f\x1f\xfb\xe0\xb7\x87\x8f\xb2\xeb\x1a:t\xe8W_}\x85\x9b\x00\x04A\xd4j\xda\\\x08\x98\xc2\xed\xdb\xb7\x83\xf5\x87\xc2\x7f^\xe0g%\xcf0\x18DU\x0b\xa4\xa2(\x06\x838+y\x06/\xf0\xa4\xeeJ\xf7\xed\xdb\xb7}\xfbvU\x9fpF\x10\xc4%\xe8}\x07\xa0(\x8a,\xcb\x94\xd2\x88\x88\x88\xfc\xfc|\x9e\xe7!V~o\xfc\xa87\xb6\xbeR|\xa1D\x8d\xc1\x1fg$I\xea\xd8\xa9\xc3\x94\x87\xa6\x7f\xb4}\x17\xe46dY\xee\xd5\xabW^^\x9e \x08p\xbd\xde^#\x82 \xdeA\xef;\x00V\xfa\x99\x9f\x9f/\x8a"\xe4~M\xc1\xa6\x99\xf3\xa7\xab:\xf8\xc3\xe0y\xbe\xaa\xb2j\xe6\xfc\xe9\xa6`\x13\\\x9d(\x8a\xf9\xf9\xf9\xabW\xaf\x86\xea o/\x10A\x10\xaf\xa1z\x03\xd7\x16\xa0?ZAA\xc1\xca\x95+\xa1\xe8\x13l\xe2\xa4)\xe3\xfbG\xf6\xb3\xdb+\xb4!\x00v{E\xff\xc8~\x93\xa6\x8cg\xc9m\x9e\xe7W\xae\\YPP\xc0\xf3&lt;j\x00\x82\xe8\x16\xd5\x1b\xb8\xb6\x00M\x92\x9f}\xf6\xd9\xf2\xf2rV(yu\xd7\xab\xa6\xccz\xccRjQ{\xf0\x87!\x8a\xa2\xa5\xd42e\xd6cWw\xbd\x8aR\nWZ^^\xfe\xec\xb3\xcfr\x9c\xdec\x80\x08\xa2g\xf4+\x00\xe0\xef\xef\xdf\xbf\xff\x9dw\xde\x01\xbf\x18\xacaR\xda\xec\xb0\xf0N\xb5\xb5\xb5\x9a\t\x8es\x1cW[[\x1b\x16\xde))m6h\x1e\\\xfb;\xef\xbc\xa3\xea~\xd7\x8a\xcf\xe0\xed;\x81 \xadD\xbf\x0e X\xbd\x11#F\x80\x11\x84?\xb9u\xe0\xcd;\xb33\xac\x96r\xed\x95HRJC\xcc\xc1\xa3G$|s\xf8;v\xbdC\x86\x0c\xc9\xce\xce&amp;\x84h\xefz\x11\x04\xb9$:\x15\x00p\x81\xdf~\xfb\xed\x89\x13\'\xb2\xb0\xb8(\x8a\xdb&gt;}\xfb\xe6\xbfGUh"\xfa_\x0fY\x96\x03\x83\x02\xbf\xfb\xfa\xe8\x03wM\x90$\x89\xe5\x03\xb6l\xd92a\xc2\x04u\x1d\x0bP\x14\x85\xe38\x8b\xc5\x02\xff\xec\xc5\x95\xc06\xd1l6+8s\rQ!z\x14\x00\xd8\xb6\xdbl\xb6\xa8\xa8\xa8\xd3\xa7O\xb3\xe8\xff\xe8q\xf7\xae\xdf\xfa\xf2\x85\xf3\xaa&lt;\xf7\xdb\x12$I\xea\x14\xdeq\xeaCO\xed|\xef#\xd6\xee\xa2G\x8f\x1eG\x8f\x1e5\x99Lj\xe9\x12\nZ\xb5b\xc5\x8a\x95+WB\xcf&gt;/.F\x10\x04I\x92\xe6\xcf\x9f\x9f\x9c\x9c\xac.\x11E\x10\xa2O\x01\x90$I\x14\xc5\xc5\x8b\x17/Z\xb4\xe8\xa2\x05\xe1HHH\xf0g\x87v\x85u\xee\xe4PO\xd7\xcf\xcbEQ\x14\x83\xd1PTx\xe1\xceA\xa3\xac\xd6r\x18\x15 I\xd2\xa2E\x8b\x16.\\\x08\xb7\xc5\xdbk\xbc\x04\xce=\xfbJKK\xbd\xbd\x9c\x8b\xb4o\xdf\x1e\xbb\xec!jDw\x0f+\x84&gt;N\x9f&gt;\xfd\xc2\x0b/\xb0\xe0\x8f"+\x93\xa7N\xec\xd9\xab{uU\xb5V\xad?!\x84\xe3\xb8\xea\xaa\xea\x9e\xbd\xbaO\x9e:Q\x91\x15V\xf9\xfa\xc2\x0b/\x9c&gt;}Z\x15\xc7\x02\x14E\xe1y&gt;%%\xa5\xb4\xb4\xd4`0p\x1c\xc7{\x15\x8e\xe3\x0c\x06CiiiJJ\n\xcf\xf3:t\xa7\x10U\xa3\xbb\x1d\x00\x98\xbc\xf8\xf8\xf8\x1d;v\xb00H\xd7\xee\xd7d\x1d\xd9\r\xff\xaca\x01 u\xd1s\x8e\xe3b\x06\x8c&lt;w\xe6W\x16\xfe\x1a;v\xec\xf6\xed\xdb}&lt;\x88\xd1\xb0g\x9f\xb7Wt\x11\x1e\xbb\xec!\xeaD_\x02\xc0\x9a\xe1\x0c\x1b6\x0c\xdc\x7f\xf8\xff\xf4\x7f\xadN\x988\xb6\xac\xa4\xcc\xf7c mG\x92\xa4\xd0\x0e\xa1\x19[v$&gt;\x9e\xe4|\x13\xbe\xfa\xea\xab\xa1C\x87\xfa\xb2\x06\xd4\xeb\xd9w\xb1k\x13\xcf\x07\x87\x98dY&amp;\xc4\x93\xca\xad\xf0&lt;_n\xb5\x81\x08\xc1b\xb0\xcb\x1e\xa2:t$\x00\xe0\xe0;\x1c\x8e\xe8\xe8\xe8\xdc\xdc\\\xe6\xfcF\x0f\x1b\x94\xf1\xd9\xbf\xcb\xad6\xfd8n\xb2,\x07\x87\x98\x12\xee\x1c\x9f\xf3\xd5!\xb6\r\x8a\x8c\x8c\xcc\xc9\xc9\x81\xb8\x8a\x0fn\x83\xc0\xb0\xee\xd8\xb1#&gt;&gt;\x9e\xc5\xee\x08!\xafny\xe9\xb6\xe1\xd1v\x9b\x1d\x1a\xdey\x06\x99\xcaA\xa6\xa0\x03{s\xa6M\x9cI\xea\xe2\x8a\x94\xd2\xed\xdb\xb7\x8f\x1d;\x165\x00Q\x0b:\x12\x00x-7o\xde&lt;y\xf2dfAx\x9e\xff\xe4\xc0\xce\xeb#\xae\xab\xac\xa8\xd4\x95\x00\x04\x04\x06\xfc\x9c\xf7\xcb\xdd\xb7\x8d\x96e\x99\xd9\xafM\x9b6M\x9a4\xc9\x07\xed\x97\xa2(\xb</t>
        </is>
      </c>
    </row>
    <row r="240">
      <c r="A240" s="1" t="n">
        <v>238</v>
      </c>
      <c r="B240" t="inlineStr">
        <is>
          <t>venn</t>
        </is>
      </c>
      <c r="C240" t="inlineStr">
        <is>
          <t>What is the missing number of the part denoted with a question mark?</t>
        </is>
      </c>
      <c r="D240" t="inlineStr">
        <is>
          <t>['6', '2', '1', '7']</t>
        </is>
      </c>
      <c r="E240" t="inlineStr">
        <is>
          <t>7</t>
        </is>
      </c>
      <c r="F240" t="inlineStr">
        <is>
          <t>There are 3 overlapping circles containing the numbers ['?', 3, 4]. The overlapping part between the first and second circle contains the number 10. The overlapping part between the second and third circle contains the number 7.</t>
        </is>
      </c>
      <c r="G240" t="inlineStr">
        <is>
          <t>We observe that the circles with 3 and 4 overlap to form the part 7, where 3 + 4 = 7. Hence, the pattern is most likely that the numbers in the overlapping parts are the sum of the numbers in the corresponding circles.</t>
        </is>
      </c>
      <c r="H240" t="inlineStr">
        <is>
          <t>Based on the pattern that the numbers in the overlapping parts are the sum of the numbers in the corresponding circles, the missing number of the circle where the overlapping part is 10 should be 7.</t>
        </is>
      </c>
      <c r="I240" t="inlineStr">
        <is>
          <t>b'\x89PNG\r\n\x1a\n\x00\x00\x00\rIHDR\x00\x00\x02\x00\x00\x00\x02\x00\x08\x06\x00\x00\x00\xf4x\xd4\xfa\x00\x00\x9d\xbeIDATx\x9c\xec\xddw|\x14E\x1b\xc0\xf1\xdf\xee^/\xe9\xf4\x12z\x15\xa4(\n\x16\xb0\x81\x05\x15+\xd8\x11\x05\x04E\x05\x0b6T\x14;bCET\xb0\xa0bA\x05\x1b\xa0"J\x13P\xaat\xe9\xbd\xa4^\xaeoy\xff\xd8\xbb\x10x-\x08\x81\xe4\xee\xe6\xfb\xf9\xf8\xc2\x9b\x84ds\xcf\xed\xce33\xcf\xccH\x86a\x18\x08\x82 \x08\x82\x90R\xe4\x8a\xbe\x00A\x10\x04A\x10\x8e=\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b2T\xf4\x05\x08\x15\xc30\x8c\x03\xfe^\xf6\xff\x1f\xfc\xf98I\x92\xfe\xef\xef\x07\xff)T\x0e\xf1\xf8\x1d\x1c\xdb\xbf\x8akY\x07\xc7X\xc4\xb7r*\x1b\xdf\xb2\x7f\x1e\xfc\xf7\xb2\xc4\xfd+\x1cL2\xfe\xed\x89 $\xacxhu]/\xfd{\xfc\xa1.\xcb\xe5?\xf8\xa3i\xda\xff\xfd\x9c\xb2\x8d\x88P\xbe\xe2\x8d{\xd9F&gt;\x1e\xdb\xa3\xf1\x9a\xc7\xdfG\x86a\x94~\xff\xa3\xf5\xb3\x84\xbf\x8f\xef\xd1\xb8\x7f\r\xc3\xf8\xcb\xe7\x84\xb8\x7f\x93\x9bH\x00\x92\xc8\xc1\x0fhEQ\xfe\xf1\xeb\xfd~?&gt;\x9f\x8f\xa2\xa2"JJJ())!\x18\x0c\x12\x08\x04PU\x95H$\x8a\xae\xebX,\nV\xab\x15\xab\xcd\x86\xcb\xe9\xc4\xe5r\xe3\xf1\xb8\xf1x\xbcdd\xa4\xe3v\xbbq:\x9d\x7f\xfbs\xca&gt;\\\x8ef\x03\x95\xcc\xe2q\xd5u\x1d0\x1b\xde\x7fj\x04\xfc~?\xd1h\x94\xbd{\xf7\x92\x9f\x9fO8\x12!\x12\x8ePP\x90\x8f\xcf\xe7CUU\xc2\x91\x08\x86a`\xb3Z\xb1Z\xad\xb8\\.233q\xb9\\X,\x16\xd2\xd3\xd3\xa9^\xbd:6\x9b\r\xaf\xd7\xfb\x8f\xd7&amp;\xe2{d\x0en\xec\xff-\xbe\x9a\xa6\x11\x08\x04(**\xa2\xb8\xb8\x18_I\t\x01\xbf\x9f@ H0\x18D\xd3T"\x91\x08\x86\x01V\x9b\x15\x8b\xc5\x82\xc3n\xc7\xe9r\xe1v\xb9\xf0x&lt;x\xbd^\xd2\xd33p\xbb]\xd8l\xb6\x7f\xbc6M\xd3\x80\xfd\t\x9f\x88or\x10\t@\x02+\xdb\xe0[,\xff?\x9bc\x18\x06\xbbw\xefa\xf3\xe6Ml\xd8\xb0\x91\xf5\xeb\xd7\xb3a\xe3\x06\xb6n\xdd\xca\xae\x9d;\xd9\xb3g7EEE\x84\xc3\x91\xc3\xbe\x06\x97\xcbIFF&amp;5j\xd4\xa0z\xf5\xea\xd4\xabW\x9f\xfa\xf5\xeb\xd1\xa8Q#\xea\xd5\xabG\xdd\xbau\xc9\xcc\xcc\xfc\xcbk\xd7u]4\x18\x7f\xa3l\x83\xffw\xc9\\II\t\xdb\xb6mc\xf3\xe6\xcd\xacZ\xb5\x8am\xdb\xb6\xb1f\xcd\x1a\xf2\xf2\xf2\xd9\xb2e3&gt;\x9f\x8f\xe2\xe2\xe2#\xba\x0e\xb7\xdb\x8d\xdb\xed\xa6v\xed\xdaT\xa9R\x85\xfa\r\x1a\x90\x9b\x9bK\xd3&amp;M\xc8\xcd\xcd\xa5~\xfd\xfa"\xbe\x87\xe1P\xe2\x1b\x0e\x87\xd9\xb5k7\x9b6\xc5\xee\xdd\r\x1b\xd8\xb0a\x03\xdb\xb7og\xd7\xce\x9d\xec\xdb\xb7\x8f\xe2\xe2b\xd4X\xe3\xfc_I\x80\xc7\xeb%;;\xbb\xf4\xfem\xd0\xa0!\xf5\xea\xe5\x9a\xf7o\xfd\xfa\xd4\xaeU\x0b\x8f\xc7\xf3\x7f\xffV\xc479\x88\x04 \x81\x94}h(\x8a\xf2\x7f7\xdd\xb6m\xdbX\xb9r%\x8b\x16-b\xf1\xe2\xc5\xacX\xb1\x82\xf5\xeb\xd7\x13\n\x85\xfe\xf2\xfb)\x16+\xde\xb4t\xd232\xf1x\xd3\xf0x\xbd8\x9d.\x1cN\xb3\x07h\xb5\xda\x90\x15\x19U\xd5P\xd5\x08\xd1H\x84P0H \xe0\xc7\xef\xf3\xe1\xf3\x15QX\x90O\x89\xcf\x07\x86\xfe\x97?#==\x9d&amp;M\x9a\xd0\xaaU+\xda\xb5kO\xbbvmi\xda\xb4)YYY\x07|]\xfc\x81\xf2o=\x9fdV\xb6\x87\x7fp\x83\x10\n\x85X\xbbv\x1dK\x97-e\xf1\xa2E,Y\xb2\x84\xd5\xabW\xb3s\xe7\xce\xbf\xfd~\x16\xab\r\xb7\xc7\x83\xdb\xe3!##\x0boz&amp;\x8a\xa2`\xb1ZQd\x19\x8b\xd5\x86$I\xa8j\x14MUQU\x15]\xd7\xf0\x97\xf8(\xcc\xcf\xc7\xe7+"\x18\x08\x10\n\x06\xfe\xf6gddd\xd0\xb4iSZ\xb4hA\xbbv\xedh\xd7\xae\x1d\xcd\x9b7\xff\xbf\xa4@\xc4\xf7\xc0\x91\x92\x83\x13vUU\xd9\xb8q#\xcb\x96-g\xd1\xa2\xdfY\xb2d\t+W\xaed\xeb\x96-h\xfa_\xdf[6\xbb\x83\xb4\xf4\x8c\xd2\xfb\xd7\xe5\xf6\xe0t\xba\xb0;\x9d(\x8a\x12\xeb\xd5\x9b\xf1UU\x95H8d\xde\xbf\xfe\x12J|\xc5\x14\x17\x15QT\x98O0\xe0\xff\xdbk\xaeZ\xb5*\xcd\x9a5\xa3u\xeb\xe3i\xd7\xae\x1dm\xda\x1cO\x93&amp;Mp\xbb\xdd\x07|]|\xfa/\x95\xe3\x9b\x88D\x02P\xc9\xfd\xd3Cc\xcb\x96-\xcc\x9f?\x9fY\xb3f1w\xee\\\x96-[F4\x1a=\xe0k\xbc\xe9\x19\xd4\xad\xd7\x90\xdc\x06\x8d\xa8S\xaf\x01\xb5\xeb\xd4\xa3Z\xcdZd\xe5T%=3\x0b\xb7\xdb\x8b\xdd\xe1\xc0f\xb3a\xb5\xd9\x90$\x19I\x82xn!I\x10\x7f\x87\x18\x86\xf9\x9f\xaeiD\xa2\x11"\xe10\xe1P\x90\x12_1\x85\xf9y\xe4\xed\xdd\xc3\xce\xed[\xd8\xbeu\x13\x9b7\xfc\xc9\x96\x8d\xeb\xd9\xbay#\xe1P\xf0\x80k\xca\xcc\xc8\xa0M\xbbv\x9cz\xca)\x9cv\xfa\xe9\xb4k\xdb\x96\xec\xec\xec\x03\xbeFU\xd5\x94x\x98\xfc]\xa3\xaf\xaa*+V\xacd\xce\x9c\xd9\xfc2k\x16\x0b\x17,`\xc3\x86\r\xff\xf7\xef\xd332\xa9[\xbf!\xb5\xea\xe4\x92\xdb\xb0\t\xd5\xaa\xd7\xa4vn\x03&lt;^/9Uk\xe0\xf6xP,\x16\xb3ap8\x91\xa04\xb8\xa5\xf9\xa3\x01F\xfc/@$\x1c!\x18\xf4\x13\x8dD\x88D\xc2\xec\xdd\xbd\x93\x12\x9f\x8f]\xdb\xb7\xb2k\xfbV\xb6n\xde\xc8\xd6M\x1b\xd8\xb2y={v\xee\xf8\xbfk\xca\xce\xce\xa6M\x9b6\x9cr\xca)\x9c~\xfa\xe9\xb4k\xd7\xee\x80\x84 &gt;\xa4\x9c\xca\xf15\x0c\x835k\xd60w\xee&lt;f\xcd\xfa\x85_\x7f\xfd\x95\xd5\xabW\xff\xdf\xbf\xcf\xa9Z\x9d\xdc\xfa\r\xc9m\xd8\x98:\xb9\xf5\xa9Y\xa7\x1eU\xab\xd5 3\xbb\n\xe9\x19\x998\xddnl6;6\xbb\x1d\xab\xc5\x8a$K\xfb\xe3*\x99\xbd\xfc\x83\xef_MU\x89D\xc2D\xc2aB\xc1\x00\xc5E\x85\x14\xe6\xe7\xb1o\xef.vl\xdd\xcc\xf6\xad\x9b\xd9\xb4~-[6m`\xfb\x96\xcd\xe8\xfa\x81#\x0c5k\xd6\xe4\x84\x13N\xe0\xd4\xd3N\xe3\xd4SO\xa5u\xab\xd6\xb8\xdd\xae\x03~\xb7T\x89o\xa2\x13\t@%\x15\xef1\x95m\xf45Mc\xf1\xe2\xc5L\x9f\xfe=\xd3\xa6Me\xfe\xaf\xbf\x12\x8e\xec\x1f\xbeOK\xcf\xa0I\x8bV\x1c\xd7\xa6=-Z\xb5\xa1^\xa3f\xd4\xa8U\x87\x8c\xcc,\x1cN\x07\x8a\x12{\x00h\xa0i:Z\xac\xc7\x17\xffY\xe6[\xc1(\xd3 \x1cH*\xf3?\xe6\xb0\x9fy\x83+\x8a\x82b\xb1\xa0(\x12r\xec\x19\xa7F!\xe0/\xa1 o/\xdb\xb6lb\xc3\xda\xd5\xac\\\xbe\x98\x15K\x7fg\xcd\xca?P\xa3\xfb\xaf;;;\x9b\xd3N;\x8dn\xdd\xbaq\xc6\x19g\xd0\xb4i\xd3\xd2\xcf\xc5\x1f&amp;\x7f5\xe2\x91\xa8\xfe\xaeQ\xc8\xcb\xcbc\xd6\xacYL\x9b6\x8d\x993g\xfe_\x83\x90\x99\x95C\x93\xe6\xc7\xd1\xb2M;\x9a\xb5&lt;\x9ez\x8d\x9aP\xa3V\x1d\xd23\xb3q\x1e\x14_]7P\xd5(\xba\xa6c\x18zi\x8ccWp\xc0\x1f\x94\xbe\xac\xfb+\xc2eEA\x96$$Y\xc6b\xb1\xa2(2\xb2\x0c\xb2\x02\xba\x06\x91\xb0JqQ\x01{w\xefd\xf3\x86?Y\xbbr9\xab\x96/a\xcd\xaa\xe5l\xd9\xb8\xfe\x80\xeb\xaeZ\xb5*\xa7\x9ez*]\xbbv\xa3\xcb\x19]h\xda\xa4\xc9\x01\xafE\xb2\xc5\x17(\x9d3/\x1b_\x9f\xcf\xc7\xbcy\xf3\x98:u\x1a?\xfc\xf0=\xcb\x97/?\xe0\xdfT\xabY\x9b\xe6-[\xd3\xf2\xf8v4m\xd9\x9az\r\x9bR\xa5z\r\xd2\xd23\xb0\xdb\xad\xc82\xe8\xba\xf9\x9f\xaajh\x9az@|\x0f\xed\xfe\xdd_\xd8\x17o\xa0e\xc5\x82\xc5bA\x96)}\x0fE\xa3:%&gt;\x1fy{v\xb1e\xd3\x06\xfe\\\xb3\x82\x95\xcb\x16\xb3j\xf9\x12\xfe\\\xb3\xf2\x80\xef[\xa7N\x1d:w\xee\xcc9\xe7\x9cC\xe7\xce\x9d\xc9\xcd\xcd-\xfd\\\xfc\xba\xc44A\xe5$\x12\x80J\xa4\xec\x9c`&lt;s\xd6u\x9d_\xe7\xcfg\xf2\x97_\xf2\xcd7\xdf\xb0b\xc5\x8a\xd2\xaf\xf7x\xd3is\xc2I\x9c\xd8\xe9tZ\xb7\xef@\xc3&amp;-\xc8\xa9R\r\xbb\xd3\x82\xa1\x9b7q4\x1aA\x8bF\xcdaD\xc3(m\xc0\x0f.\xe49\x9c\x9bs\xff[\xc7\x88\xf5.\x8c\xd2\xee\x86$K\xc8\xb29\xdcl\xb3\xd9\xb1X\xcc\x87R\xc0\x1fb\xd7\xf6m\xac[\xb5\x9c\xc5\x0b\xe6\xb2p\xde,\x96/\xfe\xed\x80^F\xa7N\x9d\xb8\xf8\xe2\x8b\xe9\xde\xbd;-Z\xb4(\xfd\xf8_=T\x13I\xbc\xb1+\x9b\xd4\xe5\xe7\xe7\xf3\xc3\x0f?2\xe5\xab)\xfc\xf0\xfd\xf7\xec\xde\xbd\xbb\xf4s\x99\xd99\xb4i\x7f\x12\xedO&gt;\x95V\xed:\xd0\xa0q3\xb2\xabT\xc3\xe1P\xd0\x8fr|\xffoY\x99a\x98\x8d\x8aa\x80$!\xcb\x12\x8ab\x8d\x15\x87ZP\x14PU(*,`\xeb\xa6\r\xacZ\xbe\x84E\xf3g\xb3x\xe1&lt;6\xac[S\xfa\xbd\x14Y\xa6c,\xbe\x17\\p\x01\xcd\x9b7/\xfd\\2\xc6\xd7\xe7\xf31s\xe6L&amp;O\x9e\xcc\xb4i\xd3\xd8\xb6m[\xe9\xe7\xaa\xd5\xacM\xfb\x0e\x9d8\xa1\xe3i\xb4ls\x02\xf5\x1a4&amp;#+\x0b\xabUB\xd3 \x1aU\x89F\xa2fC_\x1a_\xe9\x80\x86\x1c8`T\xe7\xbf^\xef\xfe?\xcd{8\xfe\x1e\x92$3\xb1\xb7ZmXmV\x14\x8b\x99\xf8\x95\xf8J\xd8\xb1u3\xab\xfeX\xca\xef\xbf\xce\xe2\xf7\xf9sX\xbbr\x7f"c\xb7\xdb\xe9\xdc\xb9\x0b=.\xe9\xc1\xb9\xdd\xbaQ\xbf~\xfd\xd2\xcfi\x9av\xd4V \t\x87G$\x00\x95\xc0_=8\xd6\xacY\xc3g\x9f}\xc6\xa7\x9f~\xca\xd2\xa5KK?\x9e[\xbf\x11\x1d;\x9f\xc5)g\x9cC\xab6\'R\xadfmlv\x195\n\xe1p\x085\x1aA\xd7\xf4\x032\xfd\x8a\xcb\xbc\xe3\x89A\xbcw"\xa1(2V\x9b\x1d\xbb\xdd\x86\xac@\xd0\x1fa\xeb\xa6\xf5,\xf9\xedW\xe6\xcc\xfc\x9ey\xbf\xcc o\xef\xfeF\xb0K\x97.\xf4\xea\xd5\x8b\xee\xdd\xbbS\xabV\xad\xd2\x8f\xc7\x87\x18\x13\xa1W\x11\xef\x05\xc5\x1b6]\xd7\xf9\xf9\xe7\x9f\xf9\xe8\xa3\x89|\xfd\xcd\xd7\xec\xdc\xb1\x7f\x18\xbdq\xb3\x96\x9c|\xfa\x99t\xea|6-\x8foO\xd5\xea5\xb1\xd9$\xa2Q\x08\x87b\xf1\xd5+G|\x0fX\xa2\x16_yb\xb1b\xb7\xdb\xb1\xd9\x15\x0c\x03\x8a\n\x8a\xf8s\xed*~\x9b\xf7\x0bs~\xfa\x9e\xdf~\x9dE$\x1c\x06@\x96%\xbat9\x93^\xbdzr\xc1\x05\x17P\xb3f\xcd\xd2\xef\x9d\xc8\xf1\x05\x98;w.\x13\'Nd\xca\x94)l\xde\xbc\xb9\xf4\xe3\xc7\xb5i\xcf\xa9gv\xa3\xe3ig\xd2\xb4ek\xb2r\xaa\xa0(\x10\x89\xe8D\xc2!TU\xc5\xa8D\xf1\x05\x03C\x8f\xc58V\xach\xb3;\xb0\xdb-H\x12\xf8\x8a\x03lZ\xbf\x96E\xf3g3\xfb\xa7\xe9\xcc\x9f=\x13\x7f\x89\x0f\x00\x9b\xcdF\xd7n\xdd\xe8\xd5\xb3\x17\xe7\x9ew.\xd9\xb1\xba\x9fxG\'Q\xe2\x9b\xccD\x02P\x81\x0e~p\x04\x83!\xbe\xfb\xee[\xdey\xe7\x1d\xbe\xf9\xe6\x9b\xd2!\xdb\xba\xf5\x1br\xd6\xb9\x17\xd1\xa5\xeb\x05\xb4&lt;\xbe=\x99\xd9\x19\xe8:\x84\x82a"\x910Fl\xd4@J\x90\x1b\xaat\x08\xdc0\x90\x15\x05\xbb\xdd\x81\xddi\xc5\xd0a\xf7\xce\x9d,^8\x8f\x19\xdfM\xe6\x97\x1f\xa7\x92\xb7w\x0f`\x16\x13^r\xc9\xa5\\\x7f\xfd\xf5\x9cqF\x97\xd2\xef\xa5\xaaj\xa5\x1d&gt;&gt;\xb8\xc7\xb3m\xdb6&gt;\xfd\xf4S\xde\x7f\x7f\x02\x8b\x17/*\xfd\xba\xc6\xcdZr\xe6\xb9\x17r\xfa\xd9\xe7\xd3\xbcu\x1b\xd23\xbch\xaaY\xf8\x17\x8dD\xcc\xf8\xcaR\xac&gt;\xa3\xf2\xfd\x9ee\xedO\nt@\xc2b\xb1`w8\xb1\xd9e"!\x95M\x1b\xfed\xc1\x9c\x9f\xf9i\xead\xe6\xfd\xf2\x13\xe1\xb0Y\xa0\x9a\x95\x95E\x8f\x1e=\xb8\xee\xba\xeb\xe9\xd2\xa5s\xe9\xf7K\xa4\xf8\xee\xde\xbd\x9b\xcf&amp;M\xe2\xbd\xf7\xdec\xc1\xfc\xf9\xa5_\xd7\xaa\xdd\x89\x9cs\xc1%\x9c\xda\xe5\x1c\x1a5;\x0e\xb7\xd7\x81\x1a\x85P0\x80\x1a\x8db`\x94\xc6\xb62\xfe\x9e\x073t\x1d=\x96\x1c(\x8a\x19_\xbb]A\x8d\x1al\xdf\xba\x89\x85\xf3~a\xc6w_1\xfb\xa7\xe9\xa5\xc9@\x8d\x1a5\xb8\xfc\x8a+\xb8\xf6\x9ak\xe8\xd0\xa1C\xe9\xf7\xaa\xcc\xf1M\x05"\x01\xa8\x00\x077\xfc;v\xec`\xc2\x84\t\x8c\x1b7\x8e5k\xcc\xe1Roz:gv\xbb\x90\xf3/\xe9I\xbb\x93N!+;\x13U\x85`\xc0\x8f\xaaF\xd9?\x0f\x9f\xf87N|\x0e\x13$l6\x1bN\x97\x13I\x82\x9d\xdbw0\xef\xe7\x1f\xf8n\xf2\xa7\xcc\xfc\xfe[\xb3g\x849Ep\xd3M7q\xc5\x15W\x94\xaeO\xafL=\xc6\x83\xaf\xe5\xb7\xdf~c\xdc\xb8qL\xfc\xf8c\n\xf2\xf3\x01\xa8R\xb5:g\x9ew!\xe7^|\x05\xc7\xb7?\x99\xf4L/\xd1\x88A0\x10@S\xa3\xb1a\xf6\xca\xf1\xfb\x1c\x11\xc3@7\x8cX\x12#\xe3p8q8\xadD\xa3:\x1b\xd7\xad\xe1\xe7\xef\xbfa\xea\x94I,\xf9\xed\xd7\xd2\x7fr\xca\xa9\xa7rS\x9f&gt;\\~\xf9\xe5\xa5\xf1\xadL\r\xc5\xc1\r\xff\xb2e\xcb\x18?~&lt;\x1f|\xf0\x01{\xf7\xee\x05\xa0v\xddzt\xbb\xe8r\xbav\xbf\x94\xe6\xad\xdb\xe2\xf68\x88\x844B\xa1\x00\x9a\xaa%LBw(\xcc\xe7\x99\x8e$\xc9\xd8\xecv\x9cN;\xba\x0e[7m`\xd6\x8f\xd3\x98:\xf9S~\x9d\xfdS\xe9\xd7\x9fs\xce9\xf4\xed\xdb\x97\x8b.\xba\x08\xbb\xdd\x0eT\xae\xf8\xa6\x12\x91\x00\x1cC\x077\xfck\xd7\xaee\xec\x9bo\xf2\xce\xf8\xf1\xe4\xe5\xe5\x01\xd0\xf2\xf8v\\|\xe5\xb5\x9c}\xfe%\xd4\xa9_\x0fC\x87\x80\xdfl\xf4\xcd\x1eBr&lt;4\xfeN\xd9\x029\x9b\xcd\x8e\xcb\xed@Uu\xd6\xae\\\xce\xb4)\x93\x98\xfc\xc9\xfbl\xdb\xb2\t\x80\xfa\xf5\xeb\xd3\xaf_?\xfa\xf4\xe9C\xd5\xaaU\x81\x8a}\x90\x1c\xdc0\xcc\x981\x83\xd1\xa3G\xf3\xc5\x17_\x94~M\xfb\x93O\xe5\xa2+\xae\xe1\xccs/\xa4F\xedZh\xf1\xa4.\x1aEJ\x81\xaa\xe9x\xb2\'I\xfb\x93\x81\x80?\xc4\x92\x85\xf3\xf8z\xd2GL\xfbj\x12\x85\x05f\x92\xd4\xb0aCn\xbe\xf9\xe6J\x13\xdf\xb2\x9b0\x01\xfc2k\x16\xaf\x8e\x1e\xcd\xa7\x9f~Z:\x9f\xde\xf9\xec\xf3\xb8\xe8\xca\xeb8\xf5\x8cs\xc8\xa9\x9aC4\xa2\x13\x0c\xf8\xcd\xf7FJ\xc47V\xc7\x04\xd8\x1d\x0e\x9c.;\xe1\x90\xca\x1fK~\xe3\xdb/?\xe6\x9bI\x13\xd9\xbbg\x17\x00-[\x1eG\xff\xfe\xfd\xb8\xee\xba\xeb\xc8\xc8\xc8\x00*W"\x9f\nD\x02p\x0c\x1c&lt;\xc7\xbfz\xf5j^y\xe5\x15\xc6\xbf3\x9e`\xc0\\"w\xd6y\x17q\xc5\xb57\xd3\xb1\xf3Yx\xbc.\x02\x810\xe1\xd8\xfa\xfdT\xbd!\xca\x16E:].\xec\x0e\x0b\xfbv\xef\xe3\xa7i_\xf3\xc9\xfbo\xb1h\xfe\x1c\x00\xaaW\xafN\xff\xfe\xb70`\xc0-T\xabV\r8\xb6\x0f\x92\x83\x13\xbb\xef\xbf\xff\x9eQ\xa3F1u\xeaT\x00\xacV+]/\xbc\x94\xcb\xaf\xbd\x99\x13;\x9d\x8e\xd3i\xc3_\x12"\x12\t!!!+2eJ\xf1S\x86\x11\xdf\x1b@Qp\xbb=(V\x89\xcd\x1b61u\xf2\'L\xfa`&lt;\x1b\xd6\x99\xab j\xd4\xa8I\xbf~}\x190`@\xa5\x88\xefO?\xfd\xc4\xa8Q/\xf0\xf5\xd7_\x01\xe0\xf6\xa4q\xe1\xe5Wq\xe9U7\xd0\xba\xddIX\xac2\xfe\x92\x00\xd1H$%\x1a\xfd\xbfc\xde\xbff\x9c\x9c.\x0f6\x9b\xcc\x8em;\xf8\xfe\xeb\xcf\xf9t\xc2\xdb\xacZ\xbe\x04\x80\xdc\xdc\\\x06\x0e\x1cH\xdf\xbe}K\x97\x8b\xc6W\x86\x08G\x97H\x00\x8e\xb2\xb2o\xe4M\x9b6\xf1\xc2\x8b/\xf2\xe6\xd8\xb1\x04\x83A\x14\xc5\xc2EW\\M\xcf\xde\xfdi{bG$I\xc2_R\x82\xa6\xaa\xc8b8\xec\x00\xba\xaec\xe8:V\x9b\r\xb7\xc7E0\x18f\xde\xcf?\xf0\xc1[\xaf\xf2\xf3\x0f\xdf\x01f"p\xdbm\x83\xb8\xf5\xd6\x81\x07\xf4(\x8e\xd6\x83\xe4\xe0\xc4n\xf6\xec\xd9&lt;\xfd\xf4\xd3|\xf3\xcd7\x00\xb8=^z\xf4\xbc\x96+\xae\xbb\x99\x96\xc7\xb7C\xd7\xc1_\xe2\x8b=\x14E|\xcb\xd2us#\x19\xbb\xc3\x89\xcbm\'\x7f_\x01?~7\x99\x8f\xc6\xbd\xce\xd2\xdf\x17\x00f|o\xbd\xf5Vn\xbd\xf5\xd6c\xd2P\x1c\x1c\xdfy\xf3\xe6\xf1\xcc3\xcf0y\xf2d\x00\xb2\xabT\xe5\x8a\xebn\xe6\xd2^7\xd0\xb0i\x13\xa2\x11\x1d\xbf\xbfD,{\xfb\x0b\xf1\xfb\xd7fw\xe0\xf68(.*\xe1\x97\x1f\xbe\xe3\xc3\xb7_e\xfe\x9c\x9f\x01\xa8[7\x97;\xef\xbc\x83\xbe}\xfb\xe2\xf1x\x0e\xd8\xf4L8:D\x02p\x94\xc4{\xae\x92$QXX\xc8\xcb/\xbf\xcc\x8b/\xbeHAA\x01\xb2\xacp\xe9U\xd7s\xcdM\xb7r\\\xbb\xf6h\xaa\x8e\xbf\xa4\xe4\xff*\x89\x85\xff\xb7\xbfW\xa1\xe0\xf1z\xd14\x9d\xf9\xb3g\xf0\xcek/0\xf3\xfbo\x01h\xd0\xa0\x01C\x87\x0e\xa5O\x9f&gt;X,\x96\xa3\xd2[,\xdb\xf0\xac^\xbd\x9a\'\x9f|\x92\xf7\xdf\x7f\x1f\x00\x97\xdb\xc3\xe5\xd7\xdc\xc8U}n\xa1I\xf3\x16\x84\xc3*\x01\xbf\x1f\t\x90E|\xff\x91a\x18\xe8\x9a\x86\xc5j\xc5\x93\xe6&amp;P\x12`\xc6\xd4)\xbc;\xe6e\x16/\x9c\x07\x98S?\xf7\xdcs\x0f7\xdf|3V\xab\xf5\xa8,/+\x1b\xdfu\xeb\xd6\xf1\xe4SO\xf1\xce\xf8\xf1\x00d\xe5T\xe1\xea&gt;\x03\xb8\xfc\x9a\x9b\xa8[\xbf.\x81@\x84P0P\xba/\x86\xf0\xf7\xe2\xf1U,\x16&lt;^\x0f\x91p\x84Y3\xa6\xf1\xee\x98\x17\x99\xf7\xcb\x0c\x00\x9a\xb7h\xc1}\xf7\xdd\xc7\xf5\xd7]\x07\x88i\x81\xa3I$\x00\xe5\xec\xe0^\xc3{\xef\xbf\xcf\xe3\x8f=\xc6\x9f\x7f\xfe\t\xc0\xf9=\xae\xa4\xcf\xadw\xd1\xe6\xc4\x0eD#\x1a~\x7f\x89X\x1b{\x98\xe2\x0f~\x8f7\rC\xd7\x99\xfd\xd34\xde|\xf9Y\xe6\xcf\x9e\t@\xc7\x8e\x1d\x19&gt;|8\xe7\x9csN\xe9\xd7\x1fi\x82Uv\x1e\xb8\xb8\xb8\x98\x91#G\xf2\xe2\x8b/\xe2\xf3\xf9P\x14\x85K\xaf\xeaM\xef\x01w\xd2\xac\xd5q\x84\x02Q\x82\x01\x7fJ\x0f\x03\x1f\xaex\xa2\xa7(\n\x9e4/\xc1@\x90\xe9_M\xe2\xed\xd1#Y\xb5\xdc\\\x16{\xd2I\'\xf1\xe8\xa3\x8fr\xee\xb9\xe7\x02f}\xc0_\x9d\x89\xf1_\x94\x8d\xaf\xcf\xe7c\xd4\xa8Q&lt;?j\x14\xbe\xe2b\\n\x0fW\xf7\x19\xc0\xd57\r$\xb7A=\x02%\xe6N\x98\xb2bn\x8a%\xfc7\xf1\x86\xdd\xe3\xf5\x12\x8dF\x999\xed+\xdez\xe59\x16/4\x0bB\xbbt\xe9\xc2\xf0\xe1\xc39\xfd\xf4\xd3K\xbf^t\x90\xca\x97H\x00\xcaQ\xd97\xe8\xa2E\x8b\xb8\xff\xfe\xfb\x99&gt;}:\x00\x1dN\xe9\xcc-C\x1e\xe0\xd43\xba\xa2i\x1a\xfe\x12\xd1\xf0\x97\x17]\xd3@\x92\xf0\xa6\xa5\x11\x89D\x98:\xf9S\xc6\x8cz\xb2t\xc7\xb2\xde\xbdod\xf8\xf0G\xa9[\xb7\xee\xff\x15r\xfd\x17e\x1b\x98I\x93&amp;\xf1\xd0\xb0a\xac^\xb5\n\x80.\xe7\x9c\xcf-w=\xc8\t\'w"\x1c\x8e\x12\xf4\xfb\xcd^\x8b\x88\xef\x11\x8b7\x14i\xe9^\x8a\x8b\x8a\xf9\xfc\xc3wx\xeb\xe5g\xd9\xb5s;\x00\xd7^{\x1d\x8f=6\x9c\xfa\xf5\xeb\x1fp\x9a\xde\xe1\xfc\x9c\xf8\xfd\xfb\xf9\xe7_\xf0\xd0C\x0f\xb1j\x95\xf9\x1e\xea\xd1\xf3:\xfa\xde~/\xcdZ\x1dG\xc0\x1f&amp;\x14\x0c\x8a\xaa\xf5r\x12\x8f\xaf7\xcdK0\x10\xe0\xab\xcf&gt;\xe2\x8d\x17\x9f*\xddQ\xb2\xff-\xb7\xf0\xc8\xc3\x0fS\xa3F\x8d#\xba\x7f\x85\xff\'\x12\x80rP\xb6\xd7\x1f\x0c\x06y\xea\xa9\xa7x\xf6\xd9g\t\x87\xc3\xd4\xac\x9d\xcb\xc0{\x1e\xa2G\xcf\xeb\xb0Y\xed\x14\x17\x17\x89\x86\xff()\xdbP\x14\xe4\x170\xe1\xcd\xd1\xbc\xfd\xcas\x94\x94\xf8\xa8R\xb5*O\x8c\x18A\xdf\xbe}\x81\xff\xd6[,;\x17\xb9y\xf3f\xee\xbb\xef&gt;&amp;N\x9c\x08@\xa3\xa6-\xb8\xf5\x9ea\x9c\xd7\xe3J\x00J|\xc5b(\xf8(\xd14\x15\x8b\xc5JZ\xba\x9bm[\xb6\xf1\xf6\xe8\x91|\xf8\xf6kD\xa3Qrrr\x18&gt;|8\x03\x07\x0e\x04\x8e,\xbe\xf7\xdf\xff\x00\x1f}\xf4!\x00m;tb\xd0\xd0G8\xed\xcc\xaeD#Q\xfc~\xbfh\xf8\x8f\x92x\x02\x96\x96\xeea\xcf\xee=\xbc;\xe6%\xdey\xed\x05B\xa1 \xb5j\xd5\xe2\x89\'\x9e\xe0\x86\x1bn\x00\xcag\xb4G\x10\t\xc0\x11\x8b\xefh\x05f\x11\xd8\x9dw\xde\xc9\xef\xbf\xff\x0e\xc057\xdf\xca\x80!\x0fP\xa3VM\x8a\n}\xa2\xa0\xe5\x18\xd1T\x15\x8b\xcdFZ\x9a\x8bU\xcb\xff\xe0\xa5\xa7\x1ef\xfa\xd7\xe6R\xbc\x0b.\xb8\x80\x17^x\x81\xc6\x8d\x1b\x1f\xd2\xdcb\xd9^\xe1;\xef\xbc\xc3}\xf7\xdf\xcf\xee]\xbb\xb0\xdb\xed\xf4\xbee07\xdf~\x0f\x99\xd9Y\x14\x15\x16\x03\x06\xb2,\xe2{4\xc5\x93m\x87\xc3\x81\xcb\xe3`\xe1\xdc\xb9\xbc0\xe2\xc1\xd2i\x9f\xae]\xbb\xf2\xc2\x0b/\xd0\xa2E\x8b\x03\xeap\xfeN\xd9\xf8\x8e\x1f?\x9e\xfb\xef\xbf\x9f\xdd\xbbw\x93\x9e\x91\xc9\xc0\xbb\x87qU\x9f[p8\x9c\x14\x17\x89\xc4\xfdX\xd1T\x15\xab\xdd\x8e\xd7\xebd\xd9\xa2\xc5\xbc\xf8\xe40fN7\x0bk/\xb9\xe4\x12\x9e\x7f\xfey\xea\xd7\xaf/j\x03\xca\x81H\x00\x8e@&lt;\x0b\x8dF\xa3\x8c\x181\x82\x11#F\xa0\xeb:-Z\xb5\xe5\xde\xe1\xcfr\xdaYg\x9b\xcb\xbd\xc2!\x14\x91\xad\x1eS\xf1\x86\xc2\xedq\xa3(\x16&amp;\x7f\xfc&gt;\xa3F&lt;\xc8\xae\x1d\xdb\xc8\xca\xca\xe2\xd9g\x9f\xe5\xa6\x9bn\x02\xfe~n1\x1e\xdf\xdd\xbbw3x\xf0`&gt;\xfa\xe8#\x00\xda\x9f|\n\xf7=6\x92\xf6\'\x9f\x8c\xaf\xd8\\\xee%\xe2{l\xc5\xe3\xebMKG\xd3\xa2|\xf8\xf6\xeb\x8c~v8E\x85\x05\xa4\xa7\xa7\xf3\xe4\x93O\x96\x8e\x06\xfcU|\xcb\x8e\xda\xed\xdc\xb9\x93!C\x86\x94\x8e\xea\x9c\xd3\xfd\x12\xee\x1a\xf6\x14M\x9a7\xa5\xa8\xb0D\xcc=W\x80x|&lt;\x1e/\x92\x04\x9f}8\x9e\x17\x9fx\x88}{vS\xa5J\x15\x9e{\xee\xb9\xd2\xd1\x00\x11\x9f\xc3\'\x12\x80\xc3Pv\xc8p\xd5\xaaU\xf4\xbf\xe5\x16f\xfd\xf2\x0b\x007\x0f\xba\x87\x01w=\x847-\x8d\xe2\xc2B\xb1\x9c\xaf\x82\xc5\xb7\x1c\xce\xc8Jg\xeb\xe6-\x8c\x1c&gt;\x94\xaf\'\x99\x0f\xfak\xaf\xbd\x96\x17_|\x91\xec\xec\xec\x03\x86\x14\xcb\xf6\x1c\xbf\xfb\xee;\x06\xdez+\x9b6n\xc4nw0\xf0\xee\x07\xe9s\xeb\xddXm6|\xc5\xc5b8\xb8\x82\xe9\xb1\rv22\xbd\xacY\xb1\x8a\xa7\x86\xdd\xc5/\xb1e\xa1W\\q\x05/\xbf\xfc2\xd5\xabW\xff\xdb\xf8~\xf3\xcd7\xdcz\xeb\xadl\xde\xbc\x99\xcc\xacl\xee~\xe4i.\xbf\xb6\x0f\xaa\xaa\x11\xf0\xfb\xc50s\x05\x8b\xcf\xf9gd\xa6\xb1i\xc3\x06\x9e{\xe4^\xa6N\x99\x04@\xef\xde\xbd\x195j\x14\x99\x99\x99bJ\xe00\x89\x04\xe0?*\xfb\xf0\xf8\xe0\x83\x0f\x184h\x10\x05\x05\x05\xd4o\xd4\x84aO\xbfL\xe7\xae\xdd\xf0\x15\xf9Kw,\x13*\x07UUq8\x9d\xd8\xedv&gt;\x9b\xf06\xcf&lt;|\x0fE\x85\x054m\xda\x94\xb7\xdez\x8bSO=\x15M3\xd7\xa2\xc7\x1f$\x0f?\xfc0\x8f?\xfe8\x00-Z\xb7\xe5\xe1gG\xd3\xe1\x94N\x14\x15\x88^ae\xa3\xaa*n\xb7\x1bI\x96yw\xcc\x8b\xbc\xf4\xe4\xc3\x04\x83\x01\xea\xd7o\xc0\x9bo\x8e\xe5\xac\xb3\xce:\xe0\x88m]\xd7\x196l\x18O&gt;\xf9$\x00\xa7\x9d\xd9\x8d\x07\x9fz\x89\xc6\xcd\x9bR\x98_\x0c\x88B\xb3\xcaDUU\x9c.\x17V\xab\x95\x8f\xdf\x1d\xcb\xb3\x8f\xdcK\x89\xaf\x98\xe6-Z\xf0\xf6[o\xd1\xb1cG1%p\x18D\x02\xf0\x1f\xc4\x1f\xfa\xaa\xaar\xcf=\xf7\xf0\xe2\x8b/\x02p\xe1\xe5Ws\xff\x13\xa3\xa8R\xb5\x1a\x85\x05\x85\xa2WXI\x19\xb1\x1d\xdd2\xb3\xd3Y\xb5\xfc\x0f\x1e\xb9{ \xbf\xcd\x9b\x85\xcdfc\xe4\xc8\x91\x0c\x1a4\x08\x80\x9d;w\xd2\xb7o\xdf\xd2\r}z\xf5\xee\xcf=\xc3\x9f\xc1\xe3I\xa3\xb8\xa8\x08\x8bE!\x15w\xee\xab\xec\xcc\xe4\x1c2\xb2\xd2\xf8}\xde\xaf&lt;|\xd7\x00V-_\x82\xa2(&lt;\xf9\xe4\x93\xdc{\xef\xbd\x80y(\xd3\xcd7\xf7e\xda\xb4\xa9H\xb2\xcc\xedC\x1f\xa5\xff\x9d\xf7\xc5\x8e\xab\x16\xbd\xfe\xca\xca\x1c\r0\xc8\xccJ\xe7\x8f%Ky\xe4\xee\x81,^0\x17\xbb\xdd\xce\xa8Q\xa3\x188p\xe0\x11\xad\x02IE"\x018D\xf1!\xa6\xed\xdb\xb7\xd3\xbbwo~\xf8\xe1\x07l6\x1b\xf7\x0c\x7f\x96\xde\xb7\xdcA0\x18$\x12\n\x8b\xb9\xe0\x04\xa0\xaa*\x1e\x8f\x87h4\xc2\xf3\x8f?\xc0\xbbc^\x02`\xc0\xc0\x81\\q\xf9\xe5\xdct\xd3Ml\xdc\xb8\x11oZ\x1a\x0f&gt;\xf9\x12W\\\xd7\x1b_\xb1\x18\xd5I\x14\xaa\xaa\x92\x96\x96\x8e\xcfW\xc4\x93\x0f\x0c\xe6\xf3\x8f\xde\x01\xcc!\xe3\x9e={\xd2\xaf_?\xb6n\xddJ\xad:\xb9&lt;\xfe\xc2\x1bt\xe9\xd6\x8d\xc2|\x9fh8\x12\x84\xaa\xaax\xbc^"\xa1\x10\xcf=v\x1f\x13\xde\x1c\r@\xff\xfe\xfdy\xf9\xe5\x97\xb1\xd9lb\x84\xee\x10\x89\x04\xe0\x10\xc4\x1b\xff\x05\x0b\x16p\xd5UW\xb1a\xc3\x06\xea\xe46\xe0\xa9\xd1\xe3\xe8\xd4\xb93\x05yE\xa5\xc7\xf1\n\x89A\xd74d\x8bBZ\x9a\x87O\xde\x1b\xc7\x0bO\x0cc\xcf\xae\x1d\xa5\x9fo\xd5\xf6\x04\x1ey\xeeU\xdau\xe8@\xfe&gt;Q\xcb\x91h4M\xc3j\xb5\xe2r\xbbxg\xccK\x8cy\xfeI\xf2\xf6\xed)\xfd\xfc\x19\xdd\xba\xf3\xd0S/Q\xb7~\x03\n\x0b\nE\xaf?\xc1\xc4\x0b8\xbdin&gt;~w\x1c\x8f\xdfw;\xc1\x80\x9f3\xce8\x83\x0f&gt;\xf8\x80\x1a5j\x88\xba\x80C Z\xac\x7f\x11\x7f\x13M\x9a4\x89\xb3\xcf&gt;\x9b\r\x1b6\xd0\xf1\xb43y\xff\xab\x9f\xe8pJg\xf2\xe2\x8d\x83h\xfc\x13\x8a\xac(\xe8\x9aN~^\x017\xdd\xd6\x87\xb3/\xe8Q\xda\xfbs8\x9d\xdc~\xffc\x9czF\x07v\xef\xdc\x8bb\xb1\x88\xc6?\xc1(\x16\x0b\xd1h\x04_\xb1\x8f\x81w\xddA\x87S:\x97\xc6\xd0\xe3\xf5\xd2\xf7\xf6\xa14m\xd9\x80\xbc\xbd\xfbD#\x91\x80\x14EA\xd7u\n\xf2\x0b\xe9\xd5\xbb\x0f\xef|&gt;\x9d\xba\xf5\x1b\xf2\xd3O?\xd1\xb9sg\x96.]\x8a\xc5bAU\xd5\x8a\xbe\xd4JM\xb4Z\x7f\xa3\xec2\xa1\xd1\xa3Gs\xf9\xe5\x97\xe3\xf3\xf9\xb8\xec\xea\x1byc\xe2\xd7\xe4T\xadNq\xa1\xe89$*s\x15\x87LZz\x06\xf7\x0c\x18\xcc\x87o\xbf\x06@\xbd\x86M\x08\x05\x83\x0c\x1dx\x03_L\x9cB\xb5\x9aU\xc4C$\x01\xe9\xaa\x8a\xcdf\xc7j\xb32\xe0\xda\xeb\xf8n\xf2\xa7\xd8lv\x1a7kI\x89\xcf\xc7\xc0\xebz\xf0\xf5\xa4\xaf\xa8Z#G\xc47AI\x92\x84\xa2X\xc8\xdbWH\xdb\x0e\x9dx\x7f\xf2\x0cN\xect:\xeb\xd6\xad\xe3\xac\xb3\xce\xe6\xfb\xef\xbf\x17I\xc0\xbf\x10\t\xc0_(\xbb\xcc\xef\x91G\x1e)-\x0e\xbb\xed\xde\x87y\xfa\xd5q\xe8\xbaN8\x14\x14\xf3\xfd\t*^\tn\xb5\xd9\xb8\xef\xb6\x1byw\xcc\x8b\xc8\xb2\xcc\xf0Qc\xf8j\xd6ot\xbb\xe8r\xf2\xf7\xed\xe5\xf6\x1b\xaf`\xd2\x07\x13\xc8\xae\x92\x81&amp;\x1e"\tC\xd34\xec\x0e\x07\xd1h\x84\xdb\xae\xbf\x8c)\x9fL\xc0\xe5v3\xea\xcd\x0f\xf9b\xe6\x02\xba]x\x19\x85\xf9y\x0c\xea-\xe2\x9b\x0c,\x16\x0b\xc5\x85\x85\xe4T\xad\xce\x9b\x1f\x7f\xc3\xf9\x97\\I^\xde&gt;.\xbc\xf0B&gt;\xfd\xf4S\x91\x04\xfc\x03\x91\x00\x1c$^E\xaa(\n\x83\x07\x0f\xe6\xb1\xc7\x1eC\x96e\x1e\x1d\xf9\x1aC\x1e\x1aNqQQl\xf7?Q`\x92\x88t\xdd\x9c\x1b\x96$\xb8\xf3\xa6\xab\xf8\xe2\xa3wq{\xbc\x8c~w\x12W\xf7\xe9\x8b\xa6\xc9\xbc4\xeec\xae\xeb;\x88h$\xc2=\x03\xae\xe7\xbd1\xaf\x93U%\x03M\x13\x0f\x91\xcaN\xd34\x9c.\x17%\xbebn\xb9\xea"~\xfe\xfe[\xaaT\xab\xc1[\x9f|G\xb7\x8b.A\x8d\xea\xbc4\xfe\x93X|\xc3\x07\xc6W4\x12\tK\xb1X\x08\x05\x83H\x92\xcc\xa87?\xe2\xba\xbe\x83\x08\x87\xc3\xf4\xec\xd9\x93\xb7\xdf~[$\x01\x7fC\x14\x01\x96Q\xb6\xe7?`\xc0\x00\xc6\x8c\x19\x83\xdd\xe1\xe0\xa9W\xc6qI\xaf\xab\xc8\xdb+\x8a\xc1\x12\x99\xd9\xf8\xdb\xd0u\x8d;\xfa\xf4\xe2\xe7\xef\xbf!+\xbb\n/\x8d\xfb\x98Ng\x9ca\x16\xfb\xc5\xd6\x11\xa7ex\x19\xf5\xf8\xc3\xbc6\xd2\xdc\x07\xe0\x81\'^\xe0\xe6Aw\x92\x9fW$\xaa\x8b+)\xb3\xf1wR\x94\x9f\xcf-\xd7\\\xcc\xb2E\x0b\xa8S\xaf\x01\xaf\xbd\xff\x05\xcd\x8ekMaA\x01\x8a\xac\x80$\x91\x96\xeee\xd4\xe3\xc3x\xed\xf9\x11\x80\x88o\xb2\x88\xef\xd3\x92\x96\xeee\xd4\x88a\xbc6\xd2\x8c\xefk\xaf\xbd\xc6\x80\x01\x03Da\xe0AD\x02\x10S\xb6\xf1\xef\xd7\xaf\x1fo\xbe\xf9&amp;.\xb7\x87Qo~H\xd7\x0b/$o\xaf\x98\xefOd\xba\xaec\xb1Z\xc1\xd0\xb9\xed\x86\xcb\x99\xf5\xe3T\xaaT\xab\xcek\x13&amp;\xd3\xf6\xc4\x0e\x14\xe4\x17`\xb1X\x81\xf8(\x90NfV:\xaf&gt;\xf74\xcf?~?\x00\xf7\x8f\x18E\xbf;\x06\x93\xb7\xaf\x10E\x11\xef\x85\xca\xa4\xb4\xf1/\xc8\xa7o\xcf\xee\xacX\xfa;\r\x1a7c\xccGS\xc8\xad\xdf(\xb6\x7f\x83\x19\xb3\x03\xe3\xfb\x14\xcf?\xfe\x00 \xe2\x9b,\xfe.\xbe\xa3G\x8f\xe6\xd6[o\x15I@\x19"\x01\xe0\xc0\xc6\x7f\xe0\xc0\x81\xbc\xfe\xfa\xebx\xbci\xbc\xf8\xf6\xc7\x9cy\xee\xb9\xe4\xed\xdb\xdf8\x08\x89G\xd7u\x14\x8b\x82"\xcb\xdc~\xe3\x95\xfc4\xedk\xaaV\xaf\xc9\x1b\x1fM\xe1\xb86\xed),\xf8\xff\xf8\xc6\xdf\x13Y9\xe9\x8c\x195\x92g\x1f\xb9\x07\x80a\xcf\xbc\xc2\x8d\x03o#\x7fo\xa1\xa8\x01\xa9$\xf4\xd8\x9c\x7fII1\xfdzvg\xd9\xa2\x054j\xd6\x92\xb1\x13\xbf\xa2f\xed\xba\xf8\x8a}\xff\xf7\xc0\xff\xbb\xf8&gt;\xfc\xcchz\x0f\xbcU\xc47\xc1\xfd]|\xc7\x8e\x1dK\xdf\xbe}E\x12\x10\x93\xf2\t@\xd9j\xff\xbb\xef\xbe\x9b\xe7\x9f\x7f\x1e\x97\xdb\xc3K\xe3&gt;\xe1\xac\xf3\xce#oo\x81\xd9s\x14\x12\x92a\x18H\x92\xb9\xb4o\xc8\xcdW\xf3\xdd\xe4O\xc9\xa9R\x8d\xb1\x13\xbf\xa6U\xbb\x13\xfe\xb2\xf1/K\xd3T\xb2s2x\xf5\xb9g\x18\xf9\xd8}\x00&lt;5z&lt;=o\xe8m\xbe7DbX\xa1t]\xc7j\xb5\xa2\xaaQ\xfa\xf6\xbc\x80\xdf\x7f\x9dM\x83\xc6\xcdx\xeb\xd3o\xa9Q\xab.~\x9f\xef\x1f\x1b\xf2\xbf\x8a\xef\xd3\xa3\xc7s\xa5\x88oR\xf8\xff\xf8J|\xf8\xe1\x07\\u\xd5U"\t@\x14\x01\x966\xfe#F\x8c\xe0\xf9\xe7\x9f\xc7nw0\xf2\x8d\t\xa2\xf1O\x02\xf1\x82N\x8f\xd7\xcb#C\x06\xf0\xdd\xe4OI\xcf\xcc\xe2\xd5\xf7?7\x1b\xff\xfc\x7f\x7f\xc0\x9b\xcb\x8c\x8a\x18x\xf7P\x06\r}\x14\x80\x87\x07\xf7\xe7\xbb/\xbf$+;S\x14\x16U \xc30\x97r\xca\xb2\xc4\xe0\x9bz\xf1\xfb\xaf\xb3\xa9S\xaf\x01o|4\x85\x9a\xb5\xebR\xf2/\x8d?\x1c\x18\xdf\xdb\xee}\x14\x80aC\xfa3\xf5\xcb\xc9"\xbeI\xe0\xff\xef_\x83\xde\xbd{3u\xeaTQ\x18H\x8a\x8f\x00\xc43\xc07\xdf|\x93~\xfd\xfa\xa1\xc82O\xbf\xfa\x0e\x97]{\x9d\xc8\xfe\x93\x80\xa6\xa9deg\xf0\xdc\xa3\x0f\xf1\xfa\xa8\'p\xb9\xdd\x8c~\xefsN?\xab+\x05y\x87\x9e\xdc\xc5\xe7\x1432\xd3y\xfc\xbe!\xbc\xf3\xfa\x0bx\xbci\xbc\xf5\xc9\xb7\xb4;\xe9\x14\x8a\x0b\xc5p\xf1\xb1\x16O\xee\xbci^\xee\x19p\x03\x93?~\x9f*\xd5j\xf0\xf6gSi\xda\xa2\xd5\x01s\xfe\x87\xf6\xbd\xcc\xf8&gt;6t0\xef\x8ey\x11OZ\xba\x19\xdf\x0e\x9dD|\x13\xdc_\xc57==\x83\x1f\x7f\xfc\x81\xf6\xed\xdb\xa7\xf4\xb6\xc1)\x9b\x00\xc4\x1b\xffo\xbf\xfd\x96\x8b.\xba\x18MSy\xf0\xc9\x17\xb9\xf9\xf6;\xd8\xb7G4\xfe\x89NUU\xb2\xabd\xf0\xfe\x1bcx\xe4\xee\x01\xc8\x8a\xc2\xc81\x13\xe8\xd1\xab\x17y{\xfe\xfb\xc8\x8ey\x9b\x18x\xbci\xdc\xdd\xff:\xa6|:\x81\xea5k\xf3\xfe\x94\x9f\xa8U7\x97\x80?\x90\xb2\x0f\x91\x8a\x10O\xee\x9e\x1ev?c_z\x1a\x8f7\x8d\xb1\x13\xbf\xe6\xc4SN\xa30\xff\xbf\x17\xec\xee\x8f\xaf\x97\xbb\xfa]\xc7W\x9f}@\xf5Z\xb5\x990e&amp;5\xeb\xd4\x15\xf1Mpe\xe3k\xde\xbf\x1fP\xb7n.\xb3g\xcf\xa2N\x9d:\xb1\xa5\xdd\xa97 \x9e\x92\t@&lt;\xe3[\xbe|9\x9d;w\xa6\xa0\xa0\x80\xbe\xb7\xdf\xcb\xfd#\x9e!?OT\x00\':UU\xc9\xc8\xcc\xe0\x97\x1f\xa61\xe0\xda\x8b\x89\x84\xc3\xa5\x15\xde\xfb\x0e\xa3\xf1\x8f3t\x1dYQP,\n\xfd{]\xc8\xdc\x9f\x7f\xa0\xe5\xf1\xedx\xef\xcb\x1f\xb1\xd8lh\xaa\x8a$\xa5\xdeC\xe4XSUs^w\xc2\xdbcyxp\x7f,\x16\x0b/\xbc5\x91\xf3/\xbd\x8c\xfc#(\xd8\x8d\x17\x02+\x16\x99~=/d\xde/?r\\\x9b\x13xw\xf2\x0fX\x14+\x9a\xa6\x89%\xc0\t\xec\xaf\xe2{\xd2I\'1c\xc6\x0c\x1c\x0eG\xe91\xef\xa9$\xe5\x9eV\xf1\x13\xbf\xf2\xf3\xf3\xb9\xe2\x8a+)((\xe0\xfcKzr\xcf\xa3OSXP,6\xf8Ip\x9a\xa6\xe1\xf6\xb8\xd9\xb0n\rCo\xbd\x81H8\xccu}\x07q\xf3\xed\xe6\xf2\xae#\xa9\xe9\x90d\x19M\xd3\x00\x89\xe7\xc7N\xa0a\x93\x16\xacX\xba\x88\xfbo\xbf\x19\x87\xc3I\xea\xa5\xd2\xc7\x9e\x16K\xeef\xff\xf4\x13O\xde\x7f\'\x00w?\xf2\x0c\xdd/\xbb\x8c\xfc#\x9c\xb6\x93c\xf1\x95\x90y~\xec\x04\x1a4n\xc6\x1fK~\xe3\xa1\xdb\xfb\xe2t9I\xc1\xbeRR98\xbe\r\x9b4c\xfe\xfc\xf9\xf4\xed\xdb\xaf\xf4s\xa9&amp;\xa5\x12\x80\xf8\xd2\x10I\x92\xb8\xfe\xfa\xebY\xb3f5\xc7\xb7?\x89\'^~\x8b` \x88a\x90r\x19`21\x0c\x03\x8b\xc5B8\x14\xe2\xee\xfe\xd7\xb1o\xcfn:\x9fs&gt;\x0f&lt;9\x8a\xe2\x02_\xb9$w\xb2,\x13\x0e\x85\xc8\xcc\xae\xc2\x0bo}HFf\x16\xd3\xbf\x9a\xc4+\xcf\x0c\'3;-\xe5\x8b\x8a\x8e&amp;]\xd3q\xba\x9cl\xdb\xb2\x89\xa1\x03o \x14\nrU\x9f\x01\xf4\xbdc\xc8\x11\'wq\xb2,\x13\n\x85\xc8\xca\xa9\xca\xa87?$=#\x93\xef&amp;\x7f\xca\xab\xcf=Af\x96\x88o\xa2+\x1b\xdf\xe7\xc7~Hzf&amp;\x1f~\xf8\x01\xcf&gt;\xf7\\J\x16\x05\xa6T\x02\x10\x1f\xfa\x7f\xf8\xe1\x87\xf9\xe6\x9bo\xa8V\xbd&amp;#\xdf\x98\x80\xddn\'\x1a\x8d\xa6\xe4\x1cP2\xd1u\x1d\x8f\xd7\xcd\xe3\xf7\xdd\xc1\xf2\xc5\x0b\xa9\xdf\xa8)O\x8f\x1e\x87\x1aU\xd1\r\xa3\xdc\x92;EQ\xf0\x15\x17\xd3\xf2\xf8\xe3\x19\xfe\xfc\x1b\xc8\xb2\xcck\xcf\x8f`\xda\x94)dfe\xa4\xdcC\xe4\x980\x0cd\xc5\x8c\xdf}\xb7\xf6a\xe7\xf6\xad\x9c|\xda\x19&lt;\xf8\xe4\x0b\x14\x17\x96\x94\xeb\xc8\x9d\x19\xdf"Z\xb5m\xcb\xa3#_C\x92eF?7\x9c\x1f\xbe\xfd\x96\x8cL\xb1ep\xa2; \xbe\xcf\xbd\x8e,\xcb&lt;\xf0\xc0\x03\xcc\x981\x03\x8b\xc5\x92R#\x01)\xd3\xe2\xc5\x97\xfb}\xf3\xcd7\x8c\x181\x02\xab\xd5\xca\xe3/\xbeI\xfdF\x8d\xf0\x97\xf8E\x81O\x82SU\x95\xac\xect&gt;x\xfb\r&gt;\xffp&lt;.\xb7\x87g^{\x87\xac\x9c\xaa\x84C\xa1rO\xee,\x16\x0b\xf9y\x85\\t\xc5\xe5\xf4\x1f|?\xba\xa6\xf1\xf0\x90[\xd8\xbca\x03.\x97\x13]\xd7\xcb\xf5\xe7\xa5:M\xd3H\xcf\xf0\xf2\xfc\xe3\x0f2\x7f\xf6O\xd4\xa8U\x87\xa7_}\x0707\x02*\xef\x91;\x8b\xc5J~^!=z\xf6\xe2\xe6\xdb\xeeASU\x1e\x1e\xd2\x9f\xed[6\xe3p\x8a\xf8&amp;\xba\xfd\xf1\xed\xc9M\x83\xcc\xf8\xf6\xee\xdd\x9b\xdd\xbbw#\xcbr\xca\xc47%\x8a\x00\xe3\xc3\xfe;v\xec\xe0\x84\x13Nd\xd7\xae\x9d\xdc~\xdfp\xee|\xf0a\xb1\xdc/\t\xe8\xba\x86\xcb\xedf\xcd\xca\xe5\\\xdb\xbd\x0b%\xbeb\x1e}\xee5\xae\xbfe\xc0aU\xfc\x1f:\x03\xc3\x00\xa7\xcbI\xdf\x9e\xdd\x99=c\x1a\x9d:\x9f\xcd\xdb\x9f~K0\x18\x12\xd3I\xe5DSU\xd2\xb32\x98&gt;\xe5\x0bn\xbb\xe12,V+c&gt;\x98\xc2\xe9gw\xa3\xb0\xe0hn\xd1m\xc6\xd7\xe1\xb4s\xd3\xe5\xe73\xef\x97\x1f9\xfd\xec\xf3\x18;\xf1+\xfc%~1b\x98\xf0b\xf1u\xd8\xb9\xe9\n3\xbe\x17^x!S\xa6LI\x99M\x82R\xe2\x1dl\xc4\x86\x7fo\xbe\xf9fv\xed\xda\xc9\xe9g\x9d\xcb\xc0\xbb\x1f\xa40\xafX4\xfe\t\xce,\xeaT\x88\x84\xc3\x0c\xbb\xb3?%\xbeb.\xbc\xfc\x1a\xae\xed;\x80\xfc}EGy#\'\xa9t\'\xc9\xc7_x\x83j5j1\xf7\xe7\x1f\x18\xf3\xc2\xd3ddz\xc5T@90t\x1d\xbb\xd3\xc9\xf6-[xl\xe8 \x0c\xc3\xa0\xff\xe0\xfb9\xf3\xdcn\xb1]\x1c\x8f\xe6C\xda\x8c\xaf\xa1\xc3\x88\x17\xdf \xa7j5~\xf9\xe1;\xde\x1e\xfd\xbc\xa8\x07H\n\xb1\xf8\x1af|\xabT\xad\xceW_}\xc5\xcb/\xbf\x9c2\xf5\x00I\x9f\x00\xc4\xe7\xfd_~\xf9e\xa6N\x9dJ\xb5\xea5\x19\xfe\xfc\xeb\xa8\xaaJ\xd2\x0f}\xa4\x00]\xd3H\xcf\xf0\xf0\xca3\x8f\xb1|\xf1B\xea5l\xc2CO\xbdH\xc0\x1f8&amp;=4Y\x96\t\x06\x82\xd4\xc9\xcd\xe5\xa1\xa7_F\x96e\xc6\xbc\xf0\x14\x0b\xe6\xce\xc3\x9b\x96\x86\x9eB\xf3\x89G\x83\x01\xd8l6F\xdcw\x07\xbbwn\xa7\xe3\xe9gq\xeb]\x0fR\x90\xef;&amp;\xc9\xbb,\xcb\x04\x02\x01\xea5l\xc8\x03O\xbc\x88$I\xbc\xfa\xdcc,\xf9\xedw&lt;^/\xba.\xe2\x9b\xc8\xca\xc6\xf7\xfe\'^@\x92$\x1ex\xe0AV\xae\\\x89\xc5bI\xfa\xa9\x80\xa4N\x00\xe2\xeb&gt;W\xadZ\xc5\x03\x0f&lt;\x88$I\xdc7b\x14u\xeb\xd7#\x14\x08\x8a!\xbc\x04\xa7i\x1a\xde\x8c4f\xff\xf4\x13\xef\x8ey\x01\x8b\xd5\xca\xc3\xcf\xbcBVv\x0e\x91p\xe4\x98\r\xc1[,\x16\n\xf3\x0b\xb9\xe0\x92K\xe9yC?\xc2\xa1 \x8f\xdd{+\xa1`\x00YQ\x10\xeb\x03\x0f\x8f\xaa\xaadd\xa5\xf1\xf1\xbbo\xf2\xc3\xb7_\x92\x99\x95\xcd\xa3#_C\x8f\xed\x02x\xacX,\x16\n\xf2\x8b\xb8\xf8\xca^\\\xd2\xab7\x01\xbf\x9f\xc7\xee\xbd\r\xb5\xb4pX\xc47\x91\x95\x8d\xef\xa5W\xf5\xc6\xef/\xa1_\xbf~h\x9aV\xba\xe3d\xb2J\xda\x160\x1e8]\xd7\x190`\x00~\x7f\t\x97\xf4\xba\x81\x0b\xaf\xe8IA\xbe\xd8\xda3\xd1\xc5\x97\xfc\x05J\xfc&lt;\xf1\xc0\x9dD\xa3Q\xae\xeb;\x88.\xdd\xbaRX\x01[\xb7\xca\x8aBqq\x80!\xc3\x9e\xa4A\xe3f\xac\\\xb6\x987^|\x9a\xf4\x0cOJU\x15\x97\x17]7\x97\xfcm\\\xb7\x9e\x17\x9ex\x08\x80!\xc3\x9e\xa2q\xb3&amp;\xc7lt\xa7,Y\x96\xf1\x97\x04\xb9w\xf8\xd3\xd4\xa9\xd7\x80%\xbf\xfd\xca\xf8\xd7^ =\xc3\x8b\xaa\x8a\xf8&amp;\xbax|\xefy\xf4i\xea\xd6k\xc0\x9c9sx\xe9\xa5\x97P\x14%\xa9\xef\xdf\xa4M\x00\xe2\xbd\xff\xd7_\x7f\x9d\x9f\x7f\xfe\x99Zur\xb9\xeb\x91\xa7\x08\xf8E\xcf?\x19h\x9aFZ\xba\x9b\xb1/&gt;\xc3\x9a\x15\xcbh\xd4\xac%\xb7\xdd\xfb0\xc</t>
        </is>
      </c>
    </row>
    <row r="241">
      <c r="A241" s="1" t="n">
        <v>239</v>
      </c>
      <c r="B241" t="inlineStr">
        <is>
          <t>rectangle_height_color</t>
        </is>
      </c>
      <c r="C241" t="inlineStr">
        <is>
          <t>What is the missing color of the part denoted with a question mark?</t>
        </is>
      </c>
      <c r="D241" t="inlineStr">
        <is>
          <t>['yellow', 'green', 'blue', 'orange']</t>
        </is>
      </c>
      <c r="E241" t="inlineStr">
        <is>
          <t>blue</t>
        </is>
      </c>
      <c r="F241" t="inlineStr">
        <is>
          <t>There are 7 rectangles in the image with varying colors and lengths. The lengths from left to right are ['short', 'long', 'medium', 'long', 'short', 'medium', 'medium']. The colors from left to right are ['green', 'red', 'blue', 'red', 'green', 'blue', '?'].</t>
        </is>
      </c>
      <c r="G241" t="inlineStr">
        <is>
          <t>We observe that the red rectangles are of long length and the green rectangles are of short length. Hence, the pattern is that the color of each rectangle corresponds to its length.</t>
        </is>
      </c>
      <c r="H241" t="inlineStr">
        <is>
          <t>Based on the pattern that the color of each rectangle corresponds to its length, the missing color of the part denoted with a question mark should be blue.</t>
        </is>
      </c>
      <c r="I241" t="inlineStr">
        <is>
          <t>b'\x89PNG\r\n\x1a\n\x00\x00\x00\rIHDR\x00\x00\x02\x00\x00\x00\x02\x00\x08\x02\x00\x00\x00{\x1aC\xad\x00\x00&gt;\x9cIDATx\x9c\xed\xdd{|\x14\xd5\xfd?\xfe\xf793\xbb\xd9\xcdu\x97\x90\x84p\x11\x85\x00\x82h0\xdc\xc4 x\xe3b\xad\x8aV\x11\x15l\xbf(h-m\xe3\xd7\xafm\xed\xcf\xc7\x07\xd1ok\x11\xfc\xb4\xb5\xedGK\x84\x14T\xa4Uk\xd5\xb6\x10\x12-\x17/\x10@\xb9&amp;\xdc\xe4NL\xc8us\xdb\xec\xee\xcc9\xbf?\xa6\xe4\x8bV$\x84lv&amp;\xe7\xf5\xfc\x0b7\x98\xbc\x99\xbcw^g\xce\x9c9\xcb\xa4\x94\x04\x00\x00\xea\xe1\xb1.\x00\x00\x00b\x03\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d2c]\x80\x12\xa4\x94\x1d\xf8\xbf\x18c\x9d^\x89\x9ap\xfc\x01\xbe\x16\x02 *\xa4\x94B\x08)%c\x8c1\xc6yG\xae\xb4:\xe5\x9b\xa8\t\xc7\x1f\xa0=X\xc7\x06G\xf0\xb5\xacS\x06\x11i\x9av\xe6\xeb\x81@@\x08\xc1X{\x8f\xb65\xf6\xf4\xf9|g\xbeh\x9d\x8c8\xe7\x18\x99\x9e\r\x8e?\xc0yA\x00t\x0e)\xa5i\x9a\xba\xfe\xef+\xaa\xc6\xc6\xc6\x92\x92\x92\xcd\x9b6}\xfa\xe9\xa7\xb5\xb5\xb5e\xa5\xa5\x86a0\xa2v\x1ek\xebT\x95\x95\x95\xe5\xf3\xfbG\x8d\x1e\x9d\x93\x933f\xcc\x98&gt;}\xfaX_5\x0c\x83s\x8e\x01\xe9\x99p\xfc\x01:\x00\x01\xd0\tL\xd3\xb4\x86\x9c\xe1px\xcd\x9a5+\x96/\xdf\xbae\xcb\xd1\xe3\xc7;\xf1G\xf8SRF\x8d\x1e=}\xfa\xf4[o\xbb-==\x9d\x88\x0c\xc3\xd04\r\xa3Q\xc2\xf1\x07\xe8(\x04\xc0\x05\xb1\x8e\x1ec,\x10\x08\xe4\xe7\xe7\xbf\xb2b\xc5\xce]\xbb\xda\xbe\x9a\xe4\xf1\xf4MJJ\xf7z\xb3|&gt;\xbf\xc7c\x08\xd1\xce\xb3\x05c,b\x9a{jk\xebC\xa1\xc3\x81@]KK\xdb\x972{\xf5\xbao\xe6\xcc\x07\x1f|p\xc8\x90!D$\x84Py(\x8a\xe3\x0fp!\x10\x00\x1d\xd76\xf0,((xn\xe1\xc2\xbd\xfb\xf6Y\xaf\xf7MI\xb9\xa6w\xef\x1b\xfb\xf7\x1f\x9e\x9a\x9a\x9e\x90\x90\xe8r\xe9\x9c\xf3\xf3\x1c*J)\r!ZM\xb3\xaa\xa5e_]\xdd\x86\x13\'\xfeu\xfcxYM\rIID=\xfc\xfe\x1f\xfe\xe8G\x8f&gt;\xfahJJ\x8aa\x18mS\x1fJ\xc1\xf1\x07\xb8@\x08\x80\x0e\xb2\xce&gt;\xe5\xe5\xe5\xb3g\xcf.,,\xb4^\x1c\xda\xb3\xe7\x9c\xcb/\xbfy\xc0\x80\xb4\xf8x)e\xc84\xc3\xa6)\xa4\x94\x1dZ\x89\xc8\x18\xe3\x8c\xb98\xf7h\x9a\xceyC8\xfcqy\xf9K;v\xac;~\xdc:\r\r\x192d\xe9\xd2\xa5\xb9\xb9\xb9\xd6\x1dN\xa5\xa6#p\xfc\x01.\x1c\x02\xa0#\xacA_aa\xe1\xec\xd9\xb3\xcb\xcb\xcb\x89(\xcb\xef\xff\xc1\x88\x11\xd3\x06\r\xf2\xc5\xc55\x86\xc3\x11\xd3$\xc6xg\xac%\x97DBJ)\xa5\xcey\xa2\xcbeJ\xb9\xee\xf8\xf1\xdf}\xf6\xd9\x87\'N\x10Q\x9c\xdb\xfd\xab\x85\x0b\xf3\xf2\xf2\x94:\x07\xe1\xf8\x03t\n\x04\xc0y\xb3\xce&gt;\xf9\xf9\xf9s\xe7\xce%"b\xec\x7f]v\xd9\x13W]\x95\xee\xf5\xd6\x87B\x86\x10\x1a\xe7Q:\r\x98R2\xa2\xe4\xb88S\x88\xfc\x9d;\x17n\xd9\xd2\x18\n\x11\xd1\x9c9s\x96,Yb\x9a\xa6\n\x8b\x14q\xfc\x01:\x0b\x02\xe0\xfcX3\x0fmg\x1f\x9f\xc7\xf3\xabk\xae\xb9g\xe8\xd0@(\x146M\xbdK\xee\x07Z\xa7\xa1\x9e^oIE\xc5\x8f?\xf8`OM\rIi\x9d\x83\xba\xfd8\x14\xc7\x1f\xa0\x13!\x00\xce\xc3\x97\xce&gt;\x8c\xa5{\xbd\x05S\xa7N\xe8\xd7\xaf\xa2\xb9Y\x8f\xda\xa8\xf3l"B\xf8=\x9e\xaa\x96\x96\x99\xff\xf8\xc7\xb6\xaa*\x12\xa2m\x1c\xfa\x95\xc7\xa0\xba\r\x1c\x7f\x80\xce\x85\x00h/\xeb\x8d]\\\\&lt;i\xd2$"J\xf5zW\x7f\xe7;\x03RR\xeaB!W\x8c\x16\x02\x1aBxt\x9d3v\xd7\xbb\xef~t\xf2$\x11=\xf5\xd4S\xf3\xe7\xcf\xef\x96\xebRp\xfc\x01:\x1d\x02\xa0]\xac\xe5\xde\x95\x95\x95\xd9\xd9\xd9\xa7N\x9dJ\x89\x8b{\xed[\xdf\x1a\x9b\x99Y\x1f\nu\xcd\xb4\xc3\xd9\x98Rz4\xad!\x1c\x9e\xfe\xde{\xbb\xaa\xab\x19Qaa\xe1\xa4I\x93\xba\xd98\x14\xc7\x1f \x1a\xf0\x0cK\xbbX;\r\xcc\x9a5\xab\xb2\xb2\x92\x88\x9e\xbd\xe6\x9a\t\xfd\xfa\xd5\xc5\xfa\xecCD\x1acA\xd3\xec\xe9\xf5\xfeq\xd2$_\\\x9c\x94r\xd6\xacY\x15\x15\x15\x8c1kW\x9c\xee\x01\xc7\x1f \x1a\x10\x00\xe7f\x8d\xe6V\xae\\YTTDD3\x87\x0e\xbdo\xd8\xb0\x8a\xe6\xe6X\xcd&lt;|\x85\xceX}(4\xacg\xcf\xff\x9b\x9bKD\x95\x95\x95O&lt;\xf1\x04\xe7\xbc\xdb\\\xdb\xe1\xf8\x03D\t\xa6\x80\xceAJ)\xa5\xac\xaf\xaf\x1f;v\xec\xa1\xcf?\xef\x9f\x9c\xbc\xf6\xae\xbb\xe24\xcdZ\nb\x1f\xa6\x10~\x8fg\xd6\xea\xd5\xff8t(\xce\xed\xde\xb8q\xe3\xa8Q\xa3\xac\xdd+c]\xda\x05\xc1\xf1\x07\x88\x1et\xe79X\x8b\xbb\x0b\n\n\x0e\x1e&lt;(\xa4\x9cw\xe5\x95\xe9\xf1\xf1a\xd3\xb4\xd5\xd9\x87\x88\x18ca!\x1e\x1f5\xca\xa3i\xa1Ph\xfe\xfc\xf9\xed\xdf\xfd\xd8\xcep\xfc\x01\xa2\x07\x01\xf0M\xa4\x94\x9a\xa6\x05\x83\xc1\x82e\xcb\x18cY~\xffw\x06\x0f\xaekm\x8d\xf9\xd4\xf3\x7f\xe2\x8c5\x85\xc3\xd9\xe9\xe9\xdf\x1e8\x90\x886\xac__VV\xa6i\x9a\xa3g\xa2q\xfc\x01\xa2\xcavo$[\xb1\x9e\xeb)..\xdeSZ*\xa5\xfc~vvJ\\\x9ca\xd7\xb74g,d\x9a\x8fdg\xc7\xbb\xdd\xcd--/\xbf\xfc2\x119\xfa\x04\x84\xe3\x0f\x10U\x08\x80s\xfbSA\x01c\xacWR\xd2\xcd\x03\x076\x86\xc3\x9a\xfd\x86\x9f\x16\xceXs8\x9c\x9d\x9e~u\xef\xde\x8c\xb17\xff\xf2\x97\x96\x96\x16]\xd7\x9d&gt;\x11\x81\xe3\x0f\x10%6}/\xd9\x815\xff\x10\x08\x04JJJ\xa4\x94\x13\xfa\xf4I\x8f\x8f\x8f\xd8o\xf6\xf9L\x92\x883v\xd3\xc5\x17K)O~\xf1\xc5\x8e\x1d;\xc8\xb1\x83P\x1c\x7f\x80hC\x00\x9c\x95\xf5\xbe\xdd\xbau\xeb\x89\x93\'\x89hR\xff\xfeDD\xf6\xde\xe6E\xe3&lt;h\x18\xe3\xfb\xf4I\xf2xL\xd3\\\xbdz5uh\'d;\xc0\xf1\x07\x886\x04\xc0YY\xef\xdb\x92\x92\x12"J\x88\x8b\xbb,5\xb5\xd50\xce\xf7sE\xba\x18#\n\x99f\x9f\xa4\xa4KRR\x88h\xeb\x96-D\xe4\xd0\x95\x888\xfe\x00\xd1\x86\xd6&lt;+kO\xc7m[\xb7\x12\xd1E\xc9\xc9\x99\x89\x896\x9f\x7f\xb0\x08!\xe2]\xae\xcbz\xf4 \xa2\xb2\xd2\xd2\xa6\xa6&amp;\x87&gt;\x94\x84\xe3\x0f\x10m\x08\x80\xb3\xb2\xd6qWUU\x11Q\xaa\xc7\x93\xe8v\x9bNx\x1bK"\x8d\xb1\xcc\x84\x04"\xaa\xaf\xaf\x0f\x06\x83\xb1\xae\xa8\x83p\xfc\x01\xa2\r\x01\xf0\xf5\xacg8\x03\x81\xc0\xfe}\xfb\x88h\x88\xcf\xa7;\xe4\xb9\x1e\xc6\x98!\xc4`\xbf\x9f\x88\x1a\x9a\x9a\xca\xca\xca\xc8\x81\xf7!q\xfc\x01\xba\x00\x02\xe0\x9bH)#\x91\x08\x11\xf9=\x1e\xce\x98\x03N?DD$\x89zx&lt;D$\x840\x0c#\xd6\xe5t\x1c\x8e?@T!\x00\xce\xc1\x9a\x896\x9c0\xf6&lt;S[\xc1N\xfft*\x1c\x7f\x80\xe8A\x00\xb4\x8b\xe3\xde\xc4\x8e+\xf8\x9b9\xee\x9f\xe3\xb8\x82AM\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a5\xc7\xba\x00p\x00)e\x07\xfe/\xc6X\xa7W\x02N\xe4\xf4\xfeqz\xfd\xdf\x00\x01\x00_CJ)\x84\x90R2\xc6\x18c\x9cw\xe4J\xb1S\xbe\t8\x91\xd3\xfb\xc7\xe9\xf5\xb7\x1f\x02\x00\xfe\x1f\xabe\x89H\xd34M\xd3\xda^\x0f\x04\x02B\x08\xc6X;\x87B\xd6\xd8\xc7\xe7\xf3\x9d\xf9M\xac7\x03\xe7\xdc\x11##\xe8\x00\xa7\xf7\x8f\xd3\xeb\xef\x00\x04\x00\x10\x11I)M\xd3\xd4u\xddj\xd9\xc6\xc6\xc6\x92\x92\x92M\x9b6\x7f\xfa\xd9\xa7\xb55\xb5\xa5ee\x86a0F\xed\xbc\x14f\x8c\x11\xc9\x81\x03\xb3\xfc~\xdf\xe8Q\xa3rrr\xc6\x8c\x19\xd3\xa7O\x1f\xeb\xab\x86ap\xce\xed9 \x82\x8eqz\xff|m\xfd\x9b7o\xfe\xf4\xd3Okkk\xcb\xca\xcaL\xd3&lt;\xdf\xef9p\xe0@\x9f\xcf7\xca\xde\xfd\x8f\x00\x002MS\xd34]\xd7\xc3\xe1\xf0\x9a5k\x96\xafX\xb1e\xcb\xd6\xe3\xc7\x8e^\xe0\xb7\xad\xa9\xae&amp;\xa2\xc25k\x88(\xc5\xe7\x1f=j\xd4\xf4\xe9\xd3o\xbb\xed\xd6\xf4\xf4t"2\x0cC\xd34[\x8d\x86\xa0c\x9c\xde?_\xa9\x7f\xc5\x8a\x15[\xb7n=z\xf4B\xeb\xaf\xaa\xaa"\xa25k\xd6\x10\x91\xdf\xef\x1f5j\xd4\xf4\xe9\xd3o\xbd\xd5^\xfd\x8f\x00P\x9auI\xabiZ \x10\xc8\xcf\xcf_\xf1\xca+\xbbv\xeel\xfb\xaa\'!)9\xadO\x82/\xdd\xdf{\xa0\'\xc9/\x84\xc1\xa8}\xfd\xca\x980"UGJ[\x9b\xea\x03\x15G\x9a\x1b\xea\x02\xf5u\xc5\xc5E\xc5\xc5E\xff5\xff\xbff\xdew\xdf\x83\x0f&gt;8d\xc8\x10"\x12B\xd8d(\x04\x1d\xe0\xf4\xfe\xf9J\xfd\xaf\xbc\xf2\xca\xce3\xeaOJJ\xba\xe8\xa2\x8bz\xf5\xea5x\xf0\xe0\x1e=z\x18\x86\xd1\xce\xf35c,\x12\x89\xec\xdc\xb9\xb3\xae\xae\xee\xf3\xcf?\xaf\xad\xad\xad\xab\xab+*****\x9a?\x7f\xfe\xbd\xf7\xdek\x9f\xfeG\x00\xa8\xcb\x1a\xf8\x10QAA\xc1\xc2\xe7\x9e\xdb\xb7w\xaf\xf5\xba/\xbdo\xbf\xcbs/\x19yC\xda\xc5\x97%\xf6Hw{\x13\x19\xd78\xd7$Ij\xe7\x1b\x98\x88\xa4\x14f\xc4\x08\x87Z\xea\xab\xaa\x8f\xef?\xb6c\xe3\xd1\xed\xebN\x1d\xdd[\xf1\xc5\x17\x8b\x17/^\xbat\xd9\x8f~\xf4\xc3G\x1f}4%%\xc50\x0c]G\x1f:\x8f\xd3\xfb\xe7\xcc\xfa\x9f{\xee\xb9\xbd\xa7\xeb\xbf\xe8\xa2\x8b\xae\xbd\xf6\xda\xa9S\xa7fgg\xf7\xea\xd5+))I\xd7\xf5\x0e\x0c\xd5#\x91H(\x14\xaa\xac\xac,++{\xff\xfd\xf7\x8b\x8a\x8a\xf6\xec\xd9S^^\xbex\xf1\xe2e\xcb\x96\xfd\xf0\x87\xb6\xe8\x7f\xbc\xf1\x14eu\x7fyy\xf9\xec\xd9\xb3\x0b\x0b\x0b\xad\x17\xd3\xfa_\x9a\xf3\xed\x07\x07]uS\xbc/\x8d\xa44\xc2\xad\xa6\x11\t57J\x92\xed\x9d\xbe=\x03c\x9c1\x16\xefK\x1b\x90\xde/k\xcc\xe4Ps\xe3\xf1=\x9fl{w\xc9\xd1\xed\xeb\xeb\xeaj\x17,X\xb0j\xd5\xaa\xa5K\x97\xe6\xe6\xe6Zw\xd8b~9\x0c\xed\xe7\xf4\xfe\xf9\xda\xfa/\xbb\xec\xb2y\xf3\xe6M\x9b6-==]J\xd9\xda\xda\x1a\x0e\x87\x03\x81\x00uh%\xa8\xb5\xf2\'==\xbd\x7f\xff\xfe7\xdf|sCC\xc3\xc6\x8d\x1b\x7f\xfb\xdb\xdf\x16\x17\x17\xd7\xd6\xda\xa5\xff\x11\x00*\xb2\x06\x1d\x85\x85\x85\xb3g\xcf.//\'\xa2\xd4&gt;\x03GM{\xe4\xd2kn\x8bKH\t\xb74\x06\x1b\xea\x18#b\xdcZ\xbfv!\x8di\x1a\x113\x12\x92RrM\x1f0\xf2\xfaK\xae\xbc\xf6\xc8\xf6\xf5%o\xff\xe1\xd8\xce\x8f\xf6\xed\xdbw\xfd\xf57,\\\xf8\xab\xbc\xbc&lt;k\xf5\x052\xc0\x11\x9c\xde?m\xf5?\xf0\xc0\x03\'O\x9e$\xa2A\x83\x06=\xf6\xd8cw\xddu\x97\xdf\xefohh\xa8\xa9\xa9\xb1N\xdf\x8c\xb13W\xf2t\x80u\x1d \xa5\xd4u}\xea\xd4\xa9\x93&amp;M***z\xfe\xf9\xe7\xd7\xad[\xb7o\xdf\xbe\x1bn\xb8\xe1W\xbf\x8ae\xffc\xfaU9V\xf7\xe7\xe7\xe7O\x9d:\xb5\xbc\xbc\x9c\x11\x8d\xb8\xe9{\xf7,|o\xc4M\xdf%\xa2`C\x8d\x94&amp;\xd74\xc6;\xe7\x0e\x15c\x8cq\x8dk:\x11\x85\x9a\x1b\xc2\xc1\xe6Kr\xae\xbfk\xc1_\xae\x7f\xe0\xe9\xb8\xf8\xc4p8\xf4\xe8\xa3\x8f\xce\x9d;\x97sn\xad\x93\xbb\xf0\x9f\x08Q\xe5\xf4\xfe9\xb3~\xeb\xec\xff\xf0\xc3\x0fo\xdc\xb8\xf1\xa1\x87\x1eb\x8cUWW\xb7-\x07\xea\xac\xfa\xad;\xccDT__\xdf\xd4\xd44u\xea\xd4\xd5\xabW/^\xbc8)))\x14\x8aq\xff#\x00\xd4b5w~~\xfe\xdc\xb9s\x89\xc8\x9b\xe4\xfb\xd6\xff\xfe\x9f)\xf3\x9e\xd7]\x9e\x96@5\x11qM?\x8f\x89\xda\xf3\xc4\xb8\xc68om\x0eD\x82\xcdc\xee\x987\xfd\x997\xd3/\x1eFDV=\x9a\xa6I)\x91\x01v\xe6\xf4\xfe\xf9J\xfd~\xbf\x7f\xc5\x8a\x15/\xbe\xf8\xa2\xc7\xe3\xb1\x16\xedtl\xba\xbf\x9d4M\xe3\x9c\xd7\xd7\xd7777?\xf6\xd8ck\xd7\xae\xbd\xe2\x8a+\xce\xab\xfeN\x87\x00P\x885\xefiu\x1b#J\xf0\xa7\xdf\xfe\xff\xad\xb8\xfc\xc6{Z\xeaNIaZ\x83\xac.\xc0\xb9\xc68o\xae\xab\xec\x955\xe2\xae\xa7\xff\x9298\x87\x9d~\x0fX\xe3\xa0\xae)\x03\xce\x97\xd3\xfb\xe7\xcc\xfa\x89(##\xe3\xed\xb7\xdf\x9e5k\xd6\xa9S\xa7\xac`\xe8\x9a\xfa\xad\x188u\xea\xd4\xc8\x91#W\xaf^=f\xcc\x18\x8a]\xff#\x00Tau\x7fqq\xb1\xd5\xfd\x9e\xe4\x1e\xf7&lt;\xfbN\x9f\xa1\xa3\x9bk+\xb8\xee\xa2\xae\x9f|\xd4]\xadM\xf5no\xe2=\xcf\xfe\xad\xef\xf0qD\x94\x9f\x9f\xbf`\xc1\x02M\xd3\x0c\xc3\xe8\xe2b\xe0\x9c\x9c\xde?_\xa9\xbfg\xcf\x9e\xeb\xd6\xad\xbb\xfa\xea\xabO\x9d:\xe5r\xb9\xba~\xf2\xdd\xe5r\xd5\xd7\xd7\'%%\xfd\xeb_\xff\x9a0a\xc29\xeb\x8f\x12\x04\x80\x12\x84\x10\x9a\xa6UVV\xce\x9c9\x931\xe6IL\xb9\xfd\xe7\x7f\xf2g^\xd2\xda\x14\xe0\xba+VUqM7#!)\xe4\xad\x8f/\xc9\x180\x9c\x11-X\xb0\xa0\xa8\xa8H\xd7\xf5\x0e&lt;x\t\xd1\xe3\xf4\xfei\xab\x7f\xd6\xacY\x8c1\xbf\xdf\xff\xe6\x9bo\x0e\x1c8\xb0\xae\xae\xce\xe5\x8aY\xfd\xba\xae\x87B!!\xc4\xca\x95+G\x8c\x18A\xb1\xe8\x7f\x04\x80*L\xd3\x9c5kVee%\x11\xdd0\xe7\x17\x17e_\xd3\xdaX\xd7e\x97\xedg\xc3\xb8f\x86\x83\xde\x94\x9e\xdf~\xec\xc5\xb8D\x9f\x94r\xd6\xacY\x15\x15\x15X\x0ed+\xd6N\t\xce\xea\x9f3\xe7R\xda\xea\xaf\xa8\xa8 \xa2\xdf\xfc\xe67\x13\'N\x8c\xed\xd9\xdf\xa2iZ0\x18LKK{\xe5\x95W\xfc~?\x11\xdd\x7f\xff\xfd\xffY\x7f\xf4 \x00\x94\xe0r\xb9V\xae\\YTTDD\x97\xdfx\xef\xe5\x93\xeem\xae\xa9\x88\xe1\xd8\xedLL\xd3CM\xf5=\xfb\x0f\xbd\xfe\x81\xa7\x89\xa8\xb2\xb2\xf2\x89\'\x9e\xb8\xc0\xb5w\xd0\x89\xac\xc9\x13g\xf5\x0f\xe7\xbc\xedn\xeaW\xea\x9f={\xf6\xfd\xf7\xdfo\xcd\xfc\xc4\xb2\xee\xd3t]\xaf\xaf\xaf\x1f&gt;|\xf8\xf3\xcf?/\xa5\xac\xa8\xa8\xf8J\xfdQ\x85\x00\xe8\xe6\xac6\xaa\xa9\xa9y\xfa\xe9\xa7\x19\xe7\xfe\xcc\x8b\'~\xf7\xc9\xd6\xc6\xfa\x98\x8f\xdd\xce\xc4uWK\xa0f\xf8\x8d3\x06\x8f\xfb\x16#z\xfd\xf5\xd7KJJ\xda\xb6f\x84\x18\xb2v3\xae\xad\xaduV\xffl\xd9\xb2\xa5mae[\xfd\x9c\xf3\x01\x03\x06\xfc\xe2\x17\xbf\x08\x04\x02\xb6z\xf8\xdc\xe5rUWW\x7f\xf7\xbb\xdf\x9d6m\x1a}\xb9\xfeh\xffh\x04@7g\xddPzy\xe9\xd2\x83\x07\x0fJ!FO{$\xde\x9fn\x1a\xe1\xae\xbfk\xf7\xcd\x18cf$&lt;\xee\xee\xff\xad\xb9\xe3B\xa1\xd0\xfc\xf9\xf3\xdb\xbf\xfb.D\x8fi\x9a\x9c\xf3\x82\x82\x02\x87\xf6\xcf\x99\xf5\x0b!\x1e{\xec\xb1\x8c\x8c\x8cp8l\xb79F\xc6X8\x1c~\xf2\xc9\'\xe3\xe2\xba\xb4\xff\x11\x00\xdd\x9c\xcb\xe5\x12B\x14\x14\x140\xc6R\xfb\x0c\x1c:\xf1\x0e;L\xdd\xfe\'\xc6y8\xd8\x94\x91\x95=x\xdc\xb7\x89h\xc3\x86\r\x07\x0e\x1cHLL\xc4E@\x0cI)\xadI\xeaeN\xeb\x9f\xf5\x1b6\x94\x95\x95Y\x0b.\x83\xc1\xa0\xd5\xff\x83\x07\x0f\xbe\xe7\x9e{\xea\xea\xeal5\xfc\xb7p\xce\x1b\x1b\x1bsrr\xee\xb8\xe3\x0e"\xdap\xba\xfeh\xf7?\x02\xa0\x9bKNN\xde\xb8q\xe3\xbe\xbd{\xa5\x94#o{8.1E\x986]d\xc9\x187\xc3\xa1Q\xd3\x1ev{\xe2[ZZ^^\xba\xd4\xe3\xf1 \x00b\xc8\xda\xa3\xa6\xb8\xb8\xb8t\xcf\x1e\x87\xf5Os\xf3\xcb/\xbfLD\x9c\xf3\xe2\xe2\xe2={\xf6H)\xf3\xf2\xf2|&gt;\x9fm\x17\x19s\xce[[[\x1f}\xf4\xd1\xf8\xf8\xf8\xe6\xd3\xf5#\x00\xe0\x820\xc6\xac\xe1Orj\xaf\xc1\xe3\xbe\x15ni\xe4\xdc\xa6\xf7W\x19\xe7\xe1`s\xaf\xac\xec~\x97\x8dc\x8c\xbd\xf1\xc6\x1b\x95\x95\x95qqq\xb1\xaeKu\x05\x05\x7frb\xff\xfc\xe5\x8d7\x9b\x9a\x9a\x88\xc8\xea\xff\xcc\xcc\xcc\xdbo\xbf\xbd\xa1\xa1\xc1\xb6\xeb\x0b8\xe7\xcd\xcd\xcd999\x13&amp;L`\x8c\xbd\xf9\xe6\x9b---\xba\xaeGu"\x08\x01\xd0\xcd\x9d&lt;yrs\xc9\x16)\xe5EW\\\x13\xefK3#\x11\xbb\xcd\xde~\x99$b\x03\xc7N\x91R\x1e?v|\xdb\xb6m\xf1^o\xacKR\x945\xff\x13\x08\x04J\xb6\x948\xb1\x7f\xbe(?YZZj\x18\xc6\xe6\xcd\x9b\xa5\x947\xdcpCzzz$\x12\xb1\xdb\xec\xff\x99\xac[\xd6\xb7\xdcr\x8b\x94\xb2\xbc\xbc|\xc7\x8e\x1d\x14\xe5\x8b\x00\x04@w\xa6k\xda\'\x9f|r\xe0\xc0~"\xbad\xe4\r$\xed\xfd\xe6%\xe2\\3B\xc1\x8b.\x1f\x1f\x17\x9fh\x18\x91\xd5k\xd6\xb8\xdd\xeeX\x17\xa5(\xeb\xbc\xb3u\xeb\xd6\x93\'N\x90\xd3\xfa\xc7\x13\x9fd\x9a\xe6\x86\r\x1bv\xed\xdae\xedW:u\xeaT\xfb\xaf)\xb0\xee\xb8\\w\xddu\xc9\xc9\xc9\x86aX\x9f&amp;\x86+\x00\xe8 \xb7\xdb\xbdu\xebV\xd30\xf48o\xfa%\x97\x19\x91V\xc6\xec\xfd\x1bg\xcc\x8c\x84\x92\xd2\xfa\xf82/&amp;\xa2-[\xb6D\xec:c\xdb\xedY\xe7\x9d\x92\x92\x12"\x8a\xf3&amp;8\xab\x7f\xfc\xbd/&amp;\xa2\xed;v|\xf4\xd1GD\x94\x98\x98\x98\x9d\x9d\xdd\xda\xdaj\xf3\x8f\x9fc\x8c\x85B\xa1~\xfd\xfa\r\x1c8\x90\x88\xb6l\xd9BDQ\xad\xd9\xd6\x87\x03.P8\x1c\xde\xb2u+\x11%\xa7\xf5ML\xcd\xb4\xfd\xf5;\x11\x91\x10\xc2\x15\xe7M\xeb?\x8c\x88JK\xcb\xacGO\xed?v\xeb~\xac\xa9\x92\xad[\xb7\x11QJz?g\xf5O\xcf\xfe\xc3\x88h\xc7\x8e\x9d\xabW\xaf&amp;\xa2\x8b.\xba\xa8O\x9f&gt;6\x9f\xff\xb1\x08!\xe2\xe3\xe3/\xbf\xfcr"*++kjj\x8a\xeaCa\x08\x80\xeeL\x08Q_WGD\xf1)\xa9no\x82\x14\x8e\xd8`G2\xae%\xa5f\x12Qccckkk\xac\xebQ\x94\xb5\x0e\xdd\xda$\xd9q\xfd\x93\x90\x9aID55\xb5\xc7\x8e\x1d#\xa2\xb4\xb4\xb4\xc4\xc4DGl0%\xa5\xe4\x9c\xf7\xe9\xd3\x87\x88\x02\x81@0\x18\x8c\xea\x8fC\x00ts\xd6\x92\xed\x9e\x17\ra&lt;\xba\xcb\t:\x0bcL\x98Fj\xbf\xc1D\xc49&gt;\'26\xac\xd3P \x10\xd8\xb7\x7f?\x11\xf5\xe8;\xd8Y\xfd\xd3\xb3\xef "\xaa\xaa\xaa&lt;x\xf0 \x11\r\x1d:\xd4\xdam?\xd6\xd5\x9d\x1bc\xcc4\xcdK/\xbd\x94\x88\x02\x81@YY\x19E\xf3&gt;\xb0\xed\x1e\x88\x80h\x88O\xea\xc18\'r\xc0\x1b\x80\x88HJOR\x0f\xc2\xccO\xacI)#\x91\x08\x11y\x92\xfcN\xec\x1f\xc30\xa4\x10D\xd4\xa3G\x8f.\xdb]\xe7\xc2I)SSS\x89H\x08\x11\xed\xa7\x16p\x05\xa0\x04!\x1cv+U:\xad\xe0\xee\xca\xba\x02s\xdc\xaf\xc3*\xb8\xed\x93\xd6m\xfb\xf0\xd7\xd9\xb4\x15\x1c\xed+`\x04\x80"\x1c7\x91\xe2\xb8\x82\xbb7\xc7\xfd:\xbeT\xb0\xe3&amp;\x12\xbb\xac`\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d2c]@\xbbH);\xf0\x7f1\xc6:\xbd\x12\x80\xae\x87\xfe\x87(\xb1i\x00H)\x85\x10RJ\xc6\x18c\x8c\xf3\x8e\\\xa9t\xca7\x01\xe8z\xe8\x7f\xe8\x1a\xf6\n\x00\xabe\x89H\xd34M\xd3\xda^\x0f\x04\x02B\x08\xc6X;\x87B\xd6\xd8\xc7\xe7\xf3\x9d\xf9M\xac7\x03\xe7\x1c##\xb0\'\xf4?t1\xbb\x04\x80\x94\xd24M]\xd7\xad\x96mll,))\xd9\xb4i\xd3g\x9f}ZS[[VVj\x18\xe6\xf9~\xcf\xac\x81Y&gt;\xbfo\xf4\xa8\xd1999c\xc6\x8c\xe9\xd3\xa7\x8f\xf5\xbaa\x18\x9cs\x0c\x88\xc0&gt;\xd0\xff\x10\x13\xb6\x08\x00\xd345M\xd3u=\x1c\x0e\xafY\xb3f\xc5\x8a\xe5[\xb6n=v\xf4\xd8\x05~\xdb\x9a\xea\x1a"*\\SHD&gt;\xbfo\xd4\xc8Q\xd3\xef\x9e~\xdb\xad\xb7\xa5\xa7\xa7\x13\x91a\x18\x9a\xa6a4\x041\x87\xfe\x87X\x89q\x00X\x97\xb4\x9a\xa6\x05\x02\x81\xfc\xfc\xfc\x15\xaf\xac\xd8\xb5sW\xdbW\xe3\x13\xbd=z\xf9\x92{&amp;f\xf4OML\xf1\x9a\xa6`t\xee~\x95$\x19c\xa6a\x9e\xd8_\xd9\xd2\x10\xac:Q\xd7X\xdfT_W_\\\\\\\\\\&lt;\xff\xbf\xfe\xeb\xbe\xfbf&gt;\xf8\xe0\x83C\x86\x0c!"!\x04\x86B\x10+\xe8\x7f\x88\xadX\x06\x805\xf0!\xa2\x82\x82\x82\x85\xcf-\xdc\xb7w\x9f\xf5z\xcfL\xff\x90\xd1\x97\x0c\xcf\x1d\xd4wH\xa6\xafgR\\\xbc[\xd38\xe3\x9c\xe8|\xd6BH2\r3\x126\x1aj\x9a\xcb\x0f\x9d\xda[\xf2y\xe9\'\x9f\x9f8X\xf1\xc5\x17\x15\x8b\x17/^\xbal\xe9\x8f~\xf8\xa3G\x1f}4%%\xc50\x0c]\xb7\xc5\x95\x10(\x05\xfd\x0f1\x17\xb3_\xbc\xd5\xfd\xe5\xe5\xe5\xb3g\xcf.,,\xb4^\xec\x9b\xd5\xeb\xfa{\xae\x1aq\xdd\xd0\xe4\x1e\x89D2\x122\x8c\x88\x19l\nY#%v&gt;\xef\x00FD\x8cq\xc6\x92S\x13R3\x07gO\xbc4\xd8\xd4\xba\x7f\xdb\x91\xe2\xd7&gt;.\xdd\xf4y]m\xdd\x82\x05\x0bV\xadZ\xb5t\xe9\xd2\xdc\xdc\\\xeb\x0e\x1b.\x87\xa1\xcb\xa0\xff\xc1\x0eb\x13\x00\xd6\xa0\xa3\xb0\xb0p\xf6\xec\xd9\xe5\xe5\xe5D\xd4\xab\x7f\xda\xe4\xfbsGO\xb9&lt;&gt;\xc9\x13l\x0e5\x07Z\x88\x88qk\xf9\x1a\xa3v\\\xf9\x9e\xf5gE\xccH\xd8$)\xb9\xc6/\xcf\x1d|\xd9\xb8\xac\xd2M\x07\x0b\x97\x7f\xb8w\xcb\xa1}\xfb\xf6]\x7f\xfd\xf5\x0b\x17.\xcc\xcb\xcb\xb3V_\xe0=\x00]\x00\xfd\x0f6\x11\x83\x00\xb0\xba???\x7f\xee\xdc\xb9D\xc4\x88M\xbck\xf4m\x8f\xdc\x98\x9c\x9a\xd8\xd2\x10l\xaao\xe1\x9cs\xad\xd3\xe6%O\x8fl\x18\x11\xb54\x05\x89\xd8\xf0\xdc\xc1\xc3\xae\xca\xfa`\xd5\xa6w_\xfc \xd8\xdc\xfa\xe8\xa3\x8f\x96\x96\x96.Y\xb2\xc44M,\x92\x83hC\xff\x83}tu\x00Xk\xdd\xda\xba?!9\xfe\x9e\x9f\xde|\xf5\xadW\xb64\xb66\xd66kzg\xb6\xfe\x7f\xb2\xeew\xb54\x04\x19cS\xbfwM\xd6\x88\xfe\xcb\x9f~\xfb\xc4\xfe\x8a\xfc\xfc|"Z\xb2d\t\xc6A\x10U\xe8\x7f\xb0\x95.]\x00`\xcd{\x9e\xee~\x96\x92\x9a8\xef7\xf7\x8d\x9f6\xb2\xa1\xa6I\x98B\xd3\xbb\xa8\x18\xaeq\xc6Y}u\xe3\xc5\xc3\xfa&lt;\xfa?\xdf\xbbdx_F\xcc\xaa\x8asn\xbd\x07\x00:\x1d\xfa\x1f\xec\xa6\xeb\x02\xc0\xea\xfe\xe2\xe2bk\xec\x93\xe4\xf3\xfed\xd9\x9c\xac\x11\xfd\xeb\xab\x1a4=\x06\xeb\x91u]ki\x0cz\x13\xe2~\xb2l\xce\xe0\x91\x17\x13Q~~\xfe\x82\x05\x0b4M3\x0c\xa3\x8b\x8b\x81n\x0f\xfd\x0f6\xd4E\x01 \x84\xd04\xad\xb2\xb2r\xe6\xcc\x99\x8c\xb1\x84d\xef#\xff}_z\xbf\x1e\xcd\rAM\xd7\xce\xfd\xffG\x07\xd7x$bH!\xe7.\xbc\xfb\xa2!\x99Dl\xc1\x82\x05EEE\xba\xae\x9b\xe6y?x\tp6\xe8\x7f\xb0\xa7.\n\x00\xebI\xf7Y\xb3fUVV\x12\xd1\x8c\x9f|{\xe8\xd8\x81M\r\xc1.\xbb\xec=\x1b\xcey8\x14I\xea\x91\xf0\xe0\xb3\xd3\x13\x92=R\xcaY\xb3fUTT`\x1a\x14:\x17\xfa\x1fl\xa8+\xfa\xcf\xba\xf8]\xb9reQQ\x11\x11\x8d\x9f6r\xfc\xb4\x9c\xfa\xaaF=vc\x9f3i\x1aon\x08\xf6\xcd\xca\x98\xfe\x7f\xbeED\x95\x95\x95O&lt;\xf1\xc4\x99\xbbh\x01\\ \x97\xcb\x85\xfe\x07\x1b\x8az\x00X\xbb\xd1\xd6\xd6\xd6&gt;\xfd\xf4\xd3\x9c\xf3\xf4\xbe\xa9w\xfcxrKC\x90k6\x1ab\xe8\xba\xd6X\xd7\x9c{kN\xce\xf5\xc3\x88\xe8\xf5\xd7_/))i\xdb\x9a\x11\xa0\xc3\xac\xcd\x1ejjj\xd0\xff`CQ\x0f\x00kqqAA\xc1\xc1\x83\x07\x85\x10\x93\xbf;&gt;%51\x121mw\x8d\xc9\x98\x191o\x9e{\x9d;\xce\x15\n\x85\xe6\xcf\x9f\xdf\xfe\xddw\x01\xce\xc6\xba\xa1\xbat\xe9R\xf4?\xd8Pt\x03@J\xa9iZ0\x18\\V\xb0\x8c1\x96yq\xda\xd8\x9b\xaeh\x0e\x04\xb5h.v\xee\x18\xceYkK\xe8\xe2\xa1\xbd\xadA\xd0\x86\r\x1b\x0e\x1c8\x90\x98\x98\x88A\x10\\\x08\x97\xcb%\x84(((@\xff\x83\rE\xb7\x11\xad=F\x8a\x8b\x8bK\xf7\x94J)o\xb8\xef\xea\xf8d\x8fi\xda\xb5\xa5\x183\xc2\xc6\x8d\xb3r\xe3\xbc\xee\x96\x96\x96\x97\x97\xbe\xec\xf1x\xf0\x06\x80\x0b\x91\x9c\x9c\xbcq\xe3\xc6\xbd{\xf7\xa2\xff\xc1\x86\xbab$R\xf0\xa7\x02\xc6\x98?=%\xe7\xfaa\xadM!\xcemv\xf1{\x1a\xe7\xac\xb5%|\xf1\xb0&gt;Cr.a\x8c\xbd\xf1\xc6\x1b\x95\x95\x95qqq\xb1\xae\x0b\x1c\x8c1f\r\xff\xd1\xff`CQ\x0c\x00k\xfe\'\x10\x08X7\x94\x86\x8e\x19\x90\xd23\xd1\xb0\xe1\xec\xe7\x19$1\xc6\xe8\x8ak/\x95R\x1e?v|\xdb\xb6m\xf1^o\xac\x8b\x02\x07;y\xf2d\xc9\x96\xcd\x0e\xee\xffx\xf4\x7fw\x16\xc5\x00\xb0.\x1e\xb7n\xddz\xf2\xc4I"\xbal\xfc )\x89l\xdc\xfdD\xc49\x85[#CF_\xe2M\xf0\x18\x86\xb1f\xcd\x1a\xb7\xdb\x1d\xeb\xa2\xc0\xa9tM\xfb\xe4\x93O\x0e\xec?@\xe8\x7f\xb0\xa5\xe8^\x01\x10QII\t\x11y\xe2\xe3\xfa\r\xce\x8c\x84"\xf6\xee\x7fb\x8c\x19a3\xb5\x97/\xbd_\x0f"\xda\xb2eK\x04\x8f\xc5CG\xb9\xdd\xee\xad[\xb7\x1a\x86\xe9\xf6\xb8\x9c\xda\xff\x11\x83\xce\xef\x93h\xc0I\xa2\x18\x00\xd6\xa5\xee\xd6m[\x89\xa8go\xbf?-\xd9\x8c\x986\x7f\x03\x10\x91\x10"\xce\xeb\xea3(\x83\x88JK\xf7X\x8fnb=\x1ct@8\x1c\xde\xbau+\x11\xa5f\xfa\x1c\xdd\xff\x84\xfe\xef\xa6\xa2\x1b\x00R\xca\xaa\xaa*"J\xf2\'x\x12\xe2\x84\x90\x17\xf2\xd1\x16]C\x121\xce\xfc\xe9)D\xd4\xd8\xd8\xd8\xda\xda\x1a\xeb\x8a\xc0\xa9\x84\x10uuu\x84\xfe\x07\xbb\x8aV\x00H)9\xe7\x81@`\xff\xfe\xfdD\xd4\xeb\x924\xae9\xe3\xb9\x12\xc6\x980E\xaf\x01iD\xc4\xf0\xf9\x18pa\xac=\x15z\x0f\xcc@\xff\x83\rE\xfdA\xb0H$BD\x89\xbex\xc6\x99\x03\xda\x9f\x88\x88\xa4\xa4D_&lt;a\xe6\x07:\x81$\xf4?\xd8U\xd4\x9f\x03\xb0F\x10\xc2p\xd8\xe3$\x8e+\x18\xec\xccq\xed\xe4\xb8\x82\xa1c\xba\xea\x91t\xc7]G:\xae`\xb03\xc7\xb5\x93\xe3\n\x86\x0e\xb1\xdd\x9e$\x00\x00\xd05\x10\x00\x00\x00\x8aB\x00\x00\x00(\n\x01\x00\x00\xa0(\x04\x00\x00\x80\xa2\x10\x00\x00\x00\x8aB\x00\x00\x00(\n\x01\x00\x00\xa0(\x04\x00\x00\x80\xa2\x10\x00\x00\x00\x8aB\x00\x00\x00(\n\x01\x00\x00\xa0(\x04\x00\x00\x80\xa2\xf4X\x17\x00\x00\xe0\x0c\xf2\x0cm/\xb23\xc4\xb0\xb6\x8eA\x00\x00\x00|\x13!\x84\x10B\xd34\xb7\xdb\xedv\xbb5M\xe3\x9c[\x1fyk}5\x1c\x0e\x87B!\xc30\x18c\x9c;iZ\x05\x01\x00\x00\xf05\xa4\x94\xa6i\xea\xba\x9e\x94\x94\xe4v\xbb\x9b\x9a\x9a\xca\xcb\xcb\x8f\x1d;VQQQ]]m}ZrBBBFF\xc6\xc5\x17_|\xc9%\x97\xa4\xa6\xa6F"\x91\xc6\xc6F\xee\x9c\x8f\xd2D\x00\x00\x00|\x95\x942...&gt;&gt;&gt;\x10\x08l\xd8\xb0\xa1\xb0\xb0p\xfd\xfa\xf5\x07\x0e\x1c\xa8\xaf\xaf\xff\xcf\xbf\xecr\xb9\xfa\xf7\xef\x7f\xddu\xd7\xdd{\xef\xbd\xb9\xb9\xb9\xa1P\xa8\xb5\xb5\xd5\xfa8h\x9bC\x00\x00\x00|\x89\x94R\xd3\xb4\xe3\xc7\x8f\xff\xf5\xaf\x7f\xfd\xf3\x9f\xff\xbcs\xe7\xceo\xfe\xfb\x91H\xe4\xe0\xc1\x83\x07\x0f\x1e\xcc\xcf\xcf\x9f1c\xc6/~\xf1\x8b\xbe}\xfb644\xd8?\x03\x10\x00\x00\x00_b\x9a\xa6\xdf\xef\x7f\xf6\xd9g\x17.\\\xd8\xf6"cl\xc0\x80\x01C\x86\x0c\x198p`ZZ\x9a\xd7\xeb\x95R\xd6\xd7\xd7\x1f&gt;|x\xfb\xf6\xedeeeD\xa4i\xda\xaaU\xab&gt;\xfe\xf8\xe3U\xabV\x8d\x1c9\xd2\xfe\x19\x80\x00\x00\x00\xf8\x12\xcey0\x18\x9c1c\xc6\xa2E\x8b\x84\x10\xc3\x86\r\x9b6m\xda\x94)S\x86\x0e\x1d\xea\xf3\xf9\\.\x17\x11Yw\x80\x19c\xa6i644l\xdd\xba\xf5\x85\x17^\xf8\xfb\xdf\xff\xeer\xb9\x8e\x1d;v\xdbm\xb7\xad[\xb7\xee\xe2\x8b/\x0e\x06\x83v\xbe-\x8c\x00\x00\x00\xf8\x12\xceykk\xeb\xe0\xc1\x83\x7f\xf6\xb3\x9f\r\x1a4\xe8\xf6\xdboOII\t\x85B\xc1`0\x10\x08\x9c\xb9\x06\x94\x88\x18c\x9a\xa6M\x9c8\xf1\x86\x1bnx\xe9\xa5\x97~\xfc\xe3\x1f\xbb\xdd\xee\xaa\xaa\xaa\x1f\xfc\xe0\x07\xabW\xaf\x8e\xd5?\xa1\x9d\x10\x00\x00\x00_\xc5\x18kmm}\xea\xa9\xa7\x18cMMMUUU\xd6\xda\x9e\xb3M\xe9444H)\x1fy\xe4\x11)\xe5\xbcy\xf3t]_\xb7n\xdd?\xfe\xf1\x8f\xdbn\xbb\xad\xbe\xbe\xde\xb6\x13A\xf6\xbd6\x01\x00\x88!\xc6X \x10\xa8\xaf\xaf\x17B\xe8\xba\xfe\xcd\x8b;5M\xd34\xad\xaa\xaa\xea\xfb\xdf\xff\xfe\r7\xdc`=\x13\xb0r\xe5J\x9b\xaf\x07E\x00\x00\x00|=\xeb\xb4\xde\xce\x93\xb8\xf5\xd7\xa4\x94\x0f&lt;\xf0\x80\xf5\x87\x92\x92\x92\xaa\xaa*\x97\xcb\xf5\x95Y#\xfb@\x00\x00\x00t\x0eM\xd3\x82\xc1`NNNBB\x02\x11UTT\x9c8q\xc2\xedv#\x00\x00\x00\xba?\xc30\xfc~\x7fFF\x86\xf5\xe7\x9a\x9a\x1aM\xd3\x10\x00\x00\x00\xdd\x9c\xb5A\x90\xcb\xe5\x8a\x8f\x8f\xb7^\t\x85Bv^\x06j\xdf\xca\x00\x00\x9cEJ\xc9\x18\x13BD"\x11\xeb\x15]\xd7m;\xfc\'\x04\x00\x00@\'\xe2\x9c\xb7\xb4\xb4\xd4\xd5\xd5Y\x7f\xf6\xf9|\xa6i\xdav-\x10\x02\x00\x00\xa0sH)\xddn\xf7\xb1c\xc7jjj\x88\xc8\xef\xf7\xf7\xee\xdd;\x12\x89 \x00\x00\x00\xba9!\x84\xc7\xe3\xf9\xe0\x83\x0f\xacQ\xff\xf0\xe1\xc3333\xc3\xe10\x02\x00\x00\xa0;\xb3n\xffVWW\x17\x14\x14X\xffy\xfb\xed\xb7\xbb\xddn!D\xacK;+l\x05\x01\x00\xd0\t\x0c\xc3HOO\x7f\xec\xb1\xc7\x0e\x1f&gt;\xcc\x18\xeb\xd7\xaf\xdf\xddw\xdfm\xf3\rAq\x05\x00\x00p\xa1"\x91Hzz\xfa\xf2\xe5\xcb\x7f\xfd\xeb_[\x8f\xfe&gt;\xfd\xf4\xd3iiiv\x9e\xff!\x04\x00\x00\xc0\x85\x90RZc\xffW_}u\xce\x9c9.\x97+\x12\x89|\xef{\xdf\x9b9sf]]\x9d\xae\xdbz\x96\x05\x01\x00\x00\xd0AB\x08\xc6XZZ\xda\x7f\xff\xf7\x7f\xdf\x7f\xff\xfdD\x14\x0e\x87\xbf\xfd\xedo\xff\xeew\xbf\xb3&gt;\x1c8\xd6\x05\x9e\x83\xad\xd3\t\x00\xc0\xb6\x0c\xc3HHH\x10B|\xff\xfb\xdf\x7f\xe9\xa5\x97\xac\xb1\xff]w\xdd\xb5l\xd92\xd34M\xd3\xb4\x7f\x00\xd8\xbd&gt;\x00\x00\x1b\xb2\xf6\xfc9~\xfc\xf8M7\xdd\xf4\xd2K/i\x9a\x16\x89D\xf2\xf2\xf2^y\xe5\x15\xc30\x0c\xc3\xb0\xff\xd9\x9fp\x05\x00\x00p\xbe\x0c\xc3\xe8\xd1\xa3\xc7\xc6\x8d\x1b\xef\xbb\xef\xbe\xf2\xf2r"r\xb9\\\xbf\xff\xfd\xef\x1fz\xe8\xa1\xba\xba:)\xa5#\xce\xfe\x84\x00\x00\x008/\xd6G\xc6\xbf\xff\xfe\xfb\xdf\xf9\xcew\x9a\x9a\x9a\x88(++\xebO\x7f\xfaSnnnUU\x95\xa6iN9\xfb\x13\x02\x00\x00\xa0\xfd\x84\x10\t\t\t\xbbw\xef\xbe\xfb\xee\xbb\x9b\x9b\x9b\x89(77w\xd5\xaaU\xe9\xe9\xe9\xa7N\x9d\xb2&gt;/\xdeA\x10\x00\x00\x00\xed\xc597M\xf3\xa1\x87\x1e\xaa\xaf\xaf\'\xa2\xab\xae\xba\xea\xddw\xdf\x8d\x8b\x8b\x0b\x04\x02\x8e;\xfb\x13n\x02\x03\x00\xb4\x93i\x9a\xc9\xc9\xc9o\xbd\xf5VII\t\xe7\xbcW\xaf^\xaf\xbe\xfa\xaa\xd7\xebmii\xb1\xf9z\xff\xb3A\x00\x00\x00\xb4\x8b\xb5\xd7\xbf\xf5Q\xefB\x88\x9f\xff\xfc\xe7\x03\x07\x0elllt\xe8\xd9\x9f\x10\x00\x00\x00\xeda\xed\xf5\xf6\xc5\x17_l\xdf\xbe]J\xd9\xabW\xaf;\xee\xb8#\x10\x088\xf7\xecO\x08\x00\x00\x80\xf6\xf8\xca^\xffW]uUFF\x86\x9d\xf7\xfao\x0f\x04\x00\x00\xc0\xb9I)u]?u\xea\x94i\x9aD4t\xe8P\x9b\x7f\xdcc{ \x00\x00\x00\xda\x85sn-\xfe!\xa2\xcc\xccL\xeb\x13\x80cZ\xd1\x85r\xf0\xec\x15\x00@\x17\x0b\x85B\xd6s^\xc9\xc9\xc9v\xfe\xa4\x97vB\x00\x00\x00\xb4\x0bc,\x1c\x0e[\xe7\xfdn0\xfc\'\x04\x00\x00@{p\xce\x9b\x9a\x9a\xa6L\x99\xf2\xce;\xef\x10\xd1\xd0\xa1C\x9b\x9b\x9b\x1d\xb4\xeb\xc3\xd7B\x00\x00\x00\x9c\x1bc,\x12\x89\xf4\xed\xdb7++\x8b\x88\x82\xc1\xa0\xd3\x97\x00\x11\x02\x00\x00\xa0\x9d\xac)\xa0\xd6\xd6V"\xe2\x9c;\xfd\xecO\x08\x00\x00\x80\xf6c\x8c\xd9\xf9C\xde\xcf\x97\xb3\'\xb0\x00\x00\xba\x98\x94\xb2\x1b\xac\xff\xb1 \x00\x00\x00\xdaK\x08\xe1v\xbb=\x1e\x8f\x94\xd2\xe9O\x81\x11\x02\x00\x00\xa0\x9d\x18c\x89\x89\x89\xe5\xe5\xe5\x87\x0e\x1dr\xb9\\n\xb7\xdb\xe9\x19\x80\x00\x00\x0087k/\xa0\x9f\xfe\xf4\xa7\xa3G\x8f\x1e;v\xec-\xb7\xdcRUU\xe5r\xb9\x1c\x9d\x01\x08\x00\x00\x80s\x10B$&amp;&amp;~\xf2\xc9\'\xbf\xfd\xedo\x1b\x1a\x1aB\xa1\xd0\xfa\xf5\xeb_|\xf1\xc5\xc4\xc4Dkk \x87\xc2* \x00\x80s\xb0v\x82\xdb\xbbw\xaf\xa6i\xd6\xeaO\xc6XYY\x99i\x9a\x8e^\x0c\x8a+\x00\x00\x80v\xb1\xc6\xfb\x9csM\xd3\x84\x10\xf1\xf1\xf1N\x7f\x12\xd8\xd9\xd5\x03\x00t\x01\xceyss\xf3\x84\t\x13222\xc2\xe1p(\x14\x92R~\xe7;\xdfq\xf4\xfc\x0fa\n\x08\x00\xe0\x9c\xacg\x80{\xf5\xea\xf5\xee\xbb\xef._\xbe\xbc\xa5\xa5e\xf2\xe4\xc9\xb7\xdcrKcc\xa3\xa3\x9f\x0bC\x00\x00\x00\x9c\x1b\xe7\xbc\xa5\xa5e\xf8\xf0\xe1\xbf\xff\xfd\xef\xadg\xc1\x1a\x1a\x1a\x1c}\x03\x80\x10\x00\x00\x00\xed\xc49\x0f\x06\x83\xcd\xcd\xcd\xd6y\xdf\xd1c\x7f\x0b\x02\x00\x00\xa0\xbd8\xe7N\xbf\xf1{\xa6\xee\xf3/\x01\x00\x80\xf3\x82\x00\x00\x00P\x14\x02\x00\x00@Q\x08\x00\x00\x00E!\x00\x00\x00\x14\x85\x00\x00\x00P\x14\x02\x00\x00@Q\x08\x00\x00\x00E!\x00\x00\x00\x14\x85\x00\x00\x00PT\x17\x05\x80\xe3\xb6Lr\\\xc1`g\x8ek\'\xc7\x15\x0c\x1d\x13\xdd\x00\xb0\xf6\xcc#"#b\x92\xa3&gt;8\xd3\x888{\x9bo\xb0\x15\xf4?\xd8S\xb4\x02\x801&amp;\xa5LNN\x1e4h\x10\x11\x9d\xd8_a\x1a\x82;aX!\xa5\xd4t~b\xff\x17D\xe4\x80r\xc1\xde\x84\x90Dt|_9\xfa\x1fl(\x8aW\x00\xd6\xa7h\xf6\xec\xd9\x93\x88Z\x1a\x82\x91\xb0\xe1\x94\xebJ)ecm3\x11\xb9\\\xae\xee\xb4\xf3\x1ft=\x97\xcbEDM\x01\xf4?\xd8Q\x14\x7f\xbb\xd6\xe4O\xf6\x15\xd9Dt\xeaxM\xa0\xbaQsq)\xed~%\xcc\x193B\xe6\x89\xfd\x15D4d\xc8\x90^\xbdz\x11\xa6D\xa1C&lt;\x1e\xcf\xc8\x91#\x89\xa8\xea\x84\xb3\xfb\x9f\xd0\xff\xddT\x14\x03\xc0:i\x8e\x1a5\x8a\x88\x9a\x1b\x83_\x1c\xaer\xc5\xb9l\xde\xffRJ\xdd\xa5\x05j\x1a+\x8f\xd5\x10Qv\xf6\x08\xaf\xc7\x13\xeb\xa2\xc0\xa9\x0c\xc3\xc8\xc9\xc9a\x8cZ\x9b\xc3N\xed\x7f\xaf\x870\x17\xd4}E1\x00\xac\x8b\xc7q\xe3\xc6\xf9{\xf8\xa5\x94e\x9b?\xe7\x9a\xddG@R\x92\xcb\xe3:\xb4\xebDCm\x13\xe7|\xf2\xe4\xc9\x86\xc3?\xf4\x19b(\x12\x89\\}\xf5\xd5}\xfb\xf5up\xff\x1b\xe8\xff\xee,\xbaW\x00B\x88\xcc\xcc\xcc\xec\xecl\xc6\xd8\x9e\x0f\x0f\x04\x1b[5\xcd\xd6S\x8aRJM\xe3;\xd6\xed%\xa2\xd4\x9e\xa9\xe3\xc7\x8foii\x89uQ\xe0T\x92h\xd0\xa0A9W\x8eD\xff\x83=E\xb7\x1d\xad\xdb\x003\xee\x9e!\xa5\xac8V\xbdo\xebaOB\x9c\xb5.\xc2\x86\xa4\x94n\xb7^u\xb2\xaet\xd3A"\x9a:uj\xdf\xbe}[[[c]\x178\x98\xae\xebw\xdf}7\xfa\x1f\xec)\xba\x01`}h\xf2\x9dw\xde\x99\x91\x91!\xa5\\\xbb\xe2C!\xa4m\xe7\x13\x85\x90\x9e\xc4\xb8\xf5o\x94\x04j\x1a5M\x9b;gn\xac+\x02\xc7kjj\x9a6mZZZ\x1a\xfa\x1fl(\xba\x01\xc0\x183\x0c#55u\xe6\xcc\x99R\xca\xfd\x9f\x1e\xd9\xfd\xd1~o\x92G\x98"\xaa?\xb7\x03\xac\xe1O\xf5\xc9\xfa\x8dooe\x8cegg\x8f\x1f?\xbe\xa1\xa1\xc1\xca0\x80\x8e\t\x06\x83^\xaf\xf7\xde{\xefE\xff\x83\rE}F\x92s.\xa5\x9c;w\xae\xcf\xe7#\xa25\x05\x1b\x85\x906\\U)L\xe9M\xf2\xbc\xbf\xf2\xe3\xc6\xbaf"z\xfc\xf1\xc7\xdb\x1ec\x06\xe80M\xd3\xa4\x94\x0f?\xfc0\xfa\x1fl\xa8+\x02@\x081x\xf0\xe0\xbc\xbc&lt;)\xe5\x81\xcf\x8e\x14\xbf\xfaQR\x8f\x04[\xad.0M\x91\x90\xec\xd9\xbb\xe5\xf0\x07\xab6\x11\xd1\x84\t\x13f\xcc\x98\xc1\x18\xc3\xf0\x07.\x10\xe7\x9c1v\xe9\xa5\x97\xa2\xff\xc1\x86\xbabM\x02\xe7\xdc4\xcd\xbc\xbc\xbc\x01\x03\x06\x10\xd1{\x7f\xfc\xd7\xc1\xed\xc7\x12\x93\xbd\xa6=.\x84\xa5\x94.\xb7\x1el\x0e\xbd\xfa\x7f\xdf1"\xa6\xa6i\xcf?\xff\xbc\xcd\x97\xeb\x81\xb3\x18\x86\x81\xfe\x07\x1b\xea\x8a\x00`\x8c1\xc6RRRV\xae\\\xa9\xebz(\x18.\x98\xffVc]\x8b\xcb\xad\xc7\xfc\x1aSJ)%\xb9\xe2\xf4W\x7f\xf1\xee\xc9\xcf+\xa5\x94\x8b\x17/\x1e9r\xa4\x89\xe5\xff\xd0y\xa4\x94\xe8\x7f\xb0\xa1.Z\x95\xcc97\x0cc\xec\xd8\xb1\x8b\x16-\x92R\x96\x7f~\xea\x85\x1f\xae\xe0\x1aw\xb9]1\xbc!fu\xbf/-i\xe5\xb3\x7f/Y\xb3\x93\x88\xee\xbc\xf3\xce\xbc\xbc&lt;\xc30p\xf1\x0b\x9d\x08\xfd\x0f\xf6\xd4u\x8f\xa5\xe8\xban]\x08\xcf\x993\x87\x88\x8e\x94\x9e\xfc\xed\x0f\x96\x07\x9bZ\xbdI\x1e3\x16\xf3\xa1\xc2\x14\x9a\xaey\x13\xe2\xfe4\xff\xaf\x1b\xde\xdaBD\xa3G\x8f^\xb2d\x89\x10\x02\xdd\x0f\x9d\x0e\xfd\x0f6\xd4\xa5\xcf%j\x9a&amp;\x84X\xb2d\x89\xf5\x1e\xd8\xbb\xe5\xd0\x0b\xf3VT\x1c\xa9N\xea\x91(L!\xbb\xea\x01\x19)\xa5i\x08o\x92\xc7\x8c\x98\xcb\xfe\xeb\xad\x7f\xfde\xb3\x10b\xf4\xe8\xd1\x85\x85\x85~\xbf\x9f\xb0\xf5\x1bD\x07\xfa\x1f\xec\xa6K\x03\xc0\xba\x19`\x9af\xdb{\xe0\xe8\xde\xf2\xe7\xfeW\xfe\xc7\xef~\x9a\x90\xecu{\xdd\xd1~\x1bH)MSh\xba\x96\x9c\x9axh\xe7\xf1E\x0f.\xdd\xf4\x8f\xedD4z\xcc\xbf\xbb_\x08\x81\xfdo!J\xd0\xff`7]\xfd\xcbf\x8cY\x0bC\x97,Y\xf2\xd4SO\x11QS\xa0e\xe9\x93o\xfe\xf1\xa7\x7f.\xff\xbc2\xc1\x17\xef\xf6\xba\x84)\x84):q\x1d\x82\xb5\xa2Y\x98B\xd7\xb5$\x7fBs \xf8\xc6\xafW??\xb7\xe0\xf8\xfe/\x88h\xfa\xf4\xe9\x85k\xd0\xfd\xd0\x15\xd0\xff`+z\xd7\xffH\xeb\x02S\x081\x7f\xfe\xfc\xab\xae\xbaj\xf6\xec\xd9\xe5\xe5\xe5[\xd6\xee\xda\xb9~\xdf\xc8\xc9\xc3o\xb8\xf7\xaa\xfeC{\x13\xb1H(\x12\t\x1bRHi\xedF\xcb\x18\x91l\xdf\xc6\xb4\xd6_\x93\xd6\x87\xf01\xc64\x97\xe6\xf6\xb8\xb8\xc6kN\xd6\xfds\xd9\x86\x0f\xdf\xdeV_\xdd@Dn\xb7k\xe1\xc2\xe7\xf2\xf2\xf2\xacz\xd0\xfd\xd0\x05\xd0\xff`\x1f1\x08\x00:}-l\x18\xc6\x94)S\xb6l\xd9\xf2\xe4\x93O\xbe\xb6\xf2\xb5P(\xfc\xf1{\x9fn+\xda3\xf4\xaa\x01W\\3d\xc8\xa8K\xfc\xbdR\xdc\x1e\x17\xe7\\\x98\xa6\x14\xe7\xbd+\xb9\xa6s)\xa4\x116\x035M\xbb&gt;\xdc\xbfk\xe3\xbe\xd2O&gt;\xaf\xab\nX_\x9d4i\xd23\xcf&lt;3v\xecX!\x845.\xeb\xfc\x7f\'\xc0\xd7A\xff\x83M\xc4&amp;\x00\xfe\xfd\xb3u\xdd4\xcd\xde\xbd{/[\xb6\xec\xa1\x87\x1e\xfa\xe5\xb3\xbf,Z\xbb6\x18l\xdd\xbe\xael\xfb\xba\xb2\xf8Do\xafK\xd22/\xe9\xd9\xa3\x97/\xa3\x7fj\x82/^\x18\xa2\x9d\xef\x01\xc6\x98\x191O\x1c\xa8h\xack&gt;y\xe0T\xc5\x91\xaa@Mc\xdbW\xaf\xbe\xfa\xeay\xf3\xe6\xdds\xcf=Dd\x9a&amp;\xd6&lt;@L\xa0\xff!\xe6b\x19\x00tz\xa7\x14!\xc4\xd8\xb1c\xdf\xf9\xdb;\xbbw\xef^\xbe|\xf9\x9bo\xbeq\xe4\xc8\xd1\x96\xa6\xe0\xa1]\xc7\x0e\xed:\xd6Y?+-=\xed\xa6\xa97\xcd\x9c9s\xd2\xa4Itz\xabjt?\xc4\x10\xfa\x1fb+\xc6\x01@\xd6\x1c\xa5\xa6\t!\xa4\x94\xc3\x87\x0f_\xb4h\xd1\x82\x05\x0bv\xec\xd8\xb1v\xed\xdaO6}\xb2w\xef\xde\x86\x86\x86\xba\xda\xba\x0e|\xe7\xc4\xa4\x84\x84\xf8\x84\xa1\xc3\x86\x8d\x181\xe2\xbak\xaf\xcb\xcd\xcdMMM\xa5\xd3\xf7\xc4\xd0\xfa`\x07\xe8\x7f\x88\xa1\xd8\x07\x80\xc5\x9a\x82\x14B\x08!\xe2\xe3\xe3\xc7\x8d\x1b7n\xdc8"\n\x06\x83\xcd\xcd\xcd\xa5\xa5\xa5\x1dx6=+++999%%\xa5\xed\x15\xeb\x9bh\x9a\x86\xee\x07[A\xffCL\xd8%\x00,\x9csk\xfbhk@\xc49\xf7z\xbd^\xafw\xc2\x84\t\x1d\xfe\x9e\xd6\x9b\xca\xba\xcd\x85\xbe\x07;C\xffC\x17\xb3W\x00X\xce\xdc\x87\xd6Z\r\xdd\xb1=\xb3\xac\xb5\x16\xd6\x9b\xaa3\xeb\x03\x88&amp;\xf4?t\x19;\x06\xc0\x99\xacE\xd3\x18\xb9\x80\x9a\xd0\xff\x10U\x18\x1a\x00\x00(\n\x01\x00\x00\xa0(\x04\x00\x00\x80\xa2\x10\x00\x00\x00\x8aB\x00\x00\x00(\n\x01\x00\x00\xa0(\x04\x00\x00\x80\xa2\x10\x00\x00\x00\x8aB\x00\x</t>
        </is>
      </c>
    </row>
    <row r="242">
      <c r="A242" s="1" t="n">
        <v>240</v>
      </c>
      <c r="B242" t="inlineStr">
        <is>
          <t>color_overlap_squares</t>
        </is>
      </c>
      <c r="C242" t="inlineStr">
        <is>
          <t>What is the missing color of the part denoted with a question mark?</t>
        </is>
      </c>
      <c r="D242" t="inlineStr">
        <is>
          <t>['purple', 'green', 'yellow', 'orange']</t>
        </is>
      </c>
      <c r="E242" t="inlineStr">
        <is>
          <t>yellow</t>
        </is>
      </c>
      <c r="F242" t="inlineStr">
        <is>
          <t>There are 3 squares which overlap each other in the image. The color of the squares are ['?', 'blue', 'red']. The part where the first and second squares overlap is green. The part where the second and third squares overlap is purple.</t>
        </is>
      </c>
      <c r="G242" t="inlineStr">
        <is>
          <t>We observe that the blue and red squares overlap to form purple. Hence, the pattern is that the color of the part where two squares overlap is determined by mixing the two colors.</t>
        </is>
      </c>
      <c r="H242" t="inlineStr">
        <is>
          <t>Based on the pattern that the color of the part where two squares overlap is determined by mixing the two colors, the missing color of the part which overlaps with blue to form green should be yellow.</t>
        </is>
      </c>
      <c r="I242" t="inlineStr">
        <is>
          <t>b'\x89PNG\r\n\x1a\n\x00\x00\x00\rIHDR\x00\x00\x02\x00\x00\x00\x02\x00\x08\x02\x00\x00\x00{\x1aC\xad\x00\x00 \xdfIDATx\x9c\xed\xdd}\x90]e\x81\xe7\xf1\xe79\xe7\xbet\xdf\xee\xa4\x13bp\xd6JQ,:b\xcd\xc2\x02e\x02\x8a\x1a\xa8JR\x11GK\xb6\x1ctwMe\x1c5/\x0b!n\x8d%\x08Z[\xc5\xaa`\x95\xffHV^\x12\n\x0b\x02\xcc"\x8e\xe5\x96\xbb\x85R\x03V\x11u!&amp;\xbc\x89\x8aQF\x19Fp\xdb@:\x9d\xee\xce\xed{\xef9\xe7\xd9?\x1eh\x9aN\xa7s\xfb\xde\xe7\x9c\xf3\xbc|?EQ\xb1+T\x8e\x9d\xee\xdf\xf7\x9e{N\xdf+\x95R\x02\x00\x10\x9e\xa8\xec\x03\x00\x00\x94\x83\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80\xd7\xa4i\xaa\x94*\xfb(P\x1c\xc9\xdf7\x00!\x84RJJ9\xfb\x17\xf0\x1eg\x00@\xe8\x94Rz\xf4o\xbc\xf1\xc6\xd1\xd1Q)e\x96ee\x1f\x14\x8a@\x00\x80\xa0)\xa5\xb2,\x93Rn\xdf\xbe\xfdK_\xfa\xd2G?\xfa\xd1\xb1\xb1\xb1(\x8ah@\x08\x08\x00\x10.\xbd\xfeq\x1co\xdd\xbau\xf7\xee\xdd\x8d\xc1\xc1\xfd\xfb\xf7o\xdc\xb8\x91\x06\x04\x82\x00\x00\x81\x9a\xbd\xfew\xdcqG\xbdZ=\xdelV*\x95\x03\x07\x0e\xd0\x80@\x10\x00 Ds\xd7\xbfVku:\xefy\xdb\xdb\xd2$\xa1\x01\xe1 \x00@p\xe6\xac\xff`\xbd\xdej\xb7?~\xf6\xd9\x0f_q\xc5\xd7\xd7\xaeM\x92\xa4^\xad\xd2\x80\x10\x10\x00 ,\'\xae\x7f\xb3\xd5\xfa\x8f\xefz\xd7\xad\x1b6\xfc\xf9\xf8\xf1\xed\xe7\x9f\xff\xf5\xb5k[\x9d\x0e\r\x08\x01\x01\x00\x02r\xb2\xf5\xff\xd6\xfa\xf5\x93\xed\xb6\x10\xe2\xf0\xf1\xe3W\xd2\x80`\x10\x00 \x14\x0b\xaf\x7f\xa6T$e%\x8a\xfeL\x03\x82A\x00\x80 t\xb3\xfe\xfaw\xd2\x80p\x10\x00\xc0\x7f\xdd\xaf\xbfF\x03\x02A\x00\x00\xcf-v\xfd5\x1a\x10\x02\x02\x00\xf8\xac\xb7\xf5\xd7h\x80\xf7\x08\x00\xe0\xad~\xd6_\xa3\x01~#\x00\x80\x9f\xfa_\x7f\x8d\x06x\x8c\x00\x00\x1e2\xb5\xfe\x1a\r\xf0\x15\x01\x00|cv\xfd5\x1a\xe0%\x02\x00x%\x8f\xf5\xd7h\x80\x7f\x08\x00\xe0\x8f\xfc\xd6_\xa3\x01\x9e!\x00\x80\'\xf2^\x7f\x8d\x06\xf8\x84\x00\x00&gt;(f\xfd5\x1a\xe0\r\x02\x008\xaf\xc8\xf5\xd7h\x80\x1f\x08\x00\xe0\xb6\xe2\xd7_\xa3\x01\x1e \x00\x80\xc3\xcaZ\x7f\x8d\x06\xb8\x8e\x00\x00\xae*w\xfd5\x1a\xe04\x02\x008\xc9\x86\xf5\xd7h\x80\xbb\x08\x00\xe0\x1e{\xd6_\xa3\x01\x8e"\x00\x80cl[\x7f\x8d\x06\xb8\x88\x00\x00.\xb1s\xfd5\x1a\xe0\x1c\x02\x008\xc3\xe6\xf5\xd7h\x80[\x08\x00\xe0\x06\xfb\xd7_\xa3\x01\x0e!\x00\x80\x03\\Y\x7f\x8d\x06\xb8\x82\x00\x00\xb6sk\xfd5\x1a\xe0\x04\x02\x00X\xcd\xc5\xf5\xd7h\x80\xfd\x08\x00`/w\xd7_\xa3\x01\x96#\x00\x80\xa5\\_\x7f\x8d\x06\xd8\x8c\x00\x006\xf2c\xfd5\x1a`-\x02\x00X\xc7\xa7\xf5\xd7h\x80\x9d\x08\x00`\x17\xff\xd6_\xa3\x01\x16"\x00\x80E|]\x7f\x8d\x06\xd8\x86\x00\x00\xb6\xf0{\xfd5\x1a`\x15\x02\x00X!\x84\xf5\xd7h\x80=\x08\x00P\xbep\xd6_\xa3\x01\x96 \x00@\xc9B[\x7f\x8d\x06\xd8\x80\x00\x00e\ns\xfd5\x1aP:\x02\x00\x94&amp;\xe4\xf5\xd7h@\xb9\x08\x00P\x0e\xd6_\xa3\x01%"\x00@\tX\xff\xd9h@Y\x08\x00P4\xd6\xffD4\xa0\x14\x04\x00(\x14\xeb\x7f24\xa0x\x04\x00(\x0e\xeb\xbf0\x1aP0\x02\x00\x14\x84\xf5\xef\x06\r(\x12\x01\x00\x8a\xc0\xfaw\x8f\x06\x14\x86\x00\x00\xb9c\xfd\x17\x8b\x06\x14\x83\x00\x00\xf9b\xfd{C\x03\n@\x00\x80\x1c\xb1\xfe\xfd\xa0\x01y#\x00@^X\xff\xfe\xd1\x80\\\x11\x00 \x17\xac\xbf)4 ?\x04\x000\x8f\xf57\x8b\x06\xe4\x84\x00\x00\x86\xb1\xfey\xa0\x01y \x00\x80I\xac\x7f~h\x80q\x04\x000\x86\xf5\xcf\x1b\r0\x8b\x00\x00f\xb0\xfe\xc5\xa0\x01\x06\x11\x00\xc0\x00\xd6\xbfH4\xc0\x14\x02\x00\xf4\x8b\xf5/\x1e\r0\x82\x00\x00}a\xfd\xcbB\x03\xfaG\x00\x80\xde\xb1\xfe\xe5\xa2\x01}"\x00@\x8fX\x7f\x1b\xd0\x80~\x10\x00\xa0\x17\xac\xbf=h@\xcf\x08\x00\xb0h\xac\xbfmh@o\x08\x00\xb08\xac\xbf\x9dh@\x0f\x08\x00\xb0\x08\xac\xbf\xcdh\xc0b\x11\x00\xa0[\xac\xbf\xfdh\xc0\xa2\x10\x00\xa0+\xac\xbf+h@\xf7\x08\x00pj\xac\xbf[h@\x97\x08\x00p\n\xac\xbf\x8bh@7\x08\x00\xb0\x10\xd6\xdf]4\xe0\x94\x08\x00pR\xac\xbf\xebh\xc0\xc2\x08\x000?\xd6\xdf\x0f4`\x01\x04\x00\x98\x07\xeb\xef\x13\x1ap2\x04\x00\x98\x8b\xf5\xf7\x0f\r\x98\x17\x01\x00\xde\x84\xf5\xf7\x15\r8\x11\x01\x00\xde\xc0\xfa\xfb\x8d\x06\xccA\x00\x80\xd7\xb0\xfe!\xa0\x01\xb3\x11\x00@\x08\xd6?$4`\x06\x01\x00X\xff\xe0\xd0\x00\x8d\x00 t\xac\x7f\x98h\x80 \x00\x08\x1c\xeb\x1f2\x1a@\x00\x10.\xd6\x1f\x817\x80\x00 P\xac?\xb4\x90\x1b@\x00\x10"\xd6\x1f\xb3\x05\xdb\x00\x02\x80\xe0\xb0\xfe8Q\x98\r \x00\x08\x0b\xeb\x8f\x93\t\xb0\x01\x04\x00\x01a\xfd\xb1\xb0\xd0\x1a@\x00\x10\n\xd6\x1f\xdd\x08\xaa\x01\x04\x00A`\xfd\xd1\xbdp\x1a@\x00\xe0?\xd6\x1f\x8b\x15H\x03\x08\x00&lt;\xc7\xfa\xa37!4\x80\x00\xc0g\xac?\xfa\xe1}\x03\x08\x00\xbc\xc5\xfa\xa3\x7f~7\x80\x00\xc0O\xac?L\xf1\xb8\x01\x04\x00\x1eb\xfda\x96\xaf\r \x00\xf0\r\xeb\x8f&lt;x\xd9\x00\x02\x00\xaf\xb0\xfe\xc8\x8f\x7f\r \x00\xf0\x07\xeb\x8f\xbcy\xd6\x00\x02\x00O\xb0\xfe(\x86O\r \x00\xf0\x01\xeb\x8f"y\xd3\x00\x02\x00\xe7\xb1\xfe(\x9e\x1f\r \x00p\x1b\xeb\x8f\xb2x\xd0\x00\x02\x00\x87\xb1\xfe(\x97\xeb\r \x00p\x15\xeb\x0f\x1b8\xdd\x00\x02\x00\'\xb1\xfe\xb0\x87\xbb\r \x00p\x0f\xeb\x0f\xdb8\xda\x00\x02\x00\xc7\xb0\xfe\xb0\x93\x8b\r \x00p\t\xeb\x0f\x9b9\xd7\x00\x02\x00g\xb0\xfe\xb0\x9f[\r \x00p\x03\xeb\x0fW8\xd4\x00\x02\x00\x07\xb0\xfep\x8b+\r \x00\xb0\x1d\xeb\x0f\x179\xd1\x00\x02\x00\xab\xb1\xfep\x97\xfd\r \x00\xb0\x17\xeb\x0f\xd7Y\xde\x00\x02\x00K\xb1\xfe\xf0\x83\xcd\r \x00\xb0\x11\xeb\x0f\x9fX\xdb\x00\x02\x00\xeb\xb0\xfe\xf0\x8f\x9d\r \x00\xb0\x0b\xeb\x0f_Y\xd8\x00\x02\x00\x8b\xb0\xfe\xf0\x9bm\r\x90J\xa9\x82\xffH\x94\xa8\xf4\xbb\x0e\x16\xa0\x94\x92RFQ\xa4\xd7\xbfV\xab\xb5\xdb\xed\x8f\x9f}6\xeb_$&gt;\xc9\x05H\xb2\xec\xf4F\xe3\xb6\xa7\x9f\xbev\xdf\xbeJ\xa5\x92$\xc9\x9a5k\x1ez\xe8\xa1\xe5\xcb\x97\xeb\xef\x82\xc2\x8e\x84\x00\xc0.z\xfd\xeb\xb5Z\xa7\xd3\xf9\xbbs\xce\xf9\x1f\xeb\xd6Mv:\x05\x7fW\x04+\xcb\xb2\xe94-\xfb(\x82\x90d\xd9\xcaF\xe3\xb6\xa7\x9f\xfe\xef\x8f=\x96\x08\xd1\xeet\xde\xf3\x9e\xf7|\xe7;\xdfY\xb5j\x95\x94\xb2\xb0\xafv\x02\x10\n\xbd\xa1\x9f\xff\xfc\xe7\x9fz\xea\xa98\x8eS\xfb\xbe\xcf\xa5\x94\xe3\xe3\xe3O&lt;\xf1\x84&gt;\xbcX\xca\xf7\xbe\xedmJ\x88T\xa9H\x08\xbeLs\x15K\x99*\xf5\xefV\xac\xf8\xca\x07&gt;0\xdd\xe9\x90\xdb\xbceJ\t!No46|\xf7\xbb\x8f\xbd\xfcrcp\xf0x\xb3\xf9\x95\xaf|\xe5\xcb_\xfer\x9a\xa6q\x1c\x17s\x18\x95b\xfe\x18\x94N\x07\xe0g?\xfb\xd9\xfe\xfd\xfb\xcb&gt;\x96\x85T\xaa\xb5,\xcb\xa28N\xd3\xf4\xa7/\xbdT\xf6\xe1\x84\xa5\x99$\x15)\x95\x10\xcc\x7f\xae\xf4\xf3\x99\xc3\xb5\xda\xa7\x7f\xf4\xa3\xc7^~\xb9^\xab\x1do6\xb7m\xdbv\xddu\xd7\xe9k`\x85\x1d\t\x01\x08\xcb\xf0\xf0p\x1c\xc7q\x1c\xb7\xdb\xed\xb2\x8fe~Ig\xe6\xc0d$_[\xa2\x94\xf3\xd4\x9c\xd5\xa2(Uj\xa8Z\xe5\x13\x9d\xb7\x99\xf5\xdf\xf1\xf0\xc3\x0f\x1c:T\xaf\xd5Z\xed\xf6\x96-[n\xbf\xfd\xf6\xe2\x9f\x8f!\x00a\xc9\xb2,MS\xa5\xd4\xaa\xbf\xba\xe8\xcc\x0b.\xedLOIi\xd7\x9d`J\xa9\xa8Ri\x8e\x1fy\xfaGw+!\x95\x90R\xca\x0f\xac\xf9\x0f#KV\xb6Z\xc7\xa3(\x16\x82G\xa8\xc6(\x95\xd5k\x83\xcf=\xff\xf8\xef_|:S*#\xb49\x9b\xbd\xfe\xf7\xff\xe67\xfa&gt;\xb7-[\xb6\xec\xd9\xb3\'M\xd3(\x8a\n~\xf2\x8d\x00\x84(\xcb\xb23\xcf\xbfd\xfd\xf6\xafO\x1d\x19\x8d*\xd5\xb2\x0f\xe7\xcd\x94\x12J\xc5\xb5\x81\xb7\x9cq\xf6\xc3{\xae\x8f\xe38\xcb\xb2\xc3\xaf\xfe\xeb\'\xfe\xfa\xda\xc1\x81%\xadv3\x8ec.\x08\x98\x92e\xc9\xd2\xe1\xb7\xfc\xcf\xffs\xd3\xf3\xff\xf2T\xd9\xc7\xe2?\xdb\xd6_\x10\x80`uZ\xc7\xa7\xc6\xfe||\xfc\x95(\xb6\xf2k@\xa9\xd5\x97o\x17B&lt;\xbc\xe7\xfa8\xae\xfc\xe6\x9f\xf7\xdfx\xeb\x7f\xba\xfaoo\x19\x1cX\xd2\x9aj\xc6QqO\x92\xfa-\xcbR%D\xbb\xdd,\xfb@\xfcg\xe1\xfa\x0b\x02\x10,)\xa3(\xae\xe8\x7f\xca&gt;\x96\xf9M\x8d\xfdy\xa6\x01\x95J\xed\xe5\xd1\xe7o\xbdg\xe7\x8e\xbf\xbdep`I\xbb\xdd\x8ch\x80!qT\xb1\xedi@\xff\xd8\xb9\xfe\x82\x9f\x04\x86\xb5\xa2\xb8\xa2\x1b\xb0~\xeb\x8dI\xd2\xaeTj\xff\xfa\xa7C\xdf\xba\xfb\xaa\xe6\xf4D\xad6\x98e\xd6\xdd\xc6\n\xcc\xcb\xda\xf5\x17\x04\x006\xa3\x01p\x9d\xcd\xeb/\x08\x00,G\x03\xe0.\xcb\xd7_\x10\x00\xd8\x8f\x06\xc0E\xf6\xaf\xbf \x00p\x02\r\x80[\x9cX\x7fA\x00\xe0\n\x1a\x00W\xb8\xb2\xfe\x82\x00\xc0!4\x00\xf6sh\xfd\x05\x01\x80[h\x00l\xe6\xd6\xfa\x0b\x02\x00\xe7\xd0\x00\xd8\xc9\xb9\xf5\x17\x04\x00.\xa2\x01\xb0\x8d\x8b\xeb/\x08\x00\x1cE\x03`\x0fG\xd7_\x10\x00\xb8\x8b\x06\xc0\x06\xee\xae\xbf \x00p\x1a\r@\xb9\x9c^\x7fA\x00\xe0:\x1a\x80\xb2\xb8\xbe\xfe\x82\x00\xc0\x034\x00\xc5\xf3`\xfd\x05\x01\x80\x1fh\x00\x8a\xe4\xc7\xfa\x0b\x02\x00o\xd0\x00\x14\xc3\x9b\xf5\x17\x04\x00&gt;\xa1\x01\xc8\x9bO\xeb/\x08\x00&lt;C\x03\x90\x1f\xcf\xd6_\x10\x00\xf8\x87\x06 \x0f\xfe\xad\xbf \x00\xf0\x12\r\x80Y^\xae\xbf \x00\xf0\x15\r\x80)\xbe\xae\xbf \x00\xf0\x18\r@\xff&lt;^\x7fA\x00\xe07\x1a\x80~\xf8\xbd\xfe\x82\x00\xc0{4\x00\xbd\xf1~\xfd\x05\x01@\x08h\x00\x16+\x84\xf5\x17\x04\x00\x81\xa0\x01\xe8^ \xeb/\x08\x00\xc2A\x03\xd0\x8dp\xd6_\x10\x00\x04\x85\x06`aA\xad\xbf \x00\x08\r\r\xc0\xc9\x84\xb6\xfe\x82\x00 @4\x00\'\np\xfd\x05\x01@\x98h\x00f\x0bs\xfd\x05\x01@\xb0h\x00\xb4`\xd7_\x10\x00\x84\x8c\x06 \xe4\xf5\x17\x04\x00\x81\xa3\x01!\x0b|\xfd\x05\x01\x00h@\x98X\x7fA\x00\x00A\x03\xc2\xc3\xfak\x04\x00\x10\x82\x06\x84\x84\xf5\x9fA\x00\x80\xd7\xd0\x80\x10\xb0\xfe\xb3\x11\x00\xe0\r4\xc0o\xac\xff\x1c\x04\x00x\x13\x1a\xe0+\xd6\xffD\x04\x00\x98\x8b\x06\xf8\x87\xf5\x9f\x17\x01\x00\xe6A\x03|\xc2\xfa\x9f\x0c\x01\x00\xe6G\x03\xfc\xc0\xfa/\x80\x00\x84E)U\xf6!\xb8\x84\x06\xb8\x8e\xf5_\x18\x01\x08\x85RJ)U\xa9T\xca&gt;\x10\xc7\xd0\x00w\xb1\xfe\xa7D\x00\x82\xa0\x94\x92RJ)\x8f\x1e=Z\xf6\xb1\xb8\x87\x06\xb8\x88\xf5\xef\x06\x01\xf0\x9fR*\xcb\xb2(\x8a\xb6n\xddz\xf0\xe0\xc1J\xb5\xa6?Z\xf6q\xb9\x84\x06\xb8\x85\xf5\xef\x12\x01\xf0\x9c^\xff8\x8e\xb7n\xddz\xc7\x1dw\xc4q\x9ce\x99\x10"\xaaT\xb8\x1e\xb0(4\xc0\x15\xac\x7f\xf7\x08\x80\xcf\xe6\xac\x7f\xadVK\xd3\xd7v\xea\xf8\xf8\xab\x95Z\x9d\x06,\n\r\xb0\x1f\xeb\xbf(\x04\xc0[s\xd6\xbf^\xaf\xb7\xdb\xed(\x8a\xb24\x91Q\xf4\x8b\x7f\xfa\x87\xfd\xff\xb8k\xf8\xb4\xb7fiR\xf6\x91\xba\x84\x06\xd8\x8c\xf5_,\x02\xe0\xa79\xeb?88\xd8j\xb5\xb6o\xdf\xbev\xedZ!D$\xa5\xca\xd2G\xf6|\xe9\xe0\xff\xba}h\xf9\xe94`Qh\x80\x9dX\xff\x1e\x10\x00\x0f\x9d\xb8\xfe\xcdfs\xd3\xa6M\xb7\xddv\xdb\xccs&gt;J\x88\xa8Ryx\xcf\xf54\xa0\x074\xc06\xac\x7fo\x08\x80o\xe6]\xff\xcd\x9b7\xdfy\xe7\x9d\xadV+I\x92\x99\xdf\x97%\t\r\xe8\x19\r\xb0\x07\xeb\xdf3\x02\xe0\x95\x05\xd6\x7fbbB\x08\x11E\x91\x10"M\xd3K?~\xe1\xd9\xab\xffm\x96$\x95j\x95\x06\xf4\x86\x06\xd8\x80\xf5\xef\x07\x01\xf0\xc7\xc2\xeb\x9fe\xd9\xec\xef\x84\x91\x15K\xfe\xfe\xf6\xbf[\xf5\x97\x7f\x91t:4\xa0g4\xa0\\\xac\x7f\x9f\x08\x80\'N\xb9\xfe\xfa\xb1\xff\x8c\xe9\xe3\xed\xc6\xf0\xc0\xe7\xbe\xb5\xf9\x8cw\xfd\x1b\x1a\xd0\x0f\x1aP\x16\xd6\xbf\x7f\x04\xc0\x07\x8b]\x7f!D\x1cG\xad\xe9vc\xc9\xe0\x7f\xbd\xe5S4\xa0O4\xa0x\xac\xbf\x11\x04\xc0y=\xac\xbf\x16\xbd\xd6\x80\x01\x1a\xd0?\x1aP$\xd6\xdf\x14\x02\xe0\xb6\x9e\xd7_\x8b\xe2\xa8\xd5\xa4\x01f\xd0\x80b\xb0\xfe\x06\x11\x00\x87\xf5\xb9\xfe\x1a\r0\x88\x06\xe4\x8d\xf57\x8b\x00\xb8\xca\xc8\xfak4\xc0 \x1a\x90\x1f\xd6\xdf8\x02\xe0$\x83\xeb\xaf\xd1\x00\x83h@\x1eX\xff&lt;\x10\x00\xf7\x18_\x7f\x8d\x06\x18D\x03\xccb\xfdsB\x00\x1c\x93\xd3\xfak4\xc0 \x1a`\n\xeb\x9f\x1f\x02\xe0\x92\\\xd7_\xa3\x01\x06\xd1\x80\xfe\xb1\xfe\xb9"\x00\xce(`\xfd5\x1a`\x10\r\xe8\x07\xeb\x9f7\x02\xe0\x86\xc2\xd6_\xa3\x01\x06\xd1\x80\xde\xb0\xfe\x05 \x00\x0e(x\xfd5\x1a`\x10\rX,\xd6\xbf\x18\x04\xc0v\xa5\xac\xbfF\x03\x0c\xa2\x01\xddc\xfd\x0bC\x00\xacV\xe2\xfak4\xc0 \x1a\xd0\r\xd6\xbfH\x04\xc0^\xa5\xaf\xbfF\x03\x0c\xa2\x01\x0bc\xfd\x0bF\x00,e\xc9\xfak4\xc0 \x1ap2\xac\x7f\xf1\x08\x80\x8d\xacZ\x7f\x8d\x06\x18D\x03N\xc4\xfa\x97\x82\x00X\xc7\xc2\xf5\xd7h\x80A4`6\xd6\xbf,\x04\xc0.\xd6\xae\xbfF\x03\x0c\xa2\x01\x1a\xeb_"\x02`\x11\xcb\xd7_\xa3\x01\x06\xd1\x00\xd6\xbf\\\xe5\x0f\n4\'\xd6_\xa3\x01\x06\x85\xdc\x00\xd6\xbft\xb6lJ\xe0\x1cZ\x7f\x8d\x06\x18\x14f\x03X\x7f\x1b\xd85+arn\xfd5\x1a`Ph\r`\xfd-a\xe3\xb2\x04\xc5\xd1\xf5\xd7h\x80A\xe14\x80\xf5\xb7\x87\xbd\xe3\x12\x02\xa7\xd7_\xa3\x01\x06\x85\xd0\x00\xd6\xdf*\xb6\xef\x8b\xc7&lt;X\x7f\x8d\x06\x18\xe4w\x03X\x7f\xdb\xb811\xfe\xf1f\xfd5\x1a`\x90\xaf\r`\xfd-\xe4\xd2\xcax\xc3\xb3\xf5\xd7h\x80A\xfe5\x80\xf5\xb7\x93{C\xe3:/\xd7_\xa3\x01\x06\xf9\xd4\x00\xd6\xdfZ\xaen\x8d\xa3&lt;^\x7f\x8d\x06\x18\xe4G\x03X\x7f\x9b\xb9=7n\xf1~\xfd5\x1a`\x90\xeb\r`\xfd-\xe7\xc3\xe28!\x90\xf5\xd7h\x80A\xee6\x80\xf5\xb7\x9f?\xa3c\xb3\xa0\xd6_\xa3\x01\x06\xb9\xd8\x00\xd6\xdf\t\xbe\xed\x8e\x85\x02\\\x7f\x8d\x06\x18\xe4V\x03X\x7fW\xf89=\xf6\x08v\xfd5\x1a`\x90+\r`\xfd\x1d\xe2\xf3\xfa\x94.\xf0\xf5\xd7h\x80A\xf67\x80\xf5w\x8b\xff\x03T\x16\xd6\x7f\x06\r0\xc8\xe6\x06\xb0\xfe\xce\te\x83\n\xc6\xfa\xcfA\x03\x0c\xb2\xb3\x01\xac\xbf\x8b\xc2\x9a\xa1b\xb0\xfe\xf3\xa2\x01\x06\xd9\xd6\x00\xd6\xdfQ!.Q\xaeX\xff\x05\xd0\x00\x83\xeci\x00\xeb\xef\xaep\xc7(\x0f\xac\xff)\xd1\x00\x83lh\x00\xeb\xef\xb4\xd0\xf7\xc8 \xd6\xbfK4\xc0\xa0r\x1b\xc0\xfa\xbb\x8eI2\x83\xf5_\x14\x1a`PY\r`\xfd=\xc0*\x19\xc0\xfa\xf7\x80\x06\x18T|\x03X\x7f?0L\xfdb\xfd{F\x03\x0c*\xb2\x01\xac\xbf7\xd8\xa6\xbe\xb0\xfe}\xa2\x01\x06\x15\xd3\x00\xd6\xdf\'\xccS\xefX\x7f#h\x80Ay7\x80\xf5\xf7\x0c\x0b\xd5#\xd6\xdf \x1a`P~\r`\xfd\xfd\xc3H\xf5\x82\xf57\x8e\x06\x18\x94G\x03X\x7f/\xb1S\x8b\xc6\xfa\xe7\x84\x06\x18d\xb6\x01\xac\xbf\xaf\x98\xaa\xc5a\xfdsE\x03\x0c2\xd5\x00\xd6\xdfc\xac\xd5"\xb0\xfe\x05\xa0\x01\x06\xf5\xdf\x00\xd6\xdfo\x0cV\xb7X\xff\xc2\xd0\x00\x83\xfai\x00\xeb\xef=6\xab+\xac\x7f\xc1h\x80A\x0b6`\xe0d\r`\xfdC\xc0l\x9d\x1a\xeb_\n\x1a`\xd0\xc9\x1ap\xbc9\x7f\x03X\xff@\xb0\\\xa7\xc0\xfa\x97\x88\x06\x184o\x03n\xb9\xe7\xea\xe6\xf4d\xbd\xde\x98\xfd;Y\xffp0^\x0ba\xfdKG\x03\x0c:\xb1\x01/\xfd\xbf\xdf\xed\xba\xeb\xbf\x1c\x9bxe\xe6\xf7\xb0\xfeAa\xbfN\x8a\xf5\xb7\x04\r0hN\x03\xa2\xb8\xf2\xdb?\x1c\xdc\xf7\xf3\xef\xc6R\n!\x94R\x91\x10\xac\x7f8\x98\xb0\xf9\xb1\xfeV\xa1\x01\x06\xcdn@\x96&amp;Q\\\x11\xaf\xcfz\x1cE\xac\x7fPX\xb1y\xb0\xfe\x16\xa2\x01\x06\xcdi\x80\x14B\x08)\x84\x90R\xeex\xe4\x91\x07\x0e\x1db\xfd\x03\xc1\x90\xcd\xc5\xfa[\x8b\x06\x184\xd3\x80u[\xbf&amp;\xa38\x93B\x08\xf1\x7f_z\xe9\xdb\xcf&gt;[\xabVY\xff@\xb0eo\xc2\xfa[\x8e\x06\x18\x14\xc5\x95\xc9#\xa3\x17\xfd\xcd\xce\x7f\xbf\xe1?\xab,\x8b\xe2J\xa6T\xadZmw:\xac\x7f \x98\xb37\xb0\xfeN\xa0\x01\x06I)\x93v\xab1\xb2B\xff\xcf8\x8eY\xff\xa0\xb0h\xafa\xfd\x1dB\x03\x0c\x92RfI"\x84\x88\xa2(MS\xd6?(\x8c\x9a\x10\xac\xbf\x83h\x80IR\n!\x92N{\xf5\xea\xd5{\xf6\xec\xd1_\xf0\xac\x7f\x08\xd85\xd6\xdfU4\xc0\xb8e\xcb\x96)\xa5\x94R\xac\x7f B\x9f6\xd6\xdfi4\xc0\xac$I\xa4\x94\xac\x7f8\x82^7\xd6\xdf\x034\xc0 \xa6?4\xe1\x0e\x1c\xeb\xef\r\x1a\x00\xf4&amp;\xd0\x8dc\xfd=C\x03\x80\x1e\x848s\xac\xbf\x97h\x00\xb0X\xc1-\x1d\xeb\xef1\x1a\x00,JXc\xc7\xfa{\x8f\x06\x00\xdd\x0bh\xefX\xff@\xd0\x00\xa0K\xa1L\x1e\xeb\x1f\x14\x1a\x00t#\x88\xd5c\xfd\x03D\x03\x80S\xf2\x7f\xf8X\xff`\xd1\x00`a\x9eo\x1f\xeb\x1f8\x1a\x00,\xc0\xe7\xf9c\xfd!h\x00pr\xde. \xeb\x8f\x194\x00\x98\x97\x9f#\xc8\xfac\x0e\x1a\x00\x9c\xc8\xc3\x1dd\xfd1/\x1a\x00\xcc\xe1\xdb\x14\xb2\xfeX\x00\r\x00f\xf3j\rY\x7f\x9c\x12\r\x00f\xf83\x88\xac?\xbaD\x03\x00\xcd\x93Md\xfd\xb1(4\x00\x10~\x04\x80\xf5G\x0fh\x00\xe0\xfc2\xb2\xfe\xe8\x19\r@\xe0\xdc\x1eG\xd6\x1f}\xa2\x01\x08\x99\xc3\xfb\xc8\xfa\xc3\x08\x1a\x80`\xb9:\x91\xac?\x0c\xa2\x01\x08\x93\x93+\xc9\xfa\xc38\x1a\x80\x00\xb97\x94\xac?rB\x03\x10\x1a\xc7\xb6\x92\xf5G\xaeh\x00\x82\xe2\xd2\\\xb2\xfe(\x00\r@8\x9cYL\xd6\x1f\x85\xa1\x01\x08\x84\x1b\xa3\xc9\xfa\xa3`4\x00!p`7Y\x7f\x94\x82\x06\xc0{\xb6O\'\xeb\x8f\x12\xd1\x00\xf8\xcd\xea\xf5d\xfdQ:\x1a\x00\x8f\xd9;\xa0\xac?,A\x03\xe0+K7\x94\xf5\x87Uh\x00\xbcd\xe3\x8c\xb2\xfe\xb0\x10\r\x80\x7f\xac[R\xd6\x1f\xd6\xa2\x01\xf0\x8c]c\xca\xfa\xc3r4\x00&gt;\xb1hOY\x7f8\x81\x06\xc0\x1b\xb6L*\xeb\x0f\x87\xd0\x00\xf8\xc1\x8aUe\xfd\xe1\x1c\x1a\x00\x0f\x94?\xac\xac?\x1cE\x03\xe0\xba\x92\xb7\x95\xf5\x87\xd3h\x00\x9cV\xe6\xbc\xb2\xfe\xf0\x00\r\x80\xbbJ[X\xd6\x1f\xde\xa0\x01pT\xa5\x94?\x95\xf5/\x9d\xcaT\x9adY\x9a\x95} \x9e\x90B\x1c\x9f\x9c\xae7jW\xef\xda\xfc\xcd+\xefz\xe9\xf9\xd18\xae&lt;\xbc\xe7z!\xc4\xea\xcb\xb7O\x1d\x19\x15R\x96}\x8c\xf3\xc8\xd2$K\x13\xa5\xf82\x08T\t\x01`\xfdmP\x1f\xac\x8d\xbceXH\x11\xc7|\xb6M\x91Y\x9a-=m\xe8\xbf\xdd\x7f\xd5\xcdW\xdd\xfd\xdc\x81?\xcc4\xe0\xc2\x8f]\x9d\xb6\xa7\x85\x94\xb6e K:C\xcbO\xaf\xd6\x1be\x1f\x08\xcaQt\x00X\x7f\x1bDQ\xf4\xab\xc7\x9f\xbf\xef\xa6\xff\xddjv"\xcb&amp;\xc9]J()d\x9af\x03\x8d\xda\xca3V\xfc\xe6\xe0\x1f2\x95J)\x1f\xdes\xfd+/\x1e\x1a\x1c9-K\x12i\xd9g[\xa9\xac:0\xf4\xc2\xd3\x8fFQ\x94e\x9c\x07\x04\xa7\xd0\x00(\xa5\x84\x103\xeb_\xaf\xd7Y\xff\x82EQ\x14\xc7q\x1c\xc7\xbf{\xea\x85\xdf=\xf5B\xd9\x87\xe3\xb38\x8e\xa5\x94B\x8a4\xcb\x9e\xfe\xd1\xdde\x1f\xce)\xd4j\xb54M\xf9\x06\x0cM\xd1\x01PJ]u\xd5Uz\xfd[\xad\xd6\xa6M\x9bX\xff\xc2H)\'\'\'\xd34M\xd3\xb4\xecc\xf1\xdf\xecOr\x14\xc7B\xc8(\x8a\x92N\xbb\xc4CZ@\xbb\xdd\x16BLNN\x96} (Tq\x01H\xd34\x8e\xe3\xaf~\xf5\xab\xbbw\xefn4\x1a\xc7\x8f\x1f\x7f\xff\xfb\xdf\x7f\xcf=\xf7\xbc\xfa\xea\xabB\x08\xd6?oR\xca$I.\xba\xe8\xa2F\xa3\xc1\xf9~\x01\xb2,\xabT*R\xca\x9f\xfc\xe4\'\xfa\x8b?\xe9\xb4\xdf\xfd\xeew\x8f\x8c\x8c\xe8Sa\xab\xc4q\x9c\xa6\xe9\x05\x17\\ \x84\xb0\xedy*\xe4G\x16\xf6\xb5\xa8\x1f\xfe\xff\xf1\x8f\x7f\xfc\xc4\'&gt;\xf1\xf8\xe3\x8f\xd7j\xb5j\xb5z\xe3\x8d7\xee\xdc\xb9\xf3\xf0\xe1\xc3\x95J9\xf7#\x85f`` \x8e\xe3\xb2\x8f\xc2\x7fY\x96I)\xeb\xf5\xfa\x95W^\xb9{\xf7\xeej\xb5\xdaj\xb5\xb6l\xd9\xb2g\xcf\x9e\xb2\x0f\rxCq\x01\x10B(\xa5\xa4\x94ccc\x1b7n&lt;p\xe0\x80~\xd0q\xf3\xcd7\xd3\x80\xc2\xf0\xc0\xbf\x00\xfa\xf9\xcc%K\x96|\xfa\xd3\x9f\xbe\xef\xbe\xfbj\xb5Z\xbb\xdd\xd6\xeb\x9fe\x99\xfe.(\xfb\x18O\x8as\xf1\xa0\x14\x1a\x00\xf1\xfa\xf7\xc6L\x03\xf4\x95\x00\x1a\x00o\xcc\xac\xffg&gt;\xf3\x99\xbd{\xf7\xea\xfb\xdc\xf4\xfa\xeb\xab\xac6\xaf?BSt\xed\xf5\xb3\xcf\xcb\x97/\x7f\xe8\xa1\x87\xd6\xacY\xd3j\xb5\xea\xf5\xfa\xe7&gt;\xf7\xb9]\xbbv\xad\\\xb92I\xf8\x99I8\x8c\xf5\x87[J8\xdd\xa3\x01\xf0\x12\xeb\x0f\xe7\x94\xf3|\x1f\r\x80gX\x7f\xb8\xa8\xb4\x0b&gt;4\x00\xde`\xfd\xe1\xa82\xaf\xf8\xd3\x00x\x80\xf5\x87\xbbJ\xbe\xe5\x8b\x06\xc0i\xac?\x9cV\xfe=\xbf4\x00\x8eb\xfd\xe1\xba\xf2\x03 h\x00\x1c\xc4\xfa\xc3\x03V\x04@\xd0\x008\x85\xf5\x87\x1fl\t\x80\xa0\x01p\x04\xeb\x0foX\x14\x00A\x03`=\xd6\x1f&gt;\xb1+\x00\x82\x06\xc0b\xac?&lt;c]\x00\x04\r\x80\x95X\x7f\xf8\xc7\xc6\x00\x08\x1a\x00\xcb\xb0\xfe\xf0R\xd1/\x07\xbd(\x1e\xbfv\xf4\x9cO;\xf3a3\xd6\x1f\xbe\xb2:\x00\xc2\xaf\x06dY\xa6\xdf(J\xbf-\xbb\x1e\x0e\xa5T\x96e3\xef\xd3\xcb\x9a\xd8\x86\xf5\x87\xc7l\x0f\x80p\xbf\x01J\xa94M+\x95J\xa3\xd1\xa8\xd5ji\x9aNNNNLL4\x9b\xcdv\xbb]\xadV\x1b\x8d\xc6\xc8\xc8\xc8\xf0\xf0p\x96e\x13\x13\x13\xfa\xfdc\xcb&gt;j\x08\xc1\xfa\xc3w\x0e\x04@\xb8\xdc\x80,\xcb\xea\xf5\xfa\xd0\xd0\xd0\xf8\xf8\xf83\xcf&lt;\xb3o\xdf\xbe\x83\x07\x0f\xfe\xfe\xf7\xbf\x1f\x1d\x1dm6\x9bzD\x1a\x8d\xc6\xaaU\xab\xce;\xef\xbc\x0f}\xe8C\xeb\xd7\xaf\x1f\x1e\x1e\x1e\x1f\x1f\xa7\x01\xa5c\xfd\xe1=7\x02 \xdcl@\x96eCCC/\xbe\xf8\xe2\xfd\xf7\xdf\xff\xbd\xef}\xef\x17\xbf\xf8\xc5)\xff\x93\xf3\xce;\xef\x86\x1bn\xf8\xc8G&gt;266\xc6\xbb\xb3\x96\x88\xf5G\x08\x9c\t\x80p\xad\x01i\x9a\x8e\x8c\x8c\xdc}\xf7\xdd\xd7\\s\xcd\xd8\xd8\x98\xfe`\xb5Z\xd5\xc3\xa1\xaf\x07\x08!\xa4\x94z\xe8\xf5\xc5\x00\xfd\xc1\x9bn\xba\xe9\x0b_\xf8\xc2\xd8\xd8\x18\xe7\x01\xa5`\xfd\x11\x08\x97\x1ec:wo\xa8R\xea\xado}\xeb\xd8\xd8X\xb5Z\xadV\xabq\x1cw:\x9dv\xbb\xddn\xb7\x93$\xd1s\x9f\xa6i\xa7\xd3\xe9t:i\x9a*\xa5\xf4\xf5\xe1\xeb\xae\xbbn\xef\xde\xbd\xcb\x97/\xd7W\x86Q$\xd6\x1f\xe1p\xe9\x0c@s\xe8&lt; \xcb\xb2\x91\x91\x91\x0f~\xf0\x83\x8f&lt;\xf2\x88\xfe\xc8\xe9\xa7\x9f~\xf1\xc5\x17\xaf^\xbd\xfa\xedo\x7f\xfb\xb2e\xcb\xe28\x9e\x9a\x9a\xfa\xedo\x7f\xfb\xe0\x83\x0f&gt;\xfa\xe8\xa3\xfa\xf7DQ\xa4\x94Z\xb1b\xc5\xc1\x83\x07O;\xed\xb4N\xa7\xc3\xe2\x14\x86\xf5GP\xdc\x0b\x80p\xa7\x01i\x9a.[\xb6\xec\x07?\xf8\xc1\xc7&gt;\xf6\xb1K.\xb9d\xd3\xa6M\xeb\xd7\xaf_\xb5jU\xa5RI\xd34\xcb2\xa5T\x14Eq\x1c\'I\xb2w\xef\xde\xab\xaf\xbe\xba\xd5j\xe9\x0f\xa6iz\xd3M7}\xf1\x8b_\xb4\xea\xff\x91\xdfX\x7f\x84\xc6\xc9\x00\x08w\x1a \xa5l\xb7\xdb\xbf\xfe\xf5\xaf/\xbc\xf0\xc2\xc1\xc1\xc1\xc9\xc9I=\xf1zJ\xf4\xcf\x01\xe8\xbf\x82\x95+W~\xe3\x1b\xdf\xb8\xe6\x9ak\xf4\xf3\xfeY\x96]z\xe9\xa5?\xfc\xe1\x0f\'\'\'\xb9\x1a\\\x00\xd6\x1f\x01r5\x00\xc2\xa9\x06\x0c\x0e\x0eNMM\xe9\x1b\xfc\xe7\xdd\x11\xfd\xa8\x7fjj\xea\x82\x0b.8|\xf8p\x1c\xc7i\x9a\x9ey\xe6\x99\x8f?\xfe\xf8\xc0\xc0@\x9a\xa6\xacO\xaeX\x7f\x84\xc9\xe1\x87\x96\xae\\\x13VJMNNJ)+\x95\xca\xc9vDJ\xa9\x9f/:\xeb\xac\xb3\xc4\xeb\xaf\x0cq\xec\xd8\xb1\xe9\xe9i\x1e\xfe\xe7\x8d\xf5G\xb0\xdc\x1e\x17W\x1a\xd0\xe5\x88K)go\r\xd3S\x00\xd6\x1f!s;\x00\xc2\x9d\x06,L\xdf\x00:55\xf5\xa7?\xfdi\xe6\x83\xcb\x96-k4\x1a\xdc\t\x9a\x1f\xd6\x1f\x81s&gt;\x00\xc2\x8b\x06\xa4i:&lt;&lt;\xfc\xe4\x93O\xbe\xf8\xe2\x8b\xfa6P)\xe5;\xdf\xf9\xce\x91\x91\x91$I\x98\xa1&lt;\xb0\xfe\x80\x0f\x01\x10\x8e7 \xcb\xb2j\xb5\xda\xe9tn\xb8\xe1\x86\x99k\xf2J\xa9\x0f\x7f\xf8\xc3q\x1c\xbb{\x95\xdef\xac? \x9c\xbe\x0b\xe8D\xae\xdc\x174\x9b&gt;\xe6\xa5K\x97~\xf6\xb3\x9f\xbd\xeb\xae\xbb\xf4\xd5\x82,\xcb\xde\xf1\x8ew&lt;\xf6\xd8c\x95JE\xbf\x82t\xd9\x87\xe9\x15\xd6\x1f\xd0&lt;9\x03\xd0\x9c;\x0fH\x92\xa4^\xaf\xd7\xeb\xf5O}\xeaSw\xddu\xd7\xecW\xfe\xf9\xe67\xbf\xc9\xf3?y`\xfd\x81\x19^\x05@8\xd5\x80$I\x96.]z\xec\xd8\xb1\xcb/\xbf\xfc\xde{\xef\x9dy\xb6\'\xcb\xb2]\xbbv]v\xd9eG\x8f\x1e\xe5\xc5\xe0\xccb\xfd\x81\xd9\xbcz\nh\x86\xfd\xcf\x05%I\xb2|\xf9\xf2g\x9ey\xe6\x93\x9f\xfc\xe4\xa1C\x87\xf4\xd0\xeb\r\xba\xe5\x96[\xb6m\xdb\xf6\xea\xab\xaf\xb2\xfef\xb1\xfe\xc0\x1c~\x06@\xd8\xdd\x00\xbd\xfe\xfb\xf6\xed\xbb\xe2\x8a+\x8e\x1c92\xb3\xfe\xcb\x97/\xff\xf6\xb7\xbf}\xf9\xe5\x97\x97~\x84\xfea\xfd\x81\x13y\x1b\x00ak\x03\xf4\xbb\xc4\xfc\xf2\x97\xbf\xdc\xb0a\xc3\xcc\x93&lt;i\x9a\x9es\xce9\xf7\xdcs\xcf\xb9\xe7\x9e{\xe4\xc8\x11\xd6\xdf,\xd6\x1f\x98\x97\xcf\x01\x10\xf65@\xdf\xe0/\xa5\\\xbbv\xed\xb3\xcf&gt;[\xa9T\xf4;\x06_z\xe9\xa5\xf7\xdf\x7f\xff\xb2e\xcb\xc6\xc7\xc7\xab\xd5j\xc1G\xe57\xd6\x1f8\x19\xdf.\x02\xcfa\xdb5a\xfd6a\xf7\xde{\xaf^\x7f\xfd\x860\x97\\r\xc9\xf7\xbf\xff\xfd\xa1\xa1\xa1c\xc7\x8e\xb1\xfef\xb1\xfe\xc0\x02&lt;\x0f\x80\xb0\xac\x01Q\x14u:\x9d\x07\x1ex@\x9f\x07(\xa5V\xadZ\xb5w\xef\xdeZ\xad6==\xcd3?f\xb1\xfe\xc0\xc2\xfc\x0f\x80\xb0\xa6\x01J\xa9Z\xad6::\xfa\xdcs\xcf\xa9\xd7\xed\xdc\xb9\xf3\x8c3\xce\x98\x9c\x9c\xe4\x9e\x1f\xb3X\x7f\xe0\x94\x82\x08\x80\xb0\xa3\x01\xfa\x15\xdf^y\xe5\x95\xf1\xf1q!\x84~{\x80\xb5k\xd76\x9bM\xd6\xdf,\xd6\x1f\xe8F(\x01\x10v4 \x8a\xa2f\xb39\xf3\xce0K\x97.\xd5\x7f4{d\x10\xeb\x0ft)\xa0\x00\x08;\x1a\xa0\xdf\rX\xff{zz\x9a\xc7\xfef\xb1\xfe@\xf7&lt;\xbf\rt^e\xdd\x1b\xaa\x9f\x02\x9a\x98\x98x\xf2\xc9\'\xf5G\xaa\xd5\xea\x9a5k\xf4\xcd\xa09\xfd\xa1Aa\xfd\x81E\t1\x00\xa2\xd4\x9f\x0f\x88\xa2hhhH\xffZ)555\x15\xe6_\x81q\xac?\xb0X\x81\x06@\x94z\x1e\x90$I\x96eB\x88(\x8a\xb8\xf1\xdf\x08\xd6\x1f\xe8A\xb8\x01\x10%5@\xbf\x14\xc4\xc0\xc0\x80\x10\xa2\xd3\xe9LLL\x88\xd7\xdf\x05\x1e\xbda\xfd\x81\xde\x04\x1d\x00Qx\x03\x94RCCC?\xff\xf9\xcf\x1f}\xf4\xd1\xe9\xe9\xe9\x0b/\xbcp\xc3\x86\r\xadV\x8bw}\xe9\x19\xeb\x0f\xf4,\xf4\x00\x88\x02\x1b\xa0_\x07b\xd7\xae]\xd7^{\xed\xcc[\xbdo\xde\xbc\xf9\xd6[om\xb5Z\xecT\x0fX\x7f\xa0\x1f\x04@\x88B\x1a\xa0\x94\xaaT*G\x8f\x1e=\xf7\xdcs\xf5k\xfe\xe8\x9f\x04N\xd3\xf4\xc1\x07\x1f\\\xb7n\xdd\xc4\xc4\x84~?Ht\x89\xf5\x07\xfa\xc4\xe2\x08Q\xc8\xcf\x07(\xa5\xea\xf5\xfa\x0b/\xbc011!\xa5\xect:\xfa\xe7\xbf\xa2(\xfa\xd5\xaf~U\xadV\xf5eat\x89\xf5\x07\xfaG\x00^S\xcc\xcf\x88\xcd\xfb\x18\x9f\x07\xfe\x8b\xc5\xfa\x03F0=o\xc8\xb5\x01R\xca\xe9\xe9\xe9\xb3\xce:k\xc5\x8a\x15\xfaU\xe1\xf4\xcbAgYv\xfe\xf9\xe7\xb7\xdbm2\xd0%\xd6\x1f0\x85\xd1y\x93\xfc\x1a\xa0\x9f\xf6Y\xb9r\xe5\xd7\xbe\xf6\xb5Z\xad\xd6n\xb7\xf5O\x03\xec\xd8\xb1\xe3\xe2\x8b/\x9e\x9c\x9c$\x00\xdd`\xfd\x01\x83\xb8\x08&lt;\x8f\xfc\xae\t+\xa5\x86\x87\x87\x9fx\xe2\x89\x1f\xff\xf8\xc7\xcdf\xf3\xbd\xef}\xef\xbau\xeb\xa6\xa7\xa7\xf9[\xe8\x06\xeb\x0f\x98E\x00\xe6\x97_\x03\xb2,k4\x1a\x83\x83\x83B\x88v\xbb\xcd\xcd?]b\xfd\x01\xe3\x08\xc0I\xe5\xda\x00}\xcf\x8f\x94\x92W\x03\xed\x06\xeb\x0f\xe4\x81\x00,\xc4\xb6\xf7\x94\x0f\x13\xeb\x0f\xe4\x84\'\x1f\x16b\xc3\xfb\x07\x04\x8e\xf5\x07\xf2C\x00N\x81\x06\x94\x88\xf5\x07rE\x00N\x8d\x06\x94\x82\xf5\x07\xf2F\x00\xbaB\x03\n\xc6\xfa\x03\x05 \x00\xdd\xa2\x01\x85a\xfd\x81b\x10\x80E\xa0\x01\x05`\xfd\x81\xc2\x10\x80\xc5\xa1\x01\xb9b\xfd\x81"\x11\x80E\xa3\x019a\xfd\x81\x82\x11\x80^\xd0\x00\xe3X\x7f\xa0x\x04\xa0G4\xc0 \xd6\x1f(\x05\x01\xe8\x1d\r0\x82\xf5\x07\xcaB\x00\xfaB\x03\xfa\xc4\xfa\x03%"\x00\xfd\xa2\x01=c\xfd\x81r\x11\x00\x03h@\x0fX\x7f\xa0t\x04\xc0\x0c\x1a\xb0(\xac?`\x03\x02`\x0c\r\xe8\x12\xeb\x0fX\x82\x00\x98D\x03N\x89\xf5\x07\xecA\x00\x0c\xa3\x01\x0b`\xfd\x01\xab\x10\x00\xf3h\xc0\xbcX\x7f\xc06\x04 \x174`\x0e\xd6\x1f\xb0\x10\x01\xc8\x0b\r\x98\xc1\xfa\x03v"\x009\xa2\x01\x82\xf5\x07,F\x00\xf2\x15x\x03X\x7f\xc0f\x04 w\xc16\x80\xf5\x07,G\x00\x8a\x10`\x03X\x7f\xc0~\x04\xa0 A5\x80\xf5\x07\x9c@\x00\x8a\x13H\x03X\x7f\xc0\x15\x04\xa0P\xde7\x80\xf5\x07\x1cB\x00\x8a\xe6q\x03X\x7f\xc0-\x04\xa0\x04^6\x80\xf5\x07\x9cC\x00\xca\xe1Y\x03X\x7f\xc0E\x04\xa04\xde4\x80\xf5\x07\x1cE\x00\xca\xe4A\x03X\x7f\xc0]\x04\xa0dN7\x80\xf5\x07\x9cF\x00\xca\xe7h\x03X\x7f\xc0u\x04\xc0\n\xce5\x80\xf5\x07&lt;@\x00l\xe1P\x03X\x7f\xc0\x0f\x04\xc0"N4\x80\xf5\x07\xbcA\x00\xecby\x03X\x7f\xc0\'\x04\xc0:\xd66\x80\xf5\x07&lt;C\x00lda\x03X\x7f\xc0?\x04\xc0RV5\x80\xf5\x07\xbcD\x00\xeceI\x03X\x7f\xc0W\x04\xc0j\xa57\x80\xf5\x07&lt;F\x00lWb\x03X\x7f\xc0o\x04\xc0\x01\xa54\x80\xf5\x07\xbcG\x00\xdcPp\x03X\x7f \x04\x04\xc0\x19\x855\x80\xf5\x07\x02A\x00\\R@\x03X\x7f \x1c\x04\xc01\xb96\x80\xf5\x07\x82B\x00\xdc\x93S\x03X\x7f 4\x04\xc0I\xc6\x1b\xc0\xfa\x03\x01"\x00\xae2\xd8\x00\xd6\x1f\x08\x13\x01p\x98\x91\x06\xb0\xfe@\xb0\x08\x80\xdb\xfal\x00\xeb\x0f\x84\x8c\x008\xaf\xe7\x06\xb0\xfe@\xe0\x08\x80\x0fzh\x00\xeb\x0f\x80\x00xbQ\r`\xfd\x01\x08\x02\xe0\x93.\x1b\xc0\xfa\x03\xd0\xa4R\xaa\xecc\x80Iz\xdf\xc7\xc6\xc66n\xdcx\xe0\xc0\x81z\xbd\xdej\xb5n\xbe\xf9\xe6\x9d;w\x1e&gt;|8\x8a"\xd6\x1f\x80\xc6\x19\x80o\x16&gt;\x0f\x10B\xb0\xfe\x004\xce\x00\xfct\xb2\xf3\x80\x1d;vl\xde\xbc\xf9\xbe\xfb\xeec\xfd\x01\x10\x00o\xcdi@\xa5RI\xd3\xf4}\xef{\xdfO\x7f\xfaS\xdd\x03\xd6\x1f\x08\x1c\x01\xf0\xd9\x89\rH\x92\x84\xf5\x07\xa0q\r\xc0gs\xae\x07$I\xd2h4X\x7f\x00\x1ag\x00\xfe\x9b9\x0f\xb8\xec\xb2\xcb\xf6\xef\xdf\xbfm\xdb\xb6\xdbo\xbf\x9d\xf5\x07@\x00\x82\xa0\x1b0::z\xe7\x9dw^\x7f\xfd\xf5\xfa/\x9d\xf5\x07\x02G\x00B\xa1\x94\xd2\x8b?\xf3\x0b\x00\x81\xe3\x1a@(\xa4\x94J\xa94MY\x7f\x00\x1ag\x00\x00\x10(\xc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xf5\xff\x01H\xabCs\xe3\xc4%\xe2\x00\x00\x00\x00IEND\xaeB`\x82'</t>
        </is>
      </c>
    </row>
    <row r="243">
      <c r="A243" s="1" t="n">
        <v>241</v>
      </c>
      <c r="B243" t="inlineStr">
        <is>
          <t>polygon_sides_number</t>
        </is>
      </c>
      <c r="C243" t="inlineStr">
        <is>
          <t>What is the missing number of the part denoted with a question mark?</t>
        </is>
      </c>
      <c r="D243" t="inlineStr">
        <is>
          <t>[8, 9, 7, 5]</t>
        </is>
      </c>
      <c r="E243" t="inlineStr">
        <is>
          <t>9</t>
        </is>
      </c>
      <c r="F243" t="inlineStr">
        <is>
          <t>There are 6 numbered polygons arranged in a triangle with number ['?'] in the top row, [6, 3] in the middle row, and [8, 4, 5] in the bottom row.</t>
        </is>
      </c>
      <c r="G243" t="inlineStr">
        <is>
          <t>We observe that the polygon with 6 sides has the number 6, the polygon with 8 sides has the number 8, the polygon with 4 sides has the number 4, the polygon with 5 sides has the number 5, and the polygon with 3 sides has the number 3. Thus, the pattern is that the number inside the polygon represents the number of sides the polygon has.</t>
        </is>
      </c>
      <c r="H243" t="inlineStr">
        <is>
          <t>Based on the pattern that the number inside the polygon represents the number of sides of the polygon, the missing number of the polygon with 9 sides should be 9.</t>
        </is>
      </c>
      <c r="I243" t="inlineStr">
        <is>
          <t>b'\x89PNG\r\n\x1a\n\x00\x00\x00\rIHDR\x00\x00\x02\x00\x00\x00\x02\x00\x08\x02\x00\x00\x00{\x1aC\xad\x00\x00\x96\xf8IDATx\x9c\xec\x9dwxT\xc5\xd7\xc7gn\xd9\xdeR\xe9\xbdC@z\x95N\xe8H\x91\xde;\xbc(\x08\xa2\xa2\x82\x02\x02\n\x08HWD:\xa1\x05)R\x94^\x14\x04B@:HGj\xca&amp;\x9b\xcd\xd6{g\xe6\xfdc`\xcd\x8f&amp;b\xb2u&gt;\x0f\x0fO\xf6\xeeM2\xd9{\xef\xf9\xce\x9cs\xe6\x1cH\x08\x01\x0c\x06\x83\xc1\x08=8_\x0f\x80\xc1`0\x18\xbe\x81\t\x00\x83\xc1`\x84(L\x00\x18\x0c\x06#Da\x02\xc0`0\x18!\n\x13\x00\x06\x83\xc1\x08Q\x98\x000\x18\x0cF\x88\xc2\x04\x80\xc1`0B\x14&amp;\x00\x0c\x06\x83\x11\xa20\x01`0\x18\x8c\x10\x85\t\x00\x83\xc1`\x84(L\x00\x18\x0c\x06#Da\x02\xc0`0\x18!\n\x13\x00\x06\x83\xc1\x08Q\x98\x000\x18\x0cF\x88\xc2\x04\x80\xc1`0B\x14&amp;\x00\x0c\x06\x83\x11\xa20\x01`0\x18\x8c\x10\x85\t\x00\x83\xc1`\x84(L\x00\x18\x8c\xe7C\x08\xc1\x18\xfbz\x14\x0cF\x0e\x02YO`\x06\x03\x00@\xb2\x00!\xe48\x0eB\x08\x00@\x08y\xbef0\x82\x0c&amp;\x00\x8c\x10\x85N\xf0\xe9\xfd\xcfq\x1c\xc7=\xbd\x1a6\x9b\xcdN\xa73o\xde\xbc\x00\x00Y\x96y\x9eg2\xc0\x082\x98\x000B\x82\x17M\xf0=\xd8\xed\xf6\xd4\xd4\xd4K\x97.\x9d8q\xe2\xc6\x8d\x1b\x17.\\\xb8~\xfd\xba$I#F\x8c\x18&gt;|xtt4\x00\x00!\xc4\xf3\xbc\x8f\xfe\x02\x06#\xfba\x02\xc0\x08B\xe8]\xfd\xf2\t~rr\xf2\xc5\x8b\x17o\xde\xbcy\xe6\xcc\x99s\xe7\xce]\xbbv-55533\xf3\xd9\x9f\x967o\xde\xc9\x93\'\xf7\xec\xd9S\x14E\x1a\x15x\xf6\xa71\x18\x81\x08\x13\x00F0\xe0\t\xd8\x12B\x9ek\xee-\x16\xcb\xfd\xfb\xf7\xff\xfa\xeb\xaf\x84\x84\x84\xc4\xc4\xc4{\xf7\xee]\xbdz5--\xedE?P\xab\xd5\n\x82h\xb1\xa4{\x8e\xd4\xa8Qc\xd2\xa4I\xb1\xb1\xb1\x80y\x84\x18\xc1\x02\x13\x00F\xe0\xf1\x94?\x87\xbat\xb2\x9e\x8016\x9b\xcd\x17/^&lt;u\xea\xd4\xed\xdb\xb7O\x9f&gt;}\xe9\xd2\xa5\xb4\xb44I\x92\x9e\xfb\x03\x15\xa2\xc2h2\x15)T\xbc@\xfeB\xe5\xcaV(Q\xacT\xfe\xfc\x85LF\xd3\xee\xbd;f\xce\x99\x92\x94\xfc\x88\xe7y\x84\x10\x00\xa0k\xd7\xae\x13\'N,Y\xb2$`\x1e!F\xe0\xc3\x04\x80\x11\x00\xfcc\xc0\xd6b\xb1\xfc\xf9\xe7\x9fw\xef\xdeMLLLHH\xb8{\xf7\xee\x83\x07\x0f^2\xc17\x19\xc3"#\xa3K\x14/U\xb2x\xe9\xe2\xc5K\x97,^::*WXX\x84B\xa1\xe08^\x96%Ir#\x84tZ\xfd\xdd\xfb\x7f-_\xf9\xdd\xa2\x1f\xe6J\xb2$\x08\x82,\xcbF\xa3q\xd4\xa8Q#G\x8e4\x1a\x8d\xcc#\xc4\x08h\x98\x000\xfc\x1d:\xcd\xcfz\xc4\xe1p\xa4\xa4\xa4\\\xbdz\xf5\xdc\xb9sg\xce\x9c\xb9q\xe3\xc6\xa5K\x97\x92\x92\x92^\xf4\x13DQ\xcc\x15\x9d\xa7`\x81\xc2%\x8a\x97.X\xa0p\x99\xd21E\x0b\x177\x99L\x06\x83\x89\xe7x\x84\x90[r\xcb\xb2$\xc9\x12\xc1\x84\x00\x02!\xe4 \x07\x00@\x08\xa9T*\x8dF{\xee\xfc\x1fs\x17~\xbd}\xe7&amp;\x00\x00\x84\x90\x10R\xaaT\xa91c\xc6\xf4\xeb\xd7\x0f\xb0TQF\xc0\xc2\x04\x80\xe1\xbfP\'\x0f\xc7qiii\xd7\xae]\xa3\x999\'N$\\\xbe|\xc9l6?7`K\t\x0f\x8b\xc8\x9f\xbf`\xde\xdc\xf9\xcb\x95-_\xae\xec\x1byr\xe7+\x90\xbf\x90\xd1h\x12\x04\x01BN\x96$\x97\xdb\x85\x90,\xcb\xb2\xc7\x89Dy\xee\x18\x10B:\x9d^\xe0\xf9]{wL\xfdz\xfc\x9f\xd7.C\x08\xe8s\xd3\xb8q\xe3)S\xa6\xd4\xa8Q\x03\xb0\xc0\x00#\x00a\x02\xc0\xf0_\xa8\x93}\xd8\xb0ak\xd7\xaeMOO\x7f\xd1iZ\xad\xced\x0c+V\xb4D\xb9\xb2o\x14*X\xb8t\xc9r\xf9\xf3\x154\x99\xc25j\r\xcf\xf3\xb2,\xcb\xb2\xe4\x96\xdc\xd4\xdc\x13@8\x08!\xe4 \x04\x00\xbc\xaa\xb1\xc6\x18\x03@\xf4z\xa3\xc3n_\xbdn\xe9\xfcog\xa4\x9aS\x04\x81\x97e$\x8ab\xaf^\xbd\xbe\xf8\xe2\x8b|\xf9\xf2\x01\x16\x18`\x04\x14L\x00\x18~\x8a,\xcb\x82 ,Z\xb4h\xe8\xd0\xa1O\xbd\x15\x19\x19U\xb4p\xf1\x02\xf9\x0b\x17)R\xacL\xa9\x98\xe2\xc5J\x85\x87E\x84\x99\xc2DQ\x81\t\x96$\xc9\xedv#$!\x84\t \x10\xbcl\x82\xff\xaf@\x08\xf1\xbc`\xd0\x1b\xee?\xb8;w\xe1\xd7\xab\xd7.\xa1\xce\x1f\x8cqtt\xf4\xf0\xe1\xc3?\xfa\xe8#\x85B\xc1\x02\x03\x8c@\x81\t\x00\xc3\x1f\xa1\xd6\x7f\xef\xde\xbd\xb1\xb1\xb1\xa2\xa8\x90$\xf7\x1b\x15*\xd7\xab\xd3\xa8T\xc9r\xf9\xf2\xe6/T\xb0HDD\xa4(*x\x9e\x97%\xd9\xedv\xc9H\x96e\x19\x13\x9c\x8d\xe6\xfe\x05\x10\x19!\x95B\xa5\xd5\xe9\x8e\x1e\xfbu\xd6\x9c)\xbf\x1d=\xe8y/&amp;&amp;f\xec\xd8\xb1]\xbbv\x05,0\xc0\x08\x04\x98\x000\xfc\x0e\xeaE9w\xee\\\xc3\x86\r-\x16\x8b,\xcb\x1d;t\x9f=}\x91(*d$#\x84\xdcn\x97$IY\xb7\xf5\x02\x00\xbcij\t!\x18#\x9dV\xcf\xf1\xfc\xa6-k\xe7};\xf3\xea\xb5\xcb\x00\x02@\x00\x00\xa0E\x8b\x16\xd3\xa7O\x8f\x89\x89\x01L\x06\x18\xfe\r\x13\x00\x86\x7fA\xfd\'iii\r\x1b6&lt;w\xee\x1c\x00\xe0\x8d\xf2\x95\xb7\xc4\xef\xa3\x91[jLsr\x82\xff/\xa0C5\x1aL\xd6\xcc\x8cEK\xe6._\xb5\xc8lN\xa5\xa9\xa2\n\x85b\xc8\x90!\xe3\xc6\x8dc5$\x18\xfe\x0c\x13\x00\x86\x1f\xe1I\xfb\x89\x8d\x8d\xdd\xbbw/\x00 \x7f\xbe\x02\xdb7\x1d\xd2\xeb\rn\xb7\xdb?\xbd\xea\xd4\xb8\x9b\x8ca7n]\x9b5gJ\xfc\xa65\x00\x00\x8e\xe31F\xd1\xd1\xd1\xe3\xc6\x8d\x1b2d\x08\x0b\x0c0\xfc\x13&amp;\x00\x0c?\x82\xba\xfe\x07\x0f\x1e\xbcx\xf1bQ\x14\xd5j\xcd\xaa%\x9b*W\xaan\xb5Zx^\xf0\xf5\xe8^\x02\x91e\xa4R\xa9\xb5\x1a\xed\xbe\x03\xbf,X4\xeb\xe8\xb1\xc3\x9e\xf7bbb\xa6O\x9f\xde\xa2E\x0b\xc0RE\x19~\x06\x13\x00\x86\xbf I\x92(\x8a\xb3g\xcf\x1e5j\x94R\xa9t\xb9\\\xf3f-\xe9\xda\xb9\xf7\xa3G\x0fEQ\xf4\xf5\xe8\xfe\x19B\x08\xc2\xc8d0\xb9%i\xe3\xa6\xb8\x85\xdf\x7fs\xf3\xd6u\x8e\x83\x18\x13\x00@\xd7\xae]\xc7\x8e\x1dK\x03\x03T\xe7|=^\x06\x83\t\x00\xc3?\xa06\xf1\xc7\x1f\x7f\xec\xd8\xb1\xa3B\xa1p\xbb\xdd\x13?\x9b&gt;d\xe0\x88\xd4\xd4dA\x08\x00\xeb\xef\x01!\x04!\x0c\x0f\x8bx\xf8\xe8\xc1\xb2U\xdf-Y\xb6\xc0\x9ai\xf5\x04\x06&gt;\xfa\xe8#Z\\\x9a\x16\xb7`\x81\x01\x86oa\x02\xc0\xf0=\xd4\x8d~\xf2\xe4\xc9\xa6M\x9bZ\xad\x99\xb2,u\xe9\xd8k\xce\x8c\xc5\xe6\xb4\xd4\x005\x91\xd4\xdc\x1b\x8d\xa6\x0b\x17\xce\xce\x9a\xfb\xe5\xb6\x9d\x9b\xc0\x93\xc0\x00-.\xed\xa9!\xf1l%;\x06\xc3k0\x01`\xf8\x18\x1a\x1dMOO\xafZ\xb5\xea\xcd\x9b7\x01\x00\xb5j\xd4\xdd\xb8\xe6gk\xa6\x15x7\xb93{!\x84 $k\xb5z\x9e\xe3\x0f\xfd\xb6w\xc67\x93\xff8\x9b\x98\xb5\x86\xc4\'\x9f|\xd2\xb8qc\xc0\x02\x03\x0c\xdf\xc1\x04\x80\xe1K&lt;\xb7_\xed\xda\xb5\x8f\x1d;\x06\x00(Y\xbc\xf4\x865?\xeb\xb4:I\x92\x82`jL\x8b\x98\x1a\x8d&amp;\x9b-s\xcbO\x1bf\xcc\x99\x92\x94\xf4\xd0S\\\xba\x7f\xff\xfec\xc6\x8c\xa1\xc5\xa5\x9f\xady\xc7`\xe44L\x00\x18\xbe$k\xda\x8f \x88:\xadn\xcd\x8a\x9f*\x94\xafd\xb1\xa4\x07S\x98\x94\xfa\xb8\x8c\x06\xd3\xbd\x07\x7f\xcd]0}\xcd\xfa\xe5\x92$Q\x19\xa0\xc5\xa5\xdf{\xef=\x93\xc9\xc44\x80\xe1e\x98\x000|\x06M\xfb\x998q\xe2\x84\t\x13h\xe0w\xf9\xe2\xf8\x16M\xdfJNI\n\x88\xb4\x9f\x7f\x8b,\xcb*\x95J\xad\xd6\x9c;w\xfa\xab\x19\xe3\x0f\x1e\xde\xeby\xabl\xd9\xb2\x87\x0e\x1d\x8a\x88\x88\x00\x81\xec\xf5b\x04\x1c\x01\xbf\xc4f\x04(\xb2,\x8b\xa2\xb8b\xc5\x8a\t\x13&amp;(\x14J\xb7\xdb=y\xfc\x8cfMZ\xa5\xa4&amp;\x07\xa5\xf5\x07\x00\x08\x82 IRzzZ\xe9\xd21\xab\x96l^\xbah}\x89\xe2\xa5\x00\x00*\x95\xea\xe2\xc5\x8b\x9b7o\x86\x10R\xd7\x10\x83\xe1\x1d\xd8\n\x80\xe1\x03\xa8K$!!\xa1A\x83\x06n\xb7[\x96\xe5&gt;=\x07\xcd\x9a\xf6\xdd\xa3\xa4\x07\xfe\xbd\xe1+{\xa0qo\xbdN\xef\x96\xa49\x0b\xa6\xcd]0\x1dBX\xb5j\xd5\xe3\xc7\x8fc\x8c\x83 \xf2\xc1\x08\x14\x98\x000\xbc\r\xb5q\xc9\xc9\xc9\xe5\xca\x95KII!\x844m\xd2j\xd9\xa2\xf5\x19\xd6\x0c?)\xf2\xe3\x1ddYV\xab\xd5.\x97\xabn\xe37RR\x93\x15\n\xe5\xa9S\x89\xe5\xca\x95c\x1a\xc0\xf0\x1a\xec&gt;cx\x15:\xe1\xb0\xdb\xed\xadZ\xb5JNN&amp;\x84\x94+[a\xc6W\x0b\x9cN\'\x081\xf7\xb7 \x08\x0e\x87\xc3h06j\xd0\x0c\x00\xe0v\xbb\x96/_\x0e\x9e\xac\x0f\x18\x0c/\xc0\x04\x80\xe1=\x08!\xb2,s\x1c\xf7\xce;\xef$$$\x08\x82h4\x98\x16\xcc^\x1e\x16\x16\xe1r;Cp\xda\x0b!\xc4\x18w\xec\xd0\x83\xfe\xed\xdb\xb6m\xa3{\x02|=.F\xa8\x10r\x8f\x1c\xc3\x87 \x84DQ\x1c5j\xd4\xf2\xe5\xcb\x05A\x94ei\xf1\xb7kJ\x14+\x95\x91\xe1\xe7\xb5\xder\n\x9e\xe7\xed\x0e\xdb\x1b1\x15\x0b\x14(\x04\x00\xb8z\xf5\xea\xe1\xc3\x87\x01\x00,\x14\xcc\xf0\x0eL\x00\x18^\x82\xa6\xfc/^\xbcx\xf6\xec\xd9J\xa5R\x96\xa5\xc9\x13f\xd6\xab\xd3(\xdd\x92\x16L)\xff\xff\x16I\x92\x8d\xc6\xb0\xb7Z\xbe\r\x00\xc0\x18\xafX\xb1"\xa4\xfc`\x0c\xdf\xc2\x04\x80\xe1\r\x10B\x82 \x1c;vl\xc8\x90!\xa2(\xba\\\xaew\x87\x8e\x1e6xT\xaa9%\x94\xad?\x00\x80\xe38\x97\xdb\xd5\xbae\x07^\x10\x00\x00?\xff\xfcKrr2\xcf\xf3,;\x83\xe1\x05\x98\x000r\x1cZ\xf6\xf2\xe6\xcd\x9b\xadZ\xb5\xe2y^\x92\xa4vm:\x8f\x19=\xfeQ\xd2C\xe6\xef\xe68\xcen\xb7\x95.Y\xb6Z\x95\x9a\x00\x80\xe4\xe4\xa4\x1d;v\x00\xe6\x05bx\x05&amp;\x00\x8c\x9c\xc5\xd3\xe2\xb1s\xe7\xcef\xb3Y\x96\xe5\xf2\xe5*~5i\xb6\xcb\xed\x06!\x96\xf6\xf3"0\xc6J\x95\xaa\xfd[]\x00\x00\x10\xc2\x8d\x1b7\x02\xd6;\x8c\xe1\x15\xd8M\xc6\xc8Ah\xd5{\x8e\xe3\x06\x0f\x1e|\xf2\xe4I\x8e\xe3\xc2\xc2\xc2\x97.Z\xafV\xab\xddn\x17\xb3q\x14\x9e\xe7\xedv[\x9dZ\xf55\x1a-!d\xff\xfe\x03W\xaf^\xe58\x8e\xe5\x832r\x1a\xf6\x042r\x10\x8c\xb1 \x08C\x87\x0e\xdd\xb8q\xa3(\x8a\n\x85r\xe9w\xebs\xe7\xcac\xb3\xd9\x98\xf3\xc7\x03\x84\xd0\xe9t\x16-R\xbcI\xc3\xe6\x00\x00\x87\xc3\xbee\xcb\x16\xc06\x040r\x1e&amp;\x00\x8c\x9c\x82\xa6\xb4/Z\xb4h\xd1\xa2E\n\x85R\x92\xa4\x89\xe3\xa6\xd5\xa9]?\xc3\x9a\x11\xe2\x81\xdf\x17\xd1\xbae\x07\x00\x00\x84\xf0\xc7\x1f\x7fd\xfb\x81\x19^\x80\xdda\x8c\x1c\x81&amp;}\xee\xdd\xbbw\xe8\xd0\xa1J\x85\xd2\xedv}\xf2\xe1\xc4\x01}\x87%%=b\xd6\xffYh(\xb8z\xd5ZQQ\xb9\x08!\t\t\t\t\t\t\x1c\xc7\xb1P0#Ga\x02\xc0\xc8~h\xd2\xe7\xb9s\xe7\xbav\xed*\x08\x82\xcb\xed\xea\xd4\xa1\xfb;C\xde\x0f\xd6:\xcf\xff\x1d\x08\xa1\xcb\xe5\xca\x93;\xdf[-;\x00\x000\xc64\x14\xcc\x92A\x199\n\x13\x00F6C\x08\xe18.55\xb5G\x8f\x1e\xa9\xa9\xa9\xb2,\xbfQ\xbe\xf2\xf4/\x17\xd8\x1d\x0e\x96\xf3\xf3\x12 \x84n\xc9\xdd,\xb6\r\xf5\xfc\xc4\xc5\xc5edd\x08\x82\xc04\x80\x91s0\x01`d3\x84\x10\x84P\xd7\xae]\xcf\x9d;\x07\x00\xc8\x9f\xaf\xc0\x8a\x1f6b\x8c\x10\x92\x99\x00\xbc\x04\x9e\xe7m\xb6\xccjUk\x96\x8f\xa9\x08\x00x\xf0\xe0\xc1\x91#G\x00\x0b\x053r\x12&amp;\x00\x8c\xec\x84\xd6z\xfb\xf6\xdbo\xf7\xee\xdd+\x8abTd\xf4\xfco\x96EFD\xb9\\\xa1X\xeb\xed\xdf\x82\x10\xd2h\xb4\xcd\x1a\xb7\xa2/\xe3\xe2\xe2|;\x1eF\xd0\xc3\x9eIF\xf6\x93\x94\x94\x04!\x94$\xa9k\xa7^\r\xea5NKO\x0b\xcdZo\xff\x16\x8e\xe3\x1c\x0eG\x93\xc6-U*5\x00`\xeb\xd6\xad\x8f\x1e=be!\x189\x07\x13\x00F\xf6#\x8a\xe2\x13\x9b\x05\x1dN\x7f\x99\xfb\x13B\x10F\x08\xc9\x08!\x8c1y\x0c\xc6O\x0e\xfa\xdc\xce\xd2\\\xa0\x98\xb2\x15jV\xab\x03\x00\xc8\xcc\xcc\xdc\xb6m\x1b`e!\x189\x86_&lt;\x99\x8c #\xab%\xf5\x07\xeb\x8f\x10\xa2\x89I\x06\xbd1&lt;&lt;\xd2d\n\xd3\xe9\xf4J\xa5R\x14E\x95J\xa3\xd7\x1b\xc3\xc3#\x8dF\x13\xcf\xf3\x08!\x00|,\x03\x10r\xadZ\xb6\xa7_/^\xbc\x98m\x08`\xe4\x1cla\xce\x08f\xa8\xf54\x1a\x8c\x10r\x0f\x1e\xdd;\xf2\xfb\xa1s\x17\xfe\xb8y\xf3\xfa\xc3G\xf7\xedv\x1bBHT(\xc2\xc3\xc2\x8b\x16)Y\xb5r\x8d\x1a\xd5jGE\xe5\xca\xc8\xb0\xf8\xd0\xe6r\x1cg\xb3g6m\xdcrzT\xae\xe4\xe4G\x7f\xfcq\xe6\xc6\x8d\x1b\xc5\x8b\x17g2\xc0\xc8\t\x98\x000\x82\x16\x8c\xb1N\xa7w:\x1d\xbb\xf6\xee\xf8i\xfb\xc6\xa3\xc7\x0e\'%?z\xc1\xb9?/\x02 \x7f\xbe\x82}z\x0e\xea\xd7{\xa8 \x88\xbe*U\x04!t\xbb\xdd\xd1\xd1\xb9\xeb\xd4\xac\xb7e[\xbc\xdb\xed\x8a\x8b\x8b\x1b?~&lt;\x13\x00FN\xc0n)Fp\x821\xd6\xa85{\xf7\xff\xdc\xa1K\xd3\xfeC\xbal\xd9\x16\x9f\x94\xfc\x88\xe38\x85\xa8P*\x94\n\x85B\x14\x15\xa2(*\x14\n\x85B!\x08"\xc7qw\xef\xdd\x992\xed\xb3\xde\x03\xdf\xce\xb0Z\x94J\xa5\x0f\xf3/\x11B\xed\xde\xeaB-\xfe\xea\xd5q\xacO$#\x87`\x02\xc0\x08N\x08!\xa2Ba6\xa7\x9e\xbb\xf0\x87 \x08\xa2(\n\x82\x881vKn\x97\xdb\xe5v\xbb%\xc9-I\x92\xdb\xedv\xbb\xdd\xb2,\x01\x00!\x84\xa2 \x1e\xfd\xfd\xf0\xa0\xff\xebFm\xaeO\xc2\xc2tC@\x9d\x9aui\x9f\xc8\x1b7\xae\x1f&gt;|\x18B\xc8B\xc1\x8cl\x87\xb9\x80\x18\xc1\t\xcf\xf3V\xab\xa5C\xbb.KW~{\xe9\xd2yL0\x00@\x10\x84\x98\xb2o\xc4\x94\xabX \x7fA\x83\xde\x08 LK7_\xbat\xee\xe0\xaf{\xad\xd6\x0c\x8e\xe3$Y\x12E\xf1\xe4\xa9\xe3\x0b\x16\xcd\xfa\xe4\x83\x89\xe6\xb4\x14\x9f$\xb0\xca\xb2\x1c\x11\x1e\xf9V\xcb\xb7\xe7};\x83\xf6\x89l\xd4\xa8\x91\xf7\x87\xc1\x08z\x98\x000\x82\x16\x84\x90J\xa5\xee\xdd}\xe0\x98q#J\x95,\xdb\xaeM\xa7&amp;\x8dZ\x14+ZR\xa3\xd6\x00\x08\x08!\x80\x00\x08!&amp;\xf8\xf6\x9d\x9b\xe3\'}\xb4{\xef\x0e\x8e\xe3dY\x86\x90[\xb5\xe6\x87\xde=\x06\x19\rFY\xf6\xc1\x06\xe6\'}"\xdf^\xb4d\xae\xdb\xed\xde\xb3gOff\xa6N\xa7#\x84\xb0\xdd\xd4\x8cl\x84\t\x00#h\xa1\xbe\x94\xd8\xc6-M\xa6\xb0zo6\x0e\x0f\x8bp8\xecN\x97\xd3\xe9\xb4\x03\x00\x00\xa0\x96\x94\x10\x02\xf2\xe4\xce\xfb\xfd\xfc\xd5\x1d\xba6=\xf5G\x02\xc7\xf1\x00\x10\xb39\xf5d\xe2\xefmZvH\xb7\xa4{\xdf\xff\xceq\x9c\xc3a/Y\xa2T\xe9R\xe5\xce\x9e;\xfd\xe0\xc1\x83\x9f~\xfa\xa9{\xf7\xee4\x99\xd5\xcb\x83a\x041,\x06\xc0\x08b\xa0,\xcb:\x9d\xa1u\x8b\x0e&lt;\xcf\xa7\x98\x93\x1dN\x07\x84\x90\xe7\x05\x9e\x17\xf8\xc7\x08\x82 dfZ\x95*\xd5\x80\xbe\xc3\xe8\xb7q\x1c\x07!\xbc|\xe5"\xcf\x0b\xc4G\xdb\x02\x10Bj\x95\xa6S\x87\x9e\xf4%-\x0b\xc1\x12\x81\x18\xd9\x0b\xbb\x9f\x18\xc1\x0c\x84\x10cd\xc9H\xc7\x18\x0b\xbc\xf0"\x03\xca\xf3\x82\xcb\xe5,V\xac$\xcf\xf3\x18#\x00\x00!\xc4\x9c\x96J\x08\x81\xc07.\x17\x9e\xe7\xed\x0e{\xe3\x06\xcd\xb4Z\x1d\x00\xe0\xb7\xdf~{\xf0\xe0\x01\xc7q&gt;\xdf\xae\xcc\x08&amp;\x98\x000\x82\x1c\x08!\xcf\xf3\xff\xec:\'\x80\xe7x\x08\xff~"|\xebk\x87\x10:\x9d\x8e\x82\x05\x0bW\xafZ\x0b\x00\x90\x91\x91\xb1f\xcd\x1a\xc0\xcaB0\xb2\x15&amp;\x00\x0c\x06\x00\x00\xf0\x02\x9fjN\x91e\x89j\x00\x840,,\x02B\xe8+\x17\x10\x85\x83\\\x97\x8e\xbd\xe9\xd7\xf1\xf1\xf1l;\x18#{a7\x13\x83\x01\x10B*\xa5\xfa\xe0\xa1\xdd\x00\x00\x9e\xe3h\xa9\xb8R%\xcb"$\xfb\xca\x05\x04hm8\x87\xadf\xf57\xa3\xa2r\x01\x00X\x9fHF\xb6\xc3\x04\x80\x11\xea\xc8\xb2l4\x9a\xce\x9c;\x15\xb7n9\xcd\n%\x84\x84\x87GV\xafZ\xcb\xee\xb0\xfbp\xc6\xfd\xa4Od\x1eO\x9f\xc8\x1f\x7f\xfc\x11\xb0&gt;\x91\x8c\xec\x83\t\x00#\xa4\x91eY\xaf\xd3\'\'?zgd?kf\x06\x84\x90\x06Z\xfb\xf4\x18\x987O~\xb7\xdb\xe5\xdb\xbc{\xdaV\xa1i\x93\xd6t\x1d\xb2e\xcb\x16\xbb\xdd\xce:\x040\xb2\x0b&amp;\x00\x8c\xd0E\x96%\x93)\xec\xce\xdd\xdb\xdd\xfa\xbcu\xe5\xcf\x8b\x1c\xc7q\x90\x93e\xb9BL\xa5\xa1\x83GeX-\x1c\xe7\xe3\n&lt;&lt;\xcf\xdb\xec\xb6JoT)Q\xac\x14\x00\xe0\xea\xd5\xab\x07\x0f\x1e\x84\x10\xb2&gt;\x91\x8cl\x81\t\x00#DAH\x8e\x88\x88:~\xe2H\xc7\xee\xcd\xaf\xfcy\x91\xe7y\x0er2\x92\x0b\x17,\xbah\xfej\x85\xa8@\x08\xf9\xc3\xb6[Y\x96M\xa6\xf0\xf6ou\x01\x00@\x08i.\x10\x83\x91-0\x01`\x84"\x08\xa3\xf0\xb0\xc8\xb5\x1bVt\xeb\xdd\xe6\xe1\xc3\xfb&lt;\xcf\x03\x00e$\x97-]~\xed\xca\x9f\xf2\xe6\xcd\xef\xf0\xa9\xf7?+\x1c\xc7\xd9\xec\xb6fMZ\xebuzB\xc8\xd6\xad[o\xdd\xba\xc5\xf3&lt;[\x040\xfe;~q\x8b3\x18\xde\x04!\x14f\x0c\x9f\xff\xdd\xccQ\x1f\x0eq\xb9]&lt;\xc7\x13\x02\x10\x92\x1b5h\xb6~\xf5\xf6&lt;y\xf2\xdblV\xff)\xbf\x0c!\xc4\x08\xe9\xf5\x06\xa5R\x05\x00p:\x9d\x99\x99\x99\xbe\x1e\x14#H`\x02\xc0\x08-\x10B&amp;S\xd8\xea\xb5K\'O\x1d\xcbs&lt;\xc7q\x04\x10\x8c\xd1\x90\x01#\x96-Z\xafQk\xedv\x9b_\xb5\xb0G\x08\xe9t\xfa\xfd\x07w\xa5\xa4&amp;C\x08\xeb\xd5\xab\x1f\x13\x13\xc36\x040\xb2\x05?\xba\xd1\x19\x8c\x9c\x86v\x89\xb9|\xe5\xc2\xe7\x93&gt;\x80\x90\xa3\x9b\xbc0\xc6\xe3\xc7N\x1d6dTZ\x9a\x99\x10\xe2?s\x7f\n\xc7qN\xa7c\xeb\xf6x\x00\x00!\xa4O\x9f\xde\xe0I\xabK_\x0f\x8d\x11\xf0\xb0{\x88\x11B\x10B\x94*\xd5\xa2\x1f\xe6:\x1c\x0e\x9e\xe3\x00\x00\x18\xe3\t\xe3\xa6\xbd\xfb\x7f\x1f\xa4\xa4&amp;\x03\xff\xab\xb6\x861\xd6h\xb4\x97\xff\xbcx"\xf1\x18\x00 **\xbaE\x8b\x16~\xa8R\x8c\x00\xc5\xbfnw\x06#\xe7 \x84\x88\xa2\x98\x94\xf4\xf0\xc0\xe1=\x10B\x00!\xc6\xf8\xedv\xdd\x86\r\x19\x95\x9c\xf4P\xe0\x05\x7f\xc8\xf9y\n\x8c\xb1R\xa1\xdc\xbes\x13\x92e\x00@\x8b\x16\xcd\xa3\xa2\xa20\xc6~8TF \xc2\x04\x80\x11*\x10B\x14\n\xe5\x9d\xbfn%\'?\x02\x00 $\x8b\xa28x\xc0p\xbb\xdd\x0e9?\xb5\xa7\xa2(X,i?\xed\xfc\x11\x00\xc0q\\\x9f&gt;}\xd8\x160F6\xc2\x04\x80\x11*\x10B\x04AH5\xa7\x00\x00\x04^\x00\x00\x14,P\xa4P\xc1".\x97\xd3\xe7\x1b\xbe\x9e\x0bBH\xa3\xd6\x9e9\xff\xc7_\x7f\xdd\x06\x00\x94(Q\xa2^\xbdz\x00\x00\xe6\xffad\x17L\x00\x18\xa1\x85\xc3\xe1 \x84\xc8H&amp;\x84\x18\x0cF\x95J\xed\xcf\t\xf5&lt;\xcfo\xdc\x14GG\xd8\xa6M\x1bA\x10X%8F6\xc2\xb2\x80\x18!\x04!D\x14\x15\x06\x83Q\x14DI\x96L\x06\xa3\xdf\xfa\xd2\t!\n\x85")9i\xff\xa1]\x00\x00\x85B\xd9\xb7o_\xe0\x7fajF@\xc3\x04\x80\x11*\xf0&lt;o\xb7\xdbj\xd5xs\xdf\xce\x13\x00\x02@\x00/\x08.\xa7\xcb?M*\xc6X\xab\xd1m\xfeiCJJ2\x00\xa0b\xc57\xca\x95+\xc7\xb2?\x19\xd9\x0b\x13\x00F\x08A\x13\x81\xc2\xc3#\x08!\x00@\x00\x88?{T\x08\xc1;vn\xa6_\x0f\x1a4\x08\xb0\xf4\x7fFv\xc3\x04\x80\x11Z \x84$I\xe2y\x1e\x00\x82\x10~\xa5n\x91^\x87\xa6\xff\x9f\xbfx\xf6X\xc2\x11\x00\x80N\xa7k\xd3\xa6\r`\xe1_Fv\xc3f\x13\x8c\x10\x82\x10\xa2T(\xc3\xc2\xc2y\x9e\x17\x04ExX\x84\x7f\xd6\xd6\xc7\x18\xab\xd5\xea\xbd\xfbv:\x9d\x0e\x00@\xdb\xb6ms\xe5\xca\xe5\'\xd5I\x19\xc1\x04[\x010B\x05\xba\x0f\xe0\xd1\xa3\x07\xf3\xbf\x9b\xf9\xc7\xd9\x93\x1c\xe4\xde\xac\xd3p\xd8\xe0\x91j\xb5F\x96e\xbf\xb2\xad4\\\xb1k\xdf\x0e\xfa\xb2G\x8f\x1e\xbe\x1d\x0f#Xa\x02\xc0\x08\t\x08\x01\x10B\xb7\xdb5hX\xb7\xf3\x17\xcf\xd2\x83\xe7.\xfcq\xfd\xc6\x9f\x8b\x17\xc6\xc9\x92\x04\xfcF\x00\x10Bz\xbd\xe1\xf7c\xbf\x9e;\xff\x07\x00 O\x9e&lt;u\xea\xd4\x01,\xff\x87\x91\x03\xb0[\x8a\x11\x12\x10\x825\x1a\xed\x99\xb3\x89\xe7/\x9e\x15\x04\x81\xe38\x9e\xe7y\x9e\xdf\xbb\xff\x97\xeb7\xae*\xfdi7\x00!D!*v\xed\xd9F\x87\xd4\xa3G\x0f\x83\xc1\xe0ok\x14Fp\xc0\x04\x80\x11\x12\x10B8\x8eKK7s\x1c\x871\xc6\x18#\x84\x10B\x84\xe0\xb44\xb3\xff\x04W\t!J\xa5\xf2\xc1\xc3{?\xed\xdc\x04\x00\xe08\xaec\xc7\x8e\x00\x00f\xfd\x199\x01\x13\x00FH\x00!$\x18\x9b\x8ca4\x93\x926\x7f\xe7y\x9e\x83\xd0h4\xf9O2(\xcd\xff9q\xf2wZ\xb0\xa8Z\xb5j\xd5\xaaU\xc3\x18\xfb\x8fD1\x82\t&amp;\x00\x8c\xec\'\xebt\xd5O\\+\x10rv\x87\xfd\x8d\nU\x8a\x17+)\xcb2!\x84.\x02\xea\xd4nP\xbcXI\xa7\xcb\xe1G\x1evB\xb6\xef\xdcD\xbf\xec\xd4\xa9\x13]\xb2\xf8vD\x8c`\xc5onzF\x10!I\xd2\x13\r j\x95\xca\x1f\xec\x17\x84\x00!\xa4V\xa9\x17\xcd_\xdd\xb8a\xf3\x88\x88\xa8\\\xd1\xb9\xdfn\xd7m\xd6\xb4\xef\x10B\x10\xf8\x85\x83\x85\x10\xa2R\xa9o\xdd\xbe\xb1\xf7\xc0/\x00\x00\x83\xc1\xd0\xbd{w\xc0\xd2\xff\x199\x06\xcb\x02bd?\xd1\xd1\xd1t\xcf\xed\xba\xf8U\x8d\x1b\xb6\xa8Z\xb9\x86%\xc3"\x08&gt;\xbe\xd98\x8es8\x1dE\x8b\x94X\xb6h}rj\x12\xc7\xf1Q\x91\xd1.\x973\x8b\\\xf9\x18\x84\x90Z\xad\xdewp\xb7\xddn\x03\x00\xbc\xf9\xe6\x9by\xf2\xe4a\xbb\x7f\x199\x07\xbb\xb1\x18\xd9\x89 \x08\x18\xe3\xff\xfb\xbf\xffk\xd2\xa4\x89$I\xc9)I\xef\x8e\xea\x97jNQ\xab5\xfe\xe0g\xa7\xed\x15mv\x9b\xd1`\xd2\xeb\xf4V\xab\xc5\x7f\xac?\x00\x80\xe7y\xb7\xcb\x15\xbfi5}I\xd3\xff\xfda\xfd\xc4\x08V\x98\x000\xb2\x19\x08!\xcf\xf3\xeb\xd6\xad+_\xbe&lt;\x00\xe0\xee\xbd\xbfz\xf4k\xe7r9\x15\n\x85?\xd82\x8e\xe38\x8e\x93eY\x96e\x8e\xf3\xa3:\x10\x18c\xb5Zs\xee\xc2\x1f\x97\xaf\\\x00\x00\xe4\xca\x95\xeb\xad\xb7\xde\x02\xcc\xff\xc3\xc8I\x98\x000\xb2\x19\x08!\xc68"""...&lt;&lt;\\\x14\xc5\xf3\x17\xce|\xf2\xd9{*\xa5\x1a\x00\xe0\'u\x17 \x84\xfec\xfa)\x18c\x95R\xb9y\xebz\xb7\xdb\r\x00x\xeb\xad\xb7t:\x1d+\xff\xc0\xc8Q\x98\x000\xb2\x1f\x9e\xe7\x11B\xe5\xcb\x97\xdf\xb1c\x87,\xcb\x82 l\xd9\x16?v\xc2\xa8\xa8\xa8\\\xfe\xe0\x08\xf2O\x04A\xb0dX\xf6\x1f\xda\x03\x00\xe08n\xe0\xc0\x81\xbe\x1e\x11#\xf8a\x02\xc0\xc8\x11x\x9e\x97e\xb9f\xcd\x9a\x8b\x16-\x92eY\xa9T\xaeX\xbd\xf8\xbb\xc5\xb3#\xc2#eY\xf6\xf5\xe8\xfc\x0e\x84\x90V\xab;z\xec\xf0\xad;7\x00\x00E\x8b\x16\xabX\xb1"!\x84\xf9\x7f\x189\n\x13\x00FN!\x08\x82$I\x83\x06\r\x9a0a\x82\xcb\xe5\x12Eq\xdc\x84\xd1\x87\x8f\xec\x0f\x0f\x8b\x90e\xc9\xd7\xa3\xf3/\x08!\xa2 n\xdd\x16O0\x06\x00\xf4\xec\xd9C\xa1P\xb0\xd5\x12#\xa7\x81~\xe2\x93e\x04%\x84\x10Y\x96EQ\xec\xdb\xb7\xef\x8a\x15+DQ\xd4\xa8\xb5kWn\xabP\xbe\x92\xc5\x92\xee\xf3\xc4P?\x81\xa6\xcc\xa6\xa4$\xb7hW\xd7lN\x11\x04\xe1\xd2\xa5K\xc5\x8b\x17g\t\xa0\x8c\x9c\x86\xdd^\x8c\x1c\x04B(\x08\x02!d\xe1\xc2\x85\xd5\xaaU\x93$\xc9\x92\x91&gt;\xf2\x83A\xa9\xa9\xc9J\xa5\xd2\x1f\x92\x82\xfc\x01\x84\x90V\xab?px\x8f\xd9\x9c\x02!\xacW\xaf^\xd1\xa2E\x99\xf5gx\x01v\x871r\x16\x08!!D\xa3\xd1\xec\xda\xb5\xabH\x91"\x00\x80?\xaf]\x1e:\xbc\x97Z\xa5\xe18\x8e-@\x01\x00\x1c\xc7\xb9\x9c\x8e\xad\xdb6\xd0\xcf\xaaO\x9f&gt;\xac\xfc\x03\xc3;0\x01`\xe48\x1c\xc7!\x84\xc2\xc2\xc26l\xd8\x10\x16\x16&amp;\x8a\xe2\xef\xc7\x7f\x1b\xf9\xe1`\x8dF\xcb\x04\x00c\xacQk.^&gt;\x7f"\xf1\x18!$**\xaaE\x8b\x16,\xfc\xcb\xf0\x0eL\x00\x18\xde\x80&amp;\x05U\xadZu\xf1\xe2\xc5\x92$)\x95\xca\xf8Mq\x0b\x17\xcd\x8a\x08\x8f\x94\xa4\x90\x0e\x08c\x8cUj\xf5\xc1\xc3{\x90,C\x08[\xb5j\x15\x15\x15\x851f\xe9\xff\x0c/\xc0\x04\x80\xe1%\x04A\x90e\xf9\xed\xb7\xdf\xfe\xee\xbb\xef\\.\x97B\xa1\xf8\xea\xeb\xf1\xeb7\xae\xca\x9d+O(k\x80 \x08\xe9\xe9i\x9b\xb6\xae\x03\x00\x10B:v\xec\xc8VE\x0c\xaf\xc1\x04\x80\xe1=\xa8\x06\x0c\x192d\xc8\x90!n\xb7[\x14\xc5\xb1\x13\xde\xff\xf5\xc8\x01\xa3\xc1\x18\x9a\x9b\x03\x10BZ\x8d\xee\xcc\xd9SW\xaf_\x01\x00\x94(Q\xa2Q\xa3F\x80u\x7fdx\x0bv\x9f1\xbc\n\xf5\x05}\xf7\xddw\xb4Z\\F\x86\xa5\xff\xd0.\x0f\x1f=\xd0\xe9\xf4!\x98\xf6N\x08\xe18\xb8q\xf3\x1a@\x00\x00\xa0m\xdb\xb6j\xb5\x9a\x95\x7f`x\r&amp;\x00\x0c\xafB[qa\x8c\xd7\xad[W\xb5jU\x00@zzZ\xff!]\xd2\xd3\xd3\x94\x8a\xd0J\x0c\x95eY\xadV[2,\xfb\x0f\xee\x02\x00(\x14\xca\xbe}\xfb\x026\xfdgx\x11v\xab1\xbc\r5p\x11\x11\x114)\x88\xe3\xb8s\x17\xfe\xf8\xf0\xd3wT*\x15\xf0\x9bjq9\nmJl4\x18\x01\x80\xdf\xfd0\'\xd5\x9c\xc2q\\\xc5\x8ao\x94+W\x8e\xa5\xff3\xbc\t\xbb\xd5\x18&gt;\x80&amp;\x86\x16)Rd\xd7\xae]J\xa5R\x10\x84\xdd{w|:~TtT.\x8c\x83\xd9\x11D\x08A\x08i4Z\x9dV\xbf{\xdf\xcefmj\xcd\x99?\x8d\xee\x89\xa3\xd5\xdfBj\r\xc4\xf09L\x00\x18\xbe\x81\x06\x03\xaaU\xab\xb6p\xe1BY\x96\x15\n\xe5\x8a\xd5\x8b\xbf\xfd\xfe\x9b0Sx\xb0\x06\x84iU\x0c\x93)\xec\xf2\xe5\xf3\xbd\x06\xb4\xef?\xa4\xcb\xd5kW\x00\x00N\xa7\xb3l\xd9\xb2\xed\xdb\xb7g\xe9\xff\x0c/\xc3\x04\x80\xe13h\xb5\xb8&gt;}\xfaL\x980\xc1\xedv)\x14\x8aq\x13?\xd8\xb5wGdDT\x90%\x86\xd2\xf8vDxd\xba%\xed\x93\xcf\xdek\xfdv\x83\x83\x87\xf7R[o4\x1a\'L\x98p\xe4\xc8\x91\xc8\xc8H\x00\x00\x0b\xff2\xbc\t+\x06\xc7\xf01\xb4a\xc0\xe0\xc1\x83\x17/^,\x08\xa2N\xab[\xb3\xe2\xa7\xa0\xa9\x16\x871&amp;\x84\x18\x8d&amp;\x9b-s\xcbO\x1bf\xcc\x99\x92\x94\xf4\x90\xf6K\x00\x00\xf4\xef\xdf\x7f\xcc\x981%K\x96\x04\x00\x10B\x98\xf5gx\x19&amp;\x00\x0c\x1f\xe3\xb9\x03k\xd7\xae}\xec\xd81\x00@\xc9\xe2\xa5\xe3\xd7\xfc\xa2\xd5\xea$\xc9\x1d\xb8\x11QB\x08B\xb2V\xab\xe79\xfe\xd0o{g|3\xf9\x8f\xb3\x89\x10\x02\xfa\xe76n\xdc\xf8\x93O&gt;i\xdc\xb81\x00@\x96e\x9e\xf7\xa3\xe6\x94\x8c\xd0\x81\t\x00\xc3\xf7\xd0\xc8gzzz\xd5\xaaUo\xde\xbc\t\x00x\xa3|\xe5-\xf1\xfb$I\xc28 \x93\xe2eYV(\x14F\xa3\xe9\xc2\x85\xb3\xb3\xe6~\xb9m\xe7&amp;\x00\x00\xc7\xf1\x18\xa3\xbcy\xf3N\x9e&lt;\xb9_\xbf~\x00\x00\x9a\xf2\x1f\xb8"\xc7\x08t\x98\x000\xfc\x02\x84\x10\xcf\xf3\'O\x9el\xde\xbcyFF\x86$I\x9d:t\xfff\xfa"k\xa65\xb0\xec#\xb5\xe9\xe1a\x11\x0f\x1f=X\xb6\xea\xbb%\xcb\x16X3\xadt\x0b\xb4B\xa1\xf8\xe8\xa3\x8f\x86\x0f\x1f\x1e\x1d\x1dM\x08\xc1\x18\xb3\x90/\xc3\xb70\x01`\xf8\x0b4\x18\xb0w\xef\xde\xd8\xd8X\xa5B\xe9r\xbb&gt;\xf9p\xe2\xe8\xf7\xc6&gt;|\xf4@\x14E_\x8f\xee\x9f!\x84 \x8cL\x06\x93[\x926n\x8a[\xf8\xfd77o]\xe78\x881\x01\x00t\xed\xdau\xec\xd8\xb1111\xe0\xc9_\xea\xeb\xf12\x18L\x00\x18\xfe\x04\xb5\x8c\x8b\x16-\x1a:t\xa8B\xa1t\xbb]\xd3&amp;\xcf\xed\xd7ghR\xd2#\xff\xd6\x00"\xcbH\xa5Rk5\xda}\x07~Y\xb0h\xd6\xd1c\x87=\xef\xc5\xc4\xc4L\x9f&gt;\xbdE\x8b\x16\x80\xb9\xfb\x19~\x06\x13\x00\x86\x7fA}AC\x87\x0e]\xb4h\x91(\x8a&lt;/\xac]\xf1S\xb5*5-\x19\x16\xff\x9c5\xd3\x01\x9b\x8ca7n]\x9b5gJ\xfc\xa65\xe0\x89\xbb?::z\xdc\xb8qC\x86\x0cQ(\x144\xce\x11X\xee,F\xd0\xc3\x04\x80\xe1_\xd0\xbd\xb2\x82 t\xea\xd4i\xe3\xc6\x8d&lt;\xcfk\xb5\xbam\x1b\x0f\x14+Z"-\xdd\xcc\xf3\x02\x84\x00B\xce\x1f&amp;\xd1\xd4\xa6\x1b\r&amp;kf\xc6\xa2%s\x97\xafZd6\xa7z\xdc\xfdC\x86\x0c\x197n\\tt4x"\x12\xbe\x1e/\x83\xf14L\x00\x18~\x075\xac\x16\x8b\xa5Y\xb3f\t\t\t\x00\x80re+\xc4-\xdb\x92/o\x01I\x960B.\xb7[\x92\xdc\x18c\x02\x08\x04\xd0\x83\xd7FH\x08\xc1\x18\xe9\xb4z\x8e\xe77mY;\xef\xdb\x99W\xaf]\x06\x10\xd0\xa2\x9e-Z\xb4\x98&gt;}:u\xf7#\x848\xce/\xe4\x8a\xc1x\x16&amp;\x00\x0c\x7f\x84\xd6DKNN.W\xae\\JJ\n!\xa4@\xfe\x82\xcdb\xdb\x94(V\xaa`\xc1"\x85\x0b\x15\x8d\x8e\xca\xadV\xa9x^\x90eY\x96%\xb7\xe4\x96e\x99\x10B\x00\xe1 \x84\x90\x83\x10\x00\x90\x13f\x97\xc8\x08\xa9\x14*\xadNw\xf4\xd8\xaf\xb3\xe6L\xf9\xed\xe8A\xcf{111c\xc7\x8e\xed\xda\xb5+`\xa6\x9f\x11\x080\x01`\xf8)\xd4m\x92\x90\x90\xd0\xa0A\x03\xbb\xdd\x9e\xf5-\xa3\xd1T\xb8`\xd1&lt;\xb9\xf3\x96+[\xa1\\\xd97\xf2\xe4\xceW \x7f!\xa3\xd1$\x08\x02\x84\x9c,I.\xb7\x0b!\x99J\x02\x84\xd9\xb6D@\x08\xf1\xbc`\xd0\x1b\xee?\xb8;w\xe1\xd7\xab\xd7.\xa1V\x1ec\x1c\x1d\x1d=|\xf8\xf0\x8f&gt;\xfa\x88\xb9\xfb\x19\x01\x04\x13\x00\x86\xffB\x93\x82\x96/_\xfe\xc1\x07\x1fX\xad\x99n\xb7\xeb\xb9\xa7\x89\xa2\x98+:O\xc1\x02\x85K\x14/]\xb0@\xe12\xa5c\x8a\x16.n2\x99\x0c\x06\x13\xcf\xf1\x08!\xb7\xe4\x96eI\x92%\x821\x00\xd4g\xf4\xef\x96\x08\x18c\x00\x88^ot\xd8\xed\xab\xd7-\x9d\xff\xed\x8cTs\x8a \xf0\xb2\x8cDQ\xec\xd5\xab\xd7\x17_|\x91/_&gt;\xc0\xdc\xfd\x8c\x80\x82\t\x00\xc3\xaf\xa1\xbe \x8b\xc5r\xff\xfe\xfdK\x97.\x9d;w\xee\xec\xd9\xb3\x97/_~\xf0\xe0aZ\x9a\xf9E\xdfe2\x86EFF\x97(^\xaad\xf1\xd2\xc5\x8b\x97.Y\xbcttT\xae\xb0\xb0\x08\xdar@\x96\xe4\xc7K\x04$\x03B\xc0K\xa3\x084(\xad\xd3\xe9\x05\x9e\xdf\xb5w\xc7\xd4\xaf\xc7\xffy\xedr\xd6\x8a\x0eS\xa6L\xa9Q\xa3\x06`)\x9e\x8c\x00\x84\t\x00\xc3\xdfy\xb6G\n\xc6\xd8l6_\xbcx\xf1\xd4\xa9S\xb7o\xdf&gt;}\xfa\xf4\xa5K\x97\xd2\xd2\xd2^TCT!*\x8cFS\x91\xc2\xc5\xcb\x96)_ \x7f\xc12\xa5\xcb\xd3%\x82^g\xe4\x05\x1ec,\xcb\xb2\xdb\xed\x92$\x89F\x11 \x84\x1c\xe4\x00\x00\x08!\x95J\xa5\xd1h\xcf\x9d\xffc\xee\xc2\xaf\xb7\xef\xdc\x04\x00\x80\x10\x12BJ\x95*5f\xcc\x18OE\x07\xe6\xeeg\x04"L\x00\x18\x01\x00\xc9\x02\x84\xf0Y\x1f\x0b]"\xfc\xf5\xd7_\t\t\t\x89\x89\x89\xf7\xee\xdd\xbbz\xf5jZZ\xda\x8b~\xa0\xd1h\x8a\x8e\xcc\x957o\xfe\xb2\xa5\xcb\xc7\x94{#o\x9e\xfc\x85\n\x16\x89\x08\x8f\x14\x15\n\x8e\xe3eY\x92$7BH\xa7\xd5\xdf\xbd\xff\xd7\xf2\x95\xdf-\xfaa\xae$K4\xc5\xd3h4\x8e\x1a5j\xe4\xc8\x91F\xa3\x91\xb9\xfb\x19\x01\r\x13\x00F\xe0AoZZi\x19\x00\xc0q\xdc\xb3&amp;899\xf9\xe2\xc5\x8b7o\xde&lt;s\xe6\xcc\xd9\xb3g\xaf_\xbf~\xff\xfe\xfd\x97\xb4\x19\x88\x8c\x8c*Z\xa4D\x81|\x85\xca\x95\xadP\xa2X\xa9\xfc\xf9\x0b\x99\x8c\xa6\xdd{w\xcc\x9c3%)\xf9\x91\xa7\x80s\xd7\xae]\'N\x9cH\x0b83w?#\xd0a\x02\xc0\x08\x06\x9eZ"&lt;\xeb\x90\xb1\xdb\xed\xb7o\xdf\xce\xbaD\xb8~\xfdzjj\xea\x8b~\xa0V\xab\x15\x04\xd1bI\xf7\x1c\xa9Q\xa3\xc6\xa4I\x93bcc\x01s\xf73\x82\x05&amp;\x00\x8c\xe0\x84\x96\xdb|\xc9\x12!--\xed\xda\xb5k\x17.\\\xb8~\xfd\xfa\x89\x13\t\x97/_2\x9b\xcd\x99\x99\x99\xcf\xfe(Z\xc0\xb9g\xcf\x9e\xa2(2\x9f\x0f#\x98`\x02\xc0\x08\t^e\x89\x90\x9a\x9az\xe9\xd2\xa5\x13\'N\xdc\xb8q\x83\n\x83$I#F\x8c\xa0\x05\x9c\x01\xf3\xf90\x82\x0e&amp;\x00\x8c\x10\xe5\x1f\x97\x08f\xb3\xd9\xe9t\xe6\xcd\x9b\x170\x9f\x0f#Ha\x02\xc0`\x00\xf0\xe2%\x02K\xf1d\x041L\x00\x18\x8c\xe7C\xc5\x80\xb9\xfb\x19A\x0c\x13\x00\x06\x83\xc1\x08Q\xd8\xec\x86\xc1`0B\x14&amp;\x00\x0c\x06\x83\x11\xa20\x01`0\x18\x8c\x10\x85\t\x00\x83\xc1`\x84(L\x00\x18\x0c\x06#Da\x02\xc0`0\x18!\n\x13\x00\x06\x83\xc1\x08Q\x98\x000\x18\x0cF\x88\xc2\x04\x80\xc1`0B\x14&amp;\x00\x0c\x06\x83\x11\xa20\x01`0\x18\x8c\x10\x85\t\x00\x83\xc1`\x84(L\x00\x18\x0c\x06#Da\x02\xc0`0\x18!\x8a\xe0\xeb\x010\xfe\x13\xb4\xadU \xb6+au\xf6\xb3B\xaf#\xeb7\xc9\xf02\xac\x1f\x00\xc37\xd0\xc6[\xbe\x1e\x85\x7f\xc1Z\xd00\xbc\x0c\x13\x80@\x85N\xfco\xdc\xb81l\xd80\x84\x10\xb5\x1d\xbe\x1e\xd4?\xc3\xf3&lt;B\xa8^\xbdz\x13&amp;L\xc0\x183cG?\x84\x93\'O\x9e?\x7f\xbeo\xdf\xbe\x805\xa1dx\x11&amp;\x00\x81\nB\x88\xe7\xf9&gt;}\xfa\xac\\\xb9\xd2\xd7cy\x1d._\xbe\\\xb2dI6\xe1\xa5\xd7q\xf7\xee\xdd\xcd\x9a5k\xda\xb4\xe9\x17_|Q\xa3F\r\xc0d\x80\xe1\x15B\xfa\xd9\x0b\\\xa8\xd58|\xf8p\\\\\x9cB\xa1\xf0\xf5p\xfe\x1d\n\x85\x02B8b\xc4\x08\x08\xd9\xfc\xe31\n\x85\x82\xe3\xb8\xdd\xbbw\xd7\xad[w\xc0\x80\x01\xf7\xee\xdd\xe3y\x1eB\x88\x10\xf2\xf5\xd0\x18\xc1\x0c{\x02\x03\x12j\x17\x1a5jt\xf8\xf0a\x08a\xe3\x06\xcd\x86\x0e\x1ei\xb5fp\x9c\xffF\x11\t\xc1\n\x85\xe2\xe1\xc3\x07\x1f\x8d}\x17c\x8c1\xde\xb5kW\xd3\xa6M\xa9\x98\xf9zt&gt;\x83\xfe\xf9\x07\x0e\x1ch\xd4\xa8\x91(\x8a\xb2,\x13B\xa2\xa3\xa3\xc7\x8d\x1b7d\xc8\x10\x85B\x811\x06,f\xce\xc8\x19\x98\x00\x04\x1e\xd4d\xacZ\xb5\xaaw\xef\xde&lt;/p\x1c\xdc\xb9\xe5\xd7*\x95\xaag\xda2y?\x16\x00\x00\x08\xc2\xd8\xa0\xd7\xbf3\xb2\x7f\xdc\xbae\x10\xc2\x92%K\x9e={V\x10\x04\x08a\xc8\xfa:\xb2\n\x00\xc7q\xd4\xdcSbbb\xa6O\x9f\xde\xa2E\x0b\xc0&lt;B\x8c\x9c\x81\t@\x80A\x83\xbdV\xab\xb5J\x95*7o\xde\xc2\x18\r\x1d\xf8\xde\x84q\xd3\x92S\x1e\t\x82\xe0\xd7\x17\x13\x02\x82\x89R\xa1\xb4dX\x1a5\xafb\xcd\xb4b\x8c\xa7L\x99\xf2\xe9\xa7\x9f\x86\xf2" \xab\x00@\x08\xf3\xe5-`\xd0\x1b.^&gt;\xef\xf1\x8f\xb5h\xd1b\xfa\xf4\xe9111\x00\x00Y\x96\xa9k\xc8\xd7\xa3f\x04\tl]\x19`\xd0\x99\xe0\xec\xd9\xb3\xaf_\xbf\x0e!\x88\x8c\x8c\x1e\xd4\xff]\x9b=S\x14\x15\x1c\xc7\xfb5\x1c/\x08\x82\xcb\xed\xca\x9b\'\xdf\x88w&gt;\xa2\xd9/3g\xce|\xf8\xf0!\x840\xeb\xcc7d!\x84\x14)\\l\xf7\xf6\xdfG\x8d\xf8D\xab\xd5\x01\x00x\x9e\xff\xf9\xe7\x9f\xabT\xa92b\xc4\x88\xa4\xa4$\xbaZb\x81\x01Fv\xc1\x04 \x90\xa0{\x85\xae_\xbf\xfe\xcd7\xdf\xf0\xbc\x80\x10\x1a=\xe2\xd3\xfc\xf9\n:\x9d\xce@\x99\x15\xf2\xbc`\xb5f\xf4\xee1\xa8H\xe1b\x84\x10\xb3\xd9\xfc\xc9\'\x9fp\x1c\xc7V\xa2\x14\xb7\xdbE\x08\x19\xf3\xfe\xf8\xad\xf1\xfb:u\xe8Nm=Bh\xde\xbcy\x95+W^\xb6l\x99$I&lt;\xcf\xd3 \x8a\xaf\x07\xcb\x08x\x98\x00\x04\x12t\xf3\xd4\x17_|a\xb1X\x08\xc1\xe5\xcaV\xe8\xd8\xbe{\xba%M\x10\x02fG7\x84@F\xb2F\xad\x1d\xf7\xf1\x14\x9a\x03\xbaf\xcd\x9a\xc4\xc4\xc4\xa7\xdc\xdf!\x0b\x84\x1c\x00 9%\xa9h\x91\x12\xf3f-\x8d[\xb6\xa5v\xcdzT\x06\xee\xdd\xbb\xd7\xbf\x7f\xff\xbau\xeb\xee\xd9\xb3\x87\xe38\x8e\xe3h\xc4\xd8\xd7Cf\x040L\x00\x02\x86\xac\xa9\x9f\x82 `\x8c?\x1e=A\xab\xd3\x05\x9cC\x80\xe7\xf9\x0c\xab\xa5Y\x93Vuj\xd5\xc7\x18\xbb\xdd\xee\xd1\xa3G\xb3\x94\xd0\xac\x08\x82\xe0t:R\xd3R\x1a\xd4\x8b]\xb3b\xeb\xb4)\xf3\xa2\xa3s\x03\x00x\x9e?~\xfcx\xd3\xa6M\xbbu\xeb\xf6\xe7\x9f\x7f2\x8f\x10\xe3?\xc2\x04 \x90@\x08}\xf6\xd9g\x08!Y\x96\x9b7m\xd3\xb0~lzz\x1a\x1f\x98\xe1S\x84\xf1g\x9f|)\x8a"\xcf\xf3\x87\x0e\x1d\xda\xb8q#\xcf\xf3\xcc\x96y\xe08N\xe0\x05KF\xba\xd3\xe9\xe8\xd3c\xd0\xce-\x87\xdf\x1d:\x9a\x83\x1c\x00@\x10\x84u\xeb\xd6U\xaf^}\xe2\xc4\x89\x16\x8b\x85z\x84\xd8G\xc7x\r\x98\x00\x04\x06t\xfa\xbff\xcd\x9a\xc3\x87\x0f\xf3\xbc \x8a\xe2\xfb#&gt;\r\xd02p\x00\x00\x8e\xe323\xad\x95\xde\xa8:\xa0\xcf0\x1a\xd6\x1e3f\x8c\xc5b\x01\x00\xb0u@Vx\x9e\x87\x90K5\xa7\x84\x99\xc2\xc7~&lt;y\xc7\x96\xc3mZv\x90e\x19\x00\x90\x91\x911a\xc2\x84\x1a5j,[\xb6\x8c\xe38*\x9f\xec\xd3c\xfc+\x98\x00\x04\x00\xd4\xf5o\xb1X&amp;N\x9c\xc8q&lt;B\xf2\x80&gt;\xc3*\x94\xafd\xcd\xb4\x06\xee\xfe \x9e\xe73m\xd6A\xfd\xdf\x8d\x8c\x8c\xa6E\x8df\xcf\x9e\xcd\x16\x01\xcfE\x10\x04I\x92\xcc\xe6\xd4R%\xcb.\x9c\xb3b\xf5\xb2\xcd\x15+T\xa1w\xc5\x95+W\xfa\xf7\xef\xdf\xa4I\x93}\xfb\xf6\xf1&lt;\x0f!d\x81\x01\xc6\xab\x13\xa8\xe6#\xa4x~\xea\xa7-3@\x9d?\x14\x08\xa1\xd3\xe9\xcc\x9f\xaf\xe0\xe8\x11t\x1f\x80\xf0\xcd7\xdf\\\xbf~\x9d:4|=:\xbf\x03B(\x08\x82\xddn\xb3ff4\xac\xdft\xe3\xda_\xc6\x8f\x9d\x1a\x1e\x16\x01\x00\xe0y~\xdf\xbe}M\x9a4\x190`\xc0\xfd\xfb\xf7Y`\x80\xf1\xea0\x01\xf0w\x82 \xf5\xf3E\x08\x82\x90nI\xeb\xd8\xbe{\xb9\xb2\x15\x08\xc1\x16\x8b\xe5\x8b/\xbe`\xd1\xe0\x97@]=\x16K:Bh\xe8\xc0\xf7vo\xff\xbdO\xcfAt\x15\xc8\xf3\xc2\xd2\xa5K+U\xaa4y\xf2d\xb7\xdb\xcdRE\x19\xaf\x02\x13\x00\x7f\'\x08R?_\x02BH\xab\xd3}&lt;z\x02\xc6X\x10\x84\xb8\xb8\xb8\xc3\x87\x0f3G\xd0\xcb\xa1+?sz\xaa\xc9\x14\xf6\xd5\xa49\xdb\x7f&lt;\xd8\xa0^\x13\x84d\x00@RR\xd2g\x9f}V\xa5J\x95u\xeb\xd6\xd1TQ\x16\x18`\xbc\x04&amp;\x00~M\xd0\xa4~\xbe\x08\x9e\xe7\xd3\xd3\xd3\x1a\xd6o\xda,\xb6\xb5,\xcb4\xcd\x89\xcd[_\x05\x81\x17$IJOO+]\xaa\xdc\xeae[\xe6\xce\\\\\xa2xi\x00\x00\x80\xe0\xfc\xf9\xf3\xdd\xbauk\xd9\xb2\xe5\xf9\xf3\xe7\xf9\'UE\x99\x0c0\x9e\x85\t\x80\xbf\x13L\xa9\x9f\xcf\x05B(#\xf9\xe3\xd1\x13\xf4z\x03\xcf\x0b\x87\x0f\x1f^\xb5j\x15[\x04\xbc\n\x10B\x9e\xe7\xed\x0e\xbb\xd5\x9a\xd1\xb1}\x8f\xed\x9b\x0e\xbe\xff\xde\xa740\xc0q\\\xd6\x1a\x12&lt;+.\xcdx\x1eL\x00\xfc\x97 K\xfd|\x114%4\xa6\xdc\x1b}z\x0cBH\xe68\xfe\xe3\x8f?6\x9b\xcd,\x18\xf0\x8aPWO\xba%\r\x000\xe6\xfd\xf1;6\x1f\xee\xd4\xa1\x07\xbdIh\r\x89\xf2\xe5\xcb\xcf\x9b7\x8f\x05\x06\x18\xcf\xc2\x04\xc0O\t\xca\xd4\xcf\x17A\xa3\xc1\x83\x07\x0c/T\xb00\x00\xe4\xe1\xc3\x87\xb3f\xcdb\xc5!\xfe\x15&lt;\xcf\x03@RR\x93\xa3\xa3r\xcd\xfff\xe9\xc65\xbfxjH$%%\x8d\x181\xa2J\x95*?\xff\xfc3\xab!\xc1\xc8J\xb0\x99\x92\xa0!(S?_\x04\x84\xd0\xedv\xe7\xca\x95g\xd8\xe0\xf71\xc6&lt;/|\xfd\xf5\xd7W\xaf^e)\xa1\xff\x12Hw\x0c\xa4\xa4&amp;W\xad\\#n\xf9\xd6\xaf\xbf\x9c_\xa4p1\x00\x00\xc7\xc1\xf3\xe7\xcf\xb7l\xd9\xb2[\xb7n\xe7\xcf\x9f\xa7\xa9\xa2tC\x19#\x94a\x02\xe0\x8f\x04q\xea\xe7\x8b\x10\x04\xc1lN\xed\xd2\xa9w\xb5*5\x11\x92\xddn\xf7\xd8\xb1c\x01\xdb\x18\xfc\xef\xa1;\x062mV\xa7\xd3\xd1\xbb\xc7\xa0-\x1b\xf6\x8d\x1c\xfe\xb1V\xa3\x03OjHT\xa9R\xe5\xb3\xcf&gt;\xa3\xc5\xa5\t!,0\x10\xca0\x01\xf0G\x82;\xf5\xf3E\x10BDA|\xef\xdd\x8f9\x8e\xe3y!&gt;&gt;\xfe\xd0\xa1C,\x1a\xfczp\x1c\xcfq\\Jj\xb2F\xa3\xf9\xf4\xa3/~\xdax\xc0SCB\x96\xd1\xe4\xc9\x93+U\xaa\xb4l\xd92\x1aFF\x08\xb1\x95Vh\xc2\x04\xc0\xef\x08\xfa\xd4\xcf\x17\xc1\xf3|\xba%-\xb6Q\xf3\xb6\xad;"$C\x08G\x8f\x1e-\xcb2\x8b\x06\xbf6\x82  \x84\x92\x93\x1f\x15)R\xdcSC\x02c\x04!\xb8\x7f\xff~\xd6\x1a\x12,0\x10\x9a0\x01\xf0G\x82&gt;\xf5\xf3E\xf0&lt;o\xb3\xdb\xc6\x8c\x1eo2\x9a \x84\x89\x89\x89\x8b\x16-b\xd1\xe0\xff\x02\x84P\x10D\x87\xc3NkHl\x88\xdb9m\xca\xbc\xe8\xa8\xc7\xc5\xa5=5$Xq\xe9\xd0\x84\t\x80\x7fA\x9b\xbe\xd2\xd4OA\x10DQ\x11\x94\xa9\x9f/\x02B\xe8p8\x8a\x16)\xde\xb7\xd7\x10\xda3\xf2\xb3\xcf&gt;KKKc-\xc3\xfe#\x9e\x1a\x12\x84\x90&gt;=\x06\xed\xd8|\xf8\xdd\xa1\xa3\x9f\xd4\x90\xe0\x97.]Z\xbdz\xf5\t\x13&amp;x\x8aK3\xc5\r\x11\x98\x00\xf8\x11\xb4CVFF\x06M\xfd\x94e\xb9\x7f\x9f\xa1\xc1\x9a\xfa\xf9"x\x9eOKO\x1b6\xe4\xfd\xc2\x85\x8a\x10B\xd2\xd2\xd2&gt;\xfb\xec3\xd648[\xa0\x8b\xc8TsJXX\xf8\xb8\x8f\xa7l\xff\xf1`\x83\xbaM\xe8\x94\x9f\xdeu5j\xd4`5$B\x8aP1+\x01\x01\x9d\xf3N\x9b6\xed\xfa\xf5\xeb\x00\x90B\x05\x0b\xbf;t\xb4\xd5j\r\x05\xe7\x8f\x07\x9a\x9e\xa8\xd3\xe9G\xbe\xfb\tU\xc4E\x8b\x16]\xb9r\x859\x82\xb2\x0b\x9a*\x9ajN)]:f\xd5\xd2\xcdK\x17\xad/Q\xbc\xb4\xa7\xb8t\xb7n\xdd\x9a6mz\xfc\xf8qVC"\x14`\x02\xe0/\xd0\xd4\xcf\xabW\xaf\xce\x981\x83\xe7\x05\x8c\xf1\xb0\xc1\xefGG\xe7v\xbb]!\xe2\xff\xf1 \x08\x82\xc5\x92\xde\xa9C\x8f\xeaUka\x8ceY\x1e1b\x04\x0b\x05g#\x9e\xe2\xd2\x996k\xd3&amp;\xadvn&gt;&lt;~\xec\xd4\xb0\xb0p\x00\x00\xc7q{\xf6\xec\xa9[\xb7\xee\x80\x01\x03\xee\xdd\xbb\xc7jH\x047L\x00\xfc\x05j\xdd\xc6\x8e\x1d\xebv\xbb\x11\x92\xabU\xa9\xd9\xa5So\xb395\xb8S?_\x02\xc2\xf2\xc7\x1fL\x14\x04\x81\xe3\xb8\xdd\xbbw\xef\xde\xbd\x9b\xa5\x84f/\xd4\xd5\x93\x91a\xc1\x04\xff\xdf\xa0\x91OjHp\x00\x00\x84\xd0\xd2\xa5K+W\xae\xccjH\x047L\x00\xfc\x02\x9a\xfay\xe8\xd0\xa1\xf8\xf8x\x9e\x178\x8e{\xef\xdd\x8fEA\x0c\xd99/\xc7qV\xab\xb5N\xad\xfa]:\xf6\xa21\xf0\x11#F\xb8\xddn\xb6\x0e\xc8v\x1e\x07\x06\xd2Rh\r\x89\xf85?\xbfY\xbb\x01\xb5\xf5\xcf\xd6\x90`\x1e\xa1 \x83\t\x80\xef\xa1\xeeW\x97\xcb5z\xf4h\x089\x84\xe46\xad:\xc46j\x91n\t\x89\xd4\xcf\x17A{F\xbe?b\xac\xd1`\xa4\xee\xe9\x193f\xb0H@\x0eA\x8bK\xa7\xa4&amp;W\xadT}\xdd\xaa\xed\x9e\xe2\xd2\x10&gt;\xae!\x91\xb5\xb84\xdb1\x1040\x01\xf0=4\xf6\xbbn\xdd\xba\xc4\xc4D\x8e\xe3\xf4z\xc3\x88a\x1f9\x1c\xf</t>
        </is>
      </c>
    </row>
    <row r="244">
      <c r="A244" s="1" t="n">
        <v>242</v>
      </c>
      <c r="B244" t="inlineStr">
        <is>
          <t>rectangle_height_number</t>
        </is>
      </c>
      <c r="C244" t="inlineStr">
        <is>
          <t>What is the missing number of the part denoted with a question mark?</t>
        </is>
      </c>
      <c r="D244" t="inlineStr">
        <is>
          <t>[3, 1, 2, 4]</t>
        </is>
      </c>
      <c r="E244" t="inlineStr">
        <is>
          <t>3</t>
        </is>
      </c>
      <c r="F244" t="inlineStr">
        <is>
          <t>There are 7 rectangles in the image with varying lengths and numbers inside them. The numbers from left to right are [2, 3, 1, 2, 1, 3, '?']. The lengths from left to right are ['medium', 'long', 'short', 'medium', 'short', 'long', 'long'].</t>
        </is>
      </c>
      <c r="G244" t="inlineStr">
        <is>
          <t>We observe that the short rectangles are denoted as 1, the medium rectangles are denoted as 2, and the long rectangles are denoted as 3. Hence, the pattern is that the number in each rectangle corresponds to its length.</t>
        </is>
      </c>
      <c r="H244" t="inlineStr">
        <is>
          <t>Based on the pattern that the number in each rectangle corresponds to its length, the missing number of the rectangle with a question mark should be 3.</t>
        </is>
      </c>
      <c r="I244" t="inlineStr">
        <is>
          <t>b'\x89PNG\r\n\x1a\n\x00\x00\x00\rIHDR\x00\x00\x02\x00\x00\x00\x02\x00\x08\x02\x00\x00\x00{\x1aC\xad\x00\x00HTIDATx\x9c\xed\xddy|T\xd5\xf9?\xf0\xe7\x9cs\'\x99\xc96\x93\x8d\xb0\xba \x08(\xb2\xef\x9b\x88\xb2X[\xd4\x8a\x88\x02.l\xee\xfeB[m\xad\xb6\x80\xd6\xba@kmmk\t\xabT\\\xb1\xb6\xda\n\x06\x17@\x94U\x051aG\x14\x03!\xeblIf\xe6\xdes~\x7f\\H\xf9ZA\x08I\xe6\xde\xb9\x9f\xf7\xeb\xfbz}\xdb\x84N\x9e\x9c&lt;\xf7~\xce=\xf7\xcc\x1d\xa6\x94"\x00\x00p\x1e\x1e\xef\x02\x00\x00 &gt;\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i\xf1.\xc0\x11\x94R\r\xf8_1\xc6\x1a\xbd\x12\x80\xe6g\xf7\xfe\xb7{\xfd\xa7\x80\x00h\x12J))\xa5R\x8a1\xc6\x18\xe3\xbc!WZ\x8d\xf2"\x00\xcd\xcf\xee\xfdo\xf7\xfaO\x1fkX\xb8\xc1w2\xff\xe4D$\x848\xf1\xeb~\xbf_J\xc9\xd8\xe9\x8e\xb69w\xf0\xf9|\'~\xd1l&amp;\xce\xb9-f\x16\xe0@v\xef\x7f\xbb\xd7\xdf\x00\x08\x80\xc6\xa1\x942\x0cC\xd3\x8e]Q\x05\x83\xc1M\x9b6m\xdc\xb8\xe1\x93O&gt;\xad\xac\xac,..\xd6\r\xfd\xf4_\x8d\x11S\xa4:\\\xd0\xc1\xe7\xf3\xf5\xe9\xd3\xa7W\xaf^\xfd\xfa\xf5k\xd3\xa6\x8d\xf9]]\xd79\xe7\xd6\x9cP\x803\xd9\xbd\xff\xed^\x7f\x83!\x00\x1a\x81a\x18\xe6\x94!\x1a\x8d\xae\\\xb9\xf2\xf9\xe7\x9f\xdf\xb2e\xcb\xc1\x83\x07\x1b\xf1Gdff\xf6\xe9\xd3g\xfc\xf8\xf1c\xc7\x8em\xd1\xa2\x05\x11\xe9\xba.\x84\xb0\xd4l\x02\x9c\xc9\xee\xfdo\xf7\xfa\xcf\x06\x02\xe0\xac\x98\xa3\xc7\x18\xf3\xfb\xfd\x05\x05\x05\xcb\x96-\xdb\xbe}{\xfdw\xd3\xd2\xd3\xda\x9e\xd3&amp;7/\xb7}\xc7\xf3\xb3\xb2|\xban\x9c\xce\xdf[\x91\xe2\x8c\xc7b\xb1\xa2\xcf\x8b\xab\xab\xfc\x07\xf7\x7fUUYU\xff\xddV\xad[M\xbci\xe2\xb4i\xd3:u\xeaDDRJ\x8bL%\xc0\x81\xec\xde\xffv\xaf\xff\xec!\x00\x1a\xae~\xe2\xb0x\xf1\xe2\xa7\x9ezj\xe7\xce\x9d\xe6\xd7\xdb\xb6k3h\xf8\xc0\x11\xa3\x87_\xd4\xadK^\xcb\xdc\xd4\xb44!\x84\x10\xfc\xcc\x06Z\xa9XL\x8f\xd4E\xca\x8f\x96\xef\xde\xb9g\xdd{\xeb\xd7\xae^\xb7\xb3h\xb7\xf9\xcd\xac\xac\xac{\xef\xbdw\xe6\xcc\x99^\xafW\xd7\xf5\xfaKW\x80fc\xf7\xfe\xb7{\xfd\x8d\x02\x01\xd0@f\xf7\x94\x94\x94L\x992e\xd5\xaaU\xe6\x17;_\xd4i\xca\xdd\xb7\x8c\x19;:\xb7E\xb6R\xaa\xae.\x12\x8b\xc6\xa4!\x15\xa93\x1fg\xc6\x19c\x9c\xb9\\\xaedw\xb2\xa6i\xc1@`\xc3\x87\x9b\n\xfe\xb8h\xed{\x1f\x9a\xff\xa2S\xa7N\x0b\x17.\x1c&lt;x\xb0y\x87*\xee\x97\x93\xe0\x1cv\xef\x7f\xbb\xd7\xdfX\x10\x00\ra\x86\xf6\xaaU\xab\xa6L\x9dR\xf2M\t\x11\xb5\xef\xd8\xfe\xce\x99\xd3\x7ft\xddU\xdeLo(\x10\x8a\xc5bD\xd4(w\xfc\x95RR*RJh"5-UJc\xcd\xea\x0f\x9f{z\xfe\xfa5\x1f\x13Qrr\xd2\x13O&lt;\x99\x9f\x9f\x8f\x0c\x80fc\xf7\xfe\xb7{\xfd\x8d\x08\x01p\xc6\xcc\xee)((\x981c\x86\xf9\x95[fL\xfa\xd9\xafg\xe6\xe6\xe5\xfa\xab\xfc\x86np\xd1T;\xbd\x0c\xc3`\x8cex\xd3\r\xddX\xf4\xd7\xe7\xe7=\xfat(\x18"\xa2\xe9\xd3\xa7\xcf\x9f?\xdf0\x0c\xabm2\x83\xc4c\xf7\xfe\xb7{\xfd\x8d\x0b\x01pf\xcc+\xc7\xfa\xee\xf1ez\x7f\xf3\xfb\xd9\xd7O\x1e\x17\xa8\x0eD\xa3\xd1\xe6Y\xcb3\xdb(;7{\xcb\xc7[\x7fv\xe7\xcf\x8b&gt;\xdfI\xc7{\x08\xd7\x01\xd0\xa4\xec\xde\xffv\xaf\xbf\xd1!\x00\xce\xc0\xb7\xba\'7/w\xfe\xf2?\x0f\xbdl\xf0\x91\xc3\xa5\x9a\xa65\xf3i7\x16\x8b\xf92}\x15e\x15\xb7\x8e\x9b\xfe\xe9\xe6\xcf\xe8\x84y\xc4\xb7\xde\xc6\x02\xd0(\xec\xde\xffv\xaf\xbf) \x00N\x97\xf9\x87Y\xbdz\xf5\xc8\x91#\x89(+;\xeb_k^;\xaf\xfdy\xd5U\xd5.\x97+.%\xe9\xba\x91\xecN\x12B\xdc\xf4\xc3\x9b?^\xb7\x91\x88f\xcf\x9e=k\xd6,\xec\x0b\x82Fg\xf7\xfe\xb7{\xfdM\x04\x01pZ\xcc\xed\xba\xa5\xa5\xa5\xdd{t?Zz4\xc3\x9b\xb1dEA\xdf\x81}\xfcU~\xcd\x15\xcfS\xada\x18\xc9\xee\xe4` 8i\xecm;\xb6}\xc1\x18[\xb5j\xd5\xc8\x91#q\x1d\x00\x8d\xc8\xee\xfdo\xf7\xfa\x9b\x0e\xdeCtZ\xccw\x8aO\x9e&lt;\xb9\xf4H)\x11=\xfa\xfbYC/\x1b\\]U\x1d\xdf\xee!"!D]m]Nn\xf6\xb3K\xfe\xe0\xcb\xf4*R\x93o\x9e|\xe4\xc8\x11\xc6\x98\xf9T\x13\x80\xb3g\xf7\xfe\xb7{\xfdM\x07\x01\xf0\xfd\xcc4^\xbe|yaa!\x11\xddx\xeb\xf8\t\xb7\\\x7f\xe4pi\xbc\xae\x1c\xbfE\xd3\xb4\xea*\x7f\x97\xae\x9df?\xf5+RTz\xa4\xf4\xc1\x07\x1f\xe4\x9c\xe3\xda\x0e\x1a\x85\xdd\xfb\xdf\xee\xf57),\x01}\x0f\xa5\x94R\xaa\xba\xba\xba\x7f\xff\xfe\xfb\xf7\xef?\xe7\xbcvo\xad\xfbGrr\xb2y+?\xde\xd5\xfd\x97\xa1\x1b\xbel\xdf\xd4\xebo\x7f\xfb_\xab\x92\x93\x93\xd7\xad[\xd7\xa7O\x1f\xf3\xe9\x83\xf1.\rl\xcc\xee\xfdo&gt;\xc2\xd3\xbe\xf57\xf5\xf1\x8b\xb3\xc3\xf707\xe7.^\xbcx\xef\xde\xbdR\xca;fN\xcf\xcd\xcb\x89F\xa3\x96\xea\x1e"b\x9c\xc5\xa2\xb1\x99\xbf\xbc7999\x12\x89\xcc\x9a5\xeb\xf4\x9f^\x0bp2v\xef\x7f\xbb\xd7\xdf\xd4?\x17\x01p*J)!Dmm\xed\xe2\xc5\x8b\x19c\x17tl\x7f\xed\rWWW\xfa-\xb8\xc7\x86s\x1e\n\x86\xba\xf5\xba\xe4\xaak\xc7\x10\xd1\xda\xb5k\x8b\x8b\x8b\x85\x10\xb8\x13\x00\r\x96\x00\xfd\xcf9\xb7u\xfdM}\xfc"\x00N\xc5|_\xc6\xea\xd5\xab\xbf\xf8\xe2\x0b\xa5\xd4\xf4\xfb\xa6z}\x19\xba~\x06O\x06oN\x9c\xf3H$:\xe3\xffMKI\xf1\x84\xc3\xe1\x05\x0b\x16\x10\x11\x02\x00\x1a\xcc\xde\xfd\xbfp\x81\xf9E\xbb\xd6\xdf,\xc7/\x02\xe0\xfb-Y\xb2\x841\x96\xd7*\xef\x07\xd7\x8c\x0e\x06B\x96\xdd^\xc99\x0f\x87\xc2\xddzu\x1d0\xb4?c\xec\xb5\xd7^\xab\xa9\xa9\xd14\r\x0bAp6\xec\xda\xff\xaf\xbe\x16\n\x85\x88\xc8\x9c\xfe\xdb\xaf\xfef9~\x11\x00\'e^\xff\xfa\xfd\xfeM\x9b7)\xa5\x86^68\xb7EN,\x16\xb3\xda\xea\xe1\x89\x94R\x8c\xf1Q?\x1c\xa9\x94\xfa\xa6\xe4\x9bm\xdb\xb6\x11.\x02\xa0Al\xdf\xff\xdf|STT\xa4\xeb\xfa\xc6\x8d\x1bmY\x7f\xb3\x1c\xbf\x08\x80\x932\xc7}\xcb\x96-\x87\xbe&gt;DD#\xc6\x0c\xb7\xfeDZ\x08QWS;\xe8\xd2\x01i\x19i\x86n\xbc\xbd\xf2m:\xfe\xa9\x17\x00g\xc4\xf6\xfdo\x18k\xd7\xae\xfd\xfc\xf3\xcfKJJ\xc8\x8e\xf57\xcb\xf1\x8b\x008)s\xdc7m\xdeDD)i)\x17u\xeb\x12\xa9\x8dX|W%c,\x12\x89\xb6m\xd7\xfa\xfc\xf6\xe7\x11\xd1\x96\xcd[\x88\xc8\xe25\x835%@\xffo\xdb\xb6m\xfd\xfa\xf5D\x94\x92j\xcb\xfa\x9b\xe1\xf8\xb5\xf4p\xc4\x97y\xa9\xb8u\xcbV":\xe7\xdcv\xadZ\xe7Y\xfc\xfa\xd1$\xa5\xf4\xa4x.\xba\xa43\x11\x15\x17\x17\x87B!\xbc)\x0c\x1a\xc0\xd6\xfd\xdf\xe5\x92ND\xb4}\xfb\xf6\xff\xbc\xfd\x1f"jwn[{\xd5\xdfl\xc7/\x02\xe0\xa4\xcc}\xb8eeeD\x94\x9d\x93\x95\x9a\x96j\x18F\xbc\x8b\xfa~J).D\xcb\xd6-\x89\xa8\xda_][[\x1b\xef\x8a\xc0\x96\x12\xa0\xff+++\xbf\xfa\xea+\xb2m\xfd\xcdp\xfc"\x00\xbe\x9b\xf9\x1e&lt;\xbf\xdf\xbf{\xf7n"\xea\xd8\xb9\x83\xb0\xc9v\x1a\xc6\x98\xa1\xeb\x1d:_@D\x01\x7f\xa0\xb8\xb8\x98p\x1f\x18\xce\x90\xdd\xfb\xbfc\xe7\x0eDTZZ\xbao\xef&gt;\xb2a\xfd\xcdv\xfcZ\xee\r\x11\x96\xa2\x94\x8a\xe91"\xca\xcc\xca\xb4\xd1B\x8aR*3+\x93\x88\xa4\x94\x96\xdd\xf5\x0c\xd6g\xf7\xfe\xd7u\xdd&lt;u\xda\xb4\xfef8~q\x05\xf0=\xccEC\xdb\x9dF\xeb\x0b\xb6\xfe\xa2\'X\x99\xad\xfb\xbf\xfe\xd3\xb5lZ?5\xfd\xf1\x8b\x008-\xb6;\x8d\xda\xae`\xb02\xdb\xb5\xd3\xb7\n\xb6{\xfdM\x07\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xd2\xe2]\xc0iQJ5\xe0\x7f\xc5\x18k\xf4J\xc0\x8e\xd0?\x00\xdf\xc9\xa2\x01\xa0\x94\x92R*\xa5\x18c\x8c1\xce\x1br\xa5\xd2(/\x02v\x84\xfe\x018\x1d\xd6\n\x00\xf3\x90#"!\x84\x10\xa2\xfe\xeb~\xbf_J\xc9\x18;\xcd\xa9\x9c9w\xf3\xf9|\'\xbe\x88y0s\xce1\xb3KT\xe8\x1f\x803b\x95\x00PJ\x19\x86\xa1i\x9ay\xc8\x05\x83\xc1M\x9b6m\xdc\xb8\xe1\x93O&gt;\xad\xac\xac,..\xd6\r\xfd\xf4_\x8d\x11S\xa4:\\\xd0\xc1\xe7\xf3\xf5\xe9\xd3\xa7W\xaf^\xfd\xfa\xf5k\xd3\xa6\x8d\xf9]]\xd79\xe7\x98\xd0%\x12\xf4\x0f@\x03X"\x00\x0c\xc3\x10Bh\x9a\x16\x8dFW\xae\\\xf9\xfc\xf3\xcfo\xd9\xb2\xe5\xe0\xc1\x83g\xf9\xb2\xe5e\xe5D\xb4r\xe5J"\xca\xcc\xcc\xec\xd3\xa7\xcf\xf8\xf1\xe3\xc7\x8e\x1d\xdb\xa2E\x0b"\xd2u]\x08\x81\xd9\\\x02@\xff\x004L\x9c\x03\xc0\xbc$\x17B\xf8\xfd\xfe\x82\x82\x82e\xcb\x96m\xdf\xbe\xbd\xfe\xbbi\xe9im\xcfi\x93\x9b\x97\xdb\xbe\xe3\xf9YY&gt;]7N\xe7xS\xa48\xe3\xb1X\xac\xe8\xf3\xe2\xea*\xff\xc1\xfd_UUVUUU\x15\x16\x16\x16\x16\x16\xfez\xd6\xaf\'\xde4q\xda\xb4i\x9d:u"")%\xa6r\xf6\x85\xfe\x018\x1b\xf1\x0c\x00s\xe2FD\x8b\x17/~\xea\xa9\xa7v\xee\xdci~\xbdm\xbb6\x83\x86\x0f\x1c1z\xf8E\xdd\xba\xe4\xb5\xccMMK\x13B\x08\xc1\xcfl\'\x87R\xb1\x98\x1e\xa9\x8b\x94\x1f-\xdf\xbds\xcf\xba\xf7\xd6\xaf]\xbdng\xd1\xee\xc3%\x87\xe7\xcd\x9b\xb7h\xd1\xa2{\xef\xbdw\xe6\xcc\x99^\xafW\xd7uM\xb3\xc4\x95\x10\x9c\x11\xf4\x0f\xc0Y\x8a[\xe3\x9aGoII\xc9\x94)SV\xadZe~\xb1\xf3E\x9d\xa6\xdc}\xcb\x98\xb1\xa3s[d+\xa5\xea\xea"\xb1h,\xe8\x0f*Rg\xbe\x93\x8fq\xc6\x18g9-r\xda\x9c\xd3f\xe4\x0f\xae\x08\x06\x02\x1b&gt;\xdcT\xf0\xc7Ek\xdf\xfb\xb0\xb2\xb2r\xce\x9c9/\xbd\xf4\xd2\xc2\x85\x0b\x07\x0f\x1el\xde!\xc4\xe5\xbc\x8d\xa0\x7f\x00\xce^|\x02\xc0\x9c4\xadZ\xb5j\xca\xd4)%\xdf\x94\x10Q\xfb\x8e\xed\xef\x9c9\xfdG\xd7]\xe5\xcd\xf4\x86\x02\xa1\xaa\xcaj"2w\\pqV\x97\xd8\xb1X,\x12\x89\x92RB\x13\x97\x8d\x1a~\xe9\x15C\xd7\xac\xfe\xf0\xb9\xa7\xe7\xaf_\xf3\xf1\xae]\xbb.\xbf|\xc4\x13O&lt;\x99\x9f\x9fo\xee\x1e\xc11l\x0b\xe8\x1f\x80F\x11\x87\xe5K\xf3\xe8-((\x183f\x8cy\xf4\xde2c\xd2?\xdf\x7fu\xf2\xf4\x89\x8c\xb1\xaa\xf2*sr\xd7Xw\xd8\x18cBp\xa1\t"\n\xf8\x03\xe1P\xcd\x88\xd1\x97\xbe\xf8\xd6\xf3\xb3\x9f\xfaUZzZ$\x12\x9d9s\xe6\x8c\x1938\xe7\xe6&gt;\xbf\xb3\xff\x89\xd0\xa4\xd0?\x00\x8d\xa5\xb9\x03\xc0\xdc\xabWPP0c\xc6\x0c"\xf2ez\x9f]\xfc\xf4S\x7fy\xdc\xedvW\x94U\x10\x91\xd0\x9apg\x85\x10\x82s\xee\xaf\x0e\x84\xc35w\xfd\xf4\xf6W\xde~\xe1\xa2K:\x13\x91Y\x8f\x10B\xa9\x06\xac\x15@\xf3A\xff\x004\xa2f\r\x00sjV\x7f\xf4\xe6\xe6\xe5.~\xad`\xc2-\xe3\xcbJ\xcb\xcc\x03\xbby\xca0\x0f\xe3\xa3G\x8ev\xebu\xc9\x8bo-\xeb\xd9\xb7\x07\x1d?\x86\xcdy\\\xf3\x94\x01g\n\xfd\x03\xd0\xb8\x9a/\x00\xcc\xa3w\xf5\xea\xd5\xe6\xd1\x9b\x95\x9d\xf5\x8fw_\xee;\xb0\xcf\x91\xc3\xa5.\x97\xab\xf9\x17O].\x97\xbf:\x90\x9a\x9e\xfa\xfa\xea\x97\x07\x0e\xedOD\x05\x05\x05s\xe6\xcc\x11B\xe8\xfa\x19\xbci\x08\x9a\x07\xfa\x07\xa0\xd15S\x00H)\x85\x10\xa5\xa5\xa5\x93&amp;Ob\x8cy}\xde\x85\xaf&lt;w^\xfb\xf3\xfcU~\x97\xcb\xd5&lt;5\xfc/M\x13\xd1HTJ\xf9\xd7\xbf\xff\xa9k\xf7\x8b\x89h\xce\x9c9\x85\x85\x85\x9a\xa6\x19\x86\x11\xaf\xaa\xe0\x7f\xa1\x7f\x00\x9aB3\x05\x80\xf9N\xfd\xc9\x93\'\x97\x1e)%\xa2G\x7f?k\xe8e\x83\xab\xab\xaa5W\x9c7P\x0b!\xeaj\xebrr\xb3\x9f]\xf2\x07_\xa6W\x91\x9a|\xf3\xe4#G\x8e`;\x87\xa5\xd8\xb1\x7f\xb0\x16\x04\xd6\xd7\x1c\x01`^\xbc/_\xbe\xbc\xb0\xb0\x90\x88n\xbcu\xfc\x84[\xae7\xaf\xdc\x9b\xe1\xa7\x7f/M\xd3\xaa\xab\xfc]\xbav\x9a\xfd\xd4\xafHQ\xe9\x91\xd2\x07\x1f|\xf0\xc4\xa7\x80A|\xd9\xb1\x7f8\xe7\xb8\x1b\x0c\xd6\xd7\xe4\x01`&gt;M\xb7\xb2\xb2\xf2\x91G\x1e\xe1\x9c\x9f\xd7\xfe\xdc_\xfe\xe6\xe7\xfe\xaa\x80\xa5\xde&lt;\xe9r\xb9*\xca*\xc7\xdf&lt;\xee\xca\xb1\xa3\x89\xe8\xc5\x17_\xdc\xb4iS\xfd\xa3%!\x8el\xda?\x9b7o\xc6\ra\xb0\xbe&amp;\x0f\x00\xc308\xe7\x8b\x17/\xde\xbbw\xaf\x94\xf2\x8e\x99\xd3s\xf3r\xa2\xd1\xa8\xd5\xd6X\x18g\xb1hl\xe6/\xefMNN\x8eD"\xb3f\xcd:\xf6\xf4`L\xe3\xe2\xca\xf6\xfd\x03`aM\x1b\x00J)!Dmm\xed\xe2\xc5\x8b\x19c\x17tl\x7f\xed\rWWW\xfa-5}3q\xceC\xc1P\xb7^\x97\\u\xed\x18"Z\xbbv\xed\x9e={\xd2\xd2\xd20\x89\x8b#[\xf7Oqq\xb1\x10\x02\xfd\x03V\xd6\xb4\x01`&gt;#e\xf5\xea\xd5_|\xf1\x85Rj\xfa}S\xbd\xbe\x0c\xcbn\x92\xe3\x9cG"\xd1\x19\xffoZJ\x8a\xa7\xa6\xa6f\xe1\xc2\x85n\xb7\x1b\x07p\x1c\xd9\xb7\x7f\xc2\xe1\xf0\x82\x05\x0b\x88\x08\xfd\x03V\xd6\x1c7\x81\x97,Y\xc2\x18\xcbk\x95\xf7\x83kF\x07\x03!\xcb\xde_\xe5\x9c\x87C\xe1n\xbd\xba\x0e\x18\xda\x9f1\xf6\xeak\xaf\x96\x96\x96&amp;\'\'\xc5\xbb.\xa7\xb3i\xff\xbc\xf6\xdak555\x9a\xa6a!\x08,\xab\t\x03\xc0\xbc~\xf7\xfb\xfd\x9b6oRJ\r\xbdlpn\x8b\x9cX,f\xb5\xd5\xdb\x13)\xa5\x18\xe3\xa3~8R)\xf5\xf5W_m\xdd\xba\xd5\x93\x92\x12\xef\xa2\x1c\xca\xee\xfd\xf3M\xc97\xdb\xb6m#\\\x04\x80\x855a\x00\x98}\xbfe\xcb\x96C_\x1f"\xa2\x11c\x86[\x7f"$\x84\xa8\xab\xa9\x1dt\xe9\x80\xb4\xb4\xb4XL_\xb9reR\x12\xae\x00\xe2\xc3\xde\xfd\x93\x91f\xe8\xc6\xdb+\xdf\xa6\xe3\x9fZ\x03`AM{\x05@D\x9b6o"\xa2\x94\xb4\x94\x8b\xbau\x89\xd4F,\xfe\xf1I\x8c\xb1H$\xda\xb6]\xeb\xf3.8\x97\x886o\xd9\xac\xc7t"\xc2f\xa0\xe6g\xeb\xfe9\xbf\xfdyD\xb4e\xf3\x16"\xb2x\xcd\xe0dM\xd8\x9a\xe6\xa5\xfa\xd6-[\x89\xe8\x9cs\xdb\xb5j\x9dg\xf1\xebw\x93\x94\xd2\x93\xe21\x9f\xf2X\\T\\ZZJD8\xff7\xbfD\xe8\x9f\xe2\xe2P(\x847\x85\x81e5m\x00(\xa5\xca\xca\xca\x88(;\'+5-\xd5\x16\x0fHQJq!Z\xb6nID\xc1`\xb0\xae\xae.\xde\x159T\x02\xf4O\xb5\xbf\xba\xb6\xb66\xde\x15\x01\x9cTS\x05\x80R\x8as\xee\xf7\xfbw\xef\xdeMD\x1d;w\x106\xd9\x0e\xc1\x183t\xbdc\xe7\x0e\xe6\x7f\xb6\xfe\x943!\xd9\xbd\x7f:t\xbe\x80\x88\x02\xfe@qq1\xe1&gt;0XU\x93\xbf\x11,\xa6\xc7\x88(3+\xd3F\x17\xc2J\xa9\xcc\xecL\xc2\xed\xbbx\xb3q\xffde\x12\x91\x94\xd2\xb2\xefZ\x00\xa0fx\x1f\x809\x83\xb6\xdda`\xbb\x82\x13\x95\xdd\xfb\x07W\x90`e\xcd\xb4?\xc1v\x87\x81\xed\nNl\xb6\xfbs\xd8\xae`p&amp;lP\x03\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i\xf1.\x00l@)\xd5\x80\xff\x15c\xac\xd1+q&amp;\x8c?4\x11\x04\x00|\x07\xa5\x94\x94R)\xc5\x18c\x8cq\xde\x90+\xc5Fy\x11g\xc2\xf8C\xf3@\x00\xc0\x7f\x99\xa7\x0c"\x12B\x08!\xea\xbf\xee\xf7\xfb\xa5\x94\x8c\xb1\xd3\x9c\x8a\x9asO\x9f\xcfw\xe2\x8b\x98\'#\xce9f\xa6\'\x83\xf1\x87f\x86\x00\x00""\xa5\x94a\x18\x9a\xa6\x99\xa7\x8c`0\xb8i\xd3\xa6\x8d\x1b7|\xf2\xc9\xa7\x95\x95\x95\xc5\xc5\xc5\xba\xa1\x9f\xfe\xab1b\x8aT\x87\x0b:\xf8|\xbe&gt;}\xfa\xf4\xea\xd5\xab_\xbf~m\xda\xb41\xbf\xab\xeb:\xe7\x1c\x13\xd2\x13a\xfc!.\x10\x00@\x86a\x08!4M\x8bF\xa3+W\xae|\xfe\xf9\xe7\xb7l\xd9r\xf0\xe0\xc1\xb3|\xd9\xf2\xb2r"Z\xb9r%\x11eff\xf6\xe9\xd3g\xfc\xf8\xf1c\xc7\x8em\xd1\xa2\x05\x11\xe9\xba.\x84\xc0l\x940\xfe\x10?\x08\x00G3\x97\x14\x84\x10~\xbf\xbf\xa0\xa0`\xd9\xb2e\xdb\xb7o\xaf\xffnZzZ\xdbs\xda\xe4\xe6\xe5\xb6\xefx~V\x96O\xd7\x8d\xd39_(R\x9c\xf1X,V\xf4yqu\x95\xff\xe0\xfe\xaf\xaa*\xab\xaa\xaa\xaa\n\x0b\x0b\x0b\x0b\x0b\x7f=\xeb\xd7\x13o\x9a8m\xda\xb4N\x9d:\x11\x91\x94\xd2\xc9SQ\x8c?\xc4\x17\x02\xc0\xb9\xcc\x89\'\x11-^\xbc\xf8\xa9\xa7\x9e\xda\xb9s\xa7\xf9\xf5\xb6\xed\xda\x0c\x1a&gt;p\xc4\xe8\xe1\x17u\xeb\x92\xd7275-M\x08!\x04?\xb3\x9d(J\xc5bz\xa4.R~\xb4|\xf7\xce=\xeb\xde[\xbfv\xf5\xba\x9dE\xbb\x0f\x97\x1c\x9e7o\xde\xa2E\x8b\xee\xbd\xf7\xde\x993gz\xbd^]\xd75\xcd\x89}\x88\xf1\x87\xb8\xc3\x1f\xde\xa1\xcc\xb3OII\xc9\x94)SV\xadZe~\xb1\xf3E\x9d\xa6\xdc}\xcb\x98\xb1\xa3s[d+\xa5\xea\xea"\xb1h,\xe8\x0f*Rg\xbe\x13\x91q\xc6\x18g9-r\xda\x9c\xd3f\xe4\x0f\xae\x08\x06\x02\x1b&gt;\xdcT\xf0\xc7Ek\xdf\xfb\xb0\xb2\xb2r\xce\x9c9/\xbd\xf4\xd2\xc2\x85\x0b\x07\x0f\x1el\xde\xe1t\xd4r\x04\xc6\x1f\xac\x00\x01\xe0D\xe6\xa4o\xd5\xaaUS\xa6N)\xf9\xa6\x84\x88\xdawl\x7f\xe7\xcc\xe9?\xba\xee*o\xa67\x14\x08UUV\x13\x91\xb9c\x84\x8b\xb3Z"\x88\xc5b\x91H\x94\x94\x12\x9a\xb8l\xd4\xf0K\xaf\x18\xbaf\xf5\x87\xcf==\x7f\xfd\x9a\x8fw\xed\xdau\xf9\xe5#\x9ex\xe2\xc9\xfc\xfc|s\xf7\x8bC\xceA\x18\x7f\xb0\x08,\xff9\x8ey\xf6)((\x183f\x8cy\xf6\xb9e\xc6\xa4\x7f\xbe\xff\xea\xe4\xe9\x13\x19cU\xe5U\xe6\xe4\xb4\xb1\xee\x102\xc6\x84\xe0B\x13D\x14\xf0\x07\xc2\xa1\x9a\x11\xa3/}\xf1\xad\xe7g?\xf5\xab\xb4\xf4\xb4H$:s\xe6\xcc\x193fp\xce\xcd}\x8ag\xff\x13-\x0e\xe3\x0f\xd6\x81\x00p\x16s\xafaAA\xc1\x8c\x193\x88\xc8\x97\xe9}v\xf1\xd3O\xfd\xe5q\xb7\xdb]QVADBk\xc2\x9d!B\x08\xce\xb9\xbf:\x10\x0e\xd7\xdc\xf5\xd3\xdb_y\xfb\x85\x8b.\xe9LDf=B\x08\xa5\x1a\xb0\xd6a\'\x18\x7f\xb0\x14\x04\x80\x83\x98S\xcb\xfa\xb3On^\xee\xe2\xd7\n&amp;\xdc2\xbe\xac\xb4\xcc&lt;15O\x19\xe6i\xe8\xe8\x91\xa3\xddz]\xf2\xe2[\xcbz\xf6\xedA\xc7\xcfA\xe6&lt;\xb4y\xcah~\x18\x7f\xb0\x1a\x04\x80S\x98g\x9f\xd5\xabW\x9bg\x9f\xac\xec\xac\x7f\xbc\xfbr\xdf\x81}\x8e\x1c.u\xb9\\\xcd\xbf\xf8\xebr\xb9\xfc\xd5\x81\xd4\xf4\xd4\xd7W\xbf&lt;ph\x7f"*((\x983g\x8e\x10B\xd7\xcf\xe0MOv\x81\xf1\x07\x0bB\x008\x82\x94R\x08QZZ:i\xf2$\xc6\x98\xd7\xe7]\xf8\xcas\xe7\xb5?\xcf_\xe5w\xb9\\\xf1\xaaJ\xd3D4\x12\x95R\xfe\xf5\xef\x7f\xea\xda\xfdb"\x9a3gNaa\xa1\xa6i\x86a\xc4\xab\xaa\xa6\x80\xf1\x07kB\x008\x85a\x18\x93\'O.=RJD\x8f\xfe~\xd6\xd0\xcb\x06WWUk\xae8o\x03\x13B\xd4\xd5\xd6\xe5\xe4f?\xbb\xe4\x0f\xbeL\xaf"5\xf9\xe6\xc9G\x8e\x1cI\xbc\xed(\x18\x7f\xb0 \x04\x80#\xb8\\\xae\xe5\xcb\x97\x17\x16\x16\x12\xd1\x8d\xb7\x8e\x9fp\xcb\xf5\xe6\xcaC\xbc\xeb""\xd24\xad\xba\xca\xdf\xa5k\xa7\xd9O\xfd\x8a\x14\x95\x1e)}\xf0\xc1\x07O|\x8aY\x02\xc0\xf8\x835!\x00\x12\x9c\xb9\xa9\xa3\xa2\xa2\xe2\x91G\x1e\xe1\x9c\x9f\xd7\xfe\xdc_\xfe\xe6\xe7\xfe\xaa\x80\xa5\xde\xfc\xe9r\xb9*\xca*\xc7\xdf&lt;\xee\xca\xb1\xa3\x89\xe8\xc5\x17_\xdc\xb4iS\xfd\xa31m\r\xe3\x0fV\x86\x00Hp\xe6\r\xbd\x85\x0b\x17\xee\xdd\xbbWJy\xc7\xcc\xe9\xb9y9\xd1h\xd4j\xd7\xf8\x8c\xb3X46\xf3\x97\xf7&amp;\'\'G"\x91Y\xb3f\x1d{\xfa\xb1\xcd7%b\xfc\xc1\xca\x10\x00\t\xce\xe5rI)\x17/^\xcc\x18\xbb\xa0c\xfbko\xb8\xba\xba\xd2o\xa9\xe9\xa7\x89s\x1e\n\x86\xba\xf5\xba\xe4\xaak\xc7\x10\xd1\xda\xb5k\xf7\xec\xd9\x93\x96\x96f\xf7I(\xc6\x1f\xac\x0c\x01\x90\xe0222\xd6\xad[\xb7s\xe7N\xa5\xd4\xf4\xfb\xa6z}\x19\x96\xdd\xe4\xc79\x8fD\xa23\xfe\xdf\xb4\x94\x14OMM\xcd\xc2\x85\x0b\xddn\xb7\xddO@\x18\x7f\xb02\x04@\x82c\x8c\x99\xd3\xcf\xbcVy?\xb8ft0\x10\xb2\xec\xfd=\xcey8\x14\xee\xd6\xab\xeb\x80\xa1\xfd\x19c\xaf\xbe\xf6jiiirrR\xbc\xeb:+\x18\x7f\xb02\x04@\x82\xfb\xe6\x9bo6o\xde\xac\x94\x1az\xd9\xe0\xdc\x169\xb1X\xccj\xab\xcf\'RJ1\xc6G\xfdp\xa4R\xea\xeb\xaf\xbe\xda\xbau\xab\'%%\xdeE\x9d\x15\x8c?X\x19\x02 \x91i\x9a\xf6\xf1\xc7\x1f\xef\xde\xbd\x9b\x88F\x8c\x19n\xfd\xfbyB\x88\xba\x9a\xdaA\x97\x0eHKK\x8b\xc5\xf4\x95+W&amp;%\xd9x\x06\x8a\xf1\x07\x8bC\x00$\xb2\xa4\xa4\xa4-[\xb6\xe8\xba\xee\xf6\xb8/\xea\xd6%R\x1b\xb1\xf8\xc7?1\xc6"\x91h\xdbv\xad\xcf\xbb\xe0\\"\xda\xbce\xb3\x1e\xd3\x89\xc8\xa6\x9bQ0\xfe`q\x96nG8K\xd1ht\xcb\x96-D\xd4\xee\x9c\xb6\xadZ\xe7Y|\xfd\xc1$\xa5\xf4\xa4x\xcc\xa7T\x16\x17\x15\x97\x96\x96\x12\x91M\xcf?\x18\x7f\xb08\x04@"\x93RVUU\x11QN\x8b\xac\xd4\xb4T[&lt;\xe0E)\xc5\x85h\xd9\xba%\x11\x05\x83\xc1\xba\xba\xbaxW\xd4p\x18\x7f\xb08\x04@\x823\xb7\x9c_\xd8\xe5B\xa1i\xb6x\xd4;c\xcc\xd0\xf5\x8e\x9d;\x98\xff\xd9\xfaS\xe6S\xc3\xf8\x83\x95!\x00\x1c!3+\x93sn\x8b\x13\x10\x11)\xa52\xb33\xe9\xf8s\x14\x12\x00\xc6\x1f\xac\t\x01\xe0\x08\x96}\xf3\xd1\xc9\xd8\xae\xe0S\xb3\xdd\xafc\xbb\x82\xa1a\x10\x00\x8e`\xbb\x0by\xdb\x15|j\xb6\xfbulW04\x0c\x02\x00\x00\xc0\xa1\x10\x00\x00\x00\x0e\x85\x00\x00\x00p(\x04\x00\x00\x80C!\x00\x00\x00\x1c\n\x01\x00\x00\xe0P\x08\x00\x00\x00\x87B\x00\x00\x008\x14\x02\x00\x00\xc0\xa1\x10\x00\x00\x00\x0e\x85\x00\x00\x00p(\x04\x00\x00\x80C!\x00\x00\x00\x1c\n\x01\x00\x00\xe0P\x08\x00\x00\x00\x87B\x00\x00\x008\x14\x02\x00\x00\xc0\xa1\xb4x\x17\xd0@\xdf\xfa\xb4R{}\x80\xd1\xff~\xd4\xaa\xbd\xeaO\x00\xb6\xee\x1f\xbbK\x80\xfeO\x98\xfe\xb1S\x00(\xa5\xa4\x94D$\xb8\xd04\x8ds\xce\x18SJ\x19\xd20tC\x1a\x921\xc6\x85E\xafi\x8e\x15\xaf\x88s.4\xc19g\x9c1"\xa9\x944\xa4a\x18\xe6\xaff\xfeR\xf1.\xf6tICJ%\xcd\xff\xcc\x88\tM\xc4\xb7\x9eS\xb3u\xff|\'\x1b\x8d\x7f\x02\xf4\xbf\x94RIE\x8c\t\xc1\x8f\xf7\x0f)ERJ\xc30\x0c\xc3 "\xc1\x05Y\xb4\xfc\xeff\x8f\x000\xbb\')))%5\x851\n\x87k\x82\xfe`MM\xad\x1e\x8b\xb9\x92\\))\xa9^_\xba\'\xc5\xa3\xc7\xf4P(\xac\xa4\xb2\xd4al\xf6MR\xb2\xcb\x93\x92.\x04\xaf\xab\x8b\x84\x02\xa1\x9apM]]D)\x95\x9c\x9c\xe4I\xf1\xa4{\xd3=)\x1ei\xc8\x9apM,\x16\x13\xc2\xbaG\xb2I)\x92\xd2\xc8\xc8Hw%\'\x91"b\xa4\xa4\x0c\xf8\x83\xff;\xb9\xb3\x02[\xf7\xcfw\xb2\xd1\xf8\xdb\xbd\xff\x95R\xd2\x90B\x13\xa9i\xa9III\x86\xae\x87\xc35\x01\x7f\xa0\xae\xb6.\x16\x8bi\x9a\xe6I\xf1dx32\xbc\x19R\xcaP0d\x18\x86\xa5\xea?5\x1b\x04\x80\xa1\x1b\xee\x14\xb7\xc7\xe3)9T\xf2\x9f7V~\xf8\xc1\xfa\xe2\xcfw\x1d)9RSSc\x18R\x08\x91\x96\x9e\xd6\xbam\xab\x9e}\xba_~\xe5\x88\x81C\xfb\xbb\x92\\\xc1@\xd0\n\x7f\x03\xb3u&lt;\xa9\x1e\x8f\xc7}\xb8\xa4\xf4\xdd\x95\xef\x7f\xb4vc\xd1\xf6\xe2#%G\xfc\xd5\xfeXL\'\xa5\x84\xa6\xa5\xa5\xa7\xb5l\x9dwq\xb7.CG\x0c\x192|Pvn\xb6\xbf\xdaO\x16\xbe\xae\x94Rr\xc6\xb2\xb2\xb3\xdez\xfd?\x9fm\xdd\xc69WR\xa5\xa6\xa5L\x9a6199\xc9\x9c\xcaY\x87}\xfb\xe7d\xec2\xfe\t\xd0\xffR\xca\xe4\xe4\xe4\x94TO\xc0\x1f\xdc\xba\xf1\x93\r\xeb6}\xb6u\xdb\xc1\xfd_\x95\x1f-\xaf\xad\xad\x93\x86\xc18OI\xf1\xb4l\xd3\xb2k\xb7\x8b.\xbfr\xc4\xb0\xcb\x87dx3\x02\xfe\x80\x95\xfb\xe7D\x96\x0e\x00)%c,+\'s\xcf\xce}\xcf\xcf\xff\xfb?_{\xeb\xe8\x91\xa3\xff\xfb\xcf\xc2\xa1p\xe9\xe1\xd2O7\x7f\xb6\xe8\xafK\xfb\x0e\xec\xfd\x93\x87\xf2\x87\x8f\x1cZ]\xe5\xe7&lt;\x9e\xf38)\xa5\xcb\xe5J\xf5\xa5\x16\xef\xd8\xf9\xd2\xd2W\xdez\xfd?%\x87\x0e\x7f\xe7\xbf\x0c\x05CGJ\x8e|\xb6e\xdb\x0b\x8b^:\xef\x82sg\xdc;u\xe2\xd4\x1b\xa3\x91\xa8\xae\xeb\xf1\xfd\x15\xbe\x93\xae\x1b\x1e\x8f\x9b\x0b\xfe\xd8CO\xfci\xee_\xea\xbf\x9e\x9c\x9c&lt;\xfe\xe6\xeb\xdd\xeed\xa5\x94\x15\x0e]\xb2y\xff\x9c\x8c]\xc6?\x01\xfa_I\x95\x92\xea\xf9\xe6\xab\x927^y\xf3\xad\xd7\xff]\xf4\xf9\xce\xef\xfcg5\xe1\x9a\xf2\xb2\x8a\x1d\x9f}\xf1\xd2\xf3\xaf^\xdc\xfd\xa2\xfb\x7f\xfd\x93QW]\xe1\xaf\xb6h\xff|\x8bu\x03@)\x95\x92\x9ab\xe8\xc6\x9f\x9e\xfa\xcb\xb3\xf3\x9e3\'\x05B\x08s\xe9MJeb\x8cq\xce\x95R\x8a\x94\x94r\xf3\xc7[o\xfc\xe1\xe4_\xcc\xb9\xff\xde\x07\xee\n\xf8\x03\xf1\xfa\x1b(\xa5\xdc\x1ew\xa0:\xf0\xe4\xecy/,z\xa9&amp;\\CD\\p!\x04#&amp;\x8f#"\xce\xb9\x10\x9c\x88I%\x95T_\xee;\xf8\xcb\xfc_\xaf\xff\xe0\xa3\xdf\xcf\x9f\xab\xb94C7\xacp0\xd7\xd3u\xdd\x97\xe9-9t\xe4\xfe\xbb\x1f\xfc\xe0\x9d5\x9c\xf3\xfa\x95\xd0\xac\x9cLK\x95j\xeb\xfe9\x19\xbb\x8c\x7f\x02\xf4\xbfa\xc8\x0co\xda\xcb\xcf\xbf\xf6\xc8/~k6\x0f\x11i.\x8d3n\xb6\x8a\x92\x8a\x88\x18c\xf573\x94T_l+\xba\xf5\xbai\x0f=\xf6\x8b\xbb~z{\xa0*`\xfd\xb5D\x8b\x06\x80RJ\xd3\xb4\xfd{\xf6?&lt;s\xf6\xfa5\x1f\x13\x91\xd0\x04)RJ\xc5b\xb1o\xfdc\xf3\xf6\x8by!,\x84PJ=1k\xae\xa6\x89\xbb\x7fvGUEu\xf3\xdf\x19SR%\xbb\x93\x0f\xec\xfdr\xd25\xb7\x95|]b\x16\xcf\x88\x19\x86\x113\xfe[&lt;\xe7\x9cH\xd5\x1f\t\x8c3R\xc48\x13B\xfc\xfb\x8d\x95\xb1\x98&gt;\xff\xc5\xbf\x18\xba\xd1\xcc\xc5\x9f\x8c\x92J)\x95\x93\x9b\xfdA\xe1\xda\x9f\xde\xf1\xf3C_}\xa3i\xc20\xa4\xae\xeb\xc7n\xa5Z\xa6T\xb2y\xff|\'\x1b\x8d\x7f\xc2\xf4\xbfR\x94\xdb"\xd7_\xedw\xb9\\D$\xa5\xd4c\xfaw\xfc;\x83\xe8\xf8\x82\x95y\xc6\x7f\xec\xa1\'r[\xe4\x8c\x9f&lt;\xae\xba\xaa\xda\xe2kA\x16\r\x00"\xd2\\\xda\xcf\xee|p\xeb\xc6O\\.\x97n\xe8\xa4\x94aH"\xea\xd8\xb9\xc3\x90\xcb\x06_\xdc\xadKn^\xae\xcb\xa5\x05\xfc\xc1/\xb6\x15\xbd\xf5\x8f\xff\x1c\xd8\xfb%\xe3\xcc0\x0c\xb3\x87\x1e\xff\xf5\xdc~\x83\xfb\xf6\xe8\xdd-\x1c\xaei\xe6y\x1cc,\x16\x8b\xb5h\x99\xdb"/\xe7\xf0\xa1\xc3\x9a\xa6\xe9\xban\xde\x9d\xeb\xd8\xb9\xc3\xd0\xcb\x06w\xef\xd3\xadu\x9bV)\xa9)D\x14\xf0\x07v\x17\xefy\xfb_\xeflX\xb7\x91\x88H\x91.u\x97K{\xe7\xdf\xab\x97\xfem\xd9\x8c\xfb\xa6UUV\xc5\xbd\x87\x0c\xc3HJJ\xf2\xa4x\x9e\x9d\xf7\xdco\x1f~\xd20\x0c\xa1\t\xc3\x90\x16\xbc\xe5X\xcf\xbe\xfd\xf3\xbf\xec5\xfe\x89\xd1\xffB\xf0P0t\xf9\x95\x97\r\x1d1d\xdd{\x1f\x9a_\xcc\xc9\xcd\xee;\xa8O\xf7\xde\xdd\xcek\x7f\xae\xd7\x97!\x84\x08\x87k\xf6\xed\xde\xff\xee\xdb\xef\x7f\xbcn\x03\x11)C\x99\x1b\x99\x1e\xf9\xc5cC.\x1b\xe4\xcb\xf2\xe91\xdd:Wf\xff\xcb\xa2\x01`\xb6\xcb\xaf\x1f\x7fp\xe2\xd5\xb7\xd5\xd6\xd4*\xa9\x0cR=\xfb\xf6\xb8\xeb\'\xb7_z\xc5\xd0\x0co\x86TR\x1a\x92H1\xc6\xaf\xbda\xec\xbd\x0f\xdc\xf9\xbbG\x9f\xf9\xdb\x1f\x17p\xce\xa5\x94$\xc80\x8c?&gt;\xf5\xe7\xa5+\x16\xc4\xe1\x18ad\x18F\x867\xe3\x99\x85\xbf\xff\xd1\xa5?\x0eT\x07\x88h\xc4\xe8\xe1S\xee\xba\xb5\xdf\xa0&gt;\xe6n\x01\xc30\xa4!\x89\x88\x0b&gt;|\xe4\xa5S\xee\xbe\xf5\xc5\xc5/?&lt;s\xb6y\xa8\x18\x86d\x8c\xfd\xed\x99\x05\xd7\xddxm\xb2;\xd90d\x1c[H\x8f\xe9\x19\xbet\x7fu\xf0\xa7w\xfc\xfc\x9f\xaf\xbeI\x8c\x84\x10\xe6\xd4,)9)\x1a\x89\xc6\xad\xb2\x93\xb3w\xff\xfc_\xf6\x1b\xffD\xe9\x7f\xb3\x8bn\xbbc\xf2\xba\xf7&gt;\x1c8l\xc0\xb8\x9b\xae\xbd\xf4\x8a\xa1\xad\xda\xb4\x12B\x18\x86\xa1\x94T\x8a8cb\xec\xa8;\xf2\xa7\xbf\xfa\xf7\x15\x0f\xde\xf7p$\x1aUJq\xce++\xaa\xfe\xf1\xf2?\xef\xbd\xff\xae\xca\xf2*\x8b\\D~\'\x8b.Qq\xcek\xc25\x03\x86\x0ex\xfc\x99G\r\xc3\xf0x\xdc\xb3\x9e|h\xc5\xaa\x17\xaf\xbav\x8cR\xaa\xa2\xbc\xb2\xba\xb2:\xe0\x0f\x06\xfd!\x7f\xb5\xbf\xbc\xacB)z\xec\x99G&amp;N\xb9QJ)\x047\xef\xfe\xad{o\xfd\x9e\x9d\xfb&lt;\x1e\xb7l\xf6\x83\x98s\x1e\x0c\x04;]t\xe1C\x8f\xfe\xbcs\xd7NKV\x14&lt;\xff\x8fE\xc3G\x0eSJU\x96WVWU\x87\x82\xa1\x9a\x9a\x9a\x9a\x9a\x9aP0TYQ\x19\xac\x0eN\xbfk\xca/\x7f\xf3s)%\xe3LJI\x8c\x95\x1c:\xbce\xc3\'\x9e\x14\x8f\x8a\xdf\xbe\x0e\xa5Tvn\xf6\xe7\x9f~\xf1\xe3\x91\xe3\xff\xf9\xea\x9bB\x08\xc1\x85\xb9f\xf2\xe0\xa3\x0ft\xec\xd4\x81\x8e]\xcb[\x8b\xdd\xfb\xa7\x9e}\xc7?\x01\xfa_\x08\x11\x0e\x87\xfb\r\xee\xfb\xfa\xea\x97\x97\xbf\xb9\xf4\xa6\xdb&amp;\xf82}\xfej\x7fey\xa5\xbf\xda\x1f\xf4\x87B\xc1\x90\xdf\x1f\xac(\xaf\xf2W\xfbo\x9d~\xf3\x03\xb3\x7f\xaa\xa4\xe2\x9c\x11\x11clM\xe1\xbaX4\xc6\xb8u\xa7\xffd\xd9\x00 "!DEy\xe5\x8fo\xbc\xe6W\x8f\xffr\xe9\xeb\x0b\xef}\xe0\xeeh,V]\xe5\'"M\x13B\x08!\xb8y[I\xd34iH\x7f\x95\xff\xbe\x07\xee\xca\xf0\xa6\x9bW\xfa\x8c\xb3H]d\xfb\xa7\x9f\'\xbb\x93\xe3\xd2@\x9a\xa6\xf9\xab\xfc\xd7N\xb8\xfa\xf5\xc2\x97G\xfe\xe0\x8a` \x18\xf0\x07\x88Hhf\xe9\xff\xa5i\x1a\x17\xbc\xf4\xe8\xd1\x9bn\xbb\xe1\xdc\xf6\xe7JCr\xce\x05g\x8c\xb1\xa2\x1d\xc5\x9aK\x8b\xd7\tH)\xe5Jr-_\xf2\xf2\xb8Q\x13v\x17\xed1\xaf\xc4\r\xc3HNN\xfe\xd3\xe2\xa7\xef\x9c9\xa3\xba\xaa:.\x85\x9d\x0e\xbb\xf7\x0f\xd9|\xfc\x13\xa0\xff\x89HI\x95\x94\x94\xd4\xa7\x7f\xefH]\xa4\xaa\xa2J\xd7u!\xc4\xb1_Ap\xf3\x0e\xb6\xd9Ne\xe5e?\xbe\xf1\x9a\xec\xdcl\xb3\x7f\x94R\x07\x0f|\xe5\xaf\x0eh\x9a\xb0\xe6J\x9d\xc9\xba\x01@DB\xf0\x80?pG\xfe\xf4\xfe\x83\xfb\x96\x1e&gt;\xca\x18;\xd9j \x17&lt;\x12\x89\xb4n\xd7\xba{\xafnDtlo\x04\xd1\xc1\xfd_\x99\xb7\xf5\x9a\xb5\xee\x13\x98w#\xcd=a\xa7X\xcad\x8cIC\xa6\xa5\xa7\xf5\xea\xdb\x9d\x8e\xdfP2\xa7K\xa4\xe2\xf3\xd6B\xb3\x9ew\xdf~\xff\'3\xee\xaf\xad\xad\xe3\x9c\x9b\x97\xf6m\xcfi\xb3\xfc\xad\xe7\'\xdc|}\xe9\xe1\xd2H$JD\x8a,\xda\xdf\xb6\xee\x9f\x04\x18\x7f\xb2s\xff\xd7SJ\x85\xc3a\xc6\x98\xd0\xc4\xc9V\xf3\x19cRJ\xaf\xd7{\xee\xf9\xed\x88\xc8\xac8\x14\x0c\xd5\xd5E\x98\xf5\xae\xcfNd\xe9\xe2\x88\x88s\xee\xaf\xf6\xd7\xd4\xd4j\xa7\xb1\x8e\xa6i\xa2\xcd9\xad\x89\xcc?\x00#\xa2P0D\xe6\x1b%\xe3GJy\x9aw\xb1\x18c\xbeL\x1f\xd1\x7f\xeb\x8d\xe3\xed#.x8\x14\x1ev\xf9\x90K/\x1f\xaa\x94\x12\x9a0tc\xf0\xf0\x81\xaf\xaf~\xa5\xdf\xa0&gt;\x15\xe5\x95\x8c\xf1c\x9b"\xac{\xfe\xb1q\xff$\xc6\xf8\x93m\xfb\xffD\xa7\xb3\xc8\xa6\x14\x11#\xc68\x1d/\x9fY\xf8\xb1\x16\xf5\xac\x1e\x00t|\xef\xf6i\xfe\xe3o\xfdK\xcd\xe5"\xa2\xf8\x1e"\xa7\xdb\x04\x8c\x94R\xc1@\xd0\xfco\x8a\x881\xcam\x91C,n\xd5K\xa9\x92\xdd\xc9O\x17\xccm\xd3\xaeM,\x1a\xbb\xed\xce[\x96\xfdcQn\x8b\xec@u\xc0\xe5r)%\xad\xf3\xa6\xd3S\xb0o\xff$\xc6\xf8\xdb\xb7\xff\xcf\x80"!xM\xb8\xa6\xf4p)\x99a@\xe4\xf5exR\xdc\xd2\x90\xcc\xc2\x8f\x07\xb2\xe8.\xa0\x86\x91RUVT\x11\x99W\xc5\x8a\x88rr\xb3\x95RV\xfe\x03\xd4\xe3\x9c\xd7\xd6\xd4\xee\xd8VDDJ*s\x0fB\x97K\xba\xe81\x9d\xc7\xe9&gt;\x12\xe7\xac6\\\xdb\xb2u\xdeS\x7f\xfe\xed\xbe\xdd\xfbn\xff\x7f\xd3\xfcU\x01C\x1a\xe6\xae\x06\xa5\xc8\xea\x93\xcf3d\xb5\xfeq\xd4\xf8[\xb0\xffO\x9fa\x18\x19\xe9\x19\xeb\xde_\xff\xcd\xd7%\xf57\x81\xdbw8?\xc3\x9b\x11\x0c\x04-x\x97\xbe^\xe2\x04\x80\x10"\x1c\n\xef\xdb\xb5\x9f\x88\xcc7y\x12Q\x87\x0b\xdb\xeb\xbaA\x96\xbf\x10\x8bFc\xb9-\xb2\xdfyk\xf5\xae\xa2\xdd\xe6\xb6\x01\xa5\xa8\xed\xb9m{\xf5\xebQ\x13\xae\x89\xe3F\x02\xa1\t\x7fu`\xd0\xa5\x03\x86\x8f\x1cVYQU\xff\xbe\xd9x\xd5\xd3t\xac\xd9?\x0e\x19\x7f\xcb\xf6\xff\xe9\x90R\nM\xe81\xfdw\x8f\xfeA)e\xae\x02)\xa5F^u\x85\x10BIe\xe5u\x16\x0b\x97v&amp;\xa4\x94n\x8f{w\xd1\xee\xfd{\x0f0\xc6\xccC83;\xb3\xcb%\x9d\xeb\xea\xea,2\x83P\xea\xd8\x99\xa5\x9e\xb9!Z\xd7\x8d\xec\x9c\xac\x92C\x87\xe7\xfc\xe21"\xc5\x88\x997\x1eg\xdc75+;K\xd7\xf5\xf8^\xc1p\xce\xebj\xeb\xcc\xfbx\xd6_\xd3l\x18+\xf7O\xc2\x8c\xbfM\xfb\xff\xd4\xcc}\xc3\xe9\xe9i\xbf\xb8\xef\xa1-\x1b\xb6\x9a\x93}\xc30\xce\xbf\xe0\xbc\xb1\xe3~\x18\x0c\x04y\xbc\xdf\xc5yj\x89\x12\x00\x86t\xbb\x93_Z\xf6\x9aa\x18\x9cs\xf3\xce\xfb\xf0+\x86\xb5i\xd7:\x1a\x89Z\xe4\xb0\xe1\x9c\xd5o}\x13Bh.\xcd\x93\xe2\xc9\xcc\xf2\xf92\xbd\x1f\xad\xddp\xc3\x0f&amp;\xed\xdb\xbd\x9fs\xc19\x8f\xc5b#\xaf\xba\xfc\xe6\xe9\x13\xfd\xd5\xfe\xb8\xbf\r\x98\x8e=\xb0%\xfee4\x1d\x8b\xf7Ob\x8c\xbf}\xfb\xffd\xccwh\xbb\x92\x92\xee\x9b\xf6\xd3\x97\x96\xbe*\x84\xa8\xdf\x91\xf5\xe8\xefggx\xd3u]\x8fw\xef|\x8fDX\x0227\x90m\xfb\xe4\xf3\xd7^x\xdd\xdc\x8fe^)O\x9e~S\xccJ\xef\xc3\xd6u\xbd~G\x894d]]\xe4h\xe9\xd1\xe2\xcfw\xaez\xb3\xf0\x9d\x7f\xaf&amp;"\xcd\xa5\x99\xfb:\xc6\x8c\x1d\xf5\x87\x82y\xff\xfb\xd4\x1ah\nv\xe9\x1f\xbbK\xb0\xfe\xd7u==#\xbd\xaa\xa2\xea\xbe\xa9?Y\xb3z]\xfdva)\xe5c\x7fx\xe4\xf21\xc3\xad\xf3 \xa9SH\x84\x00`\x8c\x18g\xb3\x1fx\xb4\xae\xb6\xce\xbcL6\x0c\xe3\xea\xeb\x7f8`H\xbf\xea\xaa\xf8\xcf \xcc\xad\xd0\xc1@\xf0\xb6q3\xfc\xd5~\xc6\x99RJ\xd7\x8dP0\xe4\xaf\xf2\x9f\xb8\x91C\x8f\xe9\xad\xda\xb4\xbas\xe6\xf4\x9bgL\x8a\xc5bz\xcc\x8a\x8f\x83N&lt;\x16\xef\x1f\xbbK\xc8\xfe\xd7u\xc3\x97\xe9\xfbb[\xd1\x9d7\xdf\xbbo\xf7~s\xee/\xa5\xe4\x9c?\xf9\xe7\xc7n\x9e&gt;\xa9\xb2\xa2\xd2\xfag\x7fJ\x80\x00\xd0u=\xb7E\xeeo\x1f~\xe2\xa35\x1b\x84\x10\xe6Ce}Y\xbe\x9f\xcf\xb9\xbf\xae6b\x95\xe9\x1b#)\xe5\xee\x9d{\xcc\xe7\xe2\x9eH\x08A\x8c\x04\x17\xc3\xae\x18:\xee\xa6k\xc6\x8c\x1d\xedM\xf7\x1e&gt;|\x98\xd8\xb1\x07XB\x93\xb2G\xff\xd8]b\xf5\xbf\xa1\x1b&gt;_\xc6\x86u\x1b\xa7N\xb8\xa3\xba\xf2\xd8\xf3&gt;\xa5!}\x99\xde?\x14\xcc\x1bs\xf5\xe8\xca\xf2J\xbb\xcc\x1b\xec\x1d\x00zL\xcfi\x91\xfd\xd2\xf3\xaf\xfc\xe1\x89g\x85\x10RJ.\xb8\xa1\x1bs\xe6\xfe\xea\xfc\x0b\xce\xb5\xda%XJj\x8a\xb9\xa0||\x17\xc7\xb1\xeba\xf3f\xd8\xfe=\xfb_\x7f\xf1\x9f;\x8bv\x0f\xbf|X\xef\x01\xbdt]\xaf\xad\xa9\xb5K\x1b\xd9\x94\xbd\xfa\xc7\xee\x12\xa3\xff\xa5\x94\xa9\xe9\xa9;\xb6\x17\xddv\xfd\x8c\xfaO\xfe2\x0c\xa3\xf3\xc5\x9d\xfe\xbc\xf4\x99.];W\x94Uh\x9am\xce\xab\x16\xbd\xc2:\x1dzL\xcf\xca\xc9|o\xd5\x07\xf7\xdf\xf9 \xe7\xcc|\xc3\xa1\xa1\x1bS\xef\xbem\xfc\xe4qV;z\x95R\xa1@H\xd7\xf5X,\xa6\x1fc\x1c\xfb\x7f\x86\xd4uc\xff\x9e\x03\xef\xfc{\xf5\x1f~\xfb\xa7\x1f\x8f\xbca\xc6Mw}\xb9\xef`\x867\xc3|\xec\x174\x05{\xf5\x8f\xdd%H\xff+\xe2\x9cG\xea"\xf9\xd3~\x16\xf0\x07\x84&amp;\x14)\xc30\x06]:\xf0\xd5U\xcb;v\xbe\xa0\xaa\xa2\xcaFg\x7f\xb2\xef\x15\x80\x1e\xd3}Y\xbe\xad\x1b?\xbdc\xd2=\x91H\x84s&amp;\x04\xd7u}\xcc\xd8Q\xb3\x9e|\xc8o\xa5\xa5[\xf39\')\xa9)\x8b^\xfd[,\xa63"E\xa4\xebz8\x18.;Z~\xf0\xc0W;&gt;\xdb\xb1\xfd\xd3\x1d\xe6\x8a\'\xe7\\\xd7\xf5\xb7\xff\xb9\xea\xe3u\x1b\xff\xbc\xe4\x99\xe1W\x0c\xf5\xdb\xe7\xf3Em\xc4F\xfdcw\x89\xd4\xff\x8642\xb32\x17\xffui\xf1\x8e\x9dB\x13J*)\xe5\xc0a\x03\x96\xaeX \x84\x08\x05\xc2\x9a\xcbfgT\x9b\x95k\xd2u\xdd\x9b\xe9-\xde\xb1\xf3\xb6\xebg\xf8\xab\x03\xe6\xe7\xe2\xe9\xba1`H\xbf?-\xfa}\xa4.\xa2\x94\xb2\xd4\x9bG\xcc\xfb`\xc3.\x1fr\xc2\x9a23\xb7\x9a\x10\xa9\xda\x9a\xba\xfd{\x0f\xbc\xfc\xfc\xab\x8b\xfe\xb2\xd4\xfc\x80\'!xue\xf5\x8c\x9b\xeez\xe3\xbdW;v\xeeP[Sk\xd9\xbbavd\xbb\xfe\xb1\xbb\x84\xe9\x7f\xc6X4\x1a\xfd\xd7ko1\xc6\x18cR\xc9\xd6m[\xfdy\xc9\x1f4\x97V[Sk\xc7KFK\x0c\xeb\x19\xd1u=##c\xdf\xee}7_;\xa5\xac\xb4\x8cs\xce8\xd3u\xa3{\xefn\x0b^z\x8e\x0b\x11\xf7\xcf\x92\xfeNJ\xa9\xa0?\xe4\xaf\x0e\x1c\xff?\x7fuUueyeeyU\xa4.\xd2\xbe\xe3\xf9\x8f\xfd\xe1\x91%\xaf\x15\xa4g\xa43\xc6\x0cCj\x9a\x16\x0e\x85\x1f\xf9\xc5c\x16\xfc]l\xcd\xa6\xfdcw\t\xd0\xff\xe6\xd3\xb9\xcb\x8f\x96\xef\xd9\xb9W)e~\xc2\xe8\xb4{\xa6\xb4=\xa7M8\x14\xb6\xcee\xca\x19\xb1\xca\xe0\x9e&amp;]\xd732\xd2\xbf&lt;pp\xd2\xd5\xb7\x95\x1c:,\x84`\x9c\x19\xba\xd1\xb5\xfb\xc5KW,HMK\x8d\xd4E\xac\xd31\xdfb&gt;}\xfe\xff\xd0\x84\xd0\x04\xe3\xac\xae\xb6\xeeH\xc9\x91\x1f\\=\xe6\x97\xbfy\xc0\xfcL\x0c\xc3\xd09\xe7\x1f\xbe\xff\xd1g\x9b\xb7\xa5\xa4\xa6\xd8\xe2\xb1_\xd6g\xeb\xfe\xb1;\xbb\xf7\xbfRJ\x13Zeye\xc0\x1f$"\xc30\x84\x10\x03\x87\xf6\xaf\t[\xf1f\xf5i\xb2S\xaf\xeb\xba\x91\x9e\x9e\xf6\xf5W\x87&amp;_}\xdb\xd7\x07\x0f\x99\x1b\xc8\x0c\xdd\xb8\xa4G\xd7eo,\xf2fzkk\xed\xfa\x97\xe0\x9c\xbb\\\xae\xb2\xb2\xf2\xab\xaf\xffQ\x9bv\xad\xa5!\x19c\xe6\x8e\xe9\r\xeb7\xba\xdd\xc9RZrC\x9c\xad$p\xff\xd8\x9d]\xfa\x9fqV[\x1b1O\xfd\x8c\xb1\xb4\x8c\xb4\xac\x9c,\xc30\xec\xbb]\xd86\x01`\xe8FZzj\xc97G&amp;]}\xdb\x97\xfb\x0f\xd6\x1f\xbd=zw\xff\xfb\xbf\x96\xf8\xb2|\xd6\xdc4v\xfa\xcc\xf7\x1fex3\xbat\xedLt\xec\xc1\xe2Dt`\xef\x97R*\xdb6\x98U$|\xff\xd8\x9d-\xfa\x9f\x11\x19\x86q\xec3\x8d\xa5\x8c\xd4F\xcc\x8d@\xf1\xae\xab\xe1\xecq\x13\xd80\x8c\x94\xb4\x94\xa3G\x8eN\xbe\xe6\xb6\xfd{\x0e\xd4\x1f\xbd=\xfb\xf6X\xfa\xfa\x82\xf4\x8c\xf4\x849z9gi\xe9i\xc7\xfe\x8b""\n\x85\xc2q\xfcL\xe0\xc4\xe0\x9c\xfe\xb1;+\xf7?c,\x12\x89\x9e\xd7\xfe\x9c\xa5\xaf/4\xf72\xb9\\ZJ\x8a\xc7\xbc^\x89wu\rd\x83\x000\x0c#%%\xa5\xa2\xacb\xf25S\xf6\xec\xdc[\x7f\xf4\xf6\xea\xd7s\xe9\x8a\x05i\xe9i\tt\xf42)U(\x18:\xf1K\xc9II\xd6\x7f\x9c\xb5\x959\xa9\x7f\xec\xce\xd2\xfdo&gt;\'*-=\xed\x8a+/3\xbf\xa2\x94\xaa\t\xd7\xda\xfa\xe9\xdcV\x0f\x00\xc30&lt;)\x9e\xea\xaa\xea\x9b\xaf\x9d\xb2\xf3\x8b]\xf5Go\xef\xfe=\x97\xaeX\x98\x9a\x96\x9aH\xeb\xb6B\xf0P0\xbco\xf7\xb1G\xd2s\xce\x18cy\xadZ\x08\xc1\xed\xdcc\xf1\xe4\xa8\xfe\xb1;[\xf4\xbf4dU\xa5\xdf\xbc(a\x9c\xb9\x8e}f\x9c]Y:\x00\x0c\xc3\xf0x&lt;\x01\x7fp\xf2\xb5S\xbe\xd8^ln\xb35t\xa3\xcf\x80\x</t>
        </is>
      </c>
    </row>
    <row r="245">
      <c r="A245" s="1" t="n">
        <v>243</v>
      </c>
      <c r="B245" t="inlineStr">
        <is>
          <t>grid_number_color</t>
        </is>
      </c>
      <c r="C245" t="inlineStr">
        <is>
          <t>What is the missing color if the part denoted with the question mark has the number 8?</t>
        </is>
      </c>
      <c r="D245" t="inlineStr">
        <is>
          <t>['blue', 'red', 'orange', 'green']</t>
        </is>
      </c>
      <c r="E245" t="inlineStr">
        <is>
          <t>green</t>
        </is>
      </c>
      <c r="F245" t="inlineStr">
        <is>
          <t>There is a 3x3 colored grid of numbers. The first row has number-color pair [(8, 'green'), (7, 'blue'), (8, 'green')], the second row is [(6, 'red'), (2, 'orange'), (2, 'orange')], and the third and final row is [(8, '?'), (6, 'red'), (7, 'blue')].</t>
        </is>
      </c>
      <c r="G245" t="inlineStr">
        <is>
          <t>We observe that the grid cells with number 2 is orange in color, the grid cells with number 7 is blue in color, the grid cells with number 6 is red in color, and the grid cells with number 8 is green in color. Thus, the pattern is that the grid cell with the same number will have the same color.</t>
        </is>
      </c>
      <c r="H245" t="inlineStr">
        <is>
          <t>Based on the pattern that the grid cell with the same number will have the same color, the missing color of the part with 8 should be green.</t>
        </is>
      </c>
      <c r="I245" t="inlineStr">
        <is>
          <t>b'\x89PNG\r\n\x1a\n\x00\x00\x00\rIHDR\x00\x00\x02\x00\x00\x00\x02\x00\x08\x02\x00\x00\x00{\x1aC\xad\x00\x00\x84\x1aIDATx\x9c\xed\xddu\x9c\x14G\xda\x07\xf0\xa7\xaa\xbb\xc7gg\xdd`wqww\x08\x10\x1c\x12$N\x94\x10\xd7{sI.\xee\xb9\xf8\xc5\x8d\x08\x16%\x10\x12\xdc\x02\t\xee\xee.\xcb\xba\x8d\xb6T\xd5\xfbG\x03!\x84\x04\x9beg2\xcf\xf7\xf2\xb9\x0f,\xb3\xb3\xbdS\xdd\xf5\xab\xaa\xae\xaa&amp;B\x08@\x08!\x14{hU\x1f\x00B\x08\xa1\xaa\x81\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xc9U}\x00\xbf\x13B\x08!\xaa\xfa(\xfeQ\x08!\x84\x90\x8b\xffs\xb1(\xc3\xaeJ\x8a\xd2,D,\xca02\x0b\xb1J\xae\xca\xd3"U[\xbaB\x08\xce\xb9\x10\x82RJ)vG*\x05c\xec"|\xc2\x9cs\xce9!D\x92\xa4\xca\xfb)\xb1L\x08\xc1\x18#\x84PJ+\xaf\x061\xc3\x1b\x8b\xb2R\x9d\xb8$\xab\xaa\x89vB\x95\x05\x80Y\xef\x9f|\x86\x05\x03\xa1\x82\xfc\xfc\xa2\xc2bB\xaa8\x96\xfe\x19\x08%u\xea\xd6v\xbb\xdd\x84\xfe~\x861\xc6\xc2[}\x1c\xab,(\xa5\'\xbdg\xd0\xef\xdb\xb3g\x97\xaej\x10)\r\x9d\xe8E@pw\\|\xf5\xec,\x9b\xddy\xe2\xab\x8c1\x00\x08o\x05m\x06\x8c,\xff&gt;*\xa0izYi\xd9\xa1\x83\x87\x00\x08\xe0%ya\xccj-+\xbbz|B\x82\xc5\xaa\x9c\xf8\xbaa\x18\x92$UU\x0cTAU\xcb9\x07\x00\xb35ZZR\xb6\xe4\xb7\xa5\xf3\xe6\xcd\xdd\xbac\xcb\x91\xfcC\x01\xcd\xaf8\xa8\xe0x\xaa]0B\x0c\xdd\xb0\nG\x9c\xdbS\xa3Z\xad\x0e\xed:\\\xda\xf7\xd2\xa6\xcd\x9b\x98\xff\x18\xae\x18`\x8c\x9d\xa8\x83\xf6\xec\xdc&gt;w\xce\xec\xa5\xcb\x97\xef9p\xa4\xb8\xdcW\x1e\xe4\x92\xd5!8\xbb\xc0\x1f\x81(\x95x\xc8\x1b\xe7\xb0d\xa4\xc47\xa8S\xb3{\xb7n=z\xf6N\xcb\xc8\x84\xe3\xad\xf5\x0b\xef\xd8\x99)n\x16\xa5\x1aR\xd7\xadY?k\xe6\xac5\xeb\xd7\x1c:\xba\xdf\x1f\xf4\x81\x95\x01\x01\xc0\x8b\xf2\x02\x11\x00\x01B\x95\\vWVF\x8dV-Z\xf7\xeb\xd7\xb7U\x9b\x96V\x9b\x15*\xa1ev\xb6\x07u1\x03\xe0\xe4\xf3l\xf5\xca5\x9f|\xfc\xc9\xa2\xe5\x0bl\xa94\xbbIzN\xfdj\x195R\xedN{\\\xbc\x93\x0bA\xb0\xe9x\x81\x080\x83\x97\x15\x95\xfb\xca\xfd\x87\xf7\xe4\xed\xddt(\x7fgi\xaa\xb3\xda\xf0\xcbF\xdc4\xea\xa6\xf8\x04\x0f\xfc\xb1\xfa&gt;W\x9cs\xb3\xdeQ\xd5\xd0w_\x8d\x9f\xf8\xcdw[\x0f\x16\xdb3\x1bg6h\x9d\x96\xd3\xc0\x95\x90\xe2\x8eOR\xac6\xc1\x05\x96\xe4\x05\x11@(\t\xf9*\x02\xbe\x8a\xd2\xfcCy\xfb\xb6\xe6\xef\\\xcd\x8b\xf6vl\xd9\xe0\x96\x9bo\xea\xd5\xa7?\x00\x98\xc35\xe7]w\x9c8\r\xf6\xef=\xf0\xc9\xc7\x9f\xcc\x987]\xb3\xf8\xaa7L\xc9iT-\xabv\x86\xcdi\x8bO\x8e\xc3\xeb1,\x04\x88\xf2\xa2\x8a\xa0?th\xcf\xd1\x03[\x8f\x1c\xd9V\xa8\xa8\xce\xfe\xbd\x07\xddv\xc7\xe8\x9a\xb5j\xc0\x85]\x92\xe7\xe7\xe2\x05\xc0\x89*c\xcd\xea\xb5\x8f&gt;\xf2H^\xe0`\x9d\xf6\xd5\xdb\xf5i\x9eV=E\x96%]3tU\xe7\\0\x83\xe1\xc9\x16\x06\x02\x08!\x92"I\x12U,\x8a\xa4H~o`\xe7\xfa=+fn,\xdf\xa7\x8e\x18|\xf5#\xffy\xd8\xe1\xb0\x1b\x86qr\x97\xff,\x9d\xf8\xaeO&gt;x\xf7\xdd\x8f\xbf\x08\xb9s\xeau\xbe\xacN\xab\xae.O\x92\xe0\xcc\xd0B\x8c\x19\xcc0\x84\xe0\x95\xf0\x8b\xc5"J%*I\xb2b\x91\x15\xab\x00(+\xc8\xdd\xb6|\xce\xc15\xb3\xd3d\xef3O&gt;\xde\xa7\xff@8\xaf\xba\xe3D\x07\xe2\xc8\xe1\xdc\'\x1e{b\xe9\xc6_\xab7O\xea4\xa0Uv\xddjV\xbb\xd5\xd0\x0cM\xd5\x05\xe7\x86\x81\xdd\xb8\xb0\x91e\x89Pj\xb1*\xb2EV\x83\xea\xa1\xdd\xb9K\xa7\xaf9\xbc\xa1\xb8C\xd3\xae/\xbe\xfcB\xb5\xea\xd5.0\xce\xcf\xd5E\n\x00\xb3\xca\x08\x04\x02\xf7\xdd}\xff\x9c\xa5\xd3{\xdd\xd8\xbeC\x9f\x966\xbb-\xe0\x0b\xea\x9a\x01B\x10B\x8e\xdf \xbf\x08\x87\x13+~\x9f\xc4!\x04\x95\xa8\xcdn\xb5\xd8-\x87\xf7\xe6N\xff|a\xf1\xd6\xe0K\xcf\xbf&lt;l\xc4P\xf3\x048\xfb\x13\xce\xachV._z\xd7\xdd\xf7\x94(\x99\x9d\xae\xfeWv\x83\x96\\\xd7\xd5\xa0\x8f\x19:!\x04\xcc{\x0e\x113\xcf\xe1\x1fB\x08\x01\xc7\xe6V\xc9\xb2\xc5\xe6t3\xc6v\xae\xfee\xc5\xf7o\xb5\xab\x9d\xf4\xc1G\x9fdV\xabvNq~\xa2A\xf6\xdf\x17_\xf9\xf0\x8b\xf7Z\xf4\xaf\xd3\xf3\x8aN\x89)\xf1\x01_H\x0biB\x08 \x84\x100\xff\x87\xc2F\x1c\xff\x9f\x10\x84\x10\x8b\xcd\xe2p\xd9J\n\xcb\x16|\xbfl\xfd\xcc]\xb7\xdft\xf7cO&lt;\n\'\x95Ne\xbb\x18\x01`\x9e\x97\xeb\xd7n\xb8\xfe\xfa\x91\t\xcd\x94\xab\xef\x1blw\xd9}\xe5~\xc1\x05\xf9\xc3\xbdCT\xb9\x04\x17\x9c\x0b\xab]q\xb8\x1c[V\xed\x98\xf0\xe2OW\xf6\xbb\xfe\xadw\xde\x80\xb3;\xe1N4\x18\xdf~\xe3\xd5\x17\xfe\xf7i\xbb\xeb\x1eo\xde}\x88\xae\x06\xd5\x80\x8f\x10Jp\x12\xd7\xc5#\x04\xe7\x00`wy\x84\xe0\xbfM\xfa\xf8\xc8o\xe3?|\xe7\xcd\x01\x83/;\xcb\x0c0S\xbc\xb4\xa4t\xe4\xb57\xec\xa9\xd8x\xd3\x93#2s\xd2\xbc\xe5~Cg\xe6\xcc\x94\xca\xff\x15\x10\xc0\xb1Qq!\xcb\x92+\xde\x99w\xa0\xe0\x8b\x17&amp;\xd5r6\x9e\xf0\xf5\xf8\xc4\xa4\xc4\x8b3\x1cT\xe9\x01\xa0\xeb\xba\xa2(?|?\xf9\xf6\xfbn\x1d\xf1\xefK\xbb\x0cl[V\\\xc1\rN%\xac/\xaa\x86\x10\x823\xe1\xf28\x0c\x9d}\xfc\xd4W.o\xea\xac93\x1d\x0e\xc7\xdfg\xc0\x89\xda\xff\xfak\xae\x9c\xb3!w\xc4\x7f&gt;\xf6$\xa5\xfb\xca\x8a\x08\xa5\x84`QV\r\xc1\x19\x10\xe2NL\xdb\xb7q\xd9\xcfo\xdc\xf5\xd4\x03\xa3\x1ez\xe4\xb13f\x80\xf9\x82\x1d\xdbv\xf4\x1f\xd8\xbfa\xbf\xeaW\xdd3(\xe0\x0b\xa9AM\x92\xb1\x1c\xab\x0c3\xb8\xd5nq\xb8l\xdf\xbd?}\xcb\xcc\x833\xa6\xcdl\xd8\xa8\xc1\xf9\x8d\xd0\x9e\x93\xca\r\x00\xf3\x17\xf8\xee\xebI\xf7?~\xc7\x03\x1f\xdc\x94V=\xa5\xbc\xb8B\x92qrq\xd5\xe3\x8cS\x89&amp;\xa6z\xbe~\xe7\xa7\xe2U\xc6\xdcys\x9c.\xe7_e\xc0\x89\xda\xff\xda+\x87\xad*r^\xf5\xc8{Ao\x99\xae\x85\xa8\x14A\x0b\tc\x167t\xbb;^\xd7\xb5\xf1\x8f]\xf9\xef\x1b\x07&lt;\xfc\xd8S\x7fSq\x98\xed\xca\xad\x9b\xb7\xf5\x1f\xd2\xf7\xb2\x87\xba\xb6\xef\xdd\xaa8\xaf\x94`\xab?\x02\x08!\x04\x17Ii\t+\x16\xac\x9b\xfa\xda\xaf3\xa6\xcej\xdc\xb4Qe\xf7\x03*1\x00\xccC\xff\xe1\xfb)\xf7&lt;2\xfa\xa1OFy\x12\xe3\xfc\xde\x00\xd6\xfe\x91C\x08\xe0\x8c\xa5d&amp;}\xfb\xde\xcf\xc5\xab\x8d\xd9\xb3g\xd9\xec\xb6?\xcfE;1=|\xe45W\xae(\xb0]\xfd\xe8\xfb\x15Ey@\x00\x1b\xfe\x91\x833\xa6X\xacTV\xbe|d\xd8\xa3\xb7\x0c\xfe\xbfG\x1e?m\x06\x98\x01\xbf}\xdb\x8e~\x83\xfa\\\xfep\xf7V]\x9b\x94\x14\x94\xcb\n^\x92\x11\xc4\xd0Yb\xaag\xdd\xe2-S^\xf9e\xe6\xcfs\x1a6jP\xa9\xf7\x03*+\x00\xcc\x83\xde\xb4as\xf7K;?2ntRjB\xc0\x17\xc4a\x9f\x08\xc4t\x96\x96\x95\xf2\xd13\xe3\x13\xcbkL\xfe\xe9\x87?W\x1c\xe6W\x1e\x7f\xe4\xff&gt;\x9b\xb3\xf9\xf6\xd7\xa7\x94\xe6\x1f\xa6\x94\xe2=\xdeH#8\x97\x14E\x92\x95\x0f\xee\xe8\xf6\xf5\x87\xaf\x0c\x19:\xe2\x94\xc6\xa39\t;\x14\n\xb5j\xd9\xaa\xfb\xed\xcd\xba\x0el_\x9cW\x8a\xb5\x7f\x042t\x96\x94\x9e\xb0d\xe6\xca\x05\x1f\xac_\xb7n\x9d\xdda\xaf\xbcyA\x95R#\x9b#\x06~\xbf\xff\xeak\xae\xbe\xe2\xd1~i\xd5S\xfc\xde\x00\xd6\xfe\x91IR\xa4\x82#E\xb7\xfc\xe7\xea\xf5G\x96\xbd\xf5\xfa\xdb\xb2,\x9b\xabLMf\xdb\x7f\xd6\xf4\x9f\xde\x1d7u\xe4\x93c*\x8a\xf2\x08\xd6\xfe\x11\x89Pj\xe8\x1a!\xe4\x8a\xc7?\x1f}\xf7\x03\x87\x0e\xee\xa7\x94\x9a\x8b.Mf\x1e\x8c\xbaitf\xbb\xb8\xee\x83;`\xed\x1f\xb1dE*\xce+\xed:\xb0}\xf5\x8e\x9e\x9bo\x1cuJ9\x86W\xa5T\xca\xe6j\xaf\xfb\xef~\xc0\xd3X\xea6\xa8\x1d\x8e\xfbG8B\x89\xdf\x1b\xb8\xf7\xf5\x9b^x\xe3\xe9\x8d\x1b6QJ\xcd\x0c0g\xaa\x15\x15\x16\x8c\xba\xe3\x9e\xc1\x0f}@%\x85s\x03\x07\x8b#\x16\xa5R\xc8\xe7\xad^\xafE\xbd\x01\xf7\xdc0\xf2:rR\xff\xde\x0c\xf2/\xc6|\xb9x\xdb\xdc\x1b\x1f\x1dQ\x9c_\x86\xb5\x7f$\x93\x15\xa98\xbf\xec\xc6GF,\xdb\xb1\xe0\xb3O&gt;\x97$\xe9\xe4fY\x18\x85?\x00\xcc\xc1\x9f\r\xeb6\xfe\xfc\xcb\xe4\xeb\xffohia9\xd6\xfe\x11\x8e\x10\xa2\x85\xf4\xa4\xf4\x84^7\xb4{\xf4\xe1GOT\xf1\xe6\xf2\xf4\x97_x\xce\xdd\xb0W\xed\xe6\x9d\x82\xbe2B\xb1(#\x1a\x95\xe5\x8a\xe2\xfcn#n\xdf\x94\xa7M\xfe\xfek\xb3\xe20\x83\xdc\xe7\xf3\xbf\xf0\xca\xf37\xfcg\x98\xae\xe9\x98\xe1\x91\x8f\x00h!\xfd\xc6\xc7\x87\xbd\xf4\xea\x0b&gt;\xaf\xaf\x92vH\xab\x94\x1e\x00!\xe4_\x0f\xfe\xab\xef\xa8\xcev\x97\x9d3\\\x0e\x1a\x05$\x99\x96\x15\x96\xf7\x1f\xd9sK\xee\xda\x9f\x7f\x9c&amp;I\x92\xa6i\x92$m\xdf\xbay\xec\x0f\xb3\xfa\xde\xf2DEI\x81$+g~#T\xd5\x08%\xba\x1a\xbc\xf4\xd6\xe7\x1e{\xea9U\rQJ\r\xc3\xa0\x94\xbe\xf8\xdcK\xa9M\x1c\x8d\xda\xd4\x0bx\x83\'\xef\x0f\x88"\x13\xa1$\xe0\x0b6hU7\xad\xb9\xeb\x85g_&lt;\xd1/\x0f\xaf0\x07\x80\xd9\xfc_\xb7z\xfd\xfe\xd2\x9d]\x06\xb6\xf5\x96\xf9p\xe8?j\x10\x00\x80^\xd7u\xf8\xf8\xd3\x8f\x8f}\x81\x90O&gt;\xfa0\xa7\xd30wB27\xf4\xaa&lt;6t\xd6\x08\xa1!\xbf\xafV\xb3\x8e\x01w\xcd\x9f&amp;O2wu\xf6U\xf8~\x9a5e\xc0\x8d\x97\xf8\xca\xfdxIF\x0b*Q_\xb9\x7f\xc0\x8d\x97\xfc4\xe7Go\xb9W\x92\xa4\xb0w\x02\xc2\x1f\x00\x00\xf0\xee;\xef6\xecZ\xc3f\xb7\xe1\xbe\x9eQ\x84R\xea\xaf\x08\xb4\xbd\xa4\xf9\xc6=k6\xae\xdfl\xb1XJ\x8a\x8b&amp;\xcf\\\xd0\xea\xd2+\x83\xbe2\x8a[\xc3G\x0fB\x087\xb4&amp;=\xaf\xfc\xe0\xa3O\xcc6\xd9\xb7_\x7fG\x12\xd5\x9c\xfaYZH\xc3\xbb8\xd1\x82\x10\xa2\x85\xb4\x9c\xba\xd5\xa5d\xfd\x9b\xaf\xbe#\x84\x84\xbd\x13\x10\xce\x00\x10B\xc8\xb2\\^V\xfe\xeb\x8a_:\xf7o\x833\x7f\xa2\x0eg\xdc\xe5q\xd6n[\xed\x8b\xcf&gt;\x07\x80\xc9\xdf\x7f\xc3\xe3k\xa6f\xd7\xd5\xd5\x10n\xd2\x14E\x08\xa5A\xbf\xb7A\xbb\x9e[\x0f\x95n\xd9\xb4\x01\x00\xc6\x7f5\xbe\xe3\xc0\x96\x86\xce\xb0\xf6\x8f.\x84\x10]3:\rl\xf9\xd57\x13\xe0\xf8.\xfaa\x14\xce\xb73\x9b\xffK~[jM%\xe9\xd9\xa9\xba\x8a\x83\x06Q\x86P\x12\nh\xad/i\xb2|\xcd2\x10b\xfe\xc2E\xb5\xdb\xf6\x11\x0cg\xfeD\x1f\xce\x0c\x87\xcb\x13_\xab\xd5o\xbf.\x0c\x06\xd4C\x85{\x1b\xb5\xad\x1b\xf4\xe1\xe8\x7f\x94!\x94\x04\xfd\xa1\x86\xad\xeb\xe6\x96\x1e&lt;r8\x97R\x1a\xdeQ\xa00\xf7\x00\x00`\xd6\xec\xd95\x9aU\x93\xb0\xed\x1f\x85\x08!jP\xad\xd90\xab8\x90\xbfe\xd3\x96\xed{\x8f\xd4h\xdaA\x0b\xfa\x01\x17\xfdF\x1bB\x08\xd3\xb5\xec\xa6]\x96\xaf\\\xbd\xe8\x97E\xf6\x14))5\x81\xe1\xc6\xceQ\x88\x19,15\xde\x96*-\xfa\xe5W8\xde\xce\x0e\x97p^\xd8\xe6\x82\x85-\xdb6\xd7jT]W\r\\.\x14\x8d8\xe3v\x97=)\xcb\xf3\xcd\xc4\xaf\x98%\xce\x93\x9c\xa1\xeb8j\x1c\x85\x08\xd5\xb5`z\xcd\x06\x07\xf3\x8a\xa7O\xfb)\xa7qVU\x1f\x10\xba \xd5\xea\xa6\xad^\xbd\n\x8e\xb7\xb3\xc3%l\x01`n\x16f\xe8,\xbf87-+E\xd7t\xac5\xa2\x14!$\xa3f\xea\xe4\xef\xbf\xb3\xc4\xa7Y\xedN|\xacc4"\x84\x18\xba\x1e\x9f\x9aY\xecU\x17,\x98S\xa3~u]\xc36Yt"\xc4\xd0Yf\xcd\x94]{v\xc1\xb9&lt;\xba\xe3l\x843\x00\x00\xe0hnn@\xf59\xdd\x8e\xca[\xbb\x8c*\x9b\xe0&lt;.\xc9u\xb4\xa8\xd0\xeaL\xc0\n#z\t\xc1-\x16\xab.\xe4\xbc\x82\x02OR\x1c\xc3\x159Q\x8b3\xeeI\x8c\xcb\xcb?j.\xe9\x08c\' \xccc\xbb\xf9y\x05\xd4\x06\xee\x04\x17c\x1c[\x1bQ\x89\x10f\xf0\xf4\x9c\x94RoE\\zM\xf3KU|H\xe8\xbc\x08\xce\xadv\x87\xecL)+/O\xad\x9elhx3?*\x11B\x0c\xcdH\xc9L\xf2\x85\xca55\xcc#+a\x0e\x00Y\x96\t\x10\x9c\xfe\x1f\xed\xb8\xc1\t\x10\xc1\x8d\xaa&gt;\x10tA\xcc\xc7\x81J\x12\xe1\x06\xc7\x1c\x8fb\x048\xe3\x12\x95\xc3\x1e\xe1a\x0e\x80\x8b\xf6\x88yT\xb9\x08\x08\x10\xd8\xf6\xffg\x10B`IF\xbdc\x97d\x98\xe1\xf4&gt;\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b9\xaa\x0f :p.@\x08 @\x08!\x84\x00\x80\x10B\x08\x01\x02\x80\x10JIU\x1f :\x95\xe0\x1c@\x84\xe5\xad\x08\x95\xc2\xf2&gt;(\x8c\x04\x17B\x08\x00 \xf4\xd8%\t\x02\xb8\x10p\xca\x17\xd1\xdf\xc2\x008\x03\xce8\x95\xa8\xddi\x95\x14\x893n\xe8\xcc\xd0\r\x00P\x14Y\xb6\xc8T\xa2\xcc`ZPc\x06\xa7\x12v\xa7"\x88\xc5\xe1\xa64\x0c%"\x84\xd0B~\xb3ZA\x91\x80sA\x00,vE\xb1\xc8B\x80\xa1\x1b\x86\xc6\x84\x10\x92"Y-\x92$I\x9cs-\xa4\x1b\x9a\x811pF\x18\x00\x7f\xc9l_8=\x0e5\xa0\xee\\\xb3o\xd7\xfa\x03Gv\xe7\x97\x15z\xd5\x80\x06\x00V\xbb\xc5\x93\xec\xca\xa8\x95Z\xa7yv\xad\xa6Y\xaexG\xc0\x1b\x12\\\x10\xec\rD\x02B\xf6\xaf_\xa8\x05|@\xc8\x05\xd6\xdd\x92b\xa9\xde\xa8\xbd$+\x023 \x02p\xc6\xed.\x9b\x10\xe2\xd0\xce\xbc]k\xf7\x1f\xdaq\xb48\xb7,\xe8\x0fq.,V\xc5\x15\xefH\xcbI\xae\xd5,\xabN\x8b\xec\xc44O(\xa0\x19\xba\x11\x96v\xc0?\x15\x06\xc0\xe9q.\x14E\xa22]2u\xcd/\xdf\xae\xd8\xbf\xf5\xc8_\xbcp\x0b\x00T\xab\x93\xd6uh\x9b\xae\xc3\xdaP\x85h\xaa\x81#BU\x8e\x102\xef\xe3\xc7\xca\x8e\xee\xbb\xf0\xb7\x92-\xf6Q\x1f.q\xc4%\x08\xc3\x00lNV\x1d!\x04!\xc4\xe9qlY\xb6k\xee\x84\xa5;V\xef\xd5U\xe34\xaf\xfbm\x07\x00$\xa4y\xda\xf5k\xd6\xfb\xbaN\x9edW\xd0\x1b\xc2\xde\xf9_\xc1\x008\r\xc1\x85\xc5*\x07\xbc\xa1q\xcf\xfd\xb8\xe1\xd7\xed\xe6\x17\x93\xab%\xd4hT-5+\xc9\xee\xb6\x01@\xd0\x17*:Rzh\xc7\xd1\xa3\xfb\n\x8f\xec\xce\xff\xe6\xb5\xe9k\xe7o\xb9\xe5\xb9\xe1\xf1iqjP\xc7\x0c\xa8r\xb2\xc5\x06\x00\xe7\xdf\x03 D\x92d\xce\xb9\xcd\xe5\x91d\x05\x87\x80\xaa\x96\x10@)\x91\x15\xf9\xbb7f\xcc\x99\xb0\xc4\xbc\xb9\xe3Jp\xd6l\\-\xa3f\x8a+\xc1I)Q\x83zi~\xf9\xe1\x9dy\x07\xb7\xe7\x96\xe6\x97\xcf\x1e\xfb\xdb\x9ay\x9bozzh\xfd\xb6\xb5\x02\x15A\xcc\x80\xd3\xc2\x008\x95\x10BRh(\xa0\xbds\xef\xb8\x03\xdbr\x01\xa0Z\x9d\xb4\xfe\xb7to\xdc\xb1\x8e+\xde!I\xd4\xac\t\x08\x00\xe7&lt;P\x11\xda\xbd\xfe\xc0\xcc/~\xdd\xb5\xee\xc0\xce\xb5\xfb\xffw\xf7\xd8\x87&gt;\x1d\xe5\x88\xb3\x19:\xc3\xc1\xc7*$8\x1fp\xff;\x86\x16&lt;\x8f\x00\x10B\xc8\x8a\xb5\xbc\xf0\xf0\x8c\xff\xdd#\x0c\xbdF\x8bn\xae\x84\xd4\x90\xb7\x8cHx+\xb8\n\t\x8b\xcd\xfa\xc53\x93\x97\xfd\xbc\x0e\x00\xe2\x12]}o\xea\xd2\xa6w\xd3\x84\xb48I9V.\x04\x80\x0b\xa1\x05\xb4\xc3\xbb\xf2\xe7}\xb5t\xe5\xac\x8dEGJ\xdf\xb9o\xfc\x03\x1f\xdcT\xbbyv\xc8\xafb\xb3\xec\xcf0\x00N%\x04Xl\x96/\x9f\x99b\xd6\xfem.mr\xe3\xd3C\xed.[\xc8\xaf\x06*\x82\xa7\xbc\x98J\xb4i\xd7\xfa\x8d;\xd6\x9d\xf8\xdf\x9f\x7f\xfdaU\xde\x81\xa2\x89\xff\xfd\xf9\xae\xd7\xaf14\x06x\xb2U\xa9\x94\x1a\r\xcf/\x839c\x0eO\xd2\xa2\xb1\xcf\x1bj\x88Jr\xb3\xbe#9c8\xf8S\x858\xe3\xcex\xc7\xdc\xf1K\xcc\xda?\xab~\xc6\x1d\xaf^\x9dQ+%\xe8S\x83~\xf5\x94\x80\'\x94d7\xcc\xbc\xe3\xb5k\xea4\xcf\xfe\xe6\xf5\x19ZH\xff\xe2\xa9\x1f\x1e\x9fp\x87\xac\xc8\x9c\x0b,\xc6S`\x00\xfc\x01\xe7\xc2\xee\xb4l_\xb5w\xd5\xecM\x84\x90Z\xcd\xb2n}\xe9\nfp_Y@\x92\xe9i{\x91\x81\x8a\xa0$\xd3\xeb\x1f\x1f\x92\xbf\xbfh\xe7\xda\xfd\xeb\x16l\xdd\xb1f\x7f\xbdV9A\xbf\x86-\x8e*\xa4\xab\x81\xf3\x9a\x05*\x08\x95J\x8e\xecY7\xe3K\x00\x92\xd5\xa4Sf\xbd6Z\xd0G\xf0Fb\x15\x11B\xc8\x16\xb94\xbfb\xc6g\x8b\x08%\xaex\xc7\x9d\xaf]\x93R=\xb1\xbc\xc8\'\xc9\x94R\x02\x7fjj\xa9A-\xe4\x0f\xf5\xbd\xa9k\xe1\x91\xd2\xb9\x13\x96\x14\x1e.Y2um\xbf\x9b\xbb\xf9J\xfd\x04\x07\x82\xfe\x08?\x8e?\x12BR\xe4\xd5s6\x9b\x7f\x1b|\xfb%\x92,\xe9\xaa!\xc9\x7f\xf9AQ\x89\x1a\x06\x07B\xfa\xde\xd4\xd5\x9cx\xbe\xee\x97\xad\xb2"\xe3\xa8q\xd5"\x84\x12z\xce\xff\t\x016\x97g\xe7\xb2\xe9\xbe\x92&lt;\x00\xd1\xac\xefH*I"L\xeb\t\xd0y\x10\\X\xed\x96-KwyK\xfd\x82\x8b\x9eWw\xc8\xa8\x95\xe2+\x0f\xc8\x8a\xf4W=&lt;J\t\xa5\xd4_\x16\xe8}mG\xa7\xc7N\x08Y\xbb`\xab\x1e\xd2qT\xf6\xcf0\x00\xfe\x80P\xa2\x05\xb5\x83\xdbr\x01 \xa9Z|\xcd\xc6\xd5C~\xf5oj\x7f\x13\xa5T\x0bj\xd9\r2&lt;\xc9n\x008\xbc3OW\r\x9c\x0f\x1a\x8d\xa8D\xb5\x80o\xe3\x9c\x89\x84\x90\xa4\xacz\xb5Z\xf5T\x03^\x8a\x0b\xc1\xaa\x14\xa1d\xdf\x96\xc3@@\x92i\x93N\xf5\xd4\xa0&amp;\x9d\xa9!O(\xd1u\x16\x9f\xe6\xc9iXM\x08Qx\xa8\xa4\xa2\xc4\')\x12\xce\xe5=\x05\x06\xc0I\x04PJC\x01\xcd_\x11\x00\x80\xe4\xf4\x04\xab\xc3"\xf8\x99\xcf\x18B\xcc\xb1#k\\\x92\x1b\x00|e\x01M\xc3\xe6F\xf4\xe1\x9cY\xec\xee}\xeb\x16\x16\xec\xdb,\x84h\xda\xfb\x1a\x9b\xcb\xc3\x19\xab\xea\xe3\x8am\x84p\xc6+\x8a| \xc0\xe9qx\x92]\xcc\xe0gu\x83M\x08Y\xa6\x89\xe9\x1e\x00\x08\x05\xd4\x807t\xc6\xd8\x88Ax\x0f\xe0\x8f\x88\xb9\xc9\x03\x00\x00U\xe8\xd9W\xe2B\x00!\x04[\xfdQ\x8d\x00\x01!6\xcc\x1a\x07\x848\xe2\x92\x1at\xb9L\x0b\xfaq\x19Q\x95\x13Bp.\x00@\x92(\xa1\x14\x04\xfcy\xdc\xff\xaf\xe0%\xf9\xf7\xf0\xe4&gt;\t\x01\xc1\x85\xc5\xa6X\x1d\x16\x00\xf0\x96\xf8\r\xedl\xd7\xfeP\x89\xa8A\xcdW\xea\x07\x00\xa7\xc7\xa1Xp\xe1h\x94\x11\x9c+vg\xee\x8e5\x076\xfe\x06B4\xe8r\x99\'-\xdb\xd0B8\xff\xa7\x8a\t!I\xd4\xe9\xb1\x03@\xc0\x1b\n\xf9BT"g\xb5\xcb\x13\x01\xc6xy\x91\x17\x00l\x0e\xab\xc3ec\x8cW\xf6\xc1F\x1d\x0c\x80?\xe0\x8c[\x1d\xd6\x8c\x1a)\x84\x90\xfc\x03EE\xb9\xa5\x8aU&gt;\xe3(\x10g\xdcbU\x8e\xec)(\xcd/\x07\x80\x9c\x86\x99g\xf3](\xa2\x08!d\xd9\xb2q\xeeD\xce\x0cY\xb16\xe9}\xb5\xa1\x85p\xf2OD \xa4z\x9d4\x00P\x83\xda\xfem\xb9\x8aU\xe1g\xbc\xb8\x84\x90d\xc9[\xe2?\xb05\x97\x10\x92V#\xd9\x93\xe2f\xb8:\xe7O\xf0\xfc&gt;\x95\x00h\xd1\xa3\xa1\x10B\x0b\xe9\x0b\xbe]awZ\xf9\xdf7\x1c\x04\x00\x80\xa4H\xf3\xbfZ*\x04P\x89\xb6\xed\xd3\xd4P\r&lt;\xd5\xa2\x88\x10B\xb1\xda\x8a\x8f\xec\xde\xb9t:\x00\xd4huIZ\xad\xa6z\xc8O\x08^ U\x8cP\xa2\x85\xf4\xc6\x9d\xea*\x16\x99P\xb2\xe0\x9beLg\x12\xa5\x7f\xdf\xc36\x0c\xee\xf28\x16\xff\xb8\xa6\xbc\xc8+\x84h\xdf\xaf\x19\xde\x01&gt;-&lt;\xbf\xff\x80J4\xe4\x0b\xb5\xe8\xd9\xb0F\xe3\xea\x00\xf0\xdb\x0f\xab\x7f\x9d\xbc:&gt;-\x8e3~\xda\x16=\xe7\x82\x0b\xeeI\x89\x9b\xf5\xe5o\xeb\x17n\x13Bt\x1b\xd6\xa6V\xb3\xacP@\xc5\xc1\xc7("8Sl\xce-\x0b\xbeS\x03\x15\x00\xa4y\x9f\x91\x00\xe2\xec\x07\x9aQ\xe5!\x84hA\xadz\xdd\xb4\xce\x97\xb7\x16\\\xec\xdbt\xf8\xfb\xff\xcdr%8\x08!\xa7m\x99\t!\x98\xc1\xe2\x93\xdd\x1b\x17\xef\x98\xf1\xf9"\x00\xa8\xd9\xa4z\xc7\xc1-qG\xa0\xd3\xc2O\xe4T\x82\x0bI\xa27&lt;u\xb9\xdde\xe3\x9c\x8f\x7f\xfe\xc7\xb9\xe3\x97:=\x0e\x8b]99\x06\x84\x10\x8cq\xab]q\xb8\xed?\x7f4\x7f\xd2\xfff\t\x01u[\xe6\x8cx\xa0o\xc8\xaf\xe2\xd0AT\x11\x92l\xf1\x97\xe6o\xfe\xe5;BHz\x9df9\xcd\xbb\xaa\x01\\\xfc\x15)\x08\xa5A\xbf:\xf4\x9e\xdeY\xf52\x00`\xde\xc4\xa5\xe3^\x98*I\x92\xc3m\xe7\\p~,\x06\xccKR\x92\xa5\xb8$\xf7\xeay\x9b?~\xf8\x1b5\xa0y\x92\xdd\xb7&lt;?\\\x92(\x0e\xc9\x9e\x16\x9e\xe2\xa7"\x94\xa8\x01-\xab^\xfa]o\\\xeb\xf4\xd8u\xcd\x98\xf8\xf2O\x1f\xfe\xdfW\xb9{\n\\\xf1\x0esb(g\\\xb1*\xee\x04g\xee\xde\x82\xf7\x1f\x9c\xf8\xc3;s\x04\x17M:\xd5\xbd\xeb\xcd\xeb\xa8D9\xe38\xfc\x13E8\xe3\x16\x87{\xe7\xd2\xe9\xde\xc2#B\x88\xa6\x97^\xa7X\x1d\x82\xe3\r\xc3HA\x08p\x83[l\x96\xbb\xffw]V\xbdt\x00\xf8\xe5\x9b\xe5\xaf\x8d\x1e\xb3y\xe9N\xbb\xd3\xe2p\xd9\x01\xc0\xac\xfa\xdd\t\xce@Ep\xe2K?\xbd\xff\xaf\x89\xfe\xf2`ZN\xf2\xfd\xef\xdd\x90\x96\x9d\xac\x065\xec\x91\x9f\x16N\x03=\r*\xd1@E\xb0A\xdbZ\xff\x1es\xebW\xff\xfdy\xe7\x9a\xfdk\xe6o\xd9\xb8xG\xdb\xbe\xcd\xba\rkS\xb3IuI\xa6\x87v\xe6-\x9a\xb4j\xf1\x94\xd5\x86\xce,6\xa5\xdfM]\xfb\xdf\xdcMpah\x0cO\xb5\xe8B)\xd5C\xfe\rs\xc6\x13B\\I\x19\xf5:\x0eT\x83^\x1c.\x88(\x84\x12-\xa4\xc5\'\xbb\xff\xf5\xf1\xcd\xdf\xbf9k\xe9\xcf\xeb\xf6m&gt;\xfc\xf6=\xe3\x9at\xae\xdb\xe3\x8a\xf6\r\xda\xd6r\'8\x8b\x8e\x94\xce\x9b\xb8t\xc1\xb7\xcb\xcb\x0b\xbd\x00\xd0qp\xcb\xe1\xf7\xf7q\xc7;\x83&gt;\x1c\xfc\xf9K\x18\x00\xa7G%\x1a\xf0\x06\xd3k$?\xf8\xc1M\x8b&amp;\xad\x9a=\xf6\xb7\xd2\x82\x8a\xa5?\xad]\xfa\xd3\xda\xc6\x1d\xeb\xd8\xdd\xf6\xf5\x0b\xb7\x19\x9a!\xc9R\xeb\xde\x8d\xfb\xdf\xdc\xadf\xd3\xac@EP\x08| L\x94\x11\x9cY\x9d\x9e\xdd+g\xe7\xef\xd9\x04\x00\x8d{\\\xe1JL\x0b\x94\x17Q\t/\x8d\xc8B)UC\xba\xc5\xaa\xdc\xf2\xdc\xf0\x96\x974\xfc\xf9\x93_\x0en?\xbay\xc9\xae\xcdKve7\xcc\xcc\xaa\x97\xbe\xf1\xd7\x1d\xdeR?\x00\xd4i\x91\xd3\xef\xa6\xae-\xba7PCz(\xa0b\xed\xff7\xf0,\xffKT\xa2j@\x13\x02\x06\x8c\xea\xdemx\xdb\xef\xdf\x9a\xb9d\xeaZCg[\x96\xed\x06\x00Ji|J\xdc5\x8f\x0c\xecry\x9b\x90?T^\xe4\xfd\x9b\xcdIP\x04#\x00b\xc3\xacq\x00\xa0\xd8\x9c\x8d/\xb9B\x0f\x05\xf0!\xc0\x91\x89R\xc2\x18\xf7\x96\xfa[_\xda\xb4M\x9ffs\xc6\xfd6\xf5\xc3\xf9jH?\xb8-\xd7\xdc\xbe\xc5j\xb7\x0c\x18\xd5}\xc8\x1d=%\x89\x16\xe7\x95SJ\xb0\xf6\xff{\x18\x00\x7f\x893.[d\xab\xdd\xb2m\xe5\x9e\xa5?\xad\xdd\xbcd\x97\x16\xd2\x01\xc0\x93\xec./\xf2r\xce\xcb\n+\xbe{c\xe6\xd6\xe5\xbb\xbb\x8fh\x9f\xd30#\xe4W\r\x9d\xe1\t\x17E\x04\xe7\x8a\xcdqt\xe7\xba\x03\x1b~\x05\x80\xba\xed\xfb%e\xd7\x0bV\x94R\xdc\xfa?"\x99\x8f\\\x8dKr\xe5\xed+\\\xf2\xd3\xda\xf5\x8b\xb6\x05\xbc!\x00p\xc5;\xd4\xa0\xae\xab\xba\x1a\xd4\xe6NX\xb2\x7f\xeb\x91\x1e#\xda5\xeaP\xc70\x98\x16\xd4\xf0\x92\xfc\x1b\x18\x00\xa7\xc7\x19w\xb8\xedeE^\xb3\xe1o&gt;|\xaeq\xa7\xba].k]\xafu\x8d#\xbb\xf3W\xcd\xd9\xb4v\xfe\xd6\xe2\xa3e\x8b&amp;\xadZ1sc\xb7am\xfa\xdd\xdc\xcd|20n9\x12-\xccg\xbfl\x9c3\x91\x19:\xa1\xb4Y\x9f\xeb8\xc3\x05\x1c\x11\x8a3n\xb5[8\xe33&gt;\xffu\xde\xc4%\xe5E&gt;\x00\xc8\xaa\x9f\xd1uh\x9b\xe6\xdd\x1b\xf8J\xfdk\xe6mY=ws\xc1\xa1\xe2u\x0b\xb6\xae\xffe[\xab^\x8d\x87\xdc\xd1\xb3z\xdd4_y\x107f\xff+\x18\x00\xa7\xc1\x19wy\x1c\x9b\x96\xec\x9c\xf0\xd2OEGJ\x01\xa0q\xc7:\xfdo\xeeV\xafuMJ\x89\x1a\xd4\x1a\xb4\xad\xd5\xb8c\x9d\x81\xb7\xf6X1c\xc3/\xdf\xad(+\xa8\x983~\xc9\x86_w\x8c|lp\xc3\xf6u\xfc\xe5\x01ltD&gt;!\x84l\xb5\x95\xe4\xee\xd9\xb1\xf4g \xa4z\xc3v\xd5\x1a\xb6\xd7p\xf6gD2\x9f\x05_p\xb0x\xecsSv\xad;\x00\x00\xd5\xeb\xa6\xf5\xbf\xb9[\x8bK\x1a\xd9\x1c\x96P@\xf3$\xb9j4\xa9\xde\xf7\xc6.\xeb\x17n\x9b\xff\xf5\xb2\x83\xdb\x8f\xae\x99\xb7y\xdb\x8a\xdd\xc3\xef\xeb\xdb\xfd\x8av\x01o\x10s\xfd\xb40\x00N\xc5\x19wz\x1c\xcbf\xac\xff\xfc\xc9\x1f8\xe3\x0e\xb7m\xc4\x03\xfd:_\xd6\x9a\x100\x1f?D)5\xff\xe0Np\x0e\xbe\xed\x92\x8e\x83[\xce\xf8l\xd1\xa2\xefW\xe6\x1f(z\xfb\xeeq7??\xbc}\xff\xe6\x98\x01\x91Opf\xb19\xb7,\x9c\xa4\xfa+\x00\xa0Y\xdf\xeb%Y\xd6\x84\xc0z"\xd2p\xcemN\xeb\xa1\x9dy\xef\xde7\xae\xac\xd0K\x08\xe9sC\xe7\x81\xb7\xf6p\xb8\xedA_\xc8W\x16 \x940\x83\xa9AM\x92\xa5\xce\x97\xb5n\xdd\xbb\xc9\xc2\xefWN\x1f\xf3K\xc0\x1b\x1a\xff\xe2\xd4\xa2\xdc\xd2\xe1\xf7\xf5\txC8A\xe3\xcf\xb0\x92\xfa\x03\xb3\xa1\xb1}\xd5^\xb3\xf6\xf7$\xbb\xef\x7f\xef\xc6K\xael\xaf\x06\xd4\xa0_=vO\x89\x80\xf9\x07f\xb0\x8a\x12\xbf3\xce~\xc3\x93\x97\x8fzq\x84\xd5n1\x0c\xf6\xd9\x13\x93\xb6\xad\xd8cw\xd9\xce\xb0\x81\x04\xaabB\x92-\x81\xb2\x82\xcd\xf3\xbf!\x84$d\xd6\xaa\xdd\xf6R5\xe0\xc3\xd8\x8e4B\x08\xc5"W\x14\xfb&gt;\xf8\xd7\xc4\xb2B\xaf$K7&gt;=\xf4\xea\x87\x07RB\xfc\xe5\x01\x00\xa0\x12%\x84\x10B\xa8D\x85\x10\xfe\xf2\x80\x10b\xe0\xa8\xee\xff\xfa\xe8\x96\xe4j\t\x000\xf3\x8b_g\x8d[\xec\xf4\xd8\xf1\x92\xfc3&lt;\xddO"@\x92\xa5\xa0?4\xfe\x85\xa9\x9cq\x8b]\xb9\xfd\x95\xab\xea\xb4\xcc.+\xf2\x9aO\x97:\xe5\xe5\x84\x10I\xa6\xcc`\x15\xc5\xde.\x97\xb5\xbe\xe5\xf9\xe1\x92L9\xe3c\x9f\xfb1\xe0\rJ\xb2\x84\x0f\x92\x8aX\xc7\x16\x7f-\x9bQQpX\x08\xd1\xb4\xd7\xd5vw"g:n\xff\x10i\x84\x00\xc5\xaa|\xfb\xc6\x8c\xe2\xa3e\x00p\xc5\x83}{\\\xd9\xae\xbc\xd0\xcb\x05\x9c6\xad\xcd/\x96\x17yk6\xaev\xff\xbb7z\x92\xdd\x84\x90)\xef\xce\xdd\xbb\xe9\xb0\xd5a\xc5\xf5\xc0\xa7\xc0\x00\xf8\x1d\xe7\xdc\xee\xb2.\xfby}\xfe\x81"\x00\xe8wc\xd7F\x1d\xeaT\x14\xfbe\xe5\xef\xe6\x84\x10B$Y*-\xa8h\xdf\xbfy\xafk:\x02@\xd1\x91\x92%S\xd7\xda]V\x8e\xabI#\x15\xa1\xd4P\x03\x1bf\x8f\x07Bl\xae\x84\x06\xdd\x86jA\x1f\xce\xfe\x8c4\x82\x0b\x9b\xc3\xb2{\xdd\x815s\xb7\x10B\x9av\xad\xdf{d\xe7\xf2B\xaf$K\x7f?\xa4/)\x92\xb7,P\xadn\xea\xd5\xff\x1e\x00 \x98\xc1f\x8d\xfdM\xc6\xfd\xe0\xfe\x04\x03\xe0w\x84\x12]ck\xe6m!\x84\xb8\x13\x9c]\x87\xb6\xf1W\x04%\xf9\xac*\x05I\xa6\x81\x8a`\xcfk::\xe3\x8e=\x83T\xc3\xa7BF*\xc1\xb9\xd5\xe1:\xb0\xe1\xb7\xbc\xdd\x1b@\x88\xfa\x9d\x07%d\xd40\xb4\x10\xde\'\x8c4\xe6\xf8\xcf\xda\x05[\xcd\x8a\xbb\xf7\xb5\x1d\xcf~\x18GV$o\xa9\xbfe\xcf\xc65\x9bd\x01\x81\xed+\xf6\x14\xe5\x96*V|P\xc7\x1f`\x00\x1c#\x84\x90d\xa9\xbc\xa8"\xef@\xa1\x10\xa2f\xd3\xea\xf1)nC7\xce\xb2N \x84\xe8\x9a\x91\x98\xee\xa9\xd94K\x08\x91\x7f\xb0\xb8\xa2\xd8\'\xcb\xd8\xe2\x88D\x02\x04\x00Y?k,\x00PYiz\xe9\xb5\x86\xa6\xe2\xce\xcf\x11\x88P\xa2\xa9\xc6\x81\xadG\x00 1\xdd\x93\xdd C\x0b\xea\xe7\xf0\x8c6\x01\x8aUn\xdc\xa9.\x08\xf0W\x04\xf3\xf6\x15\xca\x16\t\xaf\xc8\x93\xe1I\x7f\x9c\x00I\xa6\xbe\xd2@\xd0\x1b\x02\x80\xd4\xac\xa4\xf3\x18\xc4\x97$\x9a\x9a\x95\x08\x00\xaa_\xc5\x89@\x91I\x08n\xb19\xf3v\xaf\xdf\xbfn!\x00\xe44\xef\x9a^\xb7\xa5\x1e\xf2\xe3\xec\xcf\x08D)\xd5\x82Zy\xb1\x0f\x00\x12\xd3\xe3\x8f\xcd\xad8\x97~\x9a\xe0"\xa5z\xa2\xf9\xe7\xf2b\x1f\xa5\x140\x01N\x82\'\xfd\xef\x08!\x86\xce\x98\xc1\x00\xc0j\xb7\x9c\xdf{\x987\x0c\x84\x10\xc7\xceT&lt;\xd9"\x8c\xe0\\\xb6\x1c[\xfc\x05\x00\xcd\xfb^\x8f\xe3&gt;\x11J\x00\x000\xc6\r\xcd\x00\x00\x8bM9\x9f\xe73\x0bq\xe2\x1e\x1e7\xf0\x9e\xdc\xa90\x00\x8e# \x84\x90-\x929\xe8\xaf\x06\xd4\xf3z\x17\xe1/\x0f\x02\x80\xac\xc8\xc7\xa6\x1c`\xed\x12I\x84\x10\xb2\xc5^\x9a\xbbo\xc7\x92\x9f\t!)5\x1a\xd5l\xd1\x03o\xffF(\x02\x00 \xc9T\xb6\xc8\x00\xa0\x06\xb5sm\xfe\x03\x00P\x12\xa8\x08\x9a\x7f\xb4\xbb\xac\xd8";\x05\x06\xc0\xef\x98\xc1\xdd\tNG\x9c\x1d\x00\x8e\xee+2tvNg\x1b!D\x0b\xe9\xb9{\x0b\x00\xc0\x9d\xe4t\'8\x99\xc1\t&amp;@$\x11\x9cY\xec\xce\xad\x0b\'\x85|eB\x88f}\xaeS\xec.\xceXU\x1f\x17:=\xce\xb9\xd5n\x89Oq\x03@Qn\xa9\xbf"(QzNC8\x84\x90#\xbb\xf3\x01@\x92iRf\x82\xa1s\xbc\xd5\x7f2\x0c\x80c\x08!Lg\x9edwf\xadTB\xc8\xdeM\x87\x8a\x8e\x94*\x96\xb3\x9d3\xc09\xb7\xd8-G\xf6\x14\x1c\xda\x99\x07\x04j4\xaa\xe6\x8aw0\xe3\xdc"\x04U6IV\x02\xe5E\x9b\xe6\x7fC\x08q&amp;\xa4\xd6\xef4X\x0b\xe2\xe2\xaf\xc8%\xb8P,r\xcd&amp;\xd5\x01\xa0\xac\xa0b\xcf\xc6\x83V\x87\xe5l\x9f\xd5#\x80J\xd4_\x1e\xd8\xbct\x17!$\xa5zbZN\xb2\xae\xea87\xefdx\xea\xffN\x08!+R\x9bK\x9b\x08!\x82\xbe\xd0\x9c\xf1K\x1cn\x1bg\xfc\x8c\xbdF!\x04\x08\xb0\xd8\xe4\x19\x9f-24\x03\x04t\x18\xd0\x1c\xc7\x7f"\r\xe7\xcc\xe2p\xefZ&gt;\xb3&lt;\xff\xa0\x10\xa2Q\xf7\xe1\xee\xe4L\xa6k\xb8\xf8+b\x11Bt\xd5h\xd5\xab\xb1\xb9\xdcw\xd6\x97\xbf\x19\x8cSzV\xcfw4\x0c\x16\x97\xe8Z\xf4\xfd\xca\xc2\xc3%B\x886}\x9a\xe2b\xe0?\xc3\x00\xf8\x1d\x95h\xc0\x17j?\xa0yz\xcd\x14\x00\xf8\xf5\x87\x95\xbf|\xb7"!\xd5#@0\xc6\xff\xdc\x15\x10\x02\x04\x17\xcc\xe0\x92$\xc5%\xb9\xa7~8\x7f\xed\xfc-\x00\xd0\xb4K\xbd\xa6]\xea\x07}\xa1\xf3\xb9g\x85*\r!\xd4\xd0B\x1bf\x8d\x03B\x14\xab\xbdI\xaf\xabt5\x80\x93\x7f"\x19\xa1$\x14Tk5\xcdj\xdb\xa7\xa9\x10b\xef\xc6C\xdf\xbd6\xc3\xe9\xb1K\x8a\xc4\x0c.\xb88\xb5q&amp;\x8e=\x19X\x08HH\x8d[5g\xd3\xcf\x9f\xfc\x02\x00\x89\xe9\x9eK\xael\x1f\xf2\xe1v@\xa7\xc2\xb3\xff\x0f\xcc\x1d nx\xf2rY\x918\x17\x13^\x98:\xe5\xfd\xb9\x92,\xb9\xe3\x9d\x16\xabB\x08\x11B\x08.\x04\x17B\x80$\x11\xab\xc3\x12\x97\xe8\x0c\x05B_&lt;\xfd\xc3\xd4\x0f\xe6\x03@b\x86g\xe4cC\xce\xf5\xfe\x01\xaal\xe6\xe2\xaf\x83\x1b\x17\x1f\xdd\xb5\x0e\x84\xa8\xd5\xa6wJNC]\xc5M"#\x1d!D\rjW\xfc\xab\x9f9\x9bs\xc1\xb7\xcb?}\xec\xbb\xa0O\x8dKtZ\xed\x16"\x9d|I\nB\x89\xc5\xaa\xb8\xe3\x9d\x92L\xa7}\xba\xf0\x93G\xbf\xd5B\xba$\xd3\x9b\x9e\x19\x16\x97\xe84\x0c\x86\xc5}\n\xdc\r\xf4\x0f(\xa5!\x9fZ\xafe\xce\xed\xaf\\5\xe6\x89Ij@\xfb\xf1\xfdy\xeb\x16l\xed4\xa4e\xbdV5\x13\xd3=V\xbb\xc5lD0\x83\x07}\xa1\x82\xedG7/\xdd\xb5l\xda\xba\x92\xbcr\x00H\xcfI\xbe\xf3\x8dk\xe2S\xe3B~|\x10]d\x11 \x08\xa1\x1bf\x8d3\xab\x80\xe6}\xaf\xe7\x1co\xd1G\x01sr\xb6+\xdeq\xef\xdb#\xdf\x7f\xf0\xab\xfc\x83E\xcb\xa6\xad\xdf\xb1z_\xe7\xcbZ5\xe9T/\xa5z\xa2\xdde5\xaf5\xce\x85\x1aP\xf3\x0f\x16\xef\\\xb3o\xd9\xb4u\x07\xb7\x1f\x05\x00\x9b\xd3z\xf3s\xc3\x1bu\xa8\xed/\x0f\xe2%\xf9g\x18\x00\xa7\xa2\x12\xf5W\x04[^\xd2\xe8\xdf\x9f\x8e\xfa\xee\xcdY;\xd7\xec;\xb0-\xf7\xc0\xb6\\I\x91\x923\x13\xccv\x07\xe7"\xe8\x0b\x95\x15zK\xf3\xcb\xcd\xef\x92\x15\xa9\xfd\x80\x16C\xef\xe9\xedNpb\xed\x1fi\xcc\xc5_\xb9;\xd7\xee^9[\x08\x91Q\xafUV\x93\x8eZ\x10\xb7\xfe\x8f\x0e\x94\x125\xa0\xa5e\'\xff{\xcc\xa8Io\xcf^9kcI^\xf9\xcf\x1f\xff\xf2\xf3\xc7\xbf$e\xc4{R\xdcv\xa7\x15\x08Q\x03jE\xb1\xaf(\xb7\xec\xc4@\x7f\xc3\xf6\xb5G&lt;\xd07\xa7A&amp;\xd6\xfe\x7f\x05\x03\xe04\xcc\x0c\xa8^?\xe3\xc1\x0fn\\\xbfh\xfb\x8a\x19\x1b\xf6l&lt;\xe8-\xf1\xe7\x1f(2\xf7\x89;YZvR\xc3\xf6\xb5;\x0clQ\xa7y\xb6\x1a\xd2C\x01|\x04]\xc4\x11BH\xb2\xb2s\xe9t\x9b+\x01\x08\xb4\x1a8\x8a\xca\x16\x11\x0c\x10|\xf4c\x94\xa0\x12\r\x055\xbb\xdb6\xea\x85\x11]\x87\xb5Y\xf6\xf3\xba\xed\xab\xf6\x16\x1d)-&gt;Zf\xee\x12z\xb2\xf8\x14w\x9d\x169\xed\x074o\xda\xb9\x1e\x10\xf0W`\xed\xff\x970\x00N\x8fJT\x0bh@\xa0\xcd\xa5MZ\xf7n\\\x92W~t_a\xd1\xe1\x12o\xa9_\r\xea\x84\x80\xdde\x8bOq\xa7e\'\xa7\xd5H\x8eKt\x1a:\xf3{\x83\x84\x9cf\xd7hT\xe5(\x95\xd4\x80\xb7\xf5\xe0\xd1m\x86\xdc\x06 ,v\x97\x16\xf0\xe2\x83\x7f\xa3\x0b\xa5\x84\x19,\xe0eu\x9ag\xd7o]\xb3\xa2\xd8\x9b\xb7\xaf\xa8\xe0Pqy\x917\xe8W\x85\x00\x9b\xc3\xe2Nt\xa6f%\xa5\xd7HIH\x8b\x03\x01A\x7f\x08\xfeb\xd7hd\xc2\x00\xf8K\xe6X\x7f\xa0"\x08\x84\xc4%:\x13\xd3=\x92D\x81\x10\x10\xc7\xe6\r\n.\x98\xc1t\xd5\xf0\x95\x05\x08!8\xe7\'\xc2\xd9\x9cq\xe6\x9c\x11\xc1q\xe5WT"\x84\x10\x02j@\x13BX\xec\x96\xda-\xb2\xeb\xb5\xady\xec\xbe\xaeyU\n\xc1\x0c\xaekF\xc0\x1b\x04\x00J)\xde\xe5\xf9{\x18\x00g`6\x1f\x0c\x9d\xe9\x1a\xfb\xf36R\'\x1eET\x15\x87\x86\xce\r\xe7\xc6\xb1Y\x838\x15$\x9a\x11J\x08\x10\xce\x84\x99\x04\x7f\xfagB\x08`k\xec,a\x00\x9c\x15\xb3\xe9\x81+\x86\xa2\x1c\xce\xfa\xf9\xe7 \x04\x80\x10,\xd1\x0b\x849\x89\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xc2\x1f\x00\x84\x10B\xc2\xfe\xae\xe8\xa22\x8b\x90\x10l\x1fD\xbd\xe3E\x89\xd7dt#\x84@%\x94a\x98\xafpB\x89\xa13\xc3\xe0x\xc2E/B@\x0b\xe9\x94RC\rV\xf5\xb1\xa0\x0bA\x04\xe7LW\t\xa1\xba\xaa\xe3%\x19\xbd\x08!\xbaf\x08&amp;\xc2^\x86a\x0b\x00\xf3\xf4\xaa]\xa7\xb6\xc4,\xe5E\x15\x92$\t\x11\xae\xf7F\x17\x91\x10\x92"\xe7\xee\xcd\xcfHL.\xcb\xdb\x03\x84\x00`AF%*I\xa1\xa0\x9f\x07\x8b\xd2SS\x8f\x1e\xc8W,\xb2\xc0k2\n\t!d\x8b|\xf4`~ZR\xa6\xd5fe\x8c\x851\xcb\xc3\xd9\x03\x10B8\x9c\x8exw\x82\xaf\xdc\'I8z\x10\xc5*J\xfdM\x1a7a!\x1f3t\xc0\x96ct"\x94\x06\x03&gt;\x97\xcdR\xb7N\xbd\xd2\xa2rI\x92\xaa\xfa\x88\xd0y\x92$ZQ\xe2\xcbH\xcf\x08{7.\x9c=\x00\xce\xb9\xa2\xc89\xd5j\x1e\xd8uD\xb1)\xd8\xdc\x88J\x04\x98\xce\x0e\xef8z\xcb\xe8[\xb5\xd2\\\xbf\xb7L\x92\xe4\xaa&gt;&amp;t\xce\x84\x10\x8a\xc5Zxhoz\x82}\xf0\xe0a\xbb\xd6\xef\x93\x15\t\xf0\x92\x8cFBH\xb2t`{n\xf3\xa6-\x00 \xbc\xf5j\x98{\x00\x00\xd0\xa1}\xc7\xbd\x9b\x0e\xcb2\x9emQIV\x94\x92\x82R\xc3\x0b}\x06\xf4Or\xd0\x82\x83\xbb\x14\xabM\x08^\xd5\xc7\x85\xce\x91\xe0\x8a\xc5\x9e\xbbs}\x83:5\xfa\x0f\x1c\x98\xbf\xb7XU5\xbc\r\x10\x8d\x08!\x9a\xaa\x17\xed/\xeb\xd4\xb9\x13\x00P\x1a\xceJ;\xac\xefE)\x00\x0c\x18\xd8?wk\xa1\xdf\x1b\x08\xef\x81\xa2\x8b\x80snw\xd96-\xdfQ\xa7z\xfd\xf8\x84\xf8v-\x9b\xee\\9\xcfbw\n\x8e\x01\x10e\x84\x00\x01\xe2\xd0\xc6E\xdd\xbbu\xab\xdf\xb0\x8eEs\x1d\xda\x95k\xb1Y\xb0_\x1e]\x84\x10\x16\x9brh\xf7\x11%\xe4h\xd7\xb1\rDx\x00p\xce\xeb5\xa8\x9b\xe2\xa8\xb6m\xed.\x9b\xd3\x8ag[\x94\x11@)Y\xf7\xcb\xd6!\x83/\x03\x80\xcb.\x1f\x9a\xbfu\xb1\x1a\xf0\x13\xcc\xf2(#\x14\xab-\xff\xe0nk\xe0h\x87N]\x01\xa0S\xdb.\xab\x16l\xb4;m\x82\xe3%\x19M\x04\x17v\xa7m\xf5/\x9b\xda\xb5\xech\xb5Z\x19c\xe1}\xff0_\xd8\x9csY\x96\xaf\xbb\xfa\xfa%?\xaf\xb5\xda-\x9ca\xcb1j\x08!\x14\xabrd\xcfQ\xbdP\xba\xea\xda+9\xe7\x9d\xbb]R7\xd9\xba{\xfd\x12\x9b\xd3\x8d\xa3@Q\x843nw\xc5m\\8\xa5\xff%\x9dRR\xd3\x00\xe0\x8e;\xee\xd8\xbex\x9f\x1aRq\x14(\xba\x10B4U\xdb\xfa\xdb\xbe\xdbo\xbf\xbd2\xde?\xcc\x01 I\x92\x10\xe2\xe6[o*\xd9\x158\xb4;\xd7j\xc7N@\xd4\xe0\x8c\xc7%\xb8f}\xb5\xf0\xf2\xfe\xc3\xe3\xe2\xdc\x9a\xa6\x11B\xee\xb8\xed\xd6\x15S?\xb5X\x1d8\n\x14E\xa8$\x05|\x15\xfb\x96M\xbd\xef\x81\x07\x01@7\xf46\xed[\xd7L\xa9\xbf|\xceZw\xbc\x0b\x9be\xd1\x823\xee\x8aw.\x9f\xbb6\'\xb1n\xbb\x8em\x19ca\x9f\xca\x15\xee\x85`\x84p\xce\xddq\xae\x1b\xae\xbce\xea\'s\x9dq\x0e&lt;\xdb\xa2\x82\x10\xc2j\xb3\x1c\xdc\x9d{pu\xf1]\xf7\xdc)\x84\xb0X,\x9c\xf3\xa1W\\\x99*\n\xb6\xad\x98owy0\x03\xa2\x02g\x86\xcb\x93\xb4t\xca\xa7\xfd:4\xae\xdf\xb01\xe7\x9c\x12\n\x00\xff~\xe8\xe1\xf9\x13\x97\x1b\x86\x81\x9d\x80hA\x08a\x06\x9b?~\xc5\xc3\x0f=\\I?"\xfcc\xbb\xe6\x9d\x80\xff&lt;\xf1H\xc1&amp;\xff\xa6e\xdb\\\x1e\'\xc7\x8a#\xe2q\xc6\xe3\x12\xdd\xe3\xfe\xfb\xc3m\xd7\xdf\x99S#\x9b1F)\x15B8\x9d\xae\xe7\x9e~b\xce\'OH\x8a\x82+\xc2"\x9f\x10\\\xb1\xda\x8b\xf3\x0fm\x9f=\xe6\xe5W^3\xfb\xdf\x92$1\xc6\xfa\r\xe8\xdb\xa4z\x9b\x9f&gt;\x9f\x93\x90\xeaaF\x98\x87\x92Q\xd81\x83%\xa4z~\xfern\xc3\xcc\x96\xfd\x07\xf5\xab\x8c\xe6?T\xd2^@B\x08\xab\xcd\xfa\xbf7\xdf\x1e\xfb\xfc\x14\xc30\xab\x92\xb0\xff\x1c\x146\xcc`\xf1\xc9\x9e\xd9\xdf,r\xfaS\xfe\xfd\x9f\x87N\x9cjf\xc51d\xe8\x88\xfe\xed\xea\xce\xf8\xe49Or\x063t\xa8\x8c\x1dIP\x98\x08.\xec\xce\xb8\xc9\xaf\xdd\xf3\xe4\xbf\xef\xcd\xca\xa9\xc197\'\x8d\x98]\xf3w\xdf\x7fg\xd5\x94\xed{\xb6\x1c\xb0\xbb\xec\xd8,\x8bd\x9cs\xbb\xcb\xbew\xeb\xc1\x15?l{\xef\x83w8\xaf\xac\xcdu*ev\x87Yq\\6t\xc8\xc8\xc1\xb7|\xf0\x9fq\x89\xa9\xf1&lt;\xdc7\xafQ\xb8p\xc6\x1dn\xc7\xe1\xbd\xb93?X\xf2\xd5\xc4\x89\x8a\xa2\x90\x93\xf6\xf33\xfbsc\xbe\x18\xeb\xdf4}\xe3\xe2\x19q\x89\xa9\xcc\xd0\xaa\xf6\x80\xd1_a\xba\x96\x90Vm\xc6g/t\xc8\xb1\xfd\xdf\xc3\x8f\x9d\xdcf4\xfbs5k\xd5x\xe7\xf5\x0f&gt;xh\x02\xa5\xc4\xbc]W\xb5\x07\x8cNK\x08!I\x92$\xd1\xf7\x1f\x9a\xf0\xcek\xef\xd5\xaa]K\x08QI\xb3\xea+kz\x1f\xa5\xd40\x8c\xd7\xff\xf7Z|\xa8\xda\xd7\xef\xfc\x98\x92\x99\xc4t\xcc\x80\x88\xc3\x19\xb7\xd8,\xba\xa6\xbf\xf3\xc0\xb8\xb7_{\xaf^\x83z\x86a\x9c|\xaa\x99\xfd9w\x9c\xe7\xab\x89\xe3\x17~\xf4\xef\xfcC\xbb\x1d\xeexf\xe8Ux\xcc\xe8\xb4\x98\xae\xc5\xa7d\xae\x9a\xf3\xbdw\xc3O_N\xf8\xfaD\xdb\xff\x04I\x92\x0c\xc3\xb8\xe2\xea\xe1\xd7\x0e\xba\xe5\xad\x7f\x8d\x89Kt\x81\x08\xf3\xb2Rt\xe1\x84\x10  .\xd1\xfd\xd6\xbf\xc6\\\xd3\xff\xc6+\xaf\xb9\xc20\x8c\xca\xdb\xc6\xa3\xb2\x02\x80\x90cM\x8c\x19\xb3\xa6\x97\xacf\xdf\xbe\xf7sZV\ng\x1cO\xb8\xc8\xc1\x0cf\x0e\x05\xbcx\xd3\x07\xcf&gt;\xf8\xf25#\xaf6\x0cC\x96O\xdd\xf8\xc1\xec\xcf\xb5m\xdfq\xd2\xd8\x8f\xa6&lt;{u\xf1\xd1\x83\xee\x84\x14\xcc\x80H"\x98\xa1\'fd\xaf\xfd\xe5\xc7\x9d\x93_\x9a?gvBB"\x9cn\x0bhY\x96\r\xc3x\xeb\x9d7:\xd7\xea\xfb\xfa\xbd\x9f$\xa4x$\x89\xe24\x8d\xc8\xc1\x19\xa7\x94&amp;\xa4z\xde\xb8\xff\x93\x8e9\xbd\xff\xf7\xde[\xa7\xbd$\xc3\x88Tj\x8dl6C\xfc\xfe@\xdfK\xfbX\xea\xa87=r\x85\xdf\x17\xd4B\xba$\xe3\xc2\xa2\xaa$\x84\xe0\x8c\xc7\'\xc7\x1d\xde{\xf4\xdd\x07\xc7=\xfd\xc0\xcbw\xdes\xfb\xdf\x9fj\xe6\xbf\xce\x9b5\xfd\xca[\xee\xe9u\xf7\xff\x1a\xb4\xedQ^\x94O(\xc1g\x06T-\xce\x19\xa5R\\b\xea\xc2\xef?&lt;\xba\xe8\xf3\xf9\xb3gf\xd7\xa8\xf977\x0c\x85\x10\x9csI\x92n\xbf\xf5\x8eE\xdbg\xde\xff\xc6-\x8aE\xf6W\x04$\x19\xb7\x8a\xabb\xcc`\xce8\x87\xa1\x19\xff{\xe8\x8b\xae\xf5\xfa~\xfa\xd9\xc7\xe6\\\x8cJ\x9d\xb5U\xb9W\xaf9\x82\xect:\xe6\xce\x9f\xeb)\xcb~\xee\xa6w\x83\xfePBJ\x1cg\x82\xe3\x8a\xc4\xaa \x040\x83+\x8a\x9c\x94\x91\xb8\xf0\xc7\xe5\xef\xdf\xfd\xed\xebO\xbe{\xc6\xda\x1f\x8e7\x1e{\xf7\x1b8e\xe2\x98\xb5_&lt;4g\xeck\xee\xa4T\x8b\xcd\xc9\x99\x81\xbd\xba*!\x04\xe7\xccp\xc6%\xc8\x8a\xf5\xab\xe7G\xb1\r\xdf\xff2w\xce\xdf\xd7\xfe\x00@\x08\xa1\x942\xc6&gt;\x1e\xf3\xd1\xb0\xce\x</t>
        </is>
      </c>
    </row>
    <row r="246">
      <c r="A246" s="1" t="n">
        <v>244</v>
      </c>
      <c r="B246" t="inlineStr">
        <is>
          <t>size_cycle</t>
        </is>
      </c>
      <c r="C246" t="inlineStr">
        <is>
          <t>What is the size of the missing circle denoted with a question mark?</t>
        </is>
      </c>
      <c r="D246" t="inlineStr">
        <is>
          <t>['medium', 'large', 'small']</t>
        </is>
      </c>
      <c r="E246" t="inlineStr">
        <is>
          <t>small</t>
        </is>
      </c>
      <c r="F246" t="inlineStr">
        <is>
          <t>There are circles arranged in a spiral with three arms. The first arm has circles of sizes ['small', 'medium', 'large'], the second arm has circles of sizes ['?', 'medium', 'large'], and the third arm has circles of sizes ['small', 'medium', 'large'].</t>
        </is>
      </c>
      <c r="G246" t="inlineStr">
        <is>
          <t>We observe that the circles in each arm progress in size from small to medium to large. Thus, the pattern is that the circles in each arm get bigger as they progress away from the center of the spiral.</t>
        </is>
      </c>
      <c r="H246" t="inlineStr">
        <is>
          <t>Based on the pattern that the circles in each arm get bigger as they progress away from the center of the spiral, the size of the missing part that is closest to center should be small.</t>
        </is>
      </c>
      <c r="I246" t="inlineStr">
        <is>
          <t>b'\x89PNG\r\n\x1a\n\x00\x00\x00\rIHDR\x00\x00\x02\x00\x00\x00\x02\x00\x08\x02\x00\x00\x00{\x1aC\xad\x00\x00\x9d!IDATx\x9c\xec\xddwx\x14\xd5\xda\x00\xf0\xf7\x9c\x99\xd9\xdd\xf4lB/\xd2\x03\x04\x02\x04HB\x11\xa9\xa1X\xaer\x05D\x11)\x12@\x01\x05\xaf\\\xf5\xb3\x00\x17\xb1\\QP@\x85 E@i^\x10,D\xbaH\t\x01B/!t\x04B\xc9\xa6gwg\xce9\xdf\x1f\x07\xd6\x08(\x01R6\xbb\xef\xef\xf1\xf1\xc9.\x9b\xdd\xd9\xc9\xcc\xfb\x9e~\x88\x10\x02\x10B\x08y\x1fZ\xda\x07\x80\x10B\xa8t`\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94Z\xda\x07\x80\x10\xf2XB\x88[\x9f$\x84\x94\xfc\x91\xa0\xdb\xc2\x04\x80\x10*\x02B\x08\xce\xb9\x8c\xf8\xa4\x80[_\xc99\x97\xaf\x17B\xc8\x17PJ1+\x94\nr\xdb\x14\x8d\x10Bw\xc49\xe7\x9c\x13B\xfe*\x82\xdbl6B\x88++\x08!(\xa5AAA\xf7\xf0V\xa88`\x02@\x08\xdd\x1d\x19\xac\x15E)\x18\xa9\xaf\\\xb9r\xe4\xc8\x91\x13\'N\x9c={v\xff\xfe\xfd6\x9b-77\xf7\xf8\xf1\xe37\xfd\xae\xa2(\x8d\x1a5\xa2\x94\xd6\xacY\xb3F\x8d\x1a\x11\x11\x11\xd5\xabW\x0f\x0b\x0b+\x98\x15\xe4\xfbSJ)\xc5N\xca\xe2\x85\t\x00!T(\xb2\x91\xa7`\t\xfd\xec\xd9\xb3\xeb\xd7\xaf\xdf\xb2e\xcb\xa1C\x87RRR222\xee\xed\x9d\xcb\x95+\xd7\xa8Q\xa3\xc8\xc8\xc8\x8e\x1d;\xb6m\xdb644T&gt;/\xdb\x94\xb0NP|0\x01 \x84\xee@\x16\xc9U\xf5z\x97\xe1\xe1\xc3\x87\x7f\xfa\xe9\xa7\x15+V\xec\xdd\xbb7//\xafh?+44\xb4m\xdb\xb6={\xf6\xec\xd2\xa5K\xb5j\xd5\xe4\x93\x86a\xdcT\xe1@E\x02\x13\x00B\xe8/\xc92\xb8\xa2(\x00\x90\x96\x96\xb6j\xd5\xaay\xf3\xe6\xed\xdc\xb9\xd30\x8c[_\xec\xebc\t-g\xad[\xa7z\xd3\xf0:\xc1!\xc1\n@t\xcb\xc6\x9a\xa6\x08!\x08\x10!\x04Q\x95\x8c\xf4\xcc}\x07R\x88\xaa\x9d9}\xfe\xc4\xa9sGR\xce\xa4\xa7g2\xc6n}\xb7\x80\x80\x80\x8e\x1d;&gt;\xff\xfc\xf3\xdd\xbbw7\x99L\x80i\xa0\x18`\x02@\x08\xdd\x86l\xf0\x91\xa1\xff\xe0\xc1\x83\xf3\xe7\xcf_\xb0`AZZ\x1a\xdc\xe8\xce\x95/\x0b\t\tj\x16\x11\xf6P\xdb\xe6mb\x9a4\x08\xab\x19Z\xce\xea\x1b\x1a\x0cD\x05\xa0\x00\x02\xe0\xd6&lt;A\x00\x14\x00\x02\xc0@wf^\xcd\xf8\xfd\xd2\xe5\xa3)\xa7\xb7lM\xde\xba}\xef\xa1\xc3\'\xf2\xf2\xf2o\xbc\xec\xfaG4n\xdcx\xc0\x80\x01\xfd\xfb\xf7\xafX\xb1"\x000\xc6\xb0Q\xa8\xa8`\x02@\x08\xdd\xcc0\x0c\xd9\xe0s\xf0\xe0\xc1)S\xa6,\\\xb8\xd0\xe9t\x02\x00\xa5T\x0e\xe2\xacV\xb5bl\xe7VO&lt;\xd6\xa9m\xab\xa6\xa1\x95\xcb\x81b\x060\xc0\xe1\x04\x83q\xc3\xe0\\\x00\x88\x1b#\xfeo\x8a\xd42\xe4\x08B\x08!\x94j*h*h\x1a\x00\x05G\xfe\xd93\x177l\xde\xb9b\xd5\x86M\x9b\x93\xb2\xb2s\x01@Q\x14Y?\xa8X\xb1\xe2\xf0\xe1\xc3_x\xe1\x05W\x1a\x90\xc9\t\xdd\x0fL\x00\x08\xa1?\xc8\xb1\x98\x84\x90\xcb\x97/\xbf\xfb\xee\xbb3g\xcet:\x9d\x8aB\x19\xe3\x00`6i\xdd\xba\xb6}~\xc0\x13\x1d\xdb\xb5\x0c\xa8X\x1e@@~&gt;w\xea\x9c\x0b\xd7\xb8\xff\xbb*\x9b\x8b?\x80\xa2Pb6\x81\xd9\x02\x82\x9d?y\xfe\xe7\x84\xdf\xe6-\xf8~\xdb\x8e}\xf0\xe74\xf0\xe6\x9bo\xbe\xf0\xc2\x0b\xaa\xaabU\xe0\xfea\x02@\x08]\xe7*V\xcf\x9d;\xf7\xad\xb7\xde\xbap\xe1\x82+\xf4W\xac\x10\xf2\xc2\xb0\xa7\x9e\xea\xdd\xbdA\xe30 \x04\xf2\xf2\x98C\x07R\xc4s\xb8\xb8\x10\x9cqJ\x08\xf51\x83\xd9\x02\x0e\xfb\xb6\xed\xfb\xbe\x9a\xfb\xbf\x85\xdf\xfe\xe0\xd4\rW\x1a\x88\x89\x89\x994iR\xe7\xce\x9d\x01@\x0eL*\xaa\x03\xf06\x98\x00\x10B\x7f\xb4\xf8\xa7\xa4\xa4\xbc\xf4\xd2K\t\t\tp\xa3\xdc]\xb1|\xc8\x0b\xc3\x9f\x1a\x1e\xd7\xa7b\xf5j\xa0\xe7\xf3\xdc|Q\xfcsw\x85\xcc\x04\n%\xfe\xbe@\xd5\x83\xbb\x0fN\xf9l\x81L\x03\x9a\xa6\xe9\xba\x0e\x00\xa3F\x8d\x9a8qbPP\x90\xab\xc1\n\xdd-L\x00\x08y;W\xc1\x7f\xf6\xec\xd9\xaf\xbe\xfajff\xa6\xd9lv8\x1c\x9a\xa2\x0c\x1f\xf6\xd4\x9bo\x0c\xadX\xad\n\xe4\xe7\x19v\x07\xa5\xa4\x84\x8b\xdb\x9cq\x01B\xf1\xf3\x05\xcdt0\xf9\xe0\xbf\xdf\x98\xf2s\xc2o\x00 \xd3@XX\xd8\x9c9s\xda\xb6m\x8b\xcdA\xf7\x06\x13\x00B^MF\xff\xec\xec\xecW^ye\xf6\xec\xd9\xb2\x15_p\xde\xb9C\xf4\xa4\x89/\xc5&lt;\x18\r\xf9y\x86\xdd^\xba\xe3/9\xe7\x82\x0b%\xc0\x17\xa8\xb2x\xd1\x0f\xe3\xfe3=%\xf5\xac\xc9dr:\x9d\xaa\xaa~\xf4\xd1G\xa3G\x8f\x06l\x0e\xba{\x98\x00\x10\xf2^\xb2\xf1$99y\xc8\x90!{\xf6\xec1\x9bM\x0e\x873\xc0\xdfw\xd2\x7f^\x1a5\xf2Y\xa0\x84e\xe5P\xc5]J\xd6\x9cs\x10@\x83\x832\xaf\\{{\xdc\xb4i_|\x0b\x84(\x942\xc6\xfa\xf4\xe9\xf3\xe5\x97_Z\xadV\x1c\x1dtW0\x01 \xe4\xa5d\xf4OJJ\xea\xd6\xad\x9b\xcdf\x93\xcd&gt;\xcd\x9b\xd6\x9f\x1d\xffndT$\xcfL\x07\x01Tq\xbb\x0253\x98b\xd2\xc0/`\xe9\xa2\x95/\x8e\x9ax\xcd\x96e\xb1\x98\xedvGTT\xd4\x9a5kBBB0\x07\x14\x9e\xdb\xfdu\x11B%@F\xff9s\xe6t\xee\xdc\xd9f\xb3\x99L&amp;\x87\xc31d`\xcfM\x1b\xbf\x8el\x1en\xa4_\xa5\x94\xbaa\xf4\x07\x00EU\x04c\x86\xedZ\x9f~\x8fo\xdf\xf2M\xdb\x98&amp;v\xbb\xc3\xc7\xc7\x92\x94\x94\xd4\xaaU\xab\xa4\xa4$EQn;Q\x19\xdd\nk\x00\x08y\x1d\x19\xfd\xe3\xe3\xe3\x87\x0e\x1dJ\x08\x11\x00 \xc4\x97\x9f\xbd9l\xd4\x00\xc8\xcda\xba^&amp;J\xd0\x86a\xa8\xfe~\x06\xe3/\xbe0&gt;~\xde\n\xd9%`\xb5Z\x13\x12\x12\xa2\xa2\xa2phPa\xb8c\x86G\x08\x15\x9f\x82\xd1_\xd34!\xc0\x1a\xe8\xbfd\xe1G\xc3F\r`\x19\x19\xa2\xec\xb4\x9f\xa8\xaa\xcar\xf3T\xc6f\xc5O\x1c\xf7\x7f\xc3\x9cN\xa7\xa6i6\x9b\xad[\xb7nIIIr\xa6Xi\x1f\xa3\xbb\xc3\x1a\x00B^DF\xff\xf9\xf3\xe7\x0f\x1c8\xd0d\xd2\x9cN\xdd\x1a\x14\x90\xf0\xe3\x97Qm[\x19\xe9WT\xad\xec\x15\x99\x85\x10\\\x08%\xa8|\xfc\xf4\xaf\x86\x8ezW\x0e\x0f\xb5Z\xad\x9b7o\x8e\x88\x88\xc0\xfe\x80\xbf\x87\t\x00!o!\xa3aRRR\x87\x0e\x1d\x9cN\xa7a0k\x90\x7f\xc2\x8f_F\xb5m\xa9_K\xd7LZi\x1f\xe0\xbd\x12\xa0\x1b\x86\x16R.~\xfa\xbc\xa1\xa3\xde\x95mA\x11\x11\x11\x9b7o\xb6Z\xad86\xf4o`\x02@\xc8+\xc88x\xe0\xc0\x81\xf6\xed\xdbgffRJ\x03\xfc}\x12V\x7f\x19\xf5`K#\xddV\x16\xcb\xfe71\x0cC\xb5^\xcf\x01\x16\xb3\xd9\xeepDEEm\xdc\xb8\xd1b\xb1\xe0\x1c\xb1\xbf\x82\x89\x11!\xcf\'\x97[\xcb\xcd\xcd}\xf6\xd9gm6\x9bI\xd3\x0c\xc3\x88\x9f\xfev\xd4\x83\xad\xf4k\xe9\x1e\x10\xfd\x01@UU\xddv5n\xe4\xe0\xd1/&gt;mw\\\x1f\x174j\xd4(\xd7\nB\xe8V\x98\x00\x10\xf2|\xb2\xf1g\xd4\xa8Q\xfb\xf7\xef\x97\xa5\xe3/\xa7\xbc\xf1d\xbf\'\x8c\xf4+e\xb8\xe5\xe7\x16\xaa\xa2\xea\x19W\xa7L{{\xe0\xd3\x8f\xe4\xe7\xdb-\x16\xf3\xdc\xb9s\xe7\xce\x9d\x8b\x1d\xc2\x7f\x05\x9b\x80\x10\xf2p2\xfa\xcf\x9d;w\xf0\xe0\xc12\xfa\x0f\xea\xf7\xd8\x9c\x85\x9f\x18\x19\xe9\xaa\xc7u\x90\n.\x84\xa6\xda\x9dF\xab\xb6}\x0f\x1c&gt;a\xd24\xcdd\xda\xb6m[\x93&amp;M\xb03\xe0V\x98\x00\x10\xf2d2\xea\x9d8q\xa2i\xd3\xa6N\xa7S\xd7\xf5&amp;\xe1u\xb7m\xfd\xd6\xa2)\xd4`\x84z`\xcb83\x98\x12\xe0\x7f \xf9p\xeb\x0e\xfd\x9d:\xd3u=22211\x91R\x8a\x9d\x017\xc1|\x88\x90\'\x93\xeb&lt;\x0f\x1b6,77\x17\x00\xfc\xfd}\x17\xce{\xcf\xcf\xdf\x97\xe8\xbaGF\x7f\x00PT\xc5\xc8\xca\x8e\x88j6\xed\xa3\xb1\xba\xae\x9bM\xa6\xe4\xe4\xe4\xf7\xde{OQ\x14\xb9\x9d\x19r\xc1\x1a\x00B\x1eK6\xfe\xc8Q\xffr\xa1\xb7\x19\x93\xff\xfd\xe2\xbf\x86\x95\xd1!\xffw\xc50\x98j\xb5&gt;\xf5\xcf\x17\x97\xaeX\xa7i\x1a\x00\x1c8p ,,L\x08\x81\rA.\x98\x00\x10\xf2Lr\xe4Offfxx\xf8\xd5\xabW\x0c\x83\xb5k\x13\xf9\xeb\xe6\x85Fn\xae\xea\x05\x11\x90s\x01&amp;\xed\xea\xe5k\r\x9a=\x91\x9d\x93g\x18\xack\xd7\xae\t\t\t85\xac \xcf\xbf\x0e\x10\xf2N\xb2\xf5\xff\xed\xb7\xdf\xbet\xe9\x12!DU\x95\xa9\x1f\xfe\x0b@P\xef(\xf2QJ\x84\xddQ\xa1F\xf5\x89o\x0e7\x0cf\xd2\xb4_~\xf9e\xd9\xb2e8*\xb4 \xac\x01 \xe4\x81\xe4\xde\xee)))\x8d\x1b7\x06\x00\xc30F\xc6\xf5\x9e6\xeb=fKWTo)\xff\n\x00\x0e \xa8\xda\xea\xc1\xbe{\xf6\x1d\x03\x80\xbau\xeb\x1e8p@\xd3\xb4\xeb\x1b\xd8{=\xac\x01 \xe4\x81\x84\x10\x84\x90\xf7\xdf\x7f\xdf0\x0c!D\xb9\xd0\xa0\xff\x8c\x1b\xc9\xf3s\xdcs\x85\xe7bB\x00\xc0`\xaa\xaf\xf9\xe3\xf7\xc6\x08!TU9~\xfc\xf8\x92%K(\xa5\xd8\x1b,y\xd1\xd5\x80\x90\x97\x90\x8d?G\x8e\x1cY\xbcx\xb1\xaa*\x8c\xb1\x91qOY\xabV\xe1v\xa7\xb7\x15{\x15UaY\xd9\xedc\x1f\xec\xd0\xae\x85\xae\x1b\x94\x92\xf7\xde{/??\x9fR\x8a\x8d\x1f\x80\t\x00!\xcf#\xdb\x7f\xbe\xfa\xea+\x87\xc3!\x04\x94\x0b\r\x1e\xf9\xe2\xd3"?G\xf1\xa6\xe2\xff\x1f\x04\x00\xa5\xe3^\x8b\x03\x00J\x95c\xc7\x8em\xdc\xb8\x91\x10\x82\x95\x00\xc0\x04\x80\x90\x87\x11B(\x8ar\xf5\xea\xd5\x05\x0b\x16PJ\x19c#\xe2z\x87V\xaf\xe6\x85\xc5\x7fIQ(\xcf\xce\xee\xd0\xad]\x87v-\x0c\xc3 \x84|\xf2\xc9\'\x00\xe0\x9dg\xe3&amp;\x98\x00\x10\xf2(\x8c1B\xc8\x8a\x15+._\xbeL\x08\xf1\xf11?\xf7\xcc\xa3B\xcf\'^0\xf4\xf3\xafp.@U\x87\x0e\xfc\'\x00\x10B6o\xde|\xe8\xd0!\xec\t\x00L\x00\x08y\x18\x19\xd7f\xcf\x9e\r@\x18c\x9d\xdbG\xd7n\x1c&amp;r\xf3\xa9\x87\xce\xfb-\x0cE\xa1"/\xf7\xb1G;T\xaeTN\x08a\x18\xc6\xbcy\xf3\x00\x00\x13\x00&amp;\x00\x84&lt;\x87\xec\xfeMMM\xdd\xbbw\xaf\x8c\xf8\xc3\x07\xff\x13\x80\x08\xf0\xde\xe8\x0f\x00\x84\x10\xe6\xd0\xfd+\x94\xef\xd7\xa7\x87\xec\xfb]\xbdz\xb5\xd3\xe9\xc4\x19a\x98\x00\x10\xf2\x1c\xb2H\xbbj\xd5*\xa7\xd3)\x84\xa8T1\xf4\xa1\x87\xa2 ?\xcf\x9b\x8b\xff\x12!\x04\xb8\xd1\xeb\xf1N\x94\x10J\xe9\xf1\xe3\xc7\x93\x93\x93\t!^&gt;)\x0c\x13\x00B\x9eC\xf6\xfa._\xbe\x1c\x00\x84\x10\xdd\xba\xb4\x0e\xa8X\x9e9u\xec\xf0T\x14*\xf2\xf2"\xa3"\xea\xd6\xa9\xce\xb9\xe0\x9c\xbb\xceRi\x1fZi\xc2\x04\x80\x90\x87\x90\xcb\x9c\xa5\xa5\xa5\x1d8p@Nt\xed\xf3D,\x08\x01\xde\xdd\xfe\xe3\xc2tf\n\x08\xec\xf9hG\x00\x01\x00\x1b7n\xe4\x9c{y+\x10&amp;\x00\x84&lt;\x84l\xcdX\xb7n]^^\x1e\x00X\x83\x03[\xb7j\nv\xaf\xee\xfe-\x88\x10\x02\x82u\x8fmC\x08PJ\x0f\x1e&lt;\x98\x9a\x9a\xea\xe5\x13\x020\x01 \xe4!d;\xcf\x86\r\x1b\x00@\x08\xd14",\xb8R9\x8e\xed?7PJ\xc0n\x8fh\\\xcf\x1a\x1c(\x84p8\x1c\xdb\xb6m\x03\xef\x1e\x0b\x84\t\x00!\x0fA)5\x0cc\xff\xfe\xfd\xf2a\x87\x07[\x10\xd5\xc4\xb9W\xb7q\x17D\x08\xe1N=\xa4j\x85\xc8\xa6\xf5e\xd3\xff\x9e={J\xfb\xa0J\x19&amp;\x00\x84&lt;\x81\\\xfd-==\xfd\xe4\xc9\x93\xb2\xc4\xdf**\x02\x80c\xf1\xbf \xce\x05Q\xcc1-#\xe4\xc3\xe4\xe4d/\xdf(\xd8{\xbf9B\x9eD\xb6c\x9c8q";;\x1b\x80\xf8\xfaX\x1a\x86\xd5\x04\xa7\x03\x13@A\x84\x10\x00\xd6\xbci\x03\xf90%%%//\xcf\x9b\x17\x86\xc3\x04\x80\x90\'\x90!\xec\xe8\xd1\xa3\x9cs!D\xf9r\xc1\xa1\x15B\x85n`\xfc/\x88\x10\x00\xcej\xd7\xac\xaai*!$++\xeb\xec\xd9\xb3\xe0\xc5\x83A1\x01 \xe49N\x9f&gt;-\x7f\xa8U\xb3\xaaoh\xa00\x18\xd6\x00\n"\x84\x80\xc3Y\xabF\x15?_\x8b\x10\xc2n\xb7_\xbat\t0\x01 \x84\xca4\xd9\x90}\xf0\xe0A\xf9\xb0YD\x18\x80\xea\xb5q\xed\xaf\x10B\x84a\xf8\x95\x0b\xaeW\xe7\x01\xf9\xcc\x81\x03\x07\x00\x13\x00B\xc8\x03\xa4\xa7\xa7\xcb\x1fB\xacA@\xa8\xb7\x86\xb5\xbf#\xb8\xd0,\xe6\xc0\x00?\xf90##\xa3T\x0f\xa7\x94a\x02@\xc8C\x18\x86\x91\x9b\x9b+\x7f\xc6\x96\x9f\xbf#\x84k\xe4Off&amp;x\xf1\xe9\xc2\x04\x80P\x99\'\x17\x81\xc8\xca\xcaJII\x91\xcf\xc4\xb4l\x0c`xm\\\xfb\x1b\x9c\x0b\xa0\xa6\x98\x96\x8d\xe5\xc3\xdd\xbbw\x03&amp;\x00\x84PYG\x08q\x15l5M-\xdd\x83qs\xae\xf3\xa3\xaa^}\xa2\xbc\xfa\xcb#t\xcfd\xb7\xe1\xad\xab\x08\x10\xb9\x0c[i\x17*\xbd\xb6W\xb3\x90\\\xe7\xc7\xcbO\x14&amp;\x00\x84\nE\x08!\x87\xd8\xcb\x10/\xcb\xda\x7f\xb3\x96$\xe7\\\xa6\x07J\xa9++ \xe4V0\x01 \xf4wd\x1c\'\x84(\x8aR0\xdcgffr\xceSSSsrr\n\xbe\xbeR\xa5J\x95*U2\x9b\xcd\xbe\xbe\xbe\x05\xd7\x18\x90Ku\xcadP\x02\x87\xed\xe5\x05\xdb;\xc2\xf3#a\x02@\xe86dy\x1f\x00\x14E\x91q&lt;//\xef\xe0\xc1\x83\xdb\xb6m\xdb\xbf\x7f\xff\xc9\x93\'\x0f\x1f&gt;l\x18\x86\xcdf\xbb\xe9\x17UE\t\x08\x0c\xf4\xf7\xf7\xafW\xaf^\x93&amp;M\x9a6m\x1a\x13\x13S\xaf^=W[\xb3a\x18\x94\xd2bZ\x7f\xc6\x15\xd7\xbc\xbci\xfb\x8e\\\xe7\xc7\xcb3\x01^%\x08\xfd\x89\x0c\xfd\xae\xf2\xfe\xf9\xf3\xe7\xd7\xae]\xbbz\xf5\xea\xdd\xbbw\xcbe\x03\xfe\x9e\xc1\x98\xcdf\xb3\xd9l\xe7\xce\x9d\x93+3\xab\xaa\x1a\x16\x16\x16\x1d\x1d\xfd\xc4\x13Ot\xec\xd8100\xb0\xe0\xa7\x14\xe1\x91\x13B\\q\xedZz\x06\xee\x03s[\x84\x00\x08~-=C&gt;\xd44\xadT\x0f\xa7\x94a\x02@\xe8\x0f\x8c1\x19\xfa\x19c\x1b6lX\xb8p\xe1\xca\x95+\xb3\xb2\xb2\xfe\xea\xf5\x8aB\x03\x03\x03\x04\xe7\x84\x80\x00 \x84\xd8l7\xbf\xd80\x8c\xc3\x87\x0f\x1f&gt;|x\xde\xbcy\xd5\xaaU\xeb\xdb\xb7o\xff\xfe\xfd\x9b4i\xa2(\x8a\xab\x93\xe0&gt;\x0f[\xeej\x12\x14\x14\xd4\xa8Q\xa3\xcd\x9b7\x03\xc0\x9e\xbdG{&gt;\xf3\x84\x97\x17oo\x8b\x10\x02\\\xdf\xbd\xef\xa8|\xd8\xaaU+\x00\xf0\xda5A1\x01 \x04pc&lt;\x8f\xa2(N\xa7s\xe1\xc2\x85\x9f~\xfa\xa9ka}\x00"7\x11TU\xa5^\xdd\x1a\r\x1a\xd4n\xd2\xa8n\xd3\xf0:\xc1!A\x15C\xad\x95\xabV\x04f\\\x7f\rU\x8e\x1f?\x9dcw\x9e=\xf3{\xea\x89\xb3I{\x8f\x1e9z\xf2\xdc\xb9K\xf2](\xa5\xe7\xcf\x9f\x9f&lt;y\xf2\x94)S:u\xea4v\xec\xd8\xd8\xd8X\x00`\x8c\x15I\xdf@\xc1\xcd\xad||\xcc\xf7\xf9n\x9eLQ,f\x93\xfc\xd1\xcbs$&amp;\x00\x84\xae\x17\xfc\x01`\xf1\xe2\xc5\x93&amp;M\x92+\xea\xc8z\x00\x00\x04\x06\xf8vl\x1f\xf5\xc4?:\xc5\xb4l\x1cV\xe7\x01%\xd0\x1f@\x01`\x00\x02\x0c\x03\xf4\x1b\xd1\x1f\x08\x80\x88~\xa8%P\n@\x01(\x08=\xef\x9a\xed\xd0\xd1S\x9b\x7f\xdb\xb3\xe2\xfb\r;\x93\x0e\xc8\xf0,\x84X\xbbv\xed\xda\xb5kccc\'N\x9c\x18\x13\x13S\xf0\x18\xee\x8d\x0cdu\xeb\xd6\xdd\xb2e\x0b\x00\xa4\x9e&lt;\x0f\x82\xe1\xc8\xa3[\x11\x85\xda3s\xce\xff~Y&gt;\xacS\xa7\x0e\x94\xf6\x98\xddR\x84\t\x00y5!\x84\x10BQ\x94\x94\x94\x94\xd1\xa3G\xff\xfc\xf3\xcf\x00\xa0i\x9a\xae\xeb\x8c\xb1&amp;\x11a#\x87\xf7\xed\xd1\xed\xc1j\xb5\xab\x01Q@w\x82\xc3\xc122\x85\x00\xd7X\xff\x9bb\x07w\xea \xae\x87cJ\x88\xaf\x8fOT\xeb\xc8\xa8\x07\xa3_\x1d3\xf0\xc8\xd1\x93K\x97\xaf\x99=w\xc5\xf9\xdf\xd3\x00@\xd3\xd4\xb5k\xd7n\xda\xb4i\xf8\xf0\xe1\x13\'N\x0c\n\n2\x0c\xe3\x9e;o\xe5\'\xd6\xae][&gt;&lt;\x9ar\x8a\x1bN\xe2\x95\xcd\x1a\x7fC\x08A4-+\xed\xf2\xb9\xdf/\x11\x02B\xfcq\xc6\xbc\x13^\x1f\xc8{1\xc6\xe4\x88\xfei\xd3\xa6EGG\xff\xfc\xf3\xcf&amp;\x93\x06\x00\xba\xae\xc7vi\xfd\xcbO3\xf7l_\x1c\xf7\xe2\xb3\xd5\xaaV\xe4\x999\x86-\x83\xe7\xe5\x0b\x0e\x8a\xa2\xa8\xaa\xec)\xa0\xae1\xfe.\n\xa5\x8aBUUQU\x85*T0\xc6sr\r\x9bM8\x1c\r\xc3\xeb\x8c\x9b8\xe6\xd0\x9e\x15s\xbe\x9c\xd08\xbc\x8e\xae\x1b\x00\xc09\x97\x9f\x9e\x90\x90\xa0\xaa\xaa\x9cjp\x0f\xdfE\xe6\xa1\x06\r\xaeour\xe2\xd4\xf9\xdck\x99TU\xbc\xbc\x89\xe3&amp;\x9c\x0b0\x9bRO\x9d\xcf\xcbs\x00\x10__\xdf\x1a5j\x80\x17\xd7\x000\x01 /e\x18\x86\xa2(\xd7\xae]{\xea\xa9\xa7^z\xe9\xa5\xac\xacLB\xa9\xd3\xa9\xb7\x8a\x8a\xf8\xe5\xa7Y\xbf\xac\x89\x8f\xed\xf1\x90\xc29\xb3\xd9\x84\xd3I\x15\xaa\xaa\n\xa5\xf4n\x03\x85L0\xaa\xaa\x10Bx^&gt;\xb3e\x04\xfaY\x06\r{z\xf7\xb6%sfN\xa8Z\xb9&lt;cL\xd3\xb4\x94\x94\x94\xee\xdd\xbbO\x980Af\x94{\xd8\xa6\\\x86\xb0\xda\xb5k\xab\xaa\xdc\xea$\xf7\xc2\x85\xcb`\xd20\xfe\x17$\x84\x00\xa2\xa4\x9e8\'\x13mhhh\xf9\xf2\xe5\x01\x13\x00B^E6\xb6$%%\xb5n\xddz\xe9\xd2\xa5f\xb3Y\x08\x08\xf4\xf3\xf9\xec\x93\xd7\x7f\xdd\xf8ul\x8fv&lt;\'\x8fed\t\x00EU\x8a*:PJ\x15U\x11\x8c1\x9b\xcdDa\xd0\xd0\xa7\xf7$-\x1f\xf5\xc2\xd3\xba\xae\x03\x80\xa6\xa9\xe3\xc7\x8f\xef\xde\xbd\xbb\xcdf\xa3\x94\xca\xee\x87\xc2\x93\x07Y\xb7n]\xab\xd5*\x84\xb0;\x9c\x87\x8e\x9c\x04\xd5\x845\x80[\x90\xdd{\x8f\xc8\x9f\x1a5j\xe4\xeb\xeb+\'\xfa\x95\xee1\x95\x16L\x00\xc8\xeb\xc8\xe8\x9f\x90\x90\xd0\xad[\xb7\xe3\xc7\x8f\x9b\xcd&amp;\x87\xc3\xd1\xb6U\xd3\x9d\xdb\x17\x8f\x1a\xf3\xbc\xc6\x19\xcb\xc8\xa2\x94*\x8aR\x1cQ\x81\x10\xa2\xa8\x8a\x000l\xe9\x15B\x02?\xfb|\xc2\x9aU\x9fW\xaeXN\xd7\r\x8b\xc5\xe2:*W\x17t\xe1\xdf\x96s\xee\xef\xef_\xbf~}\xf9\xcc\x96m\xc9\x00\x04\x13@A\x8aB\x99#\x7f[\xe2&gt;\xf9022\x12n\xb7\xa0\x93\xf7\xc0\x04\x80\xbc\x0bcLU\xd5\xf8\xf8\xf8\xee\xdd\xbbgd\xd8\x14Eq8\x9c\xa3G\xf6\xdb\xb4n^XXM\xc3v\r\xfev\x85\x9f\xa2B\x00TU\x15\xbaa\xd8l\xdd\x1e\xeb\xb4;qq\xb7\xce\xad\xecv\xbb\xd9dJJJj\xd5\xaaURR\xd2\xdd\xe6\x009\x98]\x065\x00\xd8\xb2=\x99\xd9\xf3\x14\x05\xef\xf1\xeb\x84\x10\xc4b\xbax\xea\xf7#\xc7N\xc9Q\xff-[\xb6\x04/n\xff\x01L\x00\xc8\xab\xc8v\xff\xf8\xf8\xf8\xa1C\x87j\xaa\n@\x08\x88Y\xd3\xdf\x9e2m\xa2\xc2\x18\xcf\xcd/\xe1\x15\x14\x08!\xaa\xaa0[f\xe5\x8a\xe5\xd7\xfc2g\xd8\xf3O:\x9cN\x93\xc9\x94\x9e\x9e\xde\xad[\xb7\xbb\xcd\x012\x90u\xeb\xd6MvG\x1f=v*\xed\xecEb\xc6V\xa0\xeb8\x17`2\xef\xde{$7\xcf\x0e \x82\x82\x82Z\xb7n\rE1\x11\xaf\xec\xf2\xdeo\x8e\xbc\x8dl\xf9Y\xb7n\xdd\xd0\xa1C5M\xd5\r#8\xc8\x7f\xd3\xda\xb9q#\x9e5lW\x00\x04-\xa5\xc2\xb2\xa2*\xdc\xe1`9\xb9_\xce~\xef\xcbO\xdft:\x9d\x9a\xa6\xd9l\xb6G\x1ey\xe4\xca\x95+\xae\t\xc3w$\x03Y\xdb\xb6m\x83\x83\x83\x01Dn\x9e}\xed\xc6D0[\x18\xf3\xde&amp;\x8e?\x13\x00\xe4\xfb\x1f7\x01\x00\xe7"22\xb2r\xe5\xca\xde\xdc\x01\x00\x98\x00\x90\x97\xe0\x9c\xab\xaa\xbak\xd7\xae\xbe}\xfb\xaa\xaa*\x04\x84X\x03\x13V\x7f\xd9\xb6ck#\xdd\xa6\x16]O\xef\xbd\x91\x8b\xc3\xb1\x8c\x8ca/\r\x9e5\xed-]\xd7-f\xf3\x95+W\x1e}\xf4Q\xb9\xde\\aJ\xf1\xae\x05!Z\xb7n-_\xbel\xc5:\xe0\xec\xae\x87.y"!\x84b\xd2\xb2\xd2.\xff\xbcv\x9b\xfc[\xf7\xe8\xd1\x03\xbc\xbb\x03\x000\x01 o \x17\xf1\xb7\xd9l}\xfa\xf4\xb9v\xed\x1a\x000\xc3\xf8\xf1\xbb\xcf\xa2\x1e\x8c2\xd2\xd3U\xf7\xd8&lt;K\xae8\xad\xa7_\x89\x1b\xf9\xfc\x94\xf7_\xb1;\x1c&gt;\x16\xcb\xce\x9d;\x87\x0e\x1dZ\xf8AA\xb2&lt;\xdb\xa7O\x1f\x00\xa0\x94\xfe\xbamO\xda\xe9\xf3\xd4\x07[\x81\x80s\x01\xbe\xbe[\xb7\xec\xb9\x94v\x8d\x10b2\x99\x9ex\xe2\t\xf0\xee\xf6\x1f\xc0\x04\x80\xbc\x81\x9c\xf05t\xe8\xd0S\xa7NY\xccf\xc30fN{\xabU\xc76\xee\x13\xfd]TU52\xaf\x8c\x1e;$\xee\xb9\xc7\xf3\xedv\x8b\xc5\xb2|\xf9\xf2\xa9S\xa7\xaa\xaaZ\x98\x1c \xbb\xaf\xbbu\xeb\x16\x10\x10\x00 \xb2\xb3\xf3V\xff\xf4+\x98}\xb1\x15\x08@\x80\x80E\xcb\xd6\x00\x00\xe7&lt;22\xb2n\xdd\xba^\xbb\x06\x9c\x8bW\x7fy\xe4\r\xe4\xb0\x9f\xcf?\xff|\xf9\xf2\xe5\x16\xb3\xd9\xeep\x8c~\xa1o\xdc\xc8\xc1\x86\xcd\xe6n\xd1\x1f\x00\x08\x01\x85\x10\x9e\x9f?s\xd6\xc4V-\x1b\xd9\xedv\x93\xa6\xbd\xfa\xea\xab\xc9\xc9\xc9\x85\xe9\x0c\x90\xad@\x95*Uj\xdf\xbe\xbd|\xed\xacy+\xb8\xc3^Z\xdd\x1bnB\x08\xa1X\xcc\x17O\x9c\xfe\xfe\xc7M2\xe2\xf7\xee\xdd\x9bR\xea\xe5\xed?\x80\t\x00y6Y\xc4;q\xe2\xc4\xeb\xaf\xbf\xaei\x9a\xdd\xe1h\xd5\xb2\xf1\xe4\x8f_7\xb2\xae\xb9\xed\xf8HB\x08\x18\x0c\x08Y4\xff\xc3\x10k\xa0\x00\xc19\x7f\xfe\xf9\xe7\x9dN\xa7\\\xb9\xe8\xef\x7f]\xbe`\xd8\xb0a\x00BQ\x94\xdd\xc9G\xf6\xec\xd8K\xfc\xbd\xba\x12\xc0\x18\x07\x8b\xdf\xb7\xcb\x12rr\xf3\x01\x84\x9f\x9f\xdf3\xcf&lt;\x03%2\xde\xd7\xcd\xb9\xe9=\x80P\x91\x90\xad\xff/\xbc\xf0Bvv6\x80\x08\xf0\xf7]4\xef}EU(\x17\xee&lt;\xf6\x83*\x94\xe5\xe4\xd6\x0e\x0f\xfbr\xca\x1b\xban\x984-99y\xf2\xe4\xc9\x85\xa9\x04PJ\x85\x10\x9d;wn\xd8\xb0\xa1\xdc\xcfrF\xfc2BU\xb9\xa2\xb5\x17\x12\x00TS\x1cY\x99\xb3\xe7\xaf$\x84p.z\xf7\xee]\xb9re\xd90X\xdaGW\xca0\x01 \x8f%\x17X^\xb6l\xd9\xda\xb5kM&amp;M\xd7\x8d\xf7\xc7\x8d\xa8\xdd\xa8\x81\x91\x9d\xeb\xfeM"\xaa\xa6\x1a\x19\xb6\xde\x03\xfe\xd9\xfb\xf1\xce\x0e\xa7S\xd3\xb4\x0f?\xfc\xf0\xc4\x89\x13wl\xb8 \x840\xc6|||\x86\x0c\x19"\x84PU\xf5\x9bek\x8e%\x1f\xa4~\xbe\xde\xd9\xe2\xc1\rF\xfd\x03\x97|\xf3\xc3\x91c\xa7d\x91\x7f\xc4\x88\x11\xa5}P\xee\x02g\x8a#\xcf$[Kt]\x8f\x88\x88HMM\x05\x80\xe6M\xeb\xef\xf8\xed[\xc2\x19-#\x9b%r\xce\x89\x8f\xe5T\xea\x99\xe6m\x9e\xce\xcb\xb3\xeb\xba\xf1\xdcs\xcf\xcd\x9f?\xff\x8e;\x07\xc8\x9b\xfa\xca\x95+\xe1\xe1\xe1\x19\x196\xc6\xf8\x80g\x1e\x99\xb7h\n\xb3\xd9\x14\xd5\xbb\x1a=\x04\x80 \xa0\x0bh\xda\xe2\xc9\xe3\'\xceq\xce;t\xe8\xb0~\xfdz\xf0\xfa\xf1?\x12\x9e\x02\xe4\x99d\xeb\xff\xe2\xc5\x8b\x8f\x1f?\xae\xaa\x8a\x10\xe2\xe3\xf7\xc6\xa8\xbe\x160X\x99\x88\xfe\x00@)e9y\xb5\xc3\xc3\xc7\xbc\xf8\x8c\xae\x1b\xaa\xaa.Y\xb2\xe4\xe8\xd1\xa3\x85\xa9\x04p\xce+T\xa80j\xd4(\xc6\xb8\xaa\xaa\x8b\x97\xffr,\xf9\x00\xf5\xf7\xbaJ\x80,\xfe/^\xb8\xfa\xd8\xf13\xb2\xd7g\xdc\xb8q\xb2\x95\xac\xb4\x0f\xcd-`\r\x00y&amp;!\x04c\xacI\x93&amp;G\x8f\x1e\x15Btl\xd7b\xc3\x86\xafYn\xaeR\xa6\xca}B\x08\xa1\xa9\xe9W3\x1aF\xf6\xb4ed1\xc6\x87\x0c\x19\x12\x1f\x1f_\xc8J@zzz\xbdz\xf5\xb2\xb2\xb2\x18c];\xc5$\xac\x9b\xc7\xb2\xb2\xcb\xd6\x19\xb8\x1f\xf2\xece\xda\xb2\xc3\x9b\xf7\xbcr5\x831\xd6\xbe}\xfbM\x9b6\xe1\xe8O\x17&lt;\x0b\xc8\x03\xc9\xfe\xbd-[\xb6\x1c=zT\xee\xb6\xfb\xf6kq\xa0\xd02\xd7\x0fJ\x08\x11vg\xb9\xea\xd5F\xc4\xf5f\x8cSJW\xae\\y\xf5\xea\xd5;\x96ae% 44t\xe2\xc4\x89\x8c1\x93I\xfbeC\xe2\xf2\x05\xdf+AA\xcc\xb8\xbb\x85\xa6\xcb.\xce8\xf5\xf1\x7fg\xfc\xb4Ki\xd7(%\xaa\xaa~\xfc\xf1\xc7\xa5}P\xee\x05\x13\x00\xf2X\xf1\xf1\xf1B\x08\xc6D\xc3\xfa\xb5\xdau\x88\x1699n;\xf4\xf3o\x10J\x85\x9e\xff\xdc3\x8fZ\xcc&amp;B\xc8\xd5\xabWW\xacX!{z\xff\xfe\x17eK\xd1\xb0a\xc3\x9a7o\xae\xeb\x86\xa2\xd0\xd7\xc6M\xcb\xbef\x03\x93\xe6\r\xf5~\xc6\xb8\x12\xe0\x9f\xbcu\xe7\x97s\xff\xa7i\xaa\xae\x1b\xc3\x86\rk\xd1\xa2\x05c\x0c\x8b\xff.x"\x90\xa7\x91{\xfc^\xbati\xf5\xea\xd5\x94\x12\x00\xf1\xca\x88gU?\x7ff\x94\xc9\xe6oJ\t\xcf\xcd\xaf\x1d\xd1\xe0\xc9\':\xcb\xa0?{\xf6l!\xc4\x1d\xa3\x18!D\x8e\x02\x9a:u\xaa\xfc\xe1\xe4\xe9\xdf\xdfx}\xb2\xe2\x17x\xb7\xbb\xcd\x949B\x08P(\xd3\xf5\xe7G\xfc\x871\xce\xb9\xa8P\xa1\xc2\xc4\x89\x13\xb1\xf1\xe7&amp;x.\x90\xa7\x91\xd1m\xcd\x9a5999\x00$ \xc0\xf7\xd1\x1e\xed\xc0Q\xa6W\xc6\'\x00\xa2_\xaf\xee\x00@)\xdd\xbbw\xef\xb1c\xc7\n3\x91U\xae&amp;\xdd\xae]\xbb\x11#F8\x1cN\xb3\xd94c\xf6\xf2\xef\x16\xfeO\xb5\x860\xc3(\x91#/\x1d\x8c1% \xe8\xd5\x7f}\x90\xbc\xef\x98I\xd3\x18c\xd3\xa6M\x93{\xa5\xe1\xd8\xff\x82\xca\xee-\x81\xd0\xed\xc9;|\xe5\xca\x95\x00\xc09\x7f\xa8M\xf3\x8a\xb5\xaa\xf1|g\xd9\xbd\xf3)%\x90\x97\xd7\xb6]\xf3\xca\x15C\x85\x10N\xa7s\xcd\x9a\xebk\xda\x14\xe2w)\xe7\xfc\xfd\xf7\xdf\xaf]\xbb\xb6\xae\x1b\xaa\xa2\xc4\x8d\x9ax\xf2\xf0q\xea\xe7\xc7=tn\xb0\xa1\x1b\xaa5\xe4\xbb\x85+\xa6~\xb1\xd8b6;\x9c\xce&gt;}\xfa\xf4\xe9\xd3\xe7\x8e=\xe7^\x08\x13\x00\xf2(\xb2\xfd\'77w\xf7\xee\xdd\xf2\x99^Ot\x06\xaa\xf2\xb2\xdc\xeaM\x08aN=\xb0b\x85\xae\x9d[\xcb\xe6\xfb_\x7f\xfd\x15\n\xb7\x95\x95|M@@\xc07\xdf|#w\xa8\xb7ed?3\xe0\xdf \x04\xd1T\xcf\xeb\x0c\xe0\x8c\xa9\xc1\x81\xa7\x8e\x1c\x8f\x1b5QUU\xa7\xae\xd7\xae]\xfb\x8b/\xbe\xc0\xc6\x9f\xdb\xc23\x82&lt;\x8a\x8chG\x8e\x1c\xb9x\xf1"!\xc4\xa4\xa9m\xa2\x9b\x80\xe1(\xeb7\xbf\x10\x00@:\xb6k)\x1f\xee\xdc\xb93\'\'GQ\x94\xc2DpJ\xa9a\x18111\x93\'Ov\xea\xba\xc5bI\xdcuh\xd8\xd0\xb7\x89\xd9\xc4\xee\xbc\xb6PY\xc29\x07\x93\xe9\xda\xe5\xf4&gt;\xfd^\xb5edSJ\t!\xdf|\xf3MHH\x08x\xf7\xd6\x8f\x7f\xa5l\xdf\x15\x08\xddD\xb6\x8al\xdf\xbe\x9d1&amp;\x84\xa8U\xb3j\xcdz5D\xbe\x83\xd2\xb2}\xf3SJ\xc1p\xb4\x8e\x8e0\x99TB\xc8\xa5K\x97\x8e\x1f?\x0e\x85\xdb(\x06\xe4*\xd3\x861z\xf4\xe8^\xbdz\xd9\xedv\x1f\x1fK\xfc\xd7\xdfOx\xfbS5\xa8\xbc\xe1)\x9d\x01\x82\x0bA)\xf5\xb1\xf4}z\xcc\xae\xe4#\x16\x8b\xc5\xe9tN\x9e&lt;9&amp;&amp;\xc60\x8c\xb2^\x02(&amp;xR\x90G\x91\xa5&lt;W\xfbO\x93\xc6\xf5L\x01\x9e\xd0\xd8M\x08\x08\x87\xb3\xda\x03U*W*\'\xe7\xb8\xed\xdd\xbb\x17\xeefC+\xb9\x90\xdc\xacY\xb3\xa2\xa2\xa2\xf2\xf3\xed\x16\xb3y\xfc\x07\xf1\xf1\xd3\xbf\xd2B\xcay@\x0e\x10\\pJ\x14\x7f\xbf\xa1\x83\xdeX\xb7)\xc9\xc7b\xb1\xdb\xedqqq\xa3G\x8f\x96[\x81\x96\xf6\x01\xba)L\x00\xc8\xa3\xc8\xb1\x8f\xb2t\x0c\x00\xe1\xf5k\x01xBK7!D\x18\xcc7$\xb0V\x8d\xaa\xf2\x99\x94\x94\x94\xbb}\x07\x00\xb0Z\xad\t\t\t\xb5j\xd5\xb2;\x1c\x9a\xa6\r\x1d\xf5n\xfc\xf4y\xaa\xb5\x9cn\x18Pf\xcf\x12\xe7\xdc\x15\xfd\xe3\xe7\xaf\xf4\xb1X\xf2\xed\xf6^\xbdz\xcd\x9a5\x0b;~\xff\x1e&amp;\x00\xe49\xe4\xe8\xf8\xcc\xccLW\x02h\x1a\x11\x06\xe0!\xab\xfe\n!\x80\xa8\xcd"\xea\xcb\x87{\xf6\xec\x81\xbb\\\xd1Ln-i\xb5Z\x97.]j\xb5Zu]w\xe5\x00\xcdZ\x81\t!x\xd9\xcb\x01\x9c1j\xd2n\x8a\xfeQQQ\xb3f\xcd\x92\x1bdz\xc6_\xbf\x98`\x02@\x9e\x86\x10\xe2j\xd3\x08\x0e\n\xf0\x98u\xf0\x85\x00 JP\xa0\x9f|xo\xed6rf@\xcb\x96-\x13\x12\x12d\x0e0\x99LCG\xbd;f\xd4\xdb\x8a\xbf\x1f\xd1\xd4\xb2\xb5P\x84\xa1\x1b40\xc0\x96\x99\xd3=vP\xc1\xe8/\xbf\x1d\xe0\x92\x9fw\x82g\x07y\x0e\xd9\xd4\x93\x92\x92\x92\x93\x93C\x08\xf1\xb1\x98+V\x08\x05\xc3\xf0\x8c" !\x04\x80\xd5x\xa0\xb2|\x98\x9a\x9a\x9a\x9d\x9d-\x9b\xbc\xee\xea}\x14E1\x0c\xc3\x15%\x9dN\xa7\xc9d\x9a:}\xd1\xf3\x83\xde\xc8v\xe8J\xa0\xbf\xa1\x97\x81.\x01!\x84a\x18jH\xc8\xf1\xa3\xa7\xba=&lt;,a\xfd\x0e\xcb\x9f\xa3?\x8e\xfb,\x0c&lt;A\xc8s\xc8P\x98\x99\x99\xa9\xeb\xba\x10\xc2\xc7\xc7\\\xbdjEp\xea\x1e\xd4\x08\xc0\xeb\xd5~@\xfe\x94\x91\x91\xa1\xeb\xf7\xf8\xd5\xe4\xa0\xa0\xa8\xa8\xa8\xf5\xeb\xd7GFF:\x9dN\x1f\x1f\xcb\x9c\x05\xab:t\xe8\x9f\xbc\xe7\xb0\x1a\x12\xca\x18s\xe7\xe6 \xc6\x18\x10\xa2ZC\x97.\xfa\xbe\xf5\x83O\'%\x1f\xb6X\xccv\xbb\xbdO\x9f&gt;\x18\xfd\xef\n\x9e#\xe4i\\C&gt;\x84\x10\xbaa\x80\xe7D\x7f\x00\x00\xa7\xae\xcb\x1fTU\xbd\x9f\xc4\xa6\xaa*c,22r\xfd\xfa\xf5\xd1\xd1\xd1\xf9\xf9v\xb3\xd9\xb4g\xff\xb1\xf6\x9d\x06\xcc\xfer\x91\x12l%f\xcd0\x98\xbbu\x0c\x0b!\x98\xc1\x94\x00\x7f\xa6(cF\x8d\x7f\xea\xd9\xb1\xd72\xb2UU\xb1\xdb\x1dqqqK\x96,\xc1\xe8\x7fW\xf04!OS\xb0I\xc4\x83\xca\xfe\xd7\xb9\xbe\xd1\xfd\x0fm\x92\xfd\x01V\xabu\xed\xda\xb5C\x86\x0cq8\x9c\x94\x92\x9c&lt;{\xdc\x0b\xe3\x9f\xee\xf3\xd2\x85K\xd7T\xab\x95\x10p\x93\x95\xe3\x04\x80a\x18DS\x15\xab5q\xfb\xde\x07\xdb\xf7\x9f:}\x91\xc9d\x92}#S\xa6L\x91c~0\xfa\xdf\x15&lt;S\xc8\xd3x^\xd0/\xc8\x15\xf6\x8b\xe4k\xca\xc9\x01\x81\x81\x81\xf1\xf1\xf1\xf1\xf1\xf1~~\xfe\x82s\x93\xc9\xb4x\xd9\x9a\xc8\xa8^\xd3\xa6\xcc\xd1\xa9\xa2\x04\x07r\xceK1\r\x08\x01\xcc`\x04@\xb5\x86\\N\xcfzi\xc4\xb8v\x1d\x9eK\xdcu\xd0d29\x9d\xce\xb0\xb0\xb0M\x9b6\x8d\x1e=Z\x86~\x8c\xfew\x05O\x16\xf24\xfa\x8dF\x12\xb9\xf4M\xe9\x1eL\x91S\xd5\xeb\xdfH\xf6s\xdc\xff\x1b\xca\xbde\x18cC\x86\x0c\xd9\xb4iSLL\x8c\xd3\xe9T\x14\xe5\xf2U\xdbK\xaf|\xd0\xae\xe3sk\x7f\xdeB\xfd}\xaf\xa7\x01\x83\x95\xe4\xa4\n\xd9\xd3K((V\xab\x93\xc3\xdcY\xdf6\x8f\xea5\xed\xf3o9!\x00\xe0t:\xfb\xf6\xed\xbbm\xdb\xb6\xb6m\xdb\xca\xb9\xbe\x9e\x9d\xfb\x8b\x83\xa7\xdd\x1e\xc8\x9b\xc9\xfb\xbfZ\xb5j&gt;&gt;&gt;\x84\x90\xac\xec\xdcc\xc7O\x83\xd9\xc4\xdd\xb8?\xb3\xf0\x84\x10\x00\xca\x9e\xbdG\xe5\xc3\xea\xd5\xab\xfb\xfa\xfa\x16\xc9\xfa\xc6\x84\x10\xd9\x1c\xd4\xbcy\xf3\xdf~\xfbm\xdc\xb8qr\xf2\x94\xa6i\x89I\x07\xba&gt;&lt;\xb4k\xb7\xb8\xb5?\xfdJ\xfd\xfd\x14k0Q\x14\xc3`\x8c\x15\xe39\x95\t\x891FL\x9aj\ru21w\xe6\xb7-\xda&lt;5x\xd8\xb8\xdf/^Q\x14\x85\x19F\x95*U\xbe\xfd\xf6\xdbo\xbf\xfd644\x941\x86s}\xef\r&amp;\x00\xe49d(\xacZ\xb5\xaa\xd9l\x16B\x18\x06\xcb\xcf\xb7\x83GU\x02hVv\xae\xfc\xa9b\xc5\x8a\x16\x8b\xa5\x08\xcb\xe3\xb29HU\xd5\xf1\xe3\xc7\xef\xde\xbd\xbbG\x8f\x1e\xb2.\xa5i\xda\xda\xf5\xdb\xbb&gt;2\xack\xb7!\x0b\xe6.\xcf\xca\xc9W\xadV%\xd0\x8f\x00\\\xcf\x04Et\x0c\\\xc6}\x83\x11UQ\x82\x83\x94\xe0\xa0\xf3\xe7/M\xfe\xe0\xcb\x16m\x9e\x1e&lt;|\xdc\xc1\xc3\'4M\x05\x00J\xe9\xa8Q\xa3\x92\x93\x93\xfb\xf6\xed\xcb9\x97\xeb\xbf\x16\xc9\x01x!L\x9b\xc8\xa3\xc8\x12q```FF\x06\x00\x9c9{\x11\xe0\x0e\xdb\xe7\x96\x15\x84\x00\x08\xe3\xcc\xb9\x8b\xf2appp\x91\x7f\x84l\x0e\xe2\x9c7n\xdc\xf8\xa7\x9f~Z\xbcx\xf1\xa4I\x93\x0e\x1e&lt;\x08\x00\xaa\xaa\xae]\xbf}\xed\xfa\xed\xd5\xaaV\xec\xdb\xa7{\xcf\x7ft\x8ai\xd1H\xb5Z\x01\x18\xe4\xdb\xb9S\xe7\\\x10\x02@\x08-\xdc\xe4[!\x00@p~}=RE\xa1\xd4l\x02\xb3\x19\x80d\xa5]\xd9\xf4\xf3o\xdf\xfd\xef\x97\x95\xab7\xca\x84\'\xc7\xad\xea\xba\x11\x1b\x1b;q\xe2\xc4\x98\x98\x18\x90\xbb\xbe`\xe8\xbf?\x98\x00\x90\xe7\x90;\xa1\x07\x04\x04\xd4\xa9S\xe7\xec\xd9\xb3\x00p\xf8\xe8)\x8f\xa9\xe6\x12J8\xd3\x8f\x1c;-\x1f6k\xd6\x0c\x00\x8a|\xd0\x8bl\x0e\x92k\xcc\xf5\xed\xdb\xf7\x9f\xff\xfc\xe7\xa2E\x8b&gt;\xf9\xe4\x13\x99\x06(\xa5\xe7\x7fO\x9b&lt;e\xfe\xe4)\xf3\x1b6\xa8\xfdH\xf7v\xdd\xbb\xb6i\xd6\xa8^h\xd5\nT1\x030`\x0c\x9cN\xa13\xc19\x10\xe0\\\x00\x08\x00W&gt;\x10\x00\x84R\x02\x02\xa8\xaa\x80\xaa*f\x13\x10\x05\x80\x82#\xef\xec\x99\x0b\xbb\x93\x8f\xac\xfe\xe9\xd7\xb5\xeb\xb7\x9f\xff=M\x1e\x0c! \x04\x18\x86\x11\x1b\x1b;v\xec\xd8\xd8\xd8X\x00\x90\xfb\xfab\xf4\xbf\x7f\x98\x00\x90G\x91\x01\xb1Q\xa3F\x1b7n\x04\x80}\x87\x8e\x83\xd0\xcb\xfaZ\xd0 \x979R\xd5\xac\xcb\xb6\x13\xa7\xce\xc9g\x1a6l\x08\xc56\xe4I&amp;\x15\xc6\x98\xc9d\x1a4hP\xbf~\xfd~\xfe\xf9\xe7\x193fl\xd8\xb0\xe1\xc6\x0b\xc8\x91\xa3\'\x8f\x1c=9y\xea\xfc\x10k`d\xd3\x06\xad\xa3\x9b4o\xd6\xa0Z\xf5JukU\xb3\x86\x04\x11\x8b/\x08A\xa9\xe9\xcfoL\x0080\x1d(\xe5Y9\xd7\xae\xd8\x8e\xa4\x9e=q\xea\xdc\xfe\x03)\xdbv\xec;x85/\xcf~\xfdu\x84\x08!\x84\x10\x01\x01\x01\xbd{\xf7~\xfe\xf9\xe7\xdb\xb4i\x037V?\xc5\xd0_T\xeez\x1e9B\xeeL\xae\xfd;o\xde\xbcA\x83\x06\x01@\xf5j\x15\x8f\xecY\xe1\xe7k\x16\x8c\x97\xe9!"\x9cs\x1a\xe0\xb7\xfb\xb7=\xad:\rd\x9ck\x9a\xb6\x7f\xff\xfe\xfa\xf5\xeb\x17\xf7\xb0w\xd9"\xe4\n\xb8\xfb\xf7\xef_\xb0`\xc1O?\xfdt\xf8\xf0a\xf9\xcc\xadkQX\xad\x81ukU\xf3\x0f\xf2W\x81D\xb7l\xaci\xaa\x10\x82\x00\x08\x01DU2\xd23\xf6\x1d8NT\xf5\xe2\x85\xb4\x0b\x17\xafdf\xe5\x14\xf8U\xe2Z\xb8IU\x95\xe8\xe8\x98\x9e={\xf6\xed\xdb\xb7Z\xb5j\xb7\x1e\t*\x12\x98\x00\x90G\x91\x011%%%""B\xd7uB i\xe3\xd7\xcd\x1fl\xce\xb2s\x95\xb2\xdc\x1bl\x18L\xb5\x86|\xf6\xdf\x99/\xbf6\x19\x00\xea\xd7\xaf\xbf\x7f\xff~M\xd3J&amp;\xab\xc9\xe0\xeb\x1ag\xc9\x18KLL\\\xb1b\xc5\xe6\xcd\x9b\x93\x93\x93\x8bp;\x81\x80\x80\x80\xe8\xe8\xe8\xee\xdd\xbb?\xf2\xc8#\xb2\x8a#?\x0e\xb0\xd4_&lt;\xb0\t\x08y\x14\xd9\x8dY\xb3f\xcd\x9a5k\xa6\xa4\xa4\x08\x01\x1b\xb7\xecn\xfeP\x8c\xe0\xa2L\xf7\x05PB\x80\xebk7&amp;\xca\x87\xad[\xb76\x99L%\xd6\x0b*;\x06@\xae\xbc\xcf\xb9\xaa\xaam\xda\xb4\x91m2\x87\x0f\x1f\xde\xb9s\xe7\xbe}\xfb\x92\x93\x93\x0f\x1d:d\xb3\xd9\xeej\xca\x98\xaf\xafohhh\xc3\x86\r\xa3\xa2\xa2Z\xb4h\x11\x1d\x1d]\xb5\xea\xf5\r\x0f\xe4`PEQ0\xf4\x17\x1fL\x00\xc8\xd3p\xceM&amp;S\x9b6m\xe4\x96)\xcb\xbe_7\xe6\xd5\xc1T)\xc3\xe1_\x08A}L\x17O\x9e\xdb\xfc\xdbnJ)\xe7\xbcC\x87\x0eP\x14\xabA\xdc-9\xd5VV\x08\xe4\xf8\xcb\xf0\xf0\xf0\xf0\xf0p\xf9\xaf\x99\x99\x99\x17.\\\xb8t\xe9\xd2\xbe}\xfb233322\xf6\xed\xdb\xe7j#\x92?h\x9a\x16\x1d\x1d\xad\xaaj\x8d\x1a5j\xd4\xa8Q\xa7N\x9d\xf2\xe5\xcb\xfb\xf8\xf8\xb8&gt;B\xe6\x18\xf9A8\xba\xbf\xb8a\x13\x10\xf24\xb2\xd8\xf8\xe3\x8f?&gt;\xfa\xe8\xa3\x94RUU\x0e%.\xad\xdb\xa8.\xcf\xb3\x97\xd1\xde`\xc3`\xaa\xd5\xba`\xd6\xb7\xcf\r\x1bG)\xf1\xf3\xf3?v\xecX\xe5\xca\x95\x8bd\x16\xd8}\x92\xf1\x1an\xe4\x86\xfby\x13\xb9y\x8b\xe7M\xdevgx\xae\x91\xa7\x91\x11\xe4\xa1\x87\x1e\x92!\xd2\xe9\xd4\x17.\xf9\t4\xb3(\xf4\xf6\xb9\xee\x86R\xc2\x1d\x8e\xb9\x8bV\x03\x00\xe7\xa2}\xfb\xf6\x95+W\x96\x11\xb3\xb4\x0f\rd9]UUW\xcd\x801f\xdc\xc0oQ\xf0_\xe5\xdamr\x1f7UU\x15E\xc1\xe8_\xc2\xf0t#O#w\x04\x0b\x08\x08x\xe6\x99gd\x19\xf9\xcb9\xdf\xe5^\xb9JMers`\xc68\t\xf0\xdb\xb3#y\xe3\xaf\xbbdk\xf8\xb0a\xc3\xa04\xda\x7f\xeeH\x96\xdf\x15EQo\xa0\xb7(\xf8\xaf2\xe2\xbbC\x1a\xf3Z\x98\x00\x90\x07\x92\x05\xc9A\x83\x06\xc9E\xf3\xd3.\xa7\x7f\xf7\xbf_\x88_\x00ge\xb1\x12 \x08Ug\xc4/\x03\x00\xcey\xed\xda\xb5;w\xee,K\xcd\xa5}`\xa8\xcc\xc3k\x08y \xd9S\x1a\x1e\x1e\xde\xae];\xd9T\xf2\xde\xc7s\x1d\xd9YDS\xdc\xae\xd8\xfc\xb78\xe7\xd4\xcf\xf7X\xf2\xa1o\x96\xadQUE\x081`\xc0\x00\x1f\x1f\x1f\xc6&lt;d\xa7{T\xba0\x01 \xcf$\x1b\x7f\xdey\xe7\x1d\x00PU\xe5\xd8\xf13\x8b\x17\xae\xa6\xfe\x81ek\xd3s\xce\x05\xd1\xcc\xef}\xf4\x95\xd3\xa9\x0b\x01\xe5\xca\x95{\xf1\xc5\x17q\xf93TT0\x01 \xcf$\x17\xb4\xe9\xd0\xa1C\xfb\xf6\xedu\xddP\x14\xe5\xf5\t\xd3m\x17.Q\x8b\xc9\r[\xcfo\x8b\x19L\r\x0e\xdc\x92\xb0y\xe1\x92\x9fM&amp;\x8d16b\xc4\x88r\xe5\xca\xb9I\xf7/\xf2\x00\x98\x00\x90\x87\xfb\xf8\xe3\x8feo\xe4\xa5\xb4ko\x8f\x9fF}\xfcYY\xe8\t\x10B\x80\xaa\xe8y\xf6\xd1\xaf\x7f,8g\x8c\xd7\xae]{\xcc\x981\xb8\xe5!*Bx%!\x8fE)e\x8c\xb5h\xd1b\xd8\xb0a\xba\xae\x9bL\xa6\x19\xf1\xcb\xd6\xad\xfaE\xb5\x06\xb9\x7fC\x10cL\t\x08\x9e\xf4\xee\xe7{\xf6\x1e\x95\x93~?\xfc\xf0\xc3\xa0\xa0 w\x18\xfb\x8f&lt;\x06N\x04C\x9eL\x8eL\xcf\xcb\xcb\x8b\x8c\x8c&lt;u\xea\x14\x00\x94/\x17\xbc/qY\x85J\xa1\xc2\xe1t\xdb\xa2\xb4a\x18\xaa5x\xdd\xea\r\xb1\x8f\xbfh6\x99\x1c\x0eg\x9f&gt;}\x96,Y\x82+\xe0\xa3\xa2\x85\t\x00y8\x194\xd7\xaf_\xdf\xa5K\x17\xb9\x8dxl\x87\xe8_6\xcc7\xb2s\x14\xb7\xdcA\x9e3N}-\x97/]m\x12\xd5\xeb\xca\xd5\x0c\x00(_\xbe\xfc\xfe\xfd\xfb\xcb\x95+\x077F\xb8"T$\xf0bB\x1eNQ\x14\xc30:w\xee&lt;~\xfcx\xa7\xd3\xe9c\xb1\xac\xdd\xb4s\xf8\xf3o\xaa\x81A\xcc\xfd\xe6\x06s\xce\xc1\xa4\xe5\xe5\xd9\x1f\xeb92\xedr\xba\xa6i\x9c\xf3\x05\x0b\x16T\xa8P\x01\xc7\xfe\xa3"\x87\xd7\x13\xf2|\xaa\xaa2\xc6\xc6\x8d\x1b\xd7\xa5K\x97|\xbb\xddl6\xcf\x9c\xfb\xbf\x99\x9f\xceU\x83\xcb\xe9\xba\x01nS\x07\xe6\x9c\x0bB\xa9\xaf\xcf\x8b/N\xd8\xb9\xe7\xb0\x8f\xc5\xe2p8\xc6\x8f\x1f\x1f\x1b\x1bk\x18\x066\xfe\xa0"\x87M@\xc8+\xc8\xeb&lt;==\xbd{\xf7\xee\xbbv\xed2\x9b\xcd\x0e\x87c\xd6\xb4\xb7\xe2F\x0ef\x99W\x0b\xb9\x8dm\xb1\xe2\x8cS\x93\x06&gt;\x96\xa1\x83\xde\x88\x9f\xbf\xd2\xc7\xc7\x92\x9fo\x8f\x8b\x8b\x9b5k\x166\xfd\xa3b\x82\t\x00y\x0b9\x80\xf2\xd4\xa9S-Z\xb4\xb0\xd9l\x9a\xa6\xe9\xba&gt;\xe5\xc3\x7f\x8d\xfe\xd7`awp]/\xc5 k\x18\x86\xea\xe7\x97\x9d\x9b?\xfa\xa5w\xe7,\\\xe5c\xb1\xe4\xdb\xed\xad[\xb7\xde\xbau\xab|A\xa9\xe7\'\xe4\x910\x01 /"\x8b\xd2III\xdd\xbau\xb3\xd9l\xb2O8n`\xcf\xcf\xbf\x18\xaf*\xd4\xc8\xc9-\xf9\x05\xe8\xe5\xb6\'\xaa5\xf8\xe2\xd9\x0bO\xf4\x1c\xb9s\xcfa\x8b\xc5b\xb7\xdb\xa3\xa2\xa2\xd6\xacY\x13\x1c\x1c\x0c\xd8\xf1\x8b\x8a\r^X\xc8\x8b(\x8a\xc2\x18\x8b\x8a\x8aJHH\xa8\\\xb9\xb2\xd3\xe9\xb4X,\xf1\xf3Vt\xe8\xf0\xdc\xf1\x943\xaa5D.P\\b\xc7#\x97\xf4Q\xad\xa1\t\xab7\xb4\x88\xee\xed\x8a\xfem\xdb\xb6MHH\x08\t\t\x01\x8c\xfe\xa88\xe1\xb5\x85\xbc\x8b+\x07\xec\xde\xbd;**\xcan\xb7[,\xe6\xad\x89\xfbZ\xb7{f\xf1\x82\x15Jp\x10\xf5\xb5\x18\xbaQ\xdc5c\xce\xb9a0%8\xd0P\xe8\x84\xb7&amp;w\xff\xc7\x8b\x17\xd3\xaei\x9af\xb7\xdb\xe3\xe2\xe26m\xdad\xb5Zq\xd2/*nxy!\xaf#s@\xe5\xca\x95\x13\x12\x12\xfa\xf4\xe9c\xb7;\x14EI\xcf\xc8~\xfa\xb9\xd7\x9e\xee3:\xe5\xd8\x195\xa4\x1c\xd1T\xc3(\x96\xda\x00g\x9c1F}}T\xabu}\xc2\xd6\x07\xdb?7~\xd2L\x93I\x03\x00]\xd7\xc7\x8f\x1f?k\xd6,UU1\xfa\xa3\x12\x80}\x00\xc8K\xb9"\xec\xd4\xa9S\xc7\x8e\x1dk\x18\x86\xec\x12\x08\n\xf4\x1f\xf3\xf2s\xc3\xe3zW\xac^\r\xf4|\x96\x9b\x0f\x00\xf7\xbfo\x89\x10\x821\xaePB\x02\xfc\x80\xaa\x07\xf7\x1c\x9c\xf2\xe9\xd7s\xbe\xfe\x1e\x00\xe4\xe7V\xae\\y\xee\xdc\xb9\xdd\xbausm\x8eX$_\x13\xa1\xbf\x81\t\x00y/!\x84\x9c]\x95\x98\x98\xf8\xf2\xcb/\'&amp;&amp;\x12B\x00\x88\x10\xbcb\x85\x90\x17\x86=\xf5T\xef\xee\r"\x1a\x00\x08\xc8\xcbc\x0e]\x00P9b\xb4p\xd1Y\x08\xc1\x85\x10\\PB\xa8\xc5\x04\x16_\xd0\xed\xdb\xb6\xee\xfdj\xee\xff\x16~\xfb\x83S7\xe4H$\x00\xe8\xdb\xb7\xef\xc7\x1f\x7f\\\xa5J\x15\xc30p\'tTb0\x01 o\'\x87\x06\xe9\xba\xfe\xe1\x87\x1fN\x9e&lt;933SQ\xa8\\1\xd4l\xd2\x9e\xea\xd5\xfd\xc9\x7f\xc6vx\xb0y`\xc5\xf2\x00\x00\xba\x13\x9c:7\x0c\xce\x05\x80\x00B\x08\xfc)\x19\x08!\x00\xc4\xf5\xfd\xcd5\r\xcc&amp;P4\x10\xec|\xea\xd9u\x9bw~\xb3\xf8\xa7\xb5\xeb\xb7\x03\x00U\x14\xce\x18\x00\xd4\xaf_\x7f\xfc\xf8\xf1}\xfb\xf6u\x1dI\xc9\x9f\x01\xe4\xb50\x01 \xf4GsPJJ\xca\x87\x1f~\xb8h\xd1"\x87\xc3\x017v\x16\x03\x80jU+\xc6vi\xfdP\x9b\xe6\xd1-\x1b\xd7|\xa0\xb2oH\x10P\x05@\x01`\x007\xf5\x13(\x00\x14\x80\x81\xe1\xcc\xbcb;\x96zf[\xe2\xfe\x8d\x9b\x936mN\xca\xca\xce\x85\x1b=\x10\x00P\xb1b\xc5\xe1\xc3\x87\x8f\x193&amp;((\x881\x86\xbb\xe3\xa2\x92\x87\t\x00\xa1\xeb\\\xcd/\x07\x0f\x1e\xfc\xec\xb3\xcfV\xadZ\x95\x96\x96\x06\x00\x84\xfcq\x9b(\x8aR\xa5J\x85\xbau\xaa7\r\xaf\x1b\x1c\x12\xf4@\x95\xf25kU\x17\x86!_CTe\xef\xde\xa3\x99\xb9\xf9g\xcf\xfc~\xe2\xe4\xf9#)\xa7\xae\\\xb1\xddx{\x027\x16\x9dh\xd0\xa0\xc1SO=\xf5\xc2\x0b/T\xacX\x11\xb0\xe0\x8fJ\x0f&amp;\x00\x84\xfe\xc09wm\xb8\x98</t>
        </is>
      </c>
    </row>
    <row r="247">
      <c r="A247" s="1" t="n">
        <v>245</v>
      </c>
      <c r="B247" t="inlineStr">
        <is>
          <t>shape_size_hexagon</t>
        </is>
      </c>
      <c r="C247" t="inlineStr">
        <is>
          <t>What is the size of the missing shape denoted with a question mark if it is a pentagon?</t>
        </is>
      </c>
      <c r="D247" t="inlineStr">
        <is>
          <t>['medium', 'small', 'large']</t>
        </is>
      </c>
      <c r="E247" t="inlineStr">
        <is>
          <t>large</t>
        </is>
      </c>
      <c r="F247" t="inlineStr">
        <is>
          <t>There are 7 shapes with different sizes in the image, of which there is a missing pentagon in the center. The other shapes are arranged around the center, which are ['hexagon', 'pentagon', 'triangle', 'hexagon', 'pentagon', 'triangle'] in anti-clockwise order. Their corresponding sizes are ['small', 'large', 'medium', 'small', 'large', 'medium'].</t>
        </is>
      </c>
      <c r="G247" t="inlineStr">
        <is>
          <t>We observe that the hexagons are small size, the pentagons are large size, and the triangles are medium size. Hence, the pattern is that each shape appears with a distinct size.</t>
        </is>
      </c>
      <c r="H247" t="inlineStr">
        <is>
          <t>Based on the pattern that each shape appears with a distinct size, the size of the missing pentagon should be large.</t>
        </is>
      </c>
      <c r="I247" t="inlineStr">
        <is>
          <t>b'\x89PNG\r\n\x1a\n\x00\x00\x00\rIHDR\x00\x00\x02\x00\x00\x00\x02\x00\x08\x02\x00\x00\x00{\x1aC\xad\x00\x00f\x91IDATx\x9c\xed\xdd{XUU\xfa8\xf0u\xd9\xe7pQnj\x8a\x96\xa5\x89X\xa95\xe0\xd8EQ\xa9T\xe8\xa69VF\xd6\x94%\xda\x98\x11^H\x1b\xc5\x04\xad\xc9\xbcQV\xbf\xb1\x9cl\xa6R\xf3RSj\x05\xa5\xa2\x8e\xa6\xa5\xf4\xcd\xec\x02\x8c\xd64S\x9a\xca\xe5\x00\x02\xe7\x9c\xbd\xd6\xfa\xfd\xf1\xc2\x8e\xf0\x92\xc2\xb9\xee\xfd~\x9ey\xe6IP\xd8\xe7\x9c\xbd\xd7\xbb\xd6\xbb\xde\xb5\x16UJ\x11\x84\x10B\xd6\xc3\xfc}\x01\x08!\x84\xfc\x03\x03\x00B\x08Y\x14\x06\x00\x84\x10\xb2(\x0c\x00\x08!dQ\x18\x00\x10B\xc8\xa20\x00 \x84\x90Ea\x00@\x08!\x8b\xc2\x00\x80\x10B\x16\x85\x01\x00!\x84,\n\x03\x00B\x08Y\x14\x06\x00\x84\x10\xb2(\x0c\x00\x08!dQ\x18\x00\x10B\xc8\xa20\x00 \x84\x90Ea\x00@\x08!\x8b\xc2\x00\x80\x10B\x16\x85\x01\x00!\x84,\n\x03\x00B\x08Y\x14\x06\x00\x84\x10\xb2(\x0c\x00\x08!dQ\x18\x00\x10B\xc8\xa20\x00 \x84\x90Ea\x00@\x08!\x8b\xc2\x00\x80\x10B\x16\x85\x01\x00!\x84,\n\x03\x00B\x08Y\x14\x06\x00\x84\x10\xb2(\x0c\x00\x08!dQ\x18\x00,M\x08\xa1\x94\xf2\xf7U \x84\xfc\x03\x03\x80E)\xa5\xa4\x94\x9csJ\xa9\x94\xd2\xdf\x97\x83\x10\xf2\x03\x0c\x00V$\x84\xa0\x942\xc6\xb6m\xdbV__\xcf\x18\x13B\xf8\xfb\xa2\x10B\xbe\x86\x01\xc0rt]\xe7\x9c\x97\x95\x95\x8d\x1d;\xf6\x86\x1bnHNN.**\xe2\x9cc:\x08!\xab\xa1\xf8\xcc[\x07\xa4z\x18c\xbbv\xedz\xf0\xc1\x07KJJ\xa0\xdd\x8f\x88\x88X\xb2d\xc9\xf8\xf1\xe3\t!B\x08\xce\xb9\xbf\xaf\x14!\xe4\x0b8\x02\xb0\n]\xd7\x19c\x8c\xb1\x9c\x9c\x9c\xe4\xe4\xe4\x92\x92\x12M\xd3\xa0\xb9\xaf\xae\xaeNOOOKK+++\xe3\x9c\xeb\xba\xee\xef\x8bE\x08\xf9\x02\x8e\x00\xccO)%\x84\xd04\xed\xc8\x91#\xe3\xc6\x8d\xcb\xcf\xcf\'\x840\xc6`\x12\xd8\x18\x16\x08!\xe2\xe3\xe3_}\xf5\xd5\x81\x03\x07\x1a_\xf4\xf3\xa5#\x84\xbc\t\x9fp\x93\x83\xa6\\\xd3\xb4\xb5k\xd7\xf6\xeb\xd7/??_\xd34\x08\xfc\x94R\xc8\xfb\xc3\x7fh\x9aVRR\x92\x9c\x9c\x9c\x93\x93\x03c\x05\x1c\n dn\x18\x00\xccL\x08\x01]\xfb)S\xa6\x8c\x193\xe6\xc8\x91#\x90\xe1\xe1\x9c)\xa5\x94R#o\xb91&amp;2BJ\xa9q\x0e9"]\xd7\xe7\xce\x9d\x9b\x9a\x9aZZZ\xaai\x9a\xae\xeb8FD\xc8\xac0\x00\x98\x13\xa4}8\xe7EEEIIIyyy\xd0\xa9\x17Bh\x9c\x0b!:w\xec\xf0\xfe\x9a\x97\xfe\xb9a\xc5\'\x05\xab\x06\xf4\xff\x9d.\x04cL)E\x08\xd54-??\xff\xba\xeb\xae[\xbbv\xad\xa6i0&gt;\xf0\xf7\x0bB\x08y\x1e\x06\x00\x13\x822\x7f\xce\xf9\x8a\x15+\x92\x93\x93\xf7\xee\xdd\xabi\x9a\xb1\xdaK\x17bx\xf2u\xfb\xb6\xbcu\xd3-C\xeb\x8f\xfe\xdc\xabg\xf7\xc2\x8d\xaf=6\xe1^)\xa5RJ\xe3\xcc\xa8\x13\x1d3fLFFFuu5\xce\x0c#dJ8\tl6\xba\xaek\x9aVVV6y\xf2\xe45k\xd6\x10B\xa0\xd6\x13\xfe_\xe3|\xc1\x93S\xa7&gt;:\x8e\xb8ug]\xbd\xa6q)$\xe3\x8cGE~\xb8\xf9\xe3\x07\x1f\xcd&gt;r\xec\x84\xc6\xb9\xde\xb8RL\x08\x91\x98\x98\xf8\xd2K/]s\xcd583\x8c\x90\xc9`\x000\x8f\xd3\x96\xf97~\x91\n!{^z\xf1\xab\xcb\xe6\']?\xc0]VA\x9a4\xe5J)!dHL\xd4O\xff\xfd)s\xe6\xd3\xeb6~D)\x85-"`\x1a@\xd3\xb4\x85\x0b\x17fff\x12\\(\x80\x90\x89`o\xce$\xceT\xe6\xcf(\x85\xf6\xfd\xa1\xb1\x7f\xf8t\xdb\xba\xa4\x81\xfd\x9d\xc7\xcb\xe0o\x1a\xff\x96R\xaai\xdcY\xe1\xe8rA\xfb\xb5\xaf?\xbf87\x8b3h\xfd\x1bf\x86O\x9dF\xc6~\x03B&amp;\x80#\x80\xa0w\x962\x7fH\xe6D\xb6m\xb3h^V\xfa\xf8{T\xcdI\xb7\xdb}\x96\xfe;\x0c\x17l1\xd1{&gt;\xd97ij\xce\xe7_~\xcb9\x93R)\xa5`(\xd0\xb9s\xe7\x95+W\xa6\xa4\xa4\xc0_\xc6t\x10BA\r\x1f\xe0\xe0&amp;\xa5\xa4\x94B\x99\xff\xef\x7f\xff\xfb\xa6e\xfe\x8c1]\x88\x01\xfd\xaf\xfat\xcb[\xe9\xe9\xf7\xb8**\x7f3{\x03#\x03gY\xf9\xb5W\xff\xaep\xe3\xdf\'\x8fO\x13B*\xa5\xa0\xd7\x0f1&amp;55u\xee\xdc\xb9\xc6\xc8\xc0g\xaf\x14!\xe4q8\x02\x08b\xd0(WWW\xcf\x9a5k\xd9\xb2e\xe4\xd7\xf3\xbd\x84\x90\xc7&amp;\xdc\xbb0w\xba\xcd\xa69kNj\x9av\xee?Y\x08a\xb3i4*\xf2\xadU\xefL\x9a&gt;\xaf\xbc\xb2\nF\x00\xd0\xe5\x97R\x0e\x1c8\xf0\xd5W_\x8d\x8f\x8f\x87\xa5\x06\x94R/\xbdF\x84\x90\xf7`\x00\x08J\xc6n\xfeEEE\xe9\xe9\xe9\xb0\x9dgc\x1d\'\xd7\x85\xe8\xdc\xb1\xc3\xab\xcb\xe6\xa5\xde2T8\xaa\xa0\xce\xa7\x05\xbfB\x08\x11\xd2\xa1]\xc9\xc1\xe2Gg&lt;UP\xf8\x89\xd1\xfaC0\x88\x8a\x8aZ\xb4h\x11n!\x87P\xf0\xc2\x14P\xf01\xca\xfc\x97-[\x06\x9b9\xc3|/\xa5\x94\xd0_\xca\xfcSo\xbe\xc1YV\xa1\x94jA\xebO\x1af\x865\xe7\x89\xf2\xf8\xb8n\xf9\x1b^\x993\xfda)\xa5\xb1f\x98s\xeep8\xd2\xd3\xd3\xd3\xd3\xd3\x1d\x0e\x07.\x14@(\x18\xe1\x08 \xc8\x18e\xfe\x93&amp;MZ\xbbv-i\xb2\xad\x9b\x10B\xe3l\xc1\x93\xd3\x9a\x96\xf9\xb7\xfe76L3\xb4\x8b\xfep\xd3\xc7\x193\x9e*\xfd\xee\xbf03Lp\x0b9\x84\x82\x1c&gt;\xabA\xa3\xa1\x03\xaei\xf9\xf9\xf9\x03\x06\x0c0\xf6i\x80IZ!DB\x9f\xcbv~\xf8\xe6\xd4\xa9\x13\xdc\'k\xddN\xa7GZ\x7fB\x08\xa4\xf8\x9d\xc7\xcbRo\xbaaw\xfe\xea1\xb7\xa7\xc2\xcc0c\x142?\xb8\x85\x1cBA\nG\x00\xc1\x01:\xfe\x84\x90\x9c\x9c\x9c\xb9s\xe7\x12B \x11\xcf\x19\x13R\x12B\x1e\x1a\xfb\x87%\x7f\x99\x19\x19\x19\xe1tT\x9d\xd7|\xef\xb9\x13\xba\xb0\x85\xd8i\xdb\xf0WV\xac\x9e6kA\xf5\xc9ZM\xe3\xba.`\x08B\x08IIIY\xb9re\xe7\xce\x9d!G\x843\xc3\x08\x058\x0c\x00\x81\xce(\xf3/--}\xf4\xd1G\xf3\xf3\xf3\x9bM\xc6\xb6\x8b\x8e|\xe1\xd9\xd9icF\xa8\xba:\xb7\xeble\xfe\x1e\xb9\x18)\xa5\xbdC\xbb\xfd{\x8b&amp;M\xcd\xfd\xf4\xf3\x83\xb0\x85\x9cR\x04V\x8du\xee\xdc9//\xef\xae\xbb\xee\x82\xddF1\x1d\x84P \xc3\x00\x10\xd0\x8c\xc5Vk\xd7\xae\x9d4iRYYYC9&amp;\xa5\x84R)\xe5\x80\xfeW\xad|\xf1\xe9\xf8\xde\xf1\xae\xb2\n\x9f\x95c\xea\xba\x1e\x12\xd1\xd6\xedvge/z\xee\xe57\xc8)\xe5\xa7\x99\x99\x99\x0b\x17.4\xb6\x91\xf0\xc1%!\x84Z\x00\x03@\xe0:S\x99?\x14z\x12B\xe6L\x7fx\xf6\xb4\x896\xbb\xed|\xcb\xfc[O\x08\xc9O\xb7\x85\x9c1:\xb9\xe6\x9ak^z\xe9\xa5\xc4\xc4D\\(\x80P\xc0\xc2\x00\x10\x88\xce\xb5\xcc\xff\xb6a\xa2\xc2\xd1\xb22\x7f\x8f\\\xa4\x102\xa4]\xd4O\xdf\xffo\xdc\xa3\xb3\x0b\n?!\xc6\x16\x14\x9a\xa6\xebzDD\xc4SO=\xf5\xe8\xa3\x8f\x12\\(\x80P@\xc2\x14m\xc09K\x99?\xa5T\x17\xe2\xce\xdb\x86\xed\xdb\xb6.\xf5\xa6\x1b\x9c\xc7\xcbZ\\\xe6\xdfz\r[\xc8\x95;\xbat\xba \xff\x9d\xbf-\xce\xcd\xd28\x87\xb8\x05\x93\xc0\xd5\xd5\xd5\x19\x19\x19c\xc6\x8c\xc1\xb3\xe6\x03\x13\xcc\xd3\xf8\xfb*\x90?\xe1\x08 \x80\x18\xf3\xbd\xbfQ\xe6\x9f\xf1 q\xb9=U\xe6\xdfz\r[\xc8\xb5\x8f\xf9\xd7\xb6\xdd\x0f&gt;:\xbb\xf4\xf0\x0f\xc66\xd4\xd0\xee\xc7\xc7\xc7?\xff\xfc\xf3)))\xb8P \x00\xc1\xa1\xd0\xfe\xbe\n\xe4\x1f\xf8(\x06\nc[\xb7\xdf.\xf3\xaf\xae\xf1`\x99\x7f\xeb5l!w\xbc,i`\xffO\xb7\xad{h\xec\x1f\xe0\xacyF)Lc\x94\x94\x94\xa4\xa6\xa6\xe2B\x81\xc0\x01s\xf5\xef\xbd\xf7\xde\x93O&gt;\x89G~Z\x19\x8e\x00\x02\x024\x94\xba\xae?\xf5\xd4S\xfe*\xf3o=!\x84\xcdn\xa3aa\xab\xdfzo\xf2\xe3\xf3O\xddB.%%e\xd9\xb2e={\xf6\xc4\x99a\xff\x82\x16\x7f\xd0\xa0A\x9f}\xf6\xd9O?\xfd\xd4\xa1C\x07\xac\xd9\xb5&amp;\xfc\xc8\xfd\xaci\x99\x7frr\xf2\xdc\xb9s\x8dn\xb2\xa6iB\xcav\xd1\x91\xab^~v\xc5KOG\xd8m\xae\xaa\xea\x80m\xfd\t\x14)\xe9\xc2\xe5\xa8J\x1b;\xea\x93\x82\xd5\x03\xfa_\xd5\xb4\xf57\xce\x9a_\xb3f\r,\x13\xc3\x8e\xa7_\xc0\x0c\xcd\xaaU\xab&gt;\xf9\xe4\x13]\xd7\xb3\xb2\xb2`\xa0\xe9\xef\xebB~\x80\x1f\xbc?\x19\xb51k\xd6\xac\x99&lt;y\xf2/e\xfe\x8d\x8d\xa6_\xca\xfc[O\xd7\xf5\x90\xb6m\xdc.\xf7\xfc\xc5\xcbs\x17\xfd\x95\x10\x02\xc5K\xc6B\x81\xf1\xe3\xc7/Y\xb2$""\x02\x17\n\xf8\x18L\xfc\xd6\xd4\xd4$&amp;&amp;\x1e&gt;|\x18fk\xb6m\xdb6x\xf0`\xac\xd4\xb2 \x1c\x01\xf8\x8dQ*\x93\x9e\x9e\x9e\x96\x96f\x94\xca@-\x8d\x94r\xce\xf4\x87\x0b\xdf{-\xbe\xc7%\xce\x13\xe5\xc1\xb5\xb3\x82\xa6i\xee\x93uL\xca\x9c\xdc\xe9\x1f\xac\xfdk\\\xf7\xae\xba\x10\x9a\xa6\xc1&lt;\x07\xe7|\xc5\x8a\x15\xc9\xc9\xc9{\xf7\xee\x85/\xc2\xe40\xf2\x01XZ\xb8`\xc1\x82C\x87\x0e\xc1*n)evv6\x8e\xc6\xac\tG\x00~`\x14\xc3\xec\xdd\xbbw\xd2\xa4IF\x99?i,\x9b\x89\xeb\xdeu\xd9\x82Y\xa9\xb7\x0e\xf5c\x99\x7f\xeb5\x9c(\xd0.\xe6\xc4\xd1c\x93\xa6\xe5\xae{\xaf\x804+j\xc2\xb3\xe6}\x0bZ\xff\xd2\xd2\xd2&gt;}\xfa\x08!`e\t|\x16\xff\xf8\xc7?\xee\xbb\xef&gt;\x1c\x90Y\r\x06\x00_3Z\xba\xbc\xbc\xbc\xac\xac,\x18\x07\xc0\xa4(\xc4\x80;G\x0c\x7fi\xf1\x9c\x0e\xb1\x1d\x9d\xe5\x15\xc1\xd5\xf1?-]\xd7CBC\x89\xdd\xf6\xfc__\x9f=\xff9\xdcB\xce\x8f\xe0\xde\xbb\xeb\xae\xbb\xd6\xad[g\xa4\xe3`\x1cp\xe9\xa5\x97\x16\x15\x15\xb5m\xdb\x16\x96\x9b\xf8\xfbJ\x91\x8f\x04e\xd72H)\xa5\xa0\x8d;r\xe4\xc8\x981c\xa6L\x99\x02\xed\xbe\x10B\xd3\xb8\x942\xa2M\xf8s\x7fyb\xed\xdf\xf3:DF8\xcb+\xa0\x0c\xd4\xdfW\xddZ\x9a\xa6\xe9.\xb7\xab\xfadF\xe6\xf8m\x9b\xfe\x9e\xd0\xf72]\x17\x9c3\xe8y\xc0\xccp\xbf~\xfd\xe04cJ)\xa6\x83\xbc\x04Z\xff\xed\xdb\xb7\x1b\xad?\xa5\x04\xdep\xc6\xd8\xa1C\x87\x16,X`Ded\x118\x02\xf0\x11c[\xb7\xfc\xfc\xfcq\xe3\xc6\x1d9r\x04\xe6{)\xa5\x8cQ!dB\xdf\xcb^y~^\xbfk\x13]\xc7\xcb\x19\xa5\x94\x05}\xd3\xdf\x8c\xee\xd6C\xa2#\xaa*\xabg\xcd\xcf{a\xc5jr\xe6-\xe40\x1d\xe4q0\xf7\xebv\xbb\x07\x0e\x1cXTT\xd4,\xd0RJ\x19c\x9c\xf3\x83\x07\x0f\xc6\xc5\xc5aI\xa8u\xe0\xc7\xec\x0bP\xd8\xa3\xeb\xfa\xdc\xb9sSSS\x8d\xd6\x9fs\x0e;\xeaL\x1e\x9fV\xb8\xf1\xef\xfd\x12z;\x7f&gt;\xc193_\xebO\x08\xd1l\x9a\xab\xaa&amp;"\xc4\xb6\xec\xf9yk^Y\xd8\xb9c\x07\x18\xfa\xc00\x881\x96\x97\x97\x97\x9c\x9c\\RR\x02!\x01\xbb&amp;\x1e\x04\xfd\x8f5k\xd6\xec\xdf\xbf\x1f\xba\xf9\x94R\xce\x99\xddf\xa3\x94\x12\xa2\x08!.\x97k\xd6\xacYX\x12j)\xf8a{\x97\xb1\xad[ii\xe9\xb8q\xe3v\xed\xdau\xean\xfe/-\xca\x1es\xcf(\xe5\xa8r\xbbu\xd3\xf7|\x1bf\x86\xdb\xc7\xfc\xf4\xdd\x7fO\xbb\x85\x1c\x9e5\xefq\xd0\xfdw8\x1cW\\q\xc5\xb1c\xc7\xa0\x83/\x84\x98\xf9\xe8\x83=/\xbd\xf8\xa1)s9gB4\xcc\xcc\xe7\xe7\xe7\x0f\x1f&gt;\x1c\xdfy\x8b\xc0\x00\xe0E\xbfY\xe6?&lt;\xf9\xbae\x0bf\xc5\xf7\xe9\x15t\x85\x9e\xad\xa4\xebzHx\x18a\xec\xc9g^xz\xc9+\xba\x1003l\xa4\x83\xee\xbe\xfb\xee\x17^x\xa1}\xfb\xf6X\x97\xd2zp\x1fN\x9e&lt;\xf9\xc5\x17_\x84z3JidD\x9b\xc3\x9f\xbd\x1f\xd3&gt;&amp;\xbe\xff\xcd\xff\xfe\xee\xbfp\xef)\xa5\xe2\xe3\xe3\x0f\x1e&lt;\x08\x8bN\xacsCZ\x16\xa6\x80\xbc\xe5\\\xca\xfc\xf37\xbc\x12\x1f\xd7\xcdy\xa2\xdc\x1c\xf3\xbd\xe7N\xd34w\xbd\xd3][\x9f\x93\x9b\xb5\xed\xbd\x95=\xbbw\x85\x99ac\xa1\xc0\x9a5k\x06\x0c\x18\xb0k\xd7.\\(\xd0J\x90\xfc)..^\xbe|9t\xfca\xbc\x95;\xfdO1\x9d.P\x94&gt;?\xefq\xa5\x14\xa5\xcd\xff&amp;\xbe\xe7V\x80#\x00\xcf;\xf72\x7f\xbd\xbc\xd2\xe2\x13n\xba[\x0f\x89\x89:\xf1\xf3\x89\xc9\x8f\xcf\x7f\xeb\x9f\x1f\x12B`\xfb#\xe34\xb1\xd9\xb3g?\xf9\xe4\x93\xa4\xc9\xa9\xc8\xe8\xbc@\xf7?%%\xa5\xa0\xa0\x00\xe6\x9c\x94R\t}/\xfb\xe4\xa3\xd5L\x17R\x08{t\xe4\x9d\xf7L^\xbf\xe9c\xe3.\x8d\x8e\x8e&gt;t\xe8PTT\x14\x0e\x02L\xcf\xbaM\x8f\x974\x9d\xd2LJJ\x82\xd6\x1fv\xf3\x872\xd0;G\x0c\xff\xa4`5\xec\xe6\x0f\xd5\x17\xfe\xbed\x7f\xd2l\x9a\xcbQ\xd5&gt;\xb2\xed\x9a7\x9e\x7fy\xe9\xdc\xa8\x886BJ\x8d\xf3f\xd3\xe6\xa5\xa5\xa5\x10\x12\xb0\xbfr^\xa0\xf5/((\x80\xd6\xdf\xb8\x0f\x17\xcd\x99b\x0f\x0b\x95\xf0G]\x9f?s\xb2\xddn3\x8eq\xae\xa8\xa8\xc8\xce\xce\xc6A\x80\x15\xe0\x08\xc0c\x8cm\xdd\x8e\x1c92n\xdc\xb8\xfc\xfc|\xf2\xcb\xf4&amp;\xd7u\x11\xd1&amp;|\xfe\xec\xc72\x1e\xbe\x8f\xb8\xdc\xce\xfaz\xec\xcf\x1a\x1a\xce\x9ao\x17]\xfcU\xc9\x83\x93g\xed\xfe\xec\x8bfg\xcd\xb7o\xdf\xfe\xa5\x97^\xba\xeb\xae\xbbH\x93\x82Ztv\xd0\xa0K)\xfb\xf4\xe9SRR\x02\xddy!\xc4\x1d\xb7\x0e]\xfb\xc62\xbd\xaa\x9aqN\x08\x11\xban\xef\xd0\xee\xcf3\xff\xf2\x97e\xaf\x1ak\x12\x19c{\xf6\xecILL\xb4\xf8\x08\xd5\xf4\xf0\xa3\xf5\x8c\xa6\xbb\xf9\x1b\xcb\x9a\x08!J)\xce\x99\xae\x8b\x84\xbe\x97m\xdb\xf4\xf7\x8c\xcc\xf1\xae\xea\x93\xba\xcb\x8d\xad\x7fS\x90\xf7w\x96U\xf4\x8a\xebV\xb8\xf1\xef\x8fM\xb8\xb7\xf1\xfcK\x06S)eeec\xc6\x8c\xc9\xc8\xc8\xa8\xae\xae\xc6\x13\x05\xce\x11D\xca\xe5\xcb\x97\x17\x17\x173\xc6\x94\x92J)\xbb\xdd6\x7f\xe6d*%i\xcc\xed0\xcee\xcd\xc9\xa9\x8f&lt;\xd0\xa9c{\xb8\x8d)\xa5\xba\xaeO\x9b6\rKBM\x0f\x03\x80\x07@\xa7I\xd7\xf5)S\xa6@\x99\xbfq,\xa2u\xca\xfc[\xafa\x0b9!\xf2\x96&lt;\xf9\xc1[\xff\xafs\xc7\x0e\xba\x10Zc\xe2\xe2\xd432\xb1m:\x0bh\xca\x8f\x1e=j$s\x18\xe3R\xcai\x13\xef\xeb\x95\xd0\xdbU]c\xf4\xeb)\xa5\xeezg\x87\xae\x9d\xff\xf2\xc4\xa3F\x85h\xb35\xc3\xfe}-\xc8{0\xc2\xb7\x8aQ\xe6_RR\xf2\xe0\x83\x0f\xfe\xba\xcc\x9f\xeb\xba\xe8\xdc\xb1\xc3\xd2\xa7f\x8c\x19k\x952\xff\xd6k8k&gt;&amp;\xea\xa7\xff\xfe\x949\xf3\xe9u\x1b?\x82&gt;)\x9e5\x7f^\xe0\x9d\x197n\xdck\xaf\xbdf\xcc\xeev\xbc\xa0\xdd\xc1\x1d\xef\xb4\x8b\x89\x94n\xbd\xd9\xec\xae\x94\x92\x85\x87]\x7f\xcb\x1fw\xee)\xe2\x9c)E\xa4\x94={\xf6&lt;x\xf0 \xe7&lt;\x88\xb6"G\xe7\x05G\x00-g\xf4LW\xacXq\xf5\xd5W\x1b5\x8b\xf0]]\x17\xc3\x93\xaf\xdb\xb7\xe5\xad1i#\x9d\xc7\xcb`\xa1\x8d\x7f/8(4\x9c5_\xe1\xe8rA\xfb\xb5\xaf?\xbf87\x8b3j\x9c5\xcf\x183\xce\x9a\xff\xe9\xa7\x9f\xe0\x8b\xd8\x89i\x06\x92?\xfb\xf7\xef_\xbdz\xb5Q\xfa\xa9\x94\xfa\xcb\x13\x8fv\xe8\xda\xd9]\xef&lt;\xb55WJqM\xcb\xcd\xfa\x13\xe7\x8c\x90\x86p[ZZ\xbah\xd1"#~ \xf3\xc1\x11@\x0bAU\xa2\xc3\xe1\x98&gt;}\xfa\x8a\x15+H\xe3\xce6\xd0\xf1\xd78\xff\xf3\xd4\xf4\x9c\x99\x93\x89\x94\xce\xda:\xcc\xf8\xb7@\xc3Y\xf31\xd1{&gt;\xd97iJ\xce\xe7\x07\xbfmVM\xdb\xb9s\xe7\x95+W\xa6\xa4\xa4\x10\x9c\x19\xfe5\xe8\xfe\'\'\'o\xdf\xbe\x9dsN\x88\x12B\x0e\xba6q\xdb\xe6\x7f\xc8\xda\xba3\xbdQB\xd7\xed\x1d\xda\xdfw\xffco\xac\xdf\xaci\\\x08I)m\xdb\xb6mQQ\xd1\xa5\x97^\x8a\xb3\xc1\xa6\x84\x9f\xe8y\x83uI\x9a\xa6\xed\xda\xb5\xeb\xea\xab\xaf^\xb1b\x05,\xe2\x95R\xc2|o\xcf\xee]\xb7\xbd\xb72\'7\xcb][\xef\xaewb\xeb\xdf2\rg\xcd\x97\x95_\xdb\xffw\x85\xef\xff\xe3\x97\xb3\xe6\x1b\xcf\xcb&lt;r\xe4Hjj\xea\xdc\xb9sad\x80\xa9j\x00\xad\xff\xbau\xeb\xa0\xf5\x17B\x10B9g\xb9Y\x7f\xe2\x9av\x96\x0e\x1fe\\\xd6\xd5\xcd\x99\xfepdD[)\x15!\x841VUU\x95\x9b\x9b\x8b\xbb\xb4\x9a\x15\x06\x80\xf3s\xa6\x9d\xcb\x18\xa3\x90\xbc\x1es{\xea\xee\xfc\xd5IIW;\x7f&gt;\xc1\x98\xd5\xcb\xfc[O\xd34WUu\x84\xdd\xb6\xe2\xa5\xa7W\xbd\xfcl\xbb\xe8(\xa8\xb5\x85F\x9f1\x96\x93\x93\x83[\xc8\x19\xe0\xe5\xc3\xb6n\xa4\xa1\x08\x8d\x0b!\xd2F\xdd\x94\x9cz\xbd\xab\xd2q\x96&lt;$c\xd4}\xb2\xb6\xe7UWdM\xfaccoF\xe7\x9c\xbf\xf9\xe6\x9b;w\xee\x84\x89w\xdf\xbd\x12\xe4\x13\x98\x02:W\xe7R\xe6\xbf\xf8\xa9\x19\xe9\xe3\xd3TM\xad\xdb\xe5\xc2\x8c\xbf\x075,\x14h\xdf\xae\xe4\xe0\xb7\x8f\xcex\xaa\xa0\xf0\x93f{\xea\xe1\x16r\x00^\xfb\xd3O?=k\xd6,h\xb2)\xa5\x11m\xdb|\x96\xbf\xaaG\xcfn\xa2\xce\xc9\xceZ\x81\x06m\x81\xa0\xb4\xcf\xc0\xdb\x0f}\xdf\xb0A\x90\x94211q\xf7\xee\xdd6\x9b\r\xd7\x06\x9b\x0c\xf6O\xcf\xc9\xd9\xca\xfc\x19\xd3uquB\x9fm\x9b^K\x9f0\xd6U^)t\xac\xf6\xf1\xb0\x86\x85\x02\'\xca\xe2\xe3\xba\xe5oxe\xce\xf4\x87\x1b\x12q\x8d\xe5\xb6\x0e\x87#=====\xdd\xe1p\xc0\x0c\x81\xbf/\xd9\x0f\x9a\x1d\xed"D\xc3\xf6J\x8f\x8dO\xeb\x99\xd0\xdb]S{\xf6\xd6\x9f\x10B\t\x91\xba\x08\x89h3\x7f\xc6$\xa5Tcb\x93\x17\x15\x15\xadY\xb3\x06\xd7\x06\x9b\x0f\x8e\x00~\x1b&lt;W\xba\xaegee\xe5\xe5\xe5\x91SN2yl\xe2\xbd\x0bs\xa7\xdbl6gu\rf\xfc\xbd\xaa!\x12\xb7\x8b\xfep\xd3\xc7\x193\x9e*\xfd\xee\xbf\x9c3#a-\x84\x88\x8f\x8f\x7f\xf5\xd5W\x07\x0e\x1ch\xc1ia\xb8\'\xef\xbf\xff\xfe\x7f\xfc\xe3\x1f\x9cs\xa5\xa4R\xa4\xdb\xc5]\xf6o]\x17\x11\x1eJ\x84&lt;\xc7\xce\xbb\x94\xd2\x16\x191|\xc4\x03\x1fm\xdf\x03o/\xa5\xb4c\xc7\x8e_}\xf5Utt4\x0e\x02\xcc\xc4ZOH\x0b\xc0\xaccIIIrrr^^\x1e\xe4\x9d\x8d\x93L:w\xec\xb0\xe6\x95\x85yK\xe72]\xb8jj\xb1\xf5\xf76(Hw\x1e/K\xbd\xe9\x86\xdd\xf9\xab\xc7\xdc\x9e*\x84TJ1F\xa1\xf9k\xfaI\xc1^\x08\xfe\xbed\x1f\x81\x97\xbfc\xc7\x8e7\xdf|\xb3q\xdb\x1f\xa6\x94z\xe6\xcf\x191\x9d.\x90.\xf7y\xb5\xdaJ\xd7\x9f\x9b\xf7\xb8\xa6q\xa5\x08\x0c\x05\x8e\x1e=\xbad\xc9\x12\x1c\x04\x98\x0c\x8e\x00\xce\x06\xa6|7m\xdat\xef\xbd\xf7VUUA\xba\xd9\xf8\xee\xf0\xe4\xebV.\x9b\xdf\xa5{WgY%\xe7\xb8R\xc6\xa7\x84.l!v\xda6\xfc\x95\x15\xab\xa7\xcdZP}\xb2\x96PB\x141Z\xa8[o\xbdu\xfd\xfa\xf5v\xbb\xdd"\x9f\x0b\x0cFo\xb8\xe1\x86\x1d;v\x18\xa5\x9f\x83\xaf\xeb\xb7\xfd\xc37\xdd\x8e*v\x9e9I\xa1\x0b{\xbb\xe8G\x1e\x9d\xfd\xd2kk9\xe7BH\xc6\xa8\xa6i\x07\x0e\x1c\x88\x8f\x8f\xc7\x92P\xd3\xc0O\xf17PJ\xdb\xb4i\xd3\xb4\xf5\xa7\x94F\xb4\r\x9f3mb\xfe\x86\x15]b/p\x96Uh\x9a\x85\xcer\t\x10\\\xe3B\xd7]\xe5\x95\xe9\x13\xc6n\xdb\xf8\xda5\x89}5\xce\x19kX\xc1\x04\'1\xd8l6\x8b\xf4o\xa0\xfb\xbfj\xd5*h\xfd\x85\x10J\x11\xbb\xdd\xb6\xe8\xc9\xa9J\x08u\xfe7\'\xe3L\xd6\xd6\xe6\xce\x9c\x1c\x13\x1d\t\xa7\x05PJ].WFF\x06n\x10d&amp;\x18\x00\xce\x066\xf3\x192d\xc8e\x97]\x06u\x87\xf0\x95\xec\xa9\x13r\x16\xcdq\x9e&lt;\x89e\xfe~\xd403|\xac\xac_\xbf\xbe[6\xbc\xd2\xe9\x82\xf6\x90\xad\x86z\xad\xf1\xe3\xc7[$_\x01)\x1a\x87\xc3\x91\x93\x93\x03/\x1fV\xcc\xdd=2\xb5\xff\xe0k\xdd\xd55\xfc\xfc{\xeb\x94R\xbd\xde\xd5\xfe\xa2\xd8\x9ci\x0f\xc3l\xca\xa9;K{\xe3\xb5 \x1f\xc3\x00\xf0\x1b\xe0\xbe\xbf\xed\xb6\xdb\x08!\xc6\xb0w\xd7\xa7\xff\'+\x1d\xb4\xc9W\x90\xbf0\xce\xa4.\x0e|U|\xf4X\x19|\x1cB\x88\x88\x88\x88\xa1C\x87\x12B\xacP\x8e\x05\x89\xca\xbc\xbc\xbcC\x87\x0e5\x1c\xf9"e\xbb\x98\xa8\xbfd?&amp;\xaakhK\xdf\x01\xc6\xb9\xee\xa8\x9e8\xe1\x9e\xc4+/\x87\x18\x00\x91&amp;##C\xd7u\x1c\x07\x98\x03\xb6_\xbf\x01r;\xa3G\x8f\x86\x928\xe8Qn\xd9\xb9\xf7\xa7\xef~\xb0\x87\x86\xe23\xe0wRJ\x16\x1a\xb2~\xd3\xc7\xc6\x1a=B\xc8\xe0\xc1\x83ccc\xa1d\xc8\xdf\x17\xe8]P\xa6y\xf8\xf0\xe1\xa5K\x976\x14\xa71&amp;\x95\x9a\x92&gt;\xb6K\\7Q_\xcfZ\xfa\x0ePJ\xa4\x10\xf6\xb0\xd0Es\xa6\x18%\xa1xf\xa4\xc9`\x00\xf8\r\xd0\xa5JHH\xe8\xd5\xab\x97qbm\xcd\xc9\xbaO?\xff\x8a\x84\x85\xe23\xe0w\x9csY[W\xb8{\x1f!D\xa9\x86\x8f\xe3\xce;\xef$\x8d\xbb\t\x99\x1b4\xcd3f\xccp8\x1c\x84\x10J\xa9\x902\xae\xfb\xc5Y\x99\xe3\xf5\n\x07\xe3\xad\xcaOr\xce\xdd\x95U\xc9C\x07\xddq\xebP\x18\nC\x0c\xc8\xce\xce&gt;z\xf4(\xee\x0fa\x02\x18\x00~\x9b\x10\xc2n\xb7\xa7\xa6\xa6\x92\x862DB\x08\xd9X\xb0\x9d\x98\xbcs\x19\x04\xa4TZXh\xf17\xff\xfe\xea\xdb\x7fSJ\xa5TB\x88\xf0\xf0\xf0a\xc3\x86\x11\x0b\xe4\x7f\x8c\x8d\xfb\xd7\xaf_\xdf\xf4\xc4\xc7\xf93&amp;\x85D\xb4\x91\xba\xf0\xc0\xf8\x87R*%\x9c\x19I\x9a\x9c\x19\xf9\xc4\x13O@R\xc8\x03/\x03\xf9\x0f\x06\x80\xdf\x06i\x84\x1bo\xbc\x91\x10"\xa5\x14B\x12B&gt;\xdc\xb6\xcbq\xe4\x98\xcdn\x95:\x93\xc0$\xa5 \xa1\xa1\x1b?\xda\xeet\xb9a\xdbzBH\xdf\xbe};u\xead\xfa\xfc\x0f\xf4\xfd\x9dN\xa7qt\x17\xe7L\x081l\xc8\xb5c\xd2nwWVq\xcd\x03\xf1\x8f1\xe6\xaa\xae\xe9\x95\xd0{\xea\xc4{E\x93M\xb9W\xaf^\xbd\x7f\xff~L\x04\x05;\x0c\x00\xbf\r\x9a\x95!C\x86@Z\x99\x10\xc2\x18?z\xacl\xc7\xee}4&lt;\x1c\x1f\x00?\xe2\x9c\xc9\xba\xba\xb77o%\x84(\xd5\xd0\xe2\xdfq\xc7\x1dV\xd8\xc2\x1e\xb21k\xd6\xac1\x1ab8B\xf9\xb9y\x8f+\x8f\xee\x84\xc18\xd7\xabjfL\x99\xd0\xa3[W)%c\xb4Y\xe0\xf1\xe0\xefB&gt;\x86\x01\xe0\xb7\xc1Q\xda\x11\x11\x11\x90\x05\xe2\xbc\xa1\xacn\xc3\xe6-\x04\x0fw\xf4\x1f)\x95\x16\x16V\xfcuI\xd1\x97\xdf\x18\xf9\x1f\xbb\xdd&gt;b\xc4\x08b\xf6\x02-\xe8\xfe\x97\x97\x97\xcf\x9c9\x13Z\x7f\x88y\x13\xee\x1d}yB\x1fwM\xad\x07_&gt;\xa5T\xb8\\\xd1\xb1\x17\xcc\xce\x1c\xaf\x94\xa2\x94\x9d\x9az\xf2\xd4\xefB&gt;f\xe6\x87\xc4\xe3\x8c\xa9E\xc8\x02\xe5\x17\xee\xc6,\x90\x1f5\xe6\x7fv\xc0Y\x9b\x90\x92NLL\x8c\x8b\x8b3\xfdF@\xf0\x02\x97,Y\x02\x93\xb1\xf0\x95\x98\xe8\xc8\xdc\x99\x93em-\xe3\x1e~\xed\x9a\xa6\xb9\xcb*\xee\xbbw\xf4\xa0k\x13a\x8f\xb9f\x93\xcf\xf8\x08\x04)3?$\x1e\x04\xadIRR\x12f\x81\x02\xc7i\xf3?\xa3G\x8f6}b\xda(\xc7\\\xb8pa\xe3\x81\xefL)\x953\xfd\xe1\xf6\x17\xc5\xea\xf5.oL~(\xa5\xb8M\xcb\xcd\xfa\x13c\rgFB\xf9i^^\x1e\x0e\x02\x82\x17\x06\x80s\x02Y\xa0\xc8\xc8H\xcc\x02\x05\x08\xcc\xffddd\xb8\\.\xd8\x9bSJ\x19\xdf\xe3\x92\x89\x0f\xa5\xe9\x8e\xea\xf3\xdd\xf6\xe7\x1cq\xce]\x95\x8e\xe4\xd4\xe4{G\xdfll\x85\xcb9_\xbat\xe9\xe1\xc3\x87\xad0\xe9bJf~N\xbc\x01\xb3@\x01\xc2\xb2\xf9\x9fS\xb7d\xa0\x94(\xa5\x9e\xcb\xcd\xb2\x87\x87I\xe1\x89\xd2\xcf3\xa0\x9c\xcb\x93\xb5\xcfdOi\x17\x13e\xdc\xf0\x0e\x87c\xc6\x8c\x198\x1b\x1c\xa4L\xfb\x9cx\x1cf\x81\x02\x8a5\xf3?\xd0\xf7\xd7u\xdd\xd8\x94\r\xb6\xea\xbc\xe3\xd6\xa1\xa9\xb7\ru;\xaa\xbc\xba\xf4\x81Q\xea\xae\xab\xef\x1cw\xc9\x94\xf4\xb1RJ\xde\xb8A\xd0\xfa\xf5\xeb\x9b\x9c?\x8c\x82\t\x06\x80su\xd6,\x10\xbe\x8d&gt;\xd5\x98\xff)\xb5Z\xfe\x07\x067\xcb\x97//..f\x8c)%\x95Rv\xbbm\xfe\xcc\xc9J\xd7\x89\xf7\xd7=p\xae\xe9\x15\x8e\xac\xcc\xf1\xf1=.\x11M6\x08\x9a6m\x9a\xd3\xe9\xc4q@\xd01\xed\xa3\xe2=\xa7f\x81*~&lt;\x8aY _\x92R\x92\xd0\x90w\xf3\x0b\xddn\x9dsf\x91\xfc\x0f4\xb5\x15\x15\x15\xd9\xd9\xd9\x8d;\xf3p)\xe5\xb4\x89\xf7\xf5J\xe8\xed\xae&gt;\xe9\x83\x17\x0e\x1b\x04\x85\xb4\r\x7fn^\x16l\x13\ro\xf8\xfe\xfd\xfb\xf1\xcc\xc8`d\xceG\xc5K\x8c,P\xe7\xce\x9d\x1b\xb3@\xec\xe8\xb1\xb2\xa2/\xbe\xa2aap0!\xf2\x01\xc6(q\xb9\xf3\xb7\xed&amp;\x8d\xcd"\xb1@\xfe\xc7\xd8\x87\xa7\xa2\xa2\x02nE\xa5T\xa7\x8e\xed\xa7&gt;r\xbf\xac9\xe9\xa5\xb9\xdfSq\xce\xdd\x8e\xea\xd4\x9bo\x1c6\xe4Z!$\x1c;\xcc\x18\x9b9sfEE\x05\x0e\x02\x82\x0b\x06\x80\xf3`d\x81\x86\x0f\x1fN\x1a\xb2@\x94\x10\x92\xbf}\x0f\xd1\xb8\xb1\x13\x19\xf2*\xa5\x94-\xc4\xfe\xe3\x7f\xfe\xf7\xf9\xc1o\t!F\xfe\xa7\xd9\x96\xdd&amp;ct\xb4a\'N\xd8\xfaTJ\xf9\xf4\xcc\xc9\x1d\xba^\xe8\xaew\xfax\xdf\x0b%\xc4\xa9gFfgg\x9b;\x06\x9b\x8f9\x9f\x16\xef\x81\xde\xcd\r7\xdc\x00\xff\r\xf7\xfa\xbb\x1flsVT\xd9lx2\x8c/\x08!Ixx\xfe\xb6\xdd\x8e\xaa\x1a\xce9t9\xbbw\xef\xde\xbd{w\x13\x1fUh\xa4\xdaa/~\x88\x01\t}/\xbb\'\xedv\xbd\xb2\x92\xfb\xf6T"\xc6\x98\xbb\xa6\xf6\xf2\xc4&gt;\x13\xee\x1d\r\x0b\x02  \x19\x93\x13\x18\x03\x82\x859\x9f\x16\xef\x81*\x8ba\xc3\x86EDD\xc0\xc1{\x8c\xb1\xd2\xef~\xd8_t\x80\x85\x87\xc3\xac\x00\xf2*F\t\x11b\xc3\xe6-\r\x7fd\x8c\x102b\xc4\x08\xbb\xddn\xd6*\x14(\xb6Y\xb7n\x9dQlC)\xe5\x9c-\xcd\x99\x1e\xda&amp;L\n\xe9\xfb\xa5(\x8c3y\xb26\xf7\x89G;ul\x0f\xc1\xa9Yy\x92\xcf\xaf\x08\xb5\x04\x06\x80\xf3\x03\x93o\x9d;w\x1e&lt;x0!\x04N QJ\xbd\xf3\xc16b\xb3a\x16\xc8\xdb\x94R\xb6\xd0\x90\x1f\x0f\xff\xb0s\xcf~B\x08\x1c\xd1\xc3\x18\x1b=z4i\xdc\xb7\xd5d\xa0yu\xb9\\\xb3f\xcd\x82?B\x0cH\x1bu\xd3\x90\x94!\xae\n\x87_v\xbd\xa6\x94\xba\xeb\x9d\xed/\x8a}z\xe6d&lt;32xa\x008o0\xbc\x85Z \x02+\x92\x08y\xaf`\xbb\xb3\xc2\x81Y ok\xc8\xff\x14\xee\xae\xae\xa9\x85\xfc\x8f\x942...!!\x01ZF\x7f_\xa0\xe7A\xf3\xbah\xd1\xa2\xd2\xd2RM\xd3\x94RJ\xa9\xa8\xc8\x889\xd3\x1e\x96u\xf5\x94\xf9\xed%sM\xd3+\x1d\xf7\xa4\x8d&lt;\xf5\xccHX\xa2\x8c\xe3\x80\xc0\x87\x01\xe0\xbcA+\x93\x92\x92\xf2\xab,\xd0a\xcc\x02\xf9\xc2i\xf3?#G\x8e4k\xfe\x07N58z\xf4\xe8\xe2\xc5\x8b\x1b{\xd9LJ\xf9\xd8\xf8\xb4\x9e\t\xbd\xdd5\xb5\xcc\x7f;\x91PB\xa4\x90\xa1m\xda,\xca\xfe\xe5\xccH\xceyqq\xf1\xa2E\x8bp&amp; (`\x008op\xa3\xc7\xc6\xc6b\x16\xc8\xc7\xac\x99\xffa\x8c=\xf1\xc4\x13\xe5\xe5\xe5\x94RJ\x89\x10\xb2G\xb7\xae\x99\x8f&lt;\xa0WTz\xe4\xc8\x97\xd6\xe0\x9c\xbb+\x1d\xc9\xc3\x06\x8d\xbe\xe5Fc\x83 \xc6\xd8\xe2\xc5\x8b\xf1\xcc\xc8\xa0\x80\x01\xa0%0\x0b\xe4\x17V\xcb\xff@\x87\xba\xa8\xa8h\xd5\xaaU\xd0\xfd\xa7\x94)\xa5fg\x8e\x8f\xe9\xdcQ\xb8\xdc\x01\x11\xf3(%B&lt;3gJTd\x04Q\x8a\x10\xc2\x18+//\xc73#\x83\x02\x06\x80\x96\xc0,\x90_X-\xff\xa3\x94\x12BdffBJ\x1dN|\x1ctm\xe2}\xf7\x8ev\x97Uh\xbe-\xfd&lt;\x13\xc6\x98\xab\xfad\xdcUW&lt;6&gt;MH\xc99\x833#W\xadZUTT\x84\xbb\x84\x068\x0c\x00-q\xb6,\x90\x1d\xb3@^\xa1\x94\xb2\x85\x86\xfed\x99\xfc\x0fdTV\xadZ\xb5s\xe7NM\xd3\x84\x10\x84P\xc6Xn\xd6\x9f\xb8M\x0b\xa8\x9e5\xd7\xb8^Q\x99\xf9\xc8\x03=\xbau\x15\xa2\xe1\xccH\x97\xcb\x95\x99\x99)\x84\x08\xa8KE\xcd`\x00h\xa13e\x81\xea\xcb*1\x0b\xe4\rBH\x12\x1e\xfa\xc1\xb6]V\xc8\xff\xc0\x9c\xaa\xc3\xe1\xc8\xc9\xc91&amp;W\x85\x10\xf7\x8e\xbe995\xd9U\xe9\x9f\xd2\xcf3\xa1\x94\n\x97;\xa6sG83\x92Q&amp;\x84\xd04m\xe7\xce\x9d\xabV\xad\x82s\xe4\xfd}\x8d\xe8\xf40\x00\xb4\xd0\xa9Y Ji\xe9\xe1\x1f\x0e|\xf9\r\x0b\x0b\xc3a\xaf\xc7QJ\x88T\x1b\x0bv\xc0\x1f\xcd\x9d\xff\x81\xa9\xd4\xbc\xbc\xbcC\x87\x0eq\xce\x95RJ\xcav1Q\xcfdO\x91\'ki \xb5\xfe\xa0\xe1\xcc\xc8\xfbF\']\x93\xa07\x96*QJsrr\xaa\xaa\xaap2 `a\x00h!#\x0b4d\xc8\x10B\x08c\x0c\x1e\xd4\xed{\xf6\x13\xbb\r\x03\x80g)\xa5lv\x9b\xe3\xe7\xe3\x9f~~\x90\x10\xa2\x94\x84N\xb1)\xf3?\xf0\xd2\x0e\x1d:\xb4t\xe9\xd2\x86\xd2O\xc6\xa4RS\xd2\xc7v\x8e\xbb\xc4]W\xcf\x02\xf2\xf5*E8cKs\xa6\xdb\xed6\xa5\x1a\x96/\x1c:th\xc1\x82\x05X\x12\x1a\xb00\x00\xb4\x1c\xdc\xd3C\x87\x0e%\x84PJ!\xf5\xbfa\xd3\x16YW\xcf=}*\xb7\xc5I)ix\xf8\x8e\xdd\xfb\x8e\xfc|\x9c1\x0e\xedK\xa7N\x9d\xfa\xf6\xedKL\xb7\x01\x1c\xf4\x9dsss\x1d\x0eG\xc3\x16\x0bB\xc4u\xbf8+s\xbc^\xe1\xe0&lt;@\x13\x8c\x9c3WU\xf5\xef\x07_{\xf7\xc8T)\xa5\xa6q!$\xe7\x1c\x96\xb0\xe1lp`2\xd5\x93\xe3c\xd0\xee\xa4\xa4\xa4@\x16BJE)-\xfa\xf2\x9b\xe2\xafK4\xdc\x1d\xda\xe3\x18\x85\xfa\x1f\xc6~\xd9\x91)&lt;&lt;\x1c6\xc6\xf1\xf7\xc5y\x8c\x91=\x7f\xf3\xcd7\x8dm\x7f\x08!\xf3gL\n\x89h#u/\x9e\xf8\xd8z\x94sQ]\xfd\x97\xec\xcc\x98\xe8H)%\\j\xd3M,\xfc|}\xe8\x14\x18\x00Z\x0e\x06\xb6\xbdz\xf5JLL\x84\x05;\x9cs\xb7[\xdf\xf8\xd1\x0e\x12\x1a\n\xd3\xc2\xa8\xf5\x1a\xf2?G\x8e\xe5\x17\xee&amp;\x84\x08!\xa1/y\xd7]w\xf9\xfb\xd2&lt;\x0c\xe6~\x9dN\xa7Q?\x03\xa5\x9f\x83\xaf\xeb7\xe6\x9e\xdb\xdd\x95\x0e\xbf\xaf\xfc:;F\xa9\xa8wu\xe9qq\xce\xf4\x87\xa5T\xc6\x06AM\xb7\xb1\xf3\xf75\xa2_\xc1\x00\xd0*0Z72\xd1\x90\x05z{\xf3VYW\x87Y O1\xf2?G\x8f\x951\xc6\xe1+\xb1\xb1\xb1III\xc4\\\xf9\x1f\xc8\x9b\xafY\xb3\xc6\xa8\xa0W\x8ah\x1a_\xf4\xe4T\xa5\x0bE\x02\xb8\xf3\xdf\x88i\\\xaf\xac\x9a\xf8PZ|\x8fK\xe4\xaf\xcf\x8c\x84\x8d\xacq\x1c\x10P\xcc\xf3\xf0\xf8E\xb3\xbd\x881\x0b\xe4-\xa7\xe4\x7fRSS###\xcd\x94\xff\x81\x86\xb2\xbc\xbc|\xe6\xcc\x990\xb8\x84\x180\xe1\xde\xd1\xfd\x07_\xe3\xae&gt;\xc9\x83!\xd4QB\xa4\x10\xf6\xf0\xb0S\xcf\x8c\x84\xa3lp&amp; \xa0\x04\xc1-\x15\xc8\xe0\x86\x8e\x8b\x8b\xc3,\x90\x97\x9c)\xffc\xac\xc00\rh(\x97,Y\x02\xbb\xe8\xc0Wb\xa2#sgN\x16\xd55,x\x06\x94\x9csw\xd5i\xce\x8c4\x0e\xb3\xc4A@\xe0\x08\x9a\xbb*`5[\x8f\x8aY \xcf\xb2H\xfe\x07\xee\xa2\xd2\xd2\xd2\x85\x0b\x17B\xaf\x02\x1a\xca\x9c\xe9\x0f\xb7\xbf(V\xd4\xbb\x82n\xa0\xa3\x84xn\xfe\xe3P\x12z\xeaq\xf6\xfe\xbe:\xd4\xc0$\xcf\x8f\x1fa\x16\xc8\xeb,\x93\xff\x995k\x16l\xfb\x03\xadd|\x8fK&amp;&gt;\x94\xa6;\xaa}v\xe0\xbb\xa70\xc6\xdc5\'/O\xbcr\xda\xc4\xfb\xf0\xcc\xc8@\x86\x01\xa0\xb50\x0b\xe4=\x16\xc9\xff\x18gi\xad[\xb7\xae\xb1\xf4\x93(\xa5\x9e\x9b\x97e\x0f\x0f\x93"\xa0K?\xcf\x84q.kj\xa6&gt;r?\x9e\x19\x19\xc80\x00x\xc0Y\xb3@A\xd6w\x0b(\x90\xff\xd9n\xea\xfc\x0f4\x8eM[F\xce\x99\x10r\xd8\x90kSo\xbe\xd1]U\x1d\xa4\xb7\x10\x9c\x19\xd9\xa1\xeb\x85\xa7\x9e\x19i\xc49\x7f_#\xc2\x00\xe0\tg\xce\x02\x95ja\xa1\x98\x05j\x15F\xdfy\x7f+i\x92\xffIII1S\xfe\x07\x1aG#7\xa2\x94T\x8a\xd8\xed\xb6\xe7\xe6?\xae\x82\xbc\x89\xe4\x9a\xa6WV\xde\x93v{B\xdf\xcb \x05\xd44\xd3EpiX\x00\xc0\x00\xe0\x01F\x16\xe8\xf7\xbf\xff=d\x81\x18cn\xb7\xbe{\xff\x17$$\x04\xd3\x9d-\xa6i\xdcYY\xbd\xeb\xb3\xff#\x84H\xa9`\xd5\x85\x99\xd6\x7f\xc1\xdd\xd2tv\x941.\xa5\x9c:\xe1\xde\xcb\x13\xfa\xba\xaak`L\x10\xa4\x88RB\x17\xa1\xe1\xa1K\xe6N\x83=\xa2a&gt;\xa0\xb4\xb4t\xd1\xa2E\xb89D \xc0\x00\xe0\x19\xd0\x8f\x1b&gt;|8i\xb27\xd9;\x9b\xb7\x12!\xfcwhkp\x13B\xb2\xf0\xb0\xfdE_\xfe\xfb\xfb\xffB\xe7QJ\x19\x1d\x1d}\xddu\xd7\x11\xb3\xe4\x7f \xa4\x19\xf5\x91\x84\x10!\xe4\x85\x9d;\xce\xc8\x1cO\x9c\xce\x90\xd0P\xcd\xa6\x05\xf5\xffBBCeMm\xf2\xadC\xef\xbfkD\xd33#\x17,Xp\xe8\xd0!\x9c\r\xf6\xbb\x00\xddX*\xe8@\xa3?|\xf8\xf0\xdc\xdc\\)\xa5R\x8a\x10\xb2c\xcf\xfe\x1f\x0f\xffp\xe1\x85\x9d\xf4\x009\xbd/\xa8(%\x89\xcd\xfe\xce\x07[\x95T\\\xe3J)!\xc4u\xd7]\x17\x1d\x1d\r\xe1\xd6\xdf\x17\xd8Z\xf0*\x8a\x8b\x8b\x8d\x15R\x90(\xcf\x9at?\r\x0f\xfb\xf9\xc7\xa3\x01r\xe6W+I)y\xbd\xf3\xe1\x07\xeez\xe7\x83\xad\x8e\xaa\x1aB\x14c\xbc\xaa\xaa*77\xf7\xef\x7f\xff;\x06\x00\xff\xc2\xe9x\x8fQJ\xb9\xdd\xee\xbe}\xfb\x96\x94\x940\xc6(\xa5B\x88\xbf-\x9d\xfb`\xfaXgY\x85\x16\xd8\xbb\xb8\x04 J\x89[\x92+\x87\xfc\xa1\xe4\xd0\x7f\x18\xa3\x942!\xc4k\xaf\xbdv\xff\xfd\xf7\xeb\xban\x82\xc6\x11z\xc4)))\x05\x05\x05M\'Ec\xa2#\xcd\xf4TRB\x94T\xb6\x10{uuM\xbd\xd3\x05_\x84\xe9\x9c\xad[\xb7\x0e\x1e&lt;\x18\xde\x07\xbf^\xa3u\x05\xfdS\x148\x84\x10v\xbb}\xe4\xc8\x91\xb0\x96\x07\x9e\xe1\r\x9b\xb7&lt;\xf8\xe0\xdd\x98\x05:_BH{d\xdb\xfd;\xf6\x94\x1e\xfe\xa11\xff#"""RRRHc\xf3\x11\xd4\x8c]\xd2\x9a\xb5\xfe\x84\x90\x8a\xca*?^\x98\xb7T7\xff\x82\x10";;{\xdb\xb6m\xfe\xb8\x1a\xd4 \xe8\xc7\xd1\x81\x03\x92&lt;\xa3G\x8f\x86\xe1&lt;\x8cmw\xee\xd9\xff\xe3\xe1\x1fl\xa1!f\xea\xd3\xf9\x80R\x92\xd8l\xef|\xb0M5N\xaa\x13B\x06\x0f\x1e\x1c\x1b\x1b\x0bys\x7f_`\xab(\xa5(\xa5n\xb7{\xf6\xec\xd9\xf0\xd2h\x13\xcc\xa4\x9a\xbeF)\xa5\xa6i;v\xecx\xe3\x8d7\xb0$\xd4\x8f0\x00x\x0c\x9c\x08\x96\x90\x90\x10\x17\x17\x07\x8d\x14\xe7\xbc\xba\xa66\xbfp7\t\x0f\x17\x02s\x9d\xe7\xc1f\xd3\x9c\x15\x8e\xf7\n\xb6\x93\xc6\xf3\x96I\xe3\xfa/\x13d\x8d!\xdd\xff\xf4\xd3O\x97\x94\x94H)a\xe7g\x834\xa9f5BpP\xf0\xd4\xa9S\x8f\x1d;\xc6p\x83 ?\xc1\x14\x90\'a\x16\xc8#\xcc\x9d\xffQJq\xce\x8f\x1f?\xfe\xfa\xeb\xaf\xb7k\xd7\x8eX\xb5\x1c^)\xa5i\x9a\xd3\xe9|\xed\xb5\xd7\x1e\x7f\xfcq\x9c\t\xf0\x0b\x0c\x00\x9edd\x81\x16/^,\x1bk\x81vb-\xd0yj\x9a\xff\x81q\x95\x10\xc2\xc8\xff\xb0 \xaf\xff\x81{ 22\xf2\xd3O?\xb5r\xcf\x17\xde\x07\xa8\x95 \xc1\x1f\xd7\x83\x14\x06\x00Oj\x9a\x05\x82Z \xc6\x18d\x81\x1eL\x1f+\xea\xb0\x16\xe8\x9c4\xcb\xffP\xcaH\x93\xfcO\xb0\x07\x00\x10\x12\x12\x12\x12\x12\xe2\xef\xab@Vg\x86g)\xa0\x18Y \xd2d\xb1\xd2\x86\xcd[pE\xd89\x12B\xb2\xf0\xf0\xfdE_6\xe6\x7f\x88\x10\xe6\xc9\xff4\xe5\xf9\xa5\xb7A\xcb\xdf\x1f\x85ua\x00\xf00#\x0b\x04\xa5\x0e\xb2\xb1\x16\xe8\x7f\x87\xfec\x0b\r\xc5{\xfd7)%\x89M\xdb\xf0\xfeV\xa5\x14c\x94\x99\xab\xfe\xa7)\x8a\x1a\xf9\xfb\xa3\xb0.\x0c\x00\x1efd\x81z\xf5\xea%\x9b\xd4\x02}\xfa\xf9A\x12\x16*\x83\xbf\x82\xc5\xdb8\xe7\xb2\xb6\xaep\xf7g\xa4\xc9\xec\xa8i\xea\x7f\x10\n(\x18\x00&lt;\x0f\xb2@\xa9\xa9\xa9\x84\x10\xc6\x18\xf4o6\x16l\x0f\x863\xbd\xfdLJ\xa5\x85\x85\x16\x7f\xf3\xef\xaf\xbe\xfd7\xa5TJ%\x84\x08\x0f\x0f\x1f6l\x181W\xfe\x07\xa1@\x80\x01\xc0\xf3`H{\xe3\x8d7\x12B\xa4\x94\xb0\x02\xe0\xc3m\xbb\x1cG\x8e\xd9\xec6\xcc\x02\x9d\x85\x94\x82\x84\x86n\xfch\xbb\xd3\xe5\xe6\x9cC\xfe\xa7o\xdf\xbe\x9d:u2Y\xfe\x07\xa1@\x80\x01\xc0\xf3\xa0\xd9\x1a2d\x08\xa4\xad\t!\x8c\xf1\xa3\xc7\xcav\xec\xdeG\xc3\xc31\x8fq\x16\x9c3YW\xf7\xf6\xe6\xad\x84\x10\xa5\x1aZ\xfc;\xee\xb8\x03\xb7\x0eF\xc8\x1b0\x00x\x1e\xa5\x14\nW \x0b\xc49\x87j\xa0\r\x9b\xb7\x10\xac\x04:3)\x95\x16\x16V\xfcuI\xd1\x97\xdf\x18\xf9\x1f\xbb\xdd&gt;b\xc4\x08b\x96\xfd\x9f\x11\n(\xf8Py\x911u\tY\xa0\xfc\xc2\xdd\x98\x05:\x8b\xc6\xfc\xcf\x0e\xb7[\x87\xfc\x8fR*11\x11\xb6\xd6\xc0\x00\x80\x90\xc7\xe1C\xe5\x15\xd0Z%%%a\x16\xe8\xdc\x9d6\xffcl\xae\xe7\xef\xabC\xc8\x840\x00x\x05d\x81"##1\x0bt\x8e0\xff\x83\x90\xef\xe1s\xe5]\x98\x05:G\x98\xffA\xc8\xf7\xf0\xb9\xf2\x16\xcc\x02\x9d\x17\xcc\xff \xe4{\x18\x00\xbc\xe5\xacY |\xdb\x7f\xa51\xffS\x8a\xf9\x1f\x84|\t\x1f-\xaf;5\x0bT\xf1\xe3Q\xcc\x025%\xa5$\xa1!\xef\xe6\x17\xba\xdd:\xe7\x0c\xf3?\x08\xf9\x06&gt;Z^dd\x81:w\xee\xdc\x98\x05bG\x8f\x95\x15}\xf1\x15\r\x0b\x93\x12\x03@\x03\xc6(q\xb9\xf3\xb7\xed&amp;\x8d\xc7%\x12\xcc\xff \xe4}\x18\x00\xbc\xc8\xc8\x02\r\x1f&gt;\x9c4d\x81(!$\x7f\xfb\x1e\xa2q\xa5\xb0i#\x84\x10\xa5\x94-\xc4\xfe\xe3\x7f\xfe\xf7\xf9\xc1o\t!F\xfe\xe7\xb6\xdbn#\x98\xffA\xc8\x9b\xf0\xe9\xf2.\xc8\xf3\xdcp\xc3\r\xf0\xdf\xd0\x9f}\xf7\x83m\xce\x8a*\x9b\rO\xe3!\x84\x10!$\t\x0f\xcf\xdf\xb6\xdbQU\xc39\xa7\x94*\xa5\xbaw\xef\xde\xbd{w\xa5\x14\x06\x00\x84\xbc\x07\x9f.\xef\x82\r,\x87\r\x1b\x16\x11\x11!\x84P\x8a0\xc6J\xbf\xfba\x7f\xd1\x01\x86\'\xc5\x13B\x08a\x94\x10!6l\xde\xd2\xf0G\xc6\x08!#F\x8c\xb0\xdb\xedpX B\xc8K0\x00x\x17\xa5TJ\xd9\xb9s\xe7\xc1\x83\x07\x13B\xe0\x90H\xa5\xd4;\x1fl#6\x1bf\x81\x94R\xb6\xd0\x90\x1f\x0f\xff\xb0s\xcf~B\x08\x1c\xa1\xc3\x18\x1b=z4i\xdcW\x15!\xe4%\x18\x00\xbc\x0e\xd2&gt;P\x0bD`\xc5\x13!\xef\x15lwV80\x0b\xd4\x90\xff)\xdc]]S\x0b\xf9\x1f)e\\\\\\BB\x82R\n\x0f\x00@\xc8\xab0\x00x\x1d\xb4b)))\xbf\xca\x02\x1d\xc6,\x10!g\xc8\xff\x8c\x1c9\x12\xf3?\x08\xf9\x00\x06\x00\xaf\x83^mll,f\x81\x9a\xc1\xfc\x0fB\xfe\x85\x01\xc0\x170\x0btZ\x98\xffA\xc8\xbf0\x00\xf8\x02f\x81N\x0b\xf3?\x08\xf9\x17\x06\x00_8[\x16\xc8n\xd1,\x90R\xca\x16\x1a\xfa\x13\xe6\x7f\x10\xf2\x1f\x0c\x00&gt;r\xa6,P}Y\xa55\xb3@BH\x12\x1e\xfa\xc1\xb6]\x98\xffA\xc8_0\x00\xf8\xc8\xa9Y Ji\xe9\xe1\x1f\x0e|\xf9\r\x0b\x0b\xb3\xe0\x8e7\x94\x12"\xd5\xc6\x82\x1d\xf0G\xcc\xff \xe4{V\xec{\xfa\x85\x91\x05\x1a2d\xc8\xa6M\x9b\x18c\x94R]\xd7\xb7\xef\xd9\xdf/\xe9j\x97\xcb\xadi\x1a!V\xd9\x1eN)\xc24Vy\xf4\xf8\xa7\x9f\x1f$\x84(%\x95\xa2\x9cs\xcc\xff \xe4K\x18\x00|\x07r\xdcC\x87\x0e\xdd\xb4i\x13\xa5\x14R\xff\x1b6m\xc9\x9a\xf5X\x9b\xce\x1d\xfd}u\xbe%$i\x1b\xb5u\xf5\xfa#?\x1f\xe7\x9cK)\x95\x92]\xbat\xe9\xdb\xb7/\xc1\r\xe0\x10\xf2\x15\x0c\x00\xbe\x03\xedZJJ\x8a\xddnw\xbb\xdd\xf0\xc5\xa2/\xbfy|\xca\xdc6m\xc2\x84\x90\xd6\xe9\xf9J!x\x9b\xf0-\x1f\xef$\x84@\xc6_\xd7\xf5a\xc3\x86\x85\x87\x87\x0b!p\x02\x00!\xdf\xa0x,\x89/I))\xa5\x03\x06\x0c\xd8\xb3g\x0f\xe7\x1c\x93\xdd\x00\xf6\xfd\xdf\xbcy\xf3\xcd7\xdf\x8c\x01\x00!\x9f\xc1\x11\x80OI)5M\x1b=z\xf4\x9e={\x8c\xfe\xbe\xa6qB(!\x8a\x10\xab\x8c\x00\xe0\xc5B\xe9\xa71;\x92\x94\x94D0\xff\x83\x90\x0f\xe1\xc3\xe6S\xc6^\xc7!!!\x94R\x9b\xcd\xa6iZc\xbbo\x9d\xd6\x9f\xc0\x8be\x8ci\x9a\x16\x12\x12\xa2iZjjjdd\xa4\x10\xc2:y0\x84\xfc\x0eG\x00&gt;\x05\xb9\x8e\xb8\xb8\xb8\xcb/\xbf\xfc\xff\xfe\xef\xff\xfc}9\x01A\xd7uB\xc8\x1dw\xdc\xe1\xef\x0bA\xc8r0\x00\xf8\x01cl\xc9\x92%;v\xec\xc03oAHH\x08\x1c\x9a\x86\xf9\x1f\x84|\t\'\x81\x11B\xc8\xa2p\x04\xe0\x1f0\xff\xe9\xef\xab\x08 \xb0\x1b\x84\xbf\xaf\x02!k\xc1\x11\x00B\x08Y\x14\xa6\\\x11B\xc8\xa20\x00 \x84\x90Ea\x00@\x08!\x8b\xc2\x00\x80\x10B\x16\x85\x01\x00!\x84,\n\x03\x00B\x08Y\x14\x06\x00\x84\x10\xb2(\x0c\x00\x08!dQ\x18\x00\x10B\xc8\xa20\x00 \x84\x90Ea\x00@\x08!\x8b\xc2\x00\x80\x10B\x16\x85\x01\x00!\x84,\n\x03\x00B\x08Y\x14\x06\x00\x84\x10\xb2(\x0c\x00\x08!dQ\x18\x00\x10B\xc8\xa20\x00 \x84\x90Ea\x00@\x08!\x8b\xc2\x00\x80\x10B\x16\x85\x01\x00!\x84,\n\x03\x00B\x08Y\x14\x06\x00\x84\x10\xb2(\x0c\x00\x08!dQ\x18\x00\x10B\xc8\xa20\x00 \x84\x90Ea\x00@\x08!\x8b\xc2\x00\x80\x10B\x16\x85\x01\x00!\x84,\n\x03\x00B\x08Y\x14\x06\x00\x84\x10\xb2(\x0c\x00\x08!dQ\x18\x00\x10B\xc8\xa20\x00 \x84\x90Ea\x00@\x08!\x8b\xc2\x00\x80\x10B\x16\x85\x01\x00!\x84,\n\x03\x00B\x08Y\x14\x06\x00\x84\x10\xb2(\x0c\x00\x08!dQ\x18\x00\x10B\xc8\xa20\x00 \x84\x90Ea\x00@\x08!\x8b\xc2\x00\x80\x10B\x16\x85\x01\x00!\x84,\n\x03\x00B\x08Y\x14\x06\x00\x84\x10\xb2(\x0c\x00\x08!dQ\x18\x00\x10B\xc8\xa20\x00 \x84\x90Ea\x00@\x08!\x8b\xd2\xfc}\x01\x08\xf9\x82R\n\xfe\x1f4\xfb.m\xc2\x1fW\x87\x90\x7f\xd0S\x1f\x06\x84LCJ)\xa5\xa4\x94r\xce\xcf\xfd\xef3\xc6\x18\xc3\xc112?\x0c\x00\xc8\x84\xa0\x1d\xd7\xb4_\rp\x8f\x1d;\xf6\xe3\x8f?\x1e?~\xfc\xc4\x89\x13UUU.\x97K)e\xb7\xdb\xa3\xa2\xa2:v\xecx\xd1E\x17]|\xf1\xc5\xe1\xe1\xe1\xc6O \x84`\x18@\xe6\x86\x01\x00\x99\x87R\n\xfa\xfbF\xc3\xfd\xf5\xd7_\xef\xdc\xb9\xf3_\xff\xfa\xd7\x97_~\xf9\xfd\xf7\xdf;\x1c\x8e3\xfd[M\xd3:w\xee\xfc\xbb\xdf\xfdn\xd8\xb0a7\xdf|s\x8f\x1e=\x08!B\x08\xc6\x18\xe6\x85\x90Ya\x00@&amp;!\x840\xf2&lt;\xdf|\xf3\xcd\x86\r\x1b\xde}\xf7\xdd\xcf?\xff\\\x08\xd1\xf4\xaf\xc1\xdfi\xda\xa6\xc3\xac\x00t\xf9Axx\xf8\x88\x11#\xa6O\x9f\xde\xaf_?B\x08$\x85|\xf1\x1a\x10\xf2-\x0c\x00\xc8\x0c\x94R\x94R)\xe5{\xef\xbd\xf7\xf2\xcb/\x7f\xf4\xd1G\xba\xae\xc3\xb7 \x11$\xa5&lt;\xed\xf4\xaf\xa1\xe9&lt;0\xfc[M\xd3233\xe7\xcf\x9f\x1f\x12\x12\x821\x00\x99\x92i\x03\x00&lt;\xf0\x9e\xfaiM\xb3\n(\xd0\xc0\x07\xbdz\xf5\xea\xc5\x8b\x17\x17\x15\x15\xc1\x175M\xfb\xcdF\xffL\xe0\xe3\x86\x7f&gt;h\xd0\xa0\xb5k\xd7\xc6\xc6\xc6b\x0c\x08"\xf8\xf8\x9f#s\x06\x00\xe8\x</t>
        </is>
      </c>
    </row>
    <row r="248">
      <c r="A248" s="1" t="n">
        <v>246</v>
      </c>
      <c r="B248" t="inlineStr">
        <is>
          <t>grid_number_color</t>
        </is>
      </c>
      <c r="C248" t="inlineStr">
        <is>
          <t>What is the missing color if the part denoted with the question mark has the number 5?</t>
        </is>
      </c>
      <c r="D248" t="inlineStr">
        <is>
          <t>['orange', 'yellow', 'red', 'green']</t>
        </is>
      </c>
      <c r="E248" t="inlineStr">
        <is>
          <t>yellow</t>
        </is>
      </c>
      <c r="F248" t="inlineStr">
        <is>
          <t>There is a 3x3 colored grid of numbers. The first row has number-color pair [(6, 'red'), (6, 'red'), (5, 'yellow')], the second row is [(1, 'orange'), (3, 'green'), (3, 'green')], and the third and final row is [(1, 'orange'), (5, 'yellow'), (5, '?')].</t>
        </is>
      </c>
      <c r="G248" t="inlineStr">
        <is>
          <t>We observe that the grid cells with number 6 is red in color, the grid cells with number 3 is green in color, the grid cells with number 1 is orange in color, and the grid cells with number 5 is yellow in color. Thus, the pattern is that the grid cell with the same number will have the same color.</t>
        </is>
      </c>
      <c r="H248" t="inlineStr">
        <is>
          <t>Based on the pattern that the grid cell with the same number will have the same color, the missing color of the part with 5 should be yellow.</t>
        </is>
      </c>
      <c r="I248" t="inlineStr">
        <is>
          <t>b'\x89PNG\r\n\x1a\n\x00\x00\x00\rIHDR\x00\x00\x02\x00\x00\x00\x02\x00\x08\x02\x00\x00\x00{\x1aC\xad\x00\x00|DIDATx\x9c\xed\xddw|\x14E\xff\x07\xf0\xef\xcc\xee^/\xe9!\xa1\x85\xde\xab\xf4\xaet\xa5\xd8\xfd)\xa2\xd8{\xf7\xb17\xb0a\xef\x15l\x88\xa8\x88(\xa2R\x05\x94\x0e\xd2\x8b\xf4\x12 \xa4\'\x97\xab[f\xe6\xf7\xc7BDD\xa5\\\xc8\x1d\xf7}?\xcf\xeb\xf9\xfdr\\.\x9b\xcc\xee|\xa6\xed,\x11B\x00B\x08\xa1\xc4C\xab\xfb\x00\x10B\x08U\x0f\x0c\x00\x84\x10JP\x18\x00\x08!\x94\xa00\x00\x10B(Aa\x00 \x84P\x82\xc2\x00@\x08\xa1\x04\x85\x01\x80\x10B\t\n\x03\x00!\x84\x12\x14\x06\x00B\x08%(\x0c\x00\x84\x10JP\x18\x00\x08!\x94\xa00\x00\x10B(Aa\x00 \x84P\x82\xc2\x00@\x08\xa1\x04\x85\x01\x80\x10B\t\n\x03\x00!\x84\x12\x14\x06\x00B\x08%(\x0c\x00\x84\x10JP\x18\x00\x08!\x94\xa00\x00\x10B(Aa\x00 \x84P\x82\xc2\x00@\x08\xa1\x04\x85\x01\x80\x10B\tJ\xae\xee\x03\xf8\x93\x10B\x08Q\xddGqF!\x84\x10BN\xff\xcf\xc5\xa2\x8c\xbaj)J\xb3\x10\xb1(\xa3\xc8,\xc4j\xb9*\x8f\x89To\xe9\n!8\xe7B\x08J)\xa5\xd8\x1d\xa9\x12\x8c\xb1\xd3\xf0\x17\xe6\x9cs\xce\t!\x92$U\xddOIdB\x08\xc6\x18!\x84RZu5\x88\x19\xdeX\x94U\xaa\xf2\x92\xac\xae&amp;Z\xa5j\x0b\x00\xb3\xde?\xf2\x0c\x0bE"\xf9\x85\x85\x85%%\x84\x10\xc0F\xc7\xa9 D\x08!\x11\xd2\xa8A\x03\x8f\xcbE\x8f8\xc3\x18c\xd1\xad&gt;\xcc\xca\x82\x12B\x8eH\x97@8\xbc}\xe7NU\xd7\xb1(O\x15!B\x08\xaf\xdb]\xa7V-\xa7\xcdV\xf92c\x0c\x00\xa2[A\x9b\x01#\xcb\x7f\x8e\n\xa8\xaa^ZV\xbeg\xef\x01B\xb0\x1fp\xaa\x08!B@N\xdd\x9a\xc9\xc9I6\xabR\xf9\xbaa\x18\x92$UW\x0cTC\x00p\xce\x01\xc0l\x8d\x96\x96\x97\xff\xbat\xe9\xdc9s\xb6o\xdcX\x9c\x9b\xab\xf9\xfd^!\x18\x9ej\xa7\x8c\x12\xa22f\xb8\xdd\xce\xa4\xa4\xac\x06\r:v\xeb6\xa8\x7f\xff\xb6\xcd\x9b\x9b\xff\x1a\xad\x18`\x8cU\xd6A[v\xee\x9c5w\xee\xb2%K\xf2\xb6o\x0f\x94\x96\xf2\xf2r\x07\xa5X\x94\xa7N"\xc4\x0f\xa0x\xbdIYY\xf5\x9a6\xed\xd9\xa7O\xff\xde\xbd\xb333\xe1pk\xfd\xd4;vf\x8a\x9bE\x19\x89\xa8+~_7c\xc6\xacu\xeb~/)\xd8\xa5\x86\xfdI\x0e\x95\x10\xc0\x82&lt;E\x04@\x00\x94\x07-V\x9b\'5\xb3^\xeb6\x1d\x07\x0f\x1e\xd0\xa9c[\xbb\xcd\nU\xd02;\xde\xa3:\x9d\x01p\xe4y\xb6|\xf5\xea\x0f&gt;\xfc\xf0\xf79sj\x1bF\x87\x94\x94V\x19\x19\xf5\xd3\xd2\\Vk\x8a\xc3\x81\xa7\xda\xa9#\x00:\xe7E~\x7fy8\xbc\xa5\xb0pUA\xc1\xbaP\xc8\x92\x933\xe4\xd2Ko\xb8\xea\xaad\xaf\x17\xfeZ}\x9f(\xce\xb9Y\xefDT\xf5\xf3\xc9\x93\'\x7f\xf1E\xe9\xa6M-,\x96\x8e\x99\x99\xcd22\xd2]\xaeT\x97\xcb&amp;\xcbX\x94\xa7J\x08J\x88OU+B\xa1}\xe5\xe5\x9b\n\x0bW\x16\x15\xed\x00h\xda\xbd\xfb\xa8\xeb\xae\x1b|\xce9\x00`\x0e\xd7\x9ct\xddQy\x1a\xec\xd8\xb5\xf7\xfd\xf7\xc6\xff:\xff\x87\x14GY\xb7\xb6\xee\xce\xad3[5\xc9p;\xad\x9et\x17\xc4\xcc\x98u|\x13\xa2\xa2(\xe0\x0f\xaa\x1b\xb7\x16.\xdbP\xb8tmEI0\xa9\xd7\xd9\xc3n\xb9\xf9\x86\x86\r\xea\xc2\xa9]\x92\'\xe7\xf4\x05@e\x95\xb1r\xcd\x9a\x87\x1e|\x90o\xdbvNZ\xda\xd0\xa6MsRSeIR\rC5\x0c&amp;\x84\xc1\xd8\xe99\x9e3\x1e!D\x91$\x89R\x9b,+\x94\xfa\xc2\xe1\x95\xb9\xb9S\xb7m\xdb@\xe9\xe0+\xaf|\xf4\xfe\xfb\x1dv\xbba\x18Gv\xf9\x8fS\xe5w\xbd5n\xdc\'o\xbcQ/\x18&lt;\xbfA\x83\xde\xf5\xeb\xa7\xb8\\\x8cs\xd50t\xce\r\xc686\xff\xa3D\xa2T\xa2\xd4"I6Y\x16B\xe4\xf9|\xb3\xb6m\x9bq\xe0\x80/;\xfb\xb1\xa7\x9e:o\xc0\x008\xa9\xba\xa3\xb2\x03\xb1o\x7f\xdeC\x0f=\xbe\xeb\x8f_\xce\xe9\xec\xb8\xfa\xc2\x16\x8d\x9bf\x82\xdd\x02\x1a\x03\xd5\x00\xc6\xb9\xce\x01;\x00\xd1A\xa8BA\xa2`\x95\xc1"AX\xdb\xb6\xb5`\xc2\xd4\xcd\xf3\x96\x07s\x9a\xf4}a\xec\xd3\xb5kg\x9fb\x9c\x9f\xf0\x01\x9d\x9e\x000\xab\x8cP(t\xeb\xddw\xff&gt;m\xda\x9d\xcd\x9a\ro\xde\xdca\xb5V\xa8\xaaj\x18 D\xe5\xef\x8c-\x8d(2\xd7pp\x00!\x84D\xa9\xcbb\xb1+\xca\xb6\xc2\xc27W\xacXF\xc8\x98\x17_\xbcd\xf8p\xf3\x048\xfe\x13\xce\xach\x96\xacXq\xfbm\xb7\xd5*,\xbc\xbfc\xc7v\xb5k\xeb\x9c\x07TU7\xa7(O\xe8\xe3\xd0\xf1\x11f}\r\x00\x00\x16Ir[\xad\x8c\xb1y;v\xbc\xb2fMr\xd7\xae\xe3\xdey\xa7fv\xf6\t\xc5ye\x83l\xf4\xd3/~=\xe1\x8d\xeb/\xaeq\xf3\xc8v\x8e\x1a\x1e\xf0\xab&lt;\xacs.\x08%\xf4\xd0\x92\x95\xaa\xfa\xa5\x12\x90Y\x84\xdc\x8c^B\xa8]\x01\xb75\\P\xf1\xde\xe7k\xc6O\xc9\xbf\xf4\xca;\x9fz\xe2A8\xa2t\xaa\xda\xe9\x08\x00\xf3\xbc\\\xb5n\xddUW]\xd53\x1c~\xf4\x9cs&lt;6[Y8l\xfe\x92xv\x9d6\\\x08.\x84]Q&lt;6\xdb\xe2]\xbb\xee\xff\xf5\xd7^\xd7_\xff\xceK/\xc1\xf1\x9dp\x95\r\xc6\x17\xdf|s\xdc\x981O\xb4m{~\xabV!]\x0f\xa8*%\x84b=q\xba\x08\x00\xb3w\x95d\xb3q!\xde]\xba\xf4\xb3\xa2\xa2W\xdf\x7f\x7f\xf8\xe0\xc1\xc7\x99\x01f\x8a\x97\x94\x96\xfd\xdf\xff]\xed4\x96\xbf;v@v\xfd4(\x0f\x1b\x1a\x93\xa4j^\x97\x92P\x84\x10\x8c\tY\x91 \xd9~pw\xc9\xad\x0f\xcd\xf2\xd3N_}\xf5YZj\xca\xe9\x19\x0e\xaa\xf2\x00\xd0u]Q\x94\xaf\xbf\xff\xfe\xbeQ\xa3\xc6v\xeatQ\xeb\xd6E\x81\x80\xc1\x98\x84\x8b&gt;\xab\x89\x00`\x9c\'\xd9\xed:cwN\x9f~\xa0~\xfd\xd93f8\xed\xf6\x7f\xcf\x80\xca\xda\xff\x92\x91#\x0bf\xcc\x187|x\r\xb7\xbb8\x18\xc4\xaa\xbf\x1a1!\x08@\xa6\xdb\xbdt\xcf\x9e\x9bf\xcf\xbe\xe6\xa9\xa7\x1e\xbd\xef\xbe\xff\xcc\x00\xf3\r\x9b\xfe\xd86|\xc8\xc0\x1b/\xf6&gt;\xf0\xbfs\xc0\x1f1\xc2\xba$ck\xacz\x08\x00fp\xd9\xae\x80\xc7\xf6\xd2K\xf3?\x98\\\xfe\xfd\xf4\x99-[49\xb9\x11\xda\x13R\xb5\x01`\xfe\x02_|\xfb\xed\xd3\xd7]7y\xd8\xb0\xba\xa9\xa9E\x81\x80\x8c\xad\xfe\x18\xc0\x84\x90\x08\xa9\xe1\xf1&lt;7g\xceL\x97\xeb\x97\xd9\xb3]\x0e\xc7?e@e\xed\x7f\xe1\x88\x11\xee\xc5\x8b\xdf\xbd\xf0\xc2\xf2H$\xa2\xeb2\xa6x\x0c\xd09O\xb2\xd94\xc3\xb8\xe8\xeb\xaf\x07=\xfc\xf0\x93\xff\xfb\xdf\xbfT\x1cf\xbbr\xfd\x86-\x17\x9f\xdf\xff\xc3gZ\xf6\x19\xdc\xc28\xe8\x93\x08!xQV7\xc1\x05\xe3B\xce\xf6\xfe6s\xd3\xf5\x8fn\xfc\xe6\xbb\xd9mZ7\xab\xea~@\x15\x06\x80y\xe8\x93\xbf\xff\xfe\x89Q\xa3\xbe\xbf\xe0\x82T\x97\xcb\x17\x89(Xe\xc4\x0c\x01`p^;)\xe9\x85_~\x99\xe9r\xcd\x9e1\xc3n\xb3\xfd}-Z\xe5\xf2\xf0KG\x8et,Z\xf4\xdeE\x17\xe5WT\x00\x006\xfcc\x07\xe3\xdc\xaa(\n\xa5\xc3\'M\x1a\xf2\xe8\xa3\xff\xd4\x0f0\x03~\xd3\xe6m\x17\x0e\xeb\xf7\xf1\xf3\xad\xba\x9f\xd3D?X\xa1X\xf0n\xaf\x18\xa2kL\xa9\xe1Y\xb2`\xeb5\x0f\xad\xffv\xda\xdc\x96-\x9aT\xe9|@U\x05\x80y\xd0k7m\x1a\xdc\xa5\xcb\xec\x0b.\xa8\xe1\xf5VD"\xd8`\x8cA:c9\xa9\xa9\xf7|\xf7\xdd\xee6m~\xfc\xe6\x1b\xdd0\x94\xbfV\x1cfUr\xdfc\x8fm~\xff\xfdi\xd7\\\xb3\xdf\xe7\xab\x86\xe5\xca\xe8\xbfp!\x14I\xb2P\xda\xed\xe3\x8f\xc7N\x9e|\xf1\xd0\xa1G5\x1e\xcdE\xd8\xe1H\xa4]\xdb\xb3\xdey\xb8\xe6\x80\xf3\xdb\xe9y\xe5X\xfb\xc7 ]gJ\x96w\xee\xb4u7?\xb7o\xed\x9a\xd5\x0e\x87\xbd\xea\xd6\x05UI\x8dl\x8e\x18\x04\x83\xc1\xcb/\xbb\xec\xc5.]\xea\xa4\xa6b\xed\x1f\xb3\x14I\xda[V\xf6\xfc\x90!\xbe_~y\xf1\xcd7\x15YfG\xac\xc45\xdb\xfe?\xcc\x9a\xf5\xc3\xeb\xaf\x7f|\xd9e\xf9\x15\x15\x14Wj\xc5$J\x88f\x18\x84\x90\xcf\x86\r\xbb\xe7\xba\xeb\xf6\xec\xdbG)5o\xba4\x99y0\xf2\xea\x1b\xaf\xe8\x0b\x03.l\x8f\xb5\x7f\xccR\x14I\xcf\xf3\xf5\xbb\xb0\xdd\x95\xfd\xe9\x88\xab\xae?\xaa\x1c\xa3\xabJz\x00\xe6\xa9v\xf5M7)s\xe7\xbe}\xc1\x05\xfb\xcb\xcb\x15\xdcT$\x86\t\x00\x85\xd2\xa0\xa6\xf5\x9d&lt;y\xfa\xd2\xa5mZ\xb40\xef\xd73\x83\xbc\xb8\xb4\xb4c\x9b6\x1fw\xe9\xd2&amp;;\xbbBU%l\xfd\xc70\x9d\xf3,\xb7\xfb\x9d\xc5\x8b\xa79\x1c\x8b\xe6\xcf\xe7\x87;\x01\xe6%\xf9\xfe\xb8\t\x93\xde\xbb\xfd\xb7\x99\xd7\x19%AY\xc2r\x8ci\x06\x13r\x9a\xb3\xf7\xa0\x8f\xff\xef\xc67n\xb9iT\x15M\x06D\xbfUn\x0e\xfe\xac\xde\xb0a\xf1W_=5`@\x81\xdf\x8f\xb5\x7f\x8c#\x00\x11\xc3\xc8\xf6z\xefl\xd6\xec\x7f\x0f=T\xd9\xd94oO\x1f=vl\x7f\x9b\xadG\xfd\xfa\xe5\xe10\xd6\xfe1N\xa1\xb4\xc0\xef\xbf\xa5[7c\xed\xda\xaf\xa6N\x95$\xc9\xdcw\x8c\x10\xe2\x0f\x04_}q\xf4\x87\xcf\xf5\x17\xaa\x8e3\xbe\xb1\x8f\x12\x10\x11\xfd\xc3\xe7\xfa\xbf\xf6\xd2\xe8\n\x7f\x80\x90*i\xacW\xc9\xb0\x0c!\xe4\x9e{\xef\xbd\xafuk\x8f\xd5\xca\xaa\xac\xf3\x82\xa2H\xa6\xb4\xd0\xef\xbf\xb1[\xb7\xf2%K\xbe\xfb\xf9gI\x924M\x93$i\xe3\x96-\xb3?\xfe\xf8\xf1\xbe}1\xc8\xe3\x05!$b\x18\xcf\xf4\xe93\xe6\xe1\x87#\xaaJ)5\x0c\x83R\xfa\xe4Sc\xcf\xed\xcc\x9bv\xa9\xc7*T\\\x88\x17\xfb(%\xacBm\xd29gHW\xfa\xc4S\xcfSJY\x15\xec\x92\x10\xe5\x000\x9b\xff+\xd7\xad\x0bo\xd8pQ\xeb\xd6%\xa1\x10\xae\xf7\x8f\x1b\x84\x08\x80\x9b[\xb7\x1e\xf7\xfe\xfb\x87_ \xef\x8d\x1bwQ\xcd\x9ai.\x97\x8e[t\xc4\tJHE$\xd25\'\xa7~ 0e\xfatsWg_E`\xc1\xdco\x1e\xb8\xb9\x0b/\x0bK2^\x92\xf1A\x92)/\x0b\xfd\xef\x96N\xbf\xcd\x9dR\xee\xf3\x9b\xa3\xb2\xd1\xfd\x11\xd1\x0f\x00\x00x\xf3\xad\xb7\x06ef:\xacV\xdc\r&amp;\x8eH\x84\x94\x87\xc3\x83\x9b5\xdb\xbft\xe9\x9a\x8d\x1b-\x16KQi\xe9\xbc)S\xfe\xafM\x9b\xf2H\x04\x83&lt;\x8ePBt\xce\xff\xafi\xd3\x0f\xdfy\x87\x0bA)\xfdb\xd2\x94\xc6Y\x15\xd9\xcd\xb2DX\xc3a\xbcxA\x08\x88\xb0\x9e\xd54\xabiM\xff\xc4/\xbe!\x84D\xbd\x13\x10\xcd\xabZ\x08!\xcbryE\xc5\xaa\xb9s/l\xd5\xca\x87\xb5F\xbca\x9c\'9\x1c\xbdSS\xc7\x7f\xfa)\x00|\xfd\xddw\xf5\r\xa3QFFD\xd7\xb1\xd2\x88#f\'\xa0o\xe3\xc6e\x9b6\xad\xdb\xb4\t\x00&amp;M\x9ap\xed\x85\xcd\x84\xc6pg\x9f8C\x89P\xd9\xb5\x177\xfb\xfa\xeb\x89px\x17\xfdh~|\x14?\xcbl\xfe\xff\xbadIm]\xcfIMU\r\x03\xcf\xb5\xf8B\t\tj\xda\xe0F\x8d\xd6,Z$\x00~\xfd\xe5\x97A99\x06\xe7\xb8\xee?\xee\x18\x9c{\xed\xf6\x0en\xf7\x82E\x0b\x83\x81H\xb8|[\xaf\xaeu!\xa0J\xb8\xf8\'\xaeH\x94@@\xed\xd9%G\xf7\xef\xda\xbb\xef \xa54\xba\xa3@Q\xee\x01\x00\xc0\xacY\xb3:\xa5\xa5\xc9U0\\\x85\xaa\x1a%$\xa4i\xad\xb2\xb3\x8d\x03\x07\xd6\xfd\xf1G\xde\xe6\xcd]j\xd7\x0ej\x1a\xf6\xe3\xe2\x0e!Dc\xacg\xcd\x9a\xab\x97-\x9d;\x7fa\xc3,f\xab\xe1e:\xae\xc8\x88?L\xe7\xd6Lo\xc3l\xe3\x97\xf9\xbf\xc1\xe1vv\xb4D\xf3\xd26oX\xd8\xbaaC\x9b\x1a5T\xc3\xc0\xad\x02\xe2\x11\x13\xc2c\xb5\xd6w8&gt;\x9f&lt;\xd9\xab\xeb\xd9^\xaf\xc6\x18\xf6\x00\xe2\x0e\x05\x08\xebz\xd3\x8c\x8c\x92\xbd{\xa7\xff\xfcs\xe76\x99\x00\x80\xdb\xfa\xc7\'\x01\x00\xed\x9b\xa7\xacZ\xb9\x12 \xca\xcf\xe6\x8cZ\x00\x98\x9b\x85\xe9\x8c\x95\x1e8P/5\xd5\xbc)1Z\x1f\x8eN\x1bs\xcdx\x93\xe4\xe4\xaf\xa7N\xad\xa1(N\x8b\x05\x17\xf2\xc6#B\x88\xceXvR\x92ZT&lt;o\xc1\xdcv-j\x80\xcep\xc7\xb7xD(\x01\x8d5k\x98\xb2k\xe7v\x88\xf6\xb36\xa2\x19\x00\x00p\xe0\xe0A\xbd\xa2\xc2m\xb3\x19Xk\xc4\'\x02\xc0\x85Hw:\xcb\xf6\xefO\xb6Xp\xce0~q!\xec\x16\x8b\xa4j%\xc5y\x99i.08\x96e&lt;"\x00\xc0xF\xaa\xab\xa48O7\x8c\xe8N\x03Dyt7\xbf\xb0\xd0\xc5X\xaa\xd3ip&lt;\xdb\xe2\x12!\xc4\xe0\xbcAJJ\xa8\xb4\xb4\x9e\xdb\r\xb8\xf3O\xdc\xe2B8,\x96T*\x07\x02\xa5\r\xea$\x83\x8a\x9d\xf2\xb8D\x08\x01\x9d\xd5\xaf\x93l\xa8e\xaa\xaa\xc7h\x0f\xc0$\xcb2\x10\x82\xcb\xff\xe3\x9d\xc19\x10b`9\xc69\xf3)\x92\x94R\xc3\xe0\x98\xe4q\xcd08\xa5r\xd4#&lt;\xca\x01\x80+\x7f\xce\x0c\x04\x00\x84\xc0\x1a\xe3L!\xb0\xe9\x1f\xef\x08\x81\xaa\x98\xc3\xc7\x05~\x08!\x94\xa00\x00\x10B(Aa\x00 \x84P\x82\xc2\x00@\x08\xa1\x04\x85\x01\x80\x10B\t\n\x03\x00!\x84\x12\x14\x06\x00B\x08%(\x0c\x00\x84\x10JP\x18\x00\x08!\x94\xa00\x00\x10B(Aa\x00 \x84P\x82\xc2\x00@\x08\xa1\x04\x85\x01\x80\x10B\t\n\x03\x00!\x84\x12\x14\x06\x00B\x08%(\x0c\x00\x84\x10JP\x18\x00\x08!\x94\xa00\x00\x10B(Aa\x00 \x84P\x82\xc2\x00@\x08\xa1\x04\x85\x01\x80\x10B\t\n\x03\x00!\x84\x12\x14\x06\x00B\x08%(\x0c\x00\x84\x10JP\x18\x00\x08!\x94\xa00\x00\x10B(Aa\x00 \x84P\x82\xc2\x00@\x08\xa1\x04\x85\x01\x80\x10B\t\n\x03\x00!\x84\x12\x14\x06\x00B\x08%(\x0c\x00\x84\x10JPru\x1f@\xfc\xe1B\x08!\x80\x10\x02@\x08!\x00\x00 \x84\xe0\x00B\x08B\x88t\xe85\x14\xd3\xc4\xe1\xa24\x0b\x91\x1e.5.\x84\x00\x10BH\xa4\xb2xQL\xe0f\xd9\x9c(\x02\x12\xc5r&lt;6\x0c\x80\x13\xc0\x84\xa0\x848\x14\xc5*I\x00\xa0s\xae2\xc68\'\x84X$\xc9B\xa9L\xa9\xcey@\xd7\xf1t\x8bef\xbd\xafH\x92KQ\x14J\x99\x10:c\x1a\xe7\\\x08\x89\x10\xbb,\xcb\x94J\x84\x04u]\xe3\x1c\x8b2V\x08\xa0\x0e\x05\x94\x13\x1f\xb4`\x02Bz\x15\x1c\xd0\x99\x00\x03\xe0\xb80!$B\x92m\xb6\xb0\xaeo(*ZUP\xb0\xb9\xa4$\xb7\xa2\xa2B\xd3T\xc6(!\x0eYN\xb5\xdb\xebz&lt;\xdd\xb2\xb3\xcf\xaeSGg\x0c\x1b\x8f\xb1\x89qnW\x14\xbb,\x17\x04\x83K\x0e\x1cX]X\xb8\xbd\xac\xac \x18\x0c\xe8:\x13B\xa1\xd4\xa5(\xd9.W\xc3\xe4\xe4\xf3\xea\xd7\xcf\xf1x4,\xca\x18 \x04\x10\x85\xae_W\x98{0@\t\x1cg?\x80\x00\x08\x00\xaf\xdb\xd2\xa3C\xd6\xf1~O\x82\xc1\x00\xf8o\x06\xe7^\xab5\xa8\xeb\x9fl\xd8\xf0\xf5\xd6\xad\xab\x0b\n\x0c\xce\xff\xe9\xcds\xf7\xee\xed_\xb7.\xb67b\x10\x17\x82\x10\x92b\xb7o))\xf9l\xf3\xe6\x19\xbbv\xed\xad\xa8\xf8\x97\xf7[$\xe9\x9e\xf6\xed\x8b\x0cC\xc6\x00\xa8n\x9c\x0b\xc9.?\xfe\xfa\xca\x1f\xe6\xed=\xd1\xefm\xde0y\xd3\xec\xcb\x84&amp;\xb0\x18\xff\x0e\x03\xe0?0!R\xed\xf6y\xb9\xb9\xa3\x97,Y_Td\xbe\x98\xeep4OIi\x90\x9c\x9cn\xb7\xdbe\x99\x03\xf85\xad \x18\xfc\xa3\xa4\xc4e\xb1plk\xc4\x1e&amp;\x84U\x92(!/\xaeX\xf1\xee\xda\xb5&gt;U5_o\x9c\x9c\xdc4%\xa5\x8e\xc7\x93d\xb3)\x94\xaa\x8c\x95G"\x07\x02\x81\xb5\x85\x85VI\xc2\x82\x8c\x11\x84\x00\xe8&lt;\x102$\x89\x10\x00\x83\x1dW\xc9\x10\x02B\x80\xc3&amp;U\xf5\xe1\xc5/\x0c\x80\x7f\xc3\x85H\xb6Z\xdf\\\xbdz\xcc\x92%L\x08\x00\xe8U\xab\xd6\x88\xe6\xcd\xbbfgg:\x1c\x16I:\xb2I!\x00\x02\x9aV\x1c\x0e\xab\x9c\xe3\xa0AL\xe1B\xd8d9\xa0i\xb7\xcc\x993/7\x17\x00\\\x16\xcb\xa5M\x9a\\\xd8\xa8Q\xf3\xd4T\xaf\xd5z\xd4\xbc=\x13\xa2(\x14\xd29\xaf\xd04\x99\xe2J\xb9\xeaG)\x11*+\xabP\x19\x13\xe7\xf5\xa9\xf3\xec\xa3\xdd\x0c\xbfv\x9cS\xbb\x0e\xbb\x0c\x06\xc7+\xf2\x980\x00\xfe\x11\x13"\xc5f\x1b\xbb|\xf9\x0b+V\x00@\x86\xc31\xa6{\xf7\x0b\x1a5R(\r\x1aFP\xd7\x03\x9avd;\xc4\\\xff\x93\xeep\xfc\xcb\x00\x11:\xfd\x84\x10\x16JC\xba\xfe\x7f\xd3\xa7\xaf),\x04\x80s\xea\xd4\x19\xd3\xbd{\xcb\xb44\x95\xb1\x88a\x94\xab\xeaQ\x8bK\x08!\x0eE!\x00\x0c;s1@\x08 \x12\x89\x84\x8cr\xbf\n\x00M\xeb\'\xb5\xe9\x94\r\xa5a\x90\x8e\xafR\xe7\x02TV\xb5\x87\x18\xb70\x00\x8e\xcd\xe0&lt;\xd5f\x9b\xb8y\xb3Y\xfb7NN\x9ep\xee\xb9MSRJ#\x11!\x04\xa5\x94\x12\x02\xc7jT\xe8\xb8n$\xf6\xc8\x92t\xf3\xcc\x99f\xed\x7f]\xabV\xcf\xf7\xec\xc9\x01\x8a\xc3aJ\x085\x97\xed\xfe\xad(\xcd\xaa\x1f\x8b26\x08\xa04\x10\xd2}~\r\x00\x92=V\x1e\xd2\x8c\x80&amp;\xcb\xc7\xdb9\xa3\xb8\x0c\xf4\x1f`\x00\x1c\x03\x17\xc2\xa1([JK\x1f^\xb8\x10\x00j\xb9\\_\x0e\x19R\xc7\xe3)\n\x87\x15J\x8fY\xefW\xc2\x13-\xa6\x18\x9c\xa7\xda\xed\xaf\xac\\\xf9\xcb\xde\xbd\x000\xa2Y\xb3W\xfa\xf4)SU.\xc4\xbf\x8f\xed`9\xc6\x0e\xb3\x07PV\xa1\x06C\x06\x00d\xa4\xda(!T"X\xad\x9f:\x1c\xdf&lt;\x06\x01`\x91\xa41K\x97\x064M\xa6\xf4\xf5s\xce\xa9\xe7\xf5\x96\xab\xaa\x82\xc3\xc1q\xe5P\x90\x97\x94\xbc\xbej\x15\x01h\x93\x9e\xfeB\xef\xde&gt;U5o\xf2\xaa\xee\xa3C\xc7K\x00\x80D\xcb|\xaa\xaa1\x00HO\xb1\x03\x17\x043:\x1a\xb0F;\x1a\x17\xc2m\xb1,\xdc\xbf\x7f\xe6\xee\xdd\x000\xa2Y\xb3\xfe99%\x91\x08\xd6\xfeqG\x08a\x97\xe5w\xd7\xae\r\xe8\xbaD\xe9\xd3=zX%I\x17\x82b\xed\x1f_\x04\x00%%\xe5\x11\xf3\xab\xb4d\x1bp\x81\xf5\x7fT`\xa5v4\xb3y\xf8\xc9\xc6\x8d\x02\xc0k\xb5\xde\xde\xae]@\xd3\xb0\xc1\x18w\x04\x80M\x96w\x94\x95M\xdb\xb1\x83\x00\x0c\xaeW\xafG\xcd\x9a&gt;U\xc5E\xfdqG\x80\x00J\nK#\x00 K4\xd9c\x05&amp;\xb0\x14\xa3\x02\x03\xe0/\x84\x10f\xad1?7\x17\x00\x86\xd4\xaf\xdf099l\x18\xd8f\x8c;\x9cs\xa7\xa2\xfc\xb8kW\x85\xa6\x11BF\xb5l\xc9\x84\xc0\xe5\xb9qI\x00P(*\x8d\x00\x80\xd3.\'{\xad\xc0\xb0\x07\x10\x1d\x18\x00\x7fa\x8e\x1a/\xd8\xb7\xcf\xafi\x04\xe0\xfcF\x8d\x0c\xce\xb1\xf6\x8fG\x94\x90\xb0a\xcc\xdc\xbd\x9b\x004KI\xe9T\xa3FP\xd7\xb1\'\x17\x97\x08\x80\x80\xc2\x920\x00\xb8\x9d\x8a\xc7\xa5\x00\xe78\x07\x10\x15\x18\x00\x7fE\x08\x13b\xc1\xfe\xfd\x04\xa0\xae\xc7\xd36##\x84\xcd\xff8$\x84\xb0\xca\xf2n\x9focq\xb1\x008\xbbN\x1d\xb7\xc5\x82\xf7g\xc4-\x02B\x14\x95\x84\x01 \xc9k\xb5\xdbd\xe0x\x7fFt\xe02\xd0?\t\x00\x85\xd2\xe2PhCQ\x91\x00h_\xa3F\xaa\xcdV\xa6\xaaf\xb3\xf1\xa8\xdd\x83+\xbf\x05\x84 \x84`H\xc4\x14\x0e`\x93\xa4uEEA]\x07\x80.\xd9\xd9\xc6\x11\xb7g\x9b{w\xc3\xe1=\xbd\x01@\x1c\xde\xca\x9b\x02\xe00Q\xac\xa1\x04\xc0\x10\xc5\xe5\x11\x00Hr[$\x9b,T\x83\x10"\xcc\xcb\xef\xf0\xdb\xc8\xa1\xff\xa0\x13\x80\x01\xf0\'\xb3\xd9\xb8\xb9\xa4\xe4` \x00\x00\xed\xd2\xd3)!f\xc5\xc09W$\xc9\xad(2\xa5L\x08s[r\x02`\xae%W\x19\x0b\xeb:\x07\xc0\x11\x86X!\x04%d]a!\x00x-\x96\xa6))*c\x14\xc0\xdc\xa6\xc9&amp;\xcbvY\x06\x00\xc6\x0fu\n(!2!L\x88\xb0a\x98\xef\xc4\x18\x88\x1d\x84\x10\xd0XIY\x04\x00R\xbcV\x83\x007\x84"\x03\x91(PJ*\xef\x06\xe0\x02\x18gL\x08!(\xc1\xbb\x04\x8e\x0b\x06\xc0\x9f\xcc\x1e\xc0\x8e\xb22\xf3.\xd0\xc6))\x06\xe7\x1c\xc0B\x88\xcbn/\x08\x06\x7f\xdb\xbf\x7fma\xe1\x1e\x9f\xaf4\x1218\xb7\xcbr\r\xa7\xb3IJJ\xc7\x1a5Z\xa5\xa5I\x94Vh\x1a\xc5\x9a#\x06\x10B4\xce\xb7\x95\x95\x01@-\x8f\'\xc3\xe1\xd09\xe7\x00.E\x91\x08\xd9VV\xb6\xfc\xe0\xc1M%%\x07\x03\x01\xf3\xe1\r\x1e\xab\xb5\xb6\xcb\xd5:#\xa3S\x8d\x1au\xbd\xde\xb0\xaeG\x18\xc38\x8f\x05B\x00\xa1`\xa8F\xa9O\x05\x80ZY.9\xc3\tr\x18\x0c\xae\x05t\x7f@\x8bh\x8csA)\xb1Y\xe5d\x8fEr[@\xa6\xa02\x1e\xd2\x01\xef\x01\xfe/\x18\x00\x7f2\x1b\x0e\xbb|&gt;\x00p\xc8r-\xb7;l\x18^\xab\xb58\x1c~k\xf5\xea\xaf\xb7n\xfd\xa7\xdd\x83-\x94v\xc9\xce\xbe\xa5m\xdb\x0199~M\x13\xb8\xda\xa4\xbaQB\x82\x9a\xb6\xcf\xef\x07\x80\xdan\xb7M\x96\xfd\x9a\x96l\xb3-=p\xe0\xc3\xf5\xebg\xef\xd9\x136\x8cc~c\xba\xdd&gt;\xb4a\xc3\xdb\xda\xb5\xcb\xf1x\xca#\x11\to\xfe\x88\x05\x94\xfa\x83j \xa4\x03@y\x85:\xe1\x835K\x96\xe7m\xdb\xed;P\x10,\xf5\xa9\xe1\x88\xc1\xb8\x90$\xe2\xb4+i\xc9\xb6F9\xdeng\xd58\xb7w\xed\x96\xad2@\x08\x16\xd0$\t\x0b\xf1\x1fa\x00\xfc\x89\x10\xc2\x01\x0e\xf8\xfd\x00\x90d\xb3y,\x16\x8f\xd5:c\xf7\xee\x87\x7f\xfbm\xb7\xcf\x07\x00\xd9.W\xcb\xb4\xb4\x1c\x8f\xc7k\xb5\n\x00\x9f\xaa\xee\xf6\xf9\xd6\x17\x15\x15\x86B\xbf\xed\xdf\xff\xdb\xfe\xfd\xd7\xb7j5\xa6{w\xb3\xb1\x89\tP]\xcc\xa7}\x15\x85B\xa5\x91\x08\x00\xd4p:\xad\x92\xa4J\xd2\x98%K\xde\\\xbd\xda\x1c\x05j\x95\x96\xd6$55\xdb\xe9\xb4\xc9\xb2\xc6Xa(\xb4\xad\xb4t}qqQ8\xfc\xf1\x86\r?\xee\xdc\xf9R\x9f&gt;C\xeb\xd7\xaf\x9c\x01B\xd5E\x08AdRV\xae\xe6\x15\x86\x08\x81I\xd3wL\x9a\xbe\xe3\x98\xef\x0c\x86\x8c\xc2\x92\xf0\xe6\x1de\xd3\xe6\xeey\xe2\xb5\x95\x03z\xd6~\xec\xf6\xf6\x9d\xba\xd4\xe4\xe5\x11Jpr\xe0\xd80\x00\xfeD\x00\x18\xe7E\xe10\x00\x98\x8f\x85\xfaz\xcb\x96\x9b\xe6\xcc\x11Bt\xce\xca\xba\xa1u\xeb\xee5k\xa6\xd9\xed2\xa5\xd4\x9c6\x04\xd09/\x08\x06g\xed\xd9\xf3\xfa\xaaU\xfb\xfd\xfe\xf1\x1b6\x14\x87\xc3\xef\x0f\x18\xf0O\rLt\x1a\x08\x00\x89\x90\nM\xf3k\x1a\x00d\xd8\xed\n\xa5\xb7\xcf\x9d;m\xc7\x0eJ\xc8\xa8\x96-\xafh\xd6\xaciJ\x8aKQ(!\x84\x10!\x04\x17"l\x18\xdb\xcb\xca&gt;\xd9\xb8q\xe2\xe6\xcd\x85\xa1\xd0\xa8\x9f\x7f\xfep\xc0\x80\x0b\x1b7.\x8bDpG\xe8jD\x08\x11:O\xab\xe1\xbcdP\xfdof\xee\xf2\xb8,M\x1b$5\xab\x9f\xd4(\xc7[+\xd3\x99\xec\xb5\xda\xac\x12\x01\x08F\x8c\xc2\x92\xf0\x96]\xbe\xe5\xeb\x0bW\xae+T56\xfd\x97=3\x16\xe4&gt;}O\xc7\x87\xee\xee\xc0\x02:&gt;\x13\xe0\x980\x00\xfeD\x08\xd1\x183k\x8d\x9a.\xd7\xef\xf9\xf9\xb7\xce\x9dK\x01\x1e\xef\xd6\xed\xc66ml\x92\x14\xd0us\x84\xc7\\x`&gt;\x14&gt;\xc9j\xbd\xbeU\xab\x0199\xd7\xcc\x98\xb1\xaa\xa0\xe0\xfb\x1d;\x1a%\'?\xd2\xa5Ki8\x8c\x03\x08\xd5\xc5\x0c\x00\x9d1\x00\xa8\xeb\xf5&gt;\xb9x\xf1\xb4\x1d;\x9a\xa6\xa4\xbc\xdc\xa7O\x8f\x9a5#\x8cE\x0c\xa3\xec\x88]\xa0\xcd\xf5?MRR\xde\xea\xdb\xb7g\xadZw\xfc\xf2K\xd80\xee\x9c7\xafqJJc\xbc\x13\xb0Z\x11\x02\xc0\x84\xc7\xa1L~w\xc0\xb2\x95\x07\xebd\xbb\xb3\xb3]`\x97\xc1\x1c\xdc\xe7\x02*\xafF\xf3\x95\x90\xbe\xf6\x8f\x92\xb7?\xdd\xf0\xf17[\x0c\xce\x1f~yyqY\xf8\xe51=Y\xc5\xf1&gt;? \xa1`\r\xf5\'\x02`pn.\x1c\x0c\xe8\xfa}\x0b\x16\x00\xc0G\x83\x06\xdd\xd7\xb1\xa3j\x18\xa5\x91\x88\xf9Px\x89R\x99R\x99R\x89RJ\x88!DQ8\x9c\xe9p|:xpM\x97\x8b\x12\xf2\xe6\xea\xd5\x1b\x8a\x8b\x1d\x8a\x82\x8f\x06\xab\x16\x02\x80\x10\x12\xd2us\xa5\xd6\xac={^Z\xb9\xb2mF\xc6w\xe7\x9f\xdf%;\xbb8\x1c\x0e\xe9:\x00H\x84\xc8\x95EI\x08!$l\x18\xf9\xc1\xe0\xe5M\x9b&gt;\xdb\xb3\'\x00\x84\rc\xf4\x92%\xd8\xfc\xaf~\x04\x84\xce\x85\xc6\xbbt\xab\x95]\xd3\x05:g\xe5\xaaQ\x1a6J\xc3\xac\\e&gt;\x95\xf9\xd4\xcaW\x84\xc6\xda\xb6L\x1f\xffv\xffo\xdf\x1d\xe0\xb4+\xb2L_\xf9h\xfd\xa7\x136JIV\xc6\xf0F\x90\xa3\xe1\xc9\xfd\'\x02\xc0\x85\x880\x06\x00\xbf\x17\x14l,.\x1e\xdd\xad\xdb\xc5\x8d\x1b\x1f\x0c\x04\x08!\xf2?\xac\' \x00\n\xa5\x15\xaaZ\xdb\xed~\xb4K\x17.\x84\xca\xd8\'\x1b6\xd8dY`\x00T\x13\xb33\x07\x00\x12\xa5?\xec\xd8\x91f\xb7\x7f4p`\x8a\xcdf\x8e\xe7\xfcSs\x9e\x12b\x91\xa4\x83\xc1\xe0\xa8\x16-\xce\xa9S\x87\x00\xcc\xdf\xb7oY^\x9e\x0b\xb3\xbc\xba\x99\x8fl`\x01\x8dk\x0c\x08H\x12\x91%*KT\x92H\xe5\x7f\xcdW\x08!&lt;\xa4\xebE\xe1\x0b.m\xf6\xe5+\xe7\x98\x0b\x84\xee{aY\xd1&gt;?\xb5\xcaX\x8cG\xc1\x008\xc4&lt;18\x00\xe3\xe6MB\x87\xc6\xfd\x0bC!\x8b\xf4\xdf\xe3\x87\x8a$\x95\xab\xeay\xf5\xeb7JN&amp;\x00s\xf6\xee-\n\x85\x14|\xa8l5!\x7f}\xa2\xcb\xff:uj\x98\x9c\\\xa1i\xc7\xb3\xa5+!\x84\x0bq}\xeb\xd6\xe6\xdda?\xee\xdae\x91$\x0c\x80X \xd1\xe3\xba\xe3\x92R\xa2(T\xcb\x0f\x0e\xbd\xb8\xc9\xf5\x974\xe5\\\x94\x96\xab\x9fL\xfe\x838\x15\x86w\x83\xff\x15\x06\xc0_\x10\x80\xca3\xec\x9a\x96-eJ\x8f\xff\xca78\xf7Z\xadg\xd7\xae-\x00\x0e\x04\x02[JK\xb1\x13P\x8d\xccr\xd49\xaf\xe1t\x9e\xdf\xb0\xa1OU\x8fs0\x87\x12\x122\x8c\xb323k\xba\\\x00\xb0"??h\x18\xb8\x16(\xee\xc8\x12\xe1A\xe3\x81\xeb\xda\xd8\xac\x12!0u\xf6\x1e\x11\xd2qZ\xee(\xf8\xe78\x84\x00\x08\x00\x99R\xf3\x1eQ\x87,\xb7\xcd\xc88\xa1\xbb\x81\xcc\x96c\xeb\xf4t\x00\x10B\xec(/W(\xc5\xea\xff\xf43\x87\xf2l\x87\xfbm\xed33S\xed\xf6\xe3\x7fT\xa79\x15\x94l\xb35II\x01\x80\x03~\x7fi8,cg.\xdePJHXo\xd0(\xb9}\xf34!\xe0\x8f]\xe5\x05y\x01b\xa1\xd8&amp;;\x12\x06\xc0\x9f\xb8\x10\x16I\xf2Z\xad\x00`W\x94C\xb3\xb8\xc7\x1f\x00\x00L\x88,\x97\xcb\xfc\xb2 \x18$\x00x\xb6U\x0b.\x84\xd7f3\xc3\xdbk\xb1H\x84\xc0\x89\x14\x04\x17B\xa14\xcb\xe9\x04\x80\nM\xf3\x99w\x03`Q\xc6\x1b&amp;\x84\xb0\xc9\xed\x9a\xa7\x01\x80?\xa8\xed\xcb\x0f\x82"\xe1&gt;rG\xc2\x00\xf8\x93\x00\xb0P\x9a\xe9t\x02\x80\xc6X\xc40\x08\xc0\x89V\x1cvY6o\x03\x0e\xe1\xad\x00\xd5\xc4l\xc2\xa7\xdal.\x8b\x05\x00\x82\xba~BA^\xf9!NE\x01\x00\x83\xf3\x08c\x94\x10\xac7\xe2\x11!\x90\x9d\xe9\x00\x00!\xa0\xdc\xaf\x01%\x80\x05y\x04\x0c\x80?\x99[A4\xf0z\x01 \xa8\xeb\xc5\xe1\xb0|\xe2c8\\\x0833p\xe5xu!\x84\x98\x01\x90\xe1p\x00@~(\xa41v\x12\'\xba9]H\xf0"\x89_\x02\x80\x80U94\x18\xc8\xb1\xf1\xff7xn\xff\x89\x10\xc2\x84h\x9e\x96\x06\x00\xfc\xa4\x06\xf1%B\x82\xban~\x8bGQ\xaa\xe2 \xd1\xf10\x84\xf0X\xad\x8d\x93\x93\x01 \xb7\xa2\xa24\x129\xa1,\'\x84\x08\x80\nU\x05\x00\x8b$\x99\x83\x81\x98\xe7\xf1\x87\x00\x08\xf0\x07u\xf3+\xa7]\x06\x81\x8f\x12\xfb\x0b\x0c\x80?Q\x80\x88a\xb4JKs[,\x00\xb0*?\x9f\x9c\xc8\xc8\xaf\x00\xa0\x94\xe6\x05\x02\xe6\x97Y.\x17\xc7]\xe1\xaa\x89\xf9`\xe7\x8e5j\x00@a(\xb4\xbd\xac\xcc*I\xc7?\x1fC\x004\xc6\x0e\x06\x83\x00\x90d\xb5z\xadV\x83\xf3\x13\x1dDB1\x80\x00\x17{\x0e\xf8\x01\xc0f\x95\xb2\xd2\x1d`\x1c\xefZ\x80\x04\x81\x01\xf0\'B\x88\xca\x98\xf9 0\x02\xf0\xdb\xfe\xfd\xa5\'\xb4\x0f\x8c\x10\x04`cq1\x00\xc8\x946LN&gt;\xfe\x95\'(\xba(!\x11\xc3\xe8Y\xab\x96"I\\\x88_rs\x8f\x7f-\xbf\xb9\x18\xac4\x12\xd9Q^\x0e\x00u=\x9e\x14\x9b\xcd\xc0\xa2\x8cC\x92Dx@[\xb5\xb1\x18\x00j\xd5p\xd6\xcev\x81\xc6\xb1Mv$\x0c\x80\xbf\x10BX$ih\x83\x06\x02`\xb7\xcf\xf7\xcb\xde\xbdn\x8b\xe58o\x1e\x91(\xf5k\xda\xe2\x03\x07\x08@\x1d\x8f\xa7ARR\xc40\xf0l\xab\x16\xe6Z\xfe\x16\xa9\xa9gef\x12\x80\xef\xb7o/\n\x87\x8f\xf3\xbe&lt;s&amp;\x7f}QQ~ \x00\x00\x1d\xb3\xb2\xacx#X\x1cbL\x80CY\xb9\xb6p\xf3\xce2\x02\xd0\xe3\xac,K\x8a\xdd0\x18^\x91G\xc2\x00\xf8\x0bJ\xa9_\xd3\x866h\x90\xe5tRB\xdeY\xb3\xc6\\\x01\xf2\x9f\xdfhp\xee\xb2X\x16\xee\xdf\xbf\xb5\xb4T\x00\xf4\xadS\'\xd5f\xc3\x1e@5\x12\x00\x16I\x1a\xd9\xbc\xb9\x00\xd8\xe7\xf7\x7f\xbeiS\xb29\x92\xf3\x9f\xdf(\x84L\xe9\x97[\xb6\x98\xbb\x8a\x0e\xcc\xc9Q\x8f\xef\x1c@U\xe4\xf0\xba\x8a\x13\xc3\x85 \x12y\xe6\xbd5\xe6\xee\x8d\xd7^\xd8\x18\x186\xff\x8f\x86\x01\xf0\x17\xe6\xe0o\r\xa7\xf3\xa66m\xb8\x10\xeb\x8a\x8a\xdeY\xb3&amp;\xdd\xe107\x96\xf9\'\\\x08\x99R\x9d\xb1\x97W\xae$\x84X$\xe9\x8af\xcdp\x0b\xc9\xeaen\x08:\xbca\xc3\xd6\xe9\xe9\x04\xe0\xcd\xd5\xab7\x16\x17{\xff\xeb\xd1\xf0:\xe7)6\xdb\x82}\xfb~\xda\xb9\x13\x00z\xd4\xaa\xd5\xa1F\x8d\xa0\xaecQV\x1b\x01D\xa6D&amp;\x86\xc1\x8fs\x16\x87s\xa1\x1b\\\xa9\xe1\xfa\xe0\xc3\xb5?\xce\xdf+\x04\x0c\xeaQ\xbbg\xaf\xda\xdc\x8f\x1b\x82\x1e\r\x03\xe0h2\xa5&gt;U\xbd\xaeU\xab6\xe9\xe9\x00\xf0\xe2\x8a\x15_o\xdd\x9a\xedr1!\xd8_\xd7\x91\x99\x8f\x8978\x97)M\xb6\xd9\x1eY\xb8pMa!\x17\xe2\xaa\xe6\xcd\xdbfd\x84\xb0\xd6\xa8nL\x08\x8b$\x8d\xee\xde\x1d\x00\xcaU\xf5\xc6\xd9\xb3KU\xd5k\xb5\xea\x9c\x1fU\x97\x98Ei\xd6\xfe\xb9~\xff=\xf3\xe7\x1b\x9cSB\x1e\xe8\xd8\x11\xef\xff\xaaFB\x00\xc8\xb4\xa4$\xe4\xaf\xd0\xe4t\x07Q$\xce\x84\xc18\xe3B\x88\xbf\x14\xa1\x10\xc0\x85`L\x18\x06\xa7VIIw|\xf6\xd1\xba\xdb\x9fY\x02\x00\x1e\xa7\xf2\xf6\x98\x1e\x02\xd7\x80\x1e\x0b\x06\xc01\x987\x82\xbe\xd5\xb7\xafYY\xdc:g\xce\xdbk\xd6x-\x96$\x9b\xcd\xdcM\xcc&lt;\xf7(!vYN\xb3\xdb5\xc6n\x9d3\xe7\x93\x8d\x1b\x01\xa0eZ\xda#]\xbaTh\x1a\xc5]G\xaa\x9bDH\x85\xaa\xf6\xa9]\xfb\xa1\xce\x9d\x01`cq\xf1\x85\xdf\x7f\xbf\xa1\xb88\xc3\xe1p(\x8aD\x888|\xab\xb6L\x88\xcbbI\xb7\xdbW\xe6\xe7_&lt;m\xda\x1e\x9fO\x00\xfc\xafS\xa7n5kV`\x90W\x1f\xce\x058\xe4ek\x0b\xcf\xbap\xea;\xef\xad\xc9+\x08R\x8fEN\xb1KN\x85(\x12\xa1\xa4rt\x88H\x84Ze)\xc9*\xa7\xd8\xf7\xe5\x07o\xb9k\xee\xa8\x07\xe6\x1b\x06Wd\xfa\xd5\x9b\xfd\x1b4I\x15!\x1d\x9f\x0f\xfcw\xf8@\x98c\xa0\x84\x04u\xbdyj\xeag\x83\x07_3sfY$\xf2\xd0o\xbf\xcd\xde\xb3\xe7\xea\x16-\xdadd\xa4\xd8l\xe6tbH\xd7w\x97\x97\xff\xba\x7f\xffg\x9b6\xed*/\x07\x80&amp;))\x13\xce=\xd7.\xcb8\xfe\x13#dJ\xcb"\x91\xfb:v\xac\xd0\xb4w\xd6\xac\xd9\\R2\xfc\xbb\xef\xaej\xde|X\xc3\x869^\xaf\xf9P0\x83s\x9f\xaan\xcb\xcf\xffn\xfb\xf6o\xb6m\x8b\x18\x06\x00\xdc\xd8\xba\xf5\xfd\x1d:\x94E"2\x96c\xb5\x13b\xfb\x1e\xdf\xedO.|\xea\xf5\x95\xbd:g\xf7\xebZ\xb3C\xcb\xb4\x9clw\xb2\xc7"\xdbd\xa0\x04\x18\x0f\x87\x8d\x82\x92\xf0\x9a-\xa5?\xcd\xdb3m\xf6\x9e\xe2\xf2\x08\x00\xd4Hs|\xf6\xca9\x03\xfa\xe7\xb0\xf2\x08&gt;\x19\xf8\x980\x00\x8eM\xa2\xb4\\U{\xd4\xaa\xf5\xfd\xf9\xe7\xdf\xbf`\xc1\xca\xfc\xfcy\xb9\xb9\xf3rsS\xed\xf6l\xa7\xd3\xa9(:\xe7e\xaa\xba\xaf\xa2B?&lt;\xa6&lt;\xbca\xc3\xe7{\xf6L\xb6\xd9B\xb8yd,!\x84\xf85mL\xf7\xee9\x1e\xcf\xf3\xcb\x97\x97F"\xef\xac]\xfb\xce\xda\xb5u=\x9e4\xbb]\xa14d\x18\x05\xa1PA0h\xbe?\xc9j}\xb0S\xa7\x1b\xda\xb4\xf1k\x1a\xce\x19V/J\x89\x88\xb0\xe6\xcdR\xfb\xf7\xa8\xf5\xcb\xe2\x03\xc5e\x91\xa93wM\x9d\xb9\x0b\x00R\x93l\x19\xa96\x97C\x91%\xaa\x1b\xbc\xcc\xaf\x1d,\x0c\x86\xc2\x87\xf6_\xb1(\xf4\xb2\xf3\x1a&gt;\xfb\xbf\xce\xb5s\xbcX\xfb\xff\x0b\x0c\x80\x7fdN\x064II\xf9\xf6\xfc\xf3\'o\xd9\xf2\xe5\x1f\x7f\xac/**\t\x87K\xc2\xe1#\xdf\xe6\xb5Z;ge]\xd5\xa2\x85\xb9\\$\x8c\xb5\x7f\x8c1\x0b\xa3\\U\xafk\xdd\xbaW\xadZ\xe37l\x98\xb9{\xf7&gt;\xbf\x7foE\xc5\xde\x8a\x8a#\xdf\x99\xe3\xf5\x0e\xcc\xc9\xb9\xa6e\xcb&amp;))e\x91\x08\xc1\xea\xbf\xba\x11\x02\xa0\x19\xf5j{gO\x1c\xbal\xe5\xc1\xa9\xb3w\xcf[\x96\xb7mW\xb9?\xa8\x97\x94GJ\xca#G\xbd_Qh\xd3zI\xfd{\xd4\x1ay~\xe3\xb6g\xd5\x00\x951\x9f\x8a\xb5\xff\xbf\xc0\x00\xf87\x12!\xe6\\\xee\xb5\xadZ]\xd6\xa4\xc9\xd6\xb2\xb2?JJ\xf2\x02\x01\xbf\xa6I\x94&amp;[\xad\xf5\xbc\xdef\xa9\xa99^/\x05\xa8\xd04\x82[\x00\xc5*\x89\x90\xb2p\xb8\xb6\xc7\xf3b\xef\xde\xf7t\xe8\xb0\xa9\xb8x{YYq8\xac1f\x97\xe5\x0c\x87\xa3Qrr\xb3\xd4\xd4\x0c\x87#l\x18\xf8&lt;\xe7\x18B\x88\xd0\x0c\x00\xe8\xd2\xa5f\x97\x9e\xb5\xc1\xaf\xe5\x1e\xf0\xef\xcc\xad\xd8s\xc0_R\xa6\xfa\x83\x9a\xc1\x84E\xa1\xc9^k\xddlw\x93z\xde\xc69^\x9al\x03\x8dq\x9fJ\x08H\x12^\x8f\xff\x06\x03\xe0?\x98\x15zY8,Q\xda2-\xad}F\x86\xb91\xa4yZ\x19B\xa8\x86\x11\xd04s\xcdx\xf5\x1e*\xfaw\x12\xa5\xaaa\x84\r\xc3\xad(}j\xd7\xeeW\xb7.9\xb4]\x18\x08\x00\x9d\xf3\x88a\x94\x86\xc3\xe6c\x9f\xab\xfb`\xd1\x9f\xcc\x9e\x18\x0fh\\\x08Y\xa2u\xeaz\xeb4L\x06\xf9oe\xc4\x05\xe8\x1cT\xc3(\rSB(V\xfd\xc7\x01\x03\xe0\xb8\x985BH\xd7\x83\x00\xe2\xf0\xbe`\xe6\xc3\xc7)\xb6\xfa\xe3\x07!D\x020\x84\xf0k\x1a?\xfc\xccH3\x03\x08!\x04\xab\xfe\x18F)\xa1@\x00\x80\xab\x86\x08\x83\xf8\xdb\xb6\xce\x04\x08!@\x08\x91q\xcc\xe7\xb8a\x00\x9c\x80C\x15=V\xf7q\xce\xac\xee1\xb6\xe3\x14%\x04$\x00\xdc\xd53\x1a0*\x11B(Aa\x00 \x84P\x82\xc2\x00@\x08\xa1\x04\x85\x01\x80\x10B\t\n\x03\x00!\x84\x12\x14\x06\x00B\x08%(\x0c\x00\x84\x10JP\x18\x00\x08!\x94\xa00\x00\x10B(Aa\x00 \x84P\x82\xc2\x00@\x08\xa1\x04\x85\x01\x80\x10B\t\n\x03\x00!\x84\x12\x14\x06\x00B\x08%(\x0c\x00\x84\x10JP\x18\x00\x08!\x94\xa00\x00\x10B(Aa\x00 \x84P\x82\xc2\x00@\x08\xa1\x04\x85\x01\x80\x10B\t\n\x03\x00!\x84\x12\x14\x06\x00B\x08%(\x0c\x00\x84\x10JP\x18\x00\x08!\x94\xa00\x00\x10B(Aa\x00 \x84P\x82\xc2\x00@\x08\xa1\x04\x85\x01\x80\x10B\t\n\x03\x00!\x84\x12T\xf4\x03\x80\x00\x90\xa8\x7f(:\xbd(!\x95\xff\x8b\xe2\x1a\x01,\xca3\x01!\xa4*\xca0\xca\x01@\t\xd18\xd79\xaf\x92\x83E\xa7\x05\x01\x08\xe9:\xa54d\x18\xd5},\xe8\xe4\x11\x00.\x84\xca\x19\x01\x12V\r\xc0K2~\x11\x12Q\r\x83E\xbf\x0c\xa3\x16\x00f\x8d\xdf\xa8~}\xd5\xe1(\xf2\xfb\x15I\x12\xd1\xfaht\x1aq!\x14I\xdaVR\xe2\xaeUkWE\x05\x11\x02\xcb1NI\x94\x06T\xb5\x8c\x8a\xa4\xe4Z[w\x95\x80U\xe6X\x98q\x88\x0b\x01\x16i\xdb\xee\x12wR-\xbb\xcd\xca\x18\x8bb\xf3:\x9a=\x00!\x84\xd3\xe1p\xa5\xa4\x94\x87B267\xe2Yq(\xd4\xbcU\xab\x00v\xe6\xe2\x19%$\x10\x89X\\\xae\x06\r\x1b\x1f,\xf2\x83L\x01\xeb\xffx$\x00$ZT\x12\xcc\xac\x91\x15\xf5\x8b1\x9a=\x00\xce\xb9"\xcbY\r\x1bn*(\xb0)\n\xb6\x1d\xe3\x11%DglCI\xc9M\xa3F\x1d0\x8c\xf2pX\xa6\xb8R \xfe\x08!\xac\xb2\xbc\xb3\xb8\xd8^3k\xf8y\xc3\x17\xfd\xbeO(\x12^\x92\xf1H\x08!\x14i\xe5\x86\xc2\x16-\xdb\x9a_F\xf1\xc3\xa3\xdc\x03\x00\x80N]\xba\xac*(\x90%\t\xfb\x9bqG\x00(\x92t\xb0\xa2\xa2DQ\x86\x0e\x18@RS\xb7\x15\x15\xd9d\x1c:\x88?\x1c\xc0\xae(k\x0f\x1e\xcci\xdal\xc8\xb9\x03\xd7m\r\x90\x88N(v\xe6\xe2\x0f\xa1\x84\xa8\xda\xc6\x1d\xe1\x9e=\xba\x01\x00\x8dj\x83,\xaa\x9fE)\x00\x0c\x19&lt;x\xb5\xdf_\x11\nI\xd8r\x8c7\\\x08\xb7\xcd\xf6\xdb\xae]5Z\xb4H\xf1xZv\xe92g\xe7N\xa7\xd5\x8a\x01\x10\x7f\x84\x10\x00\xf3\xf3\xf2z\xf4\xea\xd3\xb2E\xa3\xa2P\xf2\xbe-\x05\x92\r\xfb\xe5qF\x08!\xd9\x94\xfd[\x0b\n\xfc\xde\xee];@\x8c\x07\x00\xe7\xbcY\xc3\x86J\xdd\xba\xcb\xf6\xecqY,Xq\xc4\x17!\x04\x05\xf8i\xd7\xae!\xc3\x87\x03\xc0\x05\xc3\x86-,*\n\xaa*."\x8c/\x02\xc0\xa6(;\n\x0b\xf3\xec\xf6\x9e]\xba\x00@\xebv\xbd\xbf\x99\xb9\x15\\V\xc6\xaa\xfb\xe0\xd0\x89`\x1c\xc0e\x9d2sk\xf36=l6\x0b\x8bv\xf9E\xb9\x91\xce9\x97e\xf9\x92\xab\xae\xfa\xfa\x8f?\x1c\x18\x00qE\x00\xd8\x15e{a\xe1^\x87c\xc4%\x97p\xce\xcf\xee\xde\xdd\xd2\xa4\xc9\xa2]\xbb\xdc\xd8\t\x88+\x8cs\xaf\xcd\xf6\xed\xc6\x8d\xdd\xce;/3-\r\x00n\xb9\xe5\xa6o\xe7\xe6CD\xc3ny|\xa1\x04@\xd5\xa6\xcc\xc9\xbf\xf9\xa6\x1b\xab\xe4\xf3\xa3\xfbq\x92$\t!n\xbc\xfa\xea\xb5\x9co\xcd\xcf\xb7+\nV\x1b\xf1\xc2\xe0&lt;\xc5\xe1\x18\xb7|\xf9\x80\xcb.\xf3\xba\xdd\x9a\xa6\x11B\xae\xbf\xe5\x96\x0f~\xff\xdd\x89Y\x1eW$J}\xe1\xf0w\xfb\xf6\xdds\xe7\x9d\x00`\x18z\xb7.\xed\x15o\xab\x19?m\xa4\xc9\x0e\xc6\xb0(\xe3\x03c\x82&amp;;f\xfd\xb4\x89\xba[\xf6\xe8\xd6\x811&amp;IRt\x7fD\x94\x03\xc0\\\x0b\xe4q\xb9.\xbc\xe1\x86W\x96,I\xb2\xdb\r\xce\xa3\xfb#PU\x10\x00\x0eE\xd9RP0OU\xef\xb8\xf9f\xc1\xb9\xc5b\xe1\x9c_z\xfe\xf9\x85\xd9\xd9s\xb6n\xf5\xda\xed\x98\x01q\xc1\xe0&lt;\xcd\xe9\xfc`\xf9\xf2\x16\xe7\x9e\xdb\xa2qc\xce9!\x14@\xdc{\xdf\x83\xcf~\xb0Q\xe8L\x10\\\x0e\x1a\x1f\x04\x01a\xb0g&gt;\xd8x\xdf}\x0fT\xd1\x8f\x88~\x87\xd0\x9c\tx\xe2\x81\x07\x16\x03\xfc\xbacG\xb2\xdd\xce\xb0\xe2\x88y\x06c\xa9N\xe7#\xb3f]~\xfb\xed\xf5j\xd7f\x9cSJ\x85\x10.\xa7\xf3\xd1\xa7\x9f~d\xfe|\x0b\xde\xd9\x17\x0f\xb8\x10vE\xc9-+\x1b\xb7s\xe7K\xcf?oN\xf9J\x92\xc4\x18\x1f6\xa4\xbf=\xbd\xfb{\xef-\x94kx\x98\x8e\xcd\xb2Xg\xe8\\\xae\xe1y\xff\xfdE\xd6\xd4.\xc3\x87\x0e\xac\x8a\xe6?T\xc9^@\x84\x08!lV\xeb\xcbo\xbey\xef\xbcy:c\x12!Xw\xc42\x9d\xf3L\xb7\xfb\x93\xe5\xcb\xf3\xeb\xd6}\xf4\xde{+O5I\x92\x18c\x17\x0f\x1d\xdap\xc8\x90\xa7f\xcd\xca\xf2xt\xc6p:8\x96q!&lt;6\xdbm\xd3\xa7\xdf\xfe\xc4\x139\xb5ks\xce\xcdE#f\xd7\xfc\xfdw\xdfxaB\xde\xaeu\x07d\xb7\x95\xe3@P\x0c\xe3L\xc8n\xeb\xee\xf5\x07\xc6~\xba\xff\xfdw\xdf\xe4Uv?f\x95L\t\x99\x15\xc7EC\x87\xf6\xbb\xe5\x96[\xbe\xfb.\xcb\xeb\xc5\x81\xa0\x98ep\xee\xb5\xd9\xb6\x15\x16&gt;\xbdq\xe3\x17\x93&amp;)\x8aB\x8e\xd8w\xca\xec\xcf}6~\xfc\x0f\xba\xfe\xd3\xa6M\x99n\xb7\x86\xebHb\x95\xc6X\xed\xa4\xa4\xa7g\xcf\xb6t\xef\xfe\xc8}\xf7\x1d\xd9f4\xfbs\r\x1a\xe4&lt;\xf7\xe2\xfb\x17\xdd8\x1d$"d*8f@,\x12B\x08\x89\x82L/\xbaq\xfa3c\xdfk\xd8\xb0\x9e\x10"\xba\xab?+U\xd5\x9a\x00J\xa9a\x18o\xbe\xf0BQ\x93&amp;\xcf\xce\x9e];)I\xc7\x8a#\xf6\x18\x9c\xdb\x15E\xd5\xf5\x91\xd3\xa6=\xff\xde{\xcd\x1a52\x0c\xe3\xc8S\xcd\xec\xcfy\xdd\xee\t\x93&amp;\xdd\xbbd\xc9\xf6\xc2\xc2$\x87C\xc78\x8f=\x1ac\xd9^\xef\xd7\xabW\x7f\xa7i_~\xf6Ye\xdb\xbf\x92$I\x86a\x8c\xb8\xfc\xc2\xae\xfdo\x19y\xc3d)\xd5\xc9\x000\x03b\x8d\x10\x82\t\x90\xd2\x9cW\xdd0\xb9S\xdf\x9bF\x8e\xb8\xd80\x8c\xaa\x18\xfc1UU\x00\x10B\xcc\x15A3\x7f\xfai\x96\xcb\xf5\xc2/\xbf\xe4\xa4\xa4\x18B\xe0Db\xec\xd09\xf7\xd8l\x9c\xf3!_}u\xf3k\xaf]u\xd9e\x86a\xc8\xb2|\xd4\xdb\xcc\xfe\\\xb7\x8e\x1d\xdf\xfb\xf6\xdbKf\xcc\xc8-)Iw\xb90\xcec\x87\x00\xd0\x19\xab\x93\x9c\xfc\xdd\xbau\xcf\xec\xdd;k\xee\xdc\x94\xa4$8\xbc?\xe3\x91dY6\x0c\xe3\xdd\xb7_"\x99\x17]s\xcdWr\xa6\x9b\xc8\x14\xc7\x82b\x07g\x82P*g\xba\xaf\xbd\xf6k\x91~\xfe\xfb\xef\xbcr\xccK2\x8a\xaapU\xb0y\xfe\xb9\x1c\x8e\xb9\xb3g\xcfp:\xef\x9b6-\xc3\xe5\xb2H\x12\x0e\x07U;!\x84\xcey\xa6\xcb\x95[Z:p\xe2\xc4k_z\xe9\xce\x1bn\xf8\x97S\xcdl&lt;\x9e\xd7\xaf\xdf\x9b\x93\'_\xfc\xf3\xcf\x8bv\xec\xc8\xf6z\r\xce1\xce\xab\x1d\xe3\x9c\x00\xd4LJz\xfb\xb7\xdf\x9e\xd9\xbbw\xe6\xfc\xf9\xf5\xea\xd4a\x8c\xfd\xd3\x88\x81\x19\xe7\x13&gt;yW\xa4\x0e\xbf\xf8\x92\t*\xa5\xd4c\xd5qN8\x06\xe8:\xa7n\xab&amp;\xd3K.\xfd\xdcH\x1e\xfa\xf9\xa7\xefW\xd1\xc4\xef\x91\xaa\xf6\xb6\x10s\x04\xd9\xe5p\xcc\x9b={g\xabVC&amp;N\x0chZ\xa6\xdb\xcd\x84\xc0\xa5A\xd5B\x00\x18\x9c+\xb2\\\xcb\xeb\x9d\xb4f\xcdEs\xe7\xde\xff\xe1\x87\xff^\xfb\x9b\xcc\xc6\xe3y\xfd\xfa}8m\xda\xdd\x9b7\x8f\x9d??\xd3\xedvZ,\x06\xe7\xb8\xbb@\xb5\xe0B\x18\x9c\';\x1cVY\x1e5e\xcaW\xb2&lt;{\xfe\xfcz\xb5k\xff{\xadA\x08\xa1\x942\xc6&gt;\xfd\xf8\xdd:\xedn\xee0p\xd2\xbauyJM/\x000\x86\xe3A\xd5@\x000\xc6\x01@\xa9\xe9]\xbf!\xaf\xc3\xc0I\xb5\xda\xdc8\xe1\x93\xf78c\x94\xd2\xaa\xde\x8b\xf7t\xec\xf7^9\x1c\xf9\xdck\xaf}\xfc\xcc3\xb74n|m\xa7N\x00P\x11\x89\x18\x9cSBp\xa7\x81\xaa&amp;\xcc]\xc5\x01l\xb2\x9cd\xb7o+,\x1c\xb3`Anv\xf6\x84\xcf?o\xde\xb8\xf1\xf1w3\xcdw\x16\x95\x94\x8c\xbc\xf6\xda\xd0\x92%\xa3{\xf7\xeeR\xb7\xae/\x12\t\xe9:\x00T\xf9\xd9\x8a\x00\x84\x10\\\x08B\x88\xdbj\xb5)\xca\xf7\x1b6\xbc\xb0zu\xafQ\xa3\xde~\xe9%B)\xe3\xfcx\xf6\xe0\x12Bp\xce%I\xfa\xfe\x87\x99\x0f\xdcs\xe3\xa5\x03\x9dO\xdd\xd3[N\xb6Cy\xd8\xd0\x18\xc5k\xb2\xea\t\x00\xc1\x05\xe7B\xb6H\x90dg\xe5\xe1\xa7^\xfb\xed\xab\x99\x81\x17_\xfd\xe0\x82\xe1\x83\xd9i\xa9\xfd\xe1\xf4\x04\x00\x1cq\xc2\xadZ\xbb\xf6\x89\xd1\xa3+\x96.\xbd\xbey\xf3~M\x9a$\xd9\xedA]\x0fk\x1a\x13B\x08Q5O=KP\xe2\xf0\xfe\xac\x94\x10E\x92\\V+\x05\xd8Y\\\xfc\xd9\x9a5\xf3\xc3\xe1\xe1\xd7_\xff\xd4\x83\x0fRI:\xd1A\xc6\xca\x06\xe6;\xe3\xc7\x7f\xf4\xc6\x1b-C\xa1\x1b\xda\xb7o\x95\x9dM)\r\xa8\xaaj\x18B\x08a&gt;\xc1\xae\xaa~\xb3\x84c\x16%!\x84\x12bS\x14\x97\xc5\x12\xd6\xb4\xc5\xbbw\x7f\xb8vm\xb0Q\xa3\x07\x1e}\xf4\xbc\xfe\xfd\x85\x10\'\xbaV\xc4,\xfa\xfc\xfc\x82G\x1e\x1b\xb3y\xd5\xf7W_\x90=\xf2\xc2\xd6\xae,\x0f\xa8\x0c\x82\x1a3\xb8\x00\x01\xc7\x9aK@\'\xcd\xbc$\t\</t>
        </is>
      </c>
    </row>
    <row r="249">
      <c r="A249" s="1" t="n">
        <v>247</v>
      </c>
      <c r="B249" t="inlineStr">
        <is>
          <t>shape_size_hexagon</t>
        </is>
      </c>
      <c r="C249" t="inlineStr">
        <is>
          <t>What is the size of the missing shape denoted with a question mark if it is a hexagon?</t>
        </is>
      </c>
      <c r="D249" t="inlineStr">
        <is>
          <t>['medium', 'large', 'small']</t>
        </is>
      </c>
      <c r="E249" t="inlineStr">
        <is>
          <t>medium</t>
        </is>
      </c>
      <c r="F249" t="inlineStr">
        <is>
          <t>There are 7 shapes with different sizes in the image, of which there is a missing hexagon in the center. The other shapes are arranged around the center, which are ['square', 'hexagon', 'triangle', 'square', 'hexagon', 'triangle'] in anti-clockwise order. Their corresponding sizes are ['small', 'medium', 'large', 'small', 'medium', 'large'].</t>
        </is>
      </c>
      <c r="G249" t="inlineStr">
        <is>
          <t>We observe that the squares are small size, the hexagons are medium size, and the triangles are large size. Hence, the pattern is that each shape appears with a distinct size.</t>
        </is>
      </c>
      <c r="H249" t="inlineStr">
        <is>
          <t>Based on the pattern that each shape appears with a distinct size, the size of the missing hexagon should be medium.</t>
        </is>
      </c>
      <c r="I249" t="inlineStr">
        <is>
          <t>b'\x89PNG\r\n\x1a\n\x00\x00\x00\rIHDR\x00\x00\x02\x00\x00\x00\x02\x00\x08\x02\x00\x00\x00{\x1aC\xad\x00\x00W\x11IDATx\x9c\xed\xdd{|U\xd5\x99?\xfe\xbd\xd6\xda\xe7\x00!W\xc0\x80\x8a\x80\x04P\x11m\tcMkIP\x11\xa8:U\xcb\xa5\\\xe4\xe2\x94\n\x15\x84@\x88\x040\xd0\x04\x10\x90\x00\xc1B\x7f\xc5\xda\x01\xa5\x04F\xb0\xad3\xb6#^\x90\x8bL\xfd\xda\x12\xda\x8aT\xc4\xa0c\xdb1\xa2&amp;9I\x08\xc99{\xad\xf5\xfb\xe3I\xb6\x87\x04(r\x92\x9c}\xf6\xfe\xbc\xff\x98\xd7\x14\x10\xd6\xc9\xd9{=\xeb\xfa&lt;Lkm\x00\x00\x80\xf7\xf0h7\x00\x00\x00\xa2\x03\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lt;Jk\xad\x94\x8av+ \x9a\x98\xd6:\xdam\x00\x00\x80(\xc0\x0c\x00\xc0s\xb4\xd6Z\xeb\xf2\xf2\xf2\xe3\xc7\x8fc\x1e\xe0e\x08\x00\x00\x9e#\xa5d\x8c=\xf9\xe4\x93\xe3\xc7\x8fg\x0c\xcb\x00\xde\x85\x00\x00\xe0-J)!\xc4\x87\x1f~\xb8u\xeb\xd6w\xdey\xe7\x85\x17^\x10BH)\xa3\xdd.\x88\x02\x04\x00\x00o\xd1Z3\xc6\x1e{\xec\xb1\xaa\xaa*\xceynnn \x10\xa0_\x8fv\xd3\xa0\xbd!\x00\x00x\x88\x94R\x08q\xe0\xc0\x81={\xf6\x08!8\xe7\x1f~\xf8aqq1&amp;\x01\xde\x84\xe5?\x00\xaf\xa0\xbd\xdfP(t\xdbm\xb7\x95\x96\x96\xd2\xea?\xe7&lt;&gt;&gt;\xbe\xb4\xb4\xf4\xdak\xaf\xa5\xff\x19\xedfB\xfb\xc1\x97\r\xe0\x15J)\xce\xf9\xae]\xbb\x8e\x1c9\xc29WJ\xd1\xf8/\x10\x08,\\\xb8\x10\xbb\xc1\x1e\x84\xaf\x1c\xc0\x13h\xf8\x1f\x08\x04\x06\x0e\x1cx\xfa\xf4i\xc30\xec\xd3\x9f\xb4\xfe\xb3\x7f\xff\xfe\xac\xac,Z#\x8ajK\xa1\xfd`\x06\x00\xe0\t4\xfc\xcf\xcf\xcf///g\x8c)\xa5\x18c\x9c3\xa3i[8\'\'\xa7\xa1\xa1\x01\xf3\x00O\xc1\x97\r\xe0~\xd4\xdd\xbf\xff\xfe\xfb\x83\x06\rRJ\xb5\xbc\xf9E\x93\x80m\xdb\xb6M\x9d:\x15\x93\x00\xef@\x00\x00p?\xea\xd3G\x8e\x1c\xf9\xca+\xaf\x08!(\x00\xf4\xedu\xf5\x95\xdd\xbb\xbd\xf9\xf6\x9f8\xe74\tHMM=~\xfcxRR\x12c\x8c1\x16\xedVC\x9b\xc3\x12\x10\x80\xcbQ\xef\xff\xca+\xafP\xef/\xa5\xa4\x1e\x7fE\xde\xac\xe7\x7fQD\xc7~(\x00\x94\x97\x97\xe7\xe7\xe7\xd3\xfep\xb4[\r\xed\x01\x01\x00\xc0\xcd\xa8g\xb7,k\xce\x9c9\xf6\xb9O\xa5T\xfa\xcd7|\xf7\xde\xbb\xae\xbc\xb6\xf7\x8c\xc9\xa3\xe9n0\x05\x86-[\xb6\x9c8q\x021\xc0#\x10\x00\x00\xdc\x8c\xf6~\xc3\xbbu\n\x03EK\xe7\xc5%\xc6[\xd55\xcb\x17\xcf\xe9\x9e\xda\x95\xe2D\xb3P\x11\xed\xb6C\x9bC\x00\x00p-\xea\xee\xc3\x17vh\xa4?\xe6\xde\xe1\xc3\x86\x0f\r\x05\xaae(\xd4\xb5g\x8f\'\xf2fS\x9c\xb0\x17\x8bv\xef\xde\x8d\xbb\xc1^\x808\x0f\xe0Z\xd4\xa1?\xf4\xd0C\xdb\xb6m3M\xd3\xb2,\xc1\xb90\xc5_\xf6\xed\xben`\xff\xd0\x99:\xce\xb96\xb4\xc5\xc5\xb7FL8\xfa\xce{\xf6~@\xbf~\xfd\x8e\x1d;f\x9a&amp;v\x83\xdd\r3\x00\x00w\xa2A\xfd\x91#Gv\xee\xdc\xc99\xb7,K\x08!\x95\x9a?\xe3\xc1\xeb\x06\xdf\x18\xac\xa9\xa5\xee^I\xd5\xb1s\xa7\r\x05\x0b\x84\xe0t?@\x08q\xf2\xe4\xc9\xa2\xa2"\xec\x04\xb8\x1ef\x00\x00\xeeD\xc3\xffa\xc3\x86\x1d8p@\x08\xa1\xb5\xd2\xda\xe8\xdb\xbb\xe7\x1f\xf7=\x1f\xdf\xa9\xa3!\xa5=\xb4\x97\x96\xe5\xef\xd6e\xf2\xd4\xec_\xee\xf9-\x1d\x12e\x8c%\'\'\xbf\xfb\xee\xbb\xdd\xbbwG\x82 \x17\xc3\xf7\n\xe0B\xd4\xfb\xef\xd9\xb3\x87z\x7f)%c\\k\xfdx\xf6\xf4\xe4\x1eW\xc8`0|a\x87q\xa1\xce\xd6/\xcd\x99\x99\x94\x98@#B\xc6XEEE^^\x1ev\x83\xdd\r\x01\x00\xc0mZ\xa6x\x13\x82K)\x87f\xa4O~pt\xe8\x8bJ\xd34\xc3\xff&lt;\xe7,T[\xd7\x7f\xf0\x8ds\xa7OPJ\xd1\x1f\x16Bl\xdf\xbe\xfd\xe0\xc1\x83\xd8\rv1\x04\x00\x00\xb7\xa1\xee\xbb\xb8\xb8\xf8\xd4\xa9SM\xf7~\x19\xe7\xbc0\xf7G\xc2g\x9ewD/LaUVe\xcf\x9avm\xef\xab\xa5T\x8d\xdb\x03J\xe5\xe7\xe7\xa3\xf7w1\x04\x00\x00W\xa1]\xdc\xb2\xb2\xb2\r\x1b6\xd8\';\xa5\x94\x0f\x8e\xbe{\xd8\xa8a\xc1\xaa\xc0y\xf3\xfc0\xc6T0\x94\xd2\xfd\x8a\xd5\x8b\xe7\xd0\x9d\x00\xfa\x0f\x0f\x1e&lt;XRR"\x84\xb0,\xab\xfd?\x0b\xb45,\xf0\x01\xb8\x8aeY\xa6iN\x9d:\xf5\xb9\xe7\x9ek\xdc\xd15\x8c\xe4\xe4\xc4c\x07~\xd5\xbdG7\x19\x0c\xf1\x0b\x1f\xebTR\xfa\x92\x12\xb3FM:\xf8\xfb#B\x08\xca \xdd\xb7o\xdf\xd2\xd2\xd2\xf8\xf8x\x1c\tu\x1f\xcc\x00\x00\xdcCJi\x9a\xe6\xa1C\x87v\xec\xd8A\x03\x7f\xc1\xb9\xd2z\xde\x0f\']\xd9\xafw\xe8l\xfdEz\x7f\xc304cZ\xca\xa2e\xf3\xfd~\x9f\xd6\x9a\x0e\x92\x96\x95\x95\xadY\xb3\x06GB]\t3\x00\x00\x97\xb0+&gt;~\xeb[\xdf*--\xb5ou\xa5\xf5\xb9\xe6\xd8\xe1\xdf\x08\xad\rm\xfc\xd3\x11\xbc\xb4,\xff\x15\xdd\xa6N\xcd~n\xf7\x7f\x99\xa6\xb0,%\x04\x17B\x1c;v\xac_\xbf~8\x12\xea2\xf8.\x01\\\xc2\xae\xf8XZZj\x1f\xe7\xd7Z\xafX\xf8H\x87\x84\xce\xca\x92\x97\xb2~\xc3\x84\x9055\xab\xf2\xb3S\x92\x13\x95R\xf4\x9f\x04\x83\xc1%K\x96\xe0H\xa8\xfb \x00\x00\xb8\x01\xed\xdc\xd2\xe1\xfd\xa6\xb4?\\JyWV\xc6\xf7\'\xdc\x1f\xaa\xaa\x16\xe6%\xd5x\xe1\x8c\xc9\xfa\xe0Ui\xbd\n\x16\xccTJ\xdb\xdb\xc8\xbbw\xef\xb6\xb3I\xb7\xf5g\x81v\x83\x00\x00\xe0\x064\xfc_\xbf~=U|\xd4Zkm\x98\xa6\xd8\xb8\xfc1\xfd\x15\x0f\xf0pSXU\xd53~0a@Zo\xfak)\xba\xcc\x993\xc7\xb2,\xcc\x03\xdc\x04\x01\x00 \xe6Q7}\xf2\xe4\xc9\xb5k\xd7r\xce\xa5T\xb4\x04\xf4\xf0\x83\xa3o\x18&lt;(T[\xf7\x95\x16\xee\x99a()\xfdq\x9d6\x16\xe6j\xad\x19k\xfc\xfbO\x9c8\xb1e\xcb\x16\xec\x06\xbb\t\x829@\xcc\xa3U\x9aq\xe3\xc6Q\x1agZ\xfdOJ\x8c?\xf9\xd6K))\x89*d]\xc6\xf1M%\xa5/9q\xec\xc4\xd9{^z\xcd\xae"\x99\x9c\x9c\\VV\x86\x9a\x91\xae\x81\x19@\xec\xd1\x0e\x16\xed\x9f\x8d\x17\xb5L\xe2O\x83\xf4\x82\x9c\x99]{\xf6\xb0\xea\x83\x97\xd9S3\xa6-kE\xdel:\x12\xaa\xb5\xe6\x9cWVV\xa2f\xa4\x9b`\x06\x10c\xb4\xd6\x18y\x81\x8d\xbaf\xa5\xd4\xa0A\x83\xde\x7f\xff}z6\xb4\xd6\x83o\xba\xfe\xf7\xaf\xee\xe4\x96\xbc\x94\xa3\x9f\x17BYB\x17\xe7\xadZ\xf5\x93\x7f\xb7C\x0b\xe7\xfc\xad\xb7\xdeJOO\xd78\x12\x1a\xfb\x10\x00bO \x10\xb0O\xf8E\xbb-\x8d\xa8\xdfIHH\xe0\x9c#&gt;\xb5\'\x1a\xfeo\xde\xbcy\xf6\xec\xd9\x8d7\xbf\x84\x90R\xee\xdb\xf3\xf4\xed#2\x83U\xd5\xe7M\xfcp\x89\xb4\xd6\xdcgVTV\x0f\xca|\xe0\xf4g\x15\x86a\xd0\xa1\xa0\xac\xac\xac\xfd\xfb\xf7\xd3\xbf\xd5z\x1f\x05\xa2\xc0A\x9d\x08\\\x9c\x9d\x9be\xf4\xe8\xd14\xe8\x8bv\x8b\xbeD\xfdBff\xe6\x8b/\xbeH\x1b\x86\xd1n\x91\'\xd0\xf0?\x10\x08\xa4\xa5\xa5UUU\x19M_\xc4\x98{\x87?\xff\xcb\x9fX\xd55&lt;\xe2\x0e\xda\xb2\xac\x0e\xdd\xbal}z\xc7\xbf\xcd\xfbqx\x80\xd9\xbd{\xf7\x981c\x10\x03b\x1d\x02@\xcc\xa0\xf3\xd7w\xdcq\xc7\xc1\x83\x07\xa3\xdd\x96\x0b\xda\xbbw\xef\x88\x11#\xd0/\xb4\x0f\xfa9\xcf\x9e={\xf3\xe6\xcd\xf6\x12\x8dyn\xc5\xc7\xc8\xff\x15\xa5\x14\x8f\xebt\xfb=S\x0e\xbdU*\x04\xd7\xda\xd0Z_{\xed\xb5\x94 \x08s\xbe\x98\x86\x91Zl\xa0z~%%%\x07\x0f\x1e\xb4+\xb5r\xc7`\x8c\t!pT\xbc=\xd9\x15\x1f\xe9h&amp;\x05\x03\xa5T\xce\x8c\xc9\xe1\x15\x1f#\xa7\xb5\x16\xa6Y\x98\xfb#\xce\xb9a4\xd6\x8c&lt;u\xeaTqq1\xee\x85\xc5:\xbc\xa81\x80f\xfa\xb5\xb5\xb5\xe9\xe9\xe9\xa7N\x9d\xa2\xc2\xad\xd1n\xd49\x9a\xaa\x8e\x08)\xe5\xa6M\x9bf\xcd\x9a\x85I@[kV\xf1\x91\x1e\x89\xd4+\xba\x1c;\xf8\xeb.\x97{\xf4\xf3\x82\xff\x96e\xf9\xbbu\x99:m\xdes\xbb_\xb2\x8f\x99&amp;$$\x1c9r\xa4o\xdf\xbe\xd8\r\x8e]\x08\x001\x80^\xf5%K\x96&lt;\xf1\xc4\x13M\xe5\xfd\x98\xd6:9)\xd10\xa2\xfa\xf5i\x83q^\x7f\xb6\xfelC\x83a\x184/IJJ:~\xfcxjj\xaaa\x18\xe8\x17\xda\x88\x9d\x9ea\xdc\xb8q\xe1K\xf3\xff\xbe\xe1\xc7\x0f=&lt;\xa9\xe1\xf3\x8af5\xbf"\xa4\xb4\x16~\xdf\xa7\xe5\x9f\x0f\xca\xfa^UU\xb5n\xdal\x982e\xca\xb3\xcf&gt;K\t\xa8[\xf1\x9f\x83v\x83\x00\xe0t\xf6%\xcfA\x83\x06I)\xe9\x7fJ)\x1f\xcf\x9e\x9e\x933\xf3B\xf5=\xda\x87\xd6\x9a\xfb\xc4g_Te}\xf7\xa1\xd3\x9f\x7fyJd\xda\xb4i[\xb7n\xc5$\xa0\x8d\xd0\x11\x00)\xe5\xa0A\x83N\x9e&lt;\xc99g\xcc\x90R\r\xcdH\x7f\xe3\xb7\xcf\xa9\xba\xb3m\x11w-\xcb\xeapE\xd7\x15?^\x9f\xff\xe4OM!\xac\xa6/\xf7\x8d7\xde\x18:t(\xbe\xeb\x18\x85\x00\xe0t\xcd.y\xd2rP\xff\xbe\xbd\xdey\xf37~!\x0c\xa5\x8ch\xee\xc01eY\xbc[\x97\xad?}\xd6&gt;%\xc29\xf7\xf9|\x87\x0f\x1f\xc6Q\xf16B\x8f\xc4\x13O&lt;\xb1d\xc9\x12\xd34i\x7f\xc80\xf4k\xcfo\x196|h0\x10\xd1\xd1\xcf\x0b\xd1\xda0\x98!\x19\x1bt\xdb\xfde\x1f\xfd\x8d\xd6\x97\x94R\xe9\xe9\xe9\xff\xf3?\xff\xe3\xf3\xf9p78\x16!\x008\x1a\xbd\xea\x07\x0e\x1c\x186lX\xd3L\x9fK\xa9\xfe\xbbd\xd3\xa8{\x867Du\xf8oSZ\x8b\xb0S"\x86\xc1pT\xbc\xed\xd0\xfa\xfb\xa9S\xa7\xd2\xd3\xd3kkk\xb5\xd6Bp\xcb\x92\x0f\x8e\xb9g\xfb\xb3\x1b\x83\x9f\x7f!\xdal5FZ\xd2\xdf%\xe9?v\xfcz\xfc\xcc\xbc\xf0u\xa7m\xdb\xb6M\x9d:\x15\xdfu,B\x00p.\x1a\xec\x87B\xa1\xdbn\xbb\xad\xb4\xb4\x94\x06XR\xaa\xbb\xb22^yqk\xa8\xf5\x8eyDHJ\xe9OJ\xdc\xff\xda\xa1\xe1\xe3fP\xefO\xfd\xc2\xf3\xcf??v\xecX\xf4\x0b\xad\x8b~\x9eT\xf1\xd14M\xda\x10\x8a\xef\x1c\xf7\xc7Ww\xa6\xf5\xeb#\xcf6p\xde\x86\xc3p\xa5\x94/1a\xc4w\xa7\xbdz\xe0-!\xb8R\x9a1\x96\x9a\x9az\xfc\xf8q$\x08\x8aE\x8e\xe8A\xe0\xbc\xec\xfa\x1eG\x8e\x1c\xe1\x9c+\xa5\xbeL\xf0\xeb\xa4\xb3wB\x88`U`\xd8\xa8\xdb\'&lt;\xf0\x1d\xea\x9ehT\xb1d\xc9\x92`0h\x18\x06\x06\x19\xad\xc5\xbe\x0cH\x15\x1f-\xcb\x12\x82+\xa5r\x1f\x99\xd2\xffk\x03Cg\xea\xda\xb4\xf7\'\xda\xb26.\x7f\xcc4\x05]\x08`\x8c\x95\x97\x97#AP\x8cB\x00p(z\xb5*++\xc3\xea{\\~\x82\xdf\xb6\xc6\xb8Pg\xcf.\xcd\x99\x99\x94\x98@\x13\x17\xd34O\x9e&lt;YTTd\x9fP\x84V\xa1\x94\xca\xcf\xcf\xa7\xd3\xf7\x9cs\xcb\x92\xfd\xfa\xf6\xca\x9d;\xdd\xaa\xa8j\xbb\xc5\x1f\x1b\xe7&lt;T[wC\xfa\xa0\x87\x1f\x1cM\xcf$\xed\xfal\xd9\xb2\xe5\xc4\x89\x13\x88\x011\xc7A\x9d\x08\x84\xa3\xe1\x7f~~&gt;\xd5\xf70\x0cCk\x9d\x92\x9cX\x987[\xd5\xd5q\xe1\xac/\x8es\x16\xaa\xad\xeb?\xf8\xc6\xb9\xd3\'\xd8\xb5\xa88\xe7k\xd6\xac)++C\xbf\xd0*h\xf8\xbf}\xfb\xf6\x83\x07\x0f\xda\xa7\x81\r\xc3X\xf1XS\xc5\xc7vi\x06\x17\\\x9d\xa9+\\\xf4h\xf7\xd4\xae4La\x8cY\x965g\xce\x1c\\\x00\x8c9\xce\xeaG\x804\xab\xbf\xd1j\t~\xdb\x920\x85UY\x95=k\xda\xb5\xbd\xaf\x96R1f0\xc6\xaa\xab\xab\x0b\x0b\x0b\xd1/DN\x87U|\xa4\x9b\x80\x14\x032\xbf9\xe4\xfb\x13\xef\x0fU\x05.\xb1\xe2c\xe4\x18c\xa1\xfa\x86\xae={&lt;\x917\xdb&gt;\x94L\xf9\xa8Q32\xe6 \x008\x91&gt;\xb7\x02\x1f\xf5\xfe\xe97\xdf0\xe3\xe1\x89V\xa0\x152|\xb5\x05\xc6\x98\n\x86R\xba_\xb1z\xf1\x1c\xad5c\x8d\xfd\xc2\x8e\x1d;\xec\x11k\xb4\xdb\x18\xc3\xc2+&gt;r\xce\x9b\xd6\xd9D\xd1\xb2\xf9\xda\x92\xba}\xcf\x02\x0b\xd3\xb4\xaa\x02\x13\'\xdc\x97~\xf3\r\xcdjF\x06\x83A\xc4\xfb\x18\x82\x00\xe08-\xc7S\xf4F\x15-\x9d\xe7\xef\xd4QI\xe9\xbc\xd1\x7f#a\x9a\xa1\x8a\xcaq\xe3\xef\xcb\xfc\xe6\x10:\xb1j\x18\x86\x94\xd2^\xb3\x86\xcbC\xe3\xfd\xf3V|\xbc%\xf3\xd6P\xcd\x19\xd1\xbe\x1bB\xcc0\x94T\x1d;w.\xca\x9fG]?\xb5\xf0\xc4\x89\x13EEEX\xf1\x8b!\x08\x00\xceB\xafS\xf8\x8a*\xc5\x801\xf7\x0e\x1f6|h(\xb2\xf4\xee\xed@3\xa6\xa5,Z6\xdf\xef\xf7i\xfd\xe5\xa9\x95\x92\x92\x12L\x02.[\xf8\xa9*:i\xa9\x94\xa2\r!YS\x1b\x95\r!!D\xa8*0\xec\xae\xa1\xa3\xef\xb9\xd3&gt;\xf8\xcb9_\xb7n\x1d\xcdQ\x10\x03b\x02\x02\x80\xb3\xd0\x84\xda&gt;S\xa1\xb5\xd2Z\xfb\xfd\xbe\x15y\xb3\x99R\x97_\xdb\xa9\xbd\x08\xceC5\xb5\xb7df\x8c\xbfo\x14\x8d\n)\xa4\x15\x14\x14\x04\x02\x01,\x0e\\\x06\xfb2`x\xc5G\xadu\xc1\x82\x99]{\xf6\x90Q\xdc\x10b\xcc\x90r\xf5\xd2yI\x89\t\x86\xd6\x86a\x84\xefR\xe0\x8b\x8e\t\x08\x00\x0eb\x1f\xfd\xcc\xcf\xcf\xa7i5\xe7m\x92\xe0\xb7M1!dM\xed\xaa\xfc\xb9]R\x92\xb4R4\x89)+++..\xa6\r\xc3h70\x96\xd83\xc2\x9c\x9c\x1c\xeaUip= \xad\xf7\x8c\x1fL\x88\xee\x86\x10\xe7&lt;Xs\xa6\xdf\xd7\x06\xce\x9d&gt;A6\x1d\xfdjvN)Zm\x83K\x14\x03\x1d\x8aw\xd8G?+++\xa9\xaf\xd7ZwO\xed:\x7f\xd6TU{\xc6\x99{\xbf-q\xc6d}\xfdU\xfd\xfa\xcc\xfb\xe1$\xa5\xb5h:%\xb2a\xc3\x86S\xa7N\xe1Z\xc0Wb\xcf\x08\xed\xcb\x80\x8c\x19Z\xeb\x8d\xcbs\xfdq\x9d\xa2\xbe!\xd4\xec\xe8\x17=\xb4\xe17\x15\xc0\xe1\x10\x00\x9c\xa2e}\x0fz\xe1\x9f\xc8\x9b\xdd\xed\x9a\xabC\xf5\r\x0e&lt;\xfay!\\\x98Ve 7{z\xbfk{I\xa5\xa8\xe5\x81@`\xe1\xc2\x85X\x1c\xb8t4\xde\xa7\x19a\xd3e@N\xb9@F\xdd}g\xa8\xba&amp;\xea\x1bB-\x8e~\xb1f\xbb&gt;\x96eE\xb7\x85pq\x08\x00NA\xefONN\x8e}\xf4SJ9\xf8\xa6\xeb\'N\xb8\xdf\xaaj\x8fK\x9e\xad\x881CY\xb2CB\xe7\x15\x0b\x1f\t\xef\x17\xf6\xec\xd9C\xd5K0&lt;\xbc\x14\x94\xf7\x8df\x84\x148\xb56\xfc~\xdf\xc6\x15\x0e\xca\x05\xd2\xe2\xe8\xd7\x97\xbb&gt;\xd5\xd5\xd5\xb4]\x11\xed6\xc2\x05!\x008\x82]\xdf\xc3\xee\x1f\x19cB\xf0\r\x05\x0b:v\xee\xa4\xa4\x8a\x99\xc1\x7f\x13a\x8aPU\xf5\xf7\'\xdc\x7fWV\x06\x1d\t\xb5#\\CC\x03\xe6\x01\xffT\xcb\xcb\x80v\xc5\xc7\x1b\xd2o\x0e\xd5\x9eq\xce\x86\xd0\xb9G\xbf4\xb5\xbc\xac\xacl\xcd\x9a58\x0e\xe4pNy\x86\xbc\x8cz\xc6`0\xb8d\xc9\x12\xfa\x9f\x14\x03&amp;&lt;\xf0\x9d\xac\x91Y\xc1JG\xe4|\xbe&lt;\xe1\x89\xc3\xec5\xae]\xbbv\xa1_\xf8\xa7\x9a]\x06\xa4\x90\xd9\xb4!T\xeb\xa8\r\xa1fG\xbfLS\xd0M\x85\xa2\xa2\xa2\x93\'Ob\xd7\xc7\xc9\x10\x00\xa2\x8fzFz[L\xd3\xa4K\x9eI\x89\tKsf\xaa\xb3\xf5\x8c;\xe8U\xffJ\x1a\x13\x87\r\xfe2q\x18}\xd2\xbc\xbc\xbc\x8a\x8a\nL\x02.\xc2\x9e\x11\xda\x97\x01\x1d\xbe!\xc4\x84\x9055\xab\xf2\xb3S\x92\x13i\xa7\xda0\x8c\xf01M\x94\xdb\x07\x17\x80\x00\x10e\xd4\'\x96\x97\x97\xaf[\xb7\xaei\xa6\xcf\x95Rs\xa7O\xe8?\xf8\xc6Pm{$\xf8m;\\pUWW\x987\x9b\xfa\x05\xc30({\xf0\xfa\xf5\xeb1\t\xb8\x90\xf0\x19\xa1}\xf4\xd3\xe1\x1bB\x9c1Y\x1f\xbc*\xadW\xc1\x82\x99Ji{\xcd*|U3\xdam\x84\xf3@\x00\x882z\xdb\xedA1\x95|I\xebsM\xf6\xaciVeU\xbbe\xf8j#\x8c1\xab&gt;\xd8\xb5g\x8f\x82\x053\xed3\xec\x9c\xf3\xb5k\xd7"{\xf0\x85\x84\xcf\x08i\xda\x14\x13\x1bB\xdc\x14VU\xf5\x8c\x1fL\x18\x90\xd6;&lt;A\x90}\xae\x01\xf3\x00\x07B\x00\x88&amp;\xfb\xcc\xdc\xf6\xed\xdb\x1bg\xfa\x8ck\xad\x1f\xcf\x9e\x9ere\xaa\x0c\x86\x9c6\xd3\xbf\x0c\\\x08+Pc\xf7\x0b\xb4\x9c\x1d\x0c\x06\x91=\xf8\xbc\xce7#\x8c\x8d\r!f\x18JJ\x7f\\\xa7\x8d\x85\xb9Zk\xcaW\x11~\xb2\x19\xc1\xde\x81\x10\x00\xa2\x8cr\xa5\xd1\xbb!\x04\xb7\xa4\xfc\xf6\xad\x83\'O\x1e\x1d\xfa\xa2\xd2t\xdeL\xff20\xd6\xbc_@\xf6\xe0\x8bh6#\xa4_\x89\x95\r!!D(P=\xea_\x87\x8f\xb9w\xb8\x9d\xb1\xce\xbe\xdb\x88x\xef@\x08\x00QC\xfd`II\x89}o\x9eNyo(X 8w\xd3\x9b\xd2\xb2_hv\xc4\x05\xfd\x02i9#\x8c\xbd\r!\xc6\xb4e\xad\xc8\x9bMGB\xc3\xb3\x9b`\x12\xe0@\x08\x00\xd1A/F \x10(((\xb0\xb3~*\xa5\xc6\xdf7\xea_23\x82\xd55\xc2a5\xbf"\xd5\xbc_8\xe7\x90;\xfa\x05[\xf8\x8c\x902?_\xdb\xfb\xea\x18\xda\x10\xe2\x9c\x87j\xce\\7\xf8\xc6\x9c\x19\x93\x9b\xd5\x8c\xb4\xb3YD\xbb\x8d\xf0%w\xf52\xb1\x83\xde\x8a\xe2\xe2\xe2\xb2\xb22\x1a\x11k\xa5\xba\xa4$\xad\xca\x9f+kj\x99S\xd7y/[\xb3~\x81\x92\xdc\xd9\xd7\\q_\xd40\x0c\xcb\xb2\x9a\xcd\x08id\xb0z\xf1\x9c\x94\xeeW\xa8\xd8\xd9\x10\xe2B\xa8\xda3\xf3gM\xeb\x9e\xda\xd5\xde\xf5\t\xcfg\x17\xed\x06\xc2\x97\x10\x00\xa2\x80FFeee\x1b6lh\xdc\xe8\xe3\\i=\xef\x87\x93\xae\xea\xd7G\xd6\xd7\xf3\x18y\xd5\xbf\x92\xa6~a*\xd5\x925\x0c\xc3NtC\xa9O\xa3\xdd\xc0h\xa2#R\xd5\xd5\xd5\xe13B\xaa\xf88n\xfc}\xa1\x8aJ\x07\x1e\xfd\xbc\x10\xaa\x19\xd9\xed\x9a+W-z\xd4&gt;\xc3\xda,\xa3u\xb4\xdb\x08\x8d\x10\x00\xa2\x80\x86E\x85\x85\x85\x94"\x9f1fI\xd9\xef\xda^\xb9\xd9\xd3\xad\xca\x00\x171\xf3\xaa\x7f%M\xfd\xc2\xd5\xe1\xb5d\xc3\x8b\x1fx9\x06\xd0\x0fd\xcd\x9a5eee\xf4\xa3\xa0:\x10E\xcb\xe6k)u\xac\r\x08L\xd3\x0cUTM\x992fhF\xba\x9d\x08\xc4h\xaaic\xe0j\x98c \x00\xb47)\xa5i\x9a\x87\x0e\x1d\xda\xb1c\x87=\xd37\x0cc\xc5\xc2G:$tV\x96s+&gt;FN\x98\xa6UU\x15^K\xb6Y\xf9\xb3h70:\xec\x8a\x8fEEEB\x08)\x95i6n\x08\xdd\x92\x99\x11\xaa\xa9m\xe7\x8a\x8f\xadBk-L\xb30\xf7GBp\xc3`J)\xd34\xed\xcf\xe8\xe5`\xef(\xb1\xf7`\xc54\xda\xfbmhh\xc8\xce\xce\x96Rj\xad\xa9\x8cF\xe67\x87|\x7f\xe2\xfd\xa1\xaa@Ll\xf4]\xb6\x96\xb5d\xed#\xa1^^\x1ch6:\xb6+&gt;\xae\xca\xcf\x96551\xba!$\x84\x08V\x05\x86\x8d\xba}\xc2\x03\xdf\x91R\x9af\xe3np\xf8,\'\xdam\x04\x04\x80\xf6E\xc3\xde]\xbbv\x95\x96\x96\xd28Hk\xc34E\xd1\xb2\xf9\xda\x92\xdap\xef\xe0\xbfI\xcbZ\xb2\x14\t\xec\x82\xb7^\x9b\x07\x9c\xb7\xe2\xa3R\xba`\xc1\xcc\xab\xd2z\xc9\xfa`\xecn\x081.\xd4\xd9\xb3K\x17\xccLL\x88W\xaaq\xd7\xa7\xba\xba\xba\xb0\xb0\x10\xbb&gt;\x0e\x81\x00\xd0~\xa8\xa7\xa3\xa2\xa9M\xf5=\x84R\xea\xe1\x07G\xdf\x92yk\xa8\xe6L,\xce\xf4/\xc7\xb9\xb5di\xc3\x93\x16\x07\xbc60\xb4g\x84\xe7\xaf\xf8XU\xcdcyF\xc89\x0b\x9d\xa9\xeb\xff\xb5\x81\xb9\x8fL\xa1j6t\xd2i\xc7\x8e\x1d\x87\x0e\x1d2M\xd3\x9b\x13&gt;G\xf1F\x8f\xe3\x0c4\xfc_\xbf~}yy9\xad\xfb\xd3L\xbf0o\xb6\xac\xa9\xe5.;\xf8\x7fa\xe7\xad%\xcb9_\xb7n\x1d\xfdd\xbc\x13\x03\xec\x19\xe1\x05+&gt;F\xbb\x85\x11\x12\xa6iUT\xe5\xce\x9d\xde\xef\xda^T3Rk-\xa5\xcc\xce\xceFY\x08\'\xf0J\xa7\x13u\xf4\xaa\x9f&lt;yr\xed\xda\xb5vN4\xadu\xc1\x82\x99]{\xf6\x90\xf5\xc1X9\xe5\xdd*\xecZ\xb2i}\xae\x91R1f\xd0\xdch\xd1\xa2E\xde\xb9\x13`\xdf\x92\r\x9b\x11:\xab\xe2c\xe4\x98\xd1\xbc6\x1cM|KKKQ\x16\xc2\t\x10\x00\xdaI\xb3\x95nz\x13\x1ag\xfa\x81\x1aG\xd5\xf7h\x07\x8c1\x19\x0c\xa5\\\x99\xfax\xf6t\xad5c\x8d\x93\x80\x92\x92\x12{w$\xdamlsv\x9e\x1c\x9a\xf7P\xc5G\xd3\x14\x1b\x97;\xa8\xe2c\xe4Z\xd6\x86CY\x08\xe7@\x00h\x0f-\xcf\xba4\x9f\xe9{h\xf4\xdf\xc84\xcd\xd0\x17\x95\x93\x1f\x1cm\x1f\x15\xa7,\xa1\xf6\xf9\xa8h7\xb0m]\xa8\xe2\xe3\xc3\x0f\x8e\xbe!}P\xa8\xb6\xce9\x15\x1f[Exm8\x1a\x0c\xa1,\x84\x13\xb8\xea!s&amp;z\xdc\xc3O\xbb\xbbo\xa6\x7fy\xb4\xd6\xc2g\x16\xe6\xfe\x88sn\x18\xcc\xbe!QRR\xe2\xfa#\xa1\x17\xaa\xf8X\xb8\xe8Qu\xa6\xcee\x1bB-k\xc3\xd1~\x00\xcaBD\x9d\xab\x9e3g\xa2\xb1\x9e}\xdfUk\xa5\x94\xf6\x99\xe6\xc6\x15\x0b\xdd4\xd3\xbf\x0cMG\xc5\x87=8\xfan{\x08\xcc\x18+((\xa8\xae\xaev\xf1f@\xcb\x84\xd8v\xc5\xc7\xae={8\xb0\xe2c\xe4\xc2k\xc3QVp\x94\x85p\x02\x04\x80\xb6E\x07\xfb\xfe\xf1\x8f\x7f,]\xba\x94\xd6\xfd9\x17Z\xeb\xbc9\xffvCc\x82_O\x7f\x05L\x08u\xa6\xee\x89\xfc\xec\xab\xafL\xa5\xfc\x07\x9c\xf3\xb2\xb2\xb2\'\x9f|\xd2\xad\xc7\x81\xec\x8a\x8fv\xdfG\xbd\x7f\xfa\xcd7L\x9cp\x9fU\x15\x88\xa1\xb4?\x97\xee\xcb\xdap93\xedD (\x0b\x11u\x9e\xee}\xda\x01\ri\xdf~\xfb\xed\x8a\x8a\n\x1a\xd2j\xadMS\x8c\xb9w\xb8\x0eY\x86\xeb\x06z_\x15g\xcc\xaa\xab\xbfz@\xdfo\x0c\x1eD]\xa1a\x18\x9c\xf3\x97^z\x89\xd6F\xa2\xdd\xc0\xd6gW|&lt;q\xe2\x84=\xe9\xd1Z\x17\xe5\xcf\xeb\xd8\xb9\xb3c+&gt;F\xae\xb16\xdc\xc3\x13\xedD \xf6:\x987\xef\x00:\x01\x02@\xdb\xa2\xa7|\xe4\xc8\x91\xd7_\x7f}X\xf6\x1b\xb9\xa2\xf8\xe7\x8csfx\xfd\x89\x97R\xf9\x93\x12\xfe\xb0\xff\x7f^~\xe30\x8d\n\r\xc3PJ\xcd\x9b7\xcf4M\xf7\xf5\x08\xd4\xdd\xb7\xac\xf88\xfa\x9e;\x87\xdd54T\xe5\xdc\x8a\x8f\x91k\xac\r\xd7\xa9\xa3\x9d\x08\x84\xf6\x03N\x9c8\xe1\xc1;\x80\x0e\x81\x00\xd0\xb6\xe8)\x8f\x8b\x8b\xdb\xb8q\xa3\x9d\xfd\x86s\xbe\xfb?_}\xf9\xb7\xaf\xf9\x92\x12=&gt;\xf3e\xcc\x90J\xcd_\xb6\xee\xec\xd9\x06\xc6\x8c\xc6\x1c\xc8\x99\x99\x93\'7\x96\x13\x89v\x03[\x19\xcdr\x16-ZD3B\xfa\xa5\xa4\xc4\x84\xd5K\xe7\x19R\xba~F(\x84\x08UU\x87\'\x02\xf1\xec\x1d@\x87@\x00hs\xf4\x94\x8f\x181b\xc4\x88\x11\xf4\xd0\x1b\x86\xc1\x18\x9b\x9b\xbf6Xw\x96\x0b\xe1\xbaa\xee\xa5\xb2,\xcb\xd75e\xfb\xf6\x17\xde\xfc\x7fGM!\xa4l,\x83\xb5|\xf9rW\xee\x00\xdbw\xa0JJJ8\xa7\xbc\x08\\*5w\xfa\x84~_\x1b\x18\xac9\xe3\x89\r\xa1s\x13\x81\x18\x86\xc19\xf7\xda\x1d@\xe7\xf0\xc0\x03\xe7\x00\xb4\xbe\xf9\xd4SO\xf9\xfd~\xda\x06\xe0\x9c\xbf_\xf6\xbf[~\xb1\xd3LJP\x9e\x9c\x04h\xad\x85\xdfW\xf9\xc9\xe9\x15\xc5\xcf0\xc6\x94n,\x1f8y\xf2\xe4\xcc\xccL;R\xba\x89\x9d\x05\x81\x96\xbc9gR\xaa\xb4&gt;\xd7\xc4P\xc5\xc7\xc8\xb5L\x04bY\x96\xd7\xee\x00:\x07\x02@{\xa0\xf5\xcd\xeb\xae\xbb.77\x97v\x02h-xY\xd1\xcf\xbe\xf8{\xb9\xd9\xd1\xef\xc1\x81\x8f\xb4\xa4\x99\x92\\\xbcy[\xd9G\x7f\x13\x82\xd3\xfd\xa0.]\xba\xac^\xbd\x9a\xd6\xca\xa2\xdd\xc0VF!\xad\xa4\xa4\xc4\xce\x83\xc6\x19\xd7Z?\x9e==\xe5\xcaT\x19;\x15\x1f#\xd7,\x11\x08\xe7\xccSw\x00\x1d\x05\x01\xa0\x9dP\xa7?\x7f\xfe\xfc\x1e=z|Y\x10\xb1\xaaz\xe9\xeaM&lt;.NIo\x8dz\x94\xd2\xbe\xf8\xb8\x93G\xdf\xdd\xf8\xccN*}NC\xbf\x9c\x9c\x9c\x1e=zP\x8c\x8cv\x1b[\x13\x85\xb4@ @\x15\x1f\x1bScJ\xf9\xed[\x07O\x9e&lt;:\xf4E\xa5\xe9\xc6\xa3\x9f\x17\xd2,\x11\x08g\xbc\xd9\x1d@\xcb\xb2\xa2\xddF\xafp\xd5k\xe6d\xb4\nD#\xdc\xf0\x82\x88O\xff\xf2\x85\xbf\x1e=\xe6\x8b\x8f\xf3\xd4\xccW+\xc9;u,\\\xf7\xb3@u\x8d]4\xbc\x7f\xff\xfe\x0b\x16,p_\xefo\x18\x06}\xd7\xc5\xc5\xc5eeev\x1d\x08\xbf\xdf\xb7\xa1`\x81\xe0\xdc\x83C\xde\xc6D \x93G\x7f\xfb\xd6\xc1VS\x82 /\xdc\x01t\x1a\xb7\xbdiNF\x93\x80\xf1\xe3\xc7\x0f\x192\xa4\xe9H\xa8aYrn\xfe\x93\xccK\x03@)\xa5?%\xe9\xc0\xde\x03;\x7f\xfd\xdf\xe1E1W\xae\\I{$.[\x0c\xa1\xbd\xdf\xb2\xb2\xb2\r\x1b6P\xe0\xb7+&gt;\xfeKfF\xb0\xbaF\xb8+\xf1\xc3%\xd2\xda\x10\x9co(X\xe0\xf7\xfb\xb4n\xbc\x1eQVV\xb6f\xcd\x1a\x1c\tm7^|\xf2\xa2\x85&amp;\x01\x1d:tX\xb7n]\xd3\x91P%\x84x\xf5\xc0[\xff\xb1\xf37\xbe\xe4Di\xb9\x7f7X\x1b\x06\x17\xbc\xfe\xcc\xd9y\xcb\x8a\xa4TT\rFJ\x99\x95\x955v\xecXW\xee\xfd\xd2\xd8\xb6\xb0\xb00\x10\x08\xd8u \xba\xa4$\xad\xca\x9f+kjc\xb4\xe2c\xe4\x84\xe0\xc1\xea\x9a\x7f\xc9\xcc\x18\x7f\xdf(\xa5\x94i\nz\x1d\x8a\x8a\x8aN\x9e&lt;\x89\xdd\xe0\xf6\x81\x00\xd0\xae\xec\xcen\xcc\x981\xe1\x05\x11\x1f_\xf3\xd3\x86\x9a3\xdct\xff\x91PiYfrr\xc9\xce\xdf\x1c}\xe7\xbd\xa6\xc5\x10m\x9a\xa6\x1d\x14\xa3\xdd\xc0Vf\xafn\xef\xd8\xb1\x83\xbe}\xc1\xb9Rz\xde\x0f\']\xd5\xaf\x8f\xac\xaf\x8f\xdd\x8a\x8f\x91cB\xc8\x9a\x9aU\xf9\xd9)\xc9\x89T\x0c\xc70\x8c`0\xb8d\xc9\x12\xa3\xa9T2\xb4)\x04\x80\xf6F\xf3\x805k\xd6$%%\x19t\x1a\x92\xf3\x0f&gt;\xfcxm\xf13fJ\x92\x92n\xde\xfe\xd2Z\xfb:v\xf8\xfco\xffX\xbczSxQ\xcc\x193f\xd8\xcbb\xd1nck\xb2+&gt;\xda\xe7[8\xe7R\xa9\x01i\xbds\xb3\xa7[\x95\x01.&lt;\xb4\xf4\xd7\x12gL\xd6\x07\xafJ\xebU\xb0`\xa6R\xda\xbe\x1a\xbd{\xf7\xee\x03\x07\x0e AP;p\xd5\xfb\x16\x13\xe8)\xef\xdb\xb7\xef\xbcy\xf3\x1a/C*\xc5\x19\xdb\xf0\xf3\x1d\xff\xf7\xc1G\xa2cG\xe5\xde\x81\x8f\x92\x92\xc7w^\xbf\xf9\xd9OO\x7f\xf1eQ\xcc\x94\x94\xe5\xcb\x97\xbb\xaf\xf77\xc2*&gt;\xda\'\xdc\xed:\x10\x1d\xe2\xe3\xbcY\x07\xa2\x19n\n\xab\xaaz\xc6\x0f&amp;\x0cH\xeb\x1d\x9e (\'\'\x87\x92Aa\x1e\xd0\xa6\xdc\xf6\xca\xc5\x04\xea\x0b\xb2\xb3\xb3\xd3\xd2\xd2h\x0b\x94q^Q\x19X\xb4|\xa3H\x88wk\x8eh\xa5\x94?!\xfe\xc4\xd1w\xd7m\xd9\xce9WJ\xd2\xdb\xbe|\xf9\xf2\x94\x94\x14\xf7\xad\xff\xd0\'\xaa\xa8\xa88\x7f\xc5\xc7\x80w\xeb@\x84c\x86\xa1\xa4\xf4\xc7u\xda\xb8&lt;\x97\xd2DS\x188r\xe4\x08\x95\xca\xc1N@\x9bB\x00\x88\x02\x1a\xd7$%%-[\xb6,&lt;A\xd0\xae\x17_\xfe\xc3\xc1\xb7|\t\xf1\xd2\x95\x0f\xbd\xd6\x9a\xf3\xc7Wo\n\x06C\x8c1\xc6\x1a/\xc7\xcd\x981\xc3\xc5\xc3\xff\xf5\xeb\xd7\xbb\xbb\xe2c\xe4\x84\x10\xa1\xea\x9aQw\xdfyWV\x86\x94\xca\xae\x19\x99\x9f\x9f_YY\x89I@\x9br\xdb[\x17+h}s\xe2\xc4\x89v\xda\x03\xc6\x8c`0\xb4\xa0`=\x13\x82\xb9\xee\x89\x97R\xfa\x92\x13\xf7\xbfvh\xcfK\xaf\xd9G?)=\x06e\xfdt\xd9\xf0\xdf\xae\xf8\xb8v\xed\xda\xf0\x9bn\x0f?8\xfa\x86\xc1.\xac\xf8\x189-\xe5\xc6\x15\x8f\xd1\x91Pz\x1e*++\xf3\xf3\xf31\thSx\n\xa3I\x08\xb1|\xf9rZ\n\xa0&gt;\xe2\xe0\xef\x8f&lt;\xbf\xebE_\x97\x14\xe9\xa2\xcb\x90Z\x1b\\\x88\xe0\xd9\xfa\x05\x85\x1b\x9a\x8ab\x9e\'A\x9e\x9b4\xcbtOK\xff)\xc9\x89\x85y\xb3U\x9d\xdb*&gt;F\x8es\x1e\xaa=sC\xfa\xcd93&amp;7\xd5\x8c\x94TG\xef\xc8\x91#\x88\x01m\x07\x0fb\xd4\xd8\xa9\x8f\'M\x9a\xd4t$T1\xc6\xf2\x9ex\xaa\xf2\xd3\xcf\xb8\xdf\xe7\x9a\x99\xaf\x92\xd2LJ\xd8\xf2tI\xe9_\xfeJ/3\x1d\xfd|\xea\xa9\xa7\xdc7\xf67.\\\xf1\xb1 gf\xd7\x9e=\xac\xfa\xa0\xfb&gt;r\xe4\xb8\x10\xaa\xb6v\xfe\xaci\xddS\xbb\xd2\xcd\t\xba\x1f\x9e\x93\x93\x83U\xa0\xb6\x83\x00\x10M\xf4d/]\xba411\x91\xd6\x88\x85\xe0\x1f\xfe\xef?\x8a7o3S\x92\xddq/Lkmv\xf4\x7f\xf1\xf7\xf2e\xeb~\xd6\xec\xe8\xe7u\xd7]\xe7\xbe\xd5\x7f\ni\x96e\xb5\xac\xf88\xe3\xe1\x89V\xa0\x86\xbbn\xba\xd3*\x18c\xa1\xfa\x86n\xd7\\\xb9j\xd1\xa3\x8d\xe7e\xa5\x14B\x1c8p`\xf7\xee\xdd8\x12\xdaF\\\xf5\xee\xc5\x1c\xea\x1a\xd2\xd2\xd2\x16.\\\xd84\xf3U\x9c\xf3\x8d\xcf\xec&lt;y\xf4]_|\x9cR1?\xf0QR\xf1\xb8\xb8\xa5\xab7UVU\xd3\xc8Wk\xdd\xa3G\x0fw\x1f\xfd\xdc\xb2e\xcb\x89\x13\'\xec\xb4\xafZ\xeb\xa2\xa5\xf3\xfc\x9d:\xe2\xe8\xe7E\x98\xa6\x19\xaa\xa8\x9a2e\xcc\xd0\x8ct)\xa5\x10\x8d\x19\x81\x96,Y\x12\x0c\x06\r\\\rk\x03n{\xfdb\x0e\x8dt\x16,X\xd0\xbf\x7f\x7f:\xf8\xcc\x18\x0bT\xd7\x14\xae\xfb\x19\xef\xd4I\xab\xd8\x1e\xf5(\xa5|\xf1q\x7f=z\xec\xe9_\xbe`\xe7\xbfSJ\xad^\xbd\xda\x95G?\xed\x8a\x8f\xf6\xee%\r]\xc7\xdc;|\xd8\xf0\xa1\xa1\xaaj\xf7\xedv\xb4.\xad\xb50\xcd\xc2\xdc\x1f\t\xc1\r\x83)\xa5L\xd3&lt;y\xf2dQQ\x11\x92C\xb4\x05\x04\x80(\xa3\x1e\xd0\xef\xf7\xaf\\\xb9\x92\xfe\'\xcd|w\xfe\xfa\xbf\xf7\xbf\xfc\x86?9)\xd6g\xbeL\x88\xb9\xf9OZ\x96d\xacq\xc63d\xc8\x90\xf1\xe3\xc7\xbbr\xf8oW|\xac\xac\xaclLi\xa9\xb5\xdf\xef[\x917\x9b)\xe5\xfa\x8a\x8f\x91\x13B\x04\xab\x02\xc3F\xdd&gt;\xe1\x81\xefP\xd6&lt;\x1a4\xacY\xb3\xa6\xac\xac\x0c\xbb\xc1\xad\xcemo`,\xa2A\xe2\xd8\xb1c\xb3\xb2\xb2\x9a\x8e\xc4h)\xd5\xd2\xb5\xff\x9f\xb4\xac\xd8\x1d#K)}I\t/\xff\xee\xf5W\x0f\xbcEw\xa0h1d\xdd\xbau\x1d:tp\xe5\xf0\x9fn0\xed\xdc\xb9\xb3\xa9\xe2\xa3\x90J\xcd\x9f\xf1\xe0u\x83o\x0c\xd6\xd4\xba/\xe0\xb5\x05\xc6\x85:{v\xe9\x82\x99\x89\t\xf1\xb4\x04\xca9\xaf\xae\xae.,,\xc4np\xab\xc3\x13\xe9\x08\xcdzF:\x12z\xe8\xad\xd2\xe7\x9e\xdb\xe3\xeb\x92\x1c\x8b\xf51\xe8\xe8gCm\xdd\xdc\xfc\xb5\x8c1\xad\xcf\x1b\xe7\\\xc5\xcea\xd0\xd0\xd0@\x15\x1f\x95Ri}\xaeY8\xefa\xab\xba\x16{\xbf\x97\x88s\x16:S\xd7\xffk\x03s\x1f\x99\xa2\x9ajF\n!v\xec\xd8q\xf0\xe0A\xec\x06\xb7.\x04\x00G\xb0\xd7F&amp;L\x98`\x9f\x93a\x8c-Z\xf5\x93\xcf\xff\xf6\x89\xafc\x87\x98\x1b\xf8(i\x99)Ik\x8b\x9fy\xbf\xec\x7fES}\x8f\xf0\x95\xaeh7\xb0\x95QH\xdb\xb3g\x8f\x9d\xc5\x8c5U|L\xeeq\x85\x0c\xe2\xe8\xe7W L\xd3\xaa\xa8\xca\x9d;\xbd_\xdf^\x96%i\xe6$\xa5\xcc\xcf\xcf\xc7\x12P\xebB\x00p\n\xaa\x14\xb8j\xd5*\xda\x1d5\x0c\x83s\xfe\xe9\xe9/\xd6o\xde\xc6\xe3;\xc7V\xe1x\xa5\xb5\xe8\xd8\xf1\xff&gt;\xf8h\xc3\xcfwP\xfe\xcb\xf0\xbdnZ\xd5\x8dv\x1b[\x13}_\x81@`\xe1\xc2\x85M7\xdd\xb8\x94rhF\xfa\xe4\x07=W\xf11r\xcc0\x94%;$t^\xf1\xd8#F\xd8\xc6\xd8\xc1\x83\x07\xb7o\xdf\x8eI@+r\xd5{\x18\xd3h\xcf0\xfc|$\xa5K[\xb7e\xfb\x89\xa3\xef\xfa\x13\xe2ch\xec\xa3\xa5\x14\t\xf1\x8b\x96o\xac\xa8\x0c\xd0\xb9\xa6\xf0\xd3\xae.\xeb\xfd\x8d\xa6\xe1\x7fqq\xf1\xa9S\xa7\x9a\x0e\xab0\xceya\xee\x8f\x84\xcf\x8c\xb9\xd9\x9b\x13\x08S\x84\xaa\x02\xdf\x9fx\x7f\xe67\x87\xd0\x8f\x97\xe6\xc4yyy\x15\x15\x15\xd8\x0ch-n{\x15c\x1a-\x04\xd97\xa4\x18\xe3\x8c\xb1`0\xf4\xf8\xeaM\x9as#F\x9ex\xa9\x94/!\xfe\x0f\x07\xdf\xda\xf5\xe2\xcb4\xf0\xa7\xd7u\xd9\xb2e\x89\x89T\xf7\xc3U\x8b!-+&gt;\xd2\x10\xf5\xc1\xd1w\x0f\x1b5,X\x15p\xdfnG\xfb\xd0\x06\xd3\x96,Z6\xdf4\x85\xd6\x9aNX\x95\x97\x97\xaf_\xbf\x1e\xc7\x81Z\x0b\x02\x80\x83PG\x19\x9e#\xa1qe\xf9\xa5\xd7\xf6\xbfv\xc8\x17#GB\x99\xa1\x99)\x16\x14\xac\x0f\x06C\x8c}\x99\xf1b\xe2\xc4\x89T\x1e+\xda\rle\xf4M\x85W|\xd4JuIIZ\x9d?O\x9d\xa9\xf3l\xc5\xc7\xc8\t\xceC5gn\xc9\xbc\xf5\xe1\x07G\x87_\x93\\\xbbv\xad}\xc9.\xdam\x8cy\x08\x00\xce\xd22K\x1a\xf5/\x0b\n7\xd4\x9f9\xc3\x05w\xf8,@Z\xd2\x97\x9c\xf4\x1f%\xbf9\xf8\xfb#\xf4\xc6\x1a\xe7\xe6\xbcs\x19{m\xfa\x9c\x8a\x8fZ\xcf\xfb\xe1\xa4+\xfb\xf5\x0e\x9d\xf5t\xc5\xc7\xc8q\xc1eMma\xde\xec\x94\xe4D\xaa\x16\xc0\x18\x0b\x06\x83v\x9a\x8dh70\xe6!\x008N\xb3&lt;\xc9\xb4h^\xfa\x97\xbf\x96\xec|\xd1LNrr\x96Pm\x18\xdc\x14\r5g\x1e\x7f\xf2\xa7\x06\xdd\xea\x14BJ9i\xd2$;\xebu\xb4\xdb\xd8\xfa\x94R\xf9\xf9\xf949\xe3\x9c[R\xf6\xbb\xb6\x17U|\x14\xde\xae\xf8\x189\xc6\x98\xac\x0fv\xed\xd9\xa3 g\xa6j:J\xd0,\xd1^\xb4\xdb\x18\xdb\x10E\x9d\x88\x9e\xf2\xd9\xb3go\xde\xbc\xd9\xde\xfe\xba\xa2[\xca\xbb\x87~\x93\x92\x9c\xa0B\x0e\xbd\x1dfYV\x87\xd4n+~\xbc.\x7f\xcdOMS\xd0\xcd\xaf\x84\x84\x84#G\x8e\xf4\xed\xdb\x97\xd6p\xa3\xdd\xc6\xd6D_\xd3\xb3\xcf&gt;;m\xda\xb4\xc6\xe1\xbf\x10R\xca\x1d\x9b\x9f\x18?\xe9\x81\x86\xca*\x04\x80\xc8iC\x1b\x86\xa1M3\xe3\xae\xf1\x7f~\xf7}z\x84\xb4\xd6\x03\x06\x0c8v\xec\x18\xe7\x9cN\x19D\xbb\x99\xb1\n\x01\xc0\x89\xe8K\xa9\xaa\xaaJKK\x0b\x04\x02vr\xc4G\xa6\x8d\xdb\xbciE\xf0\x8b*a:n(\xad\x94\x16\x9d:\x94}\xf0\xd1\xbf\xdc5\xa1\xf6L\x1d\r\xff-\xcb\xfa\xf1\x8f\x7f\xbcl\xd92\xcb\xb2\\\xb6\xfaO\xdb\x92UUU7\xdex\xe3\xa7\x9f~j4\xa5u\xba\xe7\xae\xa1/\xed-1\x02\xd5\x06w\xdcw\x14\xab\xa44\x92\x13\x8f\xbcz(\xe3\x9e\xc9Ji;\xc3\xd2\xa6M\x9bf\xcd\x9a\xe5\xd6\x99e\xfb@\x00p(z\xac7o\xde&lt;{\xf6l;\xa7&lt;\xe7\xec/\xfbv_\x7f\xe3\x00\xab\xee\xac\xd3F\xd3\xd2\xb2\xfc\xdd\xbaN\x9e:\xf7\x97{~K[\x17Z\xebk\xaf\xbd\xb6\xb4\xb44&gt;&gt;\x9eFj\xd1nck\xa2/\xe8\xf1\xc7\x1f_\xb9re\xf8\x17\xb4\xe6\xf1\xec\xaf\x0f\xb9\xc9:\x83\x9a_\xadIk-:vxli\xd1\x91?\x1f\xb7\x0b\xc7\'%%\x1d?~&lt;55\xd50\x0c\xfc\xb4/\x0f\x02\x80CQ\x07\xaa\x94\xca\xc8\xc8(--\xa5i.\x95\x14\x7f\xe5\xc5\xad!\x87%\x96\x91R\xfa\x93\x12\xf7\xbfvh\xf8\xb8\x19\x86\xc1\xec\xc5\x90\xdd\xbbw\x8f\x193\xc6}c4Z\x94\xfb\xe0\x83\x0f\x06\r\x1adY\x16}Y\xd1n\x94\xfb\x85o\xfc\xd2\x036m\xda\xb4\xad[\xb7\xba\xef\x01k7\x08\x00\xcee\x17\xc4\x186lX\xd3\x123\x97R\xfdw\xc9\xa6Q\xf7\x0c\x0f\x06\x1c\x94[X)\xc5;u\xba\xfd\xde)\x87\xde*\xa5D\xbeR\xca\xac\xac\xac\xfd\xfb\xf7\xbb\xf2\xe5\xa4\x0f5n\xdc\xb8\x96\xb5J\xb0$\xddv\xc2\xcf}\xd2\xcf\xd94\xcd\xdf\xff\xfe\xf7\xe9\xe9\xe9\xae\xbc`\xd8\x0e\x10\x00\x1c\xadYGC#\xcd\xfe}{\xbd\xf3\xe6o\xb8R\x86a8\xa1\xa7\xb1,\xab\xc3\x15]\xb7=\xbd\xe3\xa1\xece\xf6b\x88\xcf\xe7;|\xf8pzz\xba[\xf7~\xf7\xed\xdbw\xe7\x9dw\xfa\xfd~\x1cD\x89\x16\xdad\xca\xcc\xcc|\xe3\x8d7\x10\x00.\x0f\x02\x80\xa3\xd1c}\xf2\xe4I{\xa9\x81v\x1a\x9fZ\xf1\xd8\xa3\xd9?&lt;{\xfas\x11\xed\x9dU\xad5\xf7\x893\xf5\xc1\x7f\xb9c\xdc\xa9\xff\xfd;c\x06c\xdc\xc5ssz_jjj\xae\xbf\xfe\xfaO&gt;\xf9$\xda\xcd\x01\xc30\x0c\xec\x06_6W\x1d\xccp\x1f\xea\xee\xfb\xf7\xef\x9f\x9b\x9bK\x9b\x8d\x14\x12\x96\xad\xfd\xd9\xb8\x07\xbe\xd3\xbdo/\xa3!\x18\xe52#R\x1a)Ik\xe6\xe4\x97}\xf4\xb7\xa648\xbaK\x97.\xabV\xadr_\xd6\x07\xa3\xa9\xe4\xcb\x9f\xfe\xf4\xa7\x01\x03\x06\x0c\x1c8\x10\x97Q\xa3\x8b6\x84\xff\xfc\xe7?S\xca\xe8h7\'\xf6`\x06\xe0t\x17:nx\xff\xa8\xdb\xe7\xcc\xf9\xb7PuM\x14g\xbeZ\x1b\xc2o\x96\x7fr\xfa\xa1\xece\x96%\xb5VB\x98\x96e\xad\\\xb9r\xf1\xe2\xc5\x18\x91A\xbbq_}\xa1\xf6\x81\x00\x10\x03Z^8r\xe6=x\x1a\x8e\r\x180\xe0/\x7f\xf9\x8bi\x9a\xee\xde\x0e\xc5\xd8\xdf9\xdc\xfd\xa4\xb5)\'\xf6#\xd0\x12u\xfa\xb7\xdf~\xbb]\x14\xc99[^\xcc0\x94Vv\xcd\xaf\xbd{\xf7\xda\x89\x8c\xa2\xdd4\x00\xb8\x18\x04\x80\xd8`\'\x1d\xbb\xe3\x8e;\x9c\x99\x07Q\x08\x11\x0c\x06G\x8c\x18\xb1w\xef^\xf4\xfe\x001\x01\x01 fP\xaf:u\xea\xd4\xe7\x9e{.\xdam\xb9\xa0\xf7\xde{o\xc0\x80\x01\xee;\xfa\t\xe0J8\x05\x143h\xdd\x7f\xe9\xd2\xa5\xe5\xe5\xe5RJG\xdd&gt;\xb5\x93\xfeS)\x1b\xf4\xfe\x001\x013\x00hM8\x8c\x01\x10C0\x03\x881\x94 \xc8\xb1\x9d,\xc6\xfe\x001\x043\x00\x00\x00\x8f\xc2x\r\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10\x00\x00\x00&lt;\n\x01\x00\x00\xc0\xa3\xcch7\x00\xa0=h\xad\xe9\xff\x92f\xbf\xcb\xc2D\xa3u\x00\xd1\xc1Z\xbe\x0c\x00\xae\xa1\x94RJ1\xc6\x84\x10\x97\xfe\xe79\xe7\x9ccr\x0c\xee\x87\x00\x00.D\xfd\xb8i\x9e3\xc1=}\xfa\xf4?\xfe\xf1\x8f\xcf&gt;\xfb\xec\xf3\xcf?\xaf\xae\xae\x0e\x06\x83Zk\xbf\xdf\x9f\x94\x94\x94\x9a\x9a\xda\xb3g\xcf^\xbdz\xc5\xc5\xc5\xd9\x7f\x83a\x18\x08\x03\xe0n\x08\x00\xe0\x1eZk\x1a\xef\xdb\x1d\xf7\xf1\xe3\xc7\x0f\x1d:\xf4\xe6\x9bo\xbe\xf3\xce;\x1f}\xf4Q \x10\xb8\xd0\x7fk\x9a\xe6\x95W^\xf9\xf5\xaf\x7f\xfd\xae\xbb\xee\xba\xfb\xee\xbb\xd3\xd2\xd2\x0c\xc3\x90Rr\xce\xb1.\x04n\x85\x00\x00.!\xa5\xb4\xd7y\xfe\xfa\xd7\xbf\xbe\xf0\xc2\x0b/\xbe\xf8\xe2\xd1\xa3G\xa5\x94\xe1\x7f\x8c\xfeLx\x9fN\xbb\x024\xe4\'qqq\xdf\xfd\xeew\x17,X0d\xc8\x10\xc30hQ\xa8=&gt;\x03@\xfbB\x00\x007\xd0Z3\xc6\x94R\xff\xf9\x9f\xff\xf9\xf4\xd3O\xbf\xfa\xea\xab\x96e\xd1o\xd1B\x90R\xea\xbc\xdb\xbf\xb6\xf0}`\xfaoM\xd3\xcc\xce\xce^\xb1bE\x87\x0e\x1d\x10\x03\xc0\x95\x10\x00 \xe6\xd13\xbcs\xe7\xceu\xeb\xd6\x95\x96\x96\xd2/\x9a\xa6\xf9O;\xfd\x0b\xa1E$\xfa\xcf\x87\x0e\x1d\xfa\xfc\xf3\xcf\xf7\xe8\xd1\x031\x00\xdc\x07\x01\x00b\x1eu\xcdw\xddu\xd7k\xaf\xbd\xe6\xf7\xfb\xa5\x94\xd4w\xb7\xfc\x93\xe7=\xeby\x91\xb3\xa1\xa6i\x86B\xa1\x9bn\xbai\xdf\xbe}]\xbbv5\xce];\x02\x88u\x08\x00\x10\xf3h\xf5\xff\xad\xb7\xde\xfa\xf6\xb7\xbf\xddl5\xdfh\x1a\xce3\xc6\xa4\x94\x17y\xda\x85\x10-\xff[\xc30|&gt;_(\x14\x1a&gt;|\xf8\xde\xbd{\xb5\xd6\xd8\x13\x067A\x00\x007\xa0I@ff\xe6\xa1C\x87\x84\x10\xb4\xf1K\xfb\xbd\xe1\x9b\xc0]\xbat\xb9\xea\xaa\xab\xbav\xed\x9a\x90\x90\xe0\xf7\xfbC\xa1P \x10\xf8\xfb\xdf\xff\xfe\xf1\xc7\x1f\xd3\xba\xbf\x10\xa2\xe5\xec\x81b\xc0\xbau\xeb\xe6\xcf\x9f\x1f\xbe\xd5\x0c\x10\xeb\xdc\x13\x00.4\xebo\x0b\xe1\x07\r\xc1\t,\xcb2M\xf3\xc5\x17_\xbc\xff\xfe\xfb\x85\x10\xf6F\xaea\x18IIIYYY#G\x8e\xfc\xc67\xbe\xd1\xb7o\xdf\x94\x94\x94fC\xf8\x86\x86\x86\x0f?\xfc\xf0\xf5\xd7_\xdf\xbau\xeb\x91#G\x0c\xc3`\xec\x9c\xf7\x82\xbe\xeb\xa4\xa4\xa4\xf7\xde{\xef\x8a+\xae0\xb0\x10\xe4&lt;x\xfd/\x8f{\x02\x00x\x9c\xd6ZJ9x\xf0\xe0c\xc7\x8e\xd1\xaf\x0c\x1d:t\xd2\xa4I\xf7\xdcsO\xcf\x9e=\xc3\xffdxg\x11\xfe2K)7o\xde\x9c\x9b\x9b\x1b\n\x85\x8c\xa6\xbdeb\x9a\xa6eYO&gt;\xf9dnn.\x05\x9b\xf6\xf8H\x00m\xcc\r\x01\x80\x8e\x00\x1e=z\xb4\xaa\xaa\xaa}\xfe\xc5\xe4\xe4\xe4\xc1\x83\x07\xd3\xbf\xdb&gt;\xff"\xfcS\xd4/\xff\xfc\xe7?\x9f3g\xce\x84\t\x13\xa6O\x9f\xfe\xado}\x8b~\xcbN\xf0@\xdf\xd7y7\x81\x95R4ux\xe9\xa5\x97\xbe\xf7\xbd\xef\xd1\x86\x81\xfdv\xd0\xd2\xd0\x90!C\xde~\xfb\xed\x96\x7f\x03D\x11^\xff\x88\xe8\xd8G\xefjFFF\xbb\xfd\xd0222\xec\x7f\x17\x1c\xa5\xb6\xb6\xf6\xc4\x89\x13\xf4\xff+\xa5B\xa1\x90}\x18\xf4\x9fRJ544h\xad\xf3\xf3\xf3\x8d\xa6-\x04B\xafz\x87\x0e\x1d&gt;\xfa\xe8#\x8d\xaf\xdeI\xf0\xfaG\xc2%+Y\x86at\xee\xdc\x99s\xee\xf3\xf9x[\xa2\xbf\xbfs\xe7\xce\xd1\xfe\xb8p~\x9d;w\x1e0`\x00\x9d\x04\xa5s\x9c\x97&gt;L\xa3?\xaf\x94\x9a?\x7f~\xd7\xae]\xa5\x94\xf6\x7f\xab\xb5\xe6\x9c744\xbc\xfb\xee\xbb\xc6\xb9\xabC\xe0\x04x\xfd/\x8f{\x02\x80:\x97q\xee\xdd\xce\x08\x9d\xf7\xef\x07\x07\xd2M\x8b9\xfc\xb2\xb6\xe98\xe7Z\xeb\xe4\xe4\xe4\xcc\xccL\xe3\xdcI\x00\xfd\x85\x1f}\xf4\x91\x81\x00\xe0&lt;x\xfd/\x8fk\xf7\xb2\xdc\xf4%\xc1\xa5\xb3\xdf\xd8\xcbFS\xe3A\x83\x06\xfd\xfa\xd7\xbfn\xf9\xbb\x15\x15\x15\x91\xfc\xe5\xd0&gt;\xf0\xfa_"\x17\x06\x00\xc6\x98\xd6\xfa\xeb\x83\xaeK\xe9\x92\xac-\x19yw\</t>
        </is>
      </c>
    </row>
    <row r="250">
      <c r="A250" s="1" t="n">
        <v>248</v>
      </c>
      <c r="B250" t="inlineStr">
        <is>
          <t>grid_number_color</t>
        </is>
      </c>
      <c r="C250" t="inlineStr">
        <is>
          <t>What is the missing color if the part denoted with the question mark has the number 1?</t>
        </is>
      </c>
      <c r="D250" t="inlineStr">
        <is>
          <t>['blue', 'green', 'red', 'orange']</t>
        </is>
      </c>
      <c r="E250" t="inlineStr">
        <is>
          <t>orange</t>
        </is>
      </c>
      <c r="F250" t="inlineStr">
        <is>
          <t>There is a 3x3 colored grid of numbers. The first row has number-color pair [(7, 'green'), (2, 'red'), (1, 'orange')], the second row is [(5, 'blue'), (2, 'red'), (5, 'blue')], and the third and final row is [(7, 'green'), (1, '?'), (1, 'orange')].</t>
        </is>
      </c>
      <c r="G250" t="inlineStr">
        <is>
          <t>We observe that the grid cells with number 7 is green in color, the grid cells with number 2 is red in color, the grid cells with number 5 is blue in color, and the grid cells with number 1 is orange in color. Thus, the pattern is that the grid cell with the same number will have the same color.</t>
        </is>
      </c>
      <c r="H250" t="inlineStr">
        <is>
          <t>Based on the pattern that the grid cell with the same number will have the same color, the missing color of the part with 1 should be orange.</t>
        </is>
      </c>
      <c r="I250" t="inlineStr">
        <is>
          <t>b'\x89PNG\r\n\x1a\n\x00\x00\x00\rIHDR\x00\x00\x02\x00\x00\x00\x02\x00\x08\x02\x00\x00\x00{\x1aC\xad\x00\x00r\xccIDATx\x9c\xed\xddw|\x15U\xda\x07\xf0s\xce\xcc\xdc^r\xd3I\x81\x10z\xef]\x8a\xf4nW\x14\xb1\xaf\xbd\xacmUt\xed\xba\xba\xaf]Q\x90bEPAD@\xaaT\x01\xe9\x1d\xe9=!\xbd\xde:3\xe7&lt;\xef\x1f#Y\xec\x94\x9b\xe4^\xee\xf3\xdd\xfd\xecg\x13\x92\xc9$g\xe6\xfcN\x9b3\x14\x00\x08B\x08\xa1\xd8\xc3j\xfb\x04\x10B\x08\xd5\x0e\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J\xae\xed\x13\xf8\x1f\x00\x00\x80\xda&gt;\x8b\x0b\n\xa5\x94RZ\xf3?\x17\x8b2\xecj\xa5(\x8dB\xc4\xa2\x0c#\xa3\x10k\xe5\xae\xfcC\xb4vK\x17\x00\x84\x10\x00\xc0\x18c\x0c\xbb#\xd5\x82s^\x03\x7fa!\x84\x10\x82R*IR\xf5\xfd\x94X\x06\x00\x9csJ)c\xac\xfaj\x10#\xbc\xb1(\xabU\xd5-Y[M\xb4*\xb5\x16\x00F\xbd\x7f\xfa\x15\x16\xf0\x07\x0b\xf2\xf3\x8b\n\x8b)\xad\xe5X\xba0PF\x1b6j\xe0t:)\xfb\xdf\x15\xc69\x0fo\xf5aT\x16\x8cRzZ\xbax\x03\x81\xfd\x07\x0f\x864\x8dRJ\xb0(\xcf\x07\xa5\x00\xe0v:\xebfd\xd8-\x96\xaaOs\xce\t!\xe1\xad\xa0\x8d\x80\x91\xe5\xff\x8d\n\x84T\xad\xa4\xb4\xec\xe8\xb1\x13\x04\xcb\xf1\xfcQJ\x00\xea\xd5\xcd\x88\xf7\xc4\x99MJ\xd5\xa7u]\x97$\xa9\xb6b\xa0\x16\xaaZ!\x04!\xc4h\x8d\x96\x96\x94\xad^\xb5f\xc9\x92\xc5\xbb\xf7\xee\xca\xc9?\xeeW}\x8a\x8d\x81\xc0K\xed\xbcQ\xaak\xba\x19l.\xa7;+=\xbbk\xe7\xae\x03\x06\rh\xd5\xa6\xa5\xf1\x8f\xe1\x8a\x01\xceyU\x1d\xb4\xe7\xe0\xc1\x85K\x96\xfc\xb4fM\xee\xfe\xfd\xde\x92\x12QVfc\x8cc\xadq\xde$J+\tQ\xdc\xee\xb8:u\xea7m\xda\xb3O\x9f\x01\xbd{\xa7\xa5\xa4\x90S\xad\xf5\xf3\xef\xd8\x19)n\x14e0\x14Z\xbfi\xdb\xfc\x05\x0b\xb7o\xd9X\x94s(\xe4\xaft\xc9*\xa5\x14\x08\x16\xe5y\xa1\x84\x02\x81r\xcdd\xb19\x13\xd2\xea\xb7i\xd7q\xf0\xe0A]:\xb4\xb5X\xcc\xa4\x1aZfgzV5\x19\x00\xa7_g\x1b\xd7o\xfap\xc2\x87+~ZjIfu[\xa6\xd6k\x92^\'+\xd9j\xb7\xba\xe2\xec\x02\x80\x92H\x19#\x8bV\x94p]\x94\x15\x95{\xcb}\'\x0e\xe6\x1d\xdaq&lt;\x7f_i\xb2=\xfd\x8aK\xae\xbc\xe9\xd6\x9b\xe2&lt;n\xf2\xeb\xea\xfbl\t!\x8cz\'\x18\n}\xf6\xd5W_M\x9dZ\xb2kW\x0b\x93\xa9SJJ\xb3\xe4\xe4$\x87#\xc1\xe1\xb0\xc82\xd6\x19\xe7\x0b\x80QZ\x1e\nU\xf8\xfd\xc7\xcb\xcav\x15\x14l(,&lt;@H\xd3\x1e=n\xba\xf5\xd6!}\xfb\x12B\x8c\xe1\x9as\xae;\xaa.\x83\x83\x87\x8f~0a\xd2\x8aE\xdf\xc5\xd3\xb2\xce\r\xdd\x9d\x1b\xa7\xb6\xc8Nv\xd8,\xc9\xf1\xcep\xfeF\xb1\xad\xb0\xa4\xb2\xd2\x1f\xdcu\xb8`\xc3\xbe\xfcu\xfb\xcbJ\xc0\xddk\xc0\xc8\xbb\xee\xf8G\xc3\xecz\xe4\xfcn\xc9sSs\x01PUel\xda\xb8\xf9\xf1\xc7\x1e\xcb\xf3\x1fk\xd8%\xa3\xf3\xc06)\x19I\xb2,i\xaa\xae\x854!\x80\xeb\x1c+\xff0\x00B)\x95\x14I\x92\x98bR$E\xf2U\xfa\xf7m=\xb8n\xfe\xf6\xf2\xc3\xa1+G\x8cz\xec\x89\x7f\xd9lV]\xd7O\xef\xf2\x9f\xa1\xaa\xefzw\xe2\xc4\x8f\xde~\xbb\xbe\xcfwi\x83\x06\xbd\xb3\xb3\xe3\x1d\x0e.DH\xd75!t\xce\x056\xff\xc3DbLb\xcc$I\x16Y\x06\x80\xdc\xf2\xf2\x85\xfb\xf6\xcd\xcf\xc9)OK{\xea\xd9g\x87\r\x1cH\xce\xa9\xee\xa8\xea@\x1c\xcf\xc9}|\xec\xbf\x0fn^\xda\xa7\x89c\xcc\x80\x96-\xb2S\x89\xd5D4\xceC\xba\x10B\xd5y\xf5\xfcZ\xb1H\x91%\x891\xc9,\x13E"\x01u\xd7\xa1\xbc\xcf\x97\xec\\\xb6\xc7\x9b\xdd\xee\xe2W_~!3#\xfd&lt;\xe3\xfcl\xd5P\x00\x18U\x86\xdf\xef\xbf\xff\x9e\x07\x16\xad\x99\xd7\xef\xc6.]\x07\xb6\xb3X-~o@Su\x02@)=5A^\x03\xa7\x13+\xfe\xb7\x88\x03\x80I\xccb5\x9b\xac\xa6\x13\x87r\xe7MY^\xbc;\xf0\xf2\x0b\xff\xb9\xfc\xca\xcb\x8c\x0b\xe0\xcc/8\xa3\xa2Y\xb3~\xfd\xbd\xf7\xdc\x93QP\xf0H\xa7N\xed235!\xbc\xa1\x90fLQ\x9e\xd5\xe1\xd0\x99\x01\xa3\xbe&amp;\x84\x10b\x92$\xa7\xd9\xcc9_z\xe0\xc0\xeb[\xb6x\xbau\x9b8n\\zZ\xdaY\xc5yU\x83\xec\xf9\x97\xff\xfb\xc5\xa4wn\xe9\x9dv\xe7%\x1d\\\x89n\xf0\x05\xfd!M\x08\xa0\x94\xb2_\x96\xacT\xd7/\x15\x83\x8c"\x14\xbfD/\xb5\x99\x15j\xb3T\x14\x97O\xf8n\xf3\xe4\xe59\xd7\xder\xdf3O=FN+\x9d\xeaV\x13\x01`\\\x97[7o\x1b3\xe6zOke\xd4\xfd#\xac\x0e\xab\xb7\xdc\x07\x02(cxy\xd5\x18\x10 \x04\x98\xad\x8a\xcda\xdb\xb5a\xef\xe7/}w\xf5\xe01o\xbe\xf3:9\xb3\x0b\xae\xaa\xc1\xf8\xdfw\xde\x99\xf8\xfc\xf3O\xb7m{i\xabV~M\xf3\x86B\xecTe\x81j\x00\x10b\xf4\xae\xe2,\x16\x01\xf0\xfe\xda\xb5\x9f\x14\x16\xbe1~\xfc%C\x86\x9ca\x06\x18)^\\R:j\xf4\x8d\x96\x82\r\xef?&lt;$3#)T\xe1Wu.\xb1Z^\x97\x12S\x00\x80\x0b0\xc9\x92\xd9e;q\xa2\xe8\xee7\xbe\xf7\'v\xfcr\xea\'\t\t\xf153\x1cT\xed\x01\xa0i\x9a\xa2(3\xbf\xfe\xe6\x8e\xfbo\xbb\xf2\xd1\x01\x17\r\xebTV\\!t\xc1$\\\xf4Y;\x00@pp\xb8m\xba\xc6\'&lt;\xfd\x85\xa32y\xc1\xa2\xf96\x9b\xed\xaf3\xa0\xaa\xf6\xbfj\xcc\x98\xfc\xf9\xf3\'^rI\xaa\xd3Y\xe4\xf3a\xd5_\x8b8\x00%$\xc5\xe9\\{\xe4\xc8\x1d\x8b\x16\xdd\xfc\xec\xb3O&gt;\xfc\xf0\xdff\x80\xf1\x05\xbb\xf7\xec\x1b1t\xf0\xad==co\xeb\xcf}A\x7fP\x93$\x86\x05Y+\x80\x10\xce\x85\xcd\xa2Hv\xcb+\x93\x7f\x98\xb8\xb2\xf8\xbby\x0bZ4krn#\xb4g\xa5z\x03\xc0\xf8\x05\xbe\x9a6\xe3\x81\'\xef\xfc\xe7\xfb7\xa5d$\x95\x17WH2..\xae}\x82\x0b&amp;\xb1\xf8d\xf7\xb4w\xbe+\xde\xa0/^\xb2\xc8\xee\xb0\xffY\x06T\xd5\xfe\x97\x8f\x1e\xed\\\xbd\xfa\xfd\xcb//\x0b\x06\x83\x9a&amp;\xe3\xa3\x1b\x11@\x13"\xcebQu\xfd\x8a/\xbf\x1c\xfc\xc4\x13\xcf&lt;\xfa\xe8_T\x1cF\xbbr\xfb\xae=W\x0c\x1f\xf0\xc1\xedm\xfb\xf7nUYP\xc6\x18\xa6x\xed\x13\x00B\x8039\xee\x87\x95;\xef\x9c\xb0e\xc6\x9cEmZ6\xab\xee~@5\x06\x80q\xea3\xbf\x9eu\xefc\xffx\xe4\xc3[\xdd\xf1._\xa5\x1fk\xff\xc8\x01@\x04\xe7Ii\t_\xbe7\xa7x\xa3\xbep\xe1\x02\x8b\xd5\xf2\xfb\xb5hU\xcb\xc3\xaf\x1e3\xc6\xf6\xe3\x8f\x1f\\qE^E\x05!\x04\xab\x8c\xc8\xc1\x850+\x8a\xc2\xd8%_|1\xfc\xc9\'\xff\xac\x1f`\x04\xfc\xae\x9f\xf7^6l\xc0\x87w\xb6\xeb\xd3\xadiEa\x85\xa2\xe0-\x19A4\x8d\xbb\x92\\+\x7f\xda{\xdb\x07\x9b\xbe\x99\xbb\xb8e\xf3\xa6\xd5:\x1fP]\x01`\x9c\xf4\x8em;{\x0f\xe8\xf1\xd8\xa7\xffHH\xf6\xf8\xbd\x01\x1c\xf6\x89@\\\xe3)\x99I\xe3\x9f\xfd,\xbe&lt;\xeb\x9b\xeff\xfe\xbe\xe20&gt;\xf3\xf0SO\xed\x1e?~\xf6\xcd7\x9f(/\xaf\x85\xe5\xca\xe8\xef\x08\x00E\x92L\x8cu\x9f2\xe5\x95\xaf\xbe\xbar\xc4\x88\xdf4\x1e\x8dE\xd8\x81`\xb0]\xbb\xf6o^\x9b5|`\xfb\x8a\x822\x05\x1bd\x91G\xd3\xb9+)\xee\xfb%[\xee\x9fzh\xeb\x96-6\x9b\xb5\xfa\xd6\x05UK\x8dl\x8c\x18\xf8|\xbeQ\xd7\x8e\xba\xea\xf1\xc1)\x19I\xbeJ?\xd6\xfe\x91IR\xa4\x82\x9c\xa2[\x9e\x18\xb55g\xed\x9b\xaf\xbd-\xcb\xb2\xf1\x94\xa9\xc1h\xfb\x7f\xb7p\xe1wo\xbd5\xe5\x9ak\xf2**\x18.\xd4\x8aH\x8cRU\xd7)\xa5\x9f\x8c\x1c\xf9\xe0\xad\xb7\x1e9~\x9c1f&lt;ti0\xf2`\xcc\xcd\xb7_\xd5R\x1e&gt;\xb8CE&gt;\xd6\xfe\x11J\x91\xa5\x8a\xc2\xb2\xa1\x03\xdb_\xd3F\xb9\xfe\xa6\xdb~S\x8e\xe1U-\x95\xb2\xf1\xb4\xd7\x03\xf7\xfc\xd3\xddB\xea5\xbc3\x8e\xfbG8\xca\xa8\xaf\xd2\x7f\xdfk7\xbd\xf8\xfa3\xdb\xb7\xed`\x8c\x19\x19\x00\x00\x94\xd2\x82\xa2\xa2\xfbn\xb9e\xfc\xa0A\nc\xba\xb1`\x17E$\x89\xb1\xf2P\xa8mz\xfa}\xf5\xeb\x8f\xbe\xe1\x06r\xda\x96*F\x90O\x98\xfcI\xc1\xd6y/?0\xcc[P\x86#?\x91L\x91%oa\xd9K\xf7\x0f+\xda1\xff\x83\x89\x1fK\x92tz\xb3,\x8c\xc2\x1f\x00\xc6\xe0\xcf\xb6-\xdb\xe7,\xfbf\xcc\xc3\x97\x95\x16\x96c\xed\x1f\xe1(\xa5jPKH\xf5\xf4\xbb\xa1\xf3\xe3\xffz\xbc\xaa\x8a7\x1eO\x7f\xee\x95W\x06X,\x17eg\x97\x05\x02\x12\xd6\xfe\x91Ma,\xbf\xb2\xf2\xae\xee\xdd\xf5\xad[\xa7\x7f\xf3\x8dQq\x18A^\xe9\xf5\xbd\xfe\x9f\xe7\xdf\xff\xe7 \xae\xea\xd8\x8b\x8b\x06\x94\x87\xf4\xf7\xff9\xf8\x8dW\x9f\xab\xa8\xf4V\xd3\x0ei\xd5\xd2\x03\xa0\x94&gt;\xf4\xe0C\x83n\xedauX\x05\xaf\xae\xce\x0b\n#Ife\x85\xe5C\xae\xef\xbb+w\xf3\x9co\xe7J\x92\xa4\xaa\xaa$I;\xf7\xecY4e\xca\xbf\xfb\xf5\xcb\xaf\xacTpo\xc8h@)\r\xea\xfa\x8b}\xfa&lt;\xff\xc4\x13\xc1P\x881\xa6\xeb:c\xec\x99\x17\xfe3\xa0!m\xd3&amp;\xdb\xef\r\xe2\x82\xcf\xc8\'1\xea\xf7\x06[\xb7\xae?\xb8\x91\xfc\xf4\xf3/W\xf5\xcb\xc3+\xcc\x01`4\xff\xb7l\xdcz\xa4t\xdfE\xc3:U\x96yq\xe8?jPB\x08\xe97\xba\xeb\x84\x89\x13~\xf9\x04\xa5\x1fL\x9cxEzz\xa2\xc3\xa1UO\x0f\x14\x85\x1d\xa3\xb4"\x18\xec\x96\x95\x95\xed\xf5\xce\x983\xc7\xd8\xd5\xb9\xbc\xd2\xbb\xfc\xfb\x19\x8f\x8e\xea\xa6U\x06$\xbc%\xa3\x84$1\xad\xc2\xff\xc8\xa8n+\x17\xcc,\xaf\xa8\x94$)\xec\x9d\x80\xf0\x07\x00!\xe4\xddw\xdem\xd63\xcbb\xb5\xe0\xbe\x9eQ\x841\xe6\xab\xf0w\xba\xb8\xcd\xf6\x83\x9b\xb6o\xddi2\x99\nKJ\x96\xce\x981\xaaM\x9b\xb2`P\xc2%\xff\xd1\x83Q\xaa\t1\xaai\xd3\x0f\xc7\x8d\x13\x00\x8c\xb1\xa9\xd3gd;\xbcY\r\xd3CA\x15\x87\xf1\xa2\x05\xa5$\x18\xd2\xea5Hk\xe8\xf4\x7f6\xedkJi\xd8;\x01\xe1\xbc\xab\x01@\x96\xe5\xf2\xb2\xf2\x95\xeb\x96\xf5\x18\xd2\x11W\xfeD\x1d\xc1\x85\xc3mo\xd0)\xfd\xa3\xc9S\x08!_\xce\x9a\x95\xad\xeb\x8d\x92\x93\x83\x9a\x86\x95F\x141:\x01\xfd\x1a7.\xdd\xb5k\xdb\xae]\x84\x90i\x9f\x7fzc\xff\xe6\xa0\xea8\xf8\x1f](\xa5\xa0\xea7\x0ch\xfe\xd5\xb4\xcf\xc9\xa9]\xf4\xc3(\x9c\x873\x9a\xff\xabW\xad1\'\xd3\xd4\xba\xc9ZH\x0b\xe3\xc1Q\r\xa0\x8c\x06\xfdj\x87\x8b[\xfe\xb4i-\x01\xb2\xe2\x87\x1f\x06ge\xe9B\xe0\xca\x9f\xa8\xa3\x0b\xe1\xb6Z;:\x9d\xcbW\xad\xf2\xf9\x83\xbe\xfc\xfd\xbd\xda\xd5W\xfd!\xec\xc9E\x17\x89Q\xd5\x1f\xea\xd9\xb6~\xb0\xe8\xd0\xb1\x13\'\x19c\xe1\x1d\x05\ns\x0f\x80\x10\xb2`\xe1\xc2\xac\xd6\xe98\xce\x18\x8d(\xa5\xa1@\xa8~\xb3\xcc\x12\x7f\xfe\x8e\x9d\xbbs~\xde\xdd53\xd3\xa7\xaaX\x96Q\x87R\xaar\xde3=}\xd3Ok\x7fX\xbe\xaa~\x9cp\'\xc5\xa9:\xae\xc8\x88&gt;\xaa.\xdc\x89\xee\xec8X\xba|%9\xd5\xce\x0e\x97p\xde\xda\xc6\x03\x0b\xbb~\xde\x99\xdd&lt;C\x0b\xe9\xb8\x8dl4\x12\\X\x1d\xd6\x84\x0c\xd7\xd4i_\xba5-\xcd\xedV9\xc7\x1e@\xd4a\x84\x044\xadirr\xc9\xd1\xa3s\xe6\xcd\xeb\xdc$\x95\x10B\xf0\xad^Q\t\x08!m\xeb\xc7o\xdc\xb8\x81\x9cjg\x87K\xd8\x02\xc0\xd8,L\xd7x~qnJf\x92\xa6jXkD)JiZ\xfd\xa4\xaff~\x93\xaa(v\x93\x89W\xdbS\x88\xa8\xfaPJ5\xce\xd3\xe2\xe2B\x85EK\x97\xfd\xd0\xa6a\x1d\xa2\xeaxKF#J)\xd1y\xd3\xba\t\x87\x0e\xec#\xe1~\xd7F8\x03\x80\x10r27\xd7\x1f\xf2\xda\x9d\xb6\xea{v\x19U7\x10\xc2\x95\xe0,\xca\xcf\xf1\x98L\xd8\x8d\x8b^\x02\xc0j2I\xaaZ\\\x90\x9b\xe2q\n.\xb0,\xa3\x11%\x04\xb8H\x8ew\x16\xe5\x9f\xd4t=\xbc\xd3\x00a\x1e\xdd\xcd\xcf+`\x16\xe2\xf488\x17XuD%J\xb9.R\xeb%U\x96\x97\xd6w\xba\x08&gt;3\x1a\xb5\x04\x80\xcddJ`rEEIv\x1d\x0f\xd7q(/*QJ\xb9\xca\xeb\xa7z4\x7fY(\xdc#+a\x0e\x00Y\x96)\xa1\xb8\xfc?\xda\t]\x10Ju|\xa9o\x943\xde"\xc9$\xa6\xe3\x03\xf9Q\x8d\x12\x9d\x0b&amp;\xc9a\x8f\xf00\x07@\x8d\xbdb\x1eU/J\x08\x006\x17/\x10\x00\xd8\xf4\x8fv\x94\x9ez\xa1pX\xe1\x02?\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b9\xb6O \xb2\x00\x00\x08\x08\xcb\xa1(\xa3\x94\xd2\xb0\x1c\n\x85\x05\x10\x02\x00\x02\x80R\xca\x081JG\x00\x00!\x04\x80Q,\xaf(&amp;\x04\x18\xf7\xad\xc4\xb0\x10\xcf\x02\x06\xc0\xff\x00\x80b\x92\x15\xb3L\x80\x90\xf3\xb9\x8a\x80\x10J\xd4\xa0\xaek\x1c\xab\x94H`\xd4\xfb\xb2$\xd9\x14Ea\x8c\x03\x848\xd78\'\x94\xdad\xd9\xc4\x18\xa54\xa0\xeb\x01]\xa7\x840,\xb3h\xc3\x058\xac\n\x91\x19\x11\x10\x08h\xb5}:\xd1\x04\x03\xe0\x17\x00 +r\xde\xd1\xa2\xfc#E\x84R\x02\xe7\xd8\x0f\x00\xf2\xcbwg4JM\xa8\xe3\xd65\x8e\xed\xcaZ\x04\x84p!\xac\xb2lS\x94\xe2@`e^\xde\x86\xbc\xbc=\xc5\xc5\'}&gt;\x9f\xa6QJ\x9d\x8aR\xd7\xe5j\x9b\x9c\xdc+#\xa3I||\x88\xf3\x80\xaeKXdQB\x08\xa0\x94:\x9c\x96u;sr\x8a\xbc.\x9b\xe9\xa2\x96i\xe7z\xef\xc6"\x0c\x80_\x80\x00\x8b\xdd\xb4\xe5\x87\xdd\xdfMX\x1a\x96\x03\x8e~|x\xdf\xeb\xbai\xa5~*amR;8\x80Li\x9c\xd5z\xa0\xb4t\xda\x9e=s\x0f\x1e\xdcWZ\xfa\xfb/[\x93\x9b;}\xcf\x1e\xa7\xc944;\xfb\xa1\x8e\x1d\x1b\xc6\xc5\x95\x05\x83\x12\xc3\xe9\xb1H\xa7sa5+L\xa2/|\xba\xf6\x85\xcf\xd7i\\4\xa8\xe3\xde=q\x0c\xc7\x048c\x18\x00\xff\x03@$Y"\x84PF\xcfy&amp;@\x92\x19\xa1T\xe8\xdcd3\x81\x08\xeb\xf9\xa1\xb3\x01\x00.\x93\xc9\xabi/\xff\xf4\xd3\x94\x1d;\x8a\x83A\xe3\xf3\x99Ng\x93\xf8\xf8L\xa7\xd3e2\t\x80\xc2@`_i\xe9\xf6\xc2\xc2JU\xfdr\xcf\x9e\xc5G\x8e\xbc\xd1\xa7\xcf\xc8\x86\rKC!\xec\x07D, \x84s\xe1tY\x8e\xe5U\xdc\xf5\xf6\x0f\xdf\xaf?B\x08\x91\x18u\xd8L\xb5}jQ\x06\x03\xe0\x17\x8c\xb1\xa0/\xd4yp\xab\xc6\x1d\xb3(\xa5p\xf6\x8d\x08\x10`\xb1\x99\xbf\xf8\xef\xdc\x03[\x8e:\xe3\xedM:d\x87\x82*\xc5)\xa9\xda\x00\x00&amp;IZ\x93\x9b\xfb\xf4\xea\xd5\xdb\n\n\x08!VY\x1e\xde\xa0\xc1\x15\x8d\x1a\xb5MN\x8e\xb7Z\x15\xf6K\xc1\x08\x00\xbf\xae\xef))\x19\xbfu\xeb\x8c}\xfbJ\x82\xc1[\x16.\xfc\x88\xd2a\r\x1a\x94c\x06D$c\xd8\xc7\x19g\x9d\xbb\xea\xc0\xdd\xef,=^\xe4\xb5\x98\xa4$\xb7\xf5x\xa1\xf7\x1cn\xdb\x18\x87\x01p\n%B\x17\xee$g|\x9d\xb8s\xf8n\x000Y\x94\xdc\x83\x05\'\xf6\xe6\x11B:\rl\x95\\7\xbe\xb2\xc4\xc7$\x1cI\xa8\x05\x82\x10\x8b,\x7f\xb3o\x9fQ\xfb\x0f\xad_\xff\x91\xce\x9d\xdb&amp;%\x19\xd5\xbdWU\xe1TUa\xac\x08j\x99\x988y\xf0\xe0\xceu\xea&lt;\xb1j\x15\x17\xe2\xfe\xa5K\x9b\'$\xa49\x1c!\xceqN8\xa2\xe8\\\xd8,\x8a \xe4\xc9\x0fW\xbd2}\xa3\x00pZM_\x8c\x1d2u\xc9\xcf\xd3W\xec\xc3\xc2:[\x18\x00\xa7\xa1D\xd7\xb8\xae\xf2s\xf8V\xce\x85\xac\xc8K\xbeX\x13\xf4\x87\x14\x93\xdc\xe3\x92\xf6jP\xc3\xe9\xdf\xda\xc2(\xf5i\xdas=z\xe4x\xbd\x17gf\xde\xdd\xae]\x88\xf3\x92P\xc8X\xe4\xc3(%\xbf.\x1a\xbf\xa6U\xaa\xea\xbd\xed\xda\x15\x05\x02\xff]\xbf\xbe&lt;\x14z}\xe3\xc6\x0f\xfa\xf7\x0f\xf2s\xb9\x18Pu\x00 \\\x08\xa7\xcbz\xf0D\xe9\xedo.Y\xba\xf58!\xa4E\xbd\xf8\x8f\x1f\x19\xd4\xb1}\xe6\x9b37\xd7\xf6\tF%\x0c\x80_\xa1\x94\x9e\xc3\x02P\x00b\xb6*\xc5\xb9\xa5\x1b\x17\xed$\x94\xb4\xe8\xde\xa8n\xd34\x7fe\x80\xe1Db-\xa1\x84p\x00\x89\xd2O\x86\x0cQ$\xa9,\x18\x04B\xe4?\xcfc\xe3!\x80\x02\xbf\xff\x9ev\xed\xbe\xd9\xbf\xff`i\xe9\xbcC\x87\x0e\x96\x97\xd7\xb1\xdbU!0\xc6k\x1d\x00\x91$jsYg.\xdd{\xef{\xcb\xf2J\xfd\x84\x90kz7\x1ew\xdf\xc5\tN\x8b^\x16\xc0\xc1\x9fs\x835T\x18\x80\x10f\x9by\xdd\xfc\xed\xde2?!\xa4\xd7\xe5\x1d\x01\xc8\xf9=J\x80\xce\x97\x91\x01\xaa\x10^U\xa5F\xab\xff\xef\xbe^\x17\xc2m2]\xd2\xa0\x01\x10R\xa9\xaa\x1b\xf2\xf2\xac\xb2,\xb0f\xa9m\x00\x84R\x12\xd0\xf8#\xe3V\\\xf9\xc2\xbc\xbcR\xbf\xc5$\xbdyG\xaf\xe9\xff\x1e\xe6\xb4(\x15&gt;U\x96\x18\x16\xd2\xb9\xc1\x1e@\x18H2\xf3\x95\xf9W\xcf\xdeD)\xad\xdb,\xadi\xe7\xec\x90/\xc8p\xfa\xb7\xb6\x19\x05p\xe6\x03q\x94R]\x88\xf6))\xc6\xf7\xee).f\xc6r\x00\x1c\xca\xabU\x02\xc0\xe10?\xfa\xd6\x0f\xe3\xe6l\'\x844N\x8f\x9b\xf4\xf0\x80\x9e\xed\xeaz\xcb\x03\x94\x12\t\x97Y\x9f\x07\xec\x01\x9c/\xc1\x85\xc5n\xd9\xbabO\xfe\xb1b\x00\xe8yY\x07\xb3\xd5$\xc2\xb4\x9f\x04\xaaI\x94\x10\x1d \xc9f\x93\x19\x03B\n\x03\x81\xf3|$\x1c\x85\x05\xa3T\x0b\xf1\xfb.m[\'\xde&gt;\xa2k\xf6\x8fo_\xd3\xb3UFe\x99_b\x7f\xdf\xb1C\x7f\r{\x00\xe7\x8bR\xaa\xab\xfa\xca\x19\x1b(\xa5\x9e\x14W\xfb\xbe-\x02\xbe\x10\x8e\xfeG+\x00\x851\xa3Z\xc1\xe7\x89"\x04\xa5D\xd3\xf4&amp;\x19\x9e\x15\xaf]\x99\x91\xe80)\x92\xd7\x1b\x94q}]8\xe0\x1f\xf1\xbc\x08\x01\x16\xbby\xef\xa6\xc3\x07\xb7\x1f\x03\x80\xaeC\xdb\xc6%9\xb9\xc6\xb1\xdd\x18\xa5\x8cM\x81t!\x08!v\x19\x9bG\x91\x82R\xea\x0bj\xd9\xa9nBHP\xd5%\xac\xfd\xc3\x04\xff\x8e\xe7\x07\x80Il\xe5\xcc\r\x00`\xb6\x99\xba\x0eo\x1b\n\xe0\xc3_\xd1\n\x08\x91\x18+\xf4\xfb\x8d\x89\xdfT\x87\x83\x12\x82\xbd\x80\x08\xc1(\rj:\xe0n}a\x85\x01p\xee@\x80\xc9j:\xbe\xf7\xe4\x8eU\xfb\x08!m{7K\xcbN\xc6\xe5\xff\xd1\x0b\x00dJ\xf7\x94\x94\x18\x1f6\xf1x8\x00\x96f\xe4`X\x18\xe1\x86\x01p\xee\x8c\xa7\x7f\x7f\xfcv\x93\x1a\xd2\x18\xa3=/\xef(8\xc7\x15#\xd1\x8bQ\xaa\n\xf1cN\x0e!\xc4m6\xb7JJ\n\xea:\xde!\xe8\x02\x86\x97\xf79\x02 \xb2I.\xce-]\xbf`;\xa5\xb4a\xdbz\x8d\xda\xd5\x0b\xfaT\\\xfd\x19\xa5\x04\x80M\x96w\x16\x15\xad?y\x92\x10\xd2#=\xbd\x9e\xcb\x15\xe4\xb8\x9b7\xba\x90a\x00\x9c#\x10\xc2b7\xaf_\xb0\xbd\xb2\xd4\x07\x00=\xaf\xe8$\xc9\x12&gt;\x8e\x18\xbd\x04\x80E\x96\'m\xdf\x1e\xe2\x9c\x10rC\xf3\xe6X\x9a\xe8\x82\x87\xeb\x1c\xce\x11\x93\x98\xaf&lt;\xf0\xe3\xb7\x9b(\xa5\xc9\x99\xf1mz6\tx\x83\xb8\xf5[\x94\xe2\x00.\xb3ymn\xee\x8c}\xfb\x08!\xbd23\xfb\xd6\xabW\xa1\xaa\xb8\x1b(\xba\xb0a\x85u.\x04\x17V\x87e\xfb\xca=yG\x8a\x00\xa0\xfb\xc8\xf6\x8e8\x9b\xe0\xb8\xfd\x7fT\x02B$J5\xce\xc7\xaeZ\xa5q\xaeH\xd2S]\xba`\xf3\x1f\xc5\x02\x0c\x80sA)\xd55\xbeb\xc6zJ\x89\xddm\xed2\xa4M\xd0\x1f\xa2\xf8\xf0Wt\xe2Bx,\x96\xe7\xd6\xac\xd9RP\x00\x84\xfc\xb3}\xfb\xceu\xeaT\xaa*.7D\x17&lt;\xac\xb3\xce\x9a\xf1\xf0\xd7\xfe\xcdG\x0el;\x06@:\xf6o\x99\x94\x11\xaf\x85t\xac.\xa2\x91.D\x92\xcd6i\xfb\xf6\x0f\xb7o\'\x84\\\\\xb7\xee\xc3\x9d:\x95\x86B2\xc69\x8a\x01x\x95\x9f\xbd\xaa\x87\xbf\x04\xc8\x8a\xd4\xe3\xd2\x0e\x9a\xaa\xe3Z\x91h\xa4\x0b\x91`\xb5.8|\xf8\x89U\xab\x08!\r\xe3\xe2&gt;\xe8\xdf_\x17\x02\xc7\x7fP\x8c\xc0\x008;\x00`\xb6\x9aN\xec\xcf\xdb\xb6r\x0f!\xa4i\xe7\x06\xf5[\xa4\xe3\xd3\xbf\xd1H\x17"\xcel\xde\x98\x97w\xfb\xa2E*\xe7\tV\xeb\xc7C\x86x,\x16|\x0b\x18\x8a\x1d\x18\x00g\x07\x04(\x16e\xf5\xec\xcdjP#\x84\xf4\xbe\xa2\x13\xa1\xb8_@\xf4\xd1\x85p\x99\xcd\xfb\xcb\xcan\xf8\xfe\xfb\xf2P\xc8\xa6(S\x06\x0fn\x96\x90P\x89+\x7fP,\xc1\x008\x0b\x00 \x9b\xe4\x92\x93e\xeb\xbe\xdfF)\xcdh\x9c\xda\xbc[\xc3\xa0\x17\xf7\xfe\x8c2\x1c\xc0a2\xe5TV^7w\xeeI\x9fOal\xfc\x80\x01\xbd22J\x83A\x1c\xfaG1\x05/\xf7\xb3\x00\x02\xacv\xf3\xfa\x85;*J\xbc\x00p\xd1\xa5\x1d-v\xb3\x10\xb8\xfa3\x9ap!l\xb2\\\xe8\xf7_;w\xee\xe1\xf2rF\xe9\xbb\xfd\xfa\x8dl\xd8\xb08\x10\xc0\xda\x1f\xc5\x1a|\x10\xec,0\x89\xf9*\x02?\xce\xdaH)u%8:\x0eh\x81\xcd\xff\xe8\xc2\x01\xac\x8aR\x1e\n]7w\xee\x9e\x92\x12J\xc8\x9b\x17_|m\xb3f\x85~?\xd6\xfe(\x06\xe1E\x7f\xa6\x04\x17V\x87y\xfb\xaa\xbd\'\x0f\x17\x02@\x97!m&lt;)n]\xd3q\xeb\xffh\xc1\x01,\x92\xe4\xd7\xb4\xd1\xf3\xe6\xed(*"\x84\xfc\xb7w\xef\x9bZ\xb6\xc4\xda\x1f\xc5,\xec\x01\x9c)J)\xd7\xc5\x8a\x19\x1b\x08%&amp;\xb3\xd2}d;5\xa8\xe1\xe2\x9fh!\x00\xcc\x92\xa4\n1\xe6\xfb\xef7\xe5\xe7\x13B^\xea\xd9\xf3\xf66m\xb0\xf6G\xb1\x0c/\xfd3\x02\x02\xccv\xf3\xfe-G\xf7o9B\x80\xb4\xee\xd9$\xa3Q\xaa\x1aPq\xf9\x7fT\x10\x002c\x00p\xd3\xfc\xf9kss\t!\xcft\xef~o\xbbvX\xfb\xa3\x18\x87W\xff\x19\x01\x00\xe9\xd4\xc3_\x94\xd2\x9e\x97w\x14B`\xe5\x1f\x15\x04\x80\xc4\x98\xcc\xd8\xad\x0b\x17\xae8~\x9c\x10\xf2D\x97.\x0fu\xecX\x84\xb3\xbe(\xe6\xe1\r\xf0\xf7\x00\xc0dUr\x0e\xe4o]\xfe3\xa5$\xbbUF\x93\x0e\xf5\x83&gt;\xdc\xfc\'\n\x08\x00\x89R\xb3$\xdd\xb1h\xd1\xa2#G\x08!\x0fw\xec\xf8X\xe7\xceE\x81\x00&gt;\xed\x85\x10Va\x7f\x0f\x04\x98-\xa65\xdfmV\x83\x1a\x00\xe9yy\'\xc5$\x83\xc0\x87\xbf"\x1d\x000Jm\x8ar\xef\x92%s\x0e\x1e$\x84\xdc\xd7\xbe\xfdS\xdd\xba\x95\x04\x83\xf8rA\x84\x08N\x02\xff-\xe3\xcd_%y\xe5?\xcd\xdbJ)MH\x8bk\xdb\xa7Y\xc0\x17\xc2\xad\xff#\x1c\x00\x10J\x9d&amp;\xd3\xfdK\x97\x1a\xbb\xfc\xdf\xd1\xa6\xcd\xf3=z\x94\x06\x83\x14k\x7f\x84\x08!\x18\x00\x7f\x0b\x84\xb0\xd8\xad+gn(/\xf6\x12B\xba\x8dh\xe7\x8c\xb7{K}\x18\x00\x91\x0c\x08\x01B\xe2\xcc\xe6G\x96/\x9f\xba{7!dL\xf3\xe6/\xf4\xe8Q\x14\x08\x10B\xe8\xd9\xec\xf5&amp;Q\xcc\x0bt\xc1\xc2\x00\xf8\x1bLb\x81\xca\xe0\xaaY\x1b)\xa5\x16\xbb\xa9\xeb\xd0\xb6!?n\xfd\x16\xf1\x00\xdcf\xf3S\xabVM\xd9\xb1Ca\xec\xce6m\xde\xea\xdb\xb7RU\x93\xac\xd63\xaf\xcd\x81\x10J\x88WUU!\xb0\xbc\xd1\x05\t\x03\xe0\xaf\x08.\xecn\xdb\xc6E;r\x0f\x16\x10B\xda\xf7k\x91Z/\xd1[\x86\xcd\xff\x88&amp;\x00\\&amp;\xd3\x1b\x1b7\xbe\xbfu\xab\xcc\x98\xd3d\xb2*\xcac+Wr\x80\xb3*6J)\x00\x0co\xd0\xa0I||\x88s\xcc\x80HF)\xc1\xae\xda9\xc0\x00\xf8+\x94R\xae\xf3\x1f\xa6\xad5&gt;\xecyYG]\xc3\xad\xff\xa3\x00\x10\xb2\xf4\xd81B\x88.DI0\xf8\xdf\xf5\xeb\xcf\xf9P\r\xe3\xe2\xda$\'\x07t\x1dw\t\x8dd\x9a.\x00@\xd3qc\xae\xb3\x83\x01\xf0\xa7@\x80\xd9j:\xb2\xebD\xfe\xb1bG\x9c\xadQ\xfb\xac\xfa-3p\xeb\xff\xa8\x00\x84\xa49\x1c\tV+#D\x10rnu7\xa3T\x008M&amp;\xdc\xef/\xc2\x01!\t.k\xa2\xdb\x9a\xe8\xb6\xd6\xf6\xb9D\x19\x0c\x80?E\x19\xd5T=)3\xe1\xe9i\xf7\x10B\x14\x8b\xa2\x85\xb0\xf9\x1f\x05\x18\xa5\x01M{\xa9gO\x1e\x8e\x8a\xdb"I&gt;M\xc3\xe6\x7f\xc4b\x94\x06U}\xcaC\xfd9\x07\xc6(\xc7\xf5\xd9g\x03\x03\xe0\xaf\x00\x80\xc9\xa2\x18\x95&gt;\xe0\x9b\x02\xa3\x07\x10b\x93\xe5\xb0\xd4\xd9X\xeaQ\xc1nQ\x8c\xe2\xc6\x008+\x18\x00\x7f\x03\x04\x08\x00B\x086\x01\xa3\x0b\x0fS\xbd\x8d\xc5\x1e\x15\xb8\x00\xe3\xbd|x\x9f\x9e\x15\x0c\x80\xbf\x87\x97T4\xc2B\x8b)\x94`\x91\x9f\x0b\\\xce\x88\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xc2\x1f\x00\x94RJ\xc3~TT\xa3\x8c"dX\x90\xd1\x8f\x12JN\x15(\x8a^\xd5T\xad\x869\x00(\xa3\xba\xc6u]\xe0\x05\x17\xbd(%jPc\x8c\xf9u\xbd\xb6\xcf\x05\x9d;J\x88\x00\x08\tN)\r\xaa:\xde\x92\xd1\xcb(A]@\xd8\xcb0l\x01`\\^\r\x1a6\x90\xb8\xa9\xbc\xa8B\x92$\x80p\x1d\x1b\xd5 \x00I\x91s\x0f\xe5\xc5\'\xa7\x1f\xaa(\xa7\x80\xc5\x18\xad$\xc6\xbc\xa1P)\x85\xf8\xc4\x8c}\'\x8adE\x12X\x98QH\x00H&amp;y\xff\x89"wR\xba\xd5l\xe6\x9c\x871\xcb\xc3\xd9\x03\x00\x00\x9b\xdd\x16\xe7\xf4x\xcb\xbd\x92\x84\xb3\x0bQ\xac\xa2\xd4\xd7\xa2eK\xaf\x10\x9a\xc0\xce\\\xb4b\x94z\x83A\x93\xc3\xd1\xa0a\xa3\xbc\xe2\n"I\xb5}F\xe8\\I\xb4\xb0\xcc\x97R\'-\xec7c8{\x00B\x08E\x91\xeb\xa5\xd7?\xba?G\xb1(\xd8v\x8cJ\x94p\x8d\x1f\xdf\x9bw\xfb-7\xe7\xe8zY  3\xcc\xf2\xe8\x03\x00fY&gt;XTdM\xabs\xc9\x88KW\xef&lt;N\x14\to\xc9h\x04\x00D\x926\xef\xcbo\xd1\xaa\xed/\x1f\x86O\x98{\x00\x84\x90\xae]\xba\x1d\xdaqB\x96%\x82W[\x14\x92\x15\xa5\xa4\xa0T\xf7\xd2\xa1\x83\x07\xd2\x84\x84}\x85\x85\x16Y\xc6\xa1\x83\xa8#\x08\xb1*\xca\xd6\x93\'\xeb5o6|\xc8\xa0\x1d\xc7* \xa4\xe2\xac~4b\x94BH\xdd\x99\xe3\xeb\xd9\xa3;!\x84\x85\xb5A\x16\xd6c1F\x08\x19:lH\xee\xeeB_\xa5?\xbc\'\x8aj\x80\x10\xc2\xea\xb0\xec\xf8io\x83\x8c&amp;q\x1ew\xab.]\x17\x1f&lt;h7\x9b1\x00\xa2\x0f\x00\x10\xb2,7\xb7g\xaf&gt;-\x9a5*\x81\xb8\xfd\x87\xf2,f\xec\x97G\x19\x00\xb0\x98\x95\x03\x87\xf3\x8b\xb8\xab{\xd7\x8e$\xc2\x03@\x08\xd1\xb8i\xa3$[\xfa\xcf\x9b\xf7[\xecf\xbc\xda\xa2\x0c\x10\xc6\xe8\x96e\xbbG\x8e\xb8\x84\x10r\xd9\xc8\x91\xab\n\x0b}\xa1\x10\xb6\x1c\xa3\x0b\x10bQ\x94\x03\x05\x05\xb9Vk\xcf\xae]\t!\xad;\xf7\xfaf\xd5\xcf\x92\xdd\xcc\x05\xde\x92\xd1\x84\x03\x91\xec\xe6Y\xab\xf6\xb4\xecp\x91\xc5l\xe2\x9c\x87\xf7\xf8an\xa4\x0b!dY\x1e=j\xcc\xea9\x9b\xcdV\x93\xe0"\xbc\xc7G\xd5\x07\x00\x14\xb3\x92s\xf0\xa4V(]s\xdd\xd5B\x88\x8b{\xf405i\xf2\xe3\xa1CN\xec\x04D\x15.\x84\xdbb\x99\xb9sg\xf7a\xc3R\x12\x13\t!w\xddy\xe7\xec\r\'!\xa8J\x0c\xb3&lt;\x9a0B \xa4}\xbb&gt;\xe7\xce;n\xaf\xa6\xe3\x87\x93$I\x00p\xf3m7\x95\xec\xf7\x1f?\x90k\xb6b\' j\x08.\\\x1e\xc7\x82/\x96_:\xe4\n\x97\xcb\xa9\xaa*\xa5\xf4\xb6\xbb\xee\x9a\xb0q\xa3\xddd\xc2\x00\x88"\x12c\xe5\x81\xc0\xac\xe3\xc7\x1f\xbc\xff~B\x88\xaek\xdd;\xb77\xd7i9{\xd9\x0e\x9b\xcb\xce9\x16et\xe0\x1c\xecn\xdb\x9c\xe5\xdb\x95\xd4\xe6=\xbav\xe4\x9cK\xe1^\xca\x15\xee\x07\xc1(\x15B8]\x8e\x1b\xae\xbee\xf6\x87\x8b\xed.\x1bv\x02\xa2\x02\x00\x98-\xa6c\x07r\x8fm,\xbe\xfb\xde\xbb\x00\xc0d2\t!\xae\xbe\xf4\xd2\x82\xb4\xb4\xc5{\xf7\xba\xadV\xcc\x80\xa8\xa0\x0b\x91h\xb7OX\xb7\xae\xc5\xd0\xa1-\x1a7\x16BP\xca\x08\x81\x87\x1f\xf9\xd7\x7f\xbf\xd9\xae\xe9:\xc5\xb9\xb9(A)\xd1u\xfe\xea\xcc\xed\x0f=\xf2X5\xfd\x88\xf0_\x0b\xc6L\xc0\x13O=V\xb0\xc3\xb7c\xed\xcf\x0e\xb7]\x08\xcc\x80H\'\xb8p\xc5;?}e\xe6\xedc\xee\xaa\x97U\x97s\xce\x18\x03\x00\x87\xdd\xfe\xe4\x0b/\x8c]\xb6\xcc$IX\xfdG&gt;\x01`U\x94c\xa5\xa5\x13\x0f\x1e\xfc\xbf\xff\xfc\xc7\xe8\x7fK\x92\xc4\xb9\x181t\xa0=\xbb\xdb{_\xac\xb0\'\xba4=\xccC\xc9(\xec4\x9d\xdb\x13]\xe3\xa6\xad\xb2\xd6\xebr\xc9\xb0A\xd5\xd1\xfc\'\xd5\xb4\x17\x10\x00\x98-\xe6\xb7\xdex\xfb\x93\x17f\xe9\xbaQ\x95\x84\xfd\xe7\xa0\xb0\xe1:\x8fKt/\x9c\xbe\xc2\xeeKz\xf4\x89G\xaa.5I\x928\xe7W\x8e\x18\xd1p\xf8\xf0g\x17.\xac\xe3ri\x9c\xe3\x10r$\x13\x00.\x8b\xe5\x9e9s\xee}\xfa\xe9\xac\xccL!\x84\xb1h\xc4\xe8\x9a\x8f\x7f\xef\xed\xb7\x16\x1e\xdf\xf7\xf3\t\x9b\xdd\x82\xb3\xc1\x91\x8c\x0b\xb0\xd9-\xfb\xf7\xe5\xbc1\xff\xe8\x07\xe3\xde\x11\xd5\xf6&lt;f\xb5\xf4\x06\x8d\x8a\xe3\x92\xcbF^?\xe2\x96\xf7\x9f\xf84&gt;9N\x84{\xf2\x1a\x85\x8b\xe0\xc2\xe6\xb4\x9d8\x94;\xff\xfd\xd5_L\x9d\xaa(\n=m??\xa3?\xf7\xc9\xa4I\xdfi\xda\xbc]\xbbR\x9cN\x15\x8b2R\xa9\x9cg\xc6\xc5\xbd\xb0h\x91\xa9G\x8f\xb1\x0f?|z\x9b\xd1\xe8\xcf5\xc8\xce\xfa\xcf\x9b\xe3\xafz\xee[\xc2\x98$1\x1c\xd3\x8bL\x02@\x92\x18\x95\xd8\x95\xcf\xcez\xe9\x8d\xf7\x1b5\xa8\x0f\x00\xd5\xb4\xaa\xbe\xba\x86\x03\x19c\xba\xae\xbf\xf6\xd6\xff\xc5\x05\xd3\xa7\xbd\xf3mRZ\x02\xd7\xb0\xe2\x888\x82\x0b\x93\xc5\xa4\xa9\xda;\xff\xfc\xf4\xed\xff{\xafq\xd3\xc6\xba\xae\x9f~\xa9\x19\xfd9\xb7\xd3\xf9\xe9\x17_&lt;\xb4f\xcd\xfe\x82\x828\x9bM\xc31\xbd\xc8\xa3r\x9e\xe6v\x7f\xb9y\xf3,U\x9d\xf6\xc9\'Um\xff*\x92$\xe9\xba~\xdd\xd5\x97\xf7\xb8\xec\x8e\xeb\xff=\xcd\x1ag\'\x84`\x06D\x1a\x01\x00\x84X\xe3\xec\xd7\xff{Z\xf7\x91\xb7_?\xeaJ]\xd7\xabc\xf0\xc7P]\x01@)5V\x04}\xbf`^\xc9F\xfe\xe5{sR2\x93\x04\x17\xb8((rp\x9d[\x1dV!\xc4K7\xbd\xff\xdc\x83\xff\xb9\xf6\xfaQ\xba\xae\xcb\xb2\xfc\x9b/3\xfas\xdd;u\xfa`\xe6\xcc\xab\xe6\xcf?V\\\x9c\xe4ph\xd8\x0f\x88\x18@\x88\xc6y]\x8fg\xd6\xb6m/\x1e=\xbap\xc9\x92\xf8\xb88\xf2G[@\xcb\xb2\xac\xeb\xfa\xfbo\xbffnq\xc9\xf5c\xa7\xda\x13\x9c\x92\xc48\xc6y\xc4\xe0\x02$\xc6\x1c\t\xae\x1b\xc6~!7\x1b\xf9\xc1\xbb\xaf\xff\xe1-\x19F\xd5\xb8 \xc0\xb8\xfe\xecv\xfb\xa2%\x8b\x8b7h\x1f&gt;75.\xc1%+2\xd7\xf1\x82\xabe\x00\xc0u\x1e\x97\xe8*\xc8)|\xfe\xfaw\x9e\xba\xf7\x85;\xef\xbd\xe3/.5\xa3\xf18\xac\x7f\xffw\xbe\xfa\xea\xca\xef\xbf\xff\xf1\xc0\x814\xb7[\x17\x02\xdb\x8f\xb5\x8e\x0bA\tI\x8f\x8b{o\xe5\xca\x17\x8f\x1e]\xb0lY\xfd\xba\xbf\xcc\xe1\xff\xe1\xd7\x1bq\xfe\xc9\xa4\x0f\xe4&amp;#.}\xe0c\xc1\x98\xc3n\xc19\xe1H\xa0\xe9\xdca7\x83\xc4.\xfb\xe7G\xb4\xd1\xb0\xcf&amp;\x8f\xaf\xa6\x89\xdf\xd3U\xef\x8a0c\x04\xd9n\xb7-\xfea\xb1\xbb\xac\xee\xf37\xbd\x1b\xf0\x05=I.\xc1A\xe0\x1cTm\x00 \\\x17\x8a"\'\xd4\x89_\xfe\xedO\xe3\xee\xf9\xf2\xb5\x7f\xbf{\xd7_\xd6\xfe\x06\xa3\xf18\xac\x7f\xff\x0fg\xcf\xfe\xe7\xee\xdd\xaf,[\x96\xe2t\xdaM&amp;]`\xaf\xaev\x08\x00]\x08\x8f\xcdf\x96\xe5\x9bf\xcc\x98.\xcb\x8b\x96-\xab\x9f\x99\xf9\xd7\xb5\x06\xa5\x941\xc69\xffx\xe2\xfb\r\xfa\xff\xa3\xd3\x1d\x9fn\xdc\x93\xe3J\xf1\x10Bt\x9c\x17\xae\r@\x88\xce\x05!\xc4\x95\x12\xb7yoN\xa7;&gt;\xad\xdf\xf7\xb6O&amp;\x7f 8g\x8cU\xf7^\xbc5\xb1\xdf{\xd5p\xe4k\xaf\xbc\xfe\xfa\xf8W{_\xd7a\xe0\xa8^\x84\x10\x7fe@pA\x19\xbeB\xac\xfa\x01\x11\x00\x04\xc0dV\xecn[\xce\xa1\xbc\xe9o\xcdUJ\xdc\x9f}\xf6Y\xd3fM\xce\xbc\x9bi|eaq\xf1\x98[n\xf1\xafY\xf3\\\xef\xde]\xeb\xd5+\x0f\x06\xfd\x9aF\x08\xa9\xf6\xab\x15\x11\x02\x00\x02\x80R\xea4\x9b-\x8a\xf2\xed\x8e\x1d\xafn\xde\xdc\xeb\xa6\x9b\xde\xfb\xbf\xff\xa3\x8cq!\xa43\x98-\x04\x00!\x84$I\xb3\xe7.x\xe4\xbe\xdb\xaf\xec\xe0\xfa\xf7M\x17\xdb\xdc\xb6P\xb9_\xd59\xa3\x94\xe2\xee\x1f\xd5O\x08\x10\x00&amp;Y2\xbbm\x81r\xff\x0b\x9f,\xffjc\xf9k\xefL\xb8t\xc4\x10^#\xb5?\xa9\x99\x00 \xa7]p[6my\xe6\x99g\x7f\xce\xdb\xd2gT\xe7\xf6\x17\xb5\xb4\xbb\xed\xa1@(\x14P\xab\x9e\x17\xa3\x94b3$l\x00\x08!\x94RY\x91-v3\xa54\xf7H\xde\xd2\x19k\x8fo,\xbe\xfe\xca\x9b\xc6\xfe\xfbqcl\xe7\xac\x06\x19\xab\x1a\x98\xe3&amp;M\x9a\xfc\xf6\xdb-\xfd\xfe\x7f\xb4o\xdf*-\x8d1\xe6\r\x85B\xba\x0e\x00Pmo\xb0\x8bM@\x08\x00\x18\xd5\xb2EQ\x1c&amp;S@UW\x1f&gt;\xfc\xe1\xd6\xad\xbeF\x8d\xfe\xf5\xe4\x93\xc3\x06\x0c\x00\x80\xb3]+b\x14}^~\xfe\xd8\x7f?\xb7\xf3\xc7\xefn\xe8\x951z`[O\x92\x9bh&lt;\xe4\x0fi\xa7f\xec\xb0$\xc3\xa8\xeaO\xaaH\xccl3\x13E*-,\xffb\xf1\xb6OW\x1co\xd1c\xe4K/&lt;S\'5\xa5\xba\xc7\xfdOW\xa3o|\xaa\xaa;\xbe\xf9z\xd6\x17\xd3\xa7n?\xb4\xa9n\x9b\x94\xb6\xbd\x9b\xd5o\x9aiuX)\xa5 \x04\xce\x10\x84\r%\xb2"\x13\x00]\xe7%\x05e\xbb7\xec\xdf\xb9j\xbfZ@\x87\x0f\xbc\xf4\xae\xbb\xef\xac[/\x93\x9c\xd69;+UuMyE\xc5;\xe3\xc7\xcf\x9d&gt;=\xae\xa0`PFF\xef\xec\xec\xba\x1e\x8fI\x96)!\x9a\x10\x02\x00k\x8e\xf3\x07\x84\xc8\x94J\x8c\x01\x80_U\xf7\x15\x16.9xpyQ\x91\xady\xf3+F\x8f\xbe\xfd\xc6\x1b\xc9iw\xd6\xd9\xaa\xfa\xc6\xd5k\xd7O\x9c4i\xc7\xdaE\xdd\xea[\x86w\xa9\xdf\xade]w\x9c\x83\x18\x1b\x07\xe1\xfa\xbd0R$B\x08\x11P^\xe6\xfdi\xe7\xb19\xeb\x0e\xaf=\x1cl\xd5u\xe0m\xb7\xddzQ\xf7.\xe4&lt;\x8a\xf2\xdc\xd4\xf4+\xff\x8c\xa7\x82\x8dJg\xcb\xa6\xad\x9f~\xfc\xe9\x86m\xeb\x8b\xfd\xf9qu\x9c\xe9\rS\x1cq\xf6\xd4z\x89\xb8{\xc4\xf9\xa3\x8c\xaaA-\xe7`\xbe\xb7\xcc\x7f\xf2`\x81V\x0e\x8d2\x9b\x0e\x19&lt;\xf4\xaak\xae\xf4\xc4\xc7\x91S\xad\xbf\xf3\xf9\x11UWj0\x14\xfaf\xde\xbcof\xcc8\xbau\xab\'\x18l\xecr\xd5q8\xb2\xe2\xe2\xe2-\x16\x1d_(v~\x00@a\xecxee\xbe\xd7{\xb0\xbc\xfc\x90\xcf\xa7\xc6\xc77\xeb\xd2\xe5\xfa\xd1\xa3\xfb\xf6\xe8AN\xeb[\x9f\xcf\x8f\xe0\x9c\x1b\x17\xc3\xa1#\xc7&gt;\xfet\xea\xba5++N\x1e\xc8\x88c\xed\x1a$y\x1c\x96\x96\xf5\x13)!@\x08\x16\xe493\xfez@\xc8\xce\xc3E\xa5\xde\xe0\xd6\x83\x05\xc7\xcb\xc0\x99\xda\xb0K\xf7\x9e7\xdfx}vV]B\x08\xd7u&amp;I5}\xbf@mPU5\xa4\x86\xaa&gt;\xdc\xbai\xcb\xb3c\x9fjR/\xcb\x82\xaf\x10\x08\xabz)u\x86\xf6\xed\xff\xd9\x94\x8f\xbd\x95\xde\xaa\xbfv0\x18\xe4\x9c\x87\xa5\x1c\x85\x10\xc1`\xf0\x7f\xc5\xca\xf9\xb49s.\xb9\xe1\x86\x94f\xcdj\xfbW\xbf\xb0(J\x9d\x16-n\x7f\xf4\xd1%k\xd6T\xfd\xb55M\x0b\x85B\x7fT,\xe7B\xd7\xf5\xd3\x8b\xf2\xd8\x89\xdc7\xdez\xa7u\x9b\xb6.\x97\xbb\xb6\x7f\xf9\x0b\x8a\xd3\xe5n\xd5\xba\xed\xebo\xbe}\xecxN\xd5_;\x18\x0c\xea\xc6\xd8i\x8d\xab\xe9\x1e\x00\x9c\xd6\xdc(.,\xf8f\xc6\x97+V\xad\xdes8GS\x9c\xa6\xb8T\x93\xd5\xe5N\xad/\x84\x8e\xad\x8d\xf3\x03\x942]\r\x94\x9f&lt;,T\x9f^\x9e\x17oe\x9d\xdb\xb5\x1a2th\xef\xbe\x03\x8c\xaf8\xff\x9e\xe6\xe9\xf3T\x1b\xb6n\xfdf\xf6\xec\xcd\xabW\xeb\xf9\xf9I\x84xd9\xcdf\xf3\x98\xcd\xba\x10X\x90\xe7\x03\x08\x91\x19\xcb\xf1\xf9JC\xa1\x02]/\x95$WVV\xb7&gt;}\xae\xb9\xfc\xf2\xfa\x99\x99\x84\x10\xe3\x15\xe1\xe7\xf9\x98hUwP\r\x85\xe6|;s\xf9\xf2\xe5[v\xed\xf5\xea\xb2\xc9\x93.\x9bm\xee\xf4Fx?\x86\t\x94\xe7\xec\xd7C\xfePi\x8eC\xd6\xdb\xb5h\xd2\xa7O\x9f\x11\x97^n6[\x08!\xba\xaeK\xb2\\\xc3\x7f\xe8\xda\x99\x03\xd8\xb1m\xcbg\x9f~:{\xd1\n\xd5\x9eQ\xbfc\xffz-:\xbb\x13\xeb\x98\xad6Bp\xbc \x9c\x80\x10\xce\xf5@ey\xc1\xf1\xfd\x077--\xda\xb7.\xdb\xa3\xdcz\xd3\xf5\xd7\\7\xc6d6\x9f\xcfJ\x83\xaa\xa2\xfcz\xf6\xec)\x13\'\x16m\xdd\xda\xc9\xe1\x18P\xbf~\xf3\xe4d\x8f\xddn\x92$,\xc90\x03\x08hZae\xe5\x96\x93\'\x17\x1e9\xb2\x97\x90V\xfd\xfa\xdd|\xf3\xcd\xbd\xbbw\'\xe7\x11\xe7U\x93@\'ss\xa6~\xfa\xf1\xe7_\x7f[J\xe2\xd2Z^\x94\xdd\xb6W|j]\xab\xc3I)\xbe@ \x9c\x80\x10\x10"\xe0\xaf,9y\xec\xf0\xb6U9;Vy\xa0t\xf4\xd5\x97^\x7f\xc3\xcdu\xd2\xd2\xc9\xb9N\xcb\x9d\xb3\x9a\x0b\x00\xa3\x95QTX\xf8\xea\xcb\xcfO\xfdnY\xdd\xae\x97\xb6\xeasirfC\xc1u5\xe8\xe7\x9a\x8a\x9b\x86V\x03\xa0\x942IV\xcc\x16\x93\xc5\x16\xf4\xfb\x0e\xefX\xb7e\xc1\'\tz\xfe\xe3\x8f&lt;p\xc5\xd5\xd7\x92\xb3\xaf;\x84\x10\x8cRB\xe9\x0f+W\xbe\xfc\xe2\x8b\xb0c\xc7\xcd-Z\xf4i\xd0 \xde\xe1\x08hZ@Uu\x9c\xfe\xad\x06@\x08cLa\xccf2\x99%\xe9DY\xd9\xf7{\xf6|~\xf0`\xd3!C\xfe\xfd\xe4\x93M\x1b5:\x8787nI!\xc4{o\xbd\xfe\xee\xa4\xcf\x94\xba\x9d\xda\x0f\x1a\x9d\xd1\xb8\xb5\xc4$5\xe8\xd3\xd4\x90\x10\x9c\x00\x0e\xfe\x87\x17\x10J\x19\x93\x14\x93\xd9d\xb1s\xc1O\xec\xdb\xbey\xe1\x17\xda\xb1u\xf7\xde:\xe6\xde\x7f&gt;"I\xecB[\x05d\x0c61\xc6\xe6\xcc\xfe\xe6\xbe\x87\x1ew4\xe9\xd3\xff\x86\x7f\xd9\xe3\x12\x82\xde\nM\rRJ)e\xd8`\xacV\x00\x02\x040\xc6\xcc6\x87b\xb6\xee\xdd\xb8l\xc5\'/\xf5i\x95&gt;\xf9\xa3O\x9d.\xd7\x99g\xc0/_\tp\xcf#\x8f,\x9d2\xe5\xd1v\xed\xael\xdd\x9a\x03T\x04\x83\xba\x10\x0c\x97\x8fW38\xf5\x1c\x80I\x96]fsH\xd7\xdf_\xb3fjn\xee}\xcf=w\xff\x1dw\x90S\xabE\xcf\xe4PF-\xb3\xf7\xe7\xdd\xd7\x8f\x19\x93OS\x06\xde\xfaLjv\xd3\x90\xcf\xab\x06}@\x08\xa5\xf8PG\xf5\x02\x00\x00A\t1Ylf\x9b3\xef\xc8\x9e\xc5\x93\x9fO\xe2\'?\xff\xec\xb3\xa6\xcd[\xd4X\x06T{\x00T\xd5\xfeO&lt;\xfa\xe0\x84\xe9\xdf\x0f\xf9\xe7{\rZw\xad,-\xe4\xba\xc6\x18\x0e\x14\xd44\x00\x01BX\x1c.IR\x16Ny9\xb0k\xde\xc7S&amp;w\xe9~\xd1\x99\\pF\xed\x7f\xe0\xf0\xe1\xd17\xdc\xd0\xf0\xc4\x89\xd7\x86\x0c\xb1\x9aL%~?!D\xc2r\xacY@\x88\x00`\x94&amp;\xd9\xed\x07\x8b\x8b\xef\x987/}\xc8\x90\xcf&gt;\xfc\xd0j\xb5\x9e\xc9\x18\x82Q\xdc\x9f\x7f&lt;\xf9\xa1\xb1\xcf\xb5\xbd\xe6\x89.CF\xfb+\xcb\xb4P\x80\xb2\x1a_\x85\x12\xf3\x00\x00\x04W\xccV\x9b+n\xfd\xf7_l\xf9\xf2\xe5\xd7_zz\xcc\xcd\xb7\xd5L\x06To\x00\x18\xad\x15\x89\xb1\xd1\xa3\xaeZ\xbe\xdf;j\xec\x04I1\x05*\xcb$Y\xa9\xbe\x1f\x8a\xfe\x16\x08A\x08q%\xa4\xec\\\xbd`\xf9\x84G\xbf\xfe\xe4\x83\xfe\x83\x86\xfe\xf5\x05\xa7s.K\xd2\xae\xbd{G\xf4\xef\xff@f\xe6?\xbau+\xf4z\xcf\xf0\xb9ST}t!l\x8ab5\x99\x1e\x9b;w{\x9d:K\x16.\xb4\xdbl\x7f\x9d\x01FA\xbf\xfe\xea\xcb\xcf\x8f\xfb\xe2\xea\xa7\xa6$e6\xf4\x96\x16b\xd5_\xbb\x8c\x18px\x92\n\x8f\x1f\xfc\xfa\xa5\x9b\x9f\xbak\xd4#\x8f?\xa5i\x9a\xa2ToUY\x8d\x01\x00\xa7V(_w\xf5\xe5\x1b\x8b\x1d\xd7\x8e\xfd\xa0\xa28OpNY\xcd=\xe6\x80\xfe\x02\xd75g|r\xc1\xb1\x03\xb3\x9e\xbfv\xfa\xe4w\x06\x0c\x1e\xf6gcAF\x85\xb2s\xef\xdeK\xfa\xf7\x7f\xa3u\xebA\xcd\x9a\x9d(/\x97\x19N\x0fF\x04\xe3\x81\xdd\xba\x1e\xcf\xcb\x8b\x17\xcf\xb3\xd9~X\xb4\xc8n\xb5\x92?y\x82\xd7\xa8\xfd_{\xe5\xc5W&gt;\x9as\xcb\x7f\xbf\x05\x10!\xbf\x97I54\xe2\x8c\xfe\x9a\xe0\xba\xd9j\xa7L\xfa\xe8_\x97=z\xe3\xd0\x7f\x8d}\xba\xba\xfb\x01\xd5\x18\x00\xc6\xa9\xdfx\xfd\xb5\xabs\xa5k\x9f\xf8\xa0\xbc\xe8$\x0e,F\x1a\xaek6\x97\xa78\xf7\xe87\xcf]3g\xfaG=z\xf5\xf9}\x06\x18o#:|\xec\xd8\x80\x8b.z\xa3u\xeb\xbeM\x9a\xe4UT\x98j\xf0aEt&amp;4\xce3&lt;\x9eW\x97,Y\xe8r\xadX\xb2\xc4\xd8\x8f\xfd7\xb7\x9bqK\xbe\xf7\xf6\xebO\xbf;\xed\xd6\xd7\xbe\xe3\xba\xaak*\xc3\x06Y$\x11\x82\xcb\x8aIV\xcc\x93\x1f\x19\xf9\xec\xdd\xd7\xdc\xf7\xe0#\xd5\x9a\x01\xd5\x15\x00F=\xf2\xde[\xaf=\xf3\xfe\xd7w\xbd\xb7\xb8\xb28\x9f2\x8a\xcb\t"\x0f\xe5\\u\xc6%\xed\xdb\xf2\xe3\x86\x0f\x1f\xd8\xbci\x83\'&gt;\x81\x9czT\x9b\x9c\xea\xc6\x11J\xbb\xf4\xe81\x9a\x90\xbb/\xba\xe8Xi)\xd6\xfe\x91I\xe3&lt;+&gt;~\xcc\xb4i\xb6K.\x99\xfc\xde{\xbf\xc9r\xe3\xc3\x9fV\xaf\x1ap\xe9\xb57\xbd\xbd\xd4l\xb1\x1a\x83\xfe\xb5x\xc2\xe8\x0f\x81\xe0\x8a\xd9\xa2\x86B\x1f\xdd\xdfw\xd1\xac\xa9\xdd.\xeaU}\xfbCTK\x00p\xce\x99$m\\\xb7v\xc0\xc8k\xae\x7fm\x81\xc9j\xe7\xbaJ)\x0e\x16G(\xae\xabq\xc9\xe9\x0b&amp;\xff\'\xb5b\xf3\x9c\xef\x17\x9e~\xb5\x19\xff\xff\x9eG\x1e)\xfc\xf2\xcbO\xae\xb9&amp;\xa7\xacL\xc1\xda?\x82\x01\x80\xc3b\xb9\xf8\xe3\x8f\xff5i\xd2\x98\xab\xaf\xae*J#\xc8+*\xca;u\xea\xd2z\xcc\x7f\x9at\xe8\xed\xab(\xc1\x91\x9f\x88%\xb8nsy\xf6oY\xb5\xf5\x93\xc76\xae_\xe7r\xc7U\xd3\xe6\xa0\xd5R)SJ\t\xc0\xed\xff\xf8G\xb7\x1b\x9fu%\xa4\xeaj\x10k\xffH&amp;\xc9\xa6\xf2\xc2\x93\x83n~\xfc\xc7}%\x1fO\x1ao</t>
        </is>
      </c>
    </row>
    <row r="251">
      <c r="A251" s="1" t="n">
        <v>249</v>
      </c>
      <c r="B251" t="inlineStr">
        <is>
          <t>triangle</t>
        </is>
      </c>
      <c r="C251" t="inlineStr">
        <is>
          <t>What is the missing number of the part denoted with a question mark?</t>
        </is>
      </c>
      <c r="D251" t="inlineStr">
        <is>
          <t>['2', '3', '9', '8']</t>
        </is>
      </c>
      <c r="E251" t="inlineStr">
        <is>
          <t>9</t>
        </is>
      </c>
      <c r="F251" t="inlineStr">
        <is>
          <t>There are three groups of numbers with a triangle arrangement in the image. The first group is [1, 5, 5], the second group is [8, 4, 32], and the third group is ['?', 3, 27].</t>
        </is>
      </c>
      <c r="G251" t="inlineStr">
        <is>
          <t>We observe that the number 5 is the product of 5 and 1. Similarly, the number 32 is the product of 4 and 8. Hence, the pattern is that the rightmost number in each group is the product of the other two numbers.</t>
        </is>
      </c>
      <c r="H251" t="inlineStr">
        <is>
          <t>Based on the pattern that the rightmost number in each group is the product of the other two numbers, the missing number of the group ['?', 3, 27] should be 9.</t>
        </is>
      </c>
      <c r="I251" t="inlineStr">
        <is>
          <t>b'\x89PNG\r\n\x1a\n\x00\x00\x00\rIHDR\x00\x00\x02\x00\x00\x00\x02\x00\x08\x02\x00\x00\x00{\x1aC\xad\x00\x00\xb8TIDATx\x9c\xec\x9dwxTE\xf7\xc7\xcf\xdc\xb2-e7\x95\x12\x085\xa1&amp;@ \xf4\xd0\xc1\xc0\x8b/(U\x10\xa5\xa3\xa0\xaf \xd2\x14i\x82\x08\x82\xe1\x15\xb0\x804\xa5\x89TA!\x04\x10\xa5I\x89\x94\x04\xa4\x84\x16j\xfa\xf6z\xef\xcc\xef\x8f\x81\xfd\xe5\x05E\xb2\ta\x93\xcc\xe7\xe1\xe1\x81\xbbw\xef\xce\x96{\xbeg\xce\x9c9\x07\x11B\x80\xc1`0\x18e\x0f\xeey\x0f\x80\xc1`0\x18\xcf\x07&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xe1y\x0f\x80\xf1\xcc!\x84\xd0\xbf\xe9?\xdc\xa0\x87&lt;\xa7q1\x18\x8c\xe7\x0cz\xc4(0J\x07\x84\x10\x8c1!\x04!\xc4\xf3\xfcS\x9e\xc9q\x1c\xd3\x03\x06\xa3\xec\xc0\x04\xa0TA\x08\x91e\x99\xe38\x8e\xfb\xff\xe0\x9e,\xcb&amp;\x93\xe9\xfe\xfd\xfb\xf7\xee\xdd\x03@\x00\x0f\xbe\xf1\x9a5k\xfa\xf9\xf9\xe9t\xba\xfcW\x90e\x19\x00\x98\x120\x18e\x01&amp;\x00\xa5\x04\x8c1\xc6X\x10\x1e\xc4\xf4rss\xcf\x9c9s\xe8\xd0\xa1\xdf\x7f\xff\xfd\xf6\xed\xdb\xf732\x8cF\xa3\xd3\xe1\xc8\xff\x14?\x7f\x7f\x95RY\xa3F\x8dJ\x95*\xb5n\xdd\xbae\xcb\x96\xf5\xea\xd5\xd3h4\xf4QI\x92x\x9eg2\xc0`\x94b\x98\x00\x94xh\x0c\x87\xc6yL&amp;\xd3\xf6\xed\xdb\xb7l\xddz\xec\xe8\xb1\xcc\xcc\x8c\x82^\xaaZ\xb5j\xed\xdb\xb7\xef\xdf\xbf\x7f\x87\x0e\x1d\xe8\x05\xe9|\x82\xc9\x00\x83Q*a\x02P\x82\xc9o\xfaSSS\xd7\xacY\xb3\xe9\x87\x1f\xd2o\xdet\x9f\xe0\xe7\xef_=\xa2N\xb9\x8aa5k\xd5\xf3\xf1\xf1\xadU\xbf\x01\x96%\xba\xfa+\xb9\\\x17R\xfe\xb0\xdbl\x97\xce\x9f\xbd\x7f\xf7\xce\xcdkW\x1c\xf9\xe6\x07\r\x1b6\x1c8p\xe0\xa0A\x83\xca\x95+\x07\x00\xb2,?y!\x81\xc1`\x94D\x98\x00\x94T0\xc64\xd0\x7f\xe7\xce\x9di\xd3\xa6m\xd8\xb0\xc1f\xb3\xd1\x87*V\no\x1e\xd7\xa1m\xe7\xf8\xda\xf5\x1b\x85U\xae\xaaT)\x04\x010\x01Y\xfa\x9f+\x08"\x00\x01I\x02\x8b\xd9\x94~=-\xe5t\xf2/\x89;O\x1d;d\xd0\xe7\xd1\x13\xca\x97\xaf0f\xcc\xe8\x89\x13\'*\x14\n\x8c1K\x19b0J\x19L\x00J$\x92$\t\x82\xe0r\xb9\xbe\xfa\xea\xab\x8f?\xfe\xf8\xfe\xfd\xfb\x00\xa0P(b[\xb5}e\xf0\x1b\x8d\x9b\xb7\x0e-\x1f\x8a18\x1cN\xa7\xc3\xf1 \xc9\x07 \xbf\xf9&amp;\x00\xee\x83\x1c/(\x95J\xa5J\x90$\xb8}\xf3\xea\xe1\x03{7\xae\xfe\xfa\xcf\xd4\xb3\xf4\xcc\xa8\xa8\xa8y\xf3\xe6u\xed\xda\x15\xd8T\x80\xc1(]0\x01(yP\xeb\x7f\xe5\xca\x95!C\x86\x1c9r\x84\x1e\xec\xf6R\xbf\x91\xefL\xacU7Z\x10\x05\xab\xc5\xear9\x01\x9e&gt;\xad\x93`L\x08\xc1\x08\x90B\xa5\xd2h\x94&amp;\x935\xf9\xd8o\x9f\x7f2\xe3l\xf2qz\xc6\xf0\xe1\xc3?\xfb\xec3???\xfa\xea\xcf\xec\xcd1\x18\x8c\xe2\x83\t@I\x82n\xe6\xe28n\xd3\xa6Mc\xc6\x8c\xc9\xce\xce\x06\x80\xe8\x98\xa6\xefL\x99\xd9\xaa\xfd\x0b\x84\x10\xab\xc5LO\xf08VC\x08\xc1X\xe68\xde\xcf\xdf\xcfb6\xef\xdc\xbca\xf1\xbc\x19\x99\xf7\xef\x02@LL\xcc7\xdf|\xd3\xa8Q#\xa6\x01\x0cF\xe9\x80\t@\x89\xc1m\xfdg\xce\x9c9c\xc6\x0cz\xf0\xcdw?x\xe3\xdd\x0f4&gt;j\x83\xde@wr\x15\xd5\xcb\xd1h\x8fV\xe7{\xeb\xc6\xcd9\x1f\xbc\xbbw\xe7V\x00\x08\x0c\x0c\xfc\xf2\xcb/\xfb\xf6\xed\xcb4\x80\xc1(\x050\x01(\x19\xb8\x13~F\x8e\x1c\xb9|\xf9r\x00\x08)W~v\xc2\xf2./v\xd7\xe7\x99\x9f]h^\x92\\j\xb5\x8fB!~\xb3xA\xc2\xc7S]N\'\x00,[\xb6l\xc4\x88\x11L\x03\x18\x8c\x92\x0e\x13\x80\x12\x00\xdd\xdf+\x08\x82\xdb\xfa\xd7\x8d\x8e\xf9r\xdd\xb6\x8a\x95\xc2\xf5y\xfag\xbd]\x0bc\x0c\x00\x81A\xfe\x87\x7f98\xe6\xb5\x97\x8d\xfa&lt;`\x1a\xc0`\x94\n\x98\x00\x94\x00\xa8\x9d}\xe3\x8d7\xbe\xfe\xfak\x00\xa8\x1b\x1d\xb3r\xf3n\xad.\xd0l6\t\x82X&lt;cp\xb9\\\xc1!\x01\'\x8e\x1c\x19\xd9\xbf\xbb\xd1\xa0\x07\x80\xd5\xabW\xbf\xfe\xfa\xebL\x03\x18\x8c\x92\x0b\x13\x00o\x87Z\xd8e\xcb\x96\x8d\x1a5\n\x1eZ\x7f?\xad\xcef\xb1\xf2\xc5ky%\x97+ 8\xe0\xd4\xd1\x07\x1a\xe0\xe3\xe3s\xf0\xe0\xc1&amp;M\x9a\xb8w$0\x18\x8c\x92\x05\x13\x00\xaf\x86\xda\xd6\xe3\xc7\x8f\xb7l\xd9\x12c\x1cQ\xbb\xdew?\x1e\xf0\xd3\xealV\xdbs\xc9\xc7\x97\\\xae\xc0\xe0\x80\x13G\x8e\x0c\xeb\xf3\x82\xd5b\xa9V\xadzr\xf2)ZN\x8e\xed\x11c0J\x1c\xccq\xf3^\xa86\xe7\xe4\xe4\x0c\x180\x80\x10\xa2\xd1\xf8|\xb2tu`p\xb0\xd5b}^\xbb\xb1\x04Q\xcc\xc9\xcek\xd1\xb6\xd5\xc4\x19\x9f\x02\xc0\xf5\xeb\xd7F\x8e\x1cI\x17\xa8\x9f\xcbx\x18\x0cFa`\x02\xe0\xbdP\xf7\x7f\xfc\xf8\xf1\xd7\xae]#\x84L\x98\xf9iL\xd3&amp;\xfa&lt;\xc3\xf3\x8d\xb9\x8b\xa2\x98\x9d\xa1\x1f4\xf2\xcd\x7f\xf7y\x15\x006o\xde\xfc\xddw\xdf\xf1&lt;O\xebH3\x18\x8c\x12\x04\x0b\x01y)4\xb3\xf3\xd0\xa1C\xed\xdb\xb7\x97e\xb9K\xf7\x97\xbfZ\xbf%7[_\xccq\xff\xbf\x84\x10\xc2\xf3\xbc\xcb\xe9|\xb9C\xe3\xdb\xe97BCC/\\\xb8\xa0\xd5jY\xb1 \x06\xa3d\xc1f\x00\xde\x08\xed\xcf\xe5p8\xc6\x8d\x1b\'\xcb\xb2.0\xe8\xfd9\t\x16\x8b\x1dy\xc7Z+B\xc8\xe5tj\x03t\x93g\'`\x8c\xef\xdf\xbf?m\xda4\x8e\xe3X \x88\xc1(Yx\x85Aa&lt;\x02\r\xfel\xdc\xb8199\x19\x00\x06\x0e\x1bS\xa5z\xb8\xddf/\x92d\x1b\xf2\x90\xc2\\\x84\x17\x04\xa3\xde\xd8\xb1k\xf7\x16m:\x02\xc0\xd7_\x7f}\xf1\xe2E\xa6\x01\x0cF\xc9\x82\x85\x80\xbc\x11\xba\xf3\xabA\x83\x06\x17/^\xac\x16Qks\xd2\t@\x00\x98@\xa1\x03,X\x96\x05Q\xa4B"\xcb\x98\x10\xcf\xed5\xc6X\xa3\xd1\\\xba\x90\xfaJ\xb7\xd66\xabe\xf8\xf0\xe1\xcb\x97/g\xe5B\x19\x8c\x12\x04\x9b\x01x\x1d\xb2,#\x84\x0e\x1d:t\xf1\xe2E\x8cq\x8f&gt;\x83t\x01\xbe\x92K*\xa4\xf5\'\x84`Y\xf6\xd5jmVKnNv^N\xb6\xd3a/L\xc8\x9e\xe38\x8b\xc5R\xbfa\xc3\xd8\x96q\x00\xf0\xe3\x8f?fggs\x1c\xc7\\\n\x06\xa3\xa4\xc0\x04\xc0K\xf9\xe6\x9bo0\xc6A!\xa1/\xf6\x1eh6\xd9\x0b\xe9V\xd3v.\x01A\xda\x9d\x9b\xd6\xbd\xd4\xa1I\x8f\xb6\r\xff\xd5:j\xefO[}\xfd4\xf2#mb\n\x02\x02\xc02\x1e0t\x0c\xc7\xf1\x99\x99\x99\xdb\xb6mC\x08\xb1t \x06\xa3\xa4\xc0\x04\xc0\xbb\xa0\t6\xf7\xee\xdd\xdb\xb5k\x17\x00\xb4n\xffB\x95\xea\xe1v{\xa1\\uI\x92Tj\xb5 \n\x1fM~\xf7\xbd7^\xbdw;]\x9f\x9bc2\xe8\x0b9\x03\x00\x00\x8e\xe7-\x16[\x8b\xb8\x0eUk\xd4D\x08\xad\\\xb9\x92\xed\nf0J\x10\xec^\xf5.\xa8\xfb\xbcw\xef^\xa3\xd1\x08\x00\x1d\xbb\xfe[\x96I!\xad\x7f@\xa0\xee\xee\xed\xf4a\xbd\xe3W}\x91@[\x05\x08\x82\x80\x10B\xa8\x08\xbe}Ir\xf9i5q\x1d\xbb\x12B\xce\x9c9\x93\x96\x96\xc6\x96\x82\x19\x8c\x92\x02\x13\x00\xef\x82\xda\xfa_\x7f\xfd\x15\x00\xcaW\xac\xd4\xa4E\x1b\x9b\xd5\xc3\xe4\x1f\x1a\x8b\x0f\n\xd1%\xfd\xf4\xe3+][\x9f8\xf2+\x00`\x8cy^\xa0M"\x8bd\xc0\x1cB.\x17\xee\x18\xffo\x9e\xe7\xedv\xfb\xd1\xa3\xc7\xe0a\x01Q\x06\x83\xe1\xe50\x01\xf0.8\x8es\xb9\\\xc7\x8f\x1f\x07\x80z\r\x1a\x87\x94\x0bu:\x9d\x1e\xcc\x00\x08!\x88C\n\xa5\xe2\xb3Y\xd3\xdf\x1c\xd8#\'+\x03\x00\x02\x02Cf,\xf8B\xed\xa3)B\x03\x8d8\xcen\xb3\xd7\xaa\x17\x1dZ\xa1"\x00\xfc\xf6\xdbo\xc0\xea\x021\x18%\x04&amp;\x00^\x04]\xaaMKK\xbbz\xf5\x1a\x004i\x11\xc7\xf3\x00\x9e\xba\xea\n\x85\xe2\xdd\x11\x03\x97|:KT(\t!\xd5#jm\xd8}\xb0U\xbb\xce&amp;\x83\xa1\x08\xc3\xf4\x08!\x97\xcb\x15\x10\x14\x14\xd50\x16\x00~\xff\xfd\x98\xdd^4\xfb\x15\x18\x0c\xc6\xb3\x86\xdd\xa8^\x04\r\xcb\xdc\xb8q\xc3\xe1\xb0\x03@\x8d\xc8:\x92\xe4\xa17M\x08\xe19\xbeE\\\x07\x00p9\x1d\x9d\xff\xf5\xd2\xda]\xbf\xd5\xaeW7+\xe3&gt;\x14\xb5\x87N\x08\x11E\xa8\x1eQ\x1b\x00\xee\xdd\xbbo4\x1a\x11b\xfbK\x18\x8c\x12\xc0\xf3/,\xc3pC\x8d\xe6\x993g\x01\xc0_\xab\xad\\\xb5\xba\xcb\xa3\xf8\x0f\x00p\x1cg\xb5X\x06\x8f~\xf3Z\xdaE\x8e\xe3?\xf8x\xa1\xc5b3\x9b]\xcfb\x97\x16\x87\x90$AD\x9d\xfa\x00`4\x1a.]\xba\x14\x1a\x1aJ\x1bX\x16\xf9k1\x18\x8c"\x84\t\x80\xd7a\xb1X\x00\x80\xe7\x05__?\x8c\xb1\xc7\xfb\xbf\x10\xc7\xe5\xe5\x98&amp;\xce\xfcT\xe0\x05\xb3\xc9"I\x92R\xa9"\xf0L\x1csB\xc0_\xab\x03\x00\x8c\xb1\xcdf{\x16/\xc1`0\x8a\x1c\x16\x02\xf2"h\xe8&lt;9\xf9\x14\x00T\xaeZ]\x1b\x10$IR\xe1\xc25\xc8\xe9pX,fB\xc8\xb3\x8b\xcb\xd3\xdap\x95\xc2\xab\xf9\xf9k\x01\xe0\xe4\xc9S\xf0p6\xc3`0\xbc\x19&amp;\x00^\x87\xcb\xe5\x02\x00_?\x7f\xa5JU\xf8t\x1d\x84\x10\xcd\xfd/\x8a\xa1\xfd\xedk`\x8c\xfd\xfc\xfd\x15\n\x05&lt;\x1c?\x83\xc1\xf0~\x98\x00x\x1d\xd4XcY.YN\xb4{\xc0,\x07\x94\xc1()0\x01\xf0:\xa8\x01-I\xb6\x1f\x00\xf2\r\x98\t\x00\x83QR`\x02\xe0uH\x92\x04\x00\x82 p\\\x89\xb1\xa4\x84\x10A\x10hm\t:~\x06\x83\xe1\xfd0\x01\xf0"\x1e\x14o\x08\n\x02\x80\x8c{w\x8d\x06\x03\xcf\xf3\xde\x1f\x08"\x84\x88\xa2x\xff\xde\x1d\xab\xd5\x0c\x0f\xc7\xcf`0\xbc\x1f&amp;\x00^\x04\xb5\xf5\xf5\xea\xd5\x07\x80\xec\xcc\xfb6\x8b\xb9d\xa4\xd2\x13\xc2\x0bBNv\x96\xcdj\x05\x80\xe8\xe8(`\x81 \x06\xa3$\xc0\x04\xc0\xeb\x08\x08\xd0\x01\x80\xd3\xe1\xc8\xce\xca\xe0\x05\xc1\xe3R\x10\xc5\x06\x01\xe08\xc8\xb8s\x0b\x00\x14\n\x85\xaf\xaf/0\x01`0J\x02L\x00\xbc\x08j4\x1b4h\x00\x00V\xab\xe5\xce\xadtQ\x14JD\x08\x88\xe7\xe1\xc6\xd5\xcb\x00\xe0\xe7\xe7\x1f\x11\x11\x01L\x00\x18\x8c\x92\x00\x13\x00/\x82\x1a\xcdj\xd5\xaa\xf9\xf9\xf9\x03\xc0\x85\xb3\xc9&lt;\x0f\xd8\xeb\x05\x80\xe38\xbb]\xbe\x90r\x06\x00\xaaW\xaf\xe6\xe3\xe3CH\xa1z\x180\x18\x8c\xe2\x81\t\x80\x17A\x1b\xeaV\xae\\\xb9N\x9d:\x00\xf0\xc7\x89#N\xe73\xdc\xc1[$\x10B\x14\nEv\xc6\xfdK\xe7\xcf\x01@\xeb\xd6\xadEQd]!\x19\x8c\x12\x81W\x1b\x972\x88,\xcb\x1c\xc7\xb5h\xd1\x02\x00\xfeL9s\xfb\xe6u\xa5R\xe5\xcdQ \x8c\xb1J\xad&lt;s\xea\xf7\xbc\xdcl\x00\x88\x8bk\x03,\xfe\xc3`\x94\x10\x98\x00x\x17\xd4tv\xea\xd4\x11\x00\x0c\xfa\xbc#\x07\x93\xd4\x1a\x05\xf6n\x87\x1aqh\xdfO\xdb\t!Z\xad\xb6Y\xb3\xa6\xf0\xb0\xa8\xd1s\x81&lt;\xc6\xf3\x1a\t\x83\xe1\xfd0\x01\xf0.\xa8\xe9l\xdb\xb6mXX%\x84\xd0\x81=;\x08\x01\x8f\x0b\x82&gt;kh\xfc\'\'3\xe7\xd8\xe1\x03\x08\xa16m\xdaT\xacX\x91\xb6\xb5)\xb61`\x8ceY\x96$I\x96e\xfa\xd2\x8f\xe0&gt;A\x92\xa4"\xec\x85\xc9`\x94\x02\x98\x00x\x17\x08!I\x92\xfc\xfc\xfc\xfa\xf7\xefG\x089q\xe4\xb7s\xc9\xc9\x1aM\x916q|H\xe1/\x85eY\xe3\xa3\xde\xf3\xe3\x0f\x99\xf7\xee\x12BF\x8e\x1c\t\xc5U\x07\x94\xdatZ\xe5\x94\xe7yA\x10x\x9e\xe78\xcef\xb3\xe5\xe5\xe5\xe9\xf5z\xbd^\x9f\x97\x97g0\x18\xdc\'\x08\x82@\xeb\xe2\xc9\xb2,\x97\xb4RK\x0c\xc6\xb3\x80\xf5\x03\xf0:\xe8$`\xc8\x90!\x9f\x7f\xbe\xd8f\xb5l\xff\xfe\xdbY\xcd\xffk1[\x8a$\xaeB\xa3"\xb4Z\x03!\x85.5\xcaq\x92\x847\xaf]\x81\x10\xaaQ\xa3F\xc7\x8e\x1d\x9fi\xddi\x00 \x84`\x8c\xa9M\xa7Gn\xdd\xbau\xea\xd4\xa9\x94\x94\x94s\xe7\xce\x19\x0c\x86\xabW\xaf\x9aLf\x84\x80\x00\x00\x01^\xe0\xeb\xd6\xa9\xa3R\xa9\x9a4iR\xbdz\x8df\xcd\x9aFDD\x08\xc2\x83\x9f\xbd,\xcb\xb4Z\xea\xb3\x1b0\x83\xe1\xcd0\x01\xf0:8\x8e\xc3\x18\xd7\xabW/.\xae\xf5/\xbf\xfc\xf2\xd3\xb6\xef\x07\xbf9.\xa4\\y\x97\xcbUH\xb7\x9dV\xec\xf1\xd3\xeax\x8e\x97\xb1\xac(\xdc\xf2\xb2,\xcb\xfeZ\xff}?\xfdx\xe1\xdciB\xc8\xa0A\x83\xd4j\xb5$In\xf3Z\xb4P\xd3\xcf\xf3&lt;5\xfdG\x8f\x1e\xdd\xb6m\xdb\xe1\xc3\x87/\\\xb8`4\x1a\x9f\xf0\xc4\x8c\xfb\xf7\x01`\xf7\xee\xdd\x00\xa0T*#""cc\x9b\xf4\xe8\xd1#&gt;&gt;^\xa9T\x02\x93\x01F\x19\x86\xf5n\xf5FdY\xe6y\xfe\xe0\xc1\x83\xed\xdb\xb7\x07\x80\x7f\xf7\x19\xf8\xdf\x95k\xb3\xb3\xf4\x85\xb4\xad4\xbed5\x9b\x00\x01\x10P\xa95\n\xa5\xb20?\x00\x8e\xe3z\xb6kt=\xedrpppjjjHHHQ\x05\x97\x1e\x81~ \x00\x90\x91\x91\xf1\xe3\x8f?\xae\xf9\xf6\xdb#\x87\x0f\xe7?A\x17\x10\x18Z\xbebH\xb9\xf2\xc1\xa1\x15\xc2\xabVs\xb9$\x00\xe0\x05A\x9f\x97s\xfd\xca%\xb3\xc9x;\xfdznvV\xfe\xa7\xd4\xadW\xafo\x9f&gt;\xfd\xfa\xf5\xab]\xbb6\x00H\x92\xc4\xf3&lt;\xcb_b\x94)\x98\x00x)\xd4\xe4\xf5\xed\xdb\xf7\x87\x1f~P(\x95k\xb6\x1d\x88i\xda\xccd*lu \x84\x10\xcf\xf3\x04\x00\x01\xc82\xf68\n$\xb9\\A\xa1\x01_\',\x9c7\xed=\x84\xd0\x82\x05\x0b\xde}\xf7]\xba\xc4Z\xb4\xf5\x8bh\xcc\x8a\xe38\x83\xc1\x90\x90\x90\xb0l\xd9\xb2{\xf7\xee\xd1\x87\x14Je\xfd\x86\x8d\x9b\xc7uh\xd8\xa4Ed\x9d\xfa\xfeZ\x9d\xaf\xbf?B \x88@\x08PC\x8e1\xc8\x12\xd8\xedv\x83&gt;\xf7\xd6\x8dk\xe7\xfe8~\xf2\xe8o\xa7\x8e\x1d2\xe8\xf3\xe8E4\x1aM\xff\xfe\xfd\'M\x9a\x14\x19\x19\t\x004\xbeT\x84\xe3g0\xbc\x19&amp;\x00^\nMh\xb9~\xfdz\xa3F\x8d\x8cFc\x9d\xfa\r\x7fH:\xear\xc9\x85\xdfd\xeb\xfe\xc6=\xbe\x0e\x96e\xb5\x8f\xcf\x8d\xb4+}\xba4\xb5Y\xad\x18\xe3\xda\xb5kO\x980\xe1\xb5\xd7^\x13\x04\x81\xaeW\x17\x89\x19u;\xfe\x1b7n\x9c9s\xe6\xc5\x8b\x17\xe9\xf1Zu\xa3\xfe\xddw`\xabv/D\xd4\xa9\xab\xd6($\x178\xec\x0eY\x96dI"\xff\xbb\n\x8d\x10 \x848\xc4\xf1\xa2\xa8P(\x14\nNrA\xfa\x8d\xb4\xe3\x87\x7f\xfdy\xfb\xf7G~I\xa2\xa7\x05\x04\x06\xbe;n\xdc\xc4\x89\x13\x15\n\x85\xfbE\x19\x8cR\x0f\x13\x00\xef\x85Z\xa2\xb9s\xe7\xbe\xff\xfe\xfb\x000`\xe8\xe89\xff]\x9a\x9d\x99\'\x88\xe2s\x1c\x15!\x04\x01\x08\xa2\xf0\xca\xbf\xda\xa4\x9e&gt;\xe5\xce\xab\x01\x80\x16-Z\xcc\x9c9\xb3s\xe7\xceP\x14\x11\x15\xba\x9cp\xf7\xee\xdd\xe1\xc3\x87\xd3\x08&gt;\x00\xb4h\xd3a\xe0\xf0\xb7\x9a\xc7u\x08\n\xd6\xda\xac\x92\xddn\x93e\x99C\x08\xd1\xe6\t\x7f\xffr\x0f6\x05`\x8c\x10R\xaaTj\x1f\xa5\xc3&amp;\x9d&gt;yd\xf3\xbaU\xdb7\xae\xa17A\xfd\xfa\xf5\xbf\xfa\xea\xabV\xadZ\xb9\xd3I=\x1e&lt;\x83Q"`\x02\xe0\xd5\xd0\xf5\xc9\xf8\xf8\xf8\xa4\xa4$\x00X\xf0\xd5\xda&gt;\x83\x06f\xdc\xcb\x15\x15\x8a\xe75$Ir\x95+\x1f0\xf9\xad1\xebW~\x01\x00\x1f}\xf4Q\xb7n\xdd&amp;O\x9eLG\x08\x00\x03\x06\x0c\x982eJ\xfd\xfa\xf5\xe1\xa1\x11/\xe8K\xb8\xc3&gt;\x89\x89\x89C\x87\r\xbb{\xe7\x0e\x00T\xab\x199\xec\xad\xf7^z\xe5u\xa5Ra2Z$\xc9\xc5q\x9cg\xf3\x0cB\x08\x96e\xc4q\xbe\xbe~\x82\x88\x0e&amp;%.\xff\xef\xbc\xdf\x0f\xfd\x02\x00\n\xa5r\xde\'\x9f\x8c\x1d;\x16X8\x88Q\x06`\x02\xe0\xd5P\x1b\x94\x91\x91\x11\x1d\xdd 33C\xab\x0b\xf8z\xc3\xce&amp;-[\xe5e?\x9fy\x80$I!\xa1\xba\x15K\x97\xcc\x9e\xfc6!\xd0\xa9S\xa7\xbd{\xf7ROy\xe3\xc6\x8ds\xe7\xce=w\xee\x1c\x00h4\x9a\xf1\xe3\xc7\x8f\x1f?^\xab\xd5\x16ta\xc0m\xfd\x17-Z4n\xdc8zp\xc0\xd0\xd1c\xdf\x9f\x19\x1c\x1a\x9c\x97k$\x04\xf3&lt;\x0fP\x14\xfb\x18\xb0L0\xf1\xd7\xe9dY\xfan\xd9\x92\xcf?\x99n6\x19\x01`\xe8\xd0\xa1\x8b\x16-\xf2\xf3\xf3c\x1a\xc0(\xdd0\x01\xf0vh \xe8\xd8\xb1c\xad[\xb7\xc6\x18\xfbku\xcb6\xeej\xd2\xb2Unv\x9eX\x9c\x1a@\x88$I!\xe5\x02V.]:k\xd2[\x00P\xadZ\xb5\x93\'O\x06\x06\x06\xd2\x80\t\xc7qN\xa7s\xfe\xfc\xf9_|\xf1\x05]\xa7\xadS\xa7\xce\x84\t\x13\x86\x0c\x19\x02O\x9dj\xe9\xce\xf5\x1c9r\xe4\xf2\xe5\xcb\x01@\x1b\x108m\xde\xe7/\xbf2\xd0h\xb0:\x9d\xceg\x91cJ\xc7\x16\x14\xec\x9f|\xfc\xe4\x07\xef\x8c\xb8\x98z\x16\x00\x9a6m\xbag\xcf\x9e\x80\x80\x00\xa6\x01\x8cR\x0c\x13\x80\x12\x00\xd5\x80\xe5\xcb\x97\xd3\xad\xb6T\x03\x9a\xc5\xb5\xca\xca(&amp;\r\xc0\x18\x03!!\xe5\xb4\xdf,~`\xfd\x03\x03\x03\x13\x13\x13\x9b4i\xe2\xb6\x8f\xee\xb5\xd3\xbbw\xef~\xf8\xe1\x87\xabW\xaf\xa6\xab\xc1\x9d;w\x9e4iR\xc7\x8e\x1d\xe1\x9f\x16\x06\xdc\xbe\xbf\xdb\xfa\xd7\x8d\x8e\xf9l\xd9\xda\x88:urs\xf4\xcf:GSr\xb9\xfc\xb4Z\x8b\xd98k\xe2\x7fvl\xfa\x0e\x00bcc\x13\x13\x13\x99\x060J1L\x00J\x064\x98\xee\xd6\x00\xad.`\xfe\x97\xdfv\xe9\xde=/\xd7D\x08\xe6\xb8g\x98\xb5"I\x92J\xa5R\xaa\x94\xcb\xff\xfb\xe9\xa73\'\x01@``\xe0\x9e={bcc\x1fI\x98!\x84\xc8\xb2L\x9d\xf4\xfd\xfb\xf7\xcf\x9b7\x8f.\x0cp\x1c7x\xf0`w\xaa\xe5\xdf\xa5\xd9\xd0\xe3\xf9\xad\xff\xca\xcd\xbb\x03\x82\x82\x8dzC\xf1\xc4\xbbdYR(\x94j\x8dz\xe2\xe8!\xdb6\xac\x86\x87\x1a\xa0\xd3\xe9\x80\x958e\x94F\x98\x00\x94\x18\x1e\xd1\x00\x00x\xf3\xdd\x0f\xfe3y&amp;\x01b1\x99xA(r\x0b\x851\xc6X\x0e\x08\x0c\xc8\xbc\x7f\x7f\xc6{c\xf6\xee\xda\n\x00AAA\xbbw\xef\x8e\x8d\x8d\xfd\xbb\x05^w\x18\x07\x00V\xadZ\xf5\xe9\xa7\x9f\xfe\xf9\xe7\x9f\xf4\x89o\xbf\xfd\xf6\xd8\xb1c\xe9\xc2\x00\xfco\xaa(\xbd\x9a;\xeeO\xad\xbf\x9fVg\xb5X\x9f\xd1\xd6\xe2\xbf\x04c\xccq\xc8\xc7\xd7w\xd2\x98\xa1T\x03z\xf7\xee\xfd\xc3\x0f?&lt;\xbb\x1d\xce\x0c\xc6s\x84\t@I\x82\x9a\xa1\xc4\xc4\xc4W_}5;;\x1b\x00Z\xb6\xed\xf4\xc1\xc7\x8b\xea5\xa8g\xd0[\x9dNgQ\xc5I\x08\xc62\xc6\x1a\x8d\x8fZ#\xee\xfby\xd7\x9c\xf7\xc7\xdd\xbc\x96\x06\x00M\x9b6]\xbbvmDD\xc4?&amp;\xcb\xbb\x83\xfe\x06\x83a\xd1\xa2E\x8b\x17/\xce\xc9\xc9\x01\x80:u\xeaL\x9b6\xad\x7f\xff\xfe\xf0\xb0\xf9\x01\xcd"\xe5y&gt;))\xa9K\x97.\x00P7\xaa\xd1\xca-{\xfc\xb4:\x9b\xd5V\xfc)\xf9\x04c\xc4!__\xbf\x89\xa3\x07o\xdb\xb8\x06\x00f\xcc\x981}\xfat\xa6\x01\x8c\xd2\x07\x13\x80\x12\x06\xb5\x95W\xae\\\x192d\xc8\x91#G\x00@\xab\x0bxu\xc4[\xaf\x0e\x7f\xbb|\xc5\x10\x93\xd1\xeep\xd8\x0b\x95\x1f\x891\x00\xa85\x1a\x1f\x1f\xf1\xfc\xd9\x94o\x16/\xdc\xb1\xe9;zp\xf8\xf0\xe1\x0b\x17.\xf4\xf7\xf7\x7f\xfa\xadR\xee3/_\xbe&lt;\x7f\xfe\xfcU\xabV\xd1Ku\xe9\xd2e\xd6\xacY\xcd\x9a5\x03\x00\x97\xcb\xc5\xf3|fff\xc3\x86\x8d22\xee\xfb\xeb\x026\xed9Z\xadf\xa4\xd1h|^\x06\x97\xce`DQ\xec\xdf\xb5U\xca\xe9S\x08\xa1\xc4\xc4\xc4\xce\x9d;\xb3=b\x8cR\x06\x13\x80\x92\x075C.\x97k\xe2\xc4\x89_~\xf9\xa5\xc3\xe1\x00\x80j5k\r\x19=\xb6m\xe7n\x95\xab\x86;\x1d\xc4f\xb5\xc8\x92\x04\x0f\x13o\x9e0-x\xd87\x05\x03\x80(*5&gt;j\x84\xe0\xcf\xd4\xd4\xc4\x1d?|\xb7|1-\x99P\xae\\\xb9\xd9\xb3g\x0f\x1f&gt;\x1c\n\x9e\x1d\xff\xc8\xc2\xc0\x87\x1f~x\xec\xd81\x00P\xa9T\x03\x06\x0c\x985kVXX\x18\x00\xc4\xc7\xc7\'&amp;&amp;"\x84&gt;\xfd\xf2\xbb\x97\x06\x0c\xcc\xc9*\xde\x1c\xa7\xc7\x90eY\xa3\xd1\xdc\xbc\x96\xd6\xbfk+\x83&gt;\xaf\\\xb9\xf2\x7f\xfeyA\xab\xd5\xb2\rb\x8c\xd2\x04\x13\x80\x12\x89\xdb\n\x1f?~|\xea\xd4\xa9\xfb\xf6\xed\xa3\xc7C\xcbW\xe8\xdek@\xfb\x17\xba\xd7o\xd8D\xab\xf3\x95ep8\x9c\xb4\x19\n\x10\x92\xbf\xbf&lt;\x02@\x1cB\x80\x04Q\x14DQ\xa1\x14\x10@\xc6\xfd\xcc?~?\x94\xf4\xd3\xf6\xbd;\xb7\xdalV\x00@\x08\r\x192\xe4\xa3\x8f&gt;rwz\xf1\xcc\xfca\x8c1\xc6\x82 H\x92\xf4\xddw\xdfM\x9f&gt;\xfd\xd6\xad[\x00P\xbe|\xf9I\x93&amp;\x85\x84\x84\xbc\xfa\xea\xab\x00\xd0\xf7\xb5\x11\xf3\xbeX\x96\x9dY\xd8\xb2wE\x82\xe4\x92\x82Bt?|\xf7\xed\xa41\xaf\x03\xc0[o\xbd\xb5x\xf1b6\t`\x94&amp;\x98\x00\x94T\xf2\xaf\xb5\xae\\\xb9r\xd1\xa2E)))\xeeG#\xeb\xd4o\xd1\xa6C\xc3\xa6-\xebE\xc5h\x03\x02u\x81A\x08A~\x97\x9a\x10p\xb9@\x96\xa5\xbc\x9c\xac\xec\xcc\xfb\xa9gN\xfdq\xfc\xd8\xef\x87\x0e\xdc\xb9u\xd3}N\x97.]&amp;N\x9cH38\x8b\xc4\xf0\xb9/\x92\x99\x99\xb9d\xc9\x92\x85\x0b\x17Z\xad\x0fd\x06!\x14\x16^u\xcb\xfe\x93J\xa5\x8a\xae\x1f\x14\xf2\xb5\x8a\x04Y\x96u\x01\xda\xd1\xaf\xf6\xda\xbbk\xab(\x8a\xc7\x8e\x1dk\xdc\xb81\xcb\ne\x94\x1a\x98\x00\x94l\xdc^\xb9\xd3\xe9\xdc\xb3g\xcf\xcaU\xab\x92\xf6\xee\xa5V\x95\xe2\xeb\xe7\x1f\x10\x18T\xb9ju\x8d\x8fo\xadz\xd1\xb2,\x03\x01@ \xb9\xa4\x8b\xa9g\x1c\x0e\xfb\xcd\xab\x97\xf5\xfa&lt;\xa7\xc3\xe1~J\x85\x8a\x15\xbbw\xef&gt;\xf8\xf5\xd7[\xb6l\t\xf9\x96j\x8bd\xc0\xf9#B\xa9\xa9\xa9\xf3\xe6\xcd\xdb\xb6m\x9b\xc3\xe9\x94\\\xae\x8f&gt;[6p\xf8\x88\x9cl\xafp\xff)\x18c\x8dF}\xe5\xe2\x85\xde\x9d\x9a9\x9d\x8e\xb6m\xdb\x1d&lt;\xf8\x0b\x13\x00F\xa9\x81\t@i \xbf{~\xe9\xd2\xa5\x9d\xbbv\xedML&lt;{\xf6lff\xe6\xd3_\xa4Z\xb5j111\xdd\xbbw\xef\xd6\xad[hh(\xfc\xef$\xa3h\xa1]\xc9DQ4\x9b\xcd5j\xd4\xc8\xca\xce\x8em\x1e\xb7z\xdb^\x9b\xcd\xee\x81m\xa5\xf1%\x04\xf0\xe4\x9f2-\x85]\xd0\x8bK\x92\x14\x18\xa4\xfbd\xea\xa4\xe5\x8b\xe7#\x84\x0e\x1c8\xd0\xae];\x16\x08b\x94\x0e\x98\x00\x94\x12\xa8\xb1\xce_n!77\xf7\xf4\xe9\xd3\xbf\x1f?~5\xed\xea\xad[\xb722\xee\xdf\xbbw\x1f!0\x99\xcc\x92$\t\x02\xdf\xb0aC_?\xbf\xa8\xfa\xf5\xabT\xa9\xd2\xb2e\xcbz\xf5\xeai4\x1a\xfa\xdcbh\x92%I\x12\xc7q\xdf|\xf3\xcd\xa8Q\xa3\x00`\xf1\xea\xcd]{\xf6\xd2\xe7\xea\xf9\x02\xba\xff\x84\x10\x95Z\xadV\x0b\xe4\xef\xcb\x03\xd1\x87$\x19\xccFsA\xc7I\x1b\xdfg\xde\xbf\xf7b\\\x94\xc5l\x1e0`\xc0\xbau\xeb\x98\x000J\x07L\x00J\x1b\xd4\x1d~&lt;\x13\x14c\xac\xd7\xeb9\x8e{\xe9\xa5\x97\x0e\x1e&lt;\xd8\xae]\xbb_~\xf9\xe5\x91\xe7\xd2V\xe9\xc5\xd3\x18\x8b\xe6\x83\xb6l\xd9\xf2\xc4\x89\x135"\xeb|\xbf\xe7\x08G;\xb9\x14\x04\x82\xb1Z\xa3:~\xf8\xd0\xef\x87\x0e \x0e\x11\xfc\xd7OG\x08\x11B\x82\xcb\x95\xef\xf3\xea0\xfa\xba\x05B\x96e\xad\xce\xff\xbdQ\xaf\xef\xd8\xf4\x9d\xbf\xbf\xff\xc5\x8b\x17+T\xa8P\xf8\xc6\x0c\x0c\xc6s\xc7[\x82\xad\x8c\xa2\xc2m\xfa\xe9\x9c\x80\xda)\xea\xce\x07\x06\x06\x02\x00M\xaf\x14E\x91\x86\xe3\xe9\xb3\xe8\t\xc5\xe6\xd5R\x0f\xfa\xf8\xf1\xe3\xa7N\x9d"\x84\xfc\xbb\xcf\xab\x81!:\x0f\x92\x7f0\xc6*\x8db\xff\x9e\x1f\xbf[\xf6\xf9?\x9e\\\xa5z\xcd\xbe\x83\x86{0Z\x04\x801\xe9\xf3\xea\xb0\x9d\x9b\xd7\x1b\x8d\xc6\xf5\xeb\xd7\x8f\x1f?\xde\xbd\x92\xc1`\x94\\\xd8ZV\xa9\x85\x86\xbc\x05A\xe0y\x9e\xe38j\xeei\xce?\xd0\xbe.\x08q\x1c\'\x08\x02=\xa78\xfdY:\x86\xcd\x9b7\xcb\xb2\xacP*\xe3:\xc6\xdb\xac\x12\xefA\xc4\t!Y\x02\xbb\xcd*\x08\x82R\xa9z\xf2\xb9&lt;\xef\xa1\xbd\xe6x\xdej\xb1\xd5m\x10S\xb5FM\x00\xd8\xb2e\x0b]\x18\xf7\xecj\x0c\x86\xf7\xc0\\\x98\xb2\x02z\xc8\xf3\x1e\x08\x00\x00\xcf\xf3\xb2,\xff\xfa\xeb\xaf\x00P\xafALd\xdd\xfav\x9b\r\x15\xdc\xa4"\x00\x8c!/\'[\x92$,\xe3r\x15\xc2\xa2\x1b7u\xb9\\\x8f\xbcM\x0e!Y\x96\xc3\xab\xd6\xf08\xe0)I\xae\xa0`]\xdb\xce\xff\xbav\xe5RJJ\xea\xfd\xfb\xf7\xc3\xc2\xc2X\x14\x88Q\xd2a\x02\xc0(n\xe8\x12\xc5\xfd\xfb\xf7/]\xba\x04\x00-\xe2:j4\xa2\xd5b\xf1$\xa2\x82\x90,cC^.\x00`\x82\xdbu\xf9\xd7\xa2\x95_\xebs\xffz\x85\x16cl\xcb\x97 [ 8\x84$\x89\xb4l\xdbi\xf5\x97\tf\xb3\xe9\xe4\xc9Saaa\xcf(E\x8a\xc1(6\x98\x000\x8a\x1b\xea\x86\xff\xfe\xfb\xefF\xa3\x91\xe3\xb8\x86\xb1-\\.\xc2y\xe4Js\x1c\xe7t\xd8MF\x03\xfd\xaf\x9f\xbf\xcel\x92\x8d\xfa\xbfYK(D^\x13\xe28\x87\xdd\x11Y\xa7~PpHvV\xe6\x81\x03\x07z\xf6\xec\xe1\xd9\xa5\x18\x0c\xef\x81\xc51\x19\xc5\r\x15\x80\xd4\xd4\xf3\x00\xe0\xeb\xe7W\xb3V]\xa7\xc3\xe9A\xfc\x87v\x8fq\xd8m&amp;\xa3\x9e\x1e\t\x0c\n\xe68\x9e\xe7y\xee/\xff\x14"jO\xb7\xda\x85\x96\x0f\x0b\xafV\x13\x00\xfe\xfc\xf3\x02\xb0\x0e\x01\x8c\x92\x0f\x13\x00FqC\rqJ\xca9\x00(_\xb1\xb2. P\x92$\xcf\x8c)\xe28\xbb\xddN\x1b\xf9\x02@@P0\xc1\x00\xcf\xc6.\x13BD\x05W\xa5F\x04\x00\\\xbdz\xd5d2\xd1\xec\xd2g\xf1Z\x0cF\xf1\xc0\x04\x80\xf1|\xd0\xeb\xf5\x00\x10\x10\x14\xec\xe3\xe7\xef\xceF-\x18\x84\xf0\x1co6\x19\xed6\x1b=\xa0\xd5\x05H.\x99\x16\xbf\x93%I\x96%,\xcbEe\xa3\t!\x82\x00\xe5+T\x02\x00\x83\xc1\xe8=\x05\x8b\x18\x0c\x8fak\x00\x8cb\x85f\xce\x98L\xa6k\xd7\xae\x01@\xf9\x8a\x959\x8exf\xa3\t\x00\xc7\xf3&amp;\xa3\xc1\xe9|P\xc8\xa8\\\xc5J~Z^\x10\x83h\x8bL\x82A\x96\xc1a\xb7;\x1c\x8e\xc2olF\x08I\x12\x94\xabX\t\x00\xccfSZZZ\x93&amp;MX"\x10\xa3D\xc3\x04\x80Q\xdc \x84\\.\x97^o\x04\x80\xf0\xaa\xd5E\xd1\xd3@\n!&lt;\xcf\x99\x8d\x06\xfatQT\xdc\xbaq\xed\xd6\x8dk7\xaf\xa5\xd9lV\x84\x90N\x17P\xa5zD\xed\xa8\x86a\xe1\x95\x9dv\x97\xcdf-L\xd2\x0eM9\r\xafZ\x1d\x00\x9cN\'\x9d\xc1\xb0\x10\x10\xa3D\xc3\x04\x80\xf1\x1c@\x08\t\x02\x0f\x00.\x97\xcbc\x13J\x00\x10\x02\xa3&gt;\x8f\xe7y@\x08\x13\xfc\xee\x88W\x1e\xaf\xf4\x10\x18\x14\xd2&gt;\xfe\xc5ao\x8d\xafY\xbb\xaeQo(d\xe2\xa6\xcb\xe5\xa2\xff`\xdb\x80\x19\xa5\x00\xb6\x06\xc0x&gt;\x14\x85\xefL8\x0e\xb2\xb32dY\x96%I\x96\xa4\xc7\xad?\xc7\xf1\xb99Y[\xd6\xad\xec\x17\xdfj\xcf\x8e-Z\x9d\xd6\xc3\xf5\x86\xc7_\x9b\xf9\xfe\x8c\x92\x0f\xf3b\x18\xcf\x07j@\x0b\xe3Gs\x1co1[;\xfd\xab\xe7\xf9s\x7f\xfc\x9a\xf4s\xc5J\xe1\x95\xaaT/W\xbe\xa2\xc6\xc7\xd7%\xb9r2\xef_&lt;\x7f\xeeb\xeaY\x00\x10\x15\n\x93A\xff\xee\xf0\xfe\x81A\xfb\x9a\xb4hm1\x999O\xe7\x01\xee\x013\x01`\x94\x02\x98\x000\x9e\x03\x08!jI\xf5y9\x18{\xb8\x8e\x8a\x10\x92$9\xb4\\\x85\xb9\x8bWee\xdc\xd3\x05\x04\xa95*\x8e\x03\x8e\x03B\x00c\xb0Y\xedgN\x1d\xfbh\xf2\xd8\xcb\x17\xce\x89\xa2\xe8r\xb9fO\x19\xbb)\xf1\x88\xc7\xd6\x1f!\xd0\xe7\xe6\x00\x00B\x1c\x0b\x011J\x01,\x04\xc4(V\x10B\x18c\xadV[\xa7Nm\x00H\xbbtA\x92&lt;\xafP\x84\x10r8\x1cV\x8bY\x17\x18$\xcb.\x83\xde\x90\x97\xab\xcf\xce\xd2\xe7f\xeb\xf5y\x06\x97\xd3\xd9\xa2M\xfb\x95\x9b\xf7T\xaeR]\x92$^\x10.\xa6\x9e9q\xe47\x1f\x1f\x1f\x19\x178\x10\x84\t\x11EH\xbbt\x01\x00\x02\x02\x02\xea\xd6\xad\x0b\x0f\xf740\x18%\x14\xf6\xf3e&lt;\x07\x10Bj\xb5\x1a\x00\xac\x16\x8b\xc3\xeeI\x17\xb0\xfc\x97\xe28Nr\xb9\x00\x10\xcf\xd3\xfa\xa7\x02O\xeb\x9br\\NVNXx\x85\xa1c\xc6\xbb\xfb\x1c\x9c&gt;yL\x10\x11\xfcM\xe7\x80\'\xbf\x90,\x13ZvB\xa1P\x88\xf9;,3\x18%\x13&amp;\x00\x8c\xe2\x86.\xd56h\xd0\x10\x00n\xdd\xb8\xaa\xcf\xcd\x16\x04\xa1\x90!\xf5\xbf\x9bC\x08\xa2h\xb3H\rc\x9b\xf3&lt;/K\x12!\xe4\xfe\xdd[\xd8\xa3\xdd\xc2\x08!\x97\x0b]\xb9\x98\n\x00\x11\x115\xfd\xfd\xfdi\x0b\xb6\xc2\x0c\x9b\xc1x\xbe0\x01`&lt;\x1f""j\x02\x80\xd9d\xba\x9d~C\x14\x15\xcfhM\x15!\x84\t\xf6\xf1\xf5S(\x95Tx$\x97\xe4\xc1u\x08!\x82 \x18\xf2\xb2\xef\xde\xba\t\x00\xd5\xabWgu \x18\xa5\x00&amp;\x00\x8c\xe2\x86\x06|Z\xb7n\xadT\xaa\\.\xe7\x99\x93\xc7\x14J\xce\x83N\x8dO\x03!\x04!\xcej\xb18\x1dN\xfa\xba\xfe:\x1d\xe2\xa0\xc0\xbd\'\tQ\xaaTW/\xffy\xf7v:\x00\xb4o\xdf\x1eX"\x10\xa3\xe4\xc3\x04\x80Q\xdc\xd0\xf6dU\xabV\xad^\xbd:\x00\x9c8\xfa\xab$y^PA\x96\xe5\'\x88\x87,\xcb*\x95p\xe9\xfc9Y\x96h\xf2O\xf5\x88\xda\xf0\x84\xfe\xf1\x7f\x03\xc6X\xa1\xe0N\x1d;,\xcb\xb2R\xa9j\xde\xbc9\xb0\x15`F\xc9\x87\xfd\x82\x19\xcf\x01\x8c\xb1B\xa1h\xde\xbc\x19\x00$\xff~8\xfd\xda5\x95J\xe5\x99C\xad\xd5i5&gt;&gt;\x84\x10Y\x92dY\xc6X\xc6\x18c\x8ceY\x96\\.\x8d\xc6\xc7j\xb5\x7f\xbb\xec\xbf\x00\x08\xcb\xb2\xa8P\xc4\xb6hc\xb7K\x05\xb5\xdd&lt;\xcf\xdb\xac\xce\xfd{v \x84j\xd4\xa8^\xadZ5Z\x8c\xda\x83\x013\x18\xde\x03\xfb\x05\x97fh\x1f`\x89V\xc7\x94\x1fXFwO`\xf7q\xb9\xe8Jf\x16\x88^\xbdz\x01\x80\xc9h8v\xe8\x80\xc6G\x89\x0b\xb2G\x97\x10"\x8abNV\xe6\xc7\x1f\x8c\xff\xf3\xdc\x19\xa5J\x15\x10\xac\xd3\x06h}}\xfd5\x1a\x1f\x1f\x1f_\x7f\x9d6($\xc0d\xd2\x8f\x1f1\xf0\xfc\xd9?\x14\n\x85,\xcb\x9d\xba\xf6\xacU\xaf\xbe\xddjA\xa8\x00\xbf|\x82\xb1Z\xadN\xbb\xf4\xe7\xc5\x943\x84\x90n\xdd\xba\xd1\xab\x15\xf8\r3\x18^\x06\xdb\xccR\xda \x84P+\xcfq\x1c\xc7q\x8f\x97\xbe\xa1;\x98h/\xf8\xfc\xc7\xa9\x0c\xd0g=\xebA\xd2(P\x87\x0e\x1d"""\xd2\xd2\xd2vmY\xdfk\xc0\xeb\x05\xef\t\x83\x08\x90U_|\xb6\xe6\xabE\r\x1a7k\xd4\xacU\x9d\xfa\r\xcbU\x08Sk4\xb2$ee\xdc?}\xe2\xc8\xae\xad\x1b2\xef\xdfS(\x95N\x87#08t\xfc\xf4\xb9\x0e\x87\xa3\xa0)@\x18c\x85R\xf8y\xfb\xf7\x0e\x87C\xa1P\x0c\x1e&lt;\x18X\xfc\x87Q*`\x99\x0c\xa5\x07\xea\xef\xe77\xeb999\xe7\xcf\x9f\xbfz\xf5\xea\xad[\xb7\xd2\xd3\xd3o\xdc\xbc\xc9!t\xfa\xf4\xe9\xbc\xbc\xbc\x80\x80\x80A\x83\x06i\xb5\xba\xe8\xe8\xa8J\x95*\xd5\xabWO\xa3\xd1\xb8\xafC\xdb\xf6&gt;\xd3\x1cGI\x92\x04A\x986m\xdaG\x1f}\x84\x10\xfan\xc7\xc1\xd8V\xad\xcdF\xd3Sn\xd3%\x84(\x14\xca;\xb7ovk^\xe7\x11g\x9c\xe3\xf9\xfc\x93\t\x9a\xaeS\xbeb\xa5\xff\xae\xdc\xd4\xb0I3\x93\xc9T\xa0zpt\x03\x81\xddf\xeb\xde\xba~vfF\xfb\xf6\xed\xf7\xef\xdfO?\x9f\xa7\xbf\x08\x83\xe1\x9d0\x01(\rP\x97\x9f\xda5\x8c\xf1\xf1\xe3\xc7\xf7\xee\xdd{\xe4\xc8\x913g\xcffef&gt;\xcd\x15\xaaU\xab\x16\xd3\xb8q\\\xeb\xd6]\xbat\xa9S\xa7\x0e=(\xcb\xf2\xb3\x93\x01\x97\xcb%\x8abVVVDD\x84\xc1`\xe8\xd1\xf7\xd5\x84o\xbe\xcb\xc9\xfe\x9bv\xbe\x7f\x05\xc7q6\x9b\xed\xfd\xb7\x87\x1eL\xfa\xe9\t\xe1#\xb5Z\xd3\xf5\xa5\xbeoM\x9c^\xb1r\x15\xb3\xd1X\xd0j\xa0\x92$\x05\x05\xeb\xd6.\xffz\xfa\xf87\x08\xc0\xfa\xf5\xeb_y\xe5\x15\xaa^\x05\xba\x0e\x83\xe1\x850\x01(\xd9Po\x9d\x1a\xb5\xdb\xb7oo\xdc\xb8q\xdd\xbaug\xce\x9c\xc9\x7f\x0eB\x10\x18\x14\xa2Rk\xaaT\xafI\x97\x01\x00@\x96\xe5\x9b\xd7\xaeH.\x97&gt;/7\xff\xc9J\xa5\xb2]\xbbv\x03\x07\x0e\xec\xd1\xa3\x87\xbf\xbf?=\xb3\x90%\x94\x1f\x81\x0e\x80\xe38\xa7\xd3\xb9l\xd9\xb2\x193f\x98\xccfI\x92\x96o\xfc9\xaec\'\xa3\xe1i=tB\x08\xcf\x0b\xa2Bq1\xf5\xcc\xa9c\x87\xfeL=s\xfb\xc6u\xa3Q\xefr:9\x9e\xf3\xf5\xd3V\xaeR-:\xa6i\xcbv\x9d"\xeb\xd4\xb3\xdb\x1d\x0e\xbb\xbd\xa0o\x84\xa6\xff\x1b\xf5y=\xdb7\xce\xc9\xca\x88\x88\x888{\xf6\xacB\xa1@\xc8\xf3\xf2\x15\x0c\x86\xf7\xc0\x04\xa0\x04\xe36\xcd\xa9\xa9\xa9\t\t\t\xdb\xb6m\xcb\xcb\xcb\xa3\x0f)\x95\xca:Q\r\xa3c\x9a\xc54mY\xaebX\xa5*\xd5\x05A\x0c\x0c\x0e\xa1_7B\x80e\x9c\x93\x9d\xe9t:\xd2\xaf]\xb9\x9d~\xe3\xf4\x89\xa3\xa9g\x92/_Hq\xff\x1a\xc2\xc3\xab\x0c\x192x\xf4\xe8\xd1\xa1\xa1\xa1\x84\x90"Iz\xc9/W\xbbw\xef\x9e&lt;y\xf2\xb9s\xe7\xe8C\x08\xa0Q\xb3V\xeb\x7f\xfa\xd5b\xb6&lt;\xfd\x0b\x11B\x80\x10\x95\xc6G\xa9\xe4\t\x01\x97\x0b;\xecvY\x96\x10BJ\x95J\xa1\x149\x04v\xbb\xcbf\xb5r\x1c*\xd0\xc2/Er\xb9B\xca\x05|4y\xe2\x8a%\x9f\x02\xc0\xa6M\x9b\xfa\xf4\xe9S\xe4\x8a\xc8`&lt;/\x98\x00\x94H\xdc\x96\xd4`0,X\xb0`\xe1\xc2\x85\xb6\x87}qc\x9a\xb5\xea\xf0B\xf7\xb8\x8e\xf15k\xd5Ui\x14X\x06Y\xc6N\xa7\x93`"I\xce\xfc\t\xf0\xa2\xa8@\x08)\x94J^\x00\x04`4\x98S\xcf\x9c\xfa%q\xe7o\xfbv\xa7]\xfa\x93\x9eS\xa9R\xa5Y\xb3f\r\x192\x04\n7\x15\xc8\xbf&gt;\x91\x9a\x9a:i\xd2\xa4\x9f\x7f\xfe\x99&gt;\xd4\xb7o\xdf\xb0\xb0\xb0\x84\x84\x04\x00\x98\xfc\xd1\xc27\xde}7\xeb~\x9eP\x90J;\x18cB\x9b\xc1#DcV\x84\x00!t\xaeC8\xc4\x15|y\x19\x00@\x96$\x7f\xad\xff\x1f\'~\x7f\xadg\x07\x97\xd3\xd9\xb9s\xe7\xc4\xc4Df\xfd\x19\xa5\t&amp;\x00%\x0f\xf7\n\xe4\xa6M\x9b\xa6M\x9bv\xe9\xd2%\x00P*U\xf1=zw\xef\xf5J\xab\xf6]\x94J\xc1\xe1\x90\xec6\x1b\x96e@\xc8\x1d\xafx$j\xf10\x1f\x94&amp;\x86"\x9e\xe7\xd5\x1a\x1f\x85\x02\xe5\xe5\xea\xf7\xee\xda\xbek\xf3\xfa#\x07\x93\xe8\x99\x1d;v\x9c?\x7f~LL\x8cg\xab\x02n\xa3\x99\x99\x999g\xce\x9c\xe5\xcb\x97S\xb9\x8a\x8e\x8e\xfe\xe4\x93O\xbav\xedJ\x08\xa9]\xbb\xf6\x95+W4&gt;\xbe\xdfn?P\xafa#\xb3\xd1\xc4{\x1cd\'\x04\x10\x14x\xaf\xd7\xa3\xd7\xc0&lt;\xcfK\x92\xeb\x95\xaeqW.\x9e\xe78\xfe\xfc\xf9\xd4\xc8\xc8H\x96\xfe\xcf(M0\x01(aPc*I\xd2\x84\t\x13\x16-ZD\x0f\xb6l\xdb\xe9\xad\x89\xd3[\xb4i\xedt\x12\x8b\xc9\x841F\x1ees\xd2\x15\x02Q\x14}\xfd|0&amp;;6\xad]\xb6h\xde\x95\x8b\xe7\x01@\xab\xd5.X\xb0`\xf8\xf0\xe1\x05\n\x07\xb9\xc3\xfd.\x97k\xed\xda\xb53f\xccHOO\x07\x80\n\x15*L\x992e\xd4\xa8Q\n\x85B\x92$\x9e\xe7\x8f\x1f?\x1e\x17\x17\'IRD\xedz\xdf\'\x1e\xe1\x05Qr\x15x\xbbV\x11"KR`\xb0n\xec\xb0A?\xfe\xb0\x16\x00\x12\x12\x12\xc6\x8e\x1d\xcb\xdc\x7fF)\x83\t@I\x82\x1a\xa0{\xf7\xee\xf5\xe9\xd3\xe7\xc8\x91#\x00\x10Z\xbe\xe2\x84\xe9\xf3z\xf4\x1b(\xcb\xc4l2r\x08y\xdc\xed$\x1fD\x96e\x848\x7f\xad\xbf\xc5l\xf9z\xd1\xdc\x15\x8b\x178\x9d\x0e\x00\x185j\xd4\x92%K\x04A\xf8\xc7&lt;\xc8\xfc1\x9f\xa4\xa4\xa4\xe9\xd3\xa7\x1f;v\x0c\x00T*\xd5\xc8\x91#?\xf8\xe0\x83\xd0\xd0P\xf7;\xa2\x7f/Z\xb4h\xdc\xb8q\x00\xd0\xbd\xd7\x80\x84o\xd6\x99\x8d&amp;B\x88g\xd1\x9bB"IRh9\xdd\xb2\xff\xfew\xce\xfbc\x01\xa0w\xef\xde?\xfc\xf0\x03\xb3\xfe\x8c\xd2\x07\x13\x80\x12\x03M=&lt;y\xf2d\xcf\x9e=\xef\xde\xbd\x0b\x00-\xdbv\x9a\xf3\xf97\xe1U\xab\xe8s\r\x80\x80\xe3\x8a\xd8&lt;\xc9\xb2\xc4\xf3B@\xa0\xef\xe1\x03\x07\xdf\x7fgD\xfa\xf54\x00h\xd5\xaa\xd5\xce\x9d;\x03\x02\x02\x9e\xa0\x01\xee,\xc9\xd4\xd4\xd4\xb9s\xe7\xae_\xbf\x9e\x1e\xef\xd2\xa5\xcb\xacY\xb3\x9a5k\x06\x8f\xe5\x98\xd2\xa7\x0c\x1e&lt;x\xcd\x9a5\x00\xf0\xd2+\x83\xe7-]i1[\x8a?\xe3^\x92\xa4\x90P\xdd\xca\xa5KgMz\x0b\x00\xa2\xa2\xa2~\xfd\xf5W\xadV\xcb2\x7f\x18\xa5\x0f&amp;\x00%\x03\xea~\x9e&lt;y2&gt;&gt;&gt;77\x17\x00\xdex\xf7\x83w&amp;\xcf\x94\xb1l\xb3Z\x9f]N:\xad\xb1\xa3\r\x08\xc8\xc9\xba?m\xfc\x98\xa4][\x01 66611\xf1/5\xc0m\xd6333\x97,Y\xb2p\xe1B\xab\xd5\n\x00\xd1\xd1\xd1S\xa6L\xe9\xdf\xbf?\xfc\xcd\xf6\x02\x1aY\xb2\xdb\xed\xed\xda\xb5;y\xf2$&lt;\xd4\x00\xab\xc5JcD\xcf\xe8\r&gt;2\x06\x8cqp\xa8v\xe5\x92\x07\xd6?00\xf0\xe0\xc1\x83QQQ\xcc\xfdg\x94J\x98\x00\x94\x00\xa8\x9d\xcdo\xfd\xa7\xcd[2\xe2?c23\x8cP,5\tdIR\xa8T\x1a\x8dj\xc2\x9bC\xb6mX\r\x00\xb1\xb1\xb1\xbbw\xef\x0e\x08\x08p\xfb\xc5\xf97\xa3\xadZ\xb5j\xfa\xf4\xe9\xb7n\xdd\x02\x80\n\x15*\x8c\x1e=z\xe2\xc4\x89\n\x85\xc2\xbd$\xf0\x84\xb7\x99\x97\x97\xf7\xc2\x0b/\xb85`v\xc2W\x08q\x16\x8b\xe5Yo\xbc\x92eY\x14E_\x7f\xcd\xaa\xa5\x8bgO\xf9\x0f\x00\x04\x06\x06\xee\xd9\xb3\'66\x96Y\x7fFi\x85\t\x80\xb7C\xdbNeeeEEEeff\x02\xc0\xb4yK\x86\x8e\x19\x93\x95\x91\xc7\x0bB\xb1\x05%0\xc6\x1cB&gt;~\xbe\x93\xc6\x0c\xa5\x1a\xd0\xa9S\xa7\xa4\xa4$\xea\xce\xbb\xc3\xfd\xfb\xf7\xef\x9f7o^RR\x12\x00\xa8T\xaa\x01\x03\x06\xcc\x9a5+,,\x0c\x9e.\x8b\xf4q\rh\xd0\xa4\xf9\'\x8bW\xd4\xaaW77\xc7@\xb3&lt;\x8b\xfc\xad\xd1Y\x8e\xbfNg2\xea?~\xff\xdd\xad\x1bV\x03@@@@bbbll,\xdb\xf4\xcb(\xc5\xb0\x846\xaf\x86\x06F0\xc6={\xf6\xcc\xcc\xcc\xe48n\xda\xbc\xc5C\xc7\x8c\xc9\xca\xd4\x0b\xa2X\x9c!iZ\xbe\xcdb\xb6\xcc[\xba\xf2\xa5W\x06\x03\xc0\xbe}\xfb\xc6\x8d\x1b\xc7\xf3&lt;\xdd.{\xf9\xf2\xe5a\xc3\x86u\xe9\xd2\x85Z\xffN\x9d:\x1d&lt;xp\xc5\x8a\x15aaa\x92$\xb9\'\x07\xff\xf8*\x18cj|\xfb\xf6\xed\x0b\x00gO\xfd\xfeJ\xb76[\xd6\xaf\xd5\xea\xb4j\x8d\x0f\xbdTQ\xbd)Z\x12U\x10\xc4\xe0\xd0\x803\'\x8f\rz\xb1\x03\xb5\xfe\x8d\x1a5\xda\xbf\x7f?\xb3\xfe\x8cR\x0f\x9b\x01x5\xd4k\x1e7n\x1c\xcd\xf8\x1c5v\xca\xd4O&gt;\xbew\'\xefyu$\'\x18#\x8e\xf3\xf1\xf5\x1d\xf4\xef\x0e\xc7\x0f\xff\x02\x00[\xb7n\xed\xd2\xa5\xcb\xfc\xf9\xf3\x97.]\x9a\x93\x93\x03\x00u\xea\xd4\x990a\x82{\xef\x98\x07\xfb\x06\xdcK\x0b3f\xcc\x989s&amp;=\xd8\xadg\xdf7\xde\x9dR\xafAC\x9b\xd5i\xb7\xdbP\xe1\x16\xbd\xe9\xde1QT\xf8\xfak\xee\xde\xba\xb3\xf6\x9b%\xab\x96~\xe6t:\x01\xa0o\xdf\xbe_}\xf5U@@\x00\x8b\xfc0J=L\x00\xbc\x17j\x80\xb6n\xddJ\xeb\xe67k\xdd~\xf5\xb6$\xab\xc5\xc2!\xe4AO\xf3\xa2\x02c\xacT*\xb233zuj\x9a\x93\x95\x19\x1c\x1c\x1c\x18\x18x\xf9\xf2e\x00\x08\n\nz\xfb\xed\xb7\xc7\x8e\x1d\xab\xd5j\x9f\x1c\xee\xffG\xdc\xbb\r\x12\x13\x13\x87\r\x1bv\xe7\xce\x1d\x00P*U\x83G\x8f\xed\xf7\xda\xa8\xcaU\xaabB\xac\x16\x8b,It\xfb\xef\xd3h\x0cy8\x9f\xe2x^\xa5V+\x94BNf\xd6\xde]\xdb\x97\xcc\x9f\x99q\xef\x0e\x00\xa8T\xaa\xb9s\xe7\x8e\x1d;\x16\x9eA\x05$\x06\xc3\x0ba\x02\xe0\xa5Pce6\x9b\x1b6lt\xfd\xfa\xb5\xa0\x90\xd0-\xfbN\x04\x97+\xef\xb0;\x9e\xfbNTY\x92t\x81\xba}?\xed|\xe3\xd5\x1e\xb4\xb9\xaeF\xa3\xe9\xdf\xbf\xff\xa4I\x93"##\xa1\xe8\xac\'\x8d\xc0dff\xce\x9e={\xd9\xf2\xe5\x0e\xbb\x1d\x00\xfc\xb5\xbaN\xddz\xf6\x1a8\xb8nTcm\x80\xaf$\x81\xddnw9\x9d\xf4\x13{$U\x93&lt;h\x0b\x0c\x08!A\x10\x95*\x95\xa8\xe0\xecV\xe7\xd5+\x17\xf7\xec\xd8\xbc}\xe3\x1a\xda\xe3\x17\x00\xbav\xed6\x7f\xfe\xbc\xfa\xf5\xeb\xd3E\x17\x96\xf1\xc9(\x0b0\x01\xf0R\xa8\r\x9d:u\xea\x9c9s\x10B\x9f,Y\xddg\xd0k\x05\xaa\x96\xfcL\x91$)(D7y\xcc\xc8M\xdf.\xe78n\xde\xbcy\xef\xbd\xf7\x1e=\xce\xf3|\x11ZO\xb7\x96\x1c?~\xfc\xc3\x0f\xa7%%\xedu?\x14Q\xbb^\\\x87.-\xdau\x8e\xacS?\xb4|\x98(r&lt;\x0f\xb2\x0c\xf9;\x04#\x04\x82\x00\x18\x83$A^n\xce\xf5+\x17\x93\x7f?| \xf1\xc7\xd43\xc9N\x87\x83\x9e\x13\x15\x15\xf5\xfe\xfb\xef\xbbST\x99\xe3\xcf(;0\x01\xf0Fh\x10\xfc\xd2\xa5K\r\x1a4p8\x1cM\x9a\xc7m\xd8\xfd\x9bAo\xf0\x1e\xdbD;2\x1a\xf4y\xffjY\xcf\xa0\xcfk\xd4\xa8\xd1\x91#G\x14\n\xc5\xb3\xe8\x1f\x90\xbf\x86hRR\xd2\xda\xb5kw\xee\xdc\xe9\xae{\n\x00\xc1!\xa1\xd5#\xebT\n\xafZ\xb1rxph\xc5\xf0\xaa\xd5\\.\t\x01\xf0\x82\xa0\xcf\xcd\xb9\x96v\xd1\x90\x97w\xf5\xca\x9f\xb7o\\\xbbu\xf3\xba\xfbY\n\x85\xb2]\xfbv\x03\x07\x0c\xe8\xdf\xbf\xff?\xa6\xa82\x18\xa5\x12&amp;\x00\xde\x08\xf5C\xe9\xb6X\x95Z\xbdr\xf3\xde\x98\xa6\xcd-\x16KA\x97=i\xc8\xfbi\xce\xf4\xa0\x80\x04\r\x04-\xff|\xe1\xbci\xef\x01\xc0\xaaU\xab\x06\x</t>
        </is>
      </c>
    </row>
    <row r="252">
      <c r="A252" s="1" t="n">
        <v>250</v>
      </c>
      <c r="B252" t="inlineStr">
        <is>
          <t>grid_number_color</t>
        </is>
      </c>
      <c r="C252" t="inlineStr">
        <is>
          <t>What is the missing color if the part denoted with the question mark has the number 9?</t>
        </is>
      </c>
      <c r="D252" t="inlineStr">
        <is>
          <t>['blue', 'yellow', 'red', 'green']</t>
        </is>
      </c>
      <c r="E252" t="inlineStr">
        <is>
          <t>green</t>
        </is>
      </c>
      <c r="F252" t="inlineStr">
        <is>
          <t>There is a 3x3 colored grid of numbers. The first row has number-color pair [(3, 'yellow'), (9, 'green'), (7, 'blue')], the second row is [(9, 'green'), (5, 'red'), (7, 'blue')], and the third and final row is [(5, 'red'), (3, 'yellow'), (9, '?')].</t>
        </is>
      </c>
      <c r="G252" t="inlineStr">
        <is>
          <t>We observe that the grid cells with number 7 is blue in color, the grid cells with number 5 is red in color, the grid cells with number 3 is yellow in color, and the grid cells with number 9 is green in color. Thus, the pattern is that the grid cell with the same number will have the same color.</t>
        </is>
      </c>
      <c r="H252" t="inlineStr">
        <is>
          <t>Based on the pattern that the grid cell with the same number will have the same color, the missing color of the part with 9 should be green.</t>
        </is>
      </c>
      <c r="I252" t="inlineStr">
        <is>
          <t>b'\x89PNG\r\n\x1a\n\x00\x00\x00\rIHDR\x00\x00\x02\x00\x00\x00\x02\x00\x08\x02\x00\x00\x00{\x1aC\xad\x00\x00\x82\rIDATx\x9c\xed\xddw\x9c\x14E\xda\x07\xf0\xa7\xaa\xbb\'\xcfl^6\x00K\xceY\t\x82` \x83\x829\x1cb\x0eg\xd6;OO=\xb3\xa7\x9e\xbez\xe6\x1c\x11TTP\x0cd\t\x06\x94\x9csX\xe2\xe6&lt;\xb9\xbb\xab\x9e\xf7\x8f\x86\x15=T\xc2,;\xe3&lt;\xdf\x8f\x9f;6\xcd\xf6Nu\xd7\xafRW3D\x04B\x08!\xc9\x877\xf6\x01\x10B\x08i\x1c\x14\x00\x84\x10\x92\xa4(\x00\x08!$IQ\x00\x10BH\x92\xa2\x00 \x84\x90$E\x01@\x08!I\x8a\x02\x80\x10B\x92\x14\x05\x00!\x84$)\n\x00B\x08IR\x14\x00\x84\x10\x92\xa4(\x00\x08!$IQ\x00\x10BH\x92\xa2\x00 \x84\x90$E\x01@\x08!I\x8a\x02\x80\x10B\x92\x14\x05\x00!\x84$)\n\x00B\x08IR\x14\x00\x84\x10\x92\xa4(\x00\x08!$IQ\x00\x10BH\x92\xa2\x00 \x84\x90$E\x01@\x08!I\x8a\x02\x80\x10B\x92\x94\xda\xd8\x07\xf03DD\xc4\xc6&gt;\x8a?\x15\xc6\x18c\xec\xf8\xff^*\xca\x98k\x94\xa2\xb4\n\x91\x8a2\x86\xacBl\x94\xab\xf2\x90X\xe3\x96."J)\x11\x91s\xce9uG\x1a\x84\x10\xe28\xbc\xc3RJ)%cLQ\x94\x86\xfb-\xc9\x0c\x11\x85\x10\x8c1\xcey\xc3\xd5 VxSQ6\xa8\xfaK\xb2\xb1\x9ah\xf5\x1a-\x00\xacz\xff\xe03,\x18\x8a\x94\x94\x94\x95\x95W2\xd6\xc8\xb1\x94\xf8\x18\x00r\xce\xda\xb7m\xed\xf3y8\xff\xf9\x0c\x13B\xc4\xb6\xfa\xd8_Yp\xc6\xd9\xcf\xe9\x12\n\x86\xb6m\xddn\xe8\x060\x00*\xc9c\xc1\x18 z}\xdef\xcd\x9b9]\x8e\xfaO\x0b!\x00 \xb6\x15\xb4\x150\xaa\xfa\xf3\xa8\x80\xa1Gkj\xaa\xf7\xee\xde\x15\xc3\xdf\x92\xc4\x18\x006mV\x90\x9a\x96\xa6\xd9\xec\xf5\x9f5MSQ\x94\xc6\x8a\x81F\xa8j\xa5\x94\x0c\x80q\x0e\x00\x95U5\x0b\xbf\xfdq\xce\x9c9\xdb\xb6\xae\xab.\xdf-\x0c\x7f\x8a\x17AR\x9dql\x10\x803]\x17!\xe1u\xbbS\x9b\xe4\xb6\xee\xdd\xa7\xff\x88\xe1C{\xf6\xe8d}=V1 \x84\xa8\xaf\x83\xb6n\xde6g\xf6\xdc\x1f\x7fZT\xb8g{M]u\xd0\xf0k\x0eEJ\x8c\x97\xben\xc2b\n3\x82\xc2\xe3\xf0e\xa77i\xdb\xaa\xfd)\x83N9m\xf0i9yM\xe0@k\xfd\xd8;vV\x8a[E\x19\x8dFV/_:s\xe6\xcce+W\x15\xee-\x0b\x84"\xba\xe2\xa26\xd9\xb1\xb3\xdeCM\x84\xbc.G\xcb\xfc\xec\x13{u\x1f&gt;bd\x8f^\xbd\xed\x0e\x074@\xcb\xecp\x8f\xeax\x96\xeb\xc1\xe7\xd9O\x8bW\xbc\xf6\xda\xeb+\x97\xcei\xd3\xd4&lt;\xb9g\xfa\t]\xb2;\xb6\xca\xf4\xba\xed\xf6t\x17H\x00\xaa6\x8e\x11\x030de\xb9\xbf\xaa&amp;\xbcvK\xd9\x0f+J\x97\xae\x0b\x81\xbd\xc5\xe83/\xb8\xe6\xeaK\xd3\xd3R\xe0\x97\xd5\xf7\x91\x92RZ\xf5N4\x1a\xfdp\xe2\xe4\x0f\'O\xdaQ\xb2%\xb3\xb5\xb7U\xb7f\xcd\xda\xe4\xa5dxS\xd2\xbc\x9aCC\xa4\x92&lt;&amp;\x08\xc8\x19\x0f\xfa\xc3A\x7f\xb0\xbc\xa8r\xcf\x96\xe2\xc25\xfb\xfc\xfb\xa2\'v\xe9w\xc5\xe5W\x0c\x1d1\x04\xac\x16\xd51\x8c$\xd4\x9f\x06\xbb\n\xb7\xbf\xf1\xfa\xab_\xce\x9a_\x8b\xee\xb4\x96=sZwk\xd2\xa2\xbd\xc3\xe5\xf1\xa6eA\xdc\x8cY\'6\x04\x7fuY$\x14,\xdd\xb5\xb9d\xdb\xea\xea\xc2U)\x108s\xf8\xa9\xd7\\w}A\xcb\xd6pl\x97\xe4\xd19~\x01P_e,Y\xba\xf2\xee\x7f\xde\xa5\x99[F\x9e\x92y\xd1\x19\x1d\x9a\x14d\x80\xa2\x80nB\xd4\x04\x81\xd2\x14\xc7\xe7x\xfe\xf4\x18cLS@\xe1\xe0PA\xe5P\x17\xfei\xd9\xee\xf7&gt;\xdf\xb2l#\x1f:\xea\x92\x7f\xdds\x87\xcb\xe54M\xf3\xe0.\xffa\xaa\xff\xa9W_z\xed\xe57_\xd4\xb2\xc5\x89\xc3:w\xed\xd7\xc1\x97\xe6\x95\x02u\xdd\x10\xa6\x10\xa6@I\xd5\x7f, p\x85s\x85k\x9a\xaa\xd95D\xac,\xadZ\xbe`\xed\xfaow\xb8\x8d\xf4\xfb\xff\xf5\xc0\x88Q\xc3\xe1\xa8\xea\x8e\xfa\x0eD\xd1\xbe\xbd\xf7\xdd\xf3\xcfy\xcb6\xf9\xda\xf4\xebv\xda\xb99-;\xd8\x1d.\xd3\xd0M="\xa5\x10\xa6\xd10\x7fX2RT\x8dsE\xb5\xd9U\xcd\x1e\x8d\x84K\n7\xae\x9d?\xa5v\xdbO\xa7\x9d\xd8\xfe\x91\x7f?\x91\xdf\xb4\xd91\xc6\xf9\x91:N\x01`U\x19\xa1P\xe8\xfa\x1bn[\xb3t\xda\xbd7t&lt;\xef\x8cN\xe0\xb6C]TDM\x04\xe4\x07\xfefjj\xc4\x90\xb5\x88C"\xa0DU\xe1\xe0\xb6\x81K\xdb\xb7\xa5\xec\x89\x97\x97\xcc[\xca\x1ex\xf8\xc9\x0b\xce\x1fk\x9d\x00\x87\x7f\xc2Y\x15\xcdO?.\xbe\xe9\xc6\x1b\xcd4\xff\x99\xd7\x9e\xde\xa6K\x0ba\x8ap0*L\x01\x0c\x18c\x0c\x18U\xfd\xb1\x85\xb8\xbf\xc2\x06\x00US]^\xa7\x10b\xf5\xf7\x1b\xa6\xbf\xf5m\xe7\xbc\x9e/\xbf\xf6J~~\xde\x11\xc5y}\x83\xec\xc9\xc7\x1ey\xfe\x8d\xf7\x9b\xf6?\xbf\xf7\xe8\xcbR2\x9aDB~#\x1aF)\x19;0"A\xd7d\x0c\x1dXX\x85(\x19\xe7\x9a\xdd\xe9pyk+K\x97M\x9f\xb0\xe7\x87\x8fo\xba\xfa\x92\x7f\xde{?\x1cT:\r\xedx\x04\x80u^.[\xb1\xfa\xb2\xf1\x97\x9eqR\xf8\x91\x7f\x9en\xf3:\xb0&amp;l\xfd\x91tv\x1d7R\xa2\x94\xa8:5\xf09\x96.\xdaq\xfd?\x17\xf6&gt;\xed\xeaW^|\n\x0e\xef\x84\xabo0\xfe\xf7\xff\x9e}\xea\xa5\xc7\xcf\xbc\xe9\x94\xfe#N\x88\x86\x8dp(\xc2\x18;x\xaa\x9944)$0\xe6\xf6:\x11\xf1\xeb\xf7\xe6\xad\xfab\xfb\x0b\xcf\xbe|\xc6\x98Q\x87\x99\x01V\x8aWWU]6\xee\xa2e\xc5\xe2\x8c\x9b\x9e\xccj\xda*TW-L\x83\xf1F\x9b\x90LB\x88\x88R(\xaa\xe6\xf2\xa5U\xec+\xfc\xea\x85;{\xe6\xb2\t\x93&gt;JO\xcf8&gt;\xc3A\r\x1e\x00\x86ah\x9a\xf6\xe1\xc7\x9f\xdfs\xfb\xe5/=\xd2g\xd49\xdd\xa0&lt; L\xa1(\xb4\xe8\xb3q \x82\x10RMq\x9a\xa6\xb8\xe6o_n)m5{\xd6\x0c\xb7\xdb\xf9\xfb\x19P_\xfb\x8f\xbb\xe8\x92\x9f\xb6\xcd\xbf\xf1\xc9K\xd3\xb3S\xeb\xaa\xfc\x8c7\xf2:\xb6d&amp;%2\x06\xa9\x99)\x1b\x97m}\xe3\x9e\x8f\xffq\xfd=w\xde\xfd\x8f?\xcc\x00\xeb\x1b\xb6l\xda8b\xd4\x19\x99}\xce\x1fz\xf9?\xa3!\xbf\x1e\tq%\x8e\xee\nJ6R\x98\x9a\xdd\xe9p\xfb\xe6\xbc\xf7d\xf9\xe2\x8ff~\xfde\xfb\x8e\x9d\x8fn\x84\xf6\x884l\x00X\x7f\xc0\xfb\x93\xa6&lt;\xfd\xd0U3&gt;\x18\x93\xdb&lt;\xc3(\x0f\xa8\x1a\xb5\x15\x1b\x9f\x14\xc8\x14\xc6\x9a\xf8\x9e\x7fr\xce\xc4o&lt;\xdf\xcc\x9d\xed\xf5\xb8~+\x03\xeak\xff\x8b\xce\xbb\xb8\xd0\\{\xe3\xe3\x97\x06\xeb\xc2z\xd4\xa0\x14\x8f\x07\xc2\x14n\x9f\xcb\xd0\x8d\'\xaf{\xed\xba\xf3n\xfb\xe7\xbf\xee\xfa\x9d\x8a\xc3jWnZ\xbfv\xd8\x19g\xf5\x1a\xffX\xb7\x81\xa3k*\x8a\x18c\x8cQQ62D\x89R\xa6f\xe5\xad\xfda\xc6\xb2w\xef\x9e\xfd\xd5g\x1d\xbbtk\xe8~@\x03\x06\x80u\xe8\x1f}\xfc\xf9\xe3\xf7]\xfe\xcd\xc7ggfx\xcc\xda\x88\xaa\xd1y\x16/\x10A\x98Rm\x9a\xfa\xe2\xd3\xdfL\x9a\xeb\x993{\x86\xd3\xe9\xf8\xdf\xb5h\xf5\xcb\xc3\xffr\xe1\xb8\x1d\xc6\x9a\x9b\x1e\xbf\xbc\xba\xac\xc6\x1a\xebo\xac#\'\xbf"\x85\xd4\xec\x9a\xa2*\x8f]\xf5\xd2\r\x17\xfe\xfd\xce\xbb\xef8d\x06X\x01\xbfy\xd3\x86\xa1\xa3\xc6\x9ex\xf9\x13\x9d\xfa\x0c\xae\xad,VT[\xa3\x1c39$a\xea)\x199\x1b\x97.X\xfa\xf6?fO\x9f\xd6\xa1c\xe7\x06\x9d\x0fh\xa8\x00\xb0\x0ez\xe5\xaa\xf5cF\xf4[\xf1\xd5\xd9Y9)\xa2.\xa2\xa8T\xfb\xc7\x1d\xdd\x10\xb6\x82\x8c\x07\xff\xf1\xd9\x92\xbd\xdd\xa7\x7f\xf9\x89a\x98\x9a\xf6\x8b\x8a\xc3\xaaJ\xee\xfe\xc7=\x9f\xfd8\xf1\xfewo\xab(\xaab4s\x13\x7f\xa4DMS\x14M\xb9\xfb\xac\xa7\xdez\xf6\xfd\xb3\xce\x1d\xfb\xab\xc6\xa3\xb5\x08;\x12\x89\xf4\xea\xd9\xa3\xf5\xd9\xf7\x9e0\xf8\xec\x9a\xf2"\xaa\xfd\xe3\x900\x8d\xd4\xac\xdc\x15\xf3\xa6m\x9d\xf2\xc8\xca\x95+\x9d.W\xc3\xad\x0bj\x90\x1a\xd9\x1a1\x08\x06\x83\x17_|\xe1\x9b\x8f\xf5\xcbj\x9eaR\xed\x1f\xafl\x9ab\xec\xae~\xf0\x913\xb0\xf2\x9b\'\x9e|^\xd3T\xeb.S\x8b\xd5\xf6\x9f\xfe\xd5\xcc7?~\xe5\xf6g\xae\xae.\xabe\x8dp\xb7\n\xf9c\x9c3C7\x19c7\xff\xf7\xd2\xebo\xb9v\xf7\xae=\x9cs)e\xfd7Xyp\xed\x95\x97\xda\xda\x0f=q\xe8yT\xfb\xc7-E\xd5j\xca\x8bN\x18r\x8e\xa3\xe3\xb0\xab\xaf\xb8\xf4W\xe5\x18[\rR)[w{\xfd\xf5\x86\xbf\x8d\xe9\x1b\x1e~nw\xa3\xdc\xafR\xed\x1f\xc7T\x85\xc9\xba\xf0\x87\xaf\x9d\xfd\xea\xf3\xf7\xae\\\xb5\x8esne\x00"2\xc6\xca\xcb\xca\xaf\xbd\xe1\xeak\x1e\xbb@\xd1\x14aJ\xaa\xfe\xe3\x16Wx\xc8\x1fn\xdd\xb9`\xe0%=\xc6_2\x9e\xb1\x9f\xf7q\xb3\x82\xfc\xbd\xb7_\x9f\xbel\xe7\x99\xd7?Z[N#?qMQm5\xe5Eg\\\xff\xc8\xac\x95\xbb\xdfy\xf3UEQ\x0en\x96\xc5P\xec\xebek\xf0g\xf9\x8a\xb5\xcb\xbe\xff\xe8\xf1\xfb\x86\x89R\xbf\xaa\xd1\x96Rq\x8d1\x90\x1135/\xe5\xe1\x1b:\xfe\xe3\xce\x7f\xd6W\xf1\xd6\xed\xe9\x8f=\xf2xA\xdf\x8c\xce\xbd\xdb\x05\xebB\\\xa1\xda?\xae)\xaaR]^;\xfa\xd2\xc1;k7}2y\xaaUqXA\x1e\x0c\x04\x1e~\xec\xa9Q7&lt;a\x1a\x11\xbaK#\xfe1\xc6\xcchd\xd4\rO&lt;\xf2\xf8\xd3\x01\xbf\xbf\x81v\xe3h\x90\x869c\xec\xb6\xdb\xff\xf6\xd8-\xdd\x14\xaf\x1d\x84\xa4\x93-\xfe\xa9*\x17e\xfeK\xaf\xea\x1f\xad\\4\xe5\xb3\xe9\x8a\xa2\xe8\xba\xae(\xca\xc6\xf5\x1b?\xfaj\xe2\xc5\xb7\x8d\xad\xa9\xa8ST\n\xf2\x04\xc08\xd3#\xfa\xc5w\x9cy\xdf\x03\xf7F#Q\xce\xb9i\x9a\x9c\xf3\xc7\x1f}P)\xe8\xd7\xaa[\xbfH\xa0\x8e\xd6\xfc\xc4?\xc6x$X\xd7\xb2k_\xade\xff\xc7\x1ey\xa0\xbe_\x1e[1&gt;\x0f\xac\xe6\xff\xe2\xa5\xab!\xb8\xf6\xacs\xba\x89\xaa\x10\xad\x14L\x1c\x0c\x11\xee\xbe\xa6\xdb\x1bo\xbc\xba\xffc\xc6^{\xf5\xf5\x1e\xc3\xda\xfa\xd2\xbd\x82\xb6\xe8H\x10\x8c\xb1p0\xd2\xf1\xc4\xb6Z\x8e\xf9\xd9\x94i\xd6\xae\xce\x01\x7f\xdd\x94\xaf\xe7\x0e8\xef\x86\xb0\xbf\x9a\xd6\xfb\'\n\xae\xa8\xe1\xba\xea\x01\xe7]?u\xfa&lt;\x7f]\xad\xa2(1\xef\x04\xc4&gt;\x00\x00\xe0\xf9\xe7_8oh\x13\xe6\xb2\xd3\x0e\x82\tDQ\x18\xd6\x86\x87\x0f\xefX\xb1\xfb\xc7\x15+\xd7\xd9l\xb6\xca\x8a\xaa/g\x7f&gt;hL\xdfP]\x88\x9e\xd6\x90@\x18c\xc2\x14\'\x9d\xd9\xf3\xd5\xd7_\xb6\xdad\x9f|\xf4A\xc0\x91\x97\xdf\xaa\xa3\x1e\t\xd3\xd6\x0e\t\x831=\x1a\xcek\xd91\xe4\xca\xff\xe4\xa3I\x8c\xb1\x98w\x02byU#\xa2\xaa\xaa\xd55u\xab\x97\xcd\x1d\x7fVW\xa8\x8dP\xf3?\xb1H!\x95\x14\xd7\xa8\x81\x19\xaf\xbf\xf9.\x00L\xf9x\x8a3\x97\xe7\xb7\xca\xd5\xa3\x06\x8d\x1a\'\x10\xc6Y\xc8\x1f\xeeyr\x97\x1d%[\xd6\xadY\x0f\x00\xefO\xfc\xa0\xcbi\xe7\x99\x86A\xb5\x7f\x82a\xcc4\xa2]N;\x7f\xe2\x07\x93\x01 \xe6\xed\xb0X\xbe\x9c\xd5\xfc_\xf0\xed\xa2v\xf9Fz\x8b\x0c\x115\xe9\\K,\x9c3\x08\xea\xe7\x0ek\xbbf\xe5\xf7\x880o\xc1\xbc\xee\xa7t\x90BR\xed\x9fp\xa4\x90n\x9f\xabi\x97\xaco\x17~\x17\x8d\x04\xb6\x16\xd7\xb4\xea\xd6?\x1a\xf2sN\x139\x89\x84s%\x1a\n\xb4\xea\xd6\xaf\xb0\xcc_\xbco\x0f\xe7&lt;\xb6\xc3*1\xee\x01\x00\xc0\xcc\x99\xb3\x06\x9d\x98\x89j\xec\x87\xabHC\xe3\x9caX\xef\xd65\x8f\xebE\xab\xd7l\xd8\xbegs\x87^\xad#\xc1(-\xfdL&lt;\x0cLC\xb4\xef\xddr\xf1\xb2\xc5\xdf\xce\x9f\x8f\xbe\xfc\xd4\xcc\x1cI\x1b;\' a\x1a)\x199\xe8\xcb\xffv\xc1&lt;8\xd0\xce\x8e\x95X\x06\x80u\xc3\xc2\xb6\xcdk{w\xcba\x11\x93\xd1\x96?\tH\x08d&gt;{\xfb\x96\xce\x89\x13\'+.\x99\xde$\xcd4\x0c\n\x80\x84\xc3\x18\xd3#z\xb36y\xfb\xca\xf6|\xf5\xd5\xf4\xdc\xb6=\xf6\xefDL\x12SF\x8b\xceK\x97-\x03\x808\xed\x01X\x9b\x85\xe9\x86\xa8\xad\xda\xd7\xb6E\x06\x18&amp;m\x17\x90\x90\x10\x81\xb1\xcem\xd3&gt;\xfdx\xaa\'\xcb\xe9p\xd9%=\xa13\x011\xc6L\xc3\xcc\xccI\xaf\rV\xce\x993?\xafug\xd30h\xf5g"b\x8cK\xd3\xcc\xcco\xbbe\xdbv8\x92Gw\x1c\x8eX\x06\x00\x00\xec\xdbW,\x8c:\xb7\xd7\x81fC\xdd\xbbL\x1a\x16\x03\x10\x98\x93\xe9\xae\xac\xda\xe7\xf2:\xe8\xc1.\x89\x0b\x11mv\x9b\xe4fIY\xb97-S\n\xb3\xb1\x8f\x88\x1c%)LoZFqI\x85uKG\x0c;\x011n\x11\x14\x97\x94\xa5\xb8\x85;\xc3\x8d\xa6\xa4\x0e@"b\x8c\x81);\xb6N\x0f\x04\xaa3\x9b\xa65\xf6\xe1\x90\xa3\x87\x12\x1d.\xbb+M\xab\xae\rd\xe44\x17:\xcd\xe5$$\xc6\x98iF\xd3r\x9a\xd7\x84\xa2F\xac\x0b1\xc6\x01\xa0\xaa*\x00\x03\x1a4Hp\x86)\x01\x98\x14T\x8e\x89\r\x11\x01\x811.\x85I\x0b@\x13\x19\x93\xc2T\x95\xd8o\xc4\x18\xe3\x00\xa0\x95?\x7f\x0e\x8c\x01\x00=\xd2\xfdO\x02\x91\x9e\xeb\x9b\xf8\x18k\x88\xca\x95&amp;\x85\x08!$IQ\x00\x10BH\x92\xa2\x00 \x84\x90$E\x01@\x08!I\x8a\x02\x80\x10B\x92\x14\x05\x00!\x84$)\n\x00B\x08IR\x14\x00\x84\x10\x92\xa4(\x00\x08!$IQ\x00\x10BH\x92\xa2\x00 \x84\x90$E\x01@\x08!I\x8a\x02\x80\x10B\x92\x14\x05\x00!\x84$)\n\x00B\x08IR\x14\x00\x84\x10\x92\xa4(\x00\x08!$IQ\x00\x10BH\x92\xa2\x00 \x84\x90$E\x01@\x08!I\x8a\x02\x80\x10B\x92\x14\x05\x00!\x84$)\n\x00B\x08IR\x14\x00\x84\x10\x92\xa4(\x00\x08!$IQ\x00\x10BH\x92\xa2\x00 \x84\x90$E\x01@\x08!I\x8a\x02\x80\x10B\x92\x14\x05\x00!\x84$)\n\x00B\x08IR\x14\x00G\x0c\x1b\xfb\x00\x08!$&amp;\xd4\xc6&gt;\x80x\x87\x08R"\x022`\x8c\x03g\x8c\x01 \x00J\x94\x88\x00\x8cs\xe0\x8c5\xf6a\x92\xc3\x82\x12\x11\x11\x00\x18g\x8c1\x00@D\x94\xbf\xf8\x0c\x89/\x88\x8826/\xc5\x18c\xd4\xe4\xfd\x05\n\x80\xdf$%"\x82bS\x14\xa7\n\n\x03\x81`\x080$Hd\ng.\x85k\x1c\x10 l\x88\x88`\x0c8\xa7\xea#~Y\xb5\xbc\xcd\xa9i6\rQ\x1a\xba0\r\x93\x01\xd3\xec\xaa\xaa\xa9\x8c\x81\x1e1\xf4\x88A1\x10g\x90+\xaa\xe6p\x1d\xeb\xab\x000\x00a\x1af4\x0cT\xbe\x07\xa1\x008\x04)\x11\x00\xb8\xc7\x06\n\xab.\n,YX\xb6dM\xd9\xa6\x1d5\xc5\xe5\xa1@\xd0\x10\x02m6\x9e\x96bo\xd3&lt;\xa5w\xf7\xacS\xfb\xe67k\x9d\nQ!\xc2\xa6\xa2\xd0\xb9\x15\x8f\xa4\x90\x0e\xb7\x1d\x18\xec\xd9T\xbcii\xe1\xee\xcdE\xd5%\xb5\x91\x90\xce\x00\x1cn{f~Z\x8b\xce\xf9\x1d\xfb\xb6\xcem\x99\xadG\x0c#jp\x85\xda\x89q\x00\x91)j\xa8\xae\xaax\xd9\\`\xc74\xf6\xca\x18CD_V~V\x8bN\xc24(\xe3\xebQ\x00\xfc\x02"H)\x15\x8f\r\x18\xfb\xf1\xa7\xa2\xb7&gt;\xd94s\xe1\xee}\xa5\xc1\xdf\xf8\xf6=\xf0&gt;\xa4\xa5\xd8\xc7\x0emq\xef\x8d\xbd\xda\xb4\xcf\x105Q\xca\x80\xf8\x82\x80\x88\xeeT\xd7\xd6\x15;g\xbc\xf3\xed\xc6\x9f\xb6\x1b\xba\xf9\xabo\xd9\xb2b\xe7\xa2/W\xba\xbc\x8e\x13\x87u\x1du\xe5)\x19y\xa9\xa1\xba0e@\xa3CD\xcd\xe6\xac\xdc\xb3\xf9\x8b\'\xaf\x89\xc9\x0bv:\xe5\x9c3\xeex\xcd\xf4W1\xa6\xc4\xe4\x05\xff\x04(\x00\x0e\x82\xc0T\xa6x\x9cK~\xdc\xf7\xef\x17\x97\x7f5o\xb7\xc4\xfd\xad\x8e\xd6\xcd}\x1d\xdb\xa4\xb5l\xea\xcdL\xb5\xab*\x0f\x85\xcd]\xc5\xc1u\x9b+Wo\xac\xac\xae\x8d\xbe\xfb\xe9\xe6\xcfg\x15\xbe\xf2\xe8\xa0\x8b\xce\xef@\x19\x10W\x10\xd0\xe9q|\xfd\xc6\x82/_\x9bg\x1a\x02\x00\xdc&gt;gA\xc7\xbc&amp;-2\xdd&gt;\x17\x02\x06\xaaCE;\xcav\xae\xdf\x1b\xf2G\xbe\x9d\xb2t\xcdw\x9b/\xbd\xef\xacn\x03\xdb\x07kC\x94\x01q\x00\x19?\xd6\xca\x9as\x85)\x8a\x14\xc2\xe6\xf2\x01]\x9a\xbfD\x01\xb0\x1f"\xa0\xc2\xaa\xeb\xf4\'\x9f\\\xfc\xdc;k\xa2\x86\x04\x80f\xb9\xee\x0bF\xb79{X\xcb\x9e\x1d3\\\xa9\x0eP9p\x00`\x80\x08\x12e@_\xb2\xb6\xfc\x997\xd7|2c{\x8d_\xbf\xf8\xd6\xb9(\xf0\xe2\x8b:R\x06\xc4\t)\xa5\xcb\xeb\xfa\xe4\x99\x19\xb3\xdf\xff\x1e\x00\xdc)\xae\xe1\x97\x9e\xdc{x\xd7\xf4\x9c\x14US\xea\'\x81\x8d\xa8Y\xb2\xb3b\xee\x07\x8b\xbe\xff|yMY\xddK\xb7O\xbc\xf6\xf1\x0bO\x18\xda\x852\xa0q1\xce\xcdh8\xabE\xc7\xbf&lt;\xf1\x05\x1c\xcd\x18\x10\x93\xd2tz\xd2VN\x7fg\xd5\xcc\t\x8c\xb16}\x86I\xd3d\x14\x02\x07\xa1\x00\xd8\x0f\x11\xb9]\xdd\xb5\xae\xf6\xc9\xd7W\x01@\x93\x0c\xe7mWv\xbb\xe6\xa2\x8e\x19\xf9^0$DL\x19\xd0%\xe2\xfe\x93\x90\x01\x03\xa6(\xac_\x9f\xdc\x8f\x074}\xfd\x8d\xd57&lt;\xf8\x1dJ\xb8\xfa\x9e\x05\xbd\xbbe\xb5n\x93&amp;\xc3&amp;\xcd\t7.)\xa4;\xd5\xb5\xe0\xe3%V\xed\x9f\xdb2\xeb\xba\'/*\xe8\x90\x17\x0eF\xa2!=\x82?\xd7&amp;\x8c\xb1\x9c\x16\x99W&gt;rn\xbb\x13Z\xbe\xff\xe8\xe7F\xd4|\xeb\xbeO3\xf2\xd3\x9a\xb6\xcd\x89\x86u*\xc7F\x84(mNO^\xfb\x13\x8e\xf2\xe7\x19C)\xf7mZ\x02\x80\xb9\xedO(\xe8&gt;P\x0f\x07\x18\xa7P\xff\x19\x05\xc0~\x9c3\x110z\x9d\xd4\xf4\xb1\xbf\xf5Y\xb6\xae\xfc\xb9\x87\x076m\x99\n\xfe\xa8Y\x19f\x9cq\xc68g\xfc\x7f\xda\x0e\xc2oH\xd4\xaf\xbd\xb1WEU\xf8\xde\xff.\rE\xc4\xc3/,\x9f\xf0\xeap\x19\xfa\xf5@39\x9e\x10Q\xb3ke\xbb+\xa7&lt;?\x8b1\xe6\xcb\xf4\xdc\xf4\xdc%\xd9M3j+\xfc\\\xe5\x8c\xb3_5\x03\xf5\x88\x11\tE\x07\x9ds\xa2\xaa)o\xde\xfb\x89\x1e1&amp;&gt;:\xed\xce\xb7\xaf\xa1\xda\xbf\xd1\xa1\x94z\xf8\xb7&amp;\xe1~\x8f\x94\xc2\xe9M[\xbf\xf0\x93\xf2\x9d\x1b\x01\xa0\xdb\xd0q\x8af\xd7#!\x9a\x008\x18\x85\xe1\xcf\x14\x85am\xe4\xee\x1bzNy}D\xd3\x1c\xb7Y\x11B\x13U\x95+\xfc7W\r(\nS\x15.\xcaC\xff\xb8\xb6G\xebf&gt;\xc6\xe0\xcb\xf9\xbb+v\xd5)v\x05\xe9\x86\xb1\xc6\x83\x12\xed.\xdb7\x1f\xfc\x18\xf6G\x10\xf1\xbc[\x87\xe7\xb6\xcc\n\xd4\x86\x94\x03#?\xbf\xc28ST\xa5\xa6\xac\xae\xff\x99=\x07_|\x12\x00\xec\xdc\xb0\xef\x87/V\xb8\xbc\x0e)b\xb4\x08\x9d\x1c-\xc6\xf9Q\xfc\xc7\x15E\ns\xcd\xecI\x8c\xb1\x94&amp;\xcd\xdb\xf4\x1d\xa1\x87\xfc\x9c\x9a\xff\xbfDo\xc7/0\x004QFL\x196U\xf5\xb0n\xf0b\x0c\xd0\x94Z\x9a\xe3\x8c\xd3\x9b#BM]t\xe5\x86\np(\xd6ZRr\xfc!\xa2jSjJk\x97\xcdY\xc7\x18+\xe8\x98w\xe2\xd0.\x81\xea\x90\xaa\xfdA\xd3\x8f\xab&lt;P\x1b\x1ay\xe5\xa0\xf4&amp;)\x8c\xb1y\x1f\xfe\x18\xf2Gh\x1a \x11\xa1\x946\xa7w\xcf\xba\x1f\x8b6-C\xc4\xce\xa7_\xe0N\xcd\x12\xa6\x014\x01\xf0Ktr\xff\x1ac`\r\xf8\x1c\xc9\xcf\x00"to\x9fa}T\xb8\xd7\x0f\nG\xda3\xa2\x91\xa0D\x9b\xc3\xb6}\xed\x9e\xda\n?"\x9e0\xa4\xb3\xcdi\xc3\xc3\xe8\x911\xc6L]\xa4fz\x07\x9es""\x16\x17\x96oZ\xba\xc3\xe1\xb6KI\x9d\x80\x04\x83\x80\x9c\xf3\xd5\xb3&amp; J\xbb\xdb\xd7\xf9\x94s\x8dH\xf0\xd8\x17\x14\xfd\xf9P\x00\xc4\x00\x03\xc6\x10S}v\xeb\xc3@\xc88\xc6\xfbV\xc81R\x14\xbes\xdd&gt;\x00`\x8c\xb5\xee\xd6\xdc\xd4\xcd\xc3\xbc\xf7\x87+,\x1a\xd1{\r\xeelwh\x00\xb0z\xe1&amp;\xce9\x15ebA\x946\xbb\xab\xacp\xfd\xf6es\x01\xa0m\xbfQ\xe9\xf9m\x8ch\x84\xee\xff\xfa_\x14\x001`\xd5\x0f\xba!\xac\x0f\x9dvu\xff\xbd\xe7\xa4Q0\x10B\x96\xee\xae\x00\x00\x97\xd7\x91\x9e\x9b*Lq\x98\xc5\xc1\x183\xa2fv\xf3\xf4\xfcv9\x00\xb0}\xf5\xee \xdd\x14\x96hPJ\xd5\xee\\;\xf7C3\x1a\xe6\x8a\xdam\xe88\xd3\xd4\xa9\xf6?$:\xb3c\x01\x119+\xdc\xeb\xb7&gt;*\xc8\xf3\x80@Zn\xdcX\x180)\xa4\xbf*\x08\x00N\x8f\xc3\xe9\xb1\xcb#)\x0e\x94h\xb3\xdb\x9a\xb7\xcf\x03\x80\x8a\xa2\xea\xca\xa2j\xcd\xa6"\xcd\xe8$\nDU\xb3\xd7\x96\xed\xde\xf8\xedg\xc0X\xb3.\'\xe5u8\xc1\x08\x07i\xf5\xe7!\xd1\x9b\x12\x03\x8c1f\xc8\xf9?\x151\x06^\xb7\xd6\xb3S&amp;D\x05\x9do\x8d\x86\x810\xa5\xb5\xe5\x83fW\xb95\x1fsdq\x8c9-2\x01\xc0\x88\x9ae{*\x15M\xa1\x19\x9dD!\xa5\xb0\xb9&lt;\x9b\xbe\xfd&lt;T[\x01\x88\xdd\x87\x8f\xe7\x9c\x8a\xef7Q-u\xacLS*&gt;\xdb\xea\xe5%\x0b\x96\x16#\xc2\xb0\x01Ms[\xa5\x8a\xc8\xe1\x0e:\x93\x86P\xbf\xa9\xa7\x94\xf2\x88+\x7f\x00\x94\xe8\xcb\xf0X\xff\xae,\xae\xe1\nM\x03$\n\xe4\x8a\x1a\t\xd4\xac\x99\xf3\x01c,\xa3Y\xbbV\xbd\x06GC~N\xd3\xbf\xbf\x81\x02\xe0\x98\x98\xa6T\x9d\xaa\x1e6\xaf{\xe0;\xc3\x10\xaa\xc2\xee\xbf\xe9\x04\x14\x92*\xff\xc6\x84\xa0(\xdc\xe1\xb6\x03@$\xa8\xeb\x11\x831~D\xb7e \x80\xa2\xee\xbf4\xea*\x03\rq\x8c\xa4!H!\xed.\xef\xf6\xa5s\xaa\xf6mC\xc4\xaeC.\xb6{|R\xd0]\x99\xbf\x89\x02\xe0\x0f \xfe\xfa?\x89(\x04\x9a\xa6\x04\x045\xddY\x172/\xb8n\xe6\xe2\xd5e\x88\xf0\xe4?\xfau\xeb\x9d+\x03\xb4\x7f@cBDE\xe5\xe99)\x00\x10\xa8\r\xd5V\xf8\x15\x8d\x1f\xd1\xaa,\xcey\xc5\xbej\xeb\xdf!\x7f\x04\xe8\xa6\xbe\x04\xc1\x18\x13\xa6\xb1j\xe6\x04`\xcc\x95\x92\xd9a\xe0X=\x1c\xa0\xe6\xff\xef\xa0\x00\xf8\x03La\xbf\xf8O\xe5\xdc\xae*&gt;\x9b\x9a\xe1D\x95\x7f\xf9\xf5\xb6\x01gM\x996o\x17\x00&lt;t\xeb\x89\xb7\xdf|\x82\xa8\x89(\xb4h$\x0e4k\x97\x0b\x00\xc2\x10;7\x16\xa9G8\x8b+L\xb1j\xe1&amp;\xeb\xdf\xa6A\xed\xc7\xc4\x80R\xda\\\x9e\xbd\xeb\x7f\xda\xb7q\t v8ylJvsS\x8f\xd2\x13`~\x07\xed\x05\xf4{\x10 \x126P\x1eX\xd3\x89\xa0\x9b\xb2\xa6.\xbauw\xddw\xcbK\xa6\xcc\xd8\xb1a[5\x00tm\x9f\xfe\xef;\xfa\x9e9\xba\xb5\xa8\x8b*\xd4\xf6ol\x8c1C7\xdb\xf6*P5\xc54\xc4\xf2\xd9k\x07\x9ds\xe2a\xfe\xac0\x857\xcd\xb3\xfc\x9bu[W\xec\xe4\n\x97B\xd2z\xdeD\x81\x80\x9c\xab\xabg\xbd\x8fR*\x9a\xbd\xeb\x90\x8bL=L\x8b\x7f~\x1f\x05\xc0\xa1!\x02SY\xc8o\x9cv\xd9\x97\x15U\x11\xeb\x89B\x00\x10\xd1E\xad_\x0f\x85M\x00\xc8H\xb5_}a\xc7\x0bG\xb7\x1e2\xa89\xa8\xcc\xa8\x0ck6\xeal6&gt;\xc6\x99\x1e6\x9a\xb6\xcdiwB\xcb\r?m\xdb\xb4t\xc7\xba\x1f\xb6t=\xb9}\xa0&amp;\xa8\xa8\xbfW@\xc2\x10.\xaf\xb3\xa2\xa8z\xf2S\xd3\xad\xe5C\xd1\x90^?\x19@\xe2\x19\xa2\xd4\xec\xae\xf2\x9d\x1b\xb6/\x9d\r\x00-{\x9d\x96\xdd\xaak$XK\xe3?\xbf\x8fN\xee\xdf#$.][^\xb8\xd7\xbfcO]\xe1^\x7f\xe1^\x7fqY\xc8\xaa\xfd\x01\xc0nS\x0cC\xec\xd8U\xb7rU)DL-\xdd)%\xad7\x8b\x0bV1\x8c\xb8| \x00 \xc0\x07\xff\xf9\xaa\xba\xac\xce\xeds\tS\xc8\x03\xcf\x85\xff\xf9[\x11\xa5\x90(\xd1\x9b\xe1\xa9,\xae~\xe9\xf6I\x95\xc55c\xae;\xdd\xe1\xb2\x01\x80\xdda\xa3N@\xfcC\x89\x9a\xdd\xb9\xf6\x9b\x0f\x8dh\x18\x00\xba\x0f\xbb\x04\xa8\xd8\x0e\x03\xf5\x00\x0e\x8d1\x00\x89N\x872\xf1\xa9\xd3\xc3\x91\xfd5&gt;"DuQ]\x17\xdd[\x12\xdc\xb2\xabv\xcd\xc6\xca\xf7\xa6nyo\xea\x16\x008\xa5o\xde?\xae\xed1zD+\x0c\xe8\x80Hk@\x1b\x17\xe7&lt;\x1c\x88t\xea\xd7\xe6\xf4\x8bO\x9a\xf7\xe1\x8f\xe5{\xaa\x9e\xbf\xe9\xbd+\x1f&gt;\xaf\xa0s\x9e\xa1\x0bS7\xa5\x90\x88\xc8\x801\xceTM\xb5\xd9UC\x17?}\xbd\xea\x93\xff\xce\xac)\xab\x1by\xc5\xa0^C:\x7f\xfe\xd2\\\x00pz\x1dT\x91\xc4;D\xd5f\xab+\xdf\xbba\xe1T\xc6Xv\xabn\xcd\xbb\x0f\xd4C~\xda\xfc\xe7\x0fQ\x00\xfc6\x04M\xe3\xe3\xc6u&gt;\xf4\xf5\x1f\x15\xb5U\xe1e\xeb+&amp;}\xbeu\xe2\xe7[\x16..Z\xb8\xb8\xe8\xa6\xf1\x9d\x9f{h \x98\x12$\xcd&lt;52+\x03\xce\xbf}\xb8\xbf2\xb0t\xf6\xda=[J\xfes\xd5\x1b\'\x9d\xd1\xb3\xd7\xe9\x9d\x9a\x14d8\xbd\x0eMS\x111\x1a6*\x8a\xaaw\xac\xdd\xb3x\xc6\x9a\xcdKw\x00\xc0\xa9\xe7\xf7\xb9\xf0\x8eQk\xbf\xdf"\x84\x04\x00O\x8a\xab\xb1\xff\x14\xf2\x07\xa4\x14\x0eg\xea\xaa\x19\x13B5\xe5\x00\xd0}\xf88\xcd\xee\nG#\\\xa1\x00\xf8\x03\x14\x00\xbf\x0b\xc1\xac\x8e\x1cr\x05!g,\xc5k\x1b|j\xf3\xc1\x83[\xdcxY\x97\xeb\xef^\xb8t]\xf9\x8b\xef\xaf\xf7\xfb\x8dw\x9f\x1f"B\x86B\xed\xc6\xc6\xc5\x00\x11\x85!\xafz\xf4\xbc&amp;-2gO\xf8&gt;\x12\x8c\xce\x9f\xfc\xd3\xfc\xc9?\xf9\xd2=\xbe\x0c\x8ffW\xa5\x90\xc1\xbapUI\xad\xb5\xe9\x7fZ\x93\x941\xd7\x9d\xd6\x7fL/C7\xfd\xd5\xfb\x1fB\x92\x92\xe9\x95BRa\xc63\xae\xa8\x91@\xdd\x9a9\x93\x18c\x9e\x8c\xdc\xb6\xfdF\xd3\xd6\xff\x87\x89\x02\xe0\x0f\xa8\n\xfb\xad\xb1D4Q\xd6\xe9\x88xB\xcf&amp;s?\x1a;\xf4/_,][\xf6\xde\xe7[N\xeb\x9b{\xd9\xe5]\xcd\xea\xa8JO\x06nT\x8c1)\xa5\x11\xc5\xb3o\x1c\xd2\xf3\xb4\x8e\xdf}\xb6|\xc3\x8f[\xcb\xf6T\xd5U\x05\xea\xaa~\xbe\xbdKQy\x8bN\xf9\xbd\x86t\xee7\xbaGzNJ\xa0*\xe8MwW\x95\xd4\x00\x00WxZ\x8eO\nI;;\xc5-)\x84\xd3\x9b\xba\xf1\xdb\xcf+\xf7l\x01\x80\xce\xa7\x9e\xefIo\x12\xaa\xad\xe0\nUn\x7f\x8c\xde\xa3\xa3\xc7\x18(\n\x03`FM\xd4\x97b\x9f\xf4\xf4\xe9=\xc7N\t\x85\xcdG^Yy\xe1\xd8vv\x95\xa3D\x1a\x08j\\\xd6dL\xa0&amp;\x94\xdf\xa6\xc9\xf8{\xc7\xd4U\x06JwWV\xec\xab\x0e\xd4\x86\xa4\x906\xbb\x96\x92\xe9\xcdl\x9a\x96\xd54\xdd\xe9vDB\xd1`M\x88q\x06\x00%;+\x00\xc0\x93\xeaJ\xcb\xf6\x99\x86\xa0\x11\xbd\xb8\xc5\x18\x93\xc2\\5\xf3=`\xccfwu&gt;\xed&lt;#\x12\xa2\xd1\xff\xc3D\x01\x10\x03\x9a\xc6\xcd\xbah\x9b\xaeY\xe7\x0eo\xf9\xdeg[\xb6\xef\xae\xfbiY\xf1\xa9\xa7\x17\x08\xbf\xaeP\xc5\x11\x07\xb8\xc2\xf5\xb0\x11\r\xe9\x9aCk\xd9\xa5i\x9b\x1e\x05\x8c3\x06\x80\x88R\xa20\x84\xa1\x9b\x81\x9a \xe3\x8c+\x1c\x11\xf4\x88Q\xb4\xbd\x0c\x002\xf3\xd3\xbcinC\x17T\x8c\xf1\t\xa5\xb49={7,\xde\xbb\xe1\'@l\xd3wDF\xf3\xf6a\x7f5\xad\xfe&lt;L4L\x16#\x8c\xa1\xc4\x91\x83\x9a\x01\x00c\xf0\xd3\xea2P\xf9\xe1&lt;\x85\x8a\x1c\x1f\xfb+w\x81\xd1\x90\x1e\xac\r\x05\xaa\x83\xfe\xea`\xa0&amp;\x14\xf2\x87\xf5\xa8\x01\x00\xd6\xa3\x9f\x11Q\xd5\x94\xaa\xd2\xba\xe2\xc2r\x00(\xe8\x98gs\xda\x90\x9e\x08\x16\xaf\x10\x90\xab\xea\xeaY\x13PJ\xc6y\xb7a\xe3\xa40i\xbc\xee\xf0Q\x0f 68\x03&amp;d\x8b|/\x00 \xc2\xeeb\xdaA,.1`\x8c\xfdN\x05\x81\x12m\x0eu\xc7\x9a=\xe1@\x04\x00\xda\xf5j\x81\xf4P\xf8x\x85\x88\x9a\xddY\xb1k\xd3\xb6%\xb3\x80\xb1\xa6\x1d\xfb\xe4w\xec\xa3\x87\x03t\xf7\xef\xe1\xa3w*v\x10\x9c\x8e\xfd\x0f\x92\x8fD\x04 =\x15,A\xb1U\x0b6\x00\x807\xdd\xdd\xba{\xf3h\xc4\xa0\n%&gt;\xa1\x14\x9a\xdd\xb5\xee\x9b\x8f\x8cH\x08\x10\xbb\r\x1f\xaf\xa8\x1au\xbb\x8f\x08\x9d\xd9\xb1\x81\x00\xc0X0lHD\x00p:\x15`\xf4\\\xe0\x04\x83\x886\x87V\\X\xb6\xfe\xc7m\x00\xd0\xa9_\x9b\xf4\x9cTS7i\x02 \x1e!*\x9a\xcd_Q\xb4~\xc1\xa7\x8c\xb1\xb4\xbcV\xad{\x0f\x8d\x86\x02\xb4\xfa\xf3\x88\xd0\x9b\x15\x1b\x88\x88*\xdb\xb1\xe7\xa0\xa7B\x92D#\x05\xda]\xf6\x85\x9f.\x8d\x04\xa3\xc0\xe0\xa43{JI\x8fv\x88SR\n\xbb\xcb\xbb\xe9\xfbi\xc1\xea2D\xec:\xf8"\xa77]\n\x93\xba\xddG\x84\xe6\x00b\x04\x81\x01\xcc]\xb4\xd7\xfa\xa8w\x97l0i\xf1x"\x91B:=\xf6\x9d\x1b\xf6~7u\x19\x00\xb4\xef\xd5\xb2c\xefV\x91`\x94\xc6\x7f\xe2\x13W\xd4h\xd0\xbff\xf6D\xc6\x98\xdd\x93\xdaq\xd0\xd94\xfa\x7f\x14\xe8\xfd\xfa\x85\xa3\x1b?\x94\x12\x15\xa7V\xb2\xa3\xf6\xf3\xb9;\x19c\xcd\xf3&lt;}{5\xc1\xb0I\x8f\x85I\x14(\x91\xab\\J\x9c\xf4\xd8\x97\xd1\xb0\xce\x18;\xf3\xba\xd3\xea\xb7\x80%\xf1\xc6j\xfe\xefX\xfeM\xc5\xee\xcd\x88\xd8~\xc0\x99\xa9\xb9-L=B{p\x1d)\n\x80_`\x1a\x97\x12\x858\x82\x0b_J\x94\x00\xcc\xa5\xfe\xed\xf1\x1fk\xeatD\xbc\xee\xc2\x8e\xae,\x97\xa0\xc5\xe3\tB\x08\xc9U\xeep\xd9\'&lt;\xfc\xf9\xf6\xd5\xbb\x01\xe0\xb4\x0b\xfbv\xec\xdb:\x1c\x88\xd0\x80r|b\x8cI!V\xcd|\x0f\x80)\xaa\xd6m\xc8_L\x9d\xfajG\x83\xde\xb2\x03\x18H\x89e\xa5A\xee\xb1)\xa9v\xa60!\xd0\x14\xd6\xae\x91\xbf\xce\x83\x83\x1f\x0c\xc9\x1d\xaa\x9a\xe6\xb8\xff\xe1\xef?\xfcj\x1b\x00\xb4k\x91r\xebU\xdd\xa5_\xa7\xe7\x82\xc5\x03\x94h\x15\xe1\xaf\xe7\xe3\xf1\xc0\x97$\xba}N)\xf0\x8d\xbb?\xfe\xf1\xab\x95\x00\xd0\xb6g\xc1\xb9\xb7\x0e\x0f\xf9#\x9cJ0.\xa1\x946\x87g\xdf\xa6\xa5{\xd7\xfd\x08\x80\x05\xdd\x07\xe6\xb4\xednDB\x8cQy\x1d1\x9a\x03\xd8\x0f\x11\x98\x8d\x9f\x7f\xeb\xdc\x9cL\xe7\xe5\x17t8\xb9W\x8e7\xcb\x05\x9c\x81!\xc1\x10`"J\xdc\xbf\xaa\x87Y\xcf\x86T\xc0\xae\x00\x83\x1d[\xab\xef{r\xf1\x07_m\x03\x80\x14\xb76\xf9\x85\xa1n\x9fM\x06\x0cF\x1b\x0156D\xb49m\xaa\xa6\x18QC\x98R\x1e\xb8\x9f\x8b\x01\xe3\nS4U\xb3\xa9\x86n\xae\xf9v\xd3g/\xce\xdd\xbb\xb5\x04\x00Zt\xca\xff\xebS\x173\x06(\x91\xd1\x08^\\B\xb4n\xfez_J\x01\x00\xdd\x86_\n@+\xee\x8e\x12\x05\xc0\x01\x08\x8c\xb3}\xa5\xc1o\x97\x16\x7f&lt;cG\xcbf\xde\x01\'\xe4\x0e&lt;\xa1I\xf7\x8e\x99-\xf3&lt;i)v\xcd\xa1\x82U\xa7\x9b\x18\n\x19%\x15\xa1\x95\x9b*\xbf\x9a\xb7k\xda\xec\xc2\xea:\x1d\x00Z6\xf5~\xf4\xfc\xd0\x1e=\x9b\x88:]\xa1\xda\xbf\xb1Yk:7.\xde\x16\xac\r\xb7\xe8\x9c\xefIu\xd9\x9d6\xc69\x00J!\xc3\x81hUI\xed\xf65\xbbW|\xb3~\xcb\xf2\x9d\xd6\x8f\xf4\x1a\xdc\xf9\xd2\x7f\x8d\xb5\xbblz\x94\xe6o\xe2\x14"j\x0eg\xe5\x9e\xad\xdb\x16\xcfd\x8cg\x16th\xd1\xe3\x14=\x1c\xa0\xcd\x7f\x8e\x0e\x05\xc0A\x10n\xbd\xbc\xeb\xcb\x93\xd6o\xda^S\xb8\xc7_\xb8\xc7?\xf1\xf3-\x00\x90\x96bo\x92\xe1\xf4ylN\x87\x82\x08\xa1\xb0YU\x1b-*\x0bF\xa2\xc2\xfa9\x97C\xbd\xf4\xecv\x0f\xff\xbdOV\x13\xb7\xa8\x8b\xd2\xe0O&lt;@\x89v\x87m\xdd\x0f[\xbf\xf9\xf0G\xa7\xc7\xe1Ms\xbbS\x9cv\xa7\r\x11#!\xdd_\x15\xac.\xab\xad\x7fR|\x93\xe6\x19\xc3/\x1f8`l/S\x17T\xfb\xc73\x94R\xb3;W\xcfz_\x0f\x07\x00\xa0\xdb\xb0q6\xa7\'\\WE[\xff\x1f\x1d\n\x80\xfd\x18\x03\xd0\xe5\xcd\xd7\xf5\xbc\xe6\xc2\x8e\xdf.-\x9e\xb1p\xcf\x0f\xcbK\xb6\xee\xac\xad\xa9\x8bV\xd7F\xabk\xa3\xff\xfb#.\x87\xda\xa1u\xea\xf0A\xcd\xc6\x8fm\xdb\xb1[6\x84M\x1a\xfa\x8f+R\xca\x94,\xaf\xa2\xf2p \x12\x0eD`\xcf\xaf\xbf\xc1\x9b\xe6n\xd19\xbf\xe7\xe9\x9dz\x9e\xd6\xc9\x9b\xe6\x0e\xd5\x85\x81\x01\xd5\xfeq\x0c\x15M\x0bT\x96\xecZ\xfd\xad\xd3\x97\xe1J\xcdl\xdf\xff\x0c=L7\x7f\x1d=\n\x80\x830\x10\xb5Q\x87\xa6\x0c\x1b\xdab\xd8\x88V\x10\xd0\x8bJ\x82\x85{\xfc\xbb\x8b\xfceU\x91:\xbf\x1e5\x04c\xcc\xedT3R\x1d\x05\xf9\x9e6\x05)\xad\x9ay\xc1g\x87\x88)j\xa2\x9c\x03\xa7\x91\x9f\xb8\xc1\x15\x1e\nD\x06\x9dsb\xa7\xbe\xad+\x8ajj\xca\xeb\x82\xb5a#b\x00\x80\xdde\xf3\xa6\xb93\xf3\xd3rZd\xa65IQT%\x12\x8a\x06kC4\xeb\x1b\xf7\x18"rU;\xef\xfeI\x8cs\xaej\xaa\xe6@i\xd2f\xddG\x8d\x02\xe0\x17\x14\x85\xa1DY\xab#\xa0\xaa\xf0\xbc&lt;O^A\xca\x00\x95\x1f\xe2\x8e.\x81`\x08\x88\n\xb3*\xcc\x19\xa3A\xffx\x84\xa0jj\xd3v9\x05\x9d\xf2\xf7W\xee\xf5\xfb3!\n!M\xdd\x8c\x86tD\xe4\x9cS\xed\x9f\x18\x10\xb9\xaa9l\x0eD\x04D\x94\xf4\xa8\x86cB\x01\xf0k\xf5\x8fy\x01\x00\xd4\x85\x8c\nD\xf8\xdf5\x06\x0c\x18c\xc08S\xa9\xe2\x88c\x88\xa8\x87\r\x04\xfd\x10\x8bD\xd8\xfe\x12\xa4\x1b\xb6\x13\x0c\xa24\x8d\xfd\xff\xa6\xda\xff\xd8P\x00\xfc\x1e\xc6\xea\x17s\xd2y\x96\xa8\xa8\x8a\xff\x13\xa2z?F\xa8\xf5J\x08!I\x8a\x02\x80\x10B\x92\x14\x05\x00!\x84$)\n\x00B\x08IR\x14\x00\x84\x10\x92\xa4(\x00\x08!$IQ\x00\x10BH\x92\xa2\x00 \x84\x90$E\x01@\x08!I\x8a\x02\x80\x10B\x92\x14\x05\x00!\x84$)\n\x00B\x08IR\x14\x00\x84\x10\x92\xa4(\x00\x08!$IQ\x00\x10BH\x92\xa2\x00 \x84\x90$E\x01@\x08!I\x8a\x02\x80\x10B\x92\x14\x05\x00!\x84$)\n\x00B\x08IR\x14\x00\x84\x10\x92\xa4(\x00\x08!$IQ\x00\x10BH\x92\xa2\x00 \x84\x90$E\x01@\x08!I\x8a\x02\x80\x10B\x92\x14\x05\x00!\x84$)\n\x00B\x08IR\x14\x00\x84\x10\x92\xa4b\x1f\x00\x8c\x01\xb0\x98\xbf*9\xae8g\x00\xc0\x18\x15d\xc2\xb3\n\x91\x8a2\xd1\xb1\x86\xa9Xc\x1c\x00\x9c\xb3\xa8.\x85!\x81N\xb8\xc4\xc5 \x1869\xe7z\xc4h\xecC!\xc7\x04%\x1a\xba\xe0\x1cL=J\x19\x90\xb8\x18c\xa6\x1eE)b^\xaf\xc6,\x00\xac\xd3\xab]\xdbVA\xdd\xe5/\xf7sMA\x8c\xd5k\x93\xe3\x07%\x82MY\xb7\xa5"5%\xbfbO%0*\xc5D\xc5\x15\x1e\x0eF\xa2\xb5"/;\xa3l\xdf\x0e\xc5fG\xba&amp;\x13\x10"j\x9a\xbdboa~v\xaa\xdd\xee\x10B\xc40\xcbc\xd9\x03@D\xb7\xdb\xe5\xf6\xa4W\xd5\x84@\xa1\x9a#\x81\x95U\x86:w\xee\xa2\x87L\xd3\x90\xd4rLP\x8c\xb3P0\xec\xb4\xbb\xdb\xb5k]WY\xa6(*\x00]\x94\x89\x08\x99\xa2\x04k+\xf3rsb~1\xc6\xb2\x07 \xa5\xb4ijVn\x9bU\x1bK\xc1\xa1Qs#\x111\xce\xc0\x10+\xd6U^}\xed\x15\xfe\xb2H\xb0.\xc8\x15Z)\x90x\x10\xd1f\xd3\x8aw\x95fxs\xce:\xeb\x8c\xdd\xeb\x97)*]\x92\t\t\x11\xb9\xa2\x96\xecX\xd3\xa3k\x17\xeb\xc3\x18\xbex\x8c{\x00\x00\xd0\xbbO\xbfE+KASP\xd2\xd9\x96h\x10\x14M\xa9+\xae+\xae\xd6\xce\x18=\xcc\xa3\xa5\xed+,\xb1\xd9mTq$\x1cD\xb49m\x85\xeb\xf7\xb4k\xd5~\xe4\xa8Q\xb5\xfb6\xe9\xd1(c\x94\xe5\x89\x871n\xe8\xd1@\xf1\xd6\xfe\x03N\x06\x00\xcecY\x881}-\xce\x01\xe0\xcc3F\xfe\xb0\xca\x0f\xb5!\x85Z\x8e\x89\xc6\x94\x88\x1e\xc7\xec\xefvd\xe4vNOO9\xa1{\xefU\x0b78\xdc6\xca\xf2\xc4\x83\x80\x88\x9b~\xdaq\xca\xc0\x81m\xdawNa\xc1\xe2\x9d\x9b4\xbb\x93\xb2&lt;\xb1 \xa2fw\x94\xec\xdc\xe4\x95u\'\xf6=\t\xe2&lt;\x00\xa4\x94\x9d;\xb6\x11\xb6\x82%Kv\x82\xc7&amp;\xe8lK,\x88L\x81Og\xee\x18}\xc6X\x00\x18{\xd6\xd8m\xcb\xf7\x86\x83\x11\xc6i\x1a \xa1 \xd8\xec\xda\xbe\x1d%f\x95\xd2\x7f\xe0I\x000\xa8o\xcf\x8d\x8b\xa6;\\\x1eD\xd1\xd8\x07G\x8e\x00\xa2\xb0\xbb&lt;\x1b\x16\xcd\x1c\xd0\xbb\xbb\xcd\xee\x10"\xc6\xc5\x17\xe3F\xba\x94RU\xd5\xf3.\xb8\xf4\xcdO62\x97\r\x05\x05@\xc2@\x04\xc5\xa1\x95m-\xdb\xb0\xd7u\xe9\xb8\xf3\xa5\x94\x03O=\xb9\xa9\xb7\xc5\xfa%[\x9cn\x07u\x02\x12\x88\x94\xd2\xe5s-\x9a\xb1|\xc8\xa0\xe1Y\xd9Y\x00p\xdd_\xaf\xdf\xb7rN4\x1a\xa6Q\xa0\xc4\xc2\x80\x1bzt\xef\x8a\xd9\xd7]w]C\xbc~\x8c\xcf\x06EQ\x10\xf1\xbak.\xfb~\xad,\xdb\\\xc2\x9d\x1a\xf5\x01\x12\x85\x10\x92\xa5\xbb\x9e{{\xf1\xe9\xc3/LI\xf1\xea\xba\xce\x18\xbb\xf6\x9a\xbf\xce\x9a\xf4\x9d\xddi\x97\x14\x00\x89\x83+&lt;X\x17Z=g\xf3\xad\xb7\xdd\n\x00\x86i\x9e\xd0\xa7_\xe7|\xdf\x9ao\xbfr\xfb\xd2PR\' 1\xa0\x14\xae\x94\xb45\xdf~\xdd1\xcfsb\xdf\xfeB\x08EQb\xfb+b\x1c\x00\xd6Z\xa0\x14\x9fg\xccy\xd7&lt;\xf4\xec"\x9e\xe2\x14B\xc6\xf6W\x90\x86 \x11\xb8C+\xdbR\xfa\xd9\xc2\xe8\xad7\xff\x15Q\xdal6)\xe5\xb9\xe7\x9f\xe3\x08\xa4\xae\xfcn\xad\xdb\xe7\x94\x92\x8a2\x01\x08!|i\x9e\x99\x93\xe6\x0f\xec9\xa4C\xa7\xf6RJ\xce\x18\x02\xdc\xf9\x8f\xbf\xaf\xfa\xf2U\xd34\xe9&amp;\xcd\xc4\xc1\x84i\xae\xfc\xe2\x95\xbb\xee\xf8{\x03\xfd\x82\xd8\xf7\x07\xad\x99\x80\x07\xef\xbbs\xfabX\xf3\xdd65\xd5)i (\xee\tS\xf0L\xf7-\xf7\xcd:o\xdcM-[4\x13Br\xce\x11\xd1\xedq?x\xdfC\x1f\xfc\xe7\x0bUSi\x8b\x8f\xf8\x87\x88v\xbb\xbdl_\xe5\xf7\x93W\xff\xe7\xa9\xc7\xad)_EQ\xa4\x10\xc3F\x9e\xd1\xafm\xe6\x82\xc9/\xf92r\x84I\xf7x\xc7;a\x1a\xbe\xcc\x9c\x85\x9f\xbc\xd2\xa7u\xda\xf0\xd1g6D\xf3\x1f\x1af/ \x86\x88\x0e\x87\xfd\xa9\xa7\x9f\x1f\x7f\xe7&lt;\xc3\x10Ba4\x10\x14\xcf\x84!\xb5&amp;\xde\xcf\xde]\xbc\xb9\xbc\xe0\xbe{\xfeV\x7f\xaa)\x8a"\x848\xeb\xdc\xb1\'w\x1d:\xf1\xe9\xcf\xd2\xb3S\x85A\xa3\x07q\r%\xba\xbc\xceW\xef\x9d\xf4\xcf\xdb\xefm^\xd0\\Ji-\x1a\xb1\xba\xe6\xcf\xbd\xf8\xf2\xce\xf9\xef\xee\xd9\xbc\xda\xe9\xf6\xd1@P&lt;C)\x1cn\xef\xde\xadk\n\xbfy\xfb\xf9\x17_\x91\xb2\xa1\xee\xc7l\x90\x19!\xab\xe28\xef\x9c3\x07\x0c\xbb\xfe\xda\x9b?\xd3rSL\x93F\x0f\xe2\x940\xa5\xe2s\xec\xd9Rv\xeb\x7f\xd6M\x9a\xf4\x81\xa6i\x8c\xb1\xfa\xb3\xcd\xea\xcf\xbd\xfd\xee[;\xbf\xabX2wEjV\x8a0\xa9\xe2\x88S\xa6af\xe6f|\xf0\xecg\x1d3z\xfd\xe3\x9fw\x1c\xdcf\xb4\xfas-Z\xb6~\xf5\xd9\'\xa7&gt;q5\xe3\x9c+\n"]\x95\xf1\x08\x11\xb9\xa2pE\x9d\xf2\xd8\xd5/\xff\xf7\x89\x96\xad\xdb blW\x7f\xd6k\xa8%\x01\x9cs\xd34_z\xfe?\x9b\xab\xda\xbf\xf8\xf8l\xadi\xaaN\x8d\xc7\xf8#\x84T\x9cZX7\xce\xbar\xda\xc3O\xbc\xd2\xa9c[\xd34\x0f&gt;\xd5\xac\xfe\x9c/\xc5\xfb\xc1\xfb\x1f~\xf8\xd8\x8c\xbd\x85\xc5\x9e\x147e@\x1c2\r\x91\xd1$}\xc1\x17\x8bv,\xa8\x980\xe9\xbd\xfa\xb6\x7f=EQL\xd3&lt;\xe7\x82\x8b\xaf=o\xc8\xc4\x87\xafr\xa7d\x02\x00e@\xbcA\x94\x00\xe8I\xcd\x9a\xf4\xf0\xd5W\x9fs\xfay\x17\x8e3M\xb3!\x06\x7f,\r\x15\x00\x8c1kE\xd0\xec\x99_\xbf?\xcf\xf3\xe2\xff}c+H7M\xa4\xfbP\xe2\x87iH\xc5\xe3\x88Jy\xfa\xd9\x1f\x8d\xbf\xf1\xbf\x97\x8f\xbf\xd04MUU\x7f\xf5mV\x7f\xae\xcfI\xbd\'\xbd9\xf9\x85\x1b\'\x96\xee)O\xc9\xf0\x99\x14\xe7\xf1\x03A\x98";?\xe3\xfb\x19K\xe6\xbf\xb6r\xce\xac\xb9i\xe9ip\xa8-\xa0UU5M\xf3\xff\x9e}qL\xcf\xec\xf7\x1f\xbc\xdc\x97\xde\x84+\xaa\xa4\xb1\xa0\xb8!\xa5\xe0\\\xf1e4y\xff\xc1\xcb\xcf\xe8\x96\xf1\xcc\xf3/\x1d\xf2\x92\x8c\xa1\x06\\\x14l\x9d\x7f\x1e\x8f\xeb\x9b\xb9\xb3\'\xcdu?p\xd745\xdb\xc34\x85\x86\x83\x1a\x1d"\x9a\x86T\xb3=;\xf6V\x9d|\xc6\xc4\x0b\xaey\xea\xb6\x9b\xaf\xf9\x9dS\xcdj&lt;\x0e\x1b9t\xc2\xab\x1f&lt;w\xe3\xfbk\x17o\xcc\xc8I\x93B\xd2\xcd\x01\x8dN\n\t\x0c2r\xd2\xa7\xbd3k\xfek+\xe7\xce\x9eW\xd0\xb2\xb9\x10\xe2\xb7F\x0c\xac8\x7f\xe5\x8dwFwM{\xf3\xces9\xe7\x0e\xb7\x8f\xe6\x84\xe3\x810\r\x87\xdb\xc7\x15\xf5\xad;\xcf\x1b\xd1)\xe5\xd5\xb7\xdem\xa0\x89\xdf\x835\xec]!\xd6\x08\xb2\xc7\xe3\x9a7o\xf6\xd2]]G\x9e=\xb1&amp;\xa8\xab\xd9^!P\xd0\xd2\xa0\xc6\x80\x08\xa6)\x99\xa6\xaa\xf9)\x93\'\xaf\x1cv\xf1\xdc\xbf\xde\xf5\xfa\xed\xbf[\xfb[\xac\xc6\xe3\xb0\x91C\'\xbf;\xe5\xf3\'\xbe\xfb\xe4\xa5\xafR3}\x0e\x97]\x98\x92zu\x8d\x02%\n!\xbd\xa9\x1e\xcd\xa6&gt;\xfb\xb7\xb7v\xcd\xf5\x7f3g^A\x8b\xe6\xbf_k0\xc68\xe7B\x88\x97_\x7f\xfb\xea\x91=\xde\xbeu\xc8\xde-\xab\xd3\xb2\xf3\x01@\n\xf38\x1e&gt;\xf9\x99\x14\x02\x00\xd2\xb2\xf3\xf7m]\xf3\xf6\xadC\xae\x1c\xde\xed\xd57\xdf\xb1R\xbc\xa1\xf7\xe2e\xc7\xe1\xea\xad\x1f\x8e|\xf4\xf1\xff~\xf0\xd6\xa3\x7f\xbb\xba\xdd\xd5\x97\xf7\x01\x00\xa8\x8b\x98\xa6\xe4\x9cq\xdai\xa0\x81!\x82u\'\x97\xe2P!\xd5Y\xb4\xb5\xec\xae\x7f/\xd8\xb87\xef\xbd\xf7\xdf\xef\xdc\xa9\xdd\xe1w3\xad\xef\xac\xa8\xa8\xb8\xfc\xd2+6\x95\xad\xbc\xf0ogt\xec\xd5&amp;\xe8\x0fG\xc3Q\x00`\x9c\xd3\x12\xf3\x86\x86\x88(\x91q\xe6t;lvm\xd1\xcc\xe5_\xbf\xb6\xf0\xdca\x17\xff\xf7\xf9g\x18cR\xc8\xc3\xd9\xbd\x15\x11\xa5\x94\x8a\xa2\xcc\xfc\xfa\x8bko\xba=\xb5\xdb\xc8\xc1\xe3\xfe\xe6\xf2\xa5\x85\xeaj\x84\xa93\xc6Y\xc3L9\x92\x83\xa1\x94\x88RQm._j\xa8\xaef\xde\xa4g\xaaWO\x7f\xed\xc5gF\x9e1\xf6\xf8\xd4\xfep|\x02\x00\x0e:\xe1\x96-_\xf5\xc0\xfd\x0f\xe95?\xdezE\xa7\xd1\xa7\xb7g\xa9N\x08\x1a\x10\xd6M\x81\x80\x08\x8c6\x9f\x8f%\x94\x08\x0c8c\\S\xc0c\x07\x0eE\xdb+^\x99\xb8r\xfaw\xe1\x91c\xaf~\xf8\xc1\xbb8W\x8et\x90\xb1\xbe\x81\xf9\xfa\xcbo\xbc\xf4\xc6\x0b\xae\x160\xf4\xe2\x93[vh\xc6\x15\x1e\x0eD\x0c\xdd\xdc\x7fF1`\xf44\x99X`\x07\xed\x00\xcc9\xb794\x87\xcb\x1e\tG7,\xdb:\xf7\x83E\x19\x90\x7f\xcf?\xef\x19&gt;r8"\x1e\xe9Z\x11\xab\xe8KKK\x1e\xba\xff__.\\\xd1\xfc\xa4s{\x0e&gt;\'%3W\x18\xd1h8$\x85\x81\x88@\xd7dL!"\x002\xc6\xb8\xa2\xda\x9dnE\xb3\xd7V\x94\xac\x9c7e\xf7\xa2)g\x0c\xea\xf9\xe0\xc3\x8f6\xc9\xc9m\xe8q\xff\x83\x1d\xa7\x00\xb0\xd4\xd7\x1d\x1f}\xfc\xf9\'\x93\'\x96\xee\xfeip?\xdf\xd8!\xad{u\xce\x05\xaf\x03\x18\x03\x89@3\x04\xb1\xc2\x004\x05\x00\xc0\x10U%u\xf3\x17\x15N\xfbf\xcf\xa6=\xceA\xa7\x9f{\xd3M\x7fmQ\xd0\x14\x0e\xea\x9c\x1d\x91\xfa\xba\xa6\xae\xb6\xee\xa5\x17^\x99\xf2\xc5\xc7\x11{m\x97\x81m\xba\x9c\xd4!;/C\xb3\xa9\xc0\x980\x05\xcd\x10\xc4\nW8W8"F\xc3\xd1};JV\x7f\xb7q\xeb\xd2=\xcdS\xdb\\t\xfe_\xae\xbc\xe6r8\xe8\xca:R\xf5?\xb8\xe4\xa7Eo\xbe\xf1\xc6\x9cE+\x9d\xcdz\xb4:qHA\xa7\x13=)\x19\\\xe1\x88 L=\xb6\x7fN2ST\x1bc \xa5\x0c\xd4T\xed\xda\xb8t\xc7\xb2o\xc2\xbbW\x0e\xe9\xdf\xe3\xea\xab\xaf\xe9{\xd2\x008\x86\xa2&lt;:\xc75\x00\x00\xc0\xdaN\xc0\xaat\x96.[\xfd\xce\xbb\xef\xaf_\xf3#\xe8\xfbZ7w\xf4h\x9f\x9e\x99\xeel\xdb*\r\x05R\x93\xe3Xq\x16\x0e</t>
        </is>
      </c>
    </row>
    <row r="253">
      <c r="A253" s="1" t="n">
        <v>251</v>
      </c>
      <c r="B253" t="inlineStr">
        <is>
          <t>grid_number_color</t>
        </is>
      </c>
      <c r="C253" t="inlineStr">
        <is>
          <t>What is the missing color if the part denoted with the question mark has the number 4?</t>
        </is>
      </c>
      <c r="D253" t="inlineStr">
        <is>
          <t>['yellow', 'red', 'orange', 'purple']</t>
        </is>
      </c>
      <c r="E253" t="inlineStr">
        <is>
          <t>yellow</t>
        </is>
      </c>
      <c r="F253" t="inlineStr">
        <is>
          <t>There is a 3x3 colored grid of numbers. The first row has number-color pair [(4, '?'), (1, 'orange'), (4, 'yellow')], the second row is [(2, 'purple'), (8, 'red'), (4, 'yellow')], and the third and final row is [(2, 'purple'), (1, 'orange'), (8, 'red')].</t>
        </is>
      </c>
      <c r="G253" t="inlineStr">
        <is>
          <t>We observe that the grid cells with number 8 is red in color, the grid cells with number 2 is purple in color, the grid cells with number 1 is orange in color, and the grid cells with number 4 is yellow in color. Thus, the pattern is that the grid cell with the same number will have the same color.</t>
        </is>
      </c>
      <c r="H253" t="inlineStr">
        <is>
          <t>Based on the pattern that the grid cell with the same number will have the same color, the missing color of the part with 4 should be yellow.</t>
        </is>
      </c>
      <c r="I253" t="inlineStr">
        <is>
          <t>b'\x89PNG\r\n\x1a\n\x00\x00\x00\rIHDR\x00\x00\x02\x00\x00\x00\x02\x00\x08\x02\x00\x00\x00{\x1aC\xad\x00\x00y\xe7IDATx\x9c\xed\xddg`\x14\xc5\xdf\x07\xf0\xdf\xcc\xee^\xbf\xf4B \xa1\xf7\xdeA@\x90\xdeQ\xb1\xa3`\xc3\xf2\xc7\xde\x1b\xf6\xde;6TDPD\xa5)\xd2A\x9a\xf4\xde;!@Ho\xd7w\xca\xf3b%\x0f*b\x80\xbb\xe4\x8e\xfb}\xf4\x05\t\xc7es\xb3;\xdfi;K\xa4\x94\x80\x10B(\xfa\xd0\xaa&gt;\x00\x84\x10BU\x03\x03\x00!\x84\xa2\x14\x06\x00B\x08E)\x0c\x00\x84\x10\x8aR\x18\x00\x08!\x14\xa50\x00\x10B(Ja\x00 \x84P\x94\xc2\x00@\x08\xa1(\x85\x01\x80\x10BQ\n\x03\x00!\x84\xa2\x14\x06\x00B\x08E)\x0c\x00\x84\x10\x8aR\x18\x00\x08!\x14\xa50\x00\x10B(Ja\x00 \x84P\x94\xc2\x00@\x08\xa1(\x85\x01\x80\x10BQ\n\x03\x00!\x84\xa2\x14\x06\x00B\x08E)\x0c\x00\x84\x10\x8aR\x18\x00\x08!\x14\xa50\x00\x10B(Ja\x00 \x84P\x94R\xab\xfa\x00\xfe\x9f\x94RJY\xd5GqA!\x84\x10B*\xff\xe7bQ\x06]\x95\x14\xa5Q\x88X\x94Ad\x14b\x95\\\x95\xa7E\xaa\xb6t\xa5\x94B\x08)%\xa5\x94R\xec\x8e\x84\x04\xe7\xbc\x12&gt;a!\x84\x10\x82\x10\xa2(J\xe8~J4\x93Rr\xce\t!\x94\xd2\xd0\xd5 FxcQ\x86T\xf9%YUM\xb4rU\x16\x00F\xbd\x7f\xea\x19\xe6v\xbbsrrrrr(\xa5\xd8\xe88\x7f\x94\xd2\x86\r\x1b\xc6\xc4\xc4\x9cZ\xefs\xce\x83[}\x18\x95\x05\xa5\x84\x90\xff\xff).\xb7w\xef\xfe\x03\xfe\x80N\x08\x00\x96\xe4\xf9 DJ\x19\x17\xe3\xac\x99\x91n\xb7Y\xca\xbf\xcd9\x07\x80\xe0V\xd0F\xc0\xa8\xea\xff\x8f\n\xf8\xfdzaQ\xf1\xe1\xccc\x84`?\xe0|\x11B\xa4\x84\xda\xb5j\xc4\xc7\xc7Y\xccZ\xf9\xf7\x19c\x8a\xa2TU\x0cTA\x00\x08!\x00\xc0\xa8\x95\n\n\n\x96-[\xb6`\xc1\x82\xfd\xfb\xf7\x17\x14\x14\xe8\xba\x1e\x1f\x1fo\x9c\xdc\xe8|\x10B\x02\x81\x80\xdf\xef\xb7\xdb\xed\xa9\xa9\xa9\x1d:t\x180`@\x9b6m\x8c\xbf\rV\x0cp\xce\xcb\xeb\xa0]{\x0f\xcc\x9d\xbfp\xcd\xaa\x95\xd9G\x0e\xb8K\x0b\x88\xaf\xc4n\xa6BH\x08\x97\xcend\x92@\x15Z\xea\x15\x8a56&amp;)\xadv\xbd\xc6\x17w\xef\xd1\xb7\xf7%5\xd2R\xe1dk\xfd\xfc;vF\x8a\x1bE\xe9\xf3\xf9\xd7\xae\xdf2g\xce\xbc-[\xd6\x17\xe4\x1c\xf4{\xcb\xe2l~B0\xc7\xcf\x97\xd1\x16*v\x9b\xcc\x96\x98\xc4\xd4:-[u\x188\xb0_\xc7\x0e\xad\xad\x163\x84\xa0eV\xd1\xa3\xaa\xcc\x008\xf5&lt;[\xbdz\xf5g\x9f}\xb6q\xe3\xc6:u\xeat\xee\xdc\xb9U\xabV\r\x1a4p8\x1c\x89\x89\x89F\xf7\xb3\xd2\x8e\xea\x82D\x08\xd1u=\'\'\xa7\xb8\xb8x\xe7\xce\x9dk\xd6\xac\xd9\xb0a\x83\xa2(\x83\x07\x0f\xbe\xfd\xf6\xdb\xe3\xe3\xe3\xe1\xaf\xd5\xf7\xd9\x12B\x18\xf5\x8e\xcf\xef\x9f8y\xea\x8fS&amp;\x97\x1c\xdb\xd9.\xc3\xdc\xb9iZ\x8b:)\xa9\t\xce\xe48\x87\xc9\xac\x016\x1b\xcf\x1f!.\x97\xaf\xd8\xe59|\xa2h\xeb\x81\x9c\x95\xbbrw\xe5\xca\xfa-\xbb\xdct\xf3-\x83\xfa\xf7\x06\x00\xe3z9\xe7K\xa6\xfc4\xd8\x7f0\xf3\xd3O\xc6/]2+\xc1V\xd4\xa5\xb5\xb3S\xcb\xd4\x16\x8dR\x9cvsL\xb2\x03\xf0z\x0c\n)K\xf3\\en\xff\xf6=\xb9\xab\xb7\xe5\xae\xda\\Z\xe0\x8e\xeb\xdes\xd8\xff\xee\xbc\xad~\xbdZp~\x97\xe4\xb9\xa9\xbc\x00(\xaf2\xd6\xae]\xfb\xf8\xe3\x8f+\x8a\xd2\xbf\x7f\xff\xe1\xc3\x87\xd7\xa9S\xc7\xa8\xad\xfc~?\xe7\x9c1V9\xc7s\xc1#\x84h\x9a\xa6\xaa\xaa\xc5b!\x84\xb8\xdd\xee\xd5\xabWO\x992e\xd3\xa6M\xfd\xfa\xf5\x1b;v\xac\xcdfc\x8c\x9d\xda\xe5\xaf\xa0\xf2\x7f\xf5\xc1\xb8\xcf\'~\xfeA\xa38\xef\xb5=\xea\xf7n_\xdf\x16\xe7\x00!\xc1\xaf3.t\xc6\xb1\xf9\x1f\x1c\x12\x14\x85\xaa\nU5\x05L*H\xc8\xcf-\x9e\xb5r\xf7\x8c5G\xf3I\xb5\'\x9f~n\xc8\xc0~pNuGy\x07"\xeb\xe8\xf1\xc7\x1f\x7f\xfa\xe0\xaeE\xbd:\xd9n\x1c\xde\xaca\xe3T\xb0\x9a \xc0\xc1\xcf\x80\x0b\xa1\x0b\x1c\xc8\x0b\x12B5\n\n\x05\xb3\n&amp;\x05\xbc\x81\xbd{r&amp;N\xdb\xb9x\x8d\xbbv\xa3\xde\xaf\xbf\xf6bFF\xf5\xf3\x8c\xf3\xb3&gt;\xa0\xca\t\x00\xa3\xca\xf0x&lt;\xff\xfb\xdf\xff6o\xde\xfc\xc8#\x8f\\q\xc5\x15V\xab\xb5\xac\xac\xcc\xef\xf7\x97\xcf\x87@8\xcd\x8f_\x00\x8c\xc2-\x9fnq8\x1c&amp;\x93i\xff\xfe\xfdo\xbf\xfd\xf6\xd2\xa5K\x9f{\xee\xb9\xab\xaf\xbe\xdaxM\xc5?v\xa3\xa2Y\xb9j\xed=w\xddU\xdf\x967\xf6\x86\x8bZ6\xcd\x00&amp;|\x1e\xbf\xce\xb8q\xea\x12,\xc6\xa0\x92\x00 A\x1a\xe5)\xc1\xa4)&amp;\x87\x058_\xb8f\xef\x0b\x93\xd7;\xeat\xfa\xfc\xd3q\xe95\xaa\x9fU\x9c\x977\xc8\x9e\x7f\xf1\x8d\x1f&amp;\xbe?\xfa\xcajw\x8elc\xab\x16\x03e~\xe1\xd5\x85\x90\x84\x12\xfa\xe7%\x19\xba\xdf,\xea\x18\xd5\xad0\xa2\x97\x10j\xd5\xc0i\xf6\xe6\x94~\xf2\xed\xa6\xf1?\x9d\xb8\xfa\x86{\x9f{\xe618\xa5tB\xad2\x02\xc08/7l\xd80r\xe4\xc8~\xfd\xfa=\xff\xfc\xf3111\x85\x85\x85\xc6p\x10V\x15\x95\xc6X\xa8c\xb5Z\x1d\x0e\xc7\x8a\x15+\xee\xbe\xfb\xee.]\xba\x8c\x1b7\x0e*v\xc2\x957\x18_{\xfb\x83o\xde\x7f\xe1\xd5\x9b\xdb_\xd6\xbb\xa5\xf4\xe9.\x8f\x9f\x12B)\x96c%\x91\x00BH\x00p8,R\xca\xf7~X\xf9\xf1\xa2\x13o\xbd\xff\xc9eC\x07U0\x03\x8c\x14/(,\xba\xf6\xda\x1b\xedl\xcd\xb8\xd7\xfaU\xaf\x9b\x04\xc5^\x16\xe0\x8aR\xc5\xebR\xa2\x8a\x94\x92s\xa9j\n\xc4[\xb3\x0f\x15\x8cy|^\x19\xed8e\xca7I\x89\t\x953\x1c\x14\xf2\x00\xd0u]\xd3\xb4\x1f~\xf8\xe1\x91G\x1ey\xef\xbd\xf7\x86\x0f\x1f^\\\\\xac\xeb\xfa9\x8c&lt;\xa0\xa0\x90R2\xc6\xe2\xe3\xe3u]\xbf\xfd\xf6\xdb\x0f\x1d:4\x7f\xfe|\xbb\xdd~\xe6\x0c(\xaf\xfd\xaf\xbcvd\xc9\xcey\x93\x9f\x19\x9e\x92\x14SV\xec\xa2\'\xdb\x89\xa8\xf2q!\t\x01{\x82s\xc3\x96C7\xbc2\xe7\xfa{\x9e\x1d\xfb\xf8C\xff\x99\x01\xc6\x0bv\xec\xda{\xe9\x90\xfe\xb7_\x19\xfb\xe8#\xbd\xa0\xcc\xc7\xbc\xba\xa2b\x86W\r\t\xc0\x99P\xad\x1a\xc4X\xde|s\xc9gS\x8bg\xfc2\xb7y\xb3F\xe76B{VB\x1b\x00\xc6/0i\xd2\xa4W_}\xf5\xd7_\x7f\xadS\xa7Nnn\xae\xaa\xaa\xd8\xc4\xa8rF\xfb"&gt;&gt;\xfe\xf5\xd7_\xff\xf9\xe7\x9f\x17-Z\xe4t:\xff-\x03\xcak\xff\xcb\xaf\x1a\x91V\xbaf\xdc\xd8+\x03.\x9f\xdf\xaf\xab\n\xde\xbaQ\xf5t&amp;b\x9cV\x8f\xae\x0f~hr\x8f\xeb\x1f\x7f\xee\xa9G\xcePq\x18\xe5\xbeu\xdb\xee+/\xeb\xfb\xf9K\xcd/\x19\xd8\x8ce\x97(\x84\x10\xac\xfc\xab\x9a\x14\x92\x0b\xa9V\x8f]6w\xc7\xe8\xa7\xb6\xff8}~\xab\x96MB\xdd\x0f\x08a\x00\x18\x87\xfe\xc3\x0f?\xbc\xf0\xc2\x0b\xf3\xe6\xcdKNN.))\xd14\xed\xbf\xff%\xaa\x14FW %%\xe5\xcd7\xdf\x9c&gt;}\xfa\xfc\xf9\xf3\xadV\xeb?\xd7\xa2\x95/\x0f\xbf\xf2\xda\x1bR\x8bW\x7f\xfc\xf4U\xee\xfcR \x80\r\xff\xf0\xc1\xb90\x994\xa2\xd2~\xf7\x7f\xdb{\xd4\x13\xff\xd6\x0f0\x02~\xc7\xce\xbd\xc3\x87\xf5\xf9\xea\xd5\x16]{5\xd2\xb3K5\x13\xde\xed\x15F\xf4\x00\xd7\xaa\xc5\xfc\xf1\xfb\x9e\x9b\x1f\xdf\xfa\xf3\xcc\x85\xcd\x9b5\n\xe9|@\xa8\x02\xc08\xe8\xcd\x9b7\x0f\x1e&lt;x\xe5\xca\x95iii\xa5\xa5\xa58\xec\x13\x86\x02\x81@jj\xea\xa3\x8f&gt;\xbac\xc7\x8e\xd9\xb3g\x1bCv\xa7\xbe\xc0\xa8J\x1ext\xec\x91%_\xfc\xfc\xe1\xe8\xb2\x13E\n\xc5\xca?\xec\x08!UM\xa1\xaa\xd2\xea\xa6\xcf\x9e\xfb\xe8\x87\xab\x87\x0f\xfd[\xe3\xd1X\x84\xed\xf5\xf9\xda\xb4n\xf7\xf1\x135\xfa]\xd6F?^\x8c\xb5\x7f\x18\xd2u\xae\xa5\xc5.\x9c\xb9\xe5\xceW\xb26o\xdah\xb3YC\xb7.($\xc1b\x8c\x18\xb8\xdd\xee\xeb\xae\xbb\xee\xc3\x0f?\xacU\xabVII\t\xd6\xfe\xe1\xc9d2\xe5\xe5\xe5\xbd\xf1\xc6\x1b\x1e\x8f\xe7\xf5\xd7_\xd74\xed\xd4\x1b\xf1\x8c\xb6\xff\xcc_\xe7\xce\xfb\xee\xfd\xef^\xbc\xce\x93W\xaaT\xc1\xdd*\xe8\xbfQJt\x9d)\x84\xfc\xf4\xc2\xf0\x87\xee\x1e}83\x8bRj\xdcti0\xf2`\xe4\x8d\xb7\x8f\xe8\r\xfd\x86\xb7\xc5\xda?li\x9a\xa2\x1f/\xe93\xbc\xcd\r}\xe9\xf5\xa3F\xff\xad\x1c\x83+$=\x00\xe3T\x1b5j\x94\xd3\xe9\xfc\xf8\xe3\x8fsssq\xe4\'\x9c\t!L&amp;\x93\xcb\xe5\xea\xd4\xa9\xd3\xcc\x993[\xb7nm,\xd02\x82&lt;\xbf\xa0\xb0C\xdbV3\x1f\xef\xd6\xb2Q\r\x8f\xdb\xaf\xe0`q\x18cL8\x93c\xbe\xf8~\xd9\xd7[\xcd+\x97/\x11\';\x01\xc6%\xf9\xe9\x17\x13\xbf\xfb\xe4\xeeesoe\x05nU\xc1r\x0ck\x8cK5\xc9\xdec\xc0W\xd7\xde\xfe\xfe\xff\xee\xb8)D\x93\x01\xc1\x0f\x00\xe3F\x86\x8d\x1b7\x8e\x181b\xdd\xbau\xc6"\xf4\xe0\xfe\x08\x14t\x8c\xb1\xe4\xe4\xe4\x8f?\xfex\xc6\x8c\x19\x0b\x16,0\xce6c\xf0g\xcc}\x0f\x99\xf6\xcfzo\xecU\xa5\'\x8a4\x15\xdb\x8c\xe1\x8es\xe1Hpv\xbf\xe3\x8b;\x9f\x1f?\xe2\xea\xe1\xc6\x1e\x03RJ\xb7\xc7\xdb\xaeM\xcbY\x1f\xb6n\xd4,M\xba\x03\xb8l7\xcc\t!\x89\xdd\xb4w\xe7\x89\xa1wmX\xbfi\x9b\xc3n\x0b\xc5@PH\x86\x80\x08!\x0f&lt;\xf0\xc0\x93O&gt;\xe9t:u]\x0f\xc5\x8f@\xc1\xa5\xaaj~~\xfe\xff\xfe\xf7?\x97\xcb5m\xda4EQ\x02\x81\x80\xa2(\xdbw\xee^&lt;\xfd\x9b\x97\xee\xec\xef-(\xc3\xda?"\x10J\xb8_\x7foL\xef\x17\x9fy\xd2\xe7\xf7SJ\x19c\x94\xd2g\x9f{mP\'\xd1\xb8s\x1d^\xea\xc7\xda?\xfcQJx\xa9\xbfQ\xa7\xdaC.\xa2\xcf&lt;\xf7*\xa54\x14\x9b\xa4\x059\x00\x8c\xb9\xdf\xb5k\xd7\xea\xba~\xf5\xd5W\x17\x16\x16\xe2\xd0\x7f\x04\x91R\xdew\xdf}_|\xf1\x85\xf1%!\xe4\xe3O\xbf\x18\xd5=\xdd\x11\xef`\x0cw\xe8\x8b\x0c\x94\x10\x8f\xdb\xd7\xb6u\xdd\xa6\xf1\xee\xa9\xd3f\x19\xbb:\x97\x94\xba~_\xf8\xe3\xa3wv\x16E^E\xc5\xc5\xbb\x91AQ\xa9(\xf2&lt;\xf2\xbf\x8e\xcb\x16\xfeT\\Rf\x8c\xca\x06\xf7G\x04?\x00\x00\xe0\x83\x0f&gt;\x18:t\xa8\xd5j\r\xdd\xdc\x05\n:EQJKK\x07\x0f\x1e|\xe2\xc4\x89M\x9b6\x99L\xa6\xbc\x82\xc2es~\x1a5\xa0\x8d^\xe6U\xf0i\r\x91\x83\x10"u~K\xbf\xa6_|:\xceh\x93M\xfe\xee\xa7\x86i\xa5\xd5\x9b\xa4Io\x00\xe7\xf0#\x05! \xbdzZ\xe3\xb4\xc65\xca&amp;M\xfe\x91\x10\x12\xf4N@0\xafj)\xa5\xaa\xaa\xc5\xc5\xc5\x1b7n\xbc\xe6\x9ak\\.\x17&gt;P"\xb20\xc6\x9cNg\x9f&gt;}\x8cN\xc0\x94\xa9\xd3\x9b$\xf1\xf4Z)&gt;\xbf\x8e\xb5F\x04Q(\xf1\xb9}};7r\x1f\xdb\xb1y\xdbN\x00\xf8\xee\xbb\x89\xb7\x0co"\x03\x1cw\xf6\x890\x94H?\xbf\xe5\xca&amp;?\xfc0\tN\xee\xa2\x1f\xcc\xb7\x0f\xe2{\x19\xed\xfd\xdf\x7f\xff\xbdn\xdd\xbau\xea\xd4\xf1\xf9|\xb8`0\xb2PJ\xfd~\xff\xd0\xa1C7o\xde,\xa5\\\xfa\xfb\xe2K/\xaa\x0b\\b9F\x1c\xc6\x85\xc9a\xed\xda0\xf6\xf7\xa5\xcb\xddn\x9f\xb7xo\xf7\x8bj\x81\xcb\xaf\xe0\xe2\x9f\x88\xa2P\x02.\xff\xc5\x9dk\xebe\x073\xb3\xb2\x83\xfe\xb0\xac \xf7\x00\x00`\xde\xbcy\x17]t\x11&gt;\xd5+\x12QJ=\x1eO\xeb\xd6\xad\xa5\x14\x9b\xb7l\xcd\xc9\xdc\xd5\xbdU-\xee\r\xe0\x94a\xc4\xa1\x84\x00\x13\xbdZglZ\xb7j\xe1\xe2\xe5\xf5\xd3\xb8\xa5Z,\xd7qH6\xf2p]\x98Sc\xebWg\x8b\x96,\x83\x93\xed\xec`\tf\x00\x187,\xec\xdd\xbb\xb7]\xbbv\xba\xae\xe33~#\x11\xe7\xdc\xe9t6h\xd0`\xe2\xa4\xef\x12-\xbczr\xac_\xd7\xb1\x07\x10q\x08\x01\xe1\xd7\x9b\xd7I-\xca\xc9\xfc\xe5\xd7\xdf:\xb5N\x05\x00\xdc\xd6?2I\x00h\xdb4a\xc3\xbau\x00A~6g\xd0\xeahc\xb3\xb0@ PTTT\xa7N\x1d\xbf\xdf\x8f\xb5F$\x92R\x12B\x1a7j4\xe5\xc7\x9f\xd3\xe34\xcdj\xe6\x02k\x8d\xc8C\x08\xf1\xeb,#5Nw\x15,Z\xb2\xb0M\xb3j\xa0s\xdc\xf1-\x12\x11J \xc0\x9b\xd4O8x`\x1f\x04\xfb\x89)\xc1\x0c\x00\x008~\xfc8c,66\x16\x9f\xeb\x1b\xa1\x08!B\x88\xd4\xd4\xd4\xd2\xc2\xbc\x04\xa7\xa9\xaa\x0f\x07\x9d;!\xa5j6i\xa0\x17\xe4\x1dOMr\x00\x13X\xfdG"\x02\x00\\\xa4$:\n\xf2\x8f\xeb\x8c\x05wt=\xc8\xa34\xd9\xd9\xd9111III\x8c1\xec\x01D"B\x08c\xacA\x83\x06\x1eWi\xfd4gU\x1f\x0e:wBH\xd5jJq\xaae\xa5\x85\xf5j\xc6\x83\x1f/\xc9\x88D\x08\x01\x9d\xd7\xad\x19\xcf\xfcE~\x7f\x90\xc7c\x83\x1c\x00\xc6m_\xb8\xfc?\xd21\xc6\x00\x08\xc3\xc1\x9fH\'\xa5\x94@\x15\xc2\x98\xc0\xe73G4\xc6\x04\xa5\xc1\x7f\x92J\x90\x03\x00W\xfe\\\x18\x08!\x00\x12k\x8c\x0b\x84\x94\xd8\xf4\x8ft\x84@(\xe6\xf0q\xa1\x0eB\x08E)\x0c\x00\x84\x10\x8aR\x18\x00\x08!\x14\xa50\x00\x10B(Ja\x00 \x84P\x94\xc2\x00@\x08\xa1(\x85\x01\x80\x10BQ\n\x03\x00!\x84\xa2\x14\x06\x00B\x08E)\x0c\x00\x84\x10\x8aR\x18\x00\x08!\x14\xa50\x00\x10B(Ja\x00 \x84P\x94\xc2\x00@\x08\xa1(\x85\x01\x80\x10BQ\n\x03\x00!\x84\xa2\x14\x06\x00B\x08E)\x0c\x00\x84\x10\x8aR\x18\x00\x08!\x14\xa50\x00\x10B(Ja\x00 \x84P\x94\xc2\x00@\x08\xa1(\x85\x01\x80\x10BQ\n\x03\x00!\x84\xa2\x14\x06\x00B\x08E)\x0c\x00\x84\x10\x8aR\x18\x00\x08!\x14\xa50\x00\x10B(Ja\x00 \x84P\x94\xc2\x00@\x08\xa1(\x85\x01\x80\x10BQ\n\x03\x00!\x84\xa2\x94Z\xd5\x07\x10\xee\xa4\x94B\x08)%!\x84RJ\x08\xf9\xb7o\xa2\x88#%\x08)\x01\x80\x12,\xc3\x0b\x8a\x10RJ\x00\x00\xbc:\xcf\x0c\x03\xe0_q\xce\x01\xc0l6[\xadVUU\x19c\x81@ \x10\x08H)M&amp;\x93\xd9lVU\x95s\xeer\xb9\x18c\x8a\xa2T\xf5\xf1\xa2\xb3\xc3\x854k\x8afQ\x01 \xe0\xd5\x19\x97XS\\\x18\xa4\x90\xd4\xa6\x81F\x01\x00\xbc\x0ct\x01X\xb2\xff\x02\x03\xe0\xf4(\xa5N\xa7\x13\x00\xb2\xb2\xb2\xd6\xaf_\xbfa\xc3\x86}\xfb\xf6\xe5\xe6\xe6\xba\\.!\x84\xd5jMJJj\xdc\xb8q\xb7n\xdd\xbau\xeb\x96\x90\x90P\\\\\x0c\x00\xd8\xd8\x88\x14\x8c\x0b\xa7\xd3\x92\x9d[\xb6ju6\x00tn\x92\x96\x14ka\x0c3 \xe2\t!\xa9M\xdb\xb29\'+\xdb\r\x04:\xb5LIN\xb1I]`\xc9\x9e\x16\x06\xc0\xe9y\xbd\xde\x05\x0b\x16\xfc\xf8\xe3\x8f\xcb\x96-;q\xe2\xc4i_3{\xf6\xec\xb7\xdf~\xbbI\x93&amp;w\xdf}\xf7-\xb7\xdc\xe2\xf7\xfb\x19c\x94\xe2\xb4JX3\xc6|\x9cq\xb6\xa5\x1b2\xefxo\xd1\x9e\xa3E\x000\xff\x95\xcb\xfbv\xa8\x15\xd0\x03\n\xd6\x13\x91LpI\xed\xda\xde\xbd\x85\x17\x8f\x98U\xe6\xd6\x01`\xf6\x17\x03\x06\r\xae/\xfc~E\xc1\x92=\r\x0c\x80\xbf\xe3\x9c\'$$&lt;\xfc\xf0\xc3\xef\xbe\xfbn\xf97k\xd6\xac\xd9\xa0A\x83\xf4\xf4\xf4\xd8\xd8XJiII\xc9\xa1C\x87\xb6n\xddZXX\xb8k\xd7\xae\xbb\xee\xbak\xe1\xc2\x85\xe3\xc7\x8f\xd74\x8d1\x86\xfd\x80\xb0\xc5\xb8\xb0\x98UUU^\x9f\xb4\xe6\x99oV\x05\x187\xa9\x94\x0b\xa9R,\xb2\x88\'%H\x850\x9d\x8fzhq\x99[7\x9b\x14\xc6\x85\xa6R\x90U}da\x0c\x03\xe048\xe7\xbdz\xf5z\xf7\xddwk\xd7\xae=l\xd8\xb0A\x83\x06\xb5h\xd1"11Q\xd34B\x08!D\x08\x11\x08\x04\x8e\x1e=:c\xc6\x8c7\xdf|377w\xfa\xf4\xe9\xba\xaeO\x9d:\x951V\xd5\x87\x8fN\xcf\x18\xf69\x9eW6\xe6\x83\xc53W\x1d\x04\x80\xda\xa91Yye\xdc\xe8\x14\xa0\x08\xc7\x85P\x13m\x8f&gt;\xf9\xfb\x9a\xad\xb9\xc9\t\x96R\x97\xce\xb9\xc4\xa2=3\x1c\xaf\xf8;EQ\xdcnw\xe7\xce\x9d\xbf\xfd\xf6\xdb\xa5K\x97\xbe\xff\xfe\xfb={\xf6\xb4\xdb\xed.\x97\xab\xb0\xb00???//\xaf\xb0\xb0\xd0\xedv\xa7\xa6\xa6&gt;\xfc\xf0\xc3K\x97.m\xd6\xac\x19!\xe4\xd7_\x7f\xfd\xf2\xcb/\xe3\xe3\xe3\x8d\xd9c\x14&gt;\x8c5!\xce8\xdb\xfcu\x87\xbb=0\xd5\xa8\xfd\xef\xbf\xbc\xcd\xab\xb7t\x15B\x02\x00N\x12F:\xce\x85\x1ag\x99\xfb\xcb\xbe\xb7\xbe\xda\xeath\xcf\xde\xdd\xce\xe8\x87c\xc1\x9e\x19\x06\xc0iH)\x15E\xb9\xf6\xdak\xe3\xe2\xe2\xf2\xf2\xf2JKK9\xe7\x94REQTUUUUQ\x14J\xa9\xae\xeb999\r\x1a4\x984i\x92\xd3\xe9\xa4\x94~\xfc\xf1\xc7%%%\xb8"(\xac0.\xccf\xd5bV\x9f\xffj\xe5\xe0\xb13\x0e\x9d(5\xa9\xca\x9b\xb7]\xfc\xeec\xfd\xfd\x01\x86\r\xc4\x0b\x80\x10\x92Z\xd4\x9c\xac\xb2\xd1O-\x93\x12\xee\xbd\xbey\xcfN\xd5}~\x0e\x80\xc3?\xff\x01\x03\xe0_\x15\x17\x173\xc6\x8c\xea\xfe\xb4\xc3\xfa\x84\x10\x93\xc9\x94\x9f\x9f\xdf\xbau\xeb\xeb\xae\xbbN\x08\xb1w\xef\xdeM\x9b6\xd9l6!D\xe5\x1f0\xfa\')\xa53\xc6z,\xdf5x\xec\x8c\xe7\xbe]\xcd\xb8\xac[-\xf6\xb7W.{\xf8\x9a\xf6\xc2\xe5\xf73,\xa6\x0b\x81\x00 \x1a\x1d\xfd\xd8\x92c9\xee\x1a\xa9\xf6\'\x1f\xea\x98W\xe8\xab\xea\x83\x8a\x0c\x18\x00\xff\xea\xdf\xea\xfd\x7f\xbeL\xd7\xf5~\xfd\xfa\x01\x80\x10b\xc7\x8e\x1d&amp;\x93\t\x03 \x1cH)\x15M\xf9e\xe5\xfe\xae\xf7O\x9d\xbb&gt;\x13\x00\x86]Tw\xc5{W\xf7n[\xb3\xa8\xd8Cq\xe2\xf7\x82\xc0\x98P\x13\xac\xef|\xb4\xf1\xd7\xdf\x8f\x10\x02\xe3\x9e\xedf\xabf/q\x05\xaa\xfa\xb8"\x03N\x02\x9f/B\x08c\xacf\xcd\x9a\x9a\xa6\xe9\xba\x9e\x9d\x9d\x8d\xab\x80\xc2\x81\x10\xd2j\xd5Vm?&gt;\xec\x99Y\x00\xa0)\xf4\xd9\x91\x9d\x9f\x1c\xd1\x911^V\xe6S\x15l\xfa\\\x088\x97j\xacy\xdd\x8a\xac\'\xdf]\x07\x00\x0f\xde\xd8b\xd8\xa5\rd\xb1\x0f\xe7~+\x08/\x83 0\xee\r\xd64\r\x00\x02\x01lz\x84\x05J\x89\xd7\xa7\xb7o\x9avC\xaf\xc6\xd5\x13\xeds^\xb9\xec\xa9\x1b/\xf2x\x03\x01\x9dc\xed\x7fa\x90R\x82\x89\xba\x8a\xfd7&gt;\xba\xc4\x1f\xe0\x1d[&amp;\xbf\xfaT\x17\xbd\xd4O\x14\xca8v\xc1+\x04{\x00A@\x08\xf1\xf9|~\xbf\x1f\x00l6[U\x1f\x0e\xfa\x13\x01\xa0\x12\xde\xfb_\x0f\x977P\xabF\\Y\xb1\x07\xab\xfe\x0b\t\x17R\xb5\x9b\xee{t\xfe\xae\x03\xc51\x0e\xd3\xc4\xb7zk&amp;%\xe0c@\xe0\xcf\xc5]\xe8\xbf`\x00\x9c/)\xa5\xa6iYYY\xc6\xea\xcf\xf4\xf4t!\x04\x8e\x02\x85\x03B\x88\xae3\x87E\x8b\xb5\x99\\e~\xac\xfd/$\x8c\t5\xd1:y\xe2\xf6\xaf\xa6\xed\x01\x80\x0f\xc6vi\xd42\x99\x15x\xa9B\x01\x00\x87\x80*\x08/\x89\xf3%\x84PUu\xe9\xd2\xa5\x00\xa0iZ\xcb\x96-\x03\x81\x00\x06@\x98 \x84p!\x03\x8c+8\xe5{\x01\x11B\xaa\x0e\xd3\x81\x1d\xf9w\xbf\xb4\x12\x00n\xbc\xac\xc1\x8d\xa3\x9a\xb3B\x9f\xaab\x85vv\xb0\x07p^\x8c\x8d\xe1233\xa7N\x9dJ\x08i\xd7\xae]\x8b\x16-&lt;\x1e\x0f\xee\x08\x14&gt;\x08\x01\xbc\x1f\xe8B"%HJ8\x13\xa3\x1e^\\\\\x1ah\\\'\xee\xa3\x17\xbb\x0b\xb7\x8e\x1d\xbcs\x80\x9f\xd9\xb9\x93RJ)\x9dN\xe7\x13O&lt;\x91\x93\x93#\xa5\xbc\xff\xfe\xfb\xcdf3\xae\x01E(t8\x17J\x9c\xf9\xe9\xd7V\xff\xb1)\xc7lR&amp;\xbe\xd9\xd3\x11o\x91:\x8e\xbb\x9e\x0b\x0c\x80sd&lt;\x10&amp;))i\xec\xd8\xb1\xdf\x7f\xff=\x00\\u\xd5UW\\qEQQ\x11\xde\t\x8cP\x88p&amp;\xd4x\xcb\xfc_\x0f\xbc\xfe\xe5\x16\x00x\xe5\x81\x0e\x1d.\xce`%\xb8\xd9\xe79\xc2!\xa0s\xc197\x99L6\x9b\xed\xc1\x07\x1f46\rm\xdf\xbe\xfd\xb8q\xe3\xdcn7\x0e\xfe \x14"BHjUs\x8f\x95\xdd\xfa\xd4R!\xe4\x90Kj&gt;xw;V\xe8Up\xe8\xff\\\xe1\x07w\xd6\x18cN\xa7\xd3\xef\xf7_s\xcd5F\xed\xdf\xb5k\xd7Y\xb3fY\xadV\xdc\x0b\x1a\xa1\xd0\x11\x00DSn\x7f\xfc\xf7\xa3\'\xdc5R\xed_\xbe\xd1S\xea\x9c\xe2\x0c\xcfy\xc0\x008;\x8c\xb1\xc4\xc4\xc4-[\xb6\xf4\xea\xd5k\xda\xb4i\x00p\xd5UW\xfd\xf2\xcb/111^\xaf\x17\x9b\xff\x08\x85\x88\xb1\xe5\xc3\xfb\x9fl\x9c\xb9(\x93R\xf2\xd5+=R\xd2\x9d\xc2\xcbpK\x8f\xf3\x81\x15\xd6Y0j\xff\x193f\xf4\xed\xdbw\xfb\xf6\xed\x8a\xa2&lt;\xfb\xec\xb3\x93&amp;M\xa2\x94z\xbd^\x1c\xfaG(D8\x17j\x8cy\xe3\x1fG\x9fxg\x1d\x00&lt;6\xbaU\xbf!\xf5Y\x91\x0f\x07\x7f\xce\x13\xce\x01T\x94\xf1\xa4\xb0\x993g^{\xed\xb5\xba\xae\'&amp;&amp;~\xf9\xe5\x97\x97^ziAA\x01!\x04k\x7f\x84BDJ\t\x9a\xe2.\xf5\x8fzt\x89\xd7\xc7\xba\xb6M}\xf1\xf1\xce\xbc\xd8\xa7\xe0\xc2\xcf\xf3\x86\x01P!B\x08\x9b\xcd\xb6{\xf7\xee\x9bo\xbeY\xd7\xf5\xd4\xd4\xd4\x993gv\xec\xd8177\xd7\xd8\x02\x08!\x14"\\H5\xd6\xf4\xc0\xbd\x0bv\xec+\x8a\x8f5\x7f\xf3V/\x85R!8\xc1\xc1\x9f\xf3\x86\x11Z!RJ\xb3\xd9\xfc\xd2K/\x95\x94\x94X,\x96\x89\x13\'v\xea\xd4)//\x0fk\x7f\x84B\xca\x18\xfa\x9f\xf2\xdd\x8e/~\xdc\r\x00\xe3\x9e\xe9Z\xafi\x12w\x07p\xe8?(0\x00\xfe\x9b\x94\xd2b\xb1\xec\xdb\xb7\xef\xb7\xdf~\x03\x80[n\xb9\xa5_\xbf~999X\xfb#\x14RBH\xd5\xae\x1d\xdaUp\xd7\x0b+\x01\xe0\xb6\xab\x1a_;\xa2\x19+\xc4\xa1\xff\xa0\xc1!\xa0\xfff\xec\xf7\xb0y\xf3\xe6\xd2\xd2RM\xd3F\x8e\x1c\xe9\xf5zU\x15?:\x84B\xe8\xcf-\x1f\x84\xbc\xf1\xe1\xc5\x85%\xfe\xa6\xf5\xe3\xdf}\xb6\x1b+\xf5\x13\x02B\xca\x7f{\xd8\xa3\x90\xd2x\x04\xf4\xc97\x91BH!%\x11\x00\x04@\x02!\x80k\xb5\xcba-\xf6\xdf\x8cG\x04\x1f&lt;x\x10\x00j\xd7\xae]\xbf~}\xbf\xdf\x8f+&gt;\x11\n)!\xa4\x92d}\xfa\x99\xe5\xcb7\x9c\x88\x8b1\xff\xf4a_{\x8a\r\xca\x02p\xc6\x9b~ML\x82U5i\x7f^\x9ef\x93B\xad*\xf5sP\t\xc8?3\x00\x02\xbcR~\x83\x08\x80\x01P!R\xca\xbc\xbc&lt;\x00\xc8\xc8\xc8p8\x1cx\xc7/B!\xc5\x85T\x9c\xa6y\xbf\xec\x7f\xe5\xf3\xcd\x94\x92\xdb\xafi\x1c\x93b\xdb\xbf9GU\xe9\x99\xb7z\xe6B\xaa\x05\xa6c\xb9n\xe3\xcb#\xd9\xee\xc3\xfb\x8bxY\x80RB\x08\x08\x01f\x13\xad\x91j\xaf\x8c\xdf!\x12`\x00T\x94\xc7\xe3\x01\x80\xd8\xd8XEQ$n7\x8eP(\x11  \xe4+\x9fl"\x04TJ?\x9b\xb2\xeb\xfd\x89\xdb)!\xff6\xf2\xf3\xb7\x7f\xccO&gt;\x11\xec\xb6\xa7\x96)\xca\x9f\xff\x8aR\xc2\x85hT\'n\xe3\x8c\xe1\x94\x12)\xf1\x16b\x0c\x80\n3\xf6\xf8TU\x15\xdb\xfe\x08\x85\x1a!\x00\\\x16\x95\xfa9\x97\x9cs\xbf~\x8e\x836\x01\x9d\x83\xfe\x97\xef\xe4\x16x\x83p|\x17\n\x0c\x80\xff\xa6(Jii\xe9#\x8f&lt;r\xfb\xed\xb7;\x9dN\x97\xcb\x85\xb7}!\x14R\x84\x00p\xf1\xf6\x13\x17\xe5\x17z\t!RJ\xa8\xd8\xcc\xad\x10\x92\xda\xd4\xd5\xab\x8f\x7f0q;\x00&lt;qG\xeb\x16-S\x8c\x1d#\x8c\xf1\xff\x18\xbbF\x08\x01l\xfe\x03\x00\x06@E\x10B8\xe7\xd5\xabW\xcf\xc8\xc8\xe0\x9c\xe3\x03\xbf\x10\xaa\x0cB\xf6\xed[\x1b\xce\xf6v_.!\xde\x1c\xa3R#\x00\x86\xf4\xac\xd5eH}(\xf6\xff\xff\xd4\xb1\x90\xe0\n\x04\xfbX#\x15\x06@\x85\x10B\x02\x81\x80\x94\x92\x10\x82\xb5?B\x95\x83\x97\x05\xa4,_\xbbS!\x8c\x83*E\xa9\xeb\xcfq\x9f\x12W\x80\x15zyI@Q\xc0x\x1f\x02\x04\x1f\x1eP\x0e\x03\xe0,\x18s\xbf\x18\x00\x08U\x0e\x85\x92\x93\x9b=W\xfc\xa2\x93\xaaB\xcb\x1f\x01\xadP\xa2*\x94(\xe5\x95&gt;^\xbc\x7f\x81\x01P!B\x08\xb3\xd9l\xec\xf8\xefv\xbb1\x03\x10B\x17\x00\x0c\x80\xfff\xdc\t|\xe4\xc8\x91\r\x1b6\xa4\xa5\xa5u\xea\xd4)\x10\xc01D\x84P\xc4\xc3\x00\xf8\x0f\xc66p\x99\x99\x99\xbd{\xf7\xce\xce\xce\x06\x80\xf7\xde{\xef\xae\xbb\xee*..\xc6\xb5@\x08\xa1\x88\x86K\xda\xff\x03\xe7\xdcn\xb7\xcf\x9d;7;;\xdbj\xb5\x02\xc0\xe4\xc9\x93u]\xc7Q\xa0\x0b\x03\xce\xea_\xa8\xb0d+\x02{\x00\xff\x8d\x10\xc2\x183\xfe\xa0(\x8a\x10B\x08\x81\xe7\xd6\x05@HiL\xec\xe3\xad\xdd\x17\x18!\xb0d+\x04\x03\xe0?PJ=\x1eO\xcf\x9e=-\x16\x8b\xb1\x1b\xc4\xa0A\x83\xacV+&gt;\x032\xd2I)mf5)\xd6\n\x00&amp;U\xc1\x8a\xe2\xc2!\xc1jQ\x93\x13,\x00`6)\x15^A\x1a\x8d0\x00\xfe\x83\xf1\xbc\xdff\xcd\x9a\xcd\x9d;w\xe9\xd2\xa5\x19\x19\x19\x97_~yii)\xd6\xfe\x11MU\xa8\xcf\x13\xb8\xacK\xbd\x81\xedk\x03\x80\xd5\xac\xfa|\xba\x82\xcf\x18\x89|\xaaB\xc0\x1d\x18\xdc#\xe3\xe0\xc2\xeb\x00\xc0jQ\xc1\x13\xc0\x85\xff\xff\x06\x03\xe0\xbf\x19\x9d\x80N\x9d:\xf5\xe8\xd1\x83s^ZZZ\xd5G\x84\x82A\x82IU,\x9a\x02\x7f\x8e\x05U\xf5\xf1\xa0`\x91\xa0j\xd4aV\x00\x00\xc4\xbf&gt;9\x00\x01\x06@\x05QJ\xddnwYY\x19&gt;\xff\xfdB"\xa5d\x02\x00*\xb8\xcd\x0c\x8a\x1c\x12$3n\xdb\xac\xea#\to\x18\x00\x15E)\xc5}@/&lt;XA\\\xa8\xb0d+\x02k4\x84\x10\x8aR\x18\x00\x08!\x14\xa50\x00\x10B(Ja\x00 \x84P\x94\xc2\x00@\x08\xa1(\x85\x01\x80\x10BQ\n\x03\x00!\x84\xa2\x14\x06\x00B\x08E)\x0c\x00\x84\x10\x8aR\x18\x00\x08!\x14\xa50\x00\x10B(Ja\x00 \x84P\x94\xc2\x00@\x08\xa1(\x85\x01\x80\x10BQ\n\x03\x00!\x84\xa2\x14\x06\x00B\x08E)\x0c\x00\x84\x10\x8aR\x18\x00\x08!\x14\xa50\x00\x10B(Ja\x00 \x84P\x94\xc2\x00@\x08\xa1(\x85\x01\x80\x10BQ\n\x03\x00!\x84\xa2\x14\x06\x00B\x08E)\x0c\x00\x84\x10\x8aR\x18\x00\x08!\x14\xa50\x00\x10B(Ja\x00 \x84P\x94\xc2\x00@\x08\xa1(\x15\xfc\x00 \x84\x10B\x82\xfe\xb6\xa82QJ\x01\x80b9F&gt;\xe3b\xc4K2\xd2\x85\xa8Z\rr\x00PJ\xfd~\xbf\xae\xebx\xc2E.B\x88\xc7\xe3\xa1\x94z\xfc\xac\xaa\x8f\x05\x9d;\x02 \x85\xf4\xeb\x9c\x10\xea\xf33\xc0K2r\x11\xe2\xf33\xc6\x83_\x86A\x0b\x00\xa3\xc6o\xd0\xa0\x81\xd7\xeb\xcd\xcd\xcd\xd54MJ\x19\xac7G\x95F\x08\xa1i\xda\xae]\xbb\xec\xb1I{\x8f\x95b\xad\x11\xb9\xa8B\x99\xc7\x9f\xeb\x16\xf1I\xe9{\x0e\x16\x80Y\x15xIF !%\x98\x94\xbd\x87\n\x9cq\xe9V\x8b\x99s\x1e\xc4\xe6u0{\x00RJ\xbb\xdd\xeep8\n\x0b\x0bUU\r\xe2;\xa3J\x96\x97\x9f\xdf\xb4Y\xd3R\x1f\x97\x8cc\x04D(\x95\x922\xb7O\xb38\xea\xd7k\x98\x9d[\x06*\x05\xac\xff#\x91\x04Ph^\x81;\xb5ZZ\xd0GV\x82\xd9\x03\x10B\x98L\xa6j\xd5\xaam\xdf\xbe\xddl6c\x0f \x12\x11B\x18c\x9b7o\xbe\xe3\xb6[3\x0btW\xa9GS\x94\xaa&gt;(t\xd6\xa4\x94&amp;\x93\xb6/+\xcf\x1c[\xed\xd2a\x97\xaeX\x9f%5\x05/\xc9H$\xa5\x94\x9a\xb2n[n\xb3\xe6\xad\x8d/\x83\xf8\xe6A\xee\x01\x00@\x87\x0e\x1d\xd6\xae]K)\x15B\x04\xf1\xcdQ%\x90R\x9aL\xa6\xe3\xc7\x8f\xe7\xe5\xe5\r\x1b2HX\x13we\xe6\x9a\xcc\x1a\x0e\x1dD\x1c!A\x9a\xb5u{\x8e\xd7\xac\xd7d\xc8\xe0\xfe[\xf6\xb8\x88O\'\x14{s\x91\x87PB\xfc\x81\xed\xfb\xbd\x17w\xeb\x02\'\x17h\x04KP\xdf\x8bR\x00\x182d\xc8\x9a5k\xdcn\xb7\x82-\xc7H#\x84p8\x1cK\x96,INNILHh\xd2\xaa\xe3/\xab\xf6\x11\xabI\x08\x0c\x80\x08#\xa5$ \xe7n&lt;\xd6\xad\xfb%\xcd\x9b6\xc8\xf3\xc4g\xed\xceQ,83\x17a\xa4\x94\x8aE;\xba\'\'\xa7,\xb6\xebE\xed!\xcc\x03@\x08\xd1\xb4iSB\xc8\xca\x95+\x1d\x0e\x07v\x02"\x8b\x94\x92\x102c\xc6\x8c!C\x86\x00\xc0\xf0\xcb\x86-\xda\x9a\xcb\xbc~\x05[\x8e\x11EJ\xb0\x98\xb5\xac\xcc\xdc\xc3e\xe6\xee\xdd:\x03@\xcb6=~\x9c\xbb\x07\x1cf\xce\xab\xfa\xe0\xd0\xd9\xe0\x02\xc0a\xfei\xee\x9e\xa6\xad\xbaY,&amp;\x1e\xec\xf2\x0b\xf22P!\x84\xaa\xaaW]u\xd5\xa4I\x93L\xa6\xe0\x1f.\n\x1d)\xa5\xd5j\xdd\xbf\x7f\xff\xfe\xfd\xfbo\xb8\xe1\x06!D\xaf\x1e]eb\xc3\x95\x1b\x0fX\xec\x16\xec\x04D\x10.\x84\xe6\xb4~\xb7p[\xc7K\x06\xa7&amp;\'\x01\xc0\xff\xfew\xc7\xcf\x0bO\x80/\x10\xd4\xe6#\n9J\x00\xfc\x81\x9f\x16\x9c\xb8\xf3\x8e\xdbC\xf2\xfe\xc1};EQ\xa4\x94w\xdcq\xc7\xbau\xeb\xf6\xef\xdfo\xb3\xd9\xb0\xcb\x19)\x18c\x0e\x87c\xdc\xb8q}\xfa\xf4\x89\x8d\x8d\r\x04\x02\x84\x90[o\xfb\xdf\xbb?\xad\xa3\x16\x1c\x05\x8a$\xaaB\xfde\x9e\xef\x96g&gt;x\xff\xbd\x00\xc0\x98\xde\xa5s[-\xb6\xc5\x9c\xd9\xdbi\xbc\x8ds,\xca\xc8\xc0\xb9\xa4\xf1\xb6y\xb3wPg\xf3n]\xdas\xce\x83&gt;\xae\x1e\xe4\x000\xd6\x02\xc5\xc4\xc4\\v\xd9e\xaf\xbc\xf2\x8a\xc3\xe1`\x0co&amp;\x8a\x00F\xf3\xff\xc0\x81\x03s\xe6\xcc\xb9\xf7\xde{\x8d\xd9`!\xc4\xb5W]\x96\xa9\xa7\xae\\\xb5\xcb\xee\xb4b\x06D\x04\xc6\x855\xce\xfe\xf1\x8f\xab\xeaw\x18\xd0\xbcIC!\x04!\x14@&gt;\xf8\xd0c/\x7f\xb6]\xea\\\x12\\\x0e\x1a\x19$\x01\xc9\xf8K\x9fm\x7f\xe8\xa1GC\xf4#\x82\xdf!4f\x02\x9e}\xf6\xd9%K\x96\xacX\xb1"&gt;&gt;\x1e\x07\x82\xc2\x1fc\xcc\xe9t&gt;\xf4\xd0C\xd7\\sM\x9d:u8\xe7\x94R)\xa5\xc3n\x7f\xe2\x99\x17\xee\xf9h\x11\xd5\x14\xac5\xc2\x9f\x90\xd2l\xd6r\xb3\x8b\xde\xf9u\xdf[o\xbcj\xf4\xbf\x15E\xe1\\\x0c\x1b\xd2\xd7\x9a\xdc\xf5\x93O\x96\xab\xd5b\xb8\x8e\x93s\xe1\x8e\xe9B\xad\x16\xf3\xe9\xa7+\xcc\x89\x9d/\x1d\xda?\x14\xcd\x7f\x08\xd1^@RJ\x8b\xc5\xf2\xd6[o\xddq\xc7\x1d\x81@\xc0\x18\x17\n\xfa\x0fB\xc1\xa2\xebzJJ\xca\xc4\x89\x13\x8f\x1c92v\xec\xd8\xf2SMQ\x14\xce\xf9\xd5\xc3\x87e\xb4\x1b\xf4\xec\xb89\x8e\xe4\x18]\xc7,\x0fkBH\x93\xc3r\xd3+3\xfe\xf7\xd0\xd3uje\x08!\x8cE#F\xd7\xfc\xd3q\xef\xbf&gt;\xf1\xf8\xc1-\xc7T\xa7Y\xe0@P\x18\x13\\\xaaN\xf3\xa1\xad\xc7^\x9bp\xf4\xd3q\x1f\x08!B\xb4\xb9\x0e\tQ\xd5lT"w\xdf}w~~\xfe\x94)S\x8c\xcd!B\xf1\x83\xd0y2\xda\xfe\x99\x99\x99\xbd{\xf7^\xb0`A\x93&amp;M\xcak\r0nB\x91\xb2\xcc\xe5n\xdb\xb6\xed\xe7\xb76\xee\xdd\xa5iYa\xa9\xaa\xe2\x02\xdfp\xa4\xeb&lt;\xa6z\xc2\xcb\x1f\xfe\xfa{Q\xed\x05\xbf\xcd\xfc[\x9b\xd1\xf8r\xf2\xf7\xd3\xdezn\xd4\xa6\xc57s\x8fN\xb9\xc0;\x03\xc2\x90\x94R\x10\xaa8Lm{}\xf5\xc0\xd3\x13F^\x7fe\x88\x9a\xff\x10\xba\xed\xa0)\xa5\x8c\xb1\x0f?\xfc0++\xeb\xb5\xd7^KII\t\x04\x02!\xfaY\xe8\x9c1\xc6\xacV\xab\xdf\xef\xbf\xf2\xca+_~\xf9\xe5&amp;M\x9a0\xc6N]hl\xf4\xe7bc\x9c\x13\'}7\xfa\x83\xe5\x07\x8f\xe48cl:\xc3~@\xd8\t\xe8&lt;&amp;%\xf6\x979\xeb\xbfY\xe7\x992\xe9\x9bSS\xdc\xa0(\nc\xec\xfa\xeb\x86_\xd4\xf7\x7f#o\x9b\xaa$\xda9\x80\xc4y\x9d0#\xa5\xe4\x12\x94$\xfb\xa8\xdb\xa6v\xec}\xc7\xc8\xeb\xafd\x8c\x85\xee\x9e\xaaP\x05\x00!\xc4\x18\xf9\x997o\xde\xf4\xe9\xd3\xdf|\xf3\xcd\xd4\xd4T\xc6\x18\xde\x19\x10&gt;t]\x8f\x89\x89\xe1\x9c\xf7\xea\xd5k\xf4\xe8\xd17\xdex#c\xec\x9f\x9b8\x19\x03A];w\xf8\xf0\xeb\x9f\x06&gt;1\xeb\xe0\xf1\x82\x98\x04\'f@\xf8\x90\x00:\xe3\xb1i\t\xbf,\xdc\xfc\xf0w\x07\xe6\xce_\x94\x98\x10\x07\xa7\xdb\x02ZUU\xc6\xd8\xb8\x8f\xde$\xa9W\xdc|\xf3\x145\xd5IT\x8acA\xe1CpI(US\x9d\xb7\xdc\xf2\x83L\xbe\xec\xd3\x8f\xdf&gt;\xed%\x19D!\\\x15l\x9c\x7f\x0e\x87c\xd1\xa2E\xd3\xa6M{\xf4\xd1G\x93\x93\x93M&amp;\x13\xae\x0b\xaarRJc\xdc\xff\xf0\xe1\xc3\xdd\xbbw\x1f5j\xd4}\xf7\xddw\x86S\xcdh&lt;\x0e\x19\xd0\xe7\xed\xf1S\xfb?&gt;s\xf9\xfa\xfd1)\xb1\x8c\x0b\\\x17T\xe58\x17\x04 &amp;5\xee\xf3\xc9\xbf?\xfa\xfd\x819\x0b\x16\xd7\xad]\xd3\x98\xc3?\xed\xeb\x8d8\x9f\xf8\xf58\x99x\xe9\x95WM\xf4SJc\xcc:\xce\t\x87\x01]\x17\xd4i\x0e\xa8\xf4\xaa\xab\xbfe\xf1C\xbf\x9d\xf0i\xe8F~\xca\x85\xf6\xb6\x10cE\x90\xc3\xe1X\xbcx\xf1\x8e\x1d;\xfa\xf4\xe9\xe3r\xb9\x92\x93\x939\xe7\xb84\xa8J\x18U\xbf\xc9dJII\xf9\xf6\xdbo\x07\x0c\x18p\xff\xfd\xf7\x9f\xb9\xf67\x18\x8d\xc7!\x03\xfa\x8c\xfbv\xe6\xad\x9flyc\xfc"g\xa2\xd3n31&amp;p\x86\xbfJ\x08!\x19\x17\x8eX\xbbjRo\x1e\xfb\xc3\x17\xeb`\xee\x82%F\xed\x7f\x86Z\x83\x10B)\xe5\x9cO\xf8j\\\xcd6w\xb6\xef\xff\xdd\x96-\xc7\xb5\x1a\xb1\x00\xc09\xe6y\x15\x90\x00\x9c\x0b\x00\xd0j\xc4n\xddv\xbc}\xff\xef\xd2[\xdd&gt;\xf1\xebO\x04\xe7\x94\xd2P?X%T\x93\xc0\xa7*\x1f\x8e|\xf9\xe5\x97\'N\x9cx\xff\xfd\xf7\xdfq\xc7\x1d\x00P\\\\l4U\x82\xbb\xbb\x05\xfa\')\xa5\x10\xc2X\xec\xefp8\x0e\x1e&lt;\xf8\xe4\x93O\xee\xdb\xb7\xef\xdbo\xbfm\xda\xb4i\xc5\xbb\x99\xc6+\xf3\xf2\x0bF\xdex3\xcfZ\xfd\xc6\xffz\xb5iYG\xb8\xbc\x1e\x9f\x0e\x00\x14\x9f\x05\x17zRJ.$\xa5\xc4n3\x83Y\x9b\xb9h\xeb\xf3\x93\xd6u\x1at\xe3\xb8\xf7\xdf$\x84r!\x94\n\\M\xc6\xf9\xa0(\xca\x8cYs\x1f}\xe0\xf6\xab\xfb\xdb\x9f{\xa0\x87\x1ao\x85b/\x0bpJ\t\xc1\xa7\xc1\x85\x98\x04\x90B\n!U\x93\x02qV^\xec}\xee\xddeS\xe6\xba\xdex\xe7\xb3\xcb/\x1d\xc8+\xa5\xf6\x87\xca\t\x008\xe5\x84[\xbf~\xfd3\xcf&lt;\xe3\xf5z\xef\xba\xeb\xae\xfe\xfd\xfb;\x9dN\xbf\xdf\xef\xf1x8\xe7\xc6F4\xc6\xac#V$\xe7\xc3\xf8\x00\x8d\x05&lt;\x00@\x081\x99LN\xa7\x93\x10\xb2\x7f\xff\xfe\xf1\xe3\xc7\xcf\x9b7o\xc8\x90!\xcf?\xff\xbc1W\x7fV\x83\x8c\xe5\r\xcc\x8f&gt;\x19?\xe1\xb3\xf7\xdbW\xf3\xdd3\xbcC\xb3\x06\xd5\x81R\xe6\xf1\xfbuf\x8c\x0ba\t\x06\xd7\x9f+\xfa)\xb5\x9a5b3\x81/\xb0t\xd3\xc1\xf7\xa6m,4\xd7}\xe4\xf1\xa7\x86\x0c\xecg\x14\xf7Y\xb5\xa5\x8c\xa2?q"\xe7\xc9\xb1/\xec\xdc0\xe3\xc6\xcb\xab\x8f\x1c\xde\xd2\x91\x16\x03~\x0e\xee\x00gB\x02\x16e\x90\xfdyI\x02QT\nv\x13\x98Uwv\xc9\xb7\xd3\xb7N\x98v\xbci\xdbK_~\xf9\xd9\xb4j\xa9\xa1\x1e\xf7?U%\x05\x80\xa1\xbc\xee\xf8\xe1\x87\x1f~\xf8\xe1\x87\x13\'N\xf4\xe8\xd1c\xd0\xa0A\xadZ\xb52\xaa\'c\x80\xa2\xd2\x8e\xe7\xc2F\x081\x96\xde\xea\xba\x9e\x9d\x9d\xbdt\xe9\xd2\xd9\xb3g\x1f8p\xa0G\x8f\x1ew\xdf}w\xed\xda\xb5\xe1\x94\xce\xd9Y)\xafk\x8aKJ?\xf8\xf8\xd3\xdf\xa6OI\xa1\xf9C;\xd6\xec\xdf\xa1n\xcdj\t`R\x81\x000\x018\xa2\x10,\n\x05\x85\x80\x04\xee\xf5\xef\xca\xcc\x9b\xbdz\xdf\xfc-\xb9jr\x93\xe1W\x8f\xb8c\xf4Mp\xca\x95u\xb6\xca\xff\xe1\x8a?\xd6\x8e\xffb\xfc\xf6M\xf3\xbb\xb6\xd2\x86\xf6\xaa\xdd\xad}\x86%\xd1\x0e\x94\x82\x04\xc0\x9b?\x82HS\x80\x00\x08\xe9+t\xadX\x9f\xf5\xcb\xa2\xcc\x95[\xfc\xcd\xdb\xf4\xbfu\xf4\xe8\x8b\xbbv\x84\xf3(\xcasS\xa9\x01\x00\x00\xc6* \xa3\xd2Y\xb7n\xdd\xd7_\x7f\xbd}\xfb\x0e!D\xdd:u\x9a6k\x96\x98\x98\xd8\xb0aC\xc6\x186:\xce\x87\x94R\xa1\xd4\xe3\xf5\xee\xdc\xb9\xb3\xa0\xa0`\xc7\x8e\xed999\xa9\xa9\xa9\xfd\xfa\xf5\x1b1bDBB\x02\x9cl\xfd\x9d\xcfO)?S}&gt;\xff\xcf3gO\x9b\xf6\xd3\xd1\xbd\x9b\x93\xcc\xfe\xa6\x19q5\x12\x1d\r\xaa\xc7%\xc4Xq\xd1\xd7y\x92\x00\x8aB\xb3rJ\x8f\x17\xb8\xf6\x1c+\xde\x97\xed\xf2(\xf1\x8dZu\x1cy\xc3\xf5\xbdzt\x83S\xfa\xd6\xe7\xfe#\xa4\xe4\x9c\x1b\'\xc3\xc1CG\xbe\x9e0y\xed\xeaeeE{k\xa5\x92v\xcd\x12\xe3b-\xad\x1b%\xe2\xf5\x18\x14R\xca-{\n\x8aJ|\x1bv\x14d\xe6HG|\xc3N\x9d\xbb\xdft\xe3\xf5\xf5\xea\xd6\x04\x00\xce\x18U\x94\xca\xfe\xa8eU\x08\x04\x02\x81@\xa0\xfc\xcb\xf5\xeb\xd7=\xfe\xc4#5kU\'8\x17\x10T)\xa9\t={u\x1f\xff\xe5\xe7\xa5\xa5%\xe5\x9f\xb6\xcf\xe73\x06\xdc\xce\x9f\x10\xc2\xe7\xf3\xfd\x7f\xb1\xea\xfc\xbbi\xb3\x86^7*\xa5^\x93\xaa\xfe\xd5/,D\xab\xd6\xa0\xd9m\xf7?\xb2`\xd9\x1f\xe5\x9f6\xd3u\xbf\xdf\x1f\x94r\x94R2\xc6N-\xca\xc3G\xb2_{\xf3\xd3\xfaM.R,\xd5\xaa\xfa\x97\xbf\xa0(\x96j\xf5\x1aw~\xe5\x8dO\x0egf\x97\x7f\xda&gt;\x9f\x8f1\x16\xac\xa2&lt;+\x95\xdd\x03\x90\xa747\xf2\xf3\xf3~\x9e6u\xd9\xb2\x15\xfb\xf7f\x11auX\x92\xcc&amp;GR|:\x17\x1c\xdb\x1b\xe7\x89\x10\x1a\xd0}\x05\xc5Y:\xf7y\xfc\x05\xceX\xb5]\x87V\x03\x07\x0e\xeayIo\xe3\x05\xe7\xdf\xd3&lt;u\x9ej\xdd\xe6\xcd\xd3f\xce\xdc\xb8r%\xcb\xcdI\x01\x88S\xd5\xeaV[\xbc\xd9\xcc\xa4 \x80\x85y\xee$H\x8d\xd2cnw\xa1\xdf\x9f\xcbX\x91\xa2\xc4\xd4\xaesQ\x8f\x1e\xd7\x0c\x1f^\'#\x03\x00\x8cG\x84\x9f\xe72\x8a\xf2\xee\xa0\xcf\x1f\xf8\xf9\xe7_~\xff\xfd\xf7\x03{7\xd8\xb4\xd2:\xd55\x87\x8d6\xab\x17\xfb\xe7\xcc\\p~\xa7h$O\xdeS\xb9\xe3@\x89\xcb#\x0e\x1d\xd7=zL\xdd\x86m/\xb9\xa4\xe7\x95\xc3\x87X,f\xf8\xb3\x14\x14\xa8\xdc\xeb\xa5j\xe6\x00\xb6n\xdd\xfc\xed\xa4\x89\xb3g-VER\xb3\x86\xdd\x1a\xd4i\x93\x10\x97b\xb1\xd8\x08T\xf2\xaf\x7fA\x93\xc6\n3\xe6\xf6\x94\x1e?qh\xfb\x9e?\x8e\xe4l\xa9^\xd3v\xf3-7^w\xed\xf5&amp;\x93\xf9|V\x1a\x94\x17\xe5\x8f3g~\xf5\xc5\x17\xf9\x9b7wp8\xfa\xd6\xa9\xd34%%\xden7)\n\xe0\xa0ApI\xe9\xd5\xf5\xbc\xb2\xb2M\xd9\xd9\xf3\x0e\x1f\xde\x03\xd0\xa2w\xef\x9bo\xbe\xb9G\x97.p\x1eq^&gt;\tt\xecX\xf6\xd7\x13&amp;\xcf\x9a&gt;\xa9Zl~\xffn\xd5\xfa^\\\xabA\xcdx\xe2\xb4\x00\xae\xd0\x0b:!d\x99o\xff\x91\xa2\xf9+2\xe7\xaf8\x91]\x9c4\xf4\xf2\x1bn\xbe\xe9\xfa\xf4\x1aip\xae\xd3r\xe7\xac\xf2\x02\xc0he\xe4\xe7\xe7\xbd\xf2\xeaK?\xff0\xafy\xfd\xbe\x9d\xdb\x0cH\xabV[\x08\xee\xf7{\x18\xd7q\xbc8$\x08Q\xa8b\xd2,f\xb3\xd5\xebs\xef\xd9\xbfq\xd9\x9a\x9fL1\xa5\x8f&gt;\xf6\xc0UW^\x0bg_w\x08!(!@\xc8\xa2e\xcb^y\xe9%\xb9m\xdb\xcd\xcd\x9a]R\xaf^\x82\xc3\xe1\xd5uo \xc0\x84\x10\xd8Z\x0c6\t@)\xd5(\xb5\x99LfE9Z\\\xfc\xdb\xee\xdd\x93\x0e\x1ch&lt;p\xe0\xd3O=\xd5\xb8A\x83s\x88s\xe3\x92\x14B\xbc\xf9\xf6GS&amp;~xI{\xb8}D\xab&amp;-j\x80B\xc1\x13\x00?c\\\x82\x94\xd8&amp;\x0b&amp;\t@\x88\xaa\x100\xab`3\x81\x10\xbb\xb7\x1e\xfb\xfc\xfb\xadK\xd6\x89kG\xdd\xfb\xc8CwQ\xaa\\h\xab\x80\x8c\xc1&amp;J\xe9\xac_\xa6\xdfw\xef#5\x12:\\1p\x8c\xd3\x99\xe0\xf1\x96\xe9\xba\x1f\x8c\xb5\x9fx\x96\x85\x92\x94RJA\x08\xb5Z\xec&amp;\xcd\xb2u\xd7\xca\x19\xf3?\xec\xd0\xb5\xdeW_}\x13\xe3\x8c\xa9x\x06\xfc\xf9J)\xefz\xf8\xe1\xc5_}\xf5H\x9b6W\xb6l\xc9\xa5,\xf5\xf9\x98\x10\xb8|&lt;\xd4\xa41\xeb+\xa5IUc\xccf?c\xe3\xfe\xf8c\xf2\xf1\xe3\xf7&lt;\xff\xfc\xbdw\xdc\x01\'W\x00W\xe4\xad\x8cZf\xc7\xce=\xa3F\x8e\xac\x97r\xf4\x9d\xa7{\xa67N\x05W\x80\xbb\x03\x00@)\xae\xfe\x0c-)\xa5\xd1\xe2Ul\x1a8\xcd\xc7\xf6\xe4&gt;\xf8\xe2\x92\xfd\'\xd2\xbe\xf9vR\xf3f\x8d+-\x03B\x1e\x00\xe5\xb5\xffcO&lt;\xf4\xcd\xf8\xe9\xa3.\x7f\xb1I\x83v%e\x05\x9c3B)\xd6\xfb\x95LJ!\xa4\xb4[\x9d\x8a\xa2N\xfd\xe5\xfd\xa3\x85+\xbf\x9e\xf0\xe5E\x9d\xbbV\xe4\x843j\xff\xfd\x87\x0e]?jT\xfd\xa3G\xdf\x1a8\xd0j2\x15z&lt;\x00\xa0`eQ\xb9$\x80\x90\x92\x12\x92l\xb7\x1f((\xb8c\xf6\xec\x1a\x03\x07~\xfb\xf9\xe7V\xab\xb5"c\x08Fq\x7f\xf1\xe5\xa4W\x9f\x7f\xe0\x8d\xc7\x9a]9\xa2\x1d\x14{\x99W\xa7\nFxe\x93Rr.U\xab\x06q\xd6i\xdfo|\xf8\xb5\xed\x8f=\xf3\xce\x1d\xa3GVN\x06\x846\x00\xcak\xff\xeb\xae\xbff\xd3\xca\xec\xbbn~SUT\xb7\xa7LQ*\xa9\x83\x83NKHA\x00\xe2b\x937lY2\xf5\xb7W&amp;\xff\xf0E\xbf\xbe\x03\xcf|\xc21\xceUE\xd9\xb1g\xcf\xd0&gt;}\xee\xcb\xc8\xb8\xed\xa2\x8b\xf2\\\xae\n\xdew\x8aB\x87\ta\xd34\xab\xc9\xf4\xd8\xaf\xbfnMK[8o\x9e\xddf;s\x06\x18\x05\xfd\xe2+\xef\xfc2\xf9\xd9\x1f\xbf\xbc\xacV\xbd$\x96\xe7R\x14\xbc\x8d\xbb*\xfd\x19\x03\xc9\x8e#\x07\xf2\xaf\x1a=c\xd0\xb5\xcf&gt;;\xf6a]\xd7C\xbd\x8b~\x08\x03@\x9e\\\xa1|\xeduW\x1e\xdc\xce\xc7\xdc\xf4zqI\xde\x19\xb6\xa9B\x95\x8cs=6&amp;\xe9\xf8\x89\xc3\xe3&amp;\xdf\xfd\xed\xe4O\xfa\xf5\x1b\xf4ocAF\x85\xb2}\xcf\x9eK\xfb\xf4y\xa7e\xcb\xfeM\x9a\x1c-)Q)\xee%\x1f\x16\x8c\xcd\x98j\xc6\xc7\xbf\xb2`\xc1l\x9bm\xd1\xfc\xf9v\xab\x15\xfe\xe5\x0e^\xa3\xf6\x7f\xfe\xa5\xb7\x97\xcdzi\xd1\xb4\xebA\x00s\xf9U\x15/\xc9\xb0\xc0\x98P\xedfP\xa0\xcf\xf0\xef\xba\x0ey\xe2\xf9g\x1e\tu? \x84\x01`\x1c\xfa\xc8\x1bG\xecZ\xef\xbe\xeb\xe6\xd7\x0b\x8br\x08\xa9\x8c\xdd-P\xc5q\xce\xec\xf6\xd8\xdc\xbc\xa3\x1fO\x1a\xf3\xf3\x8cI\x17w\xeb\xf1\xcf\x0c0\x9eFt\xe8\xc8\x91\xbe\xdd\xba\xbd\xd3\xb2e\xafF\x8dN\x94\x96\x9a*\xf1fET\x11:\xe7\xe9\xf1\xf1\xaf/\\8/&amp;f\xe9\xc2\x85\xc6~\xec\x7f\xbb\xdc\x8cK\xf2\xcd\xb7?\xfe\xed\xbb\xa7\x16\xcd\xb8\x81\x04\xb8\x0c0\xaa`\xed\x1fF\x04\x97`R\xc0\xac\xf4\xb9lR\xffk_|\xec\xe1{B\x9a\x01\xa1}"\xd8\x07\x1f\xbe\xf3\xe6K\xdf&lt;\xff\xf0\x94\xe2\x92&lt;B\x08\xae\xf1\x0cC\x9c\xb3\xd8\x98\xc4\xed\xbb\xd7\xccX\xf2\xe2\x86\r\xeb\x13\x12\x12\xe1\xe4\xad\xdap\xb2\x1b\x07\x84t\xea\xda\xf5z\x801\xdd\xba\x1d)*\xc2\xda?&lt;\xe9\x9c\xd7NH\x18\xf9\xfd\xf7\xb6K/\xfd\xf2\xa3\x8fN\xfbD\xb0e\xcbW\xdft]\x9f-\x0b\xaesZM\xc2\xabS\x05/\xc9\xb0#\xb8\xa4\x16\xcd\xed\x0f\xb4\xe8\xf3\xfdW\xdf-\xb8\xa4\xfbE\xa1\xdb\x1f"$\x01\xc09\xa7TY\xb7~\xf5\xa0~W&lt;z\xc7\xb7\x16\x8b\x8d1\x1d\xdb\xfea\x8bq=1\xbe\xda\xd4Y\x1f(\xb1\x87g\xff:\xe7\xd4\xb3\xcd\xf8\xf3]\x0f?\x9c\xf7\xc3\x0f\xdf\\s\xcd\xb1\xe2b\rk\xff0&amp;\xa5tX,=\'Lxt\xfc\xf8\x91W_]^\x94F\x90\x97\x94\x94v\xec\xd4a\xe2K\x8d\xbat\xaf\xcf\x8b&lt;\n\x8e\xfc\x84+\xce\x84\x12o[\xbd\xe2\xc0\xf5O\xecZ\xbbf]\\\\l\x886\x07\r\xc9\x19@\x08\x01\x90\xb7\xddv\xdb\xd0\xde\xf7\xc5\xc7%\xeb\xba\x1fk\xffp\xa6*ZQq\xee\xd5\xc3\xee\xdd\xb</t>
        </is>
      </c>
    </row>
    <row r="254">
      <c r="A254" s="1" t="n">
        <v>252</v>
      </c>
      <c r="B254" t="inlineStr">
        <is>
          <t>size_grid</t>
        </is>
      </c>
      <c r="C254" t="inlineStr">
        <is>
          <t>What is the size of the missing part denoted with a question mark?</t>
        </is>
      </c>
      <c r="D254" t="inlineStr">
        <is>
          <t>['small', 'medium', 'large']</t>
        </is>
      </c>
      <c r="E254" t="inlineStr">
        <is>
          <t>small</t>
        </is>
      </c>
      <c r="F254" t="inlineStr">
        <is>
          <t>There are circles arranged in a grid formation with varying sizes in the image. The sizes in the first row are ['small', 'medium', '?'], the sizes in the second row are ['medium', 'large', 'medium'], and the sizes in the third row are ['small', 'medium', 'small'].</t>
        </is>
      </c>
      <c r="G254" t="inlineStr">
        <is>
          <t>We observe that the circles at the corners are small size, while the circles directly adjacent to the center are medium size. Only the center circle is large size. Hence, the pattern is that the circles alternate in size depending on if they are at the corner or adjacent to the center.</t>
        </is>
      </c>
      <c r="H254" t="inlineStr">
        <is>
          <t>Based on the pattern that the circles alternate in size depending on if they are at the corner or adjacent to the center, the size of the missing part that is at the corner should be small.</t>
        </is>
      </c>
      <c r="I254" t="inlineStr">
        <is>
          <t>b'\x89PNG\r\n\x1a\n\x00\x00\x00\rIHDR\x00\x00\x02\x00\x00\x00\x02\x00\x08\x02\x00\x00\x00{\x1aC\xad\x00\x00R\x82IDATx\x9c\xed\xddy|\x14E\xde?\xf0ou\xf7\xccdrO\x12n\x96\x9b$\x12\x02$\x12\x0eA\xe4\xc6\x08\x88\xbb"\xe8z@\x10\xd0\x1f\x8a\x06e]Qw\x95U\xd7\x03\x14\xd6\x15D\xe2\x82\x82\n\x8f&gt;\xba\x9c\x0b\x81D\x94\x1b"\x01\x93@$\x86#\x1c\xb9\x80\x8409g\xba\xbb~\x7f\x94\xcc\x93\xc5\x8b#\xc9\x1c\xfdy\xbf\xf6\xb5\xaf\xdda\x92t:5\xdfOuUu5\xe3\x9c\x13\x00\x00\x18\x8f\xe4\xee\x03\x00\x00\x00\xf7@\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4w\x1f\x00@\xd3\xe1\xf5\\\xf1O\xac\x1e\xb7\x1c\x1b@\xd3c?\xfd$\x00\xf8\x18\xce\xb9\xae\xebD$\xcb\xf2o\xbeY\xd34\xce\xb9$I\x92\x84\xebc\xf0q\x08\x00\xf0e\xba\xaes\xce]u_\xd3\xb4\xb3g\xcf\x1e;v\xac\xa0\xa0\xe0\xd4\xa9\x02\xc6\x18\xe7D\xc4CCm\xb1\xb1\xb1-[\xb6\xec\xd0\xa1\x83\xd5j\xad\xff\xb5\x92$\xe1\x9a\x00|\x15\x02\x00|\x93\xae\xeb\xae\xf1\x9c\x92\x92\x92]\xbbvm\xdc\xb81#c\x7fA\xc1\xa9K\x97.\xfd\xec\x97X,\xe66m\xda\xc4\xc7\xc7\x8f\x1e=\xa6_\xbf~\xd1\xd1\xd1\xe2uM\xd3\xae\xe6\xd2\x01\xc0\xeb \x00\xc0\xd7\x88\x01\x1fQ\xb2\xb3\xb2\xb2\x16-zw\xc3\x86\x8d\x85\x85\x85W\xbc\xadY\xb3p\xe2:\'bL\xaa\xa8\xb0;\x1c\x8e\xfa\xff\x1a\x10\xe0?b\xc4\x88\x193\x1e\x1b:t\xa8,\xcbb\x04\t\x83B\xe0c\x10\x00\xe0St]\x17e:\'\'\xe7\xcf\x7f\xfesZZ\x9a\xab\xb2\xb7o\xd7\xbaw\xef\x98\xf8\x9eQ\xbd{F\xdbl\xc1]:\xb7#]\'"\x92\x95\xe2\xc2\x92\xa2se\xd9G\x8ege\xe7e\x1c8\x9c\x9d\x93\xe7\xfa\x86={\xf6|\xed\xb5\xd7\x12\x13\x13\t\x97\x02\xe0s\x10\x00\xe0;TUU\x14\xc5n\xb7?\xff\xfc\xf3\x1f|\x90RSSKD\xfeV\xbf{\xee\x1e\xf9\x87\xbb\x86\x0f\x1e\x18\x1f\xdc"\x82H&amp;RI\xd7\xa9\xceA$\x06\xf79\x99\x14R\x14"\x99\x88kv\xfb\xbe\x03\x87\xd7\xac\xdf\xf6\xc9\xaa\x8d\x85E\xe7\xc4wNLL\\\xb8padd\xa4\xf8\x11\xee\xfb\x15\x01\x1a\x12\x02\x00|\x84(\xcd\x99\x99\x99\xd3\xa6M\xcb\xcc\xcc$"\xab\x9f\xe5\xbe\x89\x89\xb3f&gt;\xd8\xfd\xe6\xeeD\x9c\xaa\xab5\x87\x93sb\x8c\x11#\xa9\xde\xd4\xaeX\x17\xca9g\x8cdY\xa6\x00+I\x96\x92\xd3\xa7\x97\xa4|\xf6~\xca\xe7E\xc5\xe7\x89(""b\xd1\xa2E\x13&amp;L\xa8?\xbb\x00\xe0\xd5\x10\x00nS\xff\xcc\xa3\x9a\xdc Q\xfd\x97-[6k\xd6,1\xc7{\xfb\xf0[\xe6\xbf9;&amp;.\x86\x9c\x0e\xad\xb2\x9a\x18]\xe5z\x1eN\xc4u]\xd7u\xc5\xcf\x8f\xac\xfe\xa5g\x8a^\xf9\xfb\x92EKV\xeb\x9c\x13Qrr\xf2\x82\x05\x0b\x90\x017\xc2\xd5\xf29\xe7\xe2\x1c\xe2L\xba\x0b\x02\xa0I\xe9\xba\xee\xaa\x1d\xf5g\x14\xc5\xbc%\x96\x9f_\x1fQ\xfdSRR\xa6O\x9fND\x16\xb3\xe9\xf5\x97\x9fL~*\x89\x88k\xf6*&amp;\xb1\xeb;\xa5\x9csM\xd3D\x0c\xa4\xaeO{x\xfa_\xcf\x16\x9f\'\xa2i\xd3\xa6-]\xbaT\xd34\xac\x10\xbdz\xe2\xe6;\xd1\xf8\x7f:\x8f"N\xb5\xf8P\xe0\x946%\x04@\x13\xd14\x8d\xfe\xfbF\xa4\x8a\x8a\n\xf1y \xa2\xd0\xd0P\xd7\xeb\xf5\x17\xb1\xc0o\xba\xa2\xfa\x87\x85\x06\xad\xfb\xf2\xdd\x01Cn\xd1+.\x12\xe7\x92|\xa3i\xca9\xd74]\xb1\x85\x14\x9d*\x1cw\xd7\xe3\x19\x07\x8f\xd0\xe5\x0cPUU\x96e\x14\xac_\xf7c\x8e\xfe\xf7\xc4\x89\xddn\xaf\xae\xaev8\x1c&amp;\x93)   ((\xc8\xf5O\x98ioJ\x08\x80FW\xbf\xa0\x9f9s&amp;--m\xe7\xce\x1d\'N\x9c\xcc\xcd=\xa2\xaa*#\xc6\x89\xbat\xe9\xdc\xa6M\xdb\x01\x03\x06\x8c\x1a5\xea\xa6\x9bn\xa2\xcb=&amp;\\\r\xfc:Q,&gt;\xfa\xe8\xa3\xc9\x93\'\x13Q\xb7\xa8\x8e\x1f\xaf\x9c\x17\x97\x10\xab\x96\x95+\xa6\x86\x9c\xaaU\x9d\xaa\x12\x14X^^1e\xcask6~CD\x8f&lt;\xf2\xc8\x92%K0\'\xfc\xeb\\\x83&lt;D\x94\x99\x99\xb9m\xdb\xb6={\xf6\xe4\xe7\xe7\x17\x17\x17WWW\x8b\xab\xa8\x80\x80\x80\xdf\xfd\xeew\xf1\xf1\xf1c\xc7\x8eMLL\x94e\x19\x19\xd0d\x10\x00\x8d\xcb\xd5\x94\xd3\xd3\xd3W\xacX\xb1~\xfd\xfa\xf2\xf2\xf2_y\xbf\xc5b\xb9\xed\xb6\xdb\xee\xbf\xff\xfe\x87\x1ez\x88\xd0\x1b\xfaUb\xc5gvvv\xff\xfe\xfd\xaa\xaa\xaa\xc3m\xc1\xdb\xb6,\x8b\xed\xddC-\xbb\xa0\x98L\r\xfe\xe34U\x93\x03\xac\xb5\xb5\x8eA\x83\x1f\xcc8\x98KD\xcb\x96-KJJ\xc2\xdf\xe8\x97\x88\xea_XX\xb8r\xe5\xca\xd5\xabW\x1f:t\xe87\xbf\xe4\xe6\x9bo\xfe\xfb\xdf\xff&gt;r\xe4H\x9c\xd5\xa6\x81\x00hD\xa2\x11\x17\x16\x16\xfe\xe5/\x7fY\xbe|\xb9\xebT\xb7o\xd7\xbak\xd7\xf6\xdd\xa3;\xda\xc2BI\xd3\x9cN\xf5\xdb\xac\xbc3g\x8as\x0e\xe7\x13\xfd\xf8\x9e\xe1\xc3\x87\xbf\xf2\xca+}\xfb\xf6\xc5|\xe3\xcf\x12\xd7U\xd5\xd5\xd5\x03\x07\x0e\xc8\xca\xcaV\x14yG\xea\xbf\xfa\r\xed\xaf\x96\x95)f\x135N\xa3\xd65M\xf2\xb3\x94WT\xf6\xee7\xf1DA\xa1\xbf\xbf\xff\xee\xdd\xbb{\xf4\xe8\xe1\xba\xf9\x00\\D\xe3\xff\xe4\x93O\x9ex\xe2\x89\xb2\xb22\xf1\xa2\xc9d\x92$\xc95\xe3%\x12B\x9c:\xf1\x7f\xc5H\xe9\x82\x05\x0b\x92\x93\x93\x91\x01M\x00\x01\xd0X\xc4\xe0@jj\xea\xc3\x0fO9{\xb6\x90\x88\xac~\x96?N\xbc\xe3\xbe{\xefH\xe8\x19\x15\xdc\xaa\x19\x91$\x16\x9e\x13\x11qU\xb5Wf\xe6\xfc\xb09u\xe7\x92\xa5\x9f\x17\x15\x9f#"\xb3\xd9\xfc\xc6\x1bo$\'\'#\x03~JT\x87\xc7\x1f\x7f|\xd1\xa2ED\xb4\xe0\xb5\xa7\x92\x9f\x9d\xe1,;oj\xd0\x91\x9f\x9f\xf9\xb9\xaa&amp;\x87\x06\xef\xfbz\xdf\xa0QS\x1dN5..n\xef\xde\xbd\x8a\xa2\xe0\x0ft\x05\xf1\x07\xfa\xe6\x9bo\x06\x0f\x1el6\x9bE\xd1\x17\xf5\xfdg\x89\xb3\'\xc2@\xd3\xb4\xff\xf9\x9f\xff\x990a\x022\xa0\xb1!\x00\x1a\x85h\xb8\xae\x99I"\x9a\xf2\xd0]O=\xf9`L|w"\x9d\xaakt\x87\xaasN\xc4\xc5\xbdH\x12c\x92,\x91\xbf\x95ds\xc9\xe93KR&gt;\xff\xc7;+\xcb+\xecty\xbe\x11\x19P\x9f\xe8q\x1f=z466VU\xd5a\x83\x13\xb6n\xfdP\xad\xacT\x9a\xa4\x1b\xae:U%\xac\xd9\xdc9\xaf\xbf\xf4z\n\x11}\xf8\xe1\x87\x93&amp;MB\xa9\xfa)\xf1gJLL\xdc\xbcy\xb3x\xa5E\x8b\x16\x83\x06\r\xea\xd7\xaf_dddhh\xa8\xa2(\x95\x95\x95\x87\x0f\x1f^\xb7n\xddW_}%\xde#.\x11"""rss\xc3\xc2\xc2\x08\x8bD\x1b\x13\x02\xa0\xe1]Q\xfd\xc3m!\x8b\xff\xf9\xc2\x84\xfb\x7fO\xce\x1a\xad\xaa\x9a\x88I\xd2\xcf\x94\xf2\xcb\xcb\xcf\xb9b1\x93\x7fHf\xc6\x81iS_\xc8\xcc:J\xf5\xd6\x1d\xa2\xc4\x08"\x0e\x13\x13\x13SSS\xfd\xfc\xcc\xdf\xed^\x1d\x19\x1b\xa9WV\xdf\xf8\x9a\x9f\xab\xc19\xd7\x19\xd3\x99\xd4\xe3\xe6?\xe4\xe5\x9fj\xd1\xa2EVVVxx8\xa1T\xfd71\xc7\xbbu\xeb\xd6Q\xa3F\r\x1b6l\xf2\xe4\xc9\x89\x89\x89\xe2D\xfd\xd4\xea\xd5\xab\xa7L\x99RWW\'voUU\xf5\x1f\xff\xf8\xc7\x13O&lt;\x81i\xf6F\x85\x81\xcb\x06&amp;\xcatZZ\x9akU\xe2\xa6u\x8b\'\xdc\xff\x07g\xd9y\xbd\xbaF\x96eY\xfe\xf9\x95\xce\x8cH\x92$E\x91\xb9\xaa:/\x94\xc4\xf7\x8eI\xdb\xba,!\xee&amp;"JII\x99;w\xae\xf8T4\xf5\xef\xe3yD\xf5\xcf\xcd\xcdMOO\'\xa2\x89\x7f\x18\x19\x19\xd7]\xb3W5M\xf5\'"\xc6\x18W5S`\xe0\x9cY\x93u]/**Z\xb3f\rc\xecW\xc67\x8cI\xac\x91\x1d&lt;x\xf0\x81\x03\x07\xd2\xd2\xd2\x1ex\xe0\x81\xf0\xf0pM\xd3TU\xd5\xeaQUUU\xd5{\xef\xbdw\xde\xbcy\xe2\xa2A\xcc\rl\xdc\xb8\x91\xb0\x01_#\xc3\x15@C\x12{F\x96\x96\x96\xc6\xc5\xf5*..\t\xb3\x05o^\xf7^\xc2\xc0\xde\xce\x0be&amp;\xf3\xb5\xadK\xd1TU\x0e\xf0/\xbfh\x1fy\xfb\xd4o\x0f\xe62\xc6\xb6l\xd92|\xf8p\\\x07\x8830}\xfa\xf4\x94\x94\x14\xab\xd5\xef\xe0\xaeO"\xbbG\xf2\xea\x9a\xa6\xac\x14\x9c\x883r\xea\x14\xdf\xf7\x9e\xdc\xa3\'cb\xba\x1d&lt;x\x08\xf7\x04\xfc\n1\x07\xf0K\xf7y\x899\xe1\xba\xba\xbaN\x9d:\x95\x94\x94\x88\x95\xa0\x9d:u\xca\xcd\xcd\x15\xf3\x078\xb1\x8d\x04\xe9\xda\x90\xc4\xca\xfd9\xcf&gt;[\\\\\xa2(\xf2\xd2w\x9eO\x18\xd8\xef:\xaa?\x11\xc9\x8a\xa2U\xd5\xd8"B?\xfbx~Dx(\x11\x7f\xfc\xf1\xc7\x1d\x0e\x07c\x86\xcel1&gt;PRR\xb2v\xedZ\xc6h\xfc\xb8\xa1Qq\xb1zeu\x13\xf7\x13\x19\x91\xee\xd4,\xc1\xc1O?\xfe\x00\xe7\xfc\xc8\x91\xdco\xbe\xf9\x06\x17\x01\xbf\xc4u\x03\xf0/\xd5qq\x03\xbc\xbf\xbf\x7f\x97.]\xe8\xf2HZEEEMMM\x93\x1e\xa8\xf1 \x00\x1a\x8c\xe8\x99n\xdf\xbe}\xe5\xc7\x1f\x13\xd1\xfd\x13\x12\xef~`\xbc\xb3\xec\xdcuT\x7fAVdg\xb9\xbdc\xb7\xa8\xf9\xaf&lt;\xc99\x1d=zt\xfe\xfc\xf9\x92$\x89\xeb\x0cc\x12\x15v\xcf\x9e=\xa5\xa5\xa5\x9c\xd3\xbdw\x8f\xe2\\\'wt\x0feY\xe2\xb5\xd5\xa3o\xbf54$H\xd7\xf5\xf5\xeb\xd7\xd1\x7f\xef\xef\x04.W\x13\xcf\xe2\xd4\xd5O\x08l\x0b\xd1\x04\x10\x00\rl\xc9\x92%\x9a\xa6Y,\xe69\xb3\x93tG\x95|c\x03\xd3\x8aY\xd1\xec\x17\xef\xfd\xe3\xd8\xe8\xc8\x0e\x8c\xb1e\xcb\x96\xd5\xd4\xd4\x88A\xd2\x86:`\xef"*\xc2\x86\r\x1b\x18cm\xdb\xb4\x18xk&lt;\xab\xa9\x96$7\x94\t\xc6\x18\xafu\xb4\xe8\xd8v\xd0\x80x"JO\xff\xca\xe1p\x18|t\xee\xba\x89Kg\xa7\xd3y\xf6\xecY\xd7\x8b6\x9b\xcd\xdf\xdf\xdf\x8dGe\x04\x08\x80\x86!\x86&amp;\x8a\x8a\x8a\xfe\xb3q#c\xec\x81\x89\x89Qq\xddo|`\x9a\x11\x91\xaaY\x82\x83\x9e{:\x89\x88\x8e\x1d;\xf6\xd5W_1\xc6\x0c{\x11 I\x92\xc3\xe1\xd8\xbd{7\xe7\xbc\x7f\x9f\xd8\xe0\x16\xcd4\x87\xd3]\xfdD\x9ds\x92\x94\x11C\xfa\x10Q~\xfe\x0f\'N\x9c0\xf2\x9f\xe6F\x88\x93\x96\x91\x91q\xf2\xe4I\xf1\x91a\x8cEGG+\x8a"6\x89s\xf7\x01\xfa,\x04@\xc3\x10C\x13[\xb7n\xad\xb8t\x89s\xfe\xd0}\xa39\xd7/?o\xe4\x86H\xb2\xc4k\xaa\xc7\x8d\x19\x1cf\x0b!\xc6\xbe\xfc\xf2\x8b\x1b\xff\x9e^J\x0c%\x17\x16\x16\x9e9s\x9a\x88\xe2{F\x13\xc9n\xbc\x16b\x8c\x11W{\xf5\x88\x92$\xa9\xb6\xb6.++\x8b0\nt\xed\\\x91\xf9\xec\xb3\xcf\x8a\xb3\'\xee\n\xbe\xfb\xee\xbb\t\xe7\xb3\x91!\x00\x1a\x86\xe8\xa4|\xf5U:\x11uh\xdf\xbaG\xcfh\xaa\xa9i\x90\xa1\t\xc6\x18w8\x03\x9bG\x0c\x1a\x10G\x9c\xef\xd9\xbd\xa7\xb6\xb6\xd6\x98k\xe3D-8u\xea\x94\xdd^ID\xbdb#\x89\xdc\xd9=\x94$Fu\x8e\xc8.\xedC\x82\x83\x88(/\xef(\xa1`]#Q\xfdeY\x9e1c\xc6\x8e\x1d;\xc4\xb8\xbf\xa6iQQQ\xf7\xdcs\x8f\xb8\xb0v\xf71\xfa2#\xd6\x91\xc6 \x16\xe7\x1c?~\x82\x88:w\xfa]h\xab\x08\xeeT\x1b\xaa6\xe9:\x97\x14K\\l$\x11\x15\x97\x14\xdb\xedv#\xaf\x05:q\xe28\x11\x99L\xa6\x88\x08\x1b\xe9\x9a{\x87\x07\xb8\xa6\xfb\x07\xf9\x87\x86\x06\x12\xd1\x89\x13\'\x08\xf7\x82]\x0b\xd73\x15\xa6M\x9b\xf6\xde{\xef\xb9j=c\xec\xfd\xf7\xdf\xb7Z\xad\xae\xfd\xd2\xa1\x91 \x00\x1a\x80\x98\xc2\xaa\xa8\xa8\xc8\xcf\xff\x81\x88b\xbbu&amp;.7`\x81f\x8c\x11\xa91\xdd\xba\x10QE\xc5\xa5\xdc\xdc\\\xaaw\xe1l\x1c\xe2\x94\xe6\xe7\xe7\x13\x91-4\xb8k\xe7vT\xe7pc\x81`\x8cqU\r\x8c\xb0u\xed\xdc\x8e\x88\xf2\xf3\x8f\x11\x02\xe0\xaa\x89Us\xe5\xe5\xe5c\xc7\x8e\xfd\xe0\x83\x0f\x14E\x11\x7f_M\xd3\x96.]z\xdbm\xb7\xe1\x96\x97&amp;\x80{\xac\x1b\x0c\xe7\xdc\xe9t\x12QDX\x081\xa9\xa1;\xe8&lt;"&lt;\x84\x88t]7\xf8\xfd\xc0f\xb3\x99.\xdfX\xe4\xeec!"\xa2\xcbG"\x0e\x0c\xae\x86(\xee\xb9\xb9\xb9\xe3\xc7\x8f?r\xe4\x88\xa8\xfe\xe2\xb1\x19bo%\xec\x00\xd14p\x8a\x1b\xd2\xe5\xbd\x0c\x1b\xa50\xb9\xbe\xad1\'\x00~\xcas\x06\xc1&lt;\xe7H\xbc\x82(\xf4{\xf7\xee\x1d;v\xec\xf9\xf3\xe7E\xf5\xd74-""\xe2\xe3\x8f?\x1e5j\x14\xaa\x7f\x93\xc1Yn0\xae\xdd\xcc\x9dN\x95\x1a\xa1"8\x9d?v\xfc\r~\xbb\xa9\xb8\x00\x92$fR\x94\xc68\xcf\xd7L\x92L\x8aB\x97\x0f\x0c~\x9d\xd8\x10"77w\xf4\xe8\xd1eeeb\x90G\xd3\xb4^\xbdz\xad^\xbd:**\n\xd5\xbf)\xa1/\xd9\x00\xc4\x94lppp\xa7N\x9d\x89\xe8`\xf6QbZ\x03\xde\x9d\xc49\'R\x0ee\x1d%\xa2\xe0\xe0\xa0\xae]\xbb\x92\x81\xc7\x9a\xc3\xc3#\x88\xa8\xb2\xb2\xfa\xf4\xd9\x122\x9b\xdc\xd8\xfb\xe6\x9c3Y\xae\xb9h?SXJD\xbf\xb4\xcf%\xb8\x88?V]]\xdd\xfd\xf7\xdf_VV\xa6\\\x0e\xce\x91#G~\xfd\xf5\xd7\xa8\xfeM\x0f\x01\xd00t]W\x14\xa5]\xbbvDTp\xaa\xb8\xb6\xa2\x925\xdc\xe6\x94\x8c\x11q-\xef\xd8)"\n\xb3\x85EDD\x90!\x03@\xfc\xca\xdd\xbbw\'\xa2\xaa\xea\x9a\xa2\xe2s\xa4(\xee\xbd\x06`\xb2T{\xa9\xb2\xb0\xe8&lt;\x11u\xef\x1eC\x86\x9c\x9c\xbfzb\xd9\xcf\xa7\x9f~z\xf0\xe0AEQ\xc4#b\x86\x0f\x1f\xben\xdd\xba\x90\x90\x90\x9f&gt;;\x1e\x1a\x1b\x02\xa0a\x88\xae\xcd\xc0\x81\x03\x89\xe8\xc8\xf7\xc7s\xb3\xf3\xc8j\xd5\x1a\xa2\x16p\xce%\x93R[~q\xcbW\xfb\x18cq\xf1q\xfe\xfe\xfe\xc6\xbc=R\xfc\xca-[\xb6\xb0Z\xfd\x88\xe8\xe8\x0f\x05D\r\xb9\xda\xeaZq\xce\xc9b:y\xba\xa8\xb2\xaa\x8a\x88\xda\xb6\xfd\x9d\xbb\x8e\xc4[\x88\xe9\xab\x95+W\x8a\xa7\x1bq\xce\xdb\xb5k\xf7\xd9g\x9fY,\x16\xac\xf9q\x0b\x04@\xc3\x10-\xfb\xf6\xdbo7\x9b\xcd\xba\xae\xaf\xdf\xb4\x9d\xc9f\xd2\x1b\xa06\xe9:gV\xff\xbd{\x0e\x15\x15\x9f\xe3\x9c\x8f\x1d{\'\x19u\xd6Q\x04@\xc7\x8e\x9dZ\xb4hAD\x07\x0e}O\xc4\xdd\x98\x83\xba\xceI2g\xe7\xfc\xe0p8\x15E\x89\x8f\x8f\'L\xd1\xff2\xb1Z\xdan\xb7\x1f&gt;|\xd8u\xc7\xef3\xcf&lt;c\xb3\xd9\x9cN\'\xaa\xbf[\xa0\xb16\x0c\xb1IgTT\xd4\xc0\x81\x03\x19c\xef.\xfd\xec\xfc\xe93\xcc\xd2 #\xd4\x9ct\xfd\xe5y\xffRU\xady\xb3fc\xc6\x8c!"c~Z\xc4=\xa2V\xab5..\x9e1\xb6g\x7f\xb6\xc3n\x97\x14\xb7\x9d\n\xc6\x88\x88o\xdby\x80\x88Z\xb7nm\xf0\xb9\x99\xdf$&gt;\x0b%%%\xe5\xe5\xe5D\xa4\xaa\xaa,\xcb\xc3\x86\r\xc3\xed\xben\x84\x00h0\xe2\xae\xc5\xa9S\xa7r\xce\xcf\x9d/_\xf4\xde*\xc9?Tu\xde\xd0\xca\x10M\xd5\xe4\xd0\x90\xed[wm\xdb\xfe-\x11\x8d\xbb\xeb\xaef\xcd\x9a\x19s\xfcG\x10Ed\xec\xd81\x9c\xf3\xbc\xfc\x82\x83\xfb\xb3\xc9jm\xa4u\xb7\xbfy$\x92\xd9t\xa9\xa44m\xdb~"\x1a2dp``\xa0\x91\xff4W\xa9\xa6\xa6F,\x03e\x8c\x85\x84\x844o\xde\x1c\x0f\xbbv#\x04@\x83\x11\x93Z\xf7\xdcs\xcf\xa0A\x83\x18\xd1\xc2\xf7Veg|k\xb2\x85h\xd7\xbb:P\xd7uf1U\x97_z\xf2\xd9\xf9\x8c\xb1\xb00\xdb\xdc\xb9s\xc5ut\xc3\x1e\xb9\x17\x11\xbf\xfb\xad\xb7\x0e\n\x08\x08\xd04\xed\x8b\xf5\xdb\x98lq\xcb\x80\x98\xaeq\xe6\xef\xbfsG\xe6\x99\xb3%D4r\xe4(2\xea\xd0\xdc5q=\tR\xd7\xf5\xda\xdaZ\xf4\xfd\xdd\xcb\xb8[\xca4\x06\xb1\xc6933\xb3o\xdf&gt;\xaa\xaa\xf5\x88\xe9\xf2u\xfaG6[\x90VU#_\xe3H\x85\xae\xeb\x9cIrp\xe0\xe4?&gt;\xfd\xd1\xaa\x8dD\xf4\xee\xbb\xef&gt;\xf6\xd8c\x98+\x13g`\xec\xd8\xb1\x1b6lh\xd9"&lt;\'\xe3\x7f\xc3"B\xa9\xe1v^\xbaJ\xba\xaeK\x01\x01#F&amp;\xa5\x7f\x9d\xd1\xb2e\xcb\xbc\xbc\xbc\xc0\xc0@&lt;\xbc\xf0W\x88\x93SYY\x99\x91\x91!^1\x99L\xfd\xfa\xf5\xc3\xca\x1f72n_\xb21H\x92\xa4iZ||\xfc\xbcy\xf3\x89(\xebp\xfe\xa8\xc4\xa9\xe5\xe5v9$\xc8\xe9t^}\xd2j\xaa*\x99LrP\xc0\xf4\xc9\xcf\x8a\xea?~\xfc\xf8\xc7\x1e{L\x0c\x9b6\xda\xe1{\x93\xe4\xe4d\x89\xb1\xe2\x92\x0b\xef\xbe\xb7\x8aY\x03\x9bx\x14H\xd3t\x16\x14\xf8u\xea\x8e\xb4m\xfb9\xe7\xd3\xa6M\xc7\xf8\xcfo\x12\'\'00p\xc8e\x03\x07\x0eD\xf5w/\\\x014\xbc\xfaO-\'\xa2\x84\xf8n\x9f\xac\x9c\xd7\xb5[\x14\xd9/j\xaa&amp;\xc9\xbf\xf8\xa0;\xceI\xd75FL\n\r\xb1\x97W$?\xf1\xca\xb2\x8f\xd7\x11QBBBjjjHH\x08FK\x05q\xd3u\xcf\x9e=rs\xbf\x8f\x08\x0f=\xfa\xdd\x9a\x10[0k\xc2\x8b\x00M\xd3\xe4\x90\xe0\xa1\x83\x1f\xfcz\xc7\x01\xb3\xd9|\xe4\xc8\x91N\x9d:\x89\xeb\xbf\xa69\x00\xef\xc59WUU\xdc-\xc1\x18\xc3\x06J\xee\x85\xf6\xda\xf0\xc4\x8a\xa0\xa5K\x97N\x9b6\x8d\x8822\x8f\x0c\x18t\xff\xf2\xa5\x9f:t\x92m6\xa6(bC71\x10*\xfe#\xfe\x1f\x93\x98\x1c\x1a,\x05\xf9o\xdd\xbc}\xc8\xd0I\xf5\xab\xbf\xcdf#\xac0\xb9L\xdcv\xb7`\xc1B1\xdf\xfe\x97\x97\xde\x95\x9a\xf0"@S59\xd4\xf6\xf9\x8a5_\xef8\xc09\x9f={v\xa7N\x9d\xc4-NMs\x00^\x8dsn2\x99,\x16\x8b\xc5b1\x9b\xcd\xe8\x80\xba\x17\xae\x00\x1a\x85x\xa4\x91$I/\xbd4w\xee\xdc\x97\xc4\x8b\xb11]g=\xf1\xc0\x9d\xa3\x07\x87\xb7\x8a \xc9B\xa4\x12\xb9N\xbeB\xa4U\x97]\xdc\xb5\xef\xbb\xb7\x16|\x94\xbau\xb7xu\xc2\x84\tK\x96,\xb1\xd9l\xe8]^A\x9c\x90Q#Gn\xd9\xba\x951\x96\xba\xe6\xdd\x11w\x0eS\xcb.*\xa6\xc6\x1dR\xd0u\x9dY\xcc\xa5\xc5\x17z\xf4\xb9\xa7\xf4\\Y\xf3\xe6\xcdrs\xbfG&lt;_%1\rp\xe8\xd0\xa1\xf4\xf4\xf4\xda\xda\xda\xfe\xfd\xfb\x0f\x1d:\xd4\xdd\x07eh\x08\x80\xc6\xe2\xca\x80\xd4\xd4\xd4\xd9\xb3g\xe7\xe4\xe4\x88\xd7\x9b7\x0b\xbb\xa5_\xcf^\xbdn\x8a\x8d\xeah\x0b\x0f!Mw:\xd5\x8c\xac\xa3\xc7\x8f\x9f\xde\xb6\xfd\xdb\x13\'\xce\x88\xb7\xb5l\xd9\xe2\xb9\xe7\x9e\x9f9s&amp;].vn\xfbM&lt;\x92Xt{\xfc\xf8\xf1&gt;}\x12\xca\xca\xca[6\x0f\xff.\xe3\xf3\xe6\xad\x9ai\x95\xd5\xd7:\xdf~\xf5\xb8\xceu\x89\xc9\x81\x01#\x87M\xda\xbam?\x11}\xfe\xf9\xe7\xe3\xc7\x8f\xc7\xcc\xfc\xd5\x10\xcdx\xd1\xa2EO&gt;\xf9\xa4kC\xc3\xa9S\xa7\xbe\xff\xfe\xfb\x84\x1b\xe8\xdc\x04\x01\xd0\xb8\xc4\xe6V\x0e\x87\xe3\xcd7\xdf\\\xb5\xea\xd3#Gr\x7f\xf3KZ\xb5j5f\xcc\x98\x17_|\xb1M\x9b6\xa2\xcc\xa1k\xf9\xb3D\xd9\xfd\xe2\x8b/\xc6\x8f\x1fOD}\xe2\xbb\xa5nJ\t\r\t\xd2jj\x1a\xa3\x1c\xbb\xaa\xff\xf4\xa49)\x1f\xad!\xa2\xe4\xe4\xe4\x05\x0b\x16\xa0\xfa_\r\xd1\xf7\xaf\xa8\xa8\xe8\xd0\xa1\xc3\xc5\x8b\x17\xc5\r\xf3b.g\xe7\xce\x9d\x03\x06\x0c\xc0it\x0b\x04@\xa3s\xb5\xec\xba\xba\xba\xcd\x9b7\xaf[\xb7.#c\x7fQQ\xd1\xf9\xf3\x17\\\xef\t\x0e\x0e\x8e\x88\x08\x8f\x8b\x8b\x1f3f\xcc\x1dw\xdc\xd1\xbcy\xf3\xfa_\x08\xbfD\xe4\xeb\xacY\xb3\x16.\\HDw\x8d\xbem\xc5\'o\x05YLZMm\xc3^\x07\xe8\x9a\xceeI\x0e\x0cx\xf5\xaf\xef\xbc\xf0\xca{D\xd4\xbf\x7f\xff\x1d;v\x10\x91x\xa8a\x03\xfe,\x9f$\xba\xff\x87\x0e\x1d\x12\x1bf\x88\xb2#n\x9d\xf9\xe7?\xff9c\xc6\x0c\xec\x03\xea\x168\xe3\x8dN\x96e\xf1\xb4#\x8b\xc52n\xdc\xb8q\xe3\xc6i\x9aV^^~\xe4\xc8\x11M\xd3\x18#\xce\xa9K\x97.\x11\x11\x11V\xabU|\x89\x98QD\xf5\xffM\xb2,\xab\xaa\xba`\xc1\x82\xaa\xaa\xaa\x94\x94\x945\x1b\xbf\x19&gt;\xf4\xa1M\x1b\x97\x86\xb5\x08W\xcb+dEn\x90\xd2\xac\xaa\xaab\xb5\x92\xc5\xec\xea\xfb\'$$l\xd8\xb0A\x8cZ\xa0\xfa_\xbd\x9fm\xd2\x18\xfcq#\\\x014\x1d\xd7S\x0c\x7f\xa9\xb2k\x9a&amp;\xf6EAM\xb9z\xae\xb9\x16\xd7\xba\xdb\xc8\xce\xed\x96\xa5\xbc&lt;`\xc8\x00\xb2_TUM\x96\xe5\xeb&gt;\x9d\x9a&amp;V\xe5\x86\x16\x15\x9cJz\xf8\x85\xd4\xf4\xbdTo]\x16\xe6f\xae\x9e\xa83UUU\x9d;w.--\x15\xeb\x7f\xc4\xfd\xc0\x19\x19\x19\xbd{\xf7\xc6\xc9t\x0b\x9c\xf1\xa6\xc3\x18\x93eY\\\x10\x88\xd6_\xff\xb6xQ\xfa\x15EA\xf5\xbf&amp;b\x8eD&lt;I\xfc\x91G\x1e!\xa2\xbcc\xa7\x86\xdd&gt;m\xee\x0b\xf3\x1d\x8c)\xb6P&amp;\x91\xaaj\xd7\xd4\xd1q\xd5&amp;9$H\n\x0e\\\xbd\xf2\xdf\t\xfd\xef\x13\xd5\x7f\xc0\x80\x01\xa8\xfe\xd7\x811\xa6\xebz``\xe0\xfc\xf9\xf3\xcdf\xb3\xc3\xe1p:\x9d\xba\xae?\xf5\xd4S\xa8\xfen\x84+\x00\xf0\x05\xaeG\x8a\x7f\xf0\xc1\x07\x7f\x9a=\xfbbE\x05\x11\xc5\xc6t\x99\xf5\xc4\x83\xf7O\x1cm\x0e\t\xa6\xdaj\xbd\xd6\xa1s\xce\x18\x13\x0fk\xab\x1f\xb4\xe2S\xa0s\xceu\xce\x88d\xb3\x89\x02\xfcI\xd3\xb6n\xd99\xff\xed\x0f\xb7\xa4\xed\x11oKNN\x9e7o\x9e\x18\xb9F\xc1\xba\x0eb*\xf8\xf0\xe1\xc3\xa9\xa9\xa9555\xb7\xdez\xeb\xa0A\x83\xb0\x7f\x86\x1b!\x00\xc0w\x88i\xf3\xcc\xcc\xcc\xc7\x1e\x9b\xb1w\xef&gt;\xf1b\x8f\xee\x913g\xdcw\xfb\x88\x01m;\xb7%\xa6\x10W\xa9\xceA\x9a\xae;U\x12e\x87\x93\xa4\xc8$Kd6\x93\xac\x10\xd1\xa5\x92s_\xef\xca\\\xbcd\xb5\xeb\x86\x8c6m\xda\xbc\xfd\xf6\xdb\x13&amp;L\xa0\xcbU\xcc-\xbf\xa0\x0f\xb8";q2\xdd\x0b\x01\x00&gt;Ed\x80\xaa\xaa+V\xacx\xe9\xc5\x17O\x9f\xf9\xf1\xbe\n\x9b-\xe4\xb6[o\x1e&lt;\xa8w\\ld\xb7\xc8\x0e\x01\x01Vk\x84\x8d8\'N$IZ\x85\xfdReu\xfe\xc9\xb3\x87s\x8f\xed\xdc}0}\xdb\xfe\x93\x05g\xc5\x17Z\xad\xd6\xa7\x9f~z\xe6\xcc\x99\xcd\x9b7\x17\x93\xf3(X7H\xd7u\xd7V\x10X\xe9\xe0^\x08\x00\xf05\xae&gt;fii\xe9\xda\xb5k\x17/^|\xe8\xd0\xa1\xfao\x08\x0f\x0b\r\x0e\x0e\xe8\xdc\xb9\x1d\xe9:q"E..,-9Wv\xee\\y\xbd{\xb3\xa9}\xfbvIIS&amp;N\x9c\x18\x1d\x1dMX\x95\x0b\xbe\x08\x01\x00&gt;\xc85%@D\x9a\xa6\xa5\xa7\xa7o\xde\xbc)--=/\xefh]\x9d\xe3\xd7\xbf\xb6S\xa7\x8e\x83\x07\x0f\x19&lt;x\xf0\xb8q\xe3\x82\x83\x83\xe9\xf2\xaa\\t\xfc\xc1\xf7 \x00\xc0g\xd5\x8f\x01"\xd24-///777\'\'\xe7\xd4\xa9\x82\x82\x82S\xa2\xa6s\xceCCCccc\xdb\xb5k\x17\x13\x13\x13\x13\x13\xe3\xef\xef\xef\xfa\x12\xc6\x18\xe6{\xc1W!\x00\xc0\xc7\x89\x18\xe0\x9c_\xfd\x8d\xa6\xb8!\x03\x0c\x02\x01\x00F\xc1\xeb\xb9b\x87%\xf1"\x11\x89\xfe&gt;\xea&gt;\x18\x04\x02\x00\x00\xc0\xa00\xb8\t\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a5\xb8\xfb\x00\x00\x9a\x1a\xe7\xfcg_g\x8c5\xf1\x91\x00\xb8\x17\x02\x00|\x19\xaf\x87\x88$Ir\xfd\xf7O\xe9\xba\xee\xfaoVO\x13\x1e/@\x93b\xbf\xd4\x1b\x02\xf0R\xa2\xdc\xeb\xba\xce\x18\x93e\xf9\xa7o\xd0u\xbd\xa2\xa2\x82\xb1\x1f\x1b\xbf\xf8\x1f~~~V\xab\xf5g\xdf,\xbe\x95$I\x08\x03\xf01\x08\x00\xf0\x11\xa2\xe8s\xce\x15\xe5\xff\xaek5M+,,\xcc\xcf\xcf\xcf\xce\xce:\x7f\xfe|F\xc6\xb7\xaa\xaa\x96\x14\x17\x17\x97\x143b\x9cD\xe3gD&lt;0 \xb0K\xd7.\x9cSlllDDD\xef\xde\xbd\x7f\xf7\xbb\xdf\xb5o\xdf\xde\xdf\xdf\xbf\xfew#"$\x01\xf8\x0c\x04\x00x=\xce\xb9\xa6i\xae\xba\xafiZ^^^jj\xea\xce\x9d;\xf3\xf2\xf2\n\nN^\xbad\xbf\x8eok\xb1\x98[\xb7n\x1d\x15\x15\xd5\xaf_\xff\x91#G\xf6\xec\xd9\xd3\x15\x06\xaa\xaaJ\x92\xf4KCI\x00\xde\x02\x01\x00^Lt\xc9\xc58\x8f\xa6i\xfb\xf6\xed[\xb3f\xcd\xa6M\x9b~\xf8!\xaf\xae\xceQ\xff\x9dAA\x01\x01\x01\xfe\xdd";H\x8a\x1c\x12\x14\xd0\xa3G$\xd7t\xd1\x8d\xe7\x9c3\xc5Tp\xf2\xcc\xa93\xc5L\x96\xf3\xf3O]\xbaTy\xa1\xec\xe2\x15?\xabc\xc7\x0eC\x86\x0c\x1d7n\xdc\xe0\xc1\x83\x83\x83\x83\xe9\xf25\x07.\x08\xc0{!\x00\xc0+i\x9a\xe6\xaa\xbcg\xce\x9cY\xbdz\xf5\'\x9f|r\xe8\xd0\xa1\xff{\x07c\x1d\xda\xb7\xb99\xee\xa6\xf8\x9eQ\xbd{E\xdf\x14\xd5)8$0\xa4\x99\x8d$\x99$Fd"\xaa\xdf\xf2\x19\x91J\xbaF\x8c\xd5\x9c/\xaf\xaa\xaa9\x9cw\xf2`V^v\xce\x0f\x19\x07\x0e\xff\x90_P[[\xe7zk\xfb\xf6\xed\'L\x98\xf0\xc0\x03\x0f\xf4\xe8\xd1\xc3u0?;\xd9\x00\xe0\xe1\x10\x00\xe0e\xc4@\xbf(\xb8\xbbw\xef\xfe\xd7\xbf\xfe\xf5\xef\x7f\x7fY^~Q\xfc\xab\xcd\x16\xdc;&gt;f\xd4\xb0~\x83n\xed\x1d\x13\xdd\xc1?"\x8cH!R\xa9\xceA\x9a\xae;\x9dD\xc49q\xae\x13\xd5\xef\xb6\xf3\x1f\x17\xfcp\x92L\n\xc9\x12Y\xcc\xc4\x14"\xae]\xb2\xe7\x1d;\xbd/#kC\xea\xce\x03\x07\x8e\x9c,8+\xbe\xc0l6\x0f\x1e&lt;x\xc6\x8c\x19\x89\x89\x89f\xb3Y\\\r \x06\xc0\xbb \x00\xc0k\xd4\x1f\xebOOO\x7f\xf3\xcd7\xb7l\xd9\xe2\xfa\xd7\x81\xb7\xc4\x8d\x1b;\xe4\xde\xf1\xa3\xdavjK\x92\x89t\'\xd5\xd4iN\x95s\xeeZ\xcfy5c5\xe2\x13\xa1\xeb\x9cs\xce\x18\xc9\x8aL\x16\x0b\x99\xccD\xba\xbd\xa4l\xcd\xc6m_\xae\xf9j\xebW{\xaa\xaaj\xc4\xfb{\xc4\xc6&amp;\xcf\x9a\x95\x94\x94D\xff}]\x02\xe0\xf9\x10\x00\xe0\x1d\xc4h;\x11\xe5\xe5\xe5\xbd\xf1\xc6\x1b\x1f._\xaesNDV\xab\xdf\x1f\'$N\x99\xfc\xfb[\xfa\xf7$\x8b\x95\xeaj\xf4\xda:]\xe7LbRC\xac\xe2\x17\x97\x0b:\xe7\x8cH6\x9b\xc8?\x80\xb8\xfe}N\xde\xff|\x9e\xba\xf4\x83\xcf\x0b\x8b\xce\x89\xb7\r\x1f&gt;\xfc\xd9g\x9f\x1d6l\x18aD\x08\xbc\x07\x02\x00\xbc\x80\xaa\xaa\x8a\xa28\x1c\x8e7\xdf|s\xc1\x82\xb7\xcb\xca\xca\x89(\xcc\x162%\xe9\xf7\x93\xee\x1b\xdd\xbdwO\xd2\x9d\xbc\xb2Z\xd3tYn\xc4\x0e\xf8\x8f\xb7\x17\x10I\x01V2YK\nN\xad\\\xbdi\xd9\xf2/r\x8f\x9e "\xc6XRR\xd2\xcb/\xbf\xdc\xbauk\\\n\x80W@\x00\x80G\x13\xf7\xe5J\x92\xb4k\xd7\xaeG\x1f}4\'\'\x87\x88\xac\x16\xcb}\xf7&amp;&gt;\xf3\xd4\x94\xa8\x1e1\xe4\xac\xd2\xaaj\x181In\xbaE\x99\xba\xae\xeb:W\xfc\xccd\r\xae(-^\xf8\xee\xc7\xef\xa7|^T|\x9e\x88Z\xb6l\xf1\xf2\xcb\xafL\x9d:\x95p)\x00\x1e\x0f\x01\x00\x9e\xcbU@_z\xe9\xa5\xd7_\x7fM\xac\xec\x1c&gt;\xa4\xef+\x7f\x9b\xd9w`_r\xd4\xa8\x95\xd5\x92\xec\xb6\xf5\xf8\x9csM\xd5\x14\x8b\x99\x02\x82\x0b\x8f\x9f\xf8\xcb\xdcE\x1f\xae\\+\x06\xa6\xee\xbd\xf7\xdew\xdf}7&lt;&lt;\\\\\xbb\xb8\xe5\xf0\x00~\x13\x02\x00&lt;\x94\xa8\xfeEEEIII\xa9\xa9\xa9Dd\x0b\r\x9a\xfb\xd7\xc7f&gt;\xfe\x00IL\xbbdg\x9eq+\xd6\x8fS\xd3V?\xf2\x0bH]\x9f\xf6\xe4\xd3\xaf\x1f\xfd\xa1\x80\x88"##\x97-[6`\xc0\x00\\\x07\x80\xc7B\x00\x80\'\x12\x1d\xe7]\xbbvM\x980\xa1\xb0\xb0\x90\x88\x06\xf6\xef\xf5\xaf\x94\x97#c\xa2\xf5\x8a\x8b\xc4yS\x0e\xf8\\\r\xce\xb9\xa6\xe9\x8a-\xa4\xe2\xc2\xc5\xd9\xb3\xdf\xf8\xe0\xc3\x7f\x13\x91\xc5b\xfe\xc7?\xdey\xe4\x91G0%\x00\x9e\xc9\xb3&gt;E\x00t\xb9\xfa\xa7\xa4\xa4\x0c\x192DT\xff\xe4\xc7\xef\xdf\xb6uydd\x07\xb5\xfc\x82$5\xe9p\xffUb\x8c)\x8a\xac\x95W\x84X\xcd)\xcb_Oy\xef\xa5\xd0\xe0\xc0\xba:\xc7\xa3\x8f&gt;\xfa\xe8\xa3\x8f\xca\xb2,n_p\xf7a\x02\xfc\x17\\\x01\x80gqU\xff\xe9\xd3\xa7\x13QHP\xc0\xdb\xf3\x9f\x992\xfd\x01n/\xe7\x9a\xee\x81\xa5\xff\n\x9cs]\xd3e[\xf8\xfe\x9d\xfb\x1e\x9c\xfcl\xde\xb1\xd3D4m\xda\xb4\xa5K\x97\xe2:\x00&lt;\r\x02\x00&lt;\xc8\x15\xd5?\xdc\x16\xbci\xdd{\t\x03\xfb\xaae\xe7eE\xf6\xa2\xd2\xa9:U%4\xb8\xac\xb4,q\xf4\xf4\xfd\x99G\x08\x19\x00\x1e\xc9\xd3\xfbS`\x1cWT\xff&gt;\xf1\xdd\xf6\xecZ\x95pK\x9cZv^1)\xdeU4\x15\x93\xa2U\xd8\xc3lAii\x1fNy\xe0N"\x12\xbf\x17\xc6\x82\xc0\xa3\xe0\n\x00&lt;\xc2O\xab\xff\xe6\xff\xa4\xd8\x9a\x85j\x15v\xd9k\x97Q\xea\x9a.\x99Md\xf5\x9b\x9e4\'\xe5\xa35t\xf9:@&lt;a\xc6\xbb"\r|\x12\x02\x00\xdcO,\x94tU\xff\x84\xb8\x9bR7}`\xb3\x05iU5\xb2\xe2\xdd\x0b(u]\xe7\x92$\x07\x06\\\x91\x01X\x1b\n\x9e\x00\x01\x00n&amp;J\xe1\x9e={\x06\x0e\x1c\xa8\xebzXh\xf0\xb7\xbbWu\x8c\xea\xa0UTz{\xf5\x17\xb8\xaesYf&amp;\xd3\x80[\xff\xb8\'#\x87\x88\x16,X\x90\x9c\x9c\x8c{\xc4\xc0\xed\x10\x00\xe0Nb0\xa4\xb4\xb4\xb4g\xcf\x1e%%\xa5\x01\xfe\xd6m\xa9)\t\xb7\xc4k\x15v\xdf\xa8\xfe\x82\xae\xebd2]\xb4W\x0f\x19\xfaP\xd6\x91cD\xb4e\xcb\x96\x11#F\xe0:\x00\xdc\x0b\x93\xc0\xe0Nb\xab\x9f\x07\x1f|\xb0\xa4\xa4\x94\x88\x16\xbd\xfd\xe7\x84\x81\xfd\xd4\x8b\x97|\xa9\xfa\x13\x91$I\xbc\xce\x11\xd6\xcc\xf6\xf1\x87\xaf\x87\xd9\x82\x89\xe8\xa1\x87\x1e,))\x91$I\x9c\x01\x00\xb7@\x00\x80\xdb\x881\x90\xbf\xfd\xedo[\xb7n%\xa2\xe4\xffw\xef\xa4G\x1et\x96\x9dWL&gt;80"+\xb2z\xf1RlB\xdc\xd2w^ \xa2\xe2\xe2\x92\x07\x1f|\x901\\\x82\x83;\xa1\xfd\x81{\x88\xfd\xfd\xf7\xee\xdd;h\xd0 \xa7\xd3\xd9\xafw\xf7\x9d\xdb?\xe6NU&amp;\xee\xc3\xcbcTUUl\xe1\xb3f\xfce\xe1{\xab\xe9\xf2d\x00\x06\x82\xc0]\x10\x00M\x8a\xd7s\xc5?\xb1z\xdcrlMIl\xac\xafiZlll^^^PP\xc0\xa1=\xab;Ev\xd0\xabj&lt;\xff^\xdf\x1b\xc19\xd7\x19#E\xe9\xd3\x7fb\xe6wy\x8a"\xe5\xe4\x1c\x8e\x8c\x8c\xe4\x9c{\xc2\xc6v\x8d\r\xed\xdf\xd3\xf8~\x9b\xf3\x04b\xc3HM\xd3\x18c\x92$\xc9\xb2\xac\xfc\x84,\xcb\xe2\x1eQM\xd3TU\xf5\xed\xa1a\xf1\xf8\xdc\xf9\xf3\xe7\xe7\xe5\xe5\x11\xd1\xeb/&gt;\xd6)&amp;Z\xb5W\xf9v\xf5\'"\xc6\x18i\xbal2}\xb0\xe8\xaf\x16\x8bI\xd3\xf4\'\x9ex\xc2\xe7\x07\x82\xd0\xfe=\x96\x8f\xb7&lt;\xb7\xab\xff\x04s"\xd24\xed\xec\xd9\xb3\xc7\x8e\x1d+((8u\xaa\x801\xc69\x11\xf1\xd0P[lll\xcb\x96-;t\xe8`\xb5Z\xeb\x7f\xad\xef\xed\x1c V\xfe\x1c?~\xfc\xe6\x9bo\xae\xa8\xa8\x184 \xee\x9b\xaf?\xd6\xaa\xaad\x03t\x81\x05UU\x15[\xc4\x0b\xb3_}\xf5\xad\xe5D\xf4\xd9g\x9f\xdds\xcf=&gt;9\x10\x84\xf6\xef\xe1\x10\x00\x8d\xa5\xfe\xdd\x9e%%%\xbbv\xed\xda\xb8qcF\xc6\xfe\x82\x82S\x97.]\xfa\xd9/\xb1X\xccm\xda\xb4\x89\x8f\x8f\x1f=zL\xbf~\xfd\xa2\xa3\xa3\xc5\xeb&gt;V\x1a\xc4\xaf3i\xd2\xa4\x15+V\xf8\xf9Yvm\xfdW|\xbf^ze\xb5\xcfw\xff]8\xe7\xba,WU\xd7\xf6\xee\x7f\xef\xb1\x13\xa7\xbbt\xe9\x9a\x9d\x9d\xad(\x8a/\r\x80\xa0\xfd{\x05\x04@\xc3\x13\x03\xdc\xa2\xc9fee-Z\xf4\xee\x86\r\x1b\xc5\xb6\xc6\xf55k\x16N\\\xe7D\x8cI\x15\x15v\x87\xc3Q\xff_\x03\x02\xfcG\x8c\x181c\xc6cC\x87\x0e\x15\x1b\xc8\x10\x91\x0f\x0c\x13\x8b\x0f\xf3\xf6\xed\xdb\x87\x0e\x1d\xaai\xda\xa4\xfbF\x7f\xf8\xe9?\xb4\xf2\xf3\xde\xbb\xdf\xc3\xf5QUM\xb1\x85\xadx\xff\x93I\x8f\xbeDD\xaf\xbe\xfa\xeas\xcf=\xe7\x1b\x95\x0e\xed\xdf\x8b \x00\x1a\x98X\xdcBD999\x7f\xfe\xf3\x9f\xd3\xd2\xd2\\-\xbb}\xbb\xd6\xbd{\xc7\xc4\xf7\x8c\xea\xdd3\xdaf\x0b\xee\xd2\xb9\x1d\x89\x81NY).,):W\x96}\xe4xVv^\xc6\x81\xc3\xd99y\xaeo\xd8\xb3g\xcf\xd7^{-11\x91|\xa2+$&gt;\xc9\xc3\x87\x0f\xdf\xb6m[xX\xc8\xdeoVv\xea\xda\x81j\xeb$\xc9Gz\xbeW\x89\x13q"\'\xb1AC\x1e\xca\xc8&lt;\x12\x16\x16v\xe4\xc8\x91f\xcd\x9a\x91\x98\'\xf0Zh\xff\xde\x05\x01\xd0\x90\xc4\xc2v\xbb\xdd\xfe\xfc\xf3\xcf\x7f\xf0AJMM-\x11\xf9[\xfd\xee\xb9{\xe4\x1f\xee\x1a&gt;x`|p\x8b\x08"\x99H%]\xa7:\x07\x91\xf8\xa8s2)\xa4(D2\x11\xd7\xec\xf6}\x07\x0e\xafY\xbf\xed\x93U\x1b\x0b\x8b\xce\x89\xef\x9c\x98\x98\xb8p\xe1\xc2\xc8\xc8H\xaf\xde?@|\x80\xbf\xfd\xf6\xdb&gt;}\xfap\xceg\xcf|`\xde;\x7fS\xcbJ}r\xe1\xffo\xd2TM\xb6\x85n\xfebs\xe2\xf8\'\x89\xe8\xad\xb7\xdez\xea\xa9\xa7\xbc\xfa\xef\x8b\xf6\xefu\x10\x00\rF4\xcd\xcc\xcc\xcci\xd3\xa6eff\x12\x91\xd5\xcfr\xdf\xc4\xc4Y3\x1f\xec~sw"N\xd5\xd5\x9a\xc3\xc991\xc6\x88\x91T\xaf\xa3\'\xd6\xc5q\xce\x19#Y\x96)\xc0J\x92\xa5\xe4\xf4\xe9%)\x9f\xbd\x9f\xf2yQ\xf1y"\x8a\x88\x88X\xb4h\xd1\x84\t\x13\xbcw/I\x11\x00S\xa6LY\xbe|\xb9\x9f\x9f9s\xc7\'\xd1=\xa2x\x8d\xe1\xba\xff\x02\'\xe2\x8cjU\xfd\xe6~\x13\x8e\xe6\x15t\xeb\xd6-##\xc3\xcf\xcf\x8f\xbc\xf3"\x00\xed\xdf\x1b!\x00\x1a\x86h\xfd\xcb\x96-\x9b5k\x96\x98\xe3\xba}\xf8-\xf3\xdf\x9c\x1d\x13\x17CN\x87VYM\x8c\xaer=\x03\'\xe2\xba\xae\xeb\xba\xe2\xe7GV\xff\xd23E\xaf\xfc}\xc9\xa2%\xabu\xce\x89(99y\xc1\x82\x05\xde\xf8\x19\xe0\x9c3\xc6\x8a\x8a\x8a\xa2\xa2"\xed\xf6\xca\xa4\x07\xee\\\xb6r\xbev\xb1\xdc\xc8\x17\xf5\x9a\xaa\xc96\xdb\x8a\xf7?\x153\x01\xeb\xd7\xaf\x1f3f\x8c7\x0et\xa0\xfd{)L\xaa4\x00\xd7^\xf6\x0f?\xfc\xf0\xa5K\x97,f\xd3\x827fo\xda\x94\x12\x13\x1b\xa9\x95_\xd4\xabkdE\x96\xe5\xab}\xa0\x15#\x92$IQ\x14\xeet\xaa\xe5e\xcd\xc3C\xdeY&lt;\xf7?k\x17\xb5i\x19AD\x0b\x17.\x9c&gt;}\xba\xd8C\xc6\xbb\xc2[\xd34"Z\xb5j\x95\xdd^)\xcb\xf2\x8c\xa9\xe3\xb9\xee\xbc&lt;\x08`P\x92,\xf1\xea\xca\xbb\xff0\xb2m\x9b\x16\x8c\xb1\x94\x94\xa5\xe4\x85\xdd\x7f\xb4\x7f\xef\x85+\x80\x1bu\xc5\x93L\xc2B\x83\xd6}\xf9\xee\x80!\xb7\xe8\x15\x17\x89\xf3\x1b_\xda\xc89\xd74]\xb1\x85\x14\x9d*\x1cw\xd7\xe3\x19\x07\xff\xef\xf9\x82\xaa\xaa^\xfd\xe7\xca\xed8\xe7N\xa73\xa1w\xef\xec\x9c\x9c~\t\xb1;\xb7\xaf\xa4:\x87\xe4%\x07\xdfxTUSl\xb6g\x9e|y\xde;+\x03\x02\xfc\x0f\x1e&lt;\xd4\xb5kW\xd7T\xaa\xe7C\xfb\xf7j\xde\xd1\xc8&lt;\x96\xa6i\x8a\xa2|\xf4\xd1G\xa2\xf5w\x8b\xea\x98\xb6e\xf9\x80!\xfd\xd4\xb2\x0b\x92\xc4\x1ada;cLQd\xb5\xecb\xabV\xcdS7\xa7\xdc5\xfa6"JIIy\xf4\xd1G\x15E\x11\xddj\xcf\'\xee\x02=x03;\'\x87s~\xf7\x9dC$\x8b\xbf\xae\xe1nOb\x8c\x91\xee\xbc{\xdc0I\x92\xaa\xaa\xaa\xd7\xacYC\x97\xd7Jy&gt;\xb4\x7fo\x87\x00\xb8~b\xb1svv\xf6c\x8f\xcd \xa2p[\xf0\xea\x8f\xe7\xc5%\xf4P\xcb\xca\x1a|Y\x8bbR\xb4\xca*[h\xd0\xaaO\xdfJ\x88\xbb\x89\x88\xde\x7f\xff\xfd\xe5\xcb\x97{\xcbg@\\h~\xf9\xe5\x97\x9c\xf30[\xc8\x1f\'\xdeAuU\xb2a\xee\xfc\xfa\x15\xb2,\xe9\x95\xd5\t\x03\xe2o\xe9\xdb\x831\xb6v\xcd\x1ao\xe9\xfe\xa3\xfd\xfb\x00/hg\x9eIlhe\xb7\xdb\x1fx\xe0\xfe\xaa\xaajE\x917\xfc\xef;\xb1\xbdc\xd5\xb2\x0b\x8a\xd9\xd4\x18?QVd\xbd\xba\xc6\xcf\xac\xa4nJ\xe9\xd4\xa1\rcl\xe6\xcc\x99YYY\xae\xdbd&lt;\x99,\xcbN\xa7c\xc3\x86\x8dD\xd4\xabGd\xabN\xbf\xd3k\x1d\xb8x\x17tM\x97,\xd6\xe1C\xfap\xce\x0fdf\xe6\xe7\xe7{\xfes\x02\xd0\xfe}\x03\x02\xe0:\x89\xee\xcf\x9c9s\xb2\xb2\xb2\x89h\xde\xcbO\xf6\x1b:\xd0YV\xae\x98L\xd4h\xb3*\x92,k5u\xb6\xe6\xe1\x9f.{\xd5\xa4\xc8UUU\x93\'O\x167\xdax\xf2\\\x8eX\xb3q\xec\xd8\xf1\xe3\xc7\x8f\x11\xd1\xed\xc3o!I\xd1u\xcf=\xe0&amp;\xc6\x18#\xdd1rH?E\x96kkkw\xed\xdaE\x1e?\n\x84\xf6\xef\x1b\x10\x00\xd7C\xb4\xfe\xa3G\x8f.]\xba\x9416|H\x9f\xe4?MU+\xcaL\x8d\x7fC\x93\xac\xc8jyE\xdf!\xb7&gt;\xf7t\x12\x11\x1d&lt;xp\xd5\xaaU\x1e\xdea\x14\xc7\xb6y\xf3\xa6\xda\xda:E\x96\x87\xdd\x96@\xba\x13\xdd\x7f\x17IbTS\xdb3\xee\xa66m\x9a\x13\xd1\xfa\xf5\xeb\xc8\xb3\xd7\x02\xa1\xfd\xfb\x0c\x04\xc0u\xe2\x9c?\xf9\xe4\x93N\xa7\xd3b1-z\xebY\xe2\xba\xd4T]\x10Y\x915{\xf9s\xcf\xff\xbf\xe8\xc8\x0e\x92$\xcd\x993\xe7\xfc\xf9\xf3\x92$yl\'H\xd4\xb2\x9d\xbbv\x11Q\x9b\xd6\xcd\xa3\xa2;RM\xad1o\xfe\xfaY\x8c1\xcd\xa9\xf9\x87\x85\xde\xdc+\x9a\x88\x0ef\x1e\xac\xae\xae\x96e\xd9c\xff\xa0\x84\xf6\xef+\x10\x00\xd7L\x0ch\xe4\xe6\xe6\xa6\xa7\xa7\x13\xd1\xc4?\x8c\x8c\x8c\xeb\xae5\xe1^\xf6\x8c1\xaej\xa6\xc0\xc09\xb3&amp;\xeb\xba^TT\xb4f\xcd\x1a\xb1\x91z\xd3\x1c\xc0\xb5\x92$\xc9\xe1p|\x9f\x9bKD\t7\xc7\x04D\x84iN\xcd\x93{\xb8M\x8fsNL\x1e&lt;\xf0f"*)-9}\xfa4y\xea\xb0\x06\xda\xbf/A\x00\\3qG\xeb\xc2\x85\x0bUU\xb5Z\xfd\xe6\xccN\xe2\xce:\xd6\xb4\xfdYY\x91\xf5\xcaK\x13\xff8\xa6[tG\xc6\xd8?\xfe\xb1P\xac\x89n\xcac\xb8J\xa2^\x14\x15\x15\x9d:u\x8a\x88n\xee\x15ML\xf1\xcc\xd2\xe6F\x8c1\xe2j\\\xcfhI\x92jjj\xb3\xb2\xb2\xc8S\x03\x00\xed\xdf\x97 \x00\xae\x8dx\xbaEII\xc9\xda\xb5k\x19\xa3\xf1\xe3\x86F\xc5\xc5\xea\x95\xd5M\xbcn\x8f\x11\xe9N\xcd\x12\x1c\xfc\xf4\xe3\x0fp\xce\x8f\x1c\xc9\xfd\xe6\x9bo&lt;\xb3\x13$\xaa\xd8\x89\x13\'\xec\xf6J"\xea\xd5#\x8a\x08\xdd\xff+I\x12\xa3:GT\x97\xf6\xa1!AD\xf4\xfd\xf7\xb9\xe4\x91\x01\x80\xf6\xefc\x10\x00\xd7F\xb4\xb0={\xf6\x94\x96\x96rN\xf7\xde=\x8as\x9d\xdcQ\xcedY\xe2\xb5\xd5\xa3o\xbf54$H\xd7u1s\xe8\x99%\x83\x88\xb2\xb3\xb3\x88($8(\xe6\xa6NTW\x87\x00\xb8\x02c\x8c;\x9c\xb6\xd6\xcd\xbaviGD\xd9\xd99\xe4\x91\xf3\xc0h\xff&gt;\x06\x01pm\xc4gr\xc3\x86\r\x8c\xb1\xb6mZ\x0c\xbc5\x9e\xd5T\xbbe&gt;\x931\xc6k\x1d-:\xb6\x1d4 \x9e\x88\xd2\xd3\xbfr8\x1c\x1e{\x15\\\\\\LD\xfe\xfe~!!A\xa4i\x9eW\xd9\xdc\x8fs\xaeX\xcc\xe1a!DTRR"FZ\xdc}PWB\xfb\xf71\x08\x80k#\xe63w\xef\xde\xcd9\xef\xdf\'6\xb8E3\xcd\xe1\xb6\x15\x8d:\xe7$)#\x86\xf4!\xa2\xfc\xfc\x1fN\x9c8\xc1\x18\xf3\xb4\xf5pbp 3\xf3 \x11EGu\x08lf\xd3\x9d\xaa\x07\x966\xb7\xd3uNL\xb9\xb9g4\x11\xe5\xe5\x1d\xbdx\xf1\xa2\x07\xaelA\xfb\xf71\x08\x80k \xe63\x0b\x0b\x0b\xcf\x9c9MD\xf1=\xa3\x89d7~B\xc5\xcca\xaf\x1eQ\x92$\xd5\xd6\xd6y\xf8\xcc!]\xde\xe8\xd1\xdd\xc7\xe2\xc9\x98\xe8M\xbb\x1e\xa9\xe8Q\xd0\xfe}\x0f&gt;\x8d\xd7@\xb4\xadS\xa7N\xfd8\x9f\x19\x1b\xe9\xde\xf9L1s\x18\xd9\xa5}Hp\x10\x11\xe5\xe5\x1d%\xcf\xfb\x000\xc6jkk\x0b\xcf\x9e%"[h0\x11\xf3\xac\xe3\xf3,\xdc\x16\x1aLDUUUg\xcf\x9e%\x0f\xfbk\xa2\xfd\xfb\x1e\x04\xc05;q\xe28\x11\x99L\xa6\x88\x08\x1b\xe9n\x1e\xce\xe6\x9a\xee\x1f\xe4\x1f\x1a\x1aHD\'N\x9c \x0f\x9b9\x14\x03\xd9\xd5\xd5\xd5g\xce\x9e!\xa2\xb8\x1e\x91$\x9986\x81\xf89\x8c1"-\xaeg\x14\x11UUU\x9f9s\x86&lt;\xb2\x9c\xa1\xfd\xfb\x12\x04\xc05\x10\x9f\xc6\xfc\xfc|"\xb2\x85\x06w\xed\xdc\x8e\xea\xdc\xb9\xa3\x19c\x8c\xabj`\x84\xadk\xe7vD\x94\x9f\x7f\x8c&lt;\xf2\x03\xc0\x183\x99LD\xa4\xaa\x18\x9f\xfd\r\xaeS$\xce\x98GA\xfb\xf7=\x08\x80kf6\x9b\x89\x88s\xee)\xd3M\x97\x8fD\x1c\x98g\xfaq\x0e\x00\x9f\xcd\xd</t>
        </is>
      </c>
    </row>
    <row r="255">
      <c r="A255" s="1" t="n">
        <v>253</v>
      </c>
      <c r="B255" t="inlineStr">
        <is>
          <t>color_hexagon</t>
        </is>
      </c>
      <c r="C255" t="inlineStr">
        <is>
          <t>What is the missing color of the part denoted with a question mark?</t>
        </is>
      </c>
      <c r="D255" t="inlineStr">
        <is>
          <t>['blue', 'green', 'orange', 'yellow']</t>
        </is>
      </c>
      <c r="E255" t="inlineStr">
        <is>
          <t>blue</t>
        </is>
      </c>
      <c r="F255" t="inlineStr">
        <is>
          <t>There is a hexagon split into six parts with the colors ['orange', 'green', '?', 'orange', 'green', 'blue'] in an anti-clockwise order.</t>
        </is>
      </c>
      <c r="G255" t="inlineStr">
        <is>
          <t>We observe that a green part is opposite another green part, and a orange part is opposite another orange part. Thus, the pattern is that the colors in opposite parts are the same.</t>
        </is>
      </c>
      <c r="H255" t="inlineStr">
        <is>
          <t>Based on the pattern that spatially opposite parts have the same color, the missing color of the part which is opposite a blue part should be blue.</t>
        </is>
      </c>
      <c r="I255" t="inlineStr">
        <is>
          <t>b'\x89PNG\r\n\x1a\n\x00\x00\x00\rIHDR\x00\x00\x02\x00\x00\x00\x02\x00\x08\x02\x00\x00\x00{\x1aC\xad\x00\x00}\x8fIDATx\x9c\xed\xddy`TE\xba?\xfcZN\xef\x9dN\',\t\x8b\x11\x08\x91-\xb2\xca\x12\x03a\x11\x10\x17\x04\x07\x91M\x14\x94\xdf\xa03x\'\x02*\x0c\x13\x90\xa0\x83(`^\x94q\xb9.(\xab\xa2\x8e\xc0\xe8\x85\x80\x86}\xd1I \x0c.\x18@\x04\xd4\x80\x92\xa4\xd3{\xf7\xa9\xaa\xf7\x8f\xea\xb4\xc8\x88\x02Yz9\xcf\xe7\xaf{\x99\xb9\x97&amp;\xe9s\x9e:U\xcfy\xbeX\x08\x81\x00\x00\x00h\x0f\x89\xf4\x07\x00\x00\x00\x10\x19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94\x12\xe9\x0f\x00"I\x08!\x84\x88\xf4\xa7\x00\x11\x831\xc6\x18G\xfaS\x80\x88\xc1p\xfdk\x96\xaa\xaa\x8a\x02+\x00\xadSU\x95R\ne@\x9b\xa0\x00h\x14\xe7\x9c\x10\xf2\xd5W_\xfd\xe9O\x7f"\x84p\xce#\xfd\x89@\x83R\x14EU\xd5)S\xa6\x8c\x1f?&gt;\xd2\x9f\x05D\x0c,\x005G\x96|\xaf\xd7\xbbd\xc9\x12\xbb\xdd^TT\x14\xe9O\x04"\xa6c\xc7\x8e\xdf}\xf7\xdd\xb0a\xc3233\x85\x10\x84\xc0\xa1\xa0\xb6\xc0\x13\x80\xe60\xc6(\xa5o\xbe\xf9\xe6\xa4I\x930\xc6\x94\xd2\xf0w\x80\x10\xd8\x07\x88\x7f\x17\x9e\xfbPJ\x03\x81\xc0\xc4\x89\x13\xdfz\xeb-\xd8\x12\xd4 (\x00\xda"O}\x1d\x0eG\xc7\x8e\x1d\x7f\xfa\xe9\'\xce9l\xfeh\x9c^\xafg\x8c\x15\x15\x15\xf5\xeb\xd7O.\x0e"\xfd\x89@\xc3\x81\x82\xaf-\x9csJi^^^yy\xb9\\\xfb\xcb6\x10\xce\xc5\xbd\x83;L\xbe%\xd3\xed\xf6S\xd8\x07\x88S\\\x08\x83QW\xfcU\xf9\x9c\x15{9\x17\\\x08L\x88\xaa\xaa\x9c\xf3\xdc\xdc\xdc\xbd{\xf7\xeat:\xf9\x95\x88\xf4\'\x05\r\x04\x9e\x004\x84s\x8e1\xfe\xfa\xeb\xaf3339\xe7\xe1\x1eP\x82\x11\x17\xa8EcK\xd9\xeb\x93L\tF\xa4r\x04w\x80\xb8\xc4\x04\xb2\x1an\xcd}\xfb\xff&gt;;I\tf\\^\xfb\x98R\xc2\x18[\xb1b\xc5}\xf7\xdd\x07\x0f\x01\x9a\x02\x05@C\xe4\xb5}\xf3\xcd7\x17\x16\x16*:E\r\xaa\xd7vh^]\xe1\xae&lt;\xebP(Q\x19\x9f2\xac\xd3+3\x86VW{)\x85\x87\x80x\xc3\x18O\xb0\x19Wm\xf9\xe2\xbe\xc5\x85\xf2\xeeO\x15}\x8b\x0e\xbdN\xfdg\xb7&lt;\xfbm\xda\xb4\xe9\xe7\x9f\x7fn\xb7\xdb\xe1\xe5\x00\xed\x80\x02\xa0\x15\xf2\xee_XXx\xf3\xcd7SJ\x11\x12\\\x88Yo\xfc\xf1\xeb\x92\x93\xef\xfd\x7f[(%B\x08\x82q\xf1\x0b\xe3:\xb5i\xec\xf3\x06\xe1@8\x9e\x08\x840B\x02\xe1.\x0f\xae&lt;\xf6\xbd\x83*\nS\xd5V\xdd\x06\xde&gt;\xe3\x1f\xaf\xfd)\xdb\xe7\xac\xa4\x8a\xa2\x06\x83s\xe6\xccy\xf2\xc9\'\xe1!@;`\xa1\xa7\trcWU\xd5\xff\xf9\x9f\xffA\x08\x11\x82\x19\xe37\x0c\xc9\xcc\xe8\xde*\xe7\x0f=\x9b\xb4Lf\x8cS\x82U\xc6\xa7\xbf\xb2\x93\xc2\xad?\xee0\xc6M\t\xc6g\xde\xf9\xec\xd8\xf7\x0e\x85\x12\xce9\xa1\xb4\xef\x84\xc7\xec)i\xd9cg\n!8\x17\x84\xd0g\x9f}\xb6\xac\xac\x0c\xde\x0b\xd1\x0e(\x00\x9a _\xfbz\xf9\xe5\x97\x8f\x1e=\xaa(\nc\xccd5\xde6e\x80\xd7\xe53\'\x18\x87\xffq B\x88\tD\t\xfe\xf8\xe0\xe9M{NX\xac\x06\xc6\xe0\xd10Np\x81\x0c\x06\xe5\xf4\x99\xaa\xe77\x94b\x8c\x05\xc2\x82\xf3\xcc\x9b\xc65o\xd7\xc3q\xeeL\xe6\xe0\xb1M[gr\xce\x08\xa5\x81@`\xce\x9c9\x18\xc3\xc6\x80V@\x01\x88\x7f\xf2\xec\xb7\xbc\xbc&lt;//\x0fc\x8c\x90\xe0\\\x0c\x18\xdd\xabU\xc7\x16A\xbf\xeaq\xf9\xb2\x86w\xcb\xe8z-g\x1c\x13\x82\x11\x9a\xf1\xeaN\x8f\'H)\x86{@|\x10\x9c\xebM\xfa\xd9o\xec\xa9p\xfa(%\x9c\x0b\x83%1{\xdc\xcc\xa0\xcf\x83\x84\xd0\x1b-9\x13g#!8g\x94\xd2\xf5\xeb\xd7\x17\x16\x16RJ\x19c\x91\xfe\xe0\xa0\xdeA\x01\x88\x7f\xf2\r\xcf\xd9\xb3gWVV*\x8a\xa22\xd6\xb8y\xd2\x90\x89\xd9\xae*\x0f\xa1\x04!\xc4\x19\xbf\xf3\xe1\xa1\x94\x12\xc69\xa5\xa4\xecL\xd53\xef|fJ02\x06\xfb\x001\x8fqaI0n\xdb\x7fb\xed\xf6\xa3\x94`.\x90\x10&lt;k\xf4_\x12\x1a\xb7P\x03&gt;\xa2(&gt;WU\xeb\x1e\x83\xda\xf6\x1e\xc6\x19\xc3\x84`\x8c\xff\xe7\x7f\xfeGUUx\x0e\xd0\x02(\x00qNn\xfe\x14\x17\x17\xaf]\xbb\x96R\xca9C\x02\xdd\xf1\xe0\xa0\xc4FVUe\x18#B\xb0\xcf\xedo\xdf\xabu\xf6\x88\xee\x82\x0b\x81\x10\xc6\xf8\xf9\r\xa5\xa7\xceT\x19\xf4\n\xdc\x01b\x1dFHU\xf9\xfc\xd5\x078\x17\x98\x10\xcey\xd3\xd6\x99\xddn\xbb\xdf\xefv\x90\xd0I/\xe6\x8c\xe5L\xfc\xab\xc1\x9c\xc0\x18#\x94\x1e=z\xf4\xe5\x97_\x86\x93\x00-\x80\x02\x10\xe7\xe4\xf1\xef\x8c\x193\xfc~?!\x841\x9e\xd1\xf5\xda\xac\xe1\xdd\\U?\xf7zb\x82}.\xff\xf0\xa9\x83\xcc\tF\xce\x85Bq\x85\xd37\xe7\x8d=z\x8b\x1en\x011Me\xdc\x92hzs\xf3\xe7\xbb\x8f|O)a\x1c!!r&amp;\xceV\x0c&amp;\xc1\x18B\x18!\x84\t\tx\x9cM\xdb\\\xdf\xf5\x96I\x82s9"://\xaf\xb2\xb2\x92\x10\x02\x0f\x01\xf1\r\n@&lt;\x93\xfd|\xeb\xd7\xaf\xdf\xb1c\x87\xa2(\x8c\xa9\x8a\x8e\xde\xf9\xf0P\xce~\xf1\xaa\x17\xc68\x10P\x93S\x13o\x9d2@\x08\xc1\x04"\x04\xbf\xb3\xabl_\xc9i\x93Y_\xf3\xba\x10\x881B \x9dB\xcf\x9fw/|\xfb3\x8c1\xc2Dp\x96\xd1\xe7\x96V=\x06\xf9]U\xf8\x82FOB\x15\x9f\xb3\xf2\x86\x91\x0f&amp;\xa6\xa41\xa6RE\xa9\xac\xac\x94\'F\xb0\x02\x88oP\x00\xe2\x96\\\xbb\xc9\xbe\x0e\x84\x90\x9c\xf7\xd0cpf\xfb^m\xbcn\xffEm\xfe\x94\x12\xaf\xd37`t\xef\x94\xb4F\x9cqJH \xc8\x1e{}7\x85\x9e\xd0\x98\xc5\x187\xda\x8cK\xdf-&gt;\xf1\x83\x83\x12\xcc9\xa7\x8a.{\xecL\xb9\xcc\xff\xc5\x7f\x15c\xa6\x06\xac\xc9\xa9\xbdG=\x8cB-\xa1\xa1\x9e1\xd8\x08\x8aoP\x00\xe2\x96\x1c\xfb\xb3x\xf1\xe2\xb2\xb22\x9dN\xa7\xaa\xccb3\x8d\xfc\xf3`\x9f\xdb\xf7\xab/y1\xc6\r&amp;\xdd\xa8\xdca\x08!\xc69\xa5x\xf7\x91\xefW\x17~a\xb1\x19U8\r\x8e5\x9c\x0b\x93Y\x7f\xb4\xec\xdc\xf2M\xa5\x84`\x81\x88\xe0\xbc\xfb\xedSR\xdav\tx\x9c\xf8\xbf\xc6=\x11\xaax\x1d\xe7\xaf\x1f&lt;\xaeE\x87\x9e\x9c\xa9\x84*\xf2\xad\x118\n\x8eoP\x00\xe2\x93&lt;\xfb=~\xfc\xf8\xa2E\x8b\x08!Bp!\xc4\xc01}R\xaem\x14\xf0\xab\xbf\xfa\xa2?\xa1\xc4\xeb\xf4u\x1d\xd0\xbe}\xcf6\x9c\x87\x86\xc4\xe5\xbd\xb5\xef|\x85G\xa7P\xb8\t\xc4\x1cB\xf1\xec\xd7\xf78\xdc\x01B\x08\xe7\xcclo|\xc3\x88\xa9\x01\xaf\x8b\x90K\xbd\xe5+\x08U\xb2\xee\x9e\x8e\t\xe1\x8cQ\xaa\x14\x16\x16\xae_\xbf\x1eZB\xe3\x18\x14\x80\xf8$\xcf~\xf3\xf3\xf3\xab\xab\xab)\xa5\xaa\xcaR\xd2\x1a\xdd&lt;\xa9\x9f\xc7\xe1%\x97\x9e\xf3#\x10\x12L\x8c\x9e&gt;L\xd1Q\xc6\x05%\xe4\x9b\xf2\xea\xa5\xef\x16\x1bm\xd0\x12\x1aK\x18\x13\x96\x04\xe3\xb6OO\xfes\xef\xf1\x9a\xd6O\xd1w\xdc\xa3\xb6&amp;-\xd5\x80\x0f]b\xce\x0f&amp;\xd4\xe7\xaaJ\xef9\xa4}\xdf\x11\x9c\x87ZB\xe7\xcc\x99\x13\x08\x04\xe09 ^A\x01\x88C\xf2\xecw\xe7\xce\x9d\xabW\xaf\x0e/\xdfF\xe5\x0e3\x99\xf5\x8c\xf1\xdf\xd8\xd3\'\x04{=\xfe\xd6\x9dZ\x0e\x1a\x97%[B\t\xc1\xcb7\x95~\xf9\xf59\xa3I\xc7\xe1\x16\x10#(\xc5\x1eO`\xd6\x1b{0F\x98P\xceX\x8b\x0e=\xaf\x1f2\xc1\xeb\xac \xf4\xb7&amp;\xc0\x13B\x03^w\xbf\x89\x7f5Z\xedL\rRE)++[\xbcx1\x9c\x04\xc4+(\x00\xf1\x891\x96\x97\x97\xc7\x18\x93\x97n\xfb\x9em\xba\x0eh\xefq\xfa~c\xf9/\xc9\xd7\x02\x06O\xb8\xd1\xd6\xc8\xca\xb9\xa0\x04;\xdc\x81\'\xd7\x1c\xd0\x19u\x02\xda\x81b\x81\xca\xb8)\xc1\xb8j\xeb\x97\x07\x8f\xfdH\x08a\\`B\xb2\xee\x9eN\xa8\x82~\xb7\x84c\xac\x06\xbcI\xcd\xdbt\xbbu\xb2\x1c\x16N0Y\xb2dIyy9t\x04\xc5%(\x00\xf1FUUJ\xe9\x9a5kv\xee\xdc\xa9(\x8a\xcaTJ\xc9\xe8G\x86\tvY\x0bx\xd9\x12\xda\xb8\x99}\xf8\xd4A\xb2%\x94\x12\xfc\xf6\x8e\xaf\xb7\xed;aI0BKh\x94\x13\x02\x19\xf4J\xf9\xd9\xea\xb9+\xf7\x91\x9a\xd6\xcfv\xd9w\xa4\xf7\x1a\xe2sU\xe1K\xee\xfe\xff\x8cP\xeasV\xf6\x1e5\xcd\x9e\xdaJ&gt;\x04TTT\xcc\x9e=\x1b\xde\t\x88KP\x00\xe2\x8a\x9c\xfaP]]=\x7f\xfe|y\xd2+\xb8\xc8\x1e\xd1\xbdU\xa7\x16&gt;\xcf\xc5\xad\x9f\x97B)qW{\xb3n\xef\x9a\xd6\xae\x99&lt;Lf\\\xcc_s\x80\xa9\x1c\xa6\xc4G9\xc6\xb9\xde\xac\x7f\xee\xbd\x92\xb3\x95\x1e\xf9\xf0g0\'d\xdd\x9d\x1b\xf4y\xff\xbb\xf3\xe7\x12\xb0`\xaa\xde\x9cp\xe3\x98\xe9(\xd4\x0fF\xd7\xacYSRRB)\x85\x87\x808\x03\x05 \xae\xc8\xfb\xf5\xa2E\x8b\x8e\x1f?.w\xff\xcd\t\xc6\xe1S\x07\xf9\xbd\x01|%\r\xfd\x9cq\xa3Y?r\xda\x10$\x10\x13\x82R\xb2\xfb\xc8\xf7o\xfc\xdf\x11\x8b\xcd\x04-\xa1Q\x8bsa6\xeb\x0f\x7fU^\xf0\xc1!B0GXp\xde\xf5\x96I)\xe9]\x82^\x17\xc6\x97{\xb1c\xaa\xf8\x9cU\x9dn\x1a\xd3\xa2C/\xceTLh \x10\xc8\xcd\xcde\x8c\xc1C@\x9c\x81\x02\x10?d\xe3\x7f\xcd\xa9\x1d\x95\xad\x9f\xb7&gt;0 95\xf1R\xad\x9f\x97B(qW\xfb2\xb33\xba\r\xe8\xc0\x19\xc7\x18a\x8c\xf3\xde\xdaW~\xb6\x1a\x06\x04E3J\xf0\xf4Wv\x06\x82\xf2\xec\x87%6\xbd\xa6\xe7\xc8\x07}\xce\xca\xdf&gt;\xfb\xfdU\x9c\xa99\xf7\xce!TaLU\x14e\xd7\xae]k\xd6\xac\x81\x96\xd08\x03\x05 ~\xc8\xd5\x99\xec\xdb\x93\xa3=\xd3\xda5\x1b8\xa6\xb7\xc7\xe9\xbb\xba\x88G\xce\xf8\xc8iCLV#\xe3\x82\x12|\xb6\xd2\xf3\xdc{%z\x93\x9e\xc1&gt;@\xf4a\\X\xac\x86M{N||\xf0\xb4l\xfdDBd\x8f\x7f\xcc\x9c\xd4\x94\xa9\x81K\xb5~^\x8a\x1c\x10\x94\xd69;\xf3\xa6\xb1\x82s\x810\xc6d\xfe\xfc\xf9\x0e\x87\x03ZB\xe3\t\x14\x808![?w\xec\xd8Q\xf3\xe6\x8e\x8a\x04\x1a9m\x88\xc1\xa8\xbb\xba\x16~B\xb0\xcf\x1dH\xeb\xd0l\xc0\xe8^\xe1\x96\xd0\x82\x0f\x0e\x1d\xf9\xfa\xac\xd9\xac\xe7p\x1a\x1cM\x04B\x94`\x9f/8\xe3\x7fwb\x84P\xa8\xf5\xb3W\xa7Aw\xfb\xaa\x7f\xa7\xf5\xf3R\x08\xa1\x01\x8f+{\xdcL\x83\xc5\xc6\x98J\x15z\xfc\xf8\xf1\x82\x82\x02B\x08&lt;\x04\xc4\r(\x00\xf1@\xbe\xf6\xe5\xf7\xfbg\xcc\x98\x811&amp;\x04s.\xba\r\xec\x98\x99\x9d\xe1\xbe\xda\xe5?\x92\x1bAU\xde!\xf7d7i\x91$[B\x03A6o\xe5\xfe+:N\x00\r\x801n\xb2\x1a^\xdcx\xb8\xec\xbb*B\x89\x1c\xfb\x93s\xef\x1c\xce\xd4\x8b\xc7\xfe\\&gt;\x8c\xd5\x80/\xa1q\xf3\xac\xd1\xb9r@\x10%\xf4\xb9\xe7\x9e\x93\xc7Kp\x1a\x1c\x1f\xa0\x00\xc4\x03y\xf6\xbbn\xdd\xba\xe2\xe2b\xb9K\xab\xe8\xe8\xf0\xa9\x03k\xd9\xb9\x8f1RUfo\x9a0lRN\xb8%\xf4\xfd=\xc7\xb6}z\x122#\xa3\x87l\xfd&lt;{\xce\x99\xbf\xe6\x00\xc6\x08a"8\xbf\xee\xc6\xe1i\x9d\xfb\xfe\xea\xd8\x9f\xcbG(\xf5\xbb\xab\xbb\xde:9\xa9yk\xceTB\xa9\xc3\xe1\xc8\xcf\xcf\x87w\x02\xe2\x06\x14\x80\x98\'\x97\xff\x95\x95\x95\xb3f\xcd"\x84\xc8\xc4\xc7A\xe3\xb2\xae\xed\xd8\xe2\xbf\xa7~^)J\x89\xab\xd2\x93=\xb2{\xdb\xaei\xa1\xccH\x8cf\xbd\xb1\xc7\xe7W!32Jp\xce\xf5f\xfd\xbc\x95\xfb\xab\\~J(g\xcch\xb5\xf7\xbbgV\xc0\xe3\xbc\xf4\xd8\x9f\xcb\x84\x05g:\x83i\xc0}s\x11B*c\x94*\xabW\xaf\xde\xb5k\x97L\x96\xae\x93\xcf\x0f"\x08\n@\xcc\x93\xcb\xff\xbc\xbc\xbc\xf2\xf2r\xb9?kK\xb6\x0e\x99p\xa3\xbf\xd6w\x7fI D\x15z\xdb\x94\x81\x84`\xf9w\x1d&lt;\xf6\xe3\x8b\x1bJMV\x03\x0c\x08\x8a8\xc6\x85\xc9\xac\xdfw\xe8\xf4k\x9b?\'\x04s\x84\x84\x10\xddn\x9d\x9c\xd4"\xfd7\xc6\xfe\\&gt;L\xa8\xdf]\x9d\xde{XZ\xe7\xbe\x823L0c,77\xd7\xef\xf7\xc3ip\x1c\x80\x02\x10\xdb\xe4\x1d9\x9c\xe1\'\x04\x17\x02\xdd\xf1\xe0\xa0F\xcd\xec\x81\xc0\x95\xb5~^\n!\xd8]\xed\xed\x92\xd3\xae\xe7\xd0\xeb\xe5\x94P\x82q\xfe\x9a\x03g\xcf9\xa1%4\xe20B\x94\x92\xc7^\xdb\xad2N\x08\xe1\x8c\'5o\xdd{\xd44\x9f\xb3\x92\xd0Z.\xff\x7f&amp;8\x1b8y\x1eUt\x8c1EQJJJ\xd6\xad[\x07\x03\x82\xe2\x00\x14\x80\xd8&amp;\xf7\x7fd\x8a7\xa5\x941\xde\xb6kZ\xdf;{\xb8\x1c\x9e\xab&gt;\xfb\xfdo\x84`\x9f\'0r\xda\x10\x8b\xcd\xc4\x18\'\x04W\xb9\xfc\xf3V\xee\xd7\x9btp\x0b\x88 9\xf5su\xe1\x175\x89\x8f\x02!1\xe0\xbe\xb9:\x93Upv\xf5\xc7\xbf\xbf\x84\t\tx]\xa9\x19\xdd\xba\xdf&gt;E\xb6\x84\x12Bf\xcd\x9aUQQ\x01\x0f\x01\xb1\x0e\n@\x0c\x93\xad\x9f\x85\x85\x85\x85\x85\x85\x94R\xc6\x19!\xf8\xb6)\x03i]\x8f\xef\xc7\x18\x07\xfc\xc1\x94k\x1b\r\x1c\xd3G\x88PK\xe8k\x9b??|\xf4\xac\tZB#D\xc8\xa9\x9f\xee\xc0\x13\xab\xf6#\x14:\xfbM\xeb\xdc7\xbd\xf70\xbf\xcbq9c\x7f.\x1f!4\xe0u\xdd0b\xaa\xd9\xdeX\x9e\x06\x97\x97\x97/]\xba\x14\x1e\x02b\x1d\x14\x80X%\xd7\xfe2\xb6\t!D\x08\xe6\x8c\xdf0\xe4\xfa.9\xed\xdc\xd5\xde:\xd9\xfd\xbf\x10\xa1\xc4\xe3\xf0\x0e\x9b\xd4\xafi\xcbd\xc68%Xe|\xfa+;!22R\x18\xe3\xa6\x04\xe33\xef|v\xec{\x87B\t\xe7\x9cP:p\xf2&lt;\xc1\xeb\xe1l\x16c5\xe0\xb35i\x99=\xf6Q\x11\xca\x8c\xa4\xcf&gt;\xfblYY\x19\xd4\x80\x98\x06\x05 V\xc9\xdd\x7f\x19\xdc*[2LV\xe3\xadS\xfa\x07|\xc1:\xbf\xfb#\x840B*\xe3F\x8b\xe1\xf6?\x0eD\x08\xc9\x96\xd0\x8f\x0f\x9e\xde\xb4\xe7\x04\xb4\x846&lt;.\x90\xc1\xa0\x9c&gt;S\xf5\xfc\x86R\x8c\xb1@Xp\x9ey\xd3\xb8\x94\xb6]\x02^WmZ?/\x85P\xc5\xe7\xaa\xea4ht\xd3\xd6\x99\x9c3B\xa9\x8c\x9b\x86]\xa0\x98\x06\x05 &amp;q\xce1\xc6\xe5\xe5\xe5yyy\x18c\xd9\xfa9`t\xafV\x1d[\xf8&lt;\x81:9\xfb\xfdo\x94\x12O\xb57kx\xb7\x8c\xae\xd7\x86ZB\x11\x9a\xf1\xeaN\x8f\'\x08-\xa1\rLp\xae7\xe9g\xbf\xb1\xa7\xc2\xe9\xa3\x94p.\x0c\x96\xc4\xecq3\x83&gt;O\xad[?/\xfd\x972\xa63Zr&amp;\xceFBp\xce(\xa5\xeb\xd7\xaf\x0fm?BKhl\x82\x02\x10\x93\xe4\xd8\xe7\xd9\xb3gWVV*\x8a\xa22\xd6\xb8y\xd2\x90\x89\xd9\xae*\xcf\xefF\xbe\xd4\xea\xefE\x883~\xe7\xc3C\xe5\xac!JI\xd9\x99\xaag\xde\xf9\xcc\x94\x00\x99\x91\r\x87qaI0n\xdb\x7fb\xed\xf6\xa35\x89\x8f&lt;k\xf4_\x12\x1a\xb7\xa8\x93\xd6\xcfK\xc1\x94\xfa]U\xad{\x0cj\xdb{\x18g\xa1\xccH\xd9\x80\x00\xcf\x011\n\n@\xec\x91\x9b?\xc5\xc5\xc5k\xd7\xae\xa5\x94r\xce\x90@w&lt;8(\xb1\x91UUY\xbd\x8e\xec\x97ya\xed{\xb5\xce\x1e\xd1]\x0e\x08\xc2\x18?\xbf\xa1\xf4\xd4\x99*h\tm0\x18!U\xe5\xf3W\x1f\xe0\\`B8\xe7M[gv\xbb\xed~\xbf\xdbQ\x87\xad\x9f\x97\xfa\xcb9c9\x13\xffj0\'0\xc6\x08\xa5\xe1\x16d8\t\x88EP\x00b\x8f&lt;\xfe\x9d1c\x86\xdf\xef\'\x840\xc63\xba^\x9b5\xbc\x9b\xab\xca[\x87\xad\x9f\x97\x82\t\xf6\xb9\xfc\xc3\xa7\x0e2\'\x189\x17\n\xc5\x15N\xdf\x9c7\xf6\xe8-z\xb8\x054\x00\x95qK\xa2\xe9\xcd\xcd\x9f\xd7\xb4~"$D\xce\xc4\xd9\x8a\xc1$X\x9d\xb5~^\x8a\x9c\x12\xda\xb4\xcd\xf5]o\x99$8G\x08c\x8c\xf3\xf2\xf2*++!2,\x16A\x01\x881\xb2\xf5s\xfd\xfa\xf5;v\xecP\x14\x851U\xd1\xd1;\x1f\x1e\xca\x19\xaf\xe7k?DfF&amp;\xa7&amp;\xde:e\x80\x1c\x10D\x08~gW\xd9\xbe\x92\xd3&amp;\xb3\x1e2#\xeb\x95\x10H\xa7\xd0\xf3\xe7\xdd\x0b\xdf\xfe\x0c\xd7$&gt;f\xf4\xb9\xa5U\x8fA~W\x15\xae\xf7\xe5?B\xf24\xd8Yy\xc3\xc8\x07\x13S\xd2\x18S\xa9\xa2TVV\xca\xb3(X\x01\xc4\x1c(\x00\xb1D\xae\xb0d\xf7\x05B\x08c\xc4\xb9\xe818\xb3}\xaf6\xb5\x1f\xfbs\xf9(%^\xa7o\xc0\xe8\xde)i\x8d8\xe3\x94\x90@\x90=\xf6\xfan\n=\xa1\xf5\x8c1n\xb4\x19\x97\xbe[|\xe2\x07\x07%XN\xfd\xcc\x1e;S.\xc6\x1b\xe8C`\xcc\xd4\x8059\xb5\xf7\xa8\x87Q\xa8%4\xd4\x8d\x06\x1bA1\x07\n@,\x91\x99_\x8b\x17/.++\xd3\xe9t\xaa\xca,6\xd3\xc8?\x0f\xf6\xb9}\rv\xf7\x97\x18\xe3\x06\x93nT\xee0\x14\x8a\x8d\xc5\xbb\x8f|\xbf\xba\xf0\x0b\x8b\xcd\x08\x99\x91\xf5\x84sa2\xeb\x8f\x96\x9d[\xbe\xa9\x94\x10,\x10\x11\x9cw\xbf}JJ\xdb.\xb5\x9c\xfay\xa5\x08U\xbc\x8e\xf3\xd7\x0f\x1e\xd7\xa2CO\xceTB\x15\xf9&gt;\n\x1c\x05\xc7\x1c(\x001C\x9e\xfd\x1e?~|\xd1\xa2E5c\x7f\xc4\xc01}R\xaemt\xa5\x89\x8f\xb5G(\xf1:}]\x07\xb4o\xdf\xb3\x8d\x1c\x10\x841\xca{k\xdf\xf9\n\x8f\xae\xae\xdfC\x06a\x84\xe2\xd9\xaf\xefq\xb8\x032\xf1\xd1lo|\xc3\x88\xa9\x01\xaf\xab\xfeZ?/M\x10\xaad\xdd=\x1d\x13\xc2\x19\xa3T),,\xac\t#\x82\x96\xd0\x98\x01\x05 f\xc8\xb3\xdf\xfc\xfc\xfc\xea\xeajJ\xa9\xaa\xb2\x94\xb4F7O\xea\xe7qx\xeb\xb5\xf5\xf3\x92\x9f\x07!\xc1\xc4\xe8\xe9\xc3\x14\x1de\\PB\xbe)\xaf^\xfan\xb1\xd1\x06-\xa1uO\x8e\xfd\xd9\xf6\xe9\xc9\x7f\xee=^\xd3\xfa)\xfa\x8e{\xd4\xd6\xa4e\xbd\xb6~^\n&amp;\xd4\xe7\xaaJ\xef9\xa4}\xdf\x11\x9c\x87ZBe\x1c)&lt;\x07\xc4\x10(\x00\xb1A\x9e\xfd\xee\xdc\xb9s\xf5\xea\xd5\xe1E\xd6\xa8\xdca&amp;\xb3\x9e1\x1e\x91\x9dwB\xb0\xd7\xe3o\xdd\xa9\xe5\xa0qY\xe1\xcc\xc8\xe5\x9bJ\xbf\xfc\xfa\x9c\xd1\xa4\xe3p\x0b\xa8S\x94b\x8f\'0\xeb\x8d=\x18#\x1cJ|\xecy\xfd\x90\t^\xe7U&amp;&gt;\xd6\x1e!4\xe0u\xf7\x9b\xf8W\xa3\xd5\xce\xd4 U\x94\xb2\xb2\xb2\xc5\x8b\x17\xc3I@\x0c\x81\x02\x103\x18cyyy\x8c1y\x81\xb5\xef\xd9\xa6\xeb\x80\xf6\x1e\xa7/"\xcb\x7fI\xbe\x160x\xc2\x8d\xb6FV\x99\x19\xe9p\x07\x9e\\s@g\xd4\xd52\x8c\x0c\\He\xdc\x94`\\\xb5\xf5\xcb\x83\xc7~$\x840.0!YwO\'TA\x11,\xb4\x18\xab\x01oR\xf36\xddn\x9d,\x84\x10\x02\x11L\x96,YR^^\x0e\x1dA\xb1\x02\n@\x0c\x90\xa3\x9e\xd7\xacY\xb3s\xe7NEQT\xa6RJF?2L\xb0\x08/\xb3eKh\xe3f\xf6\xe1S\x07\x853#\xdf\xde\xf1\xf5\xb6}\',\tFh\t\xad\x132\xf1\xb1\xfcl\xf5\xdc\x95\xfbHM\xebg\xbb\xec;\xd2{\r\xf1\xb9\xaa\xeav\xea\xe7\x95"\x94\xfa\x9c\x95\xbdGM\xb3\xa7\xb6\x92\x0f\x01\x15\x15\x15\xb3g\xcf\x86w\x02b\x05\x14\x80h\'\xa7&gt;TWW\xcf\x9f?_\x9e\xf4\n.\xb2Gto\xd5\xa9\x85\xcf\xd3p\xad\x9f\x97B)qW{\xb3n\xef\x9a\xd6\xae\x99&lt;\xa6f\\\xcc_s\x80\xa9\xbc\xc1\xf7\xa5\xe3\x13\xe3\\o\xd6?\xf7^\xc9\xd9J\x8f|\xf83\x98\x13\xb2\xee\xce\r\xfa\xbc\r\xd9\xf9s\tX0UoN\xb8q\xcct\x14\xea\x07\xa3k\xd6\xac)))\x81\xe0\xf8\x98\x10\xf1/\x10\xf8\x1d\xf2\xae\xbah\xd1\xa2\xe3\xc7\x8f\xcb\xdd\x7fs\x82q\xf8\xd4A~o\x00G\xfa\xee/q\xc6\x8df\xfd\xc8iC\x90@L\x08J\xc9\xee#\xdf\xbf\xf1\x7fG,6\x13\xb4\x84\xd6\x12\xe7\xc2l\xd6\x1f\xfe\xaa\xbc\xe0\x83C\x84`\x8e\xb0\xe0\xbc\xeb-\x93R\xd2\xbb\x04\xbd.\x8c#\x7f\xfdb\xaa\xf8\x9cU\x9dn\x1a\xd3\xa2C/\xceTLh \x10\xc8\xcd\xcde\x8c\xc1C@\xf4\x8b\xfc\x17\x08\xfc\x06\xd9\xf8_s\xb6Fe\xeb\xe7\xad\x0f\x0cHNMl\xf8\xd6\xcfK!\x94\xb8\xab}\x99\xd9\x19\xdd\x06t\xe0\x8cc\x8c0\xc6yo\xed+?[\r\x03\x82j\x8f\x12&lt;\xfd\x95\x9d\x81\xa0&lt;\xfba\x89M\xaf\xe99\xf2A\x9f\xb32Rg\xbf\xbf\x8a35\xe7\xde9\x84*\x8c\xa9\x8a\xa2\xec\xda\xb5k\xcd\x9a5\xd0\x12\x1a\xfd\xa0\x00D5\xb9\x86\x92\xddur\x00gZ\xbbf\x03\xc7\xf4\xf68}\r0\xf6\xe7\x8ap\xc6GN\x1bb\xb2\x1a\x19\x17\x94\xe0\xb3\x95\x9e\xe7\xde+\xd1\x9b\xf4\x0c\xf6\x01\xae\x16\xe3\xc2b5l\xdas\xe2\xe3\x83\xa7e\xeb\'\x12"{\xfcc\xe6\xa4\xa6L\r4|\xeb\xe7\xa5\xc8\x01Ai\x9d\xb33o\x1a+3#1&amp;\xf3\xe7\xcfw8\x1c\xd0\x12\x1a\xe5\xa2\xeb&amp;\x02.$[?w\xec\xd8Q\xf3~\x8d\x8a\x04\x1a9m\x88\xc1\xa8\x8b\xb6F{B\xb0\xcf\x1dH\xeb\xd0l\xc0\xe8^\xe1\x96\xd0\x82\x0f\x0e\x1d\xf9\xfa\xac\x192#\xaf\x8a@\x88\x12\xec\xf3\x05g\xfc\xefN\x8c\x10\n\xb5~\xf6\xea4\xe8n_u\xc4Z?/\x85\x10\x1a\xf0\xb8\xb2\xc7\xcd4Xl\x8c\xa9T\xa1\xc7\x8f\x1f/(( \x84\xc0C@4\x83\x02\x10\xa5\xe4k_~\xbf\x7f\xc6\x8c\x19\x18cB0\xe7\xa2\xdb\xc0\x8e\x99\xd9\x19\xee\xe8[\xfe#\xb9\x11T\xe5\x1drOv\x93\x16I\xb2%4\x10d\xf3V\xee\x8f\x92\x83\x8a\x98\xc3\x187Y\r/n&lt;\\\xf6]\x15\xa1D\x8e\xfd\xc9\xb9w\x0egj\xc3\x8d\xfd\xb9|\x18\xab\x01_B\xe3\xe6Y\xa3s\xe5\x80 J\xe8s\xcf=\'\x0f\xae\xe048jE\xdd}\x04H\xf2\xecw\xdd\xbau\xc5\xc5\xc5r/U\xd1\xd1\xe1S\x07Fm\x7f=\xc6HU\x99\xbdi\xc2\xb0I9\xe1\x96\xd0\xf7\xf7\x1c\xdb\xf6\xe9I\xc8\x8c\xbcR\xb2\xf5\xf3\xec9g\xfe\x9a\x03\x18\x87\x02\xdf\xaf\xbbqxZ\xe7\xbe\r&lt;\xf6\xe7\xf2\x11J\xfd\xee\xea\xae\xb7NNj\xdeZ\x06\xc7;\x1c\x8e\xfc\xfc|x\' \x9aE\xe37\t\xc8\xe5\x7fee\xe5\xacY\xb3\x08!2\xf1q\xd0\xb8\xack;\xb6h\xc8\xa9\x9fW\x8aR\xe2\xaa\xf4d\x8f\xec\xde\xb6kZ(3\x12\xa3Yo\xec\xf1\xf9U\xc8\x8c\xbc"\x9cs\xbdY?o\xe5\xfe*\x97\x9f\x12\xca\x193Z\xed\xfd\xee\x99\x15\xf08#1\xf6\xe72a\xc1\x99\xce`\x1ap\xdf\\\x84\x90\xca\x18\xa5\xca\xea\xd5\xabw\xed\xda%3\xab#\xfd\xf1\xc0\xaf\x80\x02\x10\x8d\xe4\xf2?//\xaf\xbc\xbc\\\xee\xa2\xda\x92\xadC&amp;\xdc\xe8\x8f\xe2\xbb\xbf$\x10\xa2\n\xbdm\xca@B\xb0\xfcW\x1c&lt;\xf6\xe3\x8b\x1bJMVC\xb4\x9d[D-\xc6\x85\xc9\xac\xdfw\xe8\xf4k\x9b?\'\x04s\x84\x84\x10\xddn\x9d\x9c\xd4"="c\x7f.\x1f&amp;\xd4\xef\xaeN\xef=,\xads_\xc1\x19&amp;\x981\x96\x9b\x9b\xeb\xf7\xfb\xe148:A\x01\x88:\xf2\xbe\x19N\xda\x13\x82\x0b\x81\xeexpP\xa3f\xf6@ ZZ?/\x85\x10\xec\xae\xf6v\xc9i\xd7s\xe8\xf5rJ(\xc18\x7f\xcd\x81\xb3\xe7\x9c\xd0\x12z\x990B\x94\x92\xc7^\xdb\xad2N\x08\xe1\x8c\'5o\xdd{\xd44\x9f\xb3\xb2\xfe\x13\x1f\xeb\x80\xe0l\xe0\xe4yT\xd11\xc6\x14E)))Y\xb7n\x1d\x0c\x08\x8aNP\x00\xa2\x8e\xdc\xff\x91Y\xdb\x94R\xc6x\xdb\xaei}\xef\xec\xe1rx\xa2\xf0\xec\xf7\xbf\x11\x82}\x9e\xc0\xc8iC,6\x13c\x9c\x10\\\xe5\xf2\xcf[\xb9_o\xd2\xc1-\xe0w\xc9\xa9\x9f\xab\x0b\xbf\xa8I|\x14\x08\x89\x01\xf7\xcd\xd5\x99\xac\x82\xd7{\xe2c\xedaB\x02^WjF\xb7\xee\xb7O\x91-\xa1\x84\x90Y\xb3fUTT\xc0C@\x14\x8a\x81\x1b\x8a\xa6\xc8\xd6\xcf\xc2\xc2\xc2\xc2\xc2BJ)\xe3\x8c\x10|\xdb\x94\x814v\x86\xecc\x8c\x03\xfe`\xca\xb5\x8d\x06\x8e\xe9#D\xa8%\xf4\xb5\xcd\x9f\x1f&gt;z\xd6\x04-\xa1\xbfI\xc8\xa9\x9f\xee\xc0\x13\xab\xf6#\x14:\xfbM\xeb\xdc7\xbd\xf70\xbf\xcb\x11\xd9\xb1?\x97\x8f\x10\x1a\xf0\xban\x181\xd5lo,O\x83\xcb\xcb\xcb\x97.]\n\x0f\x01Q\x08\n@\x14\x91k\x7f\x19\xae\x84\x10"\x04s\xc6o\x18r}\x97\x9cv\xeejo\x94\xef\xfe_\x88P\xe2qx\x87M\xea\xd7\xb4e2c\x9c\x12\xac2&gt;\xfd\x95\x9d\x10\x19\xf9\xdb\x18\xe3\xa6\x04\xe33\xef|v\xec{\x87B\t\xe7\x9cP:p\xf2&lt;\xc1c\xea\x04\x15c5\xe0\xb35i\x99=\xf6Q\x11\xca\x8c\xa4\xcf&gt;\xfblYY\x19\xd4\x80h\x03\x05 \x8a\xc8\xdd\x7f\x19\xaf*\x1b\'LV\xe3\xadS\xfa\x07|\xc1\x18\xba\xfb#\x840B*\xe3F\x8b\xe1\xf6?\x0eD\x08\xc9\x96\xd0\x8f\x0f\x9e\xde\xb4\xe7\x04\xb4\x84^\n\x17\xc8`PN\x9f\xa9z~C)\xc6X ,8\xcf\xbci\\J\xdb.\x01\xaf+:[?/\x85P\xc5\xe7\xaa\xea4ht\xd3\xd6\x99\x9c3B\xa9\x0c\xb2\x86]\xa0h\x13K\xdf\xaa\xf8\xc69\xc7\x18\x97\x97\x97\xe7\xe5\xe5a\x8ce\xeb\xe7\x80\xd1\xbdZul\xe1\xf3\x04\xa2\xfc\xec\xf7\xbfQJ&lt;\xd5\xde\xac\xe1\xdd2\xba^\x1bj\tEh\xc6\xab;=\x9e \xb4\x84\xfe*\xc1\xb9\xde\xa4\x9f\xfd\xc6\x9e\n\xa7\x8fR\xc2\xb90X\x12\xb3\xc7\xcd\x0c\xfa&lt;Q\xdc\xfayI\x821\x9d\xd1\x923q6\x12\x82sF)]\xbf~}hc\x13ZB\xa3\x06\x14\x80h!\xc7&gt;\xcf\x9e=\xbb\xb2\xb2RQ\x14\x95\xb1\xc6\xcd\x93\x86L\xccvUy"\x18\xf9R\x1b\x02!\xce\xf8\x9d\x0f\x0f\x95S\x8c(%eg\xaa\x9ey\xe73S\x02dF^\x8cqaI0n\xdb\x7fb\xed\xf6\xa35\x89\x8f&lt;k\xf4_\x12\x1a\xb7\x88\xf2\xd6\xcfK\xc1\x94\xfa]U\xad{\x0cj\xdb{\x18g\xa1\xccH\xd9\xda\x00\xcf\x01\xd1#&amp;\xef,\xf1Gn\xfe\x14\x17\x17\xaf]\xbb\x96R\xca9C\x02\xdd\xf1\xe0\xa0\xc4FVUe1x\xf9#T\x93\x17\xd6\xbeW\xeb\xec\x11\xdd\xe5\x80 \x8c\xf1\xf3\x1bJO\x9d\xa9\x82\x96\xd0\x8b`\x84T\x95\xcf_}\x80s\x81\t\xe1\x9c7m\x9d\xd9\xed\xb6\xfb\xfdnGL\xb4~^\x02\xe6\x8c\xe5L\xfc\xab\xc1\x9c\xc0\x18#\x94\x86\x9b\x9b\xe1$ J@\x01\x88\n\xf2\xf8w\xc6\x8c\x19~\xbf\x9f\x10\xc2\x18\xcf\xe8zm\xd6\xf0n\xae*oL\xb4~^\n&amp;\xd8\xe7\xf2\x0f\x9f:\xc8\x9c`\xe4\\(\x14W8}s\xde\xd8\xa3\xb7\xe8\xe1\x16\x10\xa62nI4\xbd\xb9\xf9\xf3\x9a\xd6O\x84\x84\xc8\x998[1\x98\x04\x8b\x81\xd6\xcfK\x91SB\x9b\xb6\xb9\xbe\xeb-\x93\x04\xe7\x08a\x8cq^^^ee%D\x86E\x89\x18\xbe\xb9\xc4\r\xd9\xfa\xb9~\xfd\xfa\x1d;v(\x8a\xc2\x98\xaa\xe8\xe8\x9d\x0f\x0f\xe5\x8c\xc7\xec\xb5\x1f"3#\x93S\x13o\x9d2@\x0e\x08"\x04\xbf\xb3\xabl_\xc9i\x93Y\x0f\x99\x91\x08!!\x90N\xa1\xe7\xcf\xbb\x17\xbe\xfd\x19\xaeI|\xcc\xe8sK\xab\x1e\x83\xfc\xae*\x1c\xc3\xcb\x7f\x84\xe4i\xb0\xb3\xf2\x86\x91\x0f&amp;\xa6\xa41\xa6RE\xa9\xac\xac\x94\xa7\\\xb0\x02\x88\x06P\x00"L\xae\x83d\x8f\x04B\x08c\xc4\xb9\xe818\xb3}\xaf6\xd1&lt;\xf6\xe7\xf2QJ\xbcN\xdf\x80\xd1\xbdS\xd2\x1aq\xc6)!\x81 {\xec\xf5\xdd\x14zB\x11B\x081\xc6\x8d6\xe3\xd2w\x8bO\xfc\xe0\xa0\x04\xcb\xa9\x9f\xd9cg\xca%s\xa4?]\xada\xcc\xd4\x8059\xb5\xf7\xa8\x87Q\xa8%4\xd4\xe7\x06\x1bA\xd1\x00\n@\x84\xc9\xcc\xaf\xc5\x8b\x17\x97\x95\x95\xe9t:Ue\x16\x9bi\xe4\x9f\x07\xfb\xdc\xbe8\xb8\xfbK\x8cq\x83I7*w\x18\n\xc5\xc6\xe2\xddG\xbe_]\xf8\x85\xc5f\xd4xf$\xe7\xc2d\xd6\x1f-;\xb7|S)!X "8\xef~\xfb\x94\x94\xb6]\xa2v\xea\xe7\x95"T\xf1:\xce_?x\\\x8b\x0e=9S\tU\xe4\x9b.p\x14\x1c\r\xe2\xe1\x1b\x16\xbb\xe4\xd9\xef\xf1\xe3\xc7\x17-ZT3\xf6G\x0c\x1c\xd3\'\xe5\xdaF\xd1\x93\xf8X{\x84\x12\xaf\xd3\xd7u@\xfb\xf6=\xdb\xc8\x01A\x18\xa3\xbc\xb7\xf6\x9d\xaf\xf0\xe8b\xe7\r\xe7zB(\x9e\xfd\xfa\x1e\x87; \x13\x1f\xcd\xf6\xc67\x8c\x98\x1a\xf0\xbab\xb1\xf5\xf3\xd2\x04\xa1J\xd6\xdd\xd31!\x9c1J\x95\xc2\xc2\xc2\x9a\x98#h\t\x8d$(\x00\x91$\xcf~\xf3\xf3\xf3\xab\xab\xab)\xa5\xaa\xcaR\xd2\x1a\xdd&lt;\xa9\x9f\xc7\xe1\x8d\xd1\xd6\xcfK\x11\x08\t&amp;FO\x1f\xa6\xe8(\xe3\x82\x12\xf2My\xf5\xd2w\x8b\x8d6\xed\xb6\x84\xca\xb1?\xdb&gt;=\xf9\xcf\xbd\xc7kZ?E\xdfq\x8f\xda\x9a\xb4\x8c\xd1\xd6\xcfK\xc1\x84\xfa\\U\xe9=\x87\xb4\xef;\x82\xf3PK\xa8\x0c:\x85\xe7\x80\xc8\x8a\xab\xbbLl\x91g\xbf;w\xee\\\xbdzux)4*w\x98\xc9\xacg\x8c\xc7\xcf\xd5\x8f\x10B\x88\x10\xec\xf5\xf8[wj9h\\V83r\xf9\xa6\xd2/\xbf&gt;g4\xe9\xb8&amp;o\x01\x94b\x8f\'0\xeb\x8d=\x18#\x1cJ|\xecy\xfd\x90\t^g\xd4%&gt;\xd6\x1e!4\xe0u\xf7\x9b\xf8W\xa3\xd5\xce\xd4 U\x94\xb2\xb2\xb2\xc5\x8b\x17\xc3I@dA\x01\x88$\xc6X^^\x1ecL^\x06\xed{\xb6\xe9:\xa0\xbd\xc7\xe9\x8b\xb3\xe5\xbf$_\x0b\x18&lt;\xe1F[#\xab\xcc\x8ct\xb8\x03O\xae9\xa03\xea\xa26\xe6\xac\xfe\xa8\x8c\x9b\x12\x8c\xab\xb6~y\xf0\xd8\x8f\x84\x10\xc6\x05&amp;$\xeb\xee\xe9\x84*(.\xcb!\xc6j\xc0\x9b\xd4\xbcM\xb7[\'\x0b!\x84@\x04\x93%K\x96\x94\x97\x97CGP\x04\xc5\xe1\x8d&amp;&amp;\xc8Q\xcfk\xd6\xac\xd9\xb9s\xa7\xa2(*S)%\xa3\x1f\x19&amp;X\\^\xfd\x08\xd5\xb4\x846nf\x1f&gt;uP83\xf2\xed\x1d_o\xdbw\xc2\x92`\xd4TK\xa8L|,?[=w\xe5&gt;R\xd3\xfa\xd9.\xfb\x8e\xf4^C|\xae\xaaX\x99\xfay\xa5\x08\xa5&gt;ge\xefQ\xd3\xec\xa9\xad\xe4C@EE\xc5\xec\xd9\xb3\xe1\x9d\x80\x08\x82\x02\x10\x01r\xeaCuu\xf5\xfc\xf9\xf3\xe5I\xaf\xe0"{D\xf7V\x9dZ\xf8&lt;\xf1\xd0\xfay)\x94\x12w\xb57\xeb\xf6\xaei\xed\x9a\xc9\x03p\xc6\xc5\xfc5\x07\x98\xca\xe3h\xc7\xfb\xf71\xce\xf5f\xfds\xef\x95\x9c\xad\xf4\xc8\x87?\x839!\xeb\xee\xdc\xa0\xcf\x1b\x1f\x9d?\x97\x80\x05S\xf5\xe6\x84\x1b\xc7LG\xa1~0\xbaf\xcd\x9a\x92\x92\x12\x08\x8e\x8f\x948\xfe\xb6E/y\xef[\xb4h\xd1\xf1\xe3\xc7\xe5\xee\xbf9\xc18|\xea \xbf7\x80\xe3\xf7\xee/q\xc6\x8df\xfd\xc8iC\x90@L\x08J\xc9\xee#\xdf\xbf\xf1\x7fG,6\x93FZB9\x17f\xb3\xfe\xf0W\xe5\x05\x1f\x1c"\x04s\x84\x05\xe7]o\x99\x94\x92\xde%\xe8ua\x1c\xcf\x97$\xa6\x8a\xcfY\xd5\xe9\xa61-:\xf4\xe2L\xc5\x84\x06\x02\x81\xdc\xdc\\\xc6\x18&lt;\x04DD&lt;\x7f\xdb\xa2\x93l\xfc\xaf9\x01\xa3\xb2\xf5\xf3\xd6\x07\x06$\xa7&amp;\xc6S\xeb\xe7\xa5\x10J\xdc\xd5\xbe\xcc\xec\x8cn\x03:p\xc61F\x18\xe3\xbc\xb7\xf6\x95\x9f\xad\xd6\xce\x80 J\xf0\xf4Wv\x06\x82\xf2\xec\x87%6\xbd\xa6\xe7\xc8\x07}\xce\xca\xf8;\xfb\xfdU\x9c\xa99\xf7\xce!TaLU\x14e\xd7\xae]k\xd6\xac\x81\x96\xd0\x88\x80\x02\xd0\xd0\xe4JG\xf6\xc0\xc91\x99i\xed\x9a\r\x1c\xd3\xdb\xe3\xf4\xc5\xf4\xd8\x9f+\xc2\x19\x1f9m\x88\xc9jd\\P\x82\xcfVz\x9e{\xafDo\xd2\xb3x\xdf\x07`\\X\xac\x86M{N||\xf0\xb4l\xfdDBd\x8f\x7f\xcc\x9c\xd4\x94\xa9\x81xj\xfd\xbc\x149 (\xadsv\xe6Mcef$\xc6d\xfe\xfc\xf9\x0e\x87\x03ZB\x1b\x9eV\xee8QB\xb6~\xee\xd8\xb1\xa3\xe6-\x18\x15\t4r\xda\x10\x83Q\xa7\x9dvxB\xb0\xcf\x1dH\xeb\xd0l\xc0\xe8^\xe1\x96\xd0\x82\x0f\x0e\x1d\xf9\xfa\xac9\xae3#\x05B\x94`\x9f/8\xe3\x7fwb\x84P\xa8\xf5\xb3W\xa7Aw\xfb\xaa\xe3\xb0\xf5\xf3R\x08\xa1\x01\x8f+{\xdcL\x83\xc5\xc6\x98J\x15z\xfc\xf8\xf1\x82\x82\x02B\x08&lt;\x0440(\x00\rG\xbe\xf6\xe5\xf7\xfbg\xcc\x98\x811&amp;\x04s.\xba\r\xec\x98\x99\x9d\xe1\xd6\xd2\xf2\x1f\xc9\x8d\xa0*\xef\x90{\xb2\x9b\xb4H\x92-\xa1\x81 \x9b\xb7r\x7f|\x1f\x810\xc6MV\xc3\x8b\x1b\x0f\x97}WE(\x91c\x7fr\xee\x9d\xc3\x99\x1a\x0fc\x7f.\x1f\xc6j\xc0\x97\xd0\xb8y\xd6\xe8\\9 \x88\x12\xfa\xdcs\xcf\xc9#18\rnH\x1a\xba\xe9D\x9c&lt;\xfb]\xb7n]qq\xb1\xdc\xf1Ttt\xf8\xd4\x81\x1a\xec\x82\xc7\x18\xa9*\xb37M\x186)\'\xdc\x12\xfa\xfe\x9ec\xdb&gt;=\x19\xaf\x99\x91\xb2\xf5\xf3\xec9g\xfe\x9a\x03\x18\x87\x02\xdf\xaf\xbbqxZ\xe7\xbeq3\xf6\xe7\xf2\x11J\xfd\xee\xea\xae\xb7NNj\xdeZ\x06\xc7;\x1c\x8e\xfc\xfc|x\'\xa0\x81i\xebk\x17Ar\xf9_YY9k\xd6,B\x88L|\x1c4.\xeb\xda\x8e-\xe2c\xea\xe7\x95\xa2\x94\xb8*=\xd9#\xbb\xb7\xed\x9a\x16\xca\x8c\xc4h\xd6\x1b{|~5.3#9\xe7z\xb3~\xde\xca\xfdU.?%\x943f\xb4\xda\xfb\xdd3+\xe0q\xc6\xd7\xd8\x9f\xcb\x84\x05g:\x83i\xc0}s\x11B*c\x94*\xabW\xaf\xde\xb5k\x97L\xc3\x8e\xf4\xc7\xd3\n(\x00\rD.\xff\xf3\xf2\xf2\xca\xcb\xcb\xe5^\xa7-\xd9:d\xc2\x8d~M\xde\xfd%\x81\x10U\xe8mS\x06\x12\x82\xe5\xcf\xe7\xe0\xb1\x1f_\xdcPj\xb2\x1a\xe2\xecD\x84qa2\xeb\xf7\x1d:\xfd\xda\xe6\xcf\t\xc1\x1c!!D\xb7[\'\'\xb5H\x8f\xb3\xb1?\x97\x0f\x13\xeawW\xa7\xf7\x1e\x96\xd6\xb9\xaf\xe0\x0c\x13\xcc\x18\xcb\xcd\xcd\xf5\xfb\xfdp\x1a\xdc`\xa0\x004\x04yw\x0b\xe7\xe1\t\xc1\x85@w&lt;8\xa8Q3{ \x10\xff\xad\x9f\x97B\x08vW{\xbb\xe4\xb4\xeb9\xf4z9%\x94`\x9c\xbf\xe6\xc0\xd9s\xce8k\t\xc5\x08QJ\x1e{m\xb7\xca8!\x843\x9e\xd4\xbcu\xefQ\xd3|\xce\xcaXN|\xac\x03\x82\xb3\x81\x93\xe7QE\xc7\x18S\x14\xa5\xa4\xa4d\xdd\xbau0 \xa8\xc1@\x01h\x08r\xffG&amp;bSJ\x19\xe3m\xbb\xa6\xf5\xbd\xb3\x87\xcb\xe1\xd1\xd4\xd9\xef\x7f#\x04\xfb&lt;\x81\x91\xd3\x86Xl&amp;\xc68!\xb8\xca\xe5\x9f\xb7r\xbf\xde\xa4\x8b\x9b[\x80\x9c\xfa\xb9\xba\xf0\x8b\x9a\xc4G\x81\x90\x18p\xdf\\\x9d\xc9*x\x0c\'&gt;\xd6\x1e&amp;$\xe0u\xa5ft\xeb~\xfb\x14\xd9\x12J\x08\x995kVEE\x05&lt;\x044\x0cM\xdf}\x1a\x86l\xfd,,,,,,\xa4\x942\xce\x08\xc1\xb7M\x19H5?\n\x1f\xc9\x01A\xfe`\xca\xb5\x8d\x06\x8e\xe9#D\xa8%\xf4\xb5\xcd\x9f\x1f&gt;z\xd6\x14\x17-\xa1BN\xfdt\x07\x9eX\xb5\x1f\xa1\xd0\xd9oZ\xe7\xbe\xe9\xbd\x87\xf9]\x8ex\x1d\xfbs\xf9\x08\xa1\x01\xaf\xeb\x86\x11S\xcd\xf6\xc6\xf24\xb8\xbc\xbc|\xe9\xd2\xa5\xf0\x10\xd00\xa0\x00\xd4/\xb9\xf6\x97\x11H\x08!B0g\xfc\x86!\xd7w\xc9i\xe7\xae\xf6jv\xf7\xffB\x84\x12\x8f\xc3;lR\xbf\xa6-\x93\x19\xe3\x94`\x95\xf1\xe9\xaf\xec\x8c\x8f\xc8H\xc6\xb8)\xc1\xf8\xcc;\x9f\x1d\xfb\xde\xa1P\xc29\'\x94\x0e\x9c&lt;Op8\xe7D\x08\x85ZBmMZf\x8f}T\x842#\xe9\xb3\xcf&gt;[VV\x065\xa0\x01@\x01\xa8_r\xf7_\x86\xa0\xca\xf6\x06\x93\xd5x\xeb\x94\xfe\x01_\x10\xee\xfe\x12FHe\xdch1\xdc\xfe\xc7\x81\x08!\xd9\x12\xfa\xf1\xc1\xd3\x9b\xf6\x9c\x88\xf5\x96P.\x90\xc1\xa0\x9c&gt;S\xf5\xfc\x86R\x8c\xb1@Xp\x9ey\xd3\xb8\x94\xb6]\x02^\x97\xd6Z?/\x85P\xc5\xe7\xaa\xea4ht\xd3\xd6\x99\x9c3B\xa9\x8c\xc8\x86]\xa0\x06\x00_\xc1z\xc49\xc7\x18\x97\x97\x97\xe7\xe5\xe5a\x8ce\xeb\xe7\x80\xd1\xbdZul\xe1\xf3\x044{\xf6\xfb\xdf(%\x9ejo\xd6\xf0n\x19]\xaf\r\xb5\x84"4\xe3\xd5\x9d\x1eO0\xa6[B\x05\xe7z\x93~\xf6\x1b{*\x9c&gt;J\t\xe7\xc2`I\xcc\x1e73\xe8\xf3h\xb2\xf5\xf3\x92\x04c:\xa3%g\xe2l$\x04\xe7\x8cR\xba~\xfd\xfa\xd0\x96)\xb4\x84\xd6\'(\x00\xf5H\x8e}\x9e={vee\xa5\xa2(*c\x8d\x9b\'\r\x99\x98\xed\xaa\xf2\xc4e\xe4Km\x08\x848\xe3w&gt;&lt;T\xceG\xa2\x94\x94\x9d\xa9z\xe6\x9d\xcfL\t\xb1\x9a\x19\xc9\xb8\xb0$\x18\xb7\xed?\xb1v\xfb\xd1\x9a\xc4G\x9e5\xfa/\t\x8d[h\xb6\xf5\xf3R0\xa5~WU\xeb\x1e\x83\xda\xf6\x1e\xc6Y(3R6M\xc0s@\xbd\x82\xdbP}\x91\x9b?\xc5\xc5\xc5k\xd7\xae\xa5\x94r\xce\x90@w&lt;8(\xb1\x91UU\x19\\\xfe\x17\x91ya\xed{\xb5\xce\x1e\xd1]\x0e\x08\xc2\x18?\xbf\xa1\xf4\xd4\x99\xaa\x18m\t\xc5\x08\xa9*\x9f\xbf\xfa\x00\xe7\x02\x13\xc29o\xda:\xb3\xdbm\xf7\xfb\xdd\x0e\x8d\xb7~^\x02\xe6\x8c\xe5L\xfc\xab\xc1\x9c\xc0\x18#\x94\x86\xdb\xa6\xe1$\xa0\xfe@\x01\xa8/\xf2\xf8w\xc6\x8c\x19~\xbf\x9f\x10\xc2\x18\xcf\xe8zm\xd6\xf0n\xae*\xaf\xc6[?/\x05\x13\xecs\xf9\x87O\x1ddN0r.\x14\x8a+\x9c\xbe9o\xec\xd1[\xf41w\x0bP\x19\xb7$\x9a\xde\xdc\xfcyM\xeb\'BB\xe4L\x9c\xad\x18L\x82i\xba\xf5\xf3R\xe4\x94\xd0\xa6m\xae\xefz\xcb$\xc19B\x18c\x9c\x97\x97WYY\t\x91a\xf5\x07\xeeD\xf5B\xb6~\xae_\xbf~\xc7\x8e\x1d\x8a\xa20\xa6*:z\xe7\xc3C9\xe3p\xed_\x8a\xcc\x8cLNM\xbcu\xca\x009 \x88\x10\xfc\xce\xae\xb2}%\xa7Mf}\x0ceF\n\x81t\n=\x7f\xde\xbd\xf0\xed\xcfpM\xe2cF\x9f[Z\xf5\x18\xe4wUaX\xfe_\x02\xa1\x8a\xcfYy\xc3\xc8\x07\x13S\xd2\x18S\xa9\xa2TVV\xca\xf3\xb3\x98[\x01\xc4\n(\x00uO\xaeVd\'\x03B\x08c\xc4\xb9\xe818\xb3}\xaf6\xda\x1c\xfbs\xf9(%^\xa7o\xc0\xe8\xde)i\x8d8\xe3\x94\x90@\x90=\xf6\xfan\x1aS=\xa1\x8cq\xa3\xcd\xb8\xf4\xdd\xe2\x13?8(\xc1r\xeag\xf6\xd8\x99ra\x1b\xe9O\x17\xc50fj\xc0\x9a\x9c\xda{\xd4\xc3(\xd4\x12\x1a\xea\xa0\x83\x8d\xa0z\x02\x05\xa0\xee\xc9\xcc\xaf\xc5\x8b\x17\x97\x95\x95\xe9t:Ue\x16\x9bi\xe4\x9f\x07\xfb\xdc&gt;\xb8\xfb\xff.\xc6\xb8\xc1\xa4\x1b\x95;\x0c\x85bc\xf1\xee#\xdf\xaf.\xfc\xc2b3\xc6Df$\xe7\xc2d\xd6\x1f-;\xb7|S)!X "8\xef~\xfb\x94\x94\xb6]48\xf5\xf3J\x11\xaax\x1d\xe7\xaf\x1f&lt;\xaeE\x87\x9e\x9c\xa9\x84*\xf2\x1d\x1a8\n\xae\'\xf0u\xacc\xf2\xec\xf7\xf8\xf1\xe3\x8b\x16-\xaa\x19\xfb#\x06\x8e\xe9\x93rm#-$&gt;\xd6\x1e\xa1\xc4\xeb\xf4u\x1d\xd0\xbe}\xcf6r@\x10\xc6(\xef\xad}\xe7+&lt;\xba\x18yw\x9aP&lt;\xfb\xf5=\x0ew@&amp;&gt;\x9a\xed\x8do\x1815\xe0uA\xeb\xe7\xe5\x11\x84*YwO\xc7\x84p\xc6(U\n\x0b\x0bk\x02\x94\xa0%\xb4\x8eA\x01\xa8c\xf2\xec7??\xbf\xba\xba\x9aR\xaa\xaa,%\xad\xd1\xcd\x93\xfay\x1c^h\xfd\xbcL\x02!\xc1\xc4\xe8\xe9\xc3\x14\x1de\\PB\xbe)\xaf^\xfan\xb1\xd1\x16\xed-\xa1r\xec\xcf\xb6OO\xfes\xef\xf1\x9a\xd6O\xd1w\xdc\xa3\xb6&amp;-\xa1\xf5\xf32aB}\xae\xaa\xf4\x9eC\xda\xf7\x1d\xc1y\xa8%TF\xa8\xc2s@\x9d\x83[R]\x92g\xbf;w\xee\\\xbdzux\xc12*w\x98\xc9\xacg\x8c\xc3\xd5\x7f\x99\x08\xc1^\x8f\xbfu\xa7\x96\x83\xc6e\x853#\x97o*\xfd\xf2\xebsF\x93\x8eG\xf1-\x80R\xec\xf1\x04f\xbd\xb1\x07c\x84C\x89\x8f=\xaf\x1f2\xc1\xeb\xd4P\xe2c\xed\x11B\x03^w\xbf\x89\x7f5Z\xedL\rRE)++[\xbcx1\x9c\x04\xd49(\x00u\x8c1\x96\x97\x97\xc7\x18\x93_\xd6\xf6=\xdbt\x1d\xd0\xde\xe3\xf4\xc1\xf2\xff\x8a\xc8\xd7\x02\x06O\xb8\xd1\xd6\xc8*3#\x1d\xee\xc0\x93k\x0e\xe8\x8c\xba\xa8\rPS\x197%\x18Wm\xfd\xf2\xe0\xb1\x1f\t!\x8c\x0bLH\xd6\xdd\xd3\tUP\x14\x17\xadh\x84\xb1\x1a\xf0&amp;5o\xd3\xed\xd6\xc9B\x08!\x10\xc1d\xc9\x92%\xe5\xe5\xe5\xd0\x11T\xb7\xe0\xaeTg\xe4\xa8\xe75k\xd6\xec\xdc\xb9SQ\x14\x95\xa9\x94\x92\xd1\x8f\x0c\x13\x0c\xae\xfe+&amp;[B\x1b7\xb3\x0f\x9f:(\x9c\x19\xf9\xf6\x8e\xaf\xb7\xed;aI0FaK\xa8L|,?[=w\xe5&gt;R\xd3\xfa\xd9.\xfb\x8e\xf4^C|\xae*\x98\xfay\xa5\x08\xa5&gt;ge\xefQ\xd3\xec\xa9\xad\xe4C@EE\xc5\xec\xd9\xb3\xe1\x9d\x80\xba\x05\x05\xa0n\xc8\xa9\x0f\xd5\xd5\xd5\xf3\xe7\xcf\x97\'\xbd\x82\x8b\xec\x11\xdd[uj\xe1\xf3@\xeb\xe7\xd5\xa0\x94\xb8\xab\xbdY\xb7wMk\xd7L\x1e\xad3.\xe6\xaf9\xc0T\x1e\x85{\xe9\x8cs\xbdY\xff\xdc{%g+=\xf2\xe1\xcf`N\xc8\xba;7\xe8\xf3B\xe7\xcfU\xc1\x82\xa9zs\xc2\x8dc\xa6\xa3P?\x18]\xb3fMII\t\x04\xc7\xd7!\xf8j\xd6\ry\x87Z\xb4h\xd1\xf1\xe3\xc7\xe5\xee\xbf9\xc18|\xea \xbf7\x80\xe1\xee\x7f\xb58\xe3F\xb3~\xe4\xb4!H &amp;\x04\xa5d\xf7\x91\xef\xdf\xf8\xbf#\x16\x9b)\xaaZB9\x17f\xb3\xfe\xf0W\xe5\x05\x1f\x1c"\x04s\x84\x05\xe7]o\x99\x94\x92\xde%\xe8ua\x0cW\xd9\xd5\xc0T\xf19\xab:\xdd4\xa6E\x87^\x9c\xa9\x98\xd0@ \x90\x9b\x9b\xcb\x18\x83\x87\x80\xba\x02_\xcd: \x1b\xffk\xce\xa9\xa8l\xfd\xbc\xf5\x81\x01\xc9\xa9\x89\xd0\xfaY\x1b\x84\x12w\xb5/3;\xa3\xdb\x80\x0e\x9cq\x8c\x11\xc68\xef\xad}\xe5</t>
        </is>
      </c>
    </row>
    <row r="256">
      <c r="A256" s="1" t="n">
        <v>254</v>
      </c>
      <c r="B256" t="inlineStr">
        <is>
          <t>rectangle_height_color</t>
        </is>
      </c>
      <c r="C256" t="inlineStr">
        <is>
          <t>What is the missing color of the part denoted with a question mark?</t>
        </is>
      </c>
      <c r="D256" t="inlineStr">
        <is>
          <t>['purple', 'orange', 'red', 'blue']</t>
        </is>
      </c>
      <c r="E256" t="inlineStr">
        <is>
          <t>blue</t>
        </is>
      </c>
      <c r="F256" t="inlineStr">
        <is>
          <t>There are 7 rectangles in the image with varying colors and lengths. The lengths from left to right are ['long', 'medium', 'short', 'medium', 'short', 'long', 'medium']. The colors from left to right are ['orange', 'blue', 'red', 'blue', 'red', 'orange', '?'].</t>
        </is>
      </c>
      <c r="G256" t="inlineStr">
        <is>
          <t>We observe that the orange rectangles are of long length and the red rectangles are of short length. Hence, the pattern is that the color of each rectangle corresponds to its length.</t>
        </is>
      </c>
      <c r="H256" t="inlineStr">
        <is>
          <t>Based on the pattern that the color of each rectangle corresponds to its length, the missing color of the part denoted with a question mark should be blue.</t>
        </is>
      </c>
      <c r="I256" t="inlineStr">
        <is>
          <t>b'\x89PNG\r\n\x1a\n\x00\x00\x00\rIHDR\x00\x00\x02\x00\x00\x00\x02\x00\x08\x02\x00\x00\x00{\x1aC\xad\x00\x00&lt;\xd5IDATx\x9c\xed\xdd{`T\xd5\xbd/\xf0\xdfZ{\xcf3\x99$\x93\x90\xf0\x06\x05\xc2K4\x18^B,\xa8\x88@\xad\x82/\x04\x05\xdb\x8b\x82V\xa9\x8d\xd7\xe39\xb5\xd7SDok\x11&lt;\xadV\xaf\x16D\nV\xa4\x15k\x95\x9eB\x08*H\xad\x90\x04\x04\x04\x02\x82\xbc\t\tyN^\x93\x99\xd9{\xad\xfb\xc7V\x0e\xa5\x15B^\xb3g\xd6\xf7\xf3\x17Np\xb2X\xfb\xb7\xf6w\xed\xb5\xd7\xecaRJ\x02\x00\x00\xf5\xf0h7\x00\x00\x00\xa2\x03\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d2\xa3\xdd\x80f\x91R\xb6\xe0\xffb\x8c\xb5yK\x00\xe0Ra\xfc\xda\x96M\x03@J)\x84\x90R2\xc6\x18c\x9c\xb7\xe4J\xa5M\xde\x04\x00.\x15\xc6o\xac`-\x0b\xe7vb\x1dr"\xd24\xed\xdc\xd7\x03\x81\x80\x10\x82\xb1\xe6\xb6\xd6\x9a;\xa4\xa4\xa4\x9c\xfb\xa2UL\x9cs\xcc,\x00\xda\x03\xc6o\xcc\xb1K\x00H)M\xd3\xd4\xf5\xaf\xafH\xea\xea\xea\n\n\n\xb6m\xdd\xba\xe3\xf3\x1dUUU\xc5\xfb\xf6\x99\xa6A\xc4\x88\x9a\xd9ZFD}\xfb\xf6M\xf1\xfb\x87\x0f\x1f\x91\x9d\x9d=r\xe4\xc8\xee\xdd\xbb[?3\x0c\x83s\x8e\t\x05@[\xc1\xf8\x8dQ\xb6\x08\x00\xd34\xad)C8\x1c^\xbf~\xfd\xca\x95+\x8a\n\x0b\x8f\x1d?\xd1\x86\xbf\xc2\x9f\x92&lt;|\xf8\x88i\xd3\xa6\xdd:eJFF\x06\x11\x19\x86\xa1i\x1af\x13\x00\xad\x84\xf1\x1b\xbb\xa2\x1c\x00\xd6og\x8c\x05\x02\x81\xa5K\x97\xbe\xf9\xe6\xca\xdd\xbb\xbf8\xfbS_\x82\xbbwFR\xe7T\xef\xa0\xee)\xa9\xc9n\xd3\x14\x8c\x9au\xbc\x19\xa3\x88!&gt;?\\QS\x17:t\xba\xa62\xd0x\xf6G\xdd\xbav\xb9\xe7\xde\x99\x0f&lt;\xf0\xc0\x80\x01\x03\x88H\x08\x81\xa9\x04@\xcb`\xfc\xc6\xbah\x06\xc0\xd9\x89\xc3\xf2\xe5\xcb\x9f\x7f~\xe1\xfe\xfd\x07\xac\xd7{uN\x1e?\xb4\xc7\xe4\x11\x97]\xdd7\xbd[Z\x82\xd7\xe3$\x8d\x11g\xcd\xbd|&lt;\xcb\x10F\xd8(\xadn\xdc{\xbcr\xc3\x8e\x13\x1b\xb6\x1f\xdfs\xa4\xc2\xba\x08M\xf5\xfb\x7f\xf4\xe8\xa3\x8f=\xf6Xrr\xb2a\x18g/]\x01\xa0\x990~\xe3@\xd4\x02\xc0\xaa\x9e\x92\x92\x92\xd9\xb3g\xe7\xe5\xe5Y/\x0e\xb9&lt;\xfd\xd1\xa9Y\xb7\xe7\xf4K\xf3{IJ3lF\x0c\xd3\x14R\xb4t\x1b\x19g\xcc\xa9s\xdd\xa9\x93\xc6\x83\r\xa1\xcd_\x9c\xfc\xafw?\xcf\xdf~\xdc*\xa3\x01\x03\x06,[\xb6,\'\'\xc7\xbaC\x85\xcbI\x80f\xc2\xf8\x8d\x0f\xd1\t\x00+\xb4\xf3\xf2\xf2\xee\x9f=\xfbTI\t\x11\r\xe8\x99\xfaoweO\x1f7 \xd1\xe7\n5\x86\xc3\x11\x931\xc6Y\x1bl\x06\x96R\nIRJ]\xe3\x1e\x8f\x93\x84\xcc\xdb~\xec\xf9?\x16}\xb4\xf3\x04\x11\xb9\x9c\xce_.\\\x98\x9b\x9b\x8b\x1a\x02h&amp;\x8c\xdf\xb8\x11\x85\x00\xb0\xaag\xe9\xd2\xa5s\xe7\xce\xb5\xda\xf0\xc8-W=\xf3\x83\xd1\xa9\xa9\t\xc1\xba&amp;\xc3\x14\x1a\xe7\xedt\x1cM!\x19QB\xa2\xcb4\xc5\xcb\x7f\xde\xf9\xb3\x95[k\x1bBD4g\xce\x9c%K\x96\x98\xa6\x89Mf\x00\x17\x86\xf1\x1bO::\x00\xac+\xc7\xb3\xd5\x93\xea\xf3\xbc&lt;\xef\xba\x197\r\x0e\xd5\x87\xc2\x86\xa9k\x1dq?\xe7\xeb2J\xf1\x16\xed-y\xe0\x85\xfc]\x87+\x88\xa4UC\x98G\x00\\\x00\xc6o\x9c\xe9\xd0\x00\xf8\xc7\xeaa]S\xbd\xef\xfe\xe7\xcd\xa3\xb3{\xd5V6\xe8Z{\xcd\x1a\xbeM\xc4\x10I&gt;wyM\xe3\xad\xff\xf9\xfe\xd6\xfdg\x88\xc4\xd9y\xc4y\x1fc\x01\x00\xc2\xf8\x8dG\x1d\x17\x00\xd6\x81\xd9\xb8q\xe3\x84\t\x13\x88\xa8S\xb2g\xdbK\xd3\xfbtK\xa9\xadkr\xe8\xd1\xd9\xc8e\x98\xc2\xe5\xd4\x19g\x13\x7f\xf2\xa7\x8fw\x9d$\xa2\xa7\x9f~z\xfe\xfc\xf9\xd8W\x00p\x1e\x8c\xdf\xb8\xd4A\x01`m\xd7-++\x1b\x9a\x95Uv\xe6LJ\xa2\xeb/\xcfN\x19sE\xb7\xba\xfa\xa6\x8e\xb9l\xfc6\xa6\x90N\xa7VS\x1f\x9e\xfc\xd3\xf7v\x1c*g\x8c\xf2\xf2\xf2&amp;L\x98\x80y\x04\xc0Y\x18\xbf\xf1\xaa\x83\x0e\x9e\xf5I\xf1Y\xb3f\x95\x96\x95\x11\xd1+\x8f\\?\xe6\xea\x9e\xb5uQ\xae\x1e"\xd28\x0b\x87\xcc\x0c\xbfg\xd5\x93\x93\xfd&gt;\x17Iy\xdf\xacY\xa5\xa5\xa5\x8c1\xeb\xa9&amp;\x00\x80\xf1\x1b\xaf:\xe4\xa6\x8dij\x9a\xb6j\xd5\xaa\xfc\xfc|"\x9a3y\xc8\x8cIW\xd4V6D\xeb\xca\xf1&lt;\x9a\xc6j\xebB\x03\xfatz\xe9\x87\xe3$QiY\xd9\x93O&gt;\xc99\xb7\xc3C2\x00\xa2\x0e\xe37\x8e\xb5\xfb\x12\x90\x94RJYSS3j\xd4\xa8\xc3\x87\xbf\xba\xbcKr\xe1ofx\x9c\x9a\x10\xd2V\xf7\xeaMS$&amp;y\xee\x98\xbf\xf6O\x7f;\xe4r9\xb7l\xd92|\xf8p\xeb\xe9\x83\xd1n\x1a@\xd4`\xfc\xc6\xb7v\xef\x1dks\xee\xf2\xe5\xcb\x0f\x1d:$\x84\xfc\xc9]\xc3\xfd\xa9\xde\x88a\xda\xaaz\x88\x881f\x1a\xe6\x82\x99\xa3\xdcN-\x14\n\xcd\x9f?\xbf\xf9O\xaf\x05\x88W\x18\xbf\xf1\xad}\x03@J\xa9iZ0\x18\\\xbe\xfc\r\xc6\xd8\x80\x9e\xa93\xc6\x0f\x08\xda`\xe9\xf0\x9fq\xce\x82\x8d\xe1!\xfd3\xee\xfcN&amp;\x11}\xf2\xc9\xe6\xe2\xe2bM\xd3\xb0\x92\x08\xca\xc2\xf8\x8d{\xed{ \xad\xcfel\xdc\xb8q\xef\xde}R\xca\x7f\xbb#;!\xd1e\x986=$\x8c13l&gt;qgv\x82\xdb\xd9\xd0\xd0\xf8\xfa\xeb\xaf\x13\x11\n\x08\x94\x85\xf1\x1b\xf7:"\xc9\x7f\xf7\xbb\xe5\x8c\xb1n\x9d|w\\\xdb/\xd4\x18\xd6\xec\xba*\xc79\x0b\x06\xc3W\xf5\xef&lt;.\xab\x07cl\xcd\x9a?666\xea\xba\x8e\x0bIP\x19\xc6o\x1ck\xc7ci]?\x06\x02\x81\xc2\x82\x02)\xe5\x84\xab{\xfa\xfd\xdeH\xc4v\xab\x87\xe7\x92D\xc4h\xea\xe8&gt;R\xca\x92S\xa7w\xed\xdaE\x98D\x80\x920~U\xd0\x8e\x01`\xf5{QQ\xd1\x89\x93\xa7\x88\xe8\xe6\x91\x97\x11\x11\xd9\xb9|\x884\xce\x8d\x901&gt;\xabGR\x82\xdb0\xcd\xf5\xeb\xd6\xd17\xdfz\x01\xa0\x14\x8c_\x15\xb4\xef\x15\x00\x11\x15\x16\x14\x10Q\x82\xc75\xb4O\xba\x196:\xfa\x89!\x97\x881\n\x87\xcd\x9e\x9d}\x99\xddS\x88\xa8\xb0\xa8\x90\x88\xb0\x93\x0c\x14\x84\xf1\xab\x82v\xec\x1a\xeb\x99|E\xdb\x8b\x88\xe8\xf2\xaeI\xdd:%\xda\xfc\xfa\xd1"\x84p\xb8\x1cW]\x9eFD\xc5\xc5\xfb\xea\xeb\xeb\xf1\xa1\x12P\x10\xc6\xaf\n\xda7\x00\xa4\x94\xe5\xe5\xe5D\x94\x91\xecI\xf0:M\x11\x03\x87A\x12\x11g=:%\x12Q\xa0\xa6&amp;\x18\x0cF\xbbE\x00Q\x80\xf1\xab\x82\xf6\n\x00\xeb3x\x81@\xe0\xcb/\x0f\x10\xd1\xe0^\xa9\xc4c\xe3s\x19\x8c1\x12bp\xcfT"\n\xd4\xd6\x17\x17\x17\x13\xee#\x81b0~\x15\xd1\xee\x1f\x043"\x11"J\xf3\xb9\x89\xb3\x18(\x1f\x8b\xa4\xb4$7\x11\t!\x0c\xc3\x88vk\x00\xa2\x03\xe37\xee\xb5\xfb\xed\x11k%\xd10c\xa6x,g\x1b\x8co\x17\x02\x95a\xfc\xc6\xb7\x0e\xba?\x1esG!\xe6\x1a\x0c\xd0~bn8\xc4\\\x83\xa3\x05\x1b\xa4\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94\x1e\xed\x06(AJ\xd9\x82\xff\x8b1\xd6\xe6-Q\x13\xfa\x1fZ#\x8e\xeb\x07\x01\xd0.\xa4\x94B\x08)%c\x8c1\xc6yK\xae\xb4\xda\xe4M\xd4\x84\xfe\x87\xd6P\xa7~\x10\x00m\xc9:\xe4D\xa4i\x9a\xa6ig_\x0f\x04\x02B\x08\xc6X3\xa7\x12\xd6\xdc!%%\xe5\xdc7\xb1\x8a\x89s\x1e\x133\x8b\xa8@\xffCk(X?\x08\x80\xb6!\xa54MS\xd7u\xeb\x90\xd7\xd5\xd5\x15\x14\x14l\xdd\xbam\xc7\xe7;\xaa*\xab\xf6\x15\x17\x1b\x86\xc1\x185\xf3R\x921F$\xfb\xf6\xed\xe7\xf7\xa7\x8c\x18&gt;&lt;;;{\xe4\xc8\x91\xdd\xbbw\xb7~j\x18\x06\xe7\xdc\x9e\x13\x8ahA\xffCk\xfc\xcb\xfa\xd9\xb6m\xdb\x8e\x1d;\xaa\xaa\xaa\x8a\x8b\x8bM\xd3\xbc\xd4\xf7\xec\xdb\xb7oJJ\xcap{\xd7\x0f\x02\xa0\r\x98\xa6\xa9i\x9a\xae\xeb\xe1px\xfd\xfa\xf5+V\xae,,,:q\xfcX+\xdf\xb6\xb2\xa2\x82\x88\xf2\xd6\xaf\'\xa2\xe4\x14\xff\x88\xe1\xc3\xa7M\x9b6e\xca\xad\x19\x19\x19Dd\x18\x86\xa6i\xb6\x9aMD\x0b\xfa\x1fZ\xe3\xbc\xfaY\xb9reQQ\xd1\xb1c\xad\xad\x9f\xf2\xf2r"Z\xbf~=\x11\xf9\xfd\xfe\xe1\xc3\x87O\x9b6\xed\xd6[\xedU?\x08\x80V\xb1.\t5M\x0b\x04\x02K\x97.]\xf9\xe6\x9b_\xec\xde}\xf6\xa7\xee\x04_Rz\xf7\x84\x94\x0c\x7f\xb7\xben\x9f_\x08\x83Q\xf3\x8e7c\xc2\x88\x94\x1f\xdd\xd7T_\x13(=\xdaP[\x1d\xa8\xa9\xde\xb81\x7f\xe3\xc6\xfc\x9f\xcd\xff\xd9\xcc{\xef}\xe0\x81\x07\x06\x0c\x18@DB\x08\x9bL%\xa2\x02\xfd\x0f\xadq^\xfd\xbc\xf9\xe6\x9b\xbb\xcf\xa9\x1f\x9f\xcf\xd7\xabW\xaf.]\xba\xf4\xef\xdf?55\xd50\x8cf\x9e\xaf\x19c\x91Hd\xf7\xee\xdd\xd5\xd5\xd5_}\xf5UUUUuuu~~~~~\xfe\xfc\xf9\xf3\xef\xb9\xe7\x1e\xfb\xd4\x0f\x02\xa0\xe5\xac\x89\x03\x11-_\xbe|\xe1\xf3\xcf\x1f\xd8\xbf\xdfz=%\xa3G\xcf+s.\x1f6&gt;\xfd\xb2+\x12S3\x9c\x9eD\xc65\xce5I\x92\x9ay\x02"")\x85\x191\xc2\xa1\xc6\x9a\xf2\x8a\x13_\x1e\xdf\xb5\xe5\xd8\xceMg\x8e\xed/=}z\xf1\xe2\xc5\xcb\x96\xbd\xf1\xe8\xa3?z\xec\xb1\xc7\x92\x93\x93\r\xc3\xd0u\x15\x8f#\xfa\x1fZ\xe3\xdc\xfay\xfe\xf9\xe7\xf7\x7fS?\xbdz\xf5\xba\xee\xba\xeb&amp;M\x9a\x94\x95\x95\xd5\xa5K\x17\x9f\xcf\xa7\xebz\x0b\xa6\xea\x91H$\x14\n\x95\x95\x95\x15\x17\x17\x7f\xf8\xe1\x87\xf9\xf9\xf9{\xf7\xee-))Y\xbcx\xf1\x1bo\xbc\xf1\xa3\x1f\xd9\xa2~P\xb8-dUOII\xc9\xec\xd9\xb3\xf3\xf2\xf2\xac\x17\xd3{\x0f\xcc\xfe\xde\x03\x99\xd7L\xf6\xa6\xa4\x93\x94F\xb8\xc94"\xa1\x86:I\xb2\xb9\xcb\xcf\xe7`\x8c3\xc6\xbc)\xe9}2z\xf6\x1byS\xa8\xa1\xee\xc4\xde\xcf\xb6\x7f\xb0\xe4\xd8\xce\xcd\xd5\xd5U\x0b\x16,X\xbdz\xf5\xb2e\xcbrrr\xac;TQ\xbf\x9c\xecH\xe8\x7fh\x8d\x7fY?W\\q\xc5\xbcy\xf3\xa6N\x9d\x9a\x91\x91!\xa5ljj\n\x87\xc3\x81@\x80Z\xb4\x13\xd4\xda\xf9\x93\x91\x91\xd1\xbbw\xef\x9bo\xbe\xb9\xb6\xb6v\xcb\x96-/\xbe\xf8\xe2\xc6\x8d\x1b\xab\xaa\xecR?\x08\x80\x96\xb0B;//o\xf6\xec\xd9%%%D\x94\xd6\xbd\xef\xf0\xa9\x0f\x0f\xfc\xce\x14WBr\xb8\xb1.X[\xcd\x18\x11\xe3\xd6\xfe\xaf\xd6\x1cX\xd3\x88\x98\x91\x90\x94\x92kz\x9fa7\\~\xf5uGwn.x\xef\x95\xe3\xbb?=p\xe0\xc0\r7\x8c_\xb8\xf0\x97\xb9\xb9\xb9\xd6\xee\x05E\xceA\xe8\x7fh\x8d\xb3\xf5s\xff\xfd\xf7\x9f:u\x8a\x88233\x1f\x7f\xfc\xf1\xbb\xee\xba\xcb\xef\xf7\xd7\xd6\xd6VVVZ\xa7o\xc6\xd8\xb9;yZ\xc0\xba\x0e\x90R\xea\xba&gt;i\xd2\xa4\t\x13&amp;\xe4\xe7\xe7\xbf\xf0\xc2\x0b\x9b6m:p\xe0\xc0\xf8\xf1\xe3\x7f\xf9\xcbh\xd6\x0f\x96//\x99U=K\x97.\x9d4iRII\t#\x1a:\xf9\x073\x16\xae\x1d:\xf9\xfbD\x14\xac\xad\x94\xd2\xe4\x9a\xc6x\xdb\xdc\xe1a\x8c1\xaeqM\'\xa2PCm8\xd8py\xf6\rw-\xf8\xe3\r\xf7?\xe3\xf2&amp;\x86\xc3\xa1\xc7\x1e{l\xee\xdc\xb9\x9csk\x9fY\xeb\x7f\xa3\xcd\xa1\xff\xa15\xce\xad\x1f\xeb\xec\xff\xd0C\x0fm\xd9\xb2\xe5\xc1\x07\x1fd\x8cUTT\x9c\xdd\x0e\xd4V\xf5c\xdda&amp;\xa2\x9a\x9a\x9a\xfa\xfa\xfaI\x93&amp;\xad[\xb7n\xf1\xe2\xc5&gt;\x9f/\x14\x8ar\xfd \x00.\x8dU\x1cK\x97.\x9d;w.\x11y|)\xdf\xfd\xdf\xffo\xe2\xbc\x17t\x87\xbb1PAD\\\xd3/a\xa1\xf9\x121\xae1\xce\x9b\x1a\x02\x91`\xc3\xc8\xdb\xe7M{vM\xc6e\x83\x89\xc8j\x8f\xa6iR\xca\xf8&gt;\x07\xa1\xff\xa15\xce\xab\x1f\xbf\xdf\xbfr\xe5\xcaW_}\xd5\xedv[\x9bvZ\xb6\xdc\xdfL\x9a\xa6q\xcekjj\x1a\x1a\x1a\x1e\x7f\xfc\xf1\r\x1b6\\u\xd5U\x14\xd5\xfaA\x00\\\x02k\xdd\xd0:Z\x8c(\xc1\x9fq\xdb\xffYy\xe5\x8d3\x1a\xab\xcfHaZ\x93\xc4\x0e\xc0\xb9\xc68o\xa8.\xeb\xd2o\xe8]\xcf\xfc\xb1k\xffl\xf6M\rY\xf3\x88\x8eiF\xc7C\xffCk\x9c[?D\xd4\xb9s\xe7\xf7\xde{o\xd6\xacYg\xce\x9c\xb1\x82\xa1c\x9aa\xc5\xc0\x993g\x86\r\x1b\xb6n\xdd\xba\x91#GR\xf4\xea\x07\x01\xd0\\V\xf5l\xdc\xb8\xd1\xaa\x1ewR\xea\x8c\xe7\xde\xef&gt;hDCU)\xd7\x1d\xd4\xf1\x8bw\xba\xa3\xa9\xbe\xc6\xe9I\x9c\xf1\xdc\x9f{\x0c\x19MDK\x97.]\xb0`\x81\xa6i\x86atpc:\x00\xfa\x1fZ\xe3\xbc\xfa\xe9\xd4\xa9\xd3\xa6M\x9b\xc6\x8c\x19s\xe6\xcc\x19\x87\xc3\xd1\xf1\x8b\xef\x0e\x87\xa3\xa6\xa6\xc6\xe7\xf3}\xfc\xf1\xc7c\xc7\x8e\xa5(\xd5\x0f\x02\xa0Y\x84\x10\x9a\xa6\x95\x95\x95\xcd\x9c9\x931\xe6NL\xbe\xed\xa7\xbf\xf3w\xbd\xbc\xa9&gt;\xc0uG\xb4Z\xc55\xdd\x8c\x84\xa4\x90\xb7&gt;\xb1\xa4s\x9f!\x8ch\xc1\x82\x05\xf9\xf9\xf9\xba\xae\xb7\xe0\x83\x8bv\x86\xfe\x87\xd68[?\xb3f\xcdb\x8c\xf9\xfd\xfe5k\xd6\xf4\xed\xdb\xb7\xba\xba\xda\xe1\x88Z\xfd\xe8\xba\x1e\n\x85\x84\x10\xabV\xad\x1a:t(E\xa3~\x10\x00\xcde\x9a\xe6\xacY\xb3\xca\xca\xca\x88h\xfc\x9c\x9f\xf7\xca\xfaNS]u\x87-;|\x1b\xc653\x1c\xf4$w\xfa\xde\xe3\xaf\xba\x12S\xa4\x94\xb3f\xcd*--e\x8c\xc5\xd3Z\x84\xf5I}\xf4?\xb4\x98U?\xa5\xa5\xa5D\xf4\xeb_\xffz\xdc\xb8q\xd1=\xfb[4M\x0b\x06\x83\xe9\xe9\xe9o\xbe\xf9\xa6\xdf\xef\'\xa2\xfb\xee\xbb\xaf#\xeb\x07\x01\xd0,\x0e\x87c\xd5\xaaU\xf9\xf9\xf9Dt\xe5\x8d\xf7\\9\xe1\x9e\x86\xca\xd2(\xce=\xcf\xc54=T_\xd3\xa9\xf7\xa0\x1b\xee\x7f\x86\x88\xca\xca\xca\x9e|\xf2I\xcey\xdc\xdc\x8d\xb4.\xde\xd1\xff\xd0b\xe7\x8e\xdf\xd9\xb3g\xdfw\xdf}\xd6\xcaO\xb4\xdbED\xa4\xebzMM\xcd\x90!C^x\xe1\x05)eiiiG\xd6\x0f\x02\xe0"\xac\xc3PYY\xf9\xcc3\xcf0\xce\xfd]/\x1b\xf7\xfd\xa7\x9a\xeaj\xa2&gt;\xf7&lt;\x17\xd7\x1d\x8d\x81\xca!7N\xef?\xfa\xbb\x8c\xe8\xed\xb7\xdf.,,\x8c\x8f\x1b\x92\xd6\xd3t\xab\xaa\xaa\xd0\xff\xd0\x02\xe7\x8e_\xcey\x9f&gt;}~\xfe\xf3\x9f\x07\x02\x01[}x\xdb\xe1pTTT|\xff\xfb\xdf\x9f:u*ul\xfd \x00.\xc2\xba!\xf3\xfa\xb2e\x87\x0e\x1d\x92B\x8c\x98\xfa\xb0\xd7\x9fa\x1a\xe1\x8e\xbf\xebxa\x8c13\x12\x1e}\xf7\xff\xd6\x9c\xaeP(4\x7f\xfe\xfc\xe6?\xbd\xd6\xceL\xd3\xe4\x9c/_\xbe\x1c\xfd\x0f-`\x8d\xdfe\xcb\x96\x1d:tH\x08\xf1\xf8\xe3\x8fw\xee\xdc9\x1c\x0e\xdb\xed#{\x8c\xb1p8\xfc\xd4SO\xb9\\\x1dZ?\x08\x80\x8bp8\x1cB\x88\xe5\xcb\x973\xc6\xd2\xba\xf7\x1d4\xeev;,=\xff3\xc6y8X\xdf\xb9_V\xff\xd1\xdf#\xa2\xcd\x9f|R\\\\\xaciZLOB\xa5\x94\xd6"\xe9\x1b\xe8\x7fh\x91s\xc7o\xff\xfe\xfdg\xcc\x98Q]]m\xab\xe9\xbf\x85s^WW\x97\x9d\x9d}\xfb\xed\xb7\x13\xd1\'\x1dU?\x08\x80\x8bHJJ\xda\xb2e\xcb\x81\xfd\xfb\xa5\x94\xc3\xa6&lt;\xe4JL\x16\xa6M7\xf91\xc6\xcdph\xf8\xd4\x87\x9cnocC\xc3\xeb\xaf\xbfND1}\x02\xb2\x9e\x91\xb2q\xe3\xc6}{\xf7\xa2\xff\xa1\x05\xac\xf1\xbb\x7f\xff~)ennnJJ\x8am7\xe9r\xce\x9b\x9a\x9a\x1e{\xec1\xaf\xd7\xdb\xd0Q\xf5\x83\x00\xb8\x08\xc6\x985}HJ\xeb\xd2\x7f\xf4w\xc3\x8du\x9c\xb7\xea\xd9 \xed\x87q\x1e\x0e6t\xe9\x97\xd5\xf3\x8a\xd1\x8c\xb1?\xbe\xb3\xa6\xb1\xb1Q\xd7\xf5X_\x88X\xbe\xfcw\xe8\x7fh\x99\xb3\xe3\xb7k\xd7\xae\xb7\xddv[mmm+\x9f\xed\xd3~8\xe7\r\r\r\xd9\xd9\xd9c\xc7\x8ee\x8c\xadY\xd3\x11\xf5\x83\x00\xb8\x88S\xa7Nm+(\x94R\xf6\xba\xea;\xde\x94t3\x12\xb1\xdb\xea\xf3?\x92D\xac\xef\xa8\x89R\xca\xd3%\xa7v\xed\xdaE1;\t\xb5\xd6\x7f\x02\x81@Aa\x01\xfa\x1fZ\xe6\xd4\xa9S\x85\x85\x85R\xca\xf1\xe3\xc7gddD"\x11\xbb\xad\xfe\x9f\xcb\xda\xf2p\xcb-\xb7H)KJJ:\xa0~\x10\x00\x17\xe2\xd0\xb5\xcf&gt;\xfb\xec\xe0\xc1/\x89\xe8\xf2a\xe3I\xda\xfb\xe4C\xc4\xb9f\x84\x82\xbd\xae\xbc\xd6\xed\xf5\x99\xa6\xb9n\xdd:j\xd1\x93l\xed\xc0\xaa\xfb\xa2\xa2\xa2S\'O\x12\xfa\x1f.\xdd7\xe3\xf7 \x11M\x9a4\xc9\xfe\x07\xc2\xba\xe3u\xfd\xf5\xd7\'%%\x19\x86a}\x9b\x18\xae\x00\xa2\xc6\xe1p\x16\x15\x15\x99\x86\xa1\xbb&lt;\x19\x97_aD\x9a\x18\xb3w\x8f1fFB\xbe\xf4\xee\xfen\x97\x11Qaa\x11\x11\xc5\xe8WVYu_PP@D.O\x02\xfa\x1f.\x955~#\x91\x88\xc7\xe3\xc9\xca\xcajjj\xb2\xf9\xb1`\x8c\x85B\xa1\x9e={\xf6\xed\xdb\x97\x88\n\x0b\x0b\xa9\x9d\xeb\xc7\xd6\xdd\x11u\xe1H\xb8\xb0\xa8\x88\x88\x92\xd2{$\xa6u\xb5\xfd\xfa\x03\x11\x91\x10\xc2\xe1\xf2t\xea=\x98\x88\xf6\x15\x17\xd7\xd7\xd7\xc7\xe8\x87\x92\xacK\xf5\xa2\xa2\xedD\x94\x9c\xd1\x13\xfd\x0f\x97*\x1c\t\x17\x15\x15\x11Q\xef\xde\xbd\xbbw\xefn\xf3\xf5\x1f\x8b\x10\xc2\xeb\xf5^y\xe5\x95DT\xdc\xfe\xf5\x83\x00\xb8\x10!DMu5\x11y\x93\xd3\x9c\x9e\x04)b\xe2\x01/\x92q-1\xad+\x11\xd5\xd4\xd4\x04\x83\xc1h\xb7\xa7\x85\xac}\xd0\xd6Cz\xd1\xff\xd0\x02B\x88\xea\xeaj"\xca\xc8\xc8HLL\x8c\x89\x074I)9\xe7\xdd\xbbw\'\xa2@ \xd0\xde\xf5\x83\x00\xb8\x08k\xcby\xa7^\x03\x18\x8f\x8d\xed\x1c\x8c1a\x1ai=2\x89\xa8\xbe\xae\xb6\xb8\xb8\x98b\xf0&gt;\xa45\x0c\x02\x81\xc0\x81/\xbf$\xa2\xd4\x1e\xfd\xd1\xff\xd0\x02\xd6\x96\xffA\x83\x06YO\xdb\x8fvs.\x8e1f\x9a\xe6\xc0\x81\x03\x89(\x10\x08\xb4w\xfd \x00\x9a\xc5\xebKe\x9c\x13\xc5@\x01\x11\x11I\xe9\xf6\xa5\x12\x91\x10\xc2\xb6\xbb\x9e\x9bCJ\x19\x89D\x88\xc8\xed\xf3\xa3\xff\xa1\xc5\xd2\xd2\xd2bh!NJ\x99\x96\x96F\x1dR?\x08\x80f\x11"\xc6\x86\xb1\xfc\xa6\xc1\xf6_\xf4\xbc0\xab\xfd\x12\xfd\x0f\xad\x10s1|\xb6\xc1\xed]?\x08\x80f\x8a\xb9a\x1cs\r\xbe\xb0\x98\xfb\xe7\xc4\\\x83\xe3Y\xcc\xc5p\x875\x18\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f4h7\x00b\x80\x94\xb2\x05\xff\x17c\xac\xcd[\xa2&amp;\xf4?\xb4\x13\x04\x00\xfc\x0bRJ!\x84\x94\x921\xc6\x18\xe3\xbc%W\x8am\xf2&amp;jB\xffC\xc7@\x00\xc0\xff\xb0N\x19D\xa4i\x9a\xa6ig_\x0f\x04\x02B\x08\xc6X3\xa7\xa2\xd6\xdc3%%\xe5\xdc7\xb1NF\x9cs\xccL\xbf\r\xfa\x1f:\x18\x02\x00\x88\x88\xa4\x94\xa6i\xea\xban\x9d2\xea\xea\xea\n\n\n\xb6m\xdd\xbac\xc7\x8e\xaa\xaa\xaa\xe2}\xfb\x0c\xc3`D\xcd\\\x89\xb0NU\xfd\xfa\xf5K\xf1\xfb\x87\x8f\x18\x91\x9d\x9d=r\xe4\xc8\xee\xdd\xbb[?5\x0c\x83s\x8e\t\xe9\xb9\xd0\xff\x10\x15\x08\x00 \xd345M\xd3u=\x1c\x0e\xaf_\xbf~\xe5\x8a\x15E\x85\x85\xc7N\x9ch\xe5\xdbV\x14\x14\x10\xd1\xfa\xbc&lt;"\xf2\'\'\x0f\x1f1b\xda\xb4i\xb7N\x99\x92\x91\x91AD\x86ah\x9a\x86\xd9(\xa1\xff!z\x10\x00J\xb3\x96\x144M\x0b\x04\x02K\x97.}s\xe5\xca\xdd_|q\xf6\xa7&gt;\xb7\xbb\x87\xcf\x97\xe1\xf1\xf4KI\xf1\xbb\xdd\x86\x10\xcd&lt;[0\xc6"\xa6\xb9\xb7\xaa\xaa&amp;\x14:\x12\x08T76V\x07\x02\xf9\x1b7\xe6o\xdc\xf8\xb3\x9f\xfd\xec\xde\x993\x1fx\xe0\x81\x01\x03\x06\x10\x91\x10B\xe5\xa9(\xfa\x1f\xa2\x0b\x01\xa0.k\xe2ID\xcb\x97/\x7f~\xe1\xc2\xfd\x07\x0eX\xaf\xf7HN\xfeN\xb7n7\xf6\xee=$--#!!\xd1\xe1\xd09\xe7\x978U\x94R\x1aB4\x99fyc\xe3\x81\xea\xeaON\x9e\xfc\xf8\xc4\x89\xe2\xca\xca\xd3\xa5\xa5\x8b\x17/~c\xd9\xb2\x1f=\xfa\xe8c\x8f=\x96\x9c\x9cl\x18\x86\xae\xabX\x87\xe8\x7f\x88:\x1cxEYg\x9f\x92\x92\x92\xd9\xb3g\xe7\xe5\xe5Y/\x0e\xea\xd4i\xce\x95W\xde\xdc\xa7O\xba\xd7+\xa5\x0c\x99f\xd84\xeb\xc2a\xd9\xa2\x9d\x88\x8c1\xceX\xba\xd7\xdb\xd3\xe7\x9bt\xd9e\xb5\xe1\xf0\xdfKJ^\xdb\xb5k\xd3\x89\x13U\xd5\xd5\x0b\x16,X\xbdz\xf5\xb2e\xcbrrr\xac;\x9cJ-G\xa0\xff\xc1\x0e\x10\x00*\xb2&amp;}yyy\xb3g\xcf.))!\xa2~~\xff#C\x87N\xcd\xccLq\xb9\xea\xc2\xe1\xea`\x90\x18\xe3\xdf\x9cD\x88\x88Zzv\x88\x08\x112M)\xa5\xce\xf9\x8d\xbdz]\xdf\xb3\xe7\xa6\x13\'~\xf3\xf9\xe7\x7f;y\xf2\xc0\x81\x03\xe3o\xb8\xe1\x97\x0b\x17\xe6\xe6\xe6Z\xbb_\x149\x07\xa1\xff\xc1&amp;\xb0\xfc\xa7\x1c\xeb\xec\xb3t\xe9\xd2I\x93&amp;\x95\x94\x94\x10c\xffk\xc8\x90\xbf\xdeq\xc7\xff\x1a2\x84\x11U\x06\x83\xa6\x94\x1a\xe7Z\x1bM\t\x19\x91\xc6\x98\xce9\x11\x05\xc2\xe1\x86Hd|\xef\xde\xef\xdez\xeb\xff\xbd\xf6Z\x9f\xcb\x15\n\x87\x1f{\xec\xb1\xb9s\xe7r\xce\xad}\x8a\xad\xff\x8d6\x87\xfe\x07\xfb@\x00\xa8\xc5\xdak\xb8t\xe9\xd2\xb9s\xe7\x12Q\x8a\xdb\xfd\xda\x8d7\xfe\xfa\x86\x1b\xdc\x9aV\x11\x0c\x12\x91\xcey\xfbM\x025\xc68c\x81P\xa8!\x12y4;\xfb\xbd)S\xae\xe8\xd4\x89\x18\xb3\xda\xa3i\x9a\x942\xbe\xcfA\xe8\x7f\xb0\x15\x04\x80B\xacu\xe7\xaf\xcf&gt;\x8cex\xbdo}\xf7\xbb\xf7\x0e\x1e|\xa6\xb1\xd1\x94R\xef\xa8\xdd \xd6i\xa8\xac\xb1qhF\xc6\x9a[o\x1d\x96\x91A\x9c[\xad\xb2\xe6\xa1\x1d\xd3\x8c\x8e\x87\xfe\x07\xbbA\x00\xa8\xc2:\xfbl\xdc\xb8\xd1\x9a{\xa6\xb9\xdd\x7f\xb9\xfd\xf6Q]\xbb\x96648\xdas\xd6\xf9m\x1c\x9c\xd745\xf9\x9c\xce\xb5\xb7\xdf\x9e\xd3\xb5+\x11-]\xbat\xc1\x82\x05\x9a\xa6\x19\x86\xd1\xe1\xcdiw\xe8\x7f\xb0!\x04\x80\x12\x84\x10\x9a\xa6\x95\x95\x95\xcd\x9c9\x931\x96\xe2v\xaf\x9c&lt;\xb9OrrM(\xe4\x88\xde6p\x9ds\xeb\xfe\xe4\xeb\x13\'^\x99\x9eN\x8c-X\xb0 ??_\xd7u\xd34\xa3\xd5\xaa\xf6\x80\xfe\x07{B\x00\xa8\xc24\xcdY\xb3f\x95\x95\x95\x11\xd1s\xdf\xf9\xce\xd8\x9e=\xabC\xa1\x0e[v\xf86\x1acA\xd3\xec\xe4\xf1\xfcv\xc2\x84\x14\x97KJ9k\xd6\xac\xd2\xd2\xd2\xf8\xdb\x8e\x82\xfe\x07\x1bB\x00(\xc1\xe1p\xacZ\xb5*??\x9f\x88f\x0e\x1at\xef\xe0\xc1\xd6\xcaC\xb4\xdbED\xa43V\x13\n\r\xee\xd4\xe9\xff\xe6\xe4\x10QYY\xd9\x93O&gt;y\xeeS\xcc\xe2\x00\xfa\x1f\xec\xc9\x16%\x08\xed\xc7\xda\xd4QYY\xf9\xcc3\xcfp\xc6.ON\xfe\xd9\x9815MMQ\x9f{\x9e\xcb\xc1yec\xe3=\x83\x06\xdd\xdc\xb7/1\xf6\xf6\xdbo\x17\x14\x14\x9c}4fLC\xff\x83\x9d\xd9\xa8\n\xa1=X7\xf4\x96\xbd\xfe\xfa\xa1C\x87\x84\x94\xf3\xae\xbe:\xc3\xeb\r\x9b\xa6\xdd\xae\xf0\x19ca!\x9e\x18&gt;\xdc\xadi\xa1Ph\xfe\xfc\xf9\xcd\x7f\xfa\xb1\x9d\xc5|\xff\xc7\xfc\x11\x80\x0bA\x00\xc49\x87\xc3!\x84X\xbe|9c\xac\x9f\xdf\x7fG\xff\xfe\xd56\x9b~Z8c\xf5\xe1pVF\xc6\xf7\xfa\xf6%\xa2O&gt;\xf9\xe4\xe0\xc1\x83\x89\x89\x89\xb1&gt;\tE\xff\x83\x9d\xd9\xae\x10\xa1m%%%m\xd9\xb2e\xff\x81\x03R\xca\x1ffe%\xbb\\\x86]\x874g,d\x9a\x0fgey\x9d\xce\xc6\xc6\xc6e\xaf\xbf\xeev\xbbc\xfd\x04\x14\xeb\xfdo\xda\xb5\xb5\xd0&amp;\x10\x00q\x8e1fM?\xbb\xf8|7\xf7\xed[\x17\x0ek\xf6\x9b~Z8c\r\xe1pVF\xc6\x98n\xdd\x18ck\xdey\xa7\xac\xac\xcc\xe5rE\xbb]\xad\x82\xfe\x07;\xb3i-B[9u\xeaT\xe1\xb6mR\xca\xb1\xdd\xbbgx\xbd\x11\xfb\xad&gt;\x9fK\x12q\xc6&amp;_v\x99\x94\xf2\xf8\x89\x13\xdb\xb7o\xf7z=\xd1nT\xab\xc4~\xff{\xa3\xdd(hG\x08\x80x\xa6\xe9\xfag\x9f}\xf6\xe5\xc1\x83D4\xa1wo\xa2\x96?T\xb2ch\x9c\x07\r\xe3\xda\xee\xdd\x13]\xae\x88a\xac_\xb7\xce\xe9tF\xbbQ-\x87\xfe\x07\x9bC\x00\xc43\xa7\xc3YTTd\x98\xa6\xc7\xe1\xb8"-\xad\xc90.\xf5{E:\x18#\n\x99fw\x9f\xef\xf2\xe4d"**,\x8cD\x0cj\xf6w\xe1\xdaM\\\xf4\x7f\x84\x88b\xf6\x08\xc0E \x00\xe2Y8\x12.*,$\xa2\x9e\x89\x89]\x13\x13m\xbe\xfe`\x11Bx\x1d\x8e+RS\x89h\xdf\xbe}\xd6Gg)6\xf7\x83\xc6M\xff\xc7f\xf7\xc3\xc5!\x00\xe2\x99\x10\xa2\xba\xa6\x86\x88\xd2&lt;\x9eD\xa7\xd3\x8c\x85q,\x894\xc6\xba&amp;$\x10Q]]]SSS\xb4[\xd4r\xe8\x7f\xb09\x04@\x9c\xb3\xb6\x9c\x0fLM\xd5c\xe4sU\x8c1C\x88\x01\xa9\xa9D\xc48\x8f\xf5\x87\xd2\xa0\xff\xc1\xce\x10\x00JHu\xbb9c1p\xfa!""I\x94\xeavS\x8b\xbe\x08\xd7\x9e\xd0\xff`O\x08\x00%\x18\xb16\x92c\xae\xc1\x17\x16s\xff\x9c\x98k0\xb4\x0c\x02@\t1w\x19\x1fs\r\xbe\xb0\x98\xfb\xe7\xc4\\\x83\xa1e\x10\x00\x00\x00\x8aB\x00\x00\x00(\n\x01\x00\x00\xa0(\x04\x00\x00\x80\xa2\x10\x00\x00\x00\x8aB\x00\x00\x00(\n\x01\x00\x00\xa0(\x04\x00\x00\x80\xa2\x10\x00\x00\x00\x8aB\x00\x00\x00(\n\x01\x00\x00\xa0(\x04\x00\x00\x80\xa2\x10\x00\x00\x00\x8a\xd2\xa3\xdd\x00\x00\x80\xd8 \xcfq\xf6Ev\x8e(\xb6\xade\x10\x00\x00\x00\x17"\x84\x10Bh\x9a\xe6t:\x9dN\xa7\xa6i\x9cs\xf6\xcdW\xbc\t!\xc2\xe1p(\x142\x0c\x831\xc6y,-\xab \x00\x00\x00\xfe\x05)\xa5i\x9a\xba\xae\xfb|&gt;\xa7\xd3Y___RRr\xfc\xf8\xf1\xd2\xd2\xd2\x8a\x8a\n\xeb\xdb\x92\x13\x12\x12:w\xee|\xd9e\x97]~\xf9\xe5iii\x91H\xa4\xae\xae\x8e\xc7\xceWi"\x00\x00\x00\xce\'\xa5t\xb9\\^\xaf7\x10\x08|\xf2\xc9\'yyy\x9b7o&gt;x\xf0`MM\xcd?\xffe\x87\xc3\xd1\xbbw\xef\xeb\xaf\xbf\xfe\x9e{\xee\xc9\xc9\xc9\t\x85BMMM\x9a\xa6ux\xab/\x19\x02\x00\x00\xe0\x1fH)5M;q\xe2\xc4\x9f\xfe\xf4\xa7?\xfc\xe1\x0f\xbbw\xef\xbe\xf0\xdf\x8fD"\x87\x0e\x1d:t\xe8\xd0\xd2\xa5K\xa7O\x9f\xfe\xf3\x9f\xff\xbcG\x8f\x1e\xb5\xb5\xb5\xf6\xcf\x00\x04\x00\x00\xc0?0M\xd3\xef\xf7?\xf7\xdcs\x0b\x17.&lt;\xfb"c\xacO\x9f&gt;\x03\x06\x0c\xe8\xdb\xb7ozz\xba\xc7\xe3\x91R\xd6\xd4\xd4\x1c9rd\xe7\xce\x9d\xc5\xc5\xc5D\xa4i\xda\xea\xd5\xab\xff\xfe\xf7\xbf\xaf^\xbdz\xd8\xb0a\xf6\xcf\x00\x04\x00\x00\xc0?\xe0\x9c\x07\x83\xc1\xe9\xd3\xa7/Z\xb4H\x081x\xf0\xe0\xa9S\xa7N\x9c8q\xd0\xa0A)))\x0e\x87\x83\x88\xac;\xc0\x8c1\xd34kkk\x8b\x8a\x8a^z\xe9\xa5\xbf\xfc\xe5/\x0e\x87\xe3\xf8\xf1\xe3S\xa6L\xd9\xb4i\xd3e\x97]\x16\x0c\x06\xed|[\x18\x01\x00\x00\xf0\x0f8\xe7MMM\xfd\xfb\xf7\xff\xc9O~\x92\x99\x99y\xdbm\xb7%\'\'\x87B\xa1`0\x18\x08\x04\xce\xdd\x03JD\x8c1M\xd3\xc6\x8d\x1b7~\xfc\xf8\xd7^{\xed\xc7?\xfe\xb1\xd3\xe9,//\x7f\xe4\x91G\xd6\xad[\x17\xad\x7fB3!\x00\x00\x00\xce\xc7\x18kjjz\xfa\xe9\xa7\x19c\xf5\xf5\xf5\xe5\xe5\xe5\xd6\xde\x9eo[\xd2\xa9\xad\xad\x95R&gt;\xfc\xf0\xc3R\xcay\xf3\xe6\xe9\xba\xbei\xd3\xa6\xff\xfe\xef\xff\x9e2eJMM\x8dm\x17\x82\xec{m\x02\x00\x10E\x8c\xb1@ PSS#\x84\xd0u\xfd\xc2\x9b;5M\xd34\xad\xbc\xbc\xfc\x87?\xfc\xe1\xf8\xf1\xe3\xad\xcf\x04\xacZ\xb5\xca\xe6\xfbA\x11\x00\x00\x00\xff\x9auZo\xe6I\xdc\xfakR\xca\xfb\xef\xbf\xdf\xfaCAAAyy\xb9\xc3\xe18o\xd5\xc8&gt;\x10\x00\x00\x00mC\xd3\xb4`0\x98\x9d\x9d\x9d\x90\x90@D\xa5\xa5\xa5\'O\x9et:\x9d\x08\x00\x00\x80\xf8g\x18\x86\xdf\xef\xef\xdc\xb9\xb3\xf5\xe7\xca\xcaJM\xd3\x10\x00\x00\x00q\xcez@\x90\xc3\xe1\xf0z\xbd\xd6+\xa1P\xc8\xce\xdb@\xed\xdb2\x00\x80\xd8"\xa5d\x8c\t!"\x91\x88\xf5\x8a\xae\xeb\xb6\x9d\xfe\x13\x02\x00\x00\xa0\rq\xce\x1b\x1b\x1b\xab\xab\xab\xad?\xa7\xa4\xa4\x98\xa6i\xdb\xbd@\x08\x00\x00\x80\xb6!\xa5t:\x9d\xc7\x8f\x1f\xaf\xac\xac$"\xbf\xdf\xdf\xad[\xb7H$\x82\x00\x00\x00\x88sB\x08\xb7\xdb\xfd\xd1G\x1fY\xb3\xfe!C\x86t\xed\xda5\x1c\x0e#\x00\x00\x00\xe2\x99u\xfb\xb7\xa2\xa2b\xf9\xf2\xe5\xd6\x7f\xdev\xdbmN\xa7S\x08\x11\xed\xa6}+&lt;\n\x02\x00\xa0\r\x18\x86\x91\x91\x91\xf1\xf8\xe3\x8f\x1f9r\x841\xd6\xb3g\xcf\xbb\xef\xbe\xdb\xe6\x0f\x04\xc5\x15\x00\x00@kE"\x91\x8c\x8c\x8c\x15+V\xfc\xeaW\xbf\xb2&gt;\xfa\xfb\xcc3\xcf\xa4\xa7\xa7\xdby\xfd\x87\x10\x00\x00\x00\xad!\xa5\xb4\xe6\xfe\xbf\xff\xfd\xef\xe7\xcc\x99\xe3p8"\x91\xc8\x0f~\xf0\x83\x993gVWW\xeb\xba\xadWY\x10\x00\x00\x00-$\x84`\x8c\xa5\xa7\xa7\xff\xd7\x7f\xfd\xd7}\xf7\xddGD\xe1p\xf8{\xdf\xfb\xdeo~\xf3\x1b\xeb\xcb\x81\xa3\xdd\xc0\x8b\xb0u:\x01\x00\xd8\x96a\x18\t\t\tB\x88\x1f\xfe\xf0\x87\xaf\xbd\xf6\x9a5\xf7\xbf\xeb\xae\xbb\xdex\xe3\r\xd34M\xd3\xb4\x7f\x00\xd8\xbd}\x00\x006d=\xf3\xe7\xc4\x89\x13\x93\'O~\xed\xb5\xd74M\x8bD"\xb9\xb9\xb9o\xbe\xf9\xa6a\x18\x86a\xd8\xff\xecO\xb8\x02\x00\x00\xb8T\x86a\xa4\xa6\xa6n\xd9\xb2\xe5\xde{\xef-))!"\x87\xc3\xf1\xf2\xcb/?\xf8\xe0\x83\xd5\xd5\xd5R\xca\x988\xfb\x13\x02\x00\x00\xe0\x92X_\x19\xff\xe1\x87\x1f\xdeq\xc7\x1d\xf5\xf5\xf5D\xd4\xaf_\xbf\xdf\xfd\xeew999\xe5\xe5\xe5\x9a\xa6\xc5\xca\xd9\x9f\x10\x00\x00\x00\xcd\'\x84HHH\xd8\xb3g\xcf\xddw\xdf\xdd\xd0\xd0@D999\xabW\xaf\xce\xc8\xc88s\xe6\x8c\xf5}\xf11\x04\x01\x00\x00\xd0\\\x9cs\xd34\x1f|\xf0\xc1\x9a\x9a\x1a"\xba\xe6\x9ak&gt;\xf8\xe0\x03\x97\xcb\x15\x08\x04b\xee\xecO\xb8\t\x0c\x00\xd0L\xa6i&amp;%%\xbd\xfb\xee\xbb\x05\x05\x05\x9c\xf3.]\xba\xfc\xfe\xf7\xbf\xf7x&lt;\x8d\x8d\x8d6\xdf\xef\xffm\x10\x00\x00\x00\xcdb=\xeb\xdf\xfa\xaaw!\xc4O\x7f\xfa\xd3\xbe}\xfb\xd6\xd5\xd5\xc5\xe8\xd9\x9f\x10\x00\x00\x00\xcda=\xeb\xed\xf4\xe9\xd3;w\xee\x94Rv\xe9\xd2\xe5\xf6\xdbo\x0f\x04\x02\xb1{\xf6\'\x04\x00\x00@s\x9c\xf7\xac\xffk\xae\xb9\xa6s\xe7\xcev~\xd6\x7fs \x00\x00\x00.NJ\xa9\xeb\xfa\x993gL\xd3$\xa2A\x83\x06\xd9\xfc\xeb\x1e\x9b\x03\x01\x00\x00\xd0,\x9csk\xf3\x0f\x11u\xed\xda\xd5\xfa\x06\xe0\xa8\xb6\xa8\xb5bx\xf5\n\x00\xa0\x83\x85B!\xebs^IIIv\xfe\xa6\x97fB\x00\x00\x004\x0bc,\x1c\x0e[\xe7\xfd8\x98\xfe\x13\x02\x00\x00\xa098\xe7\xf5\xf5\xf5\x13\'N|\xff\xfd\xf7\x89h\xd0\xa0A\r\r\r1\xf4\xd4\x87\x7f\t\x01\x00\x00pq\x8c\xb1H$\xd2\xa3G\x8f~\xfd\xfa\x11Q0\x18\x8c\xf5-@\x84\x00\x00\x00h&amp;k\t\xa8\xa9\xa9\x89\x888\xe7\xb1~\xf6\'\x04\x00\x00@\xf31\xc6\xec\xfc%\xef\x97*\xb6\x17\xb0\x00\x00:\x98\x942\x0e\xf6\xffX\x10\x00\x00\x00\xcd%\x84p:\x9dn\xb7[J\x19\xeb\x9f\x02#\x04\x00\x00@31\xc6\x12\x13\x13KJJ\x0e\x1f&gt;\xecp8\x9cNg\xacg\x00\x02\x00\x00\xe0\xe2\xacg\x01\xfd\xc7\x7f\xfc\xc7\x88\x11#F\x8d\x1au\xcb-\xb7\x94\x97\x97;\x1c\x8e\x98\xce\x00\x04\x00\x00\xc0E\x08!\x12\x13\x13?\xfb\xec\xb3\x17_|\xb1\xb6\xb66\x14\nm\xde\xbc\xf9\xd5W_MLL\xb4\x1e\r\x14\xa3\xb0\x0b\x08\x00\xe0"\xac\'\xc1\xed\xdf\xbf_\xd34k\xf7\'c\xac\xb8\xb8\xd84\xcd\x98\xde\x0c\x8a+\x00\x00\x80f\xb1\xe6\xfb\x9csM\xd3\x84\x10^\xaf7\xd6?\t\x1c\xdb\xad\x07\x00\xe8\x00\x9c\xf3\x86\x86\x86\xb1c\xc7v\xee\xdc9\x1c\x0e\x87B!)\xe5\x1dw\xdc\x11\xd3\xeb?\x84% \x00\x80\x8b\xb2&gt;\x03\xdc\xa5K\x97\x0f&gt;\xf8`\xc5\x8a\x15\x8d\x8d\x8d7\xddt\xd3-\xb7\xdcRWW\x17\xd3\x9f\x0bC\x00\x00\x00\\\x1c\xe7\xbc\xb1\xb1q\xc8\x90!/\xbf\xfc\xb2\xf5Y\xb0\xda\xda\xda\x98\xbe\x01@\x08\x00\x00\x80f\xe2\x9c\x07\x83\xc1\x86\x86\x06\xeb\xbc\x1f\xd3s\x7f\x0b\x02\x00\x00\xa0\xb98\xe7\xb1~\xe3\xf7\\\xf1\xf3/\x01\x00\x80K\x82\x00\x00\x00P\x14\x02\x00\x00@Q\x08\x00\x00\x00E!\x00\x00\x00\x14\x85\x00\x00\x00P\x14\x02\x00\x00@Q\x08\x00\x00\x00E!\x00\x00\x00\x14\x85\x00\x00\x00P\x14\x02@\t1\xf7\xc0\xaa\x98k\xf0\x85\xc5\xdc?\'\xe6\x1a\x0c-\x83\x00PBD\x88\xd8\xfa\xde\xd2\x88\x10\xd1nB[B\xff\x83=!\x00\xe2\x9c\x10\x82\x88\xbe\xa8\xa80\x84\xe0\xb1\xf0\xe8Z)\xa5\x83\xf3/**(.\xe6\xa1\xe8\x7f\xb03\x04@\x9cs8\x9dDT\xdd\xd4\xd4d\x18\xb1\xf2\xecr)eE0HD\x0e\x87#\xd6\x9f\xbc\x88\xfe\x07;\xc3\xd1\x8dgn\x97;{\xd80":R[[\xd6\xd0\xe0\xe4\xdc\xfe\x0b\x11\x9c\xb1&amp;\xd3\xdcSYID\x03\x06\x0c\xe8\xd2\xa5\x0b\x11Q\x8c\x9c:\xcf\x137\xfd\x1f\x9b\xdd\x0f\x17\x87\x00\x88g\x86idgg3\xc6\xea\xc3\xe1C55.]\x17\xd2\xd6\xa7 I\xe4\xd4\xb43\r\r\x87\x03\x01"\xca\x1a:\xd4\xe3qS\xcc\xaeE\xc4E\xff{\x88(f\x8f\x00\\\x04\x02 \x9eE"\x911c\xc6\xf4\xec\xde]J\xb9\xe9\xc4\t\x9dsi\xef\x13\x90\x90\xd2\xa3\xeb\xdb\xcb\xca*\x1b\x1a8\xe7\x13n\xba\xc90b\xf8K\xb7\xe3\xa2\xff\x8dh7\n\xda\x11\x02 \xaeI\x99\x99\x99yuv6cl\xe3\x89\x13\x81PH\xb7\xf7\x92\xae\x94R\xe3|\xdd\xd1\xa3\x92(=-\xed\xdak\xafmll\x8cv\xa3Z\x01\xfd\x0f\xf6f\xebr\x84\xd6\xd3u\xfd\xee\xe9\xd3\xa5\x94_UW\x7fz\xf2d\xa2\xd3i\xdau\x12*\x89\xdc\xba~,\x10\xf8\xf8\xc4\t"\x9a8iR\x8f\x1e=\x9a\x9a\x9a\xa2\xdd\xaeVA\xff\x83\x9d!\x00\xe2\\}}\xfd\xd4\xa9S\xd3\xd3\xd3\xa5\x94\xaf\xec\xdc)\xa4\xb4\xedj\xae)\x84\xcf\xe9\\\xbegOyC\x83\xa6is\xe6\xce\x8dv\x8b\xda@\xac\xf7\xbfm[\x0bm\x02\x01\x10\xe7\x82\xc1\xa0\xc7\xe3\xb9\xe7\x9e{\xa4\x94\x7f/)\xf9\xf0\xd8\xb1$\x97\xcb\x86\x93\xd0\xaf\xa7\x9f\xb5\xb5o\x16\x173\xc6\xb2\xb2\xb2\xae\xbd\xf6\xda\xda\xdaZM\xd3\xa2\xdd\xb4VA\xff\x83\x9d!\x00\xe2\x9c\xa6iR\xca\x87\x1ez(%%\x85\x88^\xdc\xb1\xc3\x9e\x93PC\x88$\xa7s\xc9\xae]\x95\x8d\x8dD\xf4\xc4\x13OH)E\xec\x7f\x1e5\xe6\xfb\xdf\x86m\x85\xb6\x83\x00\x88s\x9cs\xc6\xd8\xc0\x81\x03sss\xa5\x94[KJ^\xdb\xb9\xb3\x93\xd7k\xab\xcf\xfa\x1bB\xa4\xb8\\\x7f;uj\xe9\x17_\x10\xd1\xd8\xb1c\xa7O\x9f\xce\x18\x8b\x83\xe9\'\xfa\x1f\xec\x0c\x01\xa0\x04\xc30rss\xfb\xf4\xe9\xc3\x88\x9e/,\xdcVR\xe2w\xbb\r{\x9c\x83\x84\x94.]\xaf\x0f\x87\x1f\xdf\xb4)l\x9a\x9a\xa6\xbd\xf0\xc2\x0b6\xdf.y\xa9\xd0\xff`O\x08\x00%H)\x93\x93\x93W\xadZ\xa5\xe9z}$\xf2\xa3\x0f?\xac\x08\x06\xdd\xba\x1e\xf5\xc5hi\xad&gt;k\xda\xbfm\xde\\\\Y)\xa5\\\xbcx\xf1\xb0a\xc3L3\x86\xb7\xff\xff3\xf4?\xd8\x13\x02@\t\x9cs\xc30F\x8d\x1a\xb5h\xd1"\x92r\x7fU\xd5\xf4\xb5k9cnM3\xa2w\x0e\x12RJ)\xbb&amp;$\xfc\xc7\xe6\xcd\xef~\xf9%\x11\xddy\xe7\x9d\xb9\xb9\xb9\x86a\xc4\xd9\xe2\x03\xfa\x1f\xec\t\x01\xa0\n]\xd7\xad\x85\x889s\xe6\x10\xd1\xce\xf2\xf2\xbb\xd7\xae\r\x84\xc3\xc9NgT\xd6\xa3\r!\x1c\x9a\xe6s:\x7f\xf4\xe1\x87\xbf+.&amp;\xa2\x11#F,Y\xb2D\x08\x11\x97g\x1f\xf4?\xd8\x10\x02@!\x9a\xa6\t!\x96,Y2g\xce\x1c\x92r\xcb\xc9\x93\xd3\xd7\xae=X]\x9d\xee\xf1\x98Rv\xd8cj\xa4\x94\x11!\x92]\xae\x88i&gt;\xbcq\xe3\xb2/\xbe\x10\xa69b\xc4\x88\xbc\xbc&lt;\xbf\xdfOD\xb1\xf2\xd4\xccK\x85\xfe\x07\xbbA\x00(\x841\xc6\x183M\xf3\xebs\x10\xd1\xee\xf2\xf2\x9b\xdf{o\xd5\xfe\xfd).\x97\xd7\xe10\x84h\xd7\xd3\x90\xfcf\xe2\x99\xe1\xf5\x16\x95\x96\xde\xfa\xde{\xef\x1c8@D#\xbf9\xfb\x08!\xe2\xf8\xf9\xc3\xe8\x7f\xb0\x1b\x1cl\xb50\xc68\xe7\xd6&lt;\xf4\xe9\xa7\x9f&amp;\xa2\xea`\xf0\xe1\x8d\x1b\xef\xcf\xcb\xdb_U\x95\xea\xf1x\x1d\x0eSJS\xca6\xdc\x07"\x89L)\r!\x1c\x9cw\xf2z\xab\x9a\x9a\xe6\x7f\xfa\xe9\x94\xf7\xdf\xdfSQAD\xd3\xa6M[\xaf\xcc\xd9\x07\xfd\x0f\xb6\xa2G\xbb\x01\xd0\xd1\xac\x0b|!\xc4\xfc\xf9\xf3\xaf\xb9\xe6\x9a\xd9\xb3g\x97\x94\x94\xfc\xf9\xe0\xc1\xf5G\x8fN\xed\xd7o\xeeUWe\xa5\xa73\xc6\x82\x91HX\x08\xeb&gt;a\xcb\xd6\x04\xa4\x94\x8c\x881\xe6\xd44\xb7\xae\xeb\x8c\x1d\xab\xab\xfb\xf5\xf6\xed+\x8b\x8b\xcf\xd4\xd7\x13\x91\xd3\xe1X\xf8\xfc\xf3\xb9\xb9\xb9V{\x149\xfb\xa0\xff\xc1&gt;\x10\x00*\xb2\xd6"\x0c\xc3\x988qbaa\xe1SO=\xb5\xea\xad\xb7\x9a\xc2\xe1\xd5\xc5\xc5\xef\x7f\xf5\xd5\xb8\x1e=&amp;\xf6\xee\x9d\xd3\xbd{\xf7\xc4D\x8f\xc3\xa11f\x08!\xa5\xbc\x84\xaf\x05\x91\x92\x18sp.\xa4\x0c\x99\xe6\x99\xc6\xc6\xedee\x1b\x8e\x1e\xfd\xf8\xe4\xc9\xd2\xba:\xeb\xafL\x980\xe1\xd9g\x9f\x1d5j\x94\x10\xc2\x9a\x17\xb7\xd7\xbf\xd6~\xd0\xff`\x13\x08\x00u\xe9\xban\x9af\xb7n\xdd\xdex\xe3\x8d\x07\x1f|\xf0\xb9_\xfc"\x7f\xc3\x86\xc6\xa6\xa6\xf5\x87\x0f\xaf?|8\xc9\xe3\xc9LI\xe9\x9f\x92\xd2\xc3\xe7\xeb\x9b\x9c\x9c\xeav\x1b\xcd{\x86\x81$\xe2Da!\xf6VVV\x06\x83\xfb\xaa\xaa\x0e\xd6\xd4\x94\xd7\xd7\x9f\xfd\x0b9c\xc6&lt;2o\xde\x8c\x193\x88\xc84Me\xf7\x9c\xa0\xff!\xea\x10\x00J\xb3\x9eT#\x84\x185j\xd4\x9f\xdf\x7f\x7f\xcf\x9e=+V\xacx\xf7\x9dw\x8e\x1c;V\x1b\x0cn\x0f\x06\xb7\x9f&gt;\xddV\xbf+#=}\xf2\xe4\xc9\xf7\xce\x9c9a\xc2\x04\xfa\xe6\xdb\xd2\x15?\xfb\xa0\xff!\xba\x10\x00\xaa\xb3\x1e\xf9b\xad6\x0f\x192d\xd1\xa2E\x0b\x16,\xd8\xb5k\xd7\x86\r\x1b\xb6~\xf6\xd9\x81\xfd\xfbkkk+\xab\xab[\xf0\xce\xbe\x84\x84\x84\x84\x84A\x83\x07\x0f\x1d:\xf4\xba\xeb\xaf\xcf\xc9\xc9IKK#"\xeb\x94\x87S\x8f\x05\xfd\x0fQ\x84\x00\x00""k\tX\x08!\x84\xf0z\xbd\xa3G\x8f\x1e=z4\x11\x05\x83\xc1\x86\x86\x86}\xfb\xf6\xb5\xe0\xd9\x00\xfd\xfa\xf5KJJJNN&gt;\xfb\x8a\xf5&amp;\x9a\xa6\xe1\xecs\x1e\xf4?D\x05\x02\x00\xfe\x07\xe7\x9csn\xcd\x10\xa5\x94\x9cs\x8f\xc7\xe3\xf1x\xc6\x8e\x1d\xdb\xe2\xf7\xb4Nj\xd6mF\x9cw.\x0c\xfd\x0f\x1d\x0c\x01\x00\xe7;\xf79\xc0\xd6n\xf4\x96=\x97\xdf\xda\xebb\x9d\xd4\xda\xb2}\xf1\x0e\xfd\x0f\x1d\x06\x01\x00\x17b\xed@\xc7\xcc1Z\xd0\xff\xd0\xae05\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9a\x87\xb1h\xb7\xe0\x12\xc5\\\x83/,\xe6\xfe91\xd7\xe0\xb8\xc6b\xedptX\x83\x11\x00\xcd"\x8c\x08I\x19\xedV\\\x02aD\xbe\xfe\x83\x10\xd1mIkH)\xad\xf6\xa3\xff\xa15"\x91\x88\x8c\xa9\xfa\x89D:\xa8~\x10\x00\x17a\x1</t>
        </is>
      </c>
    </row>
    <row r="257">
      <c r="A257" s="1" t="n">
        <v>255</v>
      </c>
      <c r="B257" t="inlineStr">
        <is>
          <t>shape_morph</t>
        </is>
      </c>
      <c r="C257" t="inlineStr">
        <is>
          <t>What is the missing shape of the part denoted with a question mark?</t>
        </is>
      </c>
      <c r="D257" t="inlineStr">
        <is>
          <t>['triangle', 'hexagon', 'pentagon', 'circle']</t>
        </is>
      </c>
      <c r="E257" t="inlineStr">
        <is>
          <t>triangle</t>
        </is>
      </c>
      <c r="F257" t="inlineStr">
        <is>
          <t>There are eight shapes arranged in a grid. The top left shape is a circle and the bottom right shape is a ?. The other shapes do not appear to regular shapes.</t>
        </is>
      </c>
      <c r="G257" t="inlineStr">
        <is>
          <t>We observe that from the top left to bottom right direction, the shapes look like a circle but gradually change shape into something like a triangle. Hence, the pattern is the the shapes are morphing between circle and triangle shapes.</t>
        </is>
      </c>
      <c r="H257" t="inlineStr">
        <is>
          <t>Based on the pattern that the shapes are morphing between circle and triangle shapes, the missing shape at the bottom right should be a triangle.</t>
        </is>
      </c>
      <c r="I257" t="inlineStr">
        <is>
          <t>b'\x89PNG\r\n\x1a\n\x00\x00\x00\rIHDR\x00\x00\x02\x00\x00\x00\x02\x00\x08\x02\x00\x00\x00{\x1aC\xad\x00\x00\xa6\xc4IDATx\x9c\xec\x9dw\\\xd5\xd5\xff\xc7\xcfg\xdd\xbd\xb8\xec%\x08\x08\x82\x8a\x03\x15\x07\x0e\xc4\x89+\xb7\x95\xe6(GV&amp;\xda\xd4Jm\x8f\xaf\xa3\xd2\\\xe5\xccJ\xcdL\xcd-N\x1c\x88+\x11\x07\x08\x02\xca\x86\xcb\xdd\xeb\xb3~\x7f\x9c\xb8?*-+\x81\x0b\x9f\xf3\xfc\xc3\x87^/\xf7\x1e\xce\xe7\x9c\xf7\xeb}\xde\xef\xf79\x07\xe3y\x1e \x10\x08\x04Bx\xe0\r\xdd\x00\x04\x02\x81@4\x0c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H\x00\x10\x08\x04B\xa0 \x01@ \x10\x08\x81\x82\x04\x00\x81@ \x04\n\x12\x00\x04\x02\x81\x10(dC7@p\xf0&lt;\xff\x17\xff\x8baX\xbd\xb5\x04\x81@\x08\x1c$\x00u\x0b\xcf\xf3\x1c\xc7\xc1\xbf\xe08\x0e\x00\x80\x7f&gt;\x0c\xf8f\x8e\xe3\xa0\x12\xe08\x8e$\x01\x81@\xd4\x11\xd8_;\xa4\x88\x7f\x01\xc7q&lt;\xcf\xf3&lt;\x8fa\x18A\x10\x7f\xfe_\x83\xc1\x80a\xbf\xeby\xf8O\xb5Z\xfdgy`Y\x16~\x14\x86a\x7f-\x1e\x08\x04\x02\xf1\x8f@+\x80\xc7\x06t\xf6\xff`\xa6\xadVkVV\x96^\xaf?|\xf8\xf0\xa5K\x97x\x9e/---++{\xe0\'\xf8\xfa\xfa\xfa\xf9\xf9a\x18\x16\x17\x17\xd7\xbf\x7f\x7f\x8dF\xd3\xaaU+\x99L\xe6z\x03\x94\x16\xb4,@ \x10\x8f\x05\xb4\x02x\x0c@\xbb\xecr\xf6\x8b\x8a\x8a\xd2\xd3\xd3\xaf]\xbbVXXx\xf4\xe8\xd1{\xf7\xee\xfd\xebO\x0e\x0e\x0e\xee\xdb\xb7o\xb3f\xcdbcc\xe3\xe3\xe3\x03\x03\x03\xe1\xeb,\xcb\xa2\x05\xc1\xdf\xf2\xb0\xb1\x8d\xe4\x13\x81\x80 \x01\xf8\xf7\xb8\xe2\xfb\xd0\xf4\xb3,{\xe0\xe0\xc1eK\x97^\xbcx\xd1h4\xba\xdeF\x10Ddh\xc8\xcd\xdc&lt;\x00@ld\xa4\xc9b\xb9[T\xf4\xc0\x0fl\x1e\x18\xa8\x94\xcb\xafeg\x03\x00\xa2\xc3\xc3\xb2\xf3\x0bX\x96u\xfd\xafJ\xa5\xea\xd8\xb1c\xca\xdc\xb9\x83\x06\x0et}#@y\x82\x1aC\x0fe\x18\x00\x00\xc3e\xe0\xe1\xe9\x16WV\x06\xc6\xd6\\\xef\x14x7"\x04\x08\x12\x80\x7f\t\xcb\xb2.\x97\xff\xdc\xb9s\xeb\xd6\xadKOO\xbf{\xe7\x8e\xcd\xe9\x84/F\x87\x87W\xe8t\x95\xd5\xd5\x1ej\xf5\xb4\xd1\xa322\xafwn\xd3\xa6EHHXp\x90\xdd\xe1\x00\x00\xd4\xeewhx$bq\xde\xbd\xfb9\x05\x05\x1723;\xb5i\xbd\xee\xc7\x9d\xd5\x06\x83\x97\x87\x87\xb7V{37\x17\xbeS*\x125\x8f\x88\x88\x8f\x8f\x9f6mZ\xd7\xae]\xff\xdc\x18\x81P;\xbbN\x92\x0f\x8ed\xfe!\xdd\x02\xed;\x86aj\xb5\xfa\x81\xefg\x18\x06\xe5\xde\x11\x82\x02\t\xc0?\x06\x06\xfa\xa1\x818r\xe4\xc8\x8a\x15+\x8e\x1e9b\xb5\xd9\x00\x00\x1a\x95\xaaUD\xc4\xd9+W\xa2\xc3\xc2\x06$t\x0f\xf0\xf6\xf1\xd4h\xfat\xed\xe2\xa1P(\xe5rL,\x06\x0c\xc3\xb3,\xf6\x10c\xfd\xdb\x7f\x91$\xefp\x98,\x96j\xb3\xf9\xd8\xb9\xf3Uz}qE\xf9\xa1\xb437\xf3\xf2\xba\xb5o\x9fu\xe7\x8e\xdeh\x04\x00\xc8\xa4\xd2\xbe\xfd\xfa\xbd\xf8\xe2\x8b\xfd\xfa\xf5\x035\x06Q\x082\xc0q\x1c\xc7q\xb5\x8d&gt;\xc7q:\x9d\xee\xc6\x8d\x1b\xb9\xb9\xb9w\xf3\xf3\xafgf\xea\xf5\xfa\x87\xa5[\x08\x82\x88\x8e\x8e&amp;I\xb2Y\xb3f\xa1\xa1\xa1\xb1\xb1\xb1\xc1\xc1\xc1-Z\xb4P*\x95\xb5{\x0f\xad\xae\x1e\x86\xab\xc6\xc1\xf5\xca\x1f\xba\x08-\xa7\x1a\x11H\x00\xfe\x01\xb5M\xcf\x9e={\xde\xff\xe0\x83\x8c\x0b\x17\x00\x00mZ\xb4\xa86\x99\xee\x97\x96\xfay{\xcf\x9b&lt;)"$\xa4O\xa7Nr\x99\x8c \x08\x80\xe3N\xbb\x9daY\x96e9\x9e\xc7`\xc1\xcfC&gt;\x1f\x83q\t\x00p\x0c#\x08\x82$\x08\x91D\x028\x8eeY\x8b\xd5z,#\xe3NA\xc1\x92\x8d\x9bJ+*\x82\xfc\xfc&lt;\x94\xca\xcc\x9c\x1c\x00@\xa7\xce\x9d\xdfZ\xb0`\xd8\xb0a\x00\x00\x86ap\x1co\xc2\xb9\x01\xd7Z\x87e\xd9K\x97.\xe9\xf5\xfa#G\x8e\xec\xdb\xb7\xaf\xa0\xb0\xd0j\xb1&lt;\xe2\x87`\xbf_~\x01\x00\x94JePP\xd0\x80\x01\x03z\xf4\xe8\x11\x14\x14\x14\x17\x17\xe7\x12\x03X\x85E\x10\x04\xb2h\x00\x00W\xd0\xecoq\x154\x83\x9a\xa0\\\x13\x1e\x96\x8d\x17$\x00\x8fDm\xff:++k\xee\xdc\xb9\x87\x0f\x1f\xf6\xd5z\x94\xe9\xaa\x01\x00r\xa9t\xfe\xf4\xe9*\x85\xa2\x7f\x8f\x84\xf0\xa0 \x82 \xacV+\x0bC\xd2\xff\xa1h\xe7\xb7(\x07\x86a\x18F\xe0\xb8L&amp;cY6\xf7\xfe\xfd\xc3\xa7\xd3\x8cf\xf3\x87k\xd7Zl6\x00\x80\xafV[\xa6\xd3\xf5\xe9\xd3g\xc1\xfc\xf9}\x92\x92\x00\x00,\xcb6I\xd7\x95a\x18\x92$o\xdf\xbe\xbdn\xdd\xba\x03\x07\x0e\xdc\xb8q\xc3\xf5_q1\xd1v\'-\x95H0\x0cP$u\xf6\xca\x95v-\xa3\r&amp;\xe3\x03\xd3-\x83{\xf5\xdaw\xf2\xe4\xd8\x81\x03\xd2._i\x1f\x1d}\xe4\xecY/\x8d\xa6\xb8\xa2\xc2\xf5\x86\x98\x98\x98\xf8\xf8\xf8\xe1\xc3\x87\'&amp;&amp;\xaaT*\xd7\xb77mq\xfd[\xa0\xf5\xcf\xcb\xcb\xcb\xcf\xcf/,,,((\x80\xe1\xb5\xd8\xd8X\x18U\xc30L\xa9TFDD&lt;0\xceV\xbb&lt;\xbaI\x8e\xcf\xc6\x08\x12\x80\xbf\xc7\xe5\xf5\xa4\xa7\xa7\xaf\\\xb9r\xc7\x8e\x1dv\xbb\x1d\'\x88N\xadZ9\x9cN/\x0f\xcd\x9cg\x9e\xe9\xd7\xad\x9bH"\xa1\xedv\xbb\xc3\xc1\xf3\x00\xc7\xb1\xc7;\xbey\x9e\xe78\x1e\xc3\x80D,\xa6$\x12\xa7\xdd~\xe4\xec\xd9\xe5\x9b\xb7T\xe9\xf5\x18\x8e\xdd\xbd_\xa47\x18x\x00\x9ey\xe6\x99Y\xb3f\xc5\xc7\xc7\x83\x7f\xe2\xac5\n8\x8e\xc3q|\xc3\x86\r)))\x06\x83\x01\xbe8&lt;\xa9\xcf\xb1\xf3\xe9&amp;\x8bex\x9f&gt;&amp;\xab5"8X"\x16wi\xdb\xf6zNvXppxP\x90\xadv\xba\x85\x07\x18\x86\xb1\x1c+\x93H\x8e\xa5\xa7w\x88\x89\xd9q\xe8p\xbb\x96Q+\xbf\xfb&gt;\xc0\xd7\'\xfd\xd7k\x00\x80Q\xfd\xfb\xefNMejr\xef\xb0\n\xabg\xcf\x9e#F\x8c\x80\x16\r\xe6\t\x84\x10j\xfb\x03\xb0\xff\xef\xde\xbd\x1b\xd7\xb1c\xb5N\xf7\x17\xefT\xaaT"\x8a\x8a\x8c\x8a\x92J$1\xadZE\x84\x87\xb7i\xd3&amp;**\xcaU\xc3\x06qmpAb\xd0\x80 \x01\xf8\x1b`\xcc\x81\xa6\xe9\x0f&gt;\xf8\xe0\x83\x0f&gt;`\x18\x86\xc0\xf1\xd0\xa0\xc0\xdc\xc2{\x13\x86\x0e\xfd eN\xa0\xb7\x17A\x89\xcc&amp;\x13\xcbq8\x8e\xe3u&lt;\x949\xb8\x16\xc1q\x85R\xc9\xd2\xf4\xfd\xb2\xb2\x0f\xd7\xac=\x96\x9e~\xa7\xb006*\xea\xda\xed\xdb\x14I.X\xb0`\xfe\x82\x05\x14E5\x99\xe40\xf4\xfd?\xff\xfc\xf39s\xe6\x00\x00\x00\x86\x01\x9eW+\x95\xafN\x9d"\x97\xca\xb4ju\xeb\x16\x11\xfe&gt;&gt;\x1e\n\x05EQ\x04A\x00\x8a\xfa\x8bt\x0b\xcb0\x84D\xc2\xd9\xed\x00\xc3,V\x9b\xce\xa0\xaf\xd4\xeb\x0f\x9f9[RY\xd1\xcc\xdf\xff\x8d\xa5\xcbj\x17_A"##\xa7M\x9b6j\xe4\xc8\xe6aa@H\x19\x17\x17,\xcbr\x1c\xf7\xd4SO\xed\xfa\xe9\'\x89Db\xb5\xdby\x8e\x83\xff5\xba\x7f\xff\x9fRS9\x96\x05\x004\xf3\xf7\x93\x88\xc4\xd9\x05\x05~Zmi-\x9dP*\x95m\xdb\xb5\xf3\xf6\xf2\x1a6lX\xf3\xe6\xcd\xdb\xb7o\xefZZ\x81\x1aYEJP\xff \x01\xf8+\xa0\xdd\xa9\xae\xae\x1e6lXZZ\x1aI\x10\xd07\x8c\x8f\x8d}g\xd6\xf3\x03\xbaucy\xde\xe1p\xd4\xde\x04Po\xc0\xad\x00b\x91H$\x16\xffr\xec\xd8\xa6\xdd\xbb-6\xfb\x81\xd3\xa7E\x14\xe5\xa4\xe9\x84\x84\x84={\xf6xxx\xc0_\xa1\x9e\xdb\xf6x\xa1i\x9a\xa2\xa8\xe5\xcb\x97\xa7\xa4\xa4xk\xb50\xac\xfc\xf1\xdc\xb9\x83z\xf6\x10\x93\xa4\x97\x97\x17\x00\x80\xa3i\'\xc30\x0c\x03\x93(\xbf\xed\x9d\xfeS\xac\x1f\x82\xd5\xf8\xb3\x00\x00\x1c\xc7)\x92$\t\x02\x17\x8b\x01\xcf\x9bM\xa6\x9c\x82\x82\x9byy\x172\xaf\x1fJ;\x9dSP\xc8\xb2\xacF\xa5\xf2T\xa9r\xef\xdf\x97\xc9\xe5\xd3\xa7MKLL\x84\x19\x17\xd8\x12!\x04\x85\xe0(\xfa\xfe\xfb\xef\x9fz\xea\xa9`?\xbf{\xa5\xa5\x1db\xa2\xd5\n%\xc3\xb2\x14E\rO\xec\xbd\xe8\xabU\x18\x86q,;\xb8W\xcf\xc2\xd2\xd2\x8b\xd7\xb3\x9e\x19&gt;|\xcd\xb6mc\x07\r\xba\x95\x9b+\x97\xc9\xce]\xbd*&amp;I\x07\xc3\xc0\x0f\x0c\n\nJ\xea\xdb7&lt;,,)))&gt;&gt;\xde5}P\x9c\xad\x9eA\x02\xf0P\xa0\x8d\xc8\xce\xce\x9e0aBFF\x06EQ4MG4k\xf6A\xca\x9c\xfe]\xbbjT*\x93\xc5\x02jN\xf8i(x\x9e\xe7x^%\x97\x03\x1c\xdfw\xf2\xe4\x9c\x0f?\xbaSX\x08\x9b\xda\xa9S\xa7o\xbf\xfd622\xd2e\xec\x1a#\xd0\xf4l\xda\xb4i\xf2\xe4\xc9\x01\xbe\xbe\x16\xab\xb5e\xf3\xe6;\x96/\x0b\x0e\x0ev\x98\xcd\x1c\xcf\xd34\r\x00\xc0p\x1c\xfb\xb7\x95\'00\rS\xf4\x04AH\xc4b\x82\xa2\x00\x8e[\xcd\xe6\x83g\xce\xec8p@"\x16\xff\x9c\x9a\xaa7\x9a\x92{\xf6\xd8\x7f\xea4\x00 ))i\xe6\xcc\x99\xa3G\x8f\x06M7\xe3\xe2\x02\xf6\x0fM\xd3]\xbav-/**\xab\xac\x1c\xd2\xbb\xf7\xcfk\xd7pv;\xcc\xee\x1a\xcdf\x93\xc5\x02K\x18D"\xd1\xad\xbc\xbb\x0c\xc7\x9a-\x96\x8c\xeb\xd7e\x12\xc9\xbd\x92\xd2\xebw\xee\x9c\xbax\xb1k\xbbv\xe7\xae^\xed\xd7\xad\xdb\xcd\xdc\xdc\xfb\xb5\xaa\xb3bbb\x92\x93\x93G\x8c\x18\xe1R\x02T\x82Uo \x01x\x00\xae\x05\xfe\x8a\x15_\xbe\xfd\xf6;z\xbd&gt;\xbcY\xb3\x82\xa2\xa2i\xa3G\xbf7\xe7eOOO\xab\xc9\xc40\x8c\xfbD\x00X\x8e\x03&lt;\xafR\xa9\xaa\xf4\xfa\xb7\x97\x7f\xbe\xee\xc7\x1fC\x02\x03s\x0b\x0b5\x1a\xcd{\xef\xbd\xfb\xe2\x8b/5R#\x05CX\x19\x19\x19\x89\x89\x896\x9b\r\x03X\x9f.\xf1\xef\xcd~\xa9sl\xac\xde`\xa0H\xb2.\x8a\r\x7f\xcbU\x02@\x12\x84\\.\x07\x18V\xa1\xd3}\xb3cG~Q\x91J\xa1\xfcl\xfd\xfa\x16\xa1!\x15\x15\x95z\x8be\xcc\x981\xf3\xe6\xce\x8d\xef\xd2\x05\xd4ZR4=\xe0S\xd8\xfa\xed\xb7\x13&amp;NT+\x95\x9dZ\xb7\x9a?}z\x8f\xce\x9d\xcd&amp;\x13\x81\xe3&lt;\x00\x04\x8e\x93p.`\x18\xc7q\x12\x91\x08\xc3q\x9e\xe30\x89\x84w88\x8e+\xad\xac\xb8v;\xc7l\xb5^\xba\x91\x15\x1e\x1c\xfc\xd1\xbauw\xef\x17\x8dON&gt;\x96\x9e^^U\xe5\xfa"\xa8\x04\xa3G\x8f\x86I, \x00qmp\x90\x00\xfc\x11W\x99\xff\xf2e\xcbR\xe6\xce\x05\x00`\x18&amp;\x97H\xbe~\xff\xbdq\xc3\x86\xd9L&amp;\'M\x93nc\xfak\xc3\xb2,EQR\xa5r\xdb\x9e=\xcf\xbd\xf5\xb6\xc5n\x87\x0fw\xd9\xd2\xa5sRR\xa0\x1f\xd7\x88\x8c\x94+\xeb\xd8\xbeC\x07\x83^\xdf&amp;2\xb2J\xaf\xdf\xbd\xe2\xcb\x8e\x1d:\xe8++\xa9z\x89kAWT$\x12I$\x12\xc0q\x9bv\xef\xdeq\xe8\x90\xa7Z\xbdy\xcf^\x89X,\x13\x89t&amp;\xd3\xacY\xb3\xe6\xcf\x9f\x1f\x18\x18X{\x83H\x93\x01\x0e!\xa3\xc1\x10\x19\x155\xb0K\x17\x82 \xac6\xdb\xf7K\x97\x98\xcd\xe6\xdac\xa9\xb6\x19\x81\xf2Y;\xce&amp;\xa2(\xb1D\x0cx\x00(\xcan6\xeb\x8d\xc6[w\xefZl\xb6\x15[\xbf\xcb\xcc\xc9.*+\xff\xc3\x97&gt;\xf3\xcc3\xa3F\x8d\xea\xdd\xbb7\xcc\x13\x08\'\xd4V\xff \x01\xf8\x1dp\xc8Z\xad\xd6I\x93\'\xff\xb8c\xc7\x84aCO\\\xb8P\xa1\xab^\xfb\xee\xbbO\x0f\x19l\xb1Zq\xf7\x9e\xe10\x94!\x97\xc9\xb6\xfe\xb2o\xfa;\xefxk=zw\xee\xfc\xed\x9e\xbd\xa3\xc7\x8c\xd9\xb4q\xa3L&amp;k,\x8e*\xcf\xf3,\xcb\xda\xed\xf6&gt;}\xfa\\\xb9|\x99aY\x1f\xad\xf6\xc87_G\x86\x86:\x9d\xcez^{\xb9\x02DJ\x85\x02`\xd8\xcd\xdc\xbci\xef\xbcC\xe0\xd8\xbd\xd2\xb2\xc2\xe2b\x8a \x08\x91h\xc9\x92%3f\xcc\x0051\xab\xfal^\x9d\x02\xdd\xff\xa5K\x97\xce\x9b7O\xa5P$v\xee\xfc\xed\xa7\x9f\xc0\xe4\xca\xa3O\x03\xd8\x81\xf0/\x04\x8eS$)\x16\x89X\x8e#\x08\xa2B\xa7;y\xe9\xd2/\xc7\x8e\xa7\x9e?\x0f\xe3B\xad[\xb4\xb8\x9e\x93\x03\x00\x08\x0e\nzb\xe4\xc8\xd7^}5((\x08 \x19\xa8\x1b\x90\x00\xfc?\xbf9;Fc\xca\x9c9\x1b6n\x04\x00\x84\x06\x06\xbe2yr\xdb\x98\xe8\x84\xae]\x8d\x95\x95D#\x19|,\xc7\xa9\xbc\xbc\xd2\xce\x9d\xfb\xf5\xc6\xcd\xffm\xdc\x98_T\x04\x00\x982y\xf2\xb2\xe5\xcb\xa1K\xe5\xce\x1a\x06\x81f\xf4\xc5\x17_\\\xb9r\xa5\xbf\xb7w\x80\x8f\xcf\x13}\x12\xdfz\xf9ecUU\x03F\xde`\xa8M.\x97\xd34};?\xff\xd9\xb7\xde\xba\x9cu\xa3]t\xf4\xed\xbc&lt;\xab\xc31~\xfc\xf8%K\x96\x04\x04\x044\x99\xa5\x00\x9c\x11\x06\x83\xa1YH\x88\x18\xc7c"""\x9a5[\xf7\xde\xbbf\x8b\xe5\xbf\xcc\x05\x97\xa0\xf2\x00\x88HR"\x93\x01\x0c\xab\xa8\xa88v&gt;}\xe7\x91\xc3V\x9b}\xdf\xa9S\xf0\x9d\x04\x00J\xb5\xbawb\xe2\xa2\xc5\x8b\xdb\xc6\xc6\x02\x14\x14z\xdc \x01\xf8\r\x18\xf7gXv\xca\xa4I\xdf\xff\xf0\xc3\xb41cn\xe5\xe5\xde+-=\xbeeKh@\x80\xbe\xba\x9a\xa2\xa8\x86n\xe3?\x80\xa6i\x8d\x87G~qq\xe2\xc4\x89\xc1~~-\xc3\xc2\xd7\xed\xd8\xf1\xe4\xf8\xf1\x1b6m"\t\xc2\xcd\xa7\x10\xf4:a\xe2W\xa5P\x18\xcd\xe6\xe9c\xc6\xac\xf9\xf8CCE\xa5;8\xd7\xd0\xbe\xcb\xa4R\x83\xc9t\xe4\xdc\xb9\xf7W\xaf\xc9\xcc\xce\x86\xc5W\x01\x01\x01K\x97.\x1d7n\\\xd3\xa8\x13u\xb9\xff\xaf\xbd\xf2\nIQ\x1a\xa5\xf2\xe2\x8e\xed\xdeZ-M\xd3\x8fk\xfc\xc0\x8e\xe2\x01\x10S\x94D*\xe59.\xed\xf2\xe5\x9f\x8f\x1d\xfb\xf9\xc8Q\x83\xd9\x1c\x1d\x1e\x96v\xe92\x0e\x80D"I\x1e:\xf4\x95y\xf3`z\x00\xc9\xc0\xe3\x02\t\x00\x005u\x0e8\x8e\x0f\x1c4(\xf5\xd0\xa1)\xa3G\xff\xb0\x7f\xff\xfb\xb3gO\x1c\xf1\x84B*\xb5Z,\xee`w\xfe)\x0c\xc3\xc8\xe4r\xb3\xcd\xb6e\xd7\xcfo}\xf1\xc5\xf8\xe4\xe4\r?\xfe\x984`\xc0\xc1\x03\x07\xdc\xd9Eu\x85\xfe[\xb7nm\xb3\xd9\xdaFEyyhV\xbc\xf5VhP\x90\xd3\xe9\xac\xebm\x16\x8f\x0el\xa7\\\xad\xbeWX8e\xc1[\xa9\xe7\xcf\xe38\x0e\xc3\x143f\xccX\xb1b\x05I\x92\x8d:\x1c\x04-CUUUXx\xb8\x08\xc7b#\xa3:\xc4\xc4|4o\xae\xddf\xab\x8b8\x8c\xeb:\r\x85L\x86I\xa5\x15\xc5\xc5Wn\xddZ\xf1\xddw\x07N\x9dN\x8c\x8f?\x91\x91\xa1\x94JtF\xd3\xd4\xa9S\x17\xbf\xfbnP` hr\xd1\xb6\x06\x01\t\x00\x005#\xc9\x95\xf5M\xec\xdc\xf9\x89\xa4\xa4\xa4\xae]Z\x86\x85Y,\x96\xc6\xeb\xc7\xb1,+\x97\xcbo\xe5\xe5\xa5\x9e;\xffsj\xea\xf1\x0b\x17@MN\xd8=\'\x0f\xb4\x02,\xcbvOH\xb8\x98\x91!\xa2(\x8e\xe32\xf7\xec\x8e\x0c\t\xb1X\xad\xee\x16\xff\xe5\x01`\x19F*\x91\xe0$\xb9\xe2\xdb\xad\xef|\xf9\xa5\xc9b\xf1\xf7\xf1))/\x8f\x8f\x8f_\xb5jU\xfb\xf6\xed\xdd\xb3\x9f\x1f\x05\xd8\xf2\xcd\x9b7O\x99&lt;\x99\x07\xc0G\xabM\xdf\xf6\x83\xbf\xb7\xb7\xa3\x8ee\x18\x9e\xb8%\x12\x89$b\xb1\xc5j\xbd\x96\x93\xb3f\xdb\xf6[w\xef\x96UU\xdal\xf6r\x9d.00p\xec\xd8\xb1\x0b\x17.T\xab\xd5\x7f\xb8\x8a\x03\xf1Oq\xaf\x19\xd5 \xc0\x81\xfe\xde{\xef\xa5\xcc\x9d\xfb\xf4\xb0\xa1\xe1\xc1\xc1\xb7\xf2\xf2&amp;\x8d\x1a\x19\xdd\xc8\xad?\x00\x80 \x08\x8b\xc5\x12\x1d\x166i\xd4\xc8[yy\xe1\xc1\xc1O\x0f\x1b\x9a2w\xee{\xef\xbd\x07\xfd\xd3\x86n\xe0\x1f\xf9\xad\xe2p\xeb\xd6\xdc\x1b7Z\x86\x859i\xfa\x8di\xcfE\x85\x87\x9b,\x16w\xb3\xfe\x00\x00\x0c\x00\x92$\x1dN\xa7\xcdf\x9b\xf3\xdc\xb3i[\xb6&lt;98\x99cY\x1c\xc7\xd3\xd3\xd3\xfb\xf6\xed\xbbs\xe7N\xf7\xec\xe7G\x01v\xf8\x86\x8d\x1b\xe1\t&gt;I]\xba\x04\x07\x04\xd8\x1d\x8e\xba^\x84\xe18N\x92$\xcb\xb2&amp;\x8b\x05\xc3\xb0n\xed\xda}\xb9`\xfe\xaaw\xden\x1d\xd1\xc2I\xd3\xadZ\xb4\xe0\x1c\x8ee\xcb\x96u\xea\xd4i\xd9\xb2\xe58\x8e\x13\x04\xf1\xe7\x9d\xdb\x88GD\xe8+\x00hq\xae^\xbd\xda\xb9sg\x0c\x80`?\xbf\xf93\xa6wi\xd7&gt;"\xa4\x99\xcdju\xcfr\xcf\x7f\n\xc3\xb2R\x99\xecNA\xe1\xf9\xabW&gt;\\\xb3\xf6^i)\x0f\xc0\x85\x0b\x17\xda\xb5k\xe7VgE\xc0\x08@YYY\xdb\xb6m\xed\x16K\xf3\xa0\xa0&gt;]\xe2\x97\xbe\xf9\xa6\xc9htC\xeb\xff\x07\x18\x86Q\xc8\xe5\x1c\xcf\xbf\xf0\xee{[\x7f\xd9\xd7,\xc0\xffV^\x9e\xaf\x97\xd7\x86-[\x06\r\x1c\xe8\xce1\xb7\x07\x02\x07\xc6\x91\xa3G\xc7\x8d\x1c\xd9)66\xa7\xa0`\xcd\xc2w\xfav\xefn2\x9b\xeb\xb9\x14\x82\xe58\x12\xc7E"\x11\xc7\xf3_\xef\xdc\x99[P\xb0t\xd3f\x0f\x95J\xabR\xe5\xde\xbf?j\xf4\xe8W_y%&gt;&gt;\xbe\xd1U9\xbb\t\x82\xee/\xb8x\xac\xae\xae\x9e4i\x12\xc30N\x9a.,)\x89\x0c\t\x89\x89la\xb3X\x9a\x86\xf5\x07\x00\x90\x04a\xb3Xb"[D\x86\x84\x14\x96\x948i\x9aa\x98I\x93&amp;UWW\x13\x04\xe1V\x1e\x00\x86a\x93\'O.//\xa7Y\xf6\xd7\xdb\xb7G\xf6\xeb\xc7\xb2\xac\x1b\xb5\xef\xe1\x90$i\xb1\xd9\x1c\x0e\xc7\xda\x8f?\xda\xf2\xf1G\x95:\xdd\xabS\xa7JD\xa2\xe4A\x83\xe6\xcd\x9d\x0b\xd3\x03n\xd5\xd5\x8f\xc2\xf2e\xcb\xaaM\xa6{%%s&amp;NL\xe8\xd4\xc9\xf2\xdf\x8a\x7f\xfe\x1dp\xaf\x99\xcdnw:\x9d\xb3\x9e~\xfa\x9dY\xb3\xde\x9c6\xade\xf3\xe6\x15z\xbd\xa7\x87\xe6\xf8\xa1C]\xbatIII\x81G\t5\xd2\xc5V\x03"\\\x01\x80\xe1f\xb3\xd9&lt;p\xe0\xc0k\xd7\xae\xb5\x08\t\xf1\xf5\xf2\xfcp\xce\x9c\x84\x84\x84\xea\xaa\xaaF\x1a\xb7}\x18$IVWU%$$|8g\x8e\xaf\x97g\x8b\x90\x90k\xd7\xae\r\x1c8\xd0l6\xbb\x89a\x82u\x1dG\x8e\x1e=}\xe2Db|g\x92 ^\x99&lt;\xb9{\x87\x0e\rbt\xfe\x1d\xb0\x9d\xa6\xea\xea\xe4\x9e=\xd2\xbe\xdbz\xf3\xce\x9d\x82\xe2b\x80aK\x97-[\xbel\x19A\x10n\xd2\xd5\x7f\x0bt\x8cJJJN\x9f&gt;\x8da\xd8\xcd\xbc&lt;\x96\xe3\xa42\x19[s\xfa[\xfd\x03k~\x0cz\xbd\x88\xa2&gt;\x9c7w\xef\xda5\xfd\xbav\x8d\x0c\tU\xaaTb\x8aZ\xbe|\xf9\xa0A\x83ngg\xc3i\xdb(:\xd9M\x10n\x08\x08.ra\xa5\xb9X$\xe2y~\xeb\xa7\x9f\x0cKJr\xd4}\x94\xb3\xa1\xe0x^,\x16\xefIM}\xfa\xb5\xd71\x0cs8\x9d/\xbc\xf0\xc2\x8a\x15+\xdc!\x10\x04\xebg\x86\x0e\x19r9#\xc3I\xd3\x83z$|\xbbd\x89\xc9hl\x8c\xcf\x82\xe38\x99\\~\xf2\xe2\xc5g\xe7/\x00\x80\xef\xd1\xb1\xd3\x96\xdd\xbbg\xcc\x98\xb1z\xf5\xeaF\x11\x0br\xa5\x7f\'M\x9a\x84a\x98\x8fV{k\xdf/\x12\x91\x88a\xd9\x06o9\xcf\xf3,\xc7I%\x12\x86ar\n\nf\x7f\xf8QQYY\xb9Ng\xb2X\xfc|}_\x7f\xe3\x8d\x17^x\xa1)\x9d\x83[\xd74\x0e\xdf\xea\xb1\x03\xfd\xcd\x13\'N\xac\\\xb9R"\x16;\x9c\xceQ\xfd\xfa\x8d\x1e:\xd4a\xb77\xe1\x1e\xc1\x01p\xd8\xed\xa3\x87\x0e\x1d\xd5\xaf\x9f\xc3\xe9\x94\x88\xc5+W\xae&lt;q\xe2\x04\x8e\xe3\r\x9bF\x83\x8f#--\xed\xe0\xc1\x83\xa1\x01\x01C{\xf7\x1a\xda;\x91f\x98F\xea\x9d\xe08n6\x9b\xfbt\xeb\xb6w\xd5W\x9f\xce{\xe5\xe8\xd9\xb3\x04A\xacY\xb3f\xc6\x8c\x19\xb0\xab\xdd\xfc\xf7\x82\x01\xab\r\x1b6H\xc5b\x8a$\x93{\xf6\xd4h4\xce\xc7W\xfb\xff_\xc00\x8c$\x08\xa7\xd3\xc9s\\\xab\x88\x88#\xeb\xbf\xe9\x13\x1fo\xb2X\x92\xbat\xe9\xd8\xb2eJJJ\x9f&gt;}JJJPf\xf8\x11\x11\xe8\n\x00:\x08\xc9\xc9\xc9\xc7\x8e\x1ee9N\xabV_\xd8\xb1\xddW\xab\xa5i\xbai\xe7\x918\x8e\xa3(\xaaL\xa7\xeb&lt;f\xac\xce` p\xbcO\xdf\xbe\xfb\xf7\xefoX\x8f\t\xd6\xd4\xf7\xea\xd5\xab\xaa\xa8\x88\xa2\xa8`\x7f\xbf=\xabV5\x8a\xdc\xef_@3\x8cZ\xa5\xca-,\x9c2\x7f~\xda\xe5+\x04I\xb2\x0c\xb3l\xd9\xb29s\xe6\xb8sm\xa8\xeb\x10\xdcV\xadZ\xc1\xc3\x99\x0f\xacY\xdd\xb7{ws\xbd\xa7\x7f\xff\x16\x96\xe3\x08\x1c\x97J$\xbb\x8e\x1e\xf5\xf2\xf0\x184c\xa6B&amp;\xab\xd0\xe9|}}\x7f\xfa\xe9\xa7n\xdd\xba\xa1\xfdb\x7f\x8b{=\xd1\xfa\x01n\xd1\xbcr\xe5\xca\x89\x13\'(\x8abX\xf6\x93ysC\x82\x83\x1dNg\xa3\xb68\x8f\x02\x8e\xe3\x0e\xa73$8\xf8\x93ys\xe1a\xee\'N\x9c\xb8r\xe5\n\x8cP7H\x93\xe0,=~\xe2\xc4\xe5\x8c\x8cR]\x95\xa7F\xf3\xf6\xf3\xcf\xdbl\xb6\xc6&gt;o)\x924\x99L\xcd\xfc\xfdO\x7f\xff}\xe76m\x14Ri\x80\x8fOJJ\xca\xbau\xeb`\x99cC7\xf0\xc1\xc0a\xb0g\xcf\x1exIKxPP\xf7\xf6\xed\xedV\xab\xbbY\x7f\x00\xf3\xc3&lt;o\xb6ZG\r\x1a\xd4*&lt;\xe2\xf9q\xe3\xe4R\xa9B&amp;\xb3\x98L\xdd\x13\x12\xd6\xae]\x0b}\x1aa\xfa\xb8\x8f\x88\xdb=\xd4\xba\x06\x8e\x06\x87\xc31e\xeaT\x8ea:\xc4\xc4\x0c\xee\xd9\xf3\x89\xa4$\xab\xc9\xd4d\xca~\xfe\x1a\x92 \xac&amp;\xd3\x13II\x83{\xf6\xec\x10\x13\xc31\xcc\x94\xa9S\x1d\xf0\xea\xc4\x86\x98*\x18\x86q\x1c\xb7x\xd1"\x89H4\xb4w\xef\x90\x80\x80\x10\x7f\xff\xc6m\xfbk \x08\xc2f\xb7\xdbm\xb6-\x9f~2\xb4w\xaf\x92\x8a\n\x11EM\x9f&gt;}\xe7\xce\x9dn\x1b\xa3\xc0q\x9c\xe7\xf9\x9d;w\x02\x00x\x9e\x1f\xdc\xbb\x97\\\xa5\xa2\xdd\xb2\xa9\x00\x00x]\xb6A\xaf\x97K%K\xde~+e\xd2\xa4\xb0\xa0 \x96\xe3\xbc=&lt;f\xcc\x98\xf1\xfc\xf3\xcf\xd34\rw\x965tK\xdd\x14\xc1\x85\x80\\\x87\x9bO\x9c8\x11\xfe\xe6\xfbV\xaf\x1a\xd8\xb3\xa7\x1b\xaep\xeb\x0e\x96\xe3\x14\n\xc5\xc1S\xa7\x06\xcf|\x1e\x00\x80\x01\xb0e\xcb\x96\xa7\'L\xa8\xff@\x10L\x8a\xde\xb9s\'**\x8a\xe7y\x8a$\x8f|\xf3u\xaf\xf8x\xa3\xc1\xd0d\x92x,\xcb*\x14\x8a\xe2\x8a\x8a\x81\xcfM\xbb}\xf7.\xc3\xb2^^^YYY&gt;&gt;&gt;\xeev8+l\xcf\xed\xdb\xb7cccY\x96\x05&lt;\x7f\xf8\x9b\xaf{\xc7\xc7\xbb\xff\xec\xe0y\x9eaY\x8d\x8f\xcf\xe1c\xc7&gt;\\\xbd\xe6\xea\xed\xdbR\x89\xb8\xb4\xa2299y\xdf\xbe}\xa0I_\xd8\xf0_\x10V\x8f\xc0\xad"v\xbb}\xd1\xbb\xef\xb6\x8d\x8a\x1a\xdd\xbf\xff\xc8~\xfd\xbaw\xe8`s\xcb\x15n\xddA\xe0\xb8\xcdj\xed\xde\xa1\xc3\xc8~\xfdF\xf7\xef\xdf6*j\xd1\xbb\xef\xda\xedv\xe8\xfd\xd5gK\xe0\xdd\x8d?\xfc\xf0\x83V\xad\x06\x00xyx\xb4\x8a\x88\xb0\xba\xe5\xbe\xdf\x7f\rA\x10F\x93)( \xe0\xf37\xdf`X\xd6[\xab\xad\xd6\xe9\x86\x0f\x1f\xfe\xdb\x05\x96\xee\xe4\x81AOy\xdf\xbe}N\xa7\x93e\xd9`?\xbf\xf8\xd8X\xf7\x8c\xff\xfc\x01\x0c\xc3(\x92\xd4\x97\x97\xf7OH\xd8\xfc\xf1G\t\x1d\xda\xf3\x1c\xe7\xe3\xa9\xdd\xbf\x7f\xff\xb3\xcf&gt;k2\x99\\\'5!j\xe3\xee\xcf\xf5\xf1\x02\xfd\xcd\xd4\xd4\xd4;999\x85\x85\xb9\xf7\xee}&gt;\xffM\x99X,\xc0\x91\xc1q\x9cL,\xfe|\xfe\x9b\xb9\xf7\xee\xe5\x14\x16\xde\xc9\xc9IMM\x85\xd1\x98zk\x03\xac7///_\xbat\x99\x9f\xa7\xe7\xb41\xa3\x17\xbf\xf4\xa2\x87\x87\x07\xeb\x06\xe5\x86\x8f\x17\x8a$\x8d\xd5\xd5\xbd;u\xfa\xdf\xab\xaf\x04\xfa\xfa\x90$y\xfe\xfc\xf9\xf7\xdf\x7f\xdf=\x03A\x95UUR\xb1\xa8_\xb7n\x93\x9exBJQ\rX\xfe\xffO\xa1H\xd2\xa0\xd7\x07\xfa\xfan\xfe\xf8\xe3\xf8\xd8\xb6*\xb9&lt;40p\xfd\xfa\xf5}\x92\x92t:\x1d\xd2\x80?#,\x01\x80fe\xe9\xd2\xa5\x00\x00\x8b\xcd\xe6\xa1Ry\xa8TB\xc8\xfd\xfe\x19\x98\r\x86=`\xb1\xd9@M\xb7\xd4\xa7\xe5\x85\xb6\xef\xec\xd9\xb3z}uVn\xee\xae#G\x07\xf7\xec\xc98\x1cM\xcc\xfaC\x08\x82\xb0\xda\xed\xf3f\xccPJe\x0e\xa73\xd0\xcf\xef\xddw\xdf\xfd\xf1\xc7\x1f\xdd*!\x0c\x97\x80\xc7\x8f\x1f\x97J\xa4\xf7JK\xacv;\xef\xae\xd5J\x0f\x03n\xc9\x96\x8a\xc5\xbbV|9f\xc0\xc0\xfc\xa2"\x8a\xa2.fd\xc4\xc7\xc7\xdf\xbd{\x17\xed\x16\xfe\x03\x022|\xb0\xda\xe4\xf0\xe1\xc3W/^\x1c\xd0\xbd{H\x80\xff\xbc\xc9\x93\xe4\n\x05\xe7Nk\xf0\xfa\x84\xe3y\xb9B1o\xf2\xa4\x90\x00\xff\x01\xdd\xbb_\xbdx\xf1\xf0\xe1\xc3\xf5\xb9\'\x00\x1a\xfa\x9fw\xef\x16QTT\xf3\xd0\x0e11J\xb9\xdc\x1dv\x1b\xd5\x1d\x0e\xabu\xc5\xc2w\xc6\x0e\x1c`2\x9by\x9e_\xbcp!,\xb6q\x87@\x10\x8c\x92\xdf\xbau\xeb\xc2\x85\x0b:\x83\xa1\xb4\xa2rP\x8f\x04\xd0\x08]f\x02\xc7\x19\x86\xb1\xdb\xedo=?\xf3\xd5\xa9S\x83|}\xfd\xbc\xbcs\xef\xdc\x19;vluu5I\x92h\x1d\xe0B@\x02\x00Y\xb5j\x95\xceh\xcc/.~u\xea\xd4\xa4n\xdd\xccF\xa3\xfb\xc77\xeb\x08\x02\xc7\xcdFcR\xb7n\xafN\x9d\x9a_\\\xac3\x1aW\xadZUo\xdf\x0e\xe3?&amp;\x93\xe9\xd0\xc1\x834\xc3\x14\x96\x94N\x186T\xa1T6\xa2\x80\xc3?\x05\xc7q\xbb\xcd\x16\x1b\x133\xf9\x89\x11\xedZ\xb6\x1c3`@^n\xee\x17_|\xe1&amp;\xa1\t(B\x05\x85\x85\x12\x8a\xea\xd7\xbd{\x97\xb6mc\xc2\xc3\x19\xa7\xb31\xea1\xecR\x8ee?]\xb4\xf0\x89\xa4$\x8ec==&lt;.^\xbc\x98\x94\x94t\xf3\xe6\xcd\x06\xdf\xf9\xe8&gt;\x08\xc5\xf6\xc1\xf4\xaf\xd5j=w\xee\x1cE\x92\xb7\xef\xde-.\xaf\x107\xe8\xf1&amp;\xee\x00\xcbqb\x99\xac\xb8\xbc\xe2\xf6\xdd\xbb\x14I\x9e;w\xcej\xb5\xd6O*\x18\x9a\xbc\x93\'O\x96\x96\x96\x02\x00H\x82\xe8\xda\xae\x1d\xd3t\xcf\xe1\x80\x90\x04a\xa8\xaa\x1a\x94\xd8{`B\xf7\x8bY\xd7\x95J\xe5\xbcy\xf3N\x9c&lt;\xe9&gt;&amp;)\xf5\xe8Q\x9b\xc3aw8\xc6\r\x1a\xe8\xa1V\xd3\x8dvA\x06\x9bm()Y\xfa\xe6\x1b\xef&lt;\xff&lt;\xc7q\x11!!W\xae\\\x19?~\xbcN\xa7\xab\xe7t\x97\xdb"\x14\x01\x80\xe9\xdfm\xdb\xb6\xf1Ng\\\xabV\xed\xa3[N\x1a&gt;\x8cv\xbf;F\xea\x19\x1c\xc7i\xabu\xd2\xf0a\xed\xa3[\xc6\xb5j\xc5;\x9d\xdb\xb6m\xab\x9f\xb9\x015&amp;55\x15\xfe\xb3M\x8b\x16\x11\xc1\xc1\xf6&amp;\x9a\x00\xa8\rN\x10v\x9b\xado\xb7n\x11\xc1\xcd\xca*+\xbd\xb5\xdaO?\xfe\xc8\x1d~k\xd8\x86\x0b\x17.h\xd5\xea\xeb\xd9\xd9Wn\xde\x125r\x0f\t\x9e\x1ba4\x1a_xv\xca\xabS\xa7\xde+)i\x19\x16v\xed\xda\xb5\xc1\x83\x07\xc3\x13\x99\xdc!\xf2\xd6\xb0\x08\xc5\xfcA\xa3\xf6\xd5W_\x19-\x16o\xad\xc7\xd4\x91#\x9b\x05\x05\xd5\xf5\xddF\xee\x0f\x8ea\x0e\xa7\xb3YP\xd0\xd4\x91#\xbd\xb5\x1eF\x8b\xe5\xab\xaf\xbe\x82bY\xa7\xdf\x0b\xe3?6\x9bm\xef/\xbf\xc8eR\x00@\xdb\x96Q\x80\xa2\x84\x90\x8f\xc11\xcc\xe9pt\x8a\x8b\x9b&lt;b\xc4s\xa3F\xb5k\xd925\xf5\xd8\xf6\xed\xdb\x1b\xb6"\x08\xd6\xe3\xea\xf5\xfa\x9c\x9c\x9c\xd0\x80\x80\xb7\x9f\x7f~\xe6\x93\xe3\x1d\x8d\xa1\x00\xf4o\xc11\xccT\xa5{i\xe2\x84eo\xbc~+/O*\x91\x9c?\x7f~\xc6\x8c\x19\x18\x86\xb9\xff\xb9LuM\xa3\x7f\xba\x8f\x02\xccn\xe5\xe5\xe6fffzi\xb5\xe7\xaf\xfe\x1a\xe4\xeb\'\x16\x8b\x85`n\xfe\x16xDh\x90\xaf\xdf\xf9\xab\xbfzi\xb5\x99\x99\x99y\xb9\xb9\xf5\x10\x95\xc60\x8c\xa6\xe9\xb2\xd2R?O\xaf\x1eqq\xe3\x06\r\xe2\xdc\xe3\xb8\xb1z\x80 \x08ce\xe5S\xc3\x87\xdd+-=r\xf6\xac\x93\xa6\xdf[\xbc\x18\xae~\x1a\xca\x1eA\xd5\xcf\xca\xca*))\xb9t\xe3\xc6\xdcO&gt;\xc1\x01\xc0\x01h\x023\x04\x1e\xbe\x8a\xf3\xfc\xccq\xe3\x9e\x1e&lt;824T!\x97\xaf[\xb7n\xf1\xe2\xc5\x8d\xf7\xbe\xb6\xc7\x85P\x04\x00\x00p\xe2\xe4I\x87\xc3q\xbf\xb4\x14\x00\xd09\xb6\x8d\xd3f\x13\xb8\xfb\x0f\xc11\xcci\xb3u\x8em\x03\x00\xb8_Z\xeap8N\x9c&lt;\tj:\xad\x8e\x80\x1f\x9e\x95\x95e\xb7\xdby\x9egY\xd6C\xadnz\xe5\xff\x7f\x05\x86\xb1\x0c3e\xc4\x88\xa4.]\x9e\x1a28\xff\xee\xdd\xef\xbe\xfb\xae\xc1\xb3\xc1\xc5%%J\xb9|\xfa\xd8\xb1o??\xd3G\xabe\x18\xa6i\xcc\x11\x0c\xc3X\x8e3\x99\xcd\xdf.[\x1a\x11\x1cl\xb6X\x02||\x16/^\xfc\xf5\xd7_\xc3\xb3\xa3\x1b\xba\x81\r\x86 \x04\x00r\xef\xde=1Euj\xd3\xe6\xc9\xc1\xc9\xde\x1a\r\xcd0\x0227\x0f\x07\xc30\x9aa\xbc5\x9a\'\x07\'wj\xd3FLQ\xf7\xee\xdd\xab\xeb/u%\x00X\x96\xb5:\x1c\x85\xc5\xc5!~~4M\x0b\xe7y\x108n\xb1X\xc6\r\x1b:\xa8G\xc2OG\x8e\xdaiz\xe5\x8a\x15\xf5\x10|{\x18\xf0\x89d]\xbfn\xb2X\xbe\xff\xe5\x97\xac\x9c;\x1e*\x15\xd3\x84,#\x0c\xfa;\x1d\x8e\x85/\xbe\xf0\xf4\x90!&lt;\xcf\xf1&lt;?}\xfa\xf4\xf3\xe7\xcf7\xe0I\x88\r\x8e \x04\x00fz\xaf\\\xb9"\xa2(\x8e\xe3|==1\x92\x14x\xec\xaf6&lt;\xcfc$\xe9\xeb\xe9\xc9q\x9c\x88\xa2\xae\\\xb9\x02j:\xadN\xa9\xd2\xe9d\x12q\\LL\xca\xa4IJ\xb9\\X+\x00\x00\x00\x00\x1c\xc34\xf3\xf7\x0f\t\x08\xe8\xdc\xba\xf5\xe5\xcb\x97\xb7l\xd9\xd2\xb0\xe5@\x0e\x87\xc3\xdbC\xd3-..\xd0\xd7\xa7\xe9m\xc8\xc0q\xdcn\xb5\xb6\x8a\x08\xff(e\x8e\xd1l\to\xd6LD\x92C\x86\x0c\xd1\xeb\xf5\xeev&amp;G\xbd\xd1\xf4\x05\x00\x16\x80VUU\x9d&lt;y\x92\x07\xa0\xac\xb2\xd2\xc7\xd3\x8b I!&gt;\xed\x87\xc0\x03@\x90\xa4\x8f\xa7WYe%\x0f\xc0\xc9\x93\'\xab\xaa\xaa\xea\xae\x18\x14f\x80\xedv\xfb\xde\xbd{y\x1e\xec;y2\xf7\xde=\\,\x16\xda\x0c\x84\x8b\x80\x91\x03\x07\x0c\xed\xdd\xfb\xf2\xcd\x9b\x00\x80\xafV\xae\x04\xf5\xbb\x19\xdb\x05\xd4\xfb\xcb\x97/\x1bLf\x93\xc5\x12\x1b\x19\x855\xc5\x9c&lt;A\x10f\xb3\xc5\xdf\xcbk\xcfW+1\x00(\x8a\xd2WW\xcf_\xb0\xc0=\xcf\xe4\xa8\x07\x9a\xbe\x00\xc0\xc5\xdd\xcd\x9b7\xcdf3M\xd3\x95z}|l\x1bV0\xf9\xc6G\x01\xc30\x96\xa6\xe3c\xdbT\xea\xf54M\x9b\xcd\xe6\x9b7o\x82\xbaL\x03`\x18f\xb7\xdb\xcbJKC\x02\x02\x12\xe3;\x8f\x1e8\x80c\x18 \xbc\'\xc2\xf3&lt;\x81\x13\xf1m\xdax{x\x0c\xe8\xde=/\'\xe7\xc8\xd1\xa3\r\xb2\x08\xc00\x8ca\x98\xb2\xf2\xf26\x91\x91-\x9b7W+\x95&lt;\xc75\xc9\xe7A\x10\x84\xd5\xe1\xe8\xd3\xb5\xeb\xb8A\x03c\xa3"}&lt;\xb5\xab\xbe\xfaj\xd3\xa6Mnu&amp;G\xbd\xd1\xf4\x05\x00\xa2\xab\xae\xe68\xaec\x9b\xd6\xafL\x9e\x1c\xe4\xebK\x0b\xbe\x00\xb468\x86\xd1Ng\x90\xaf\xef+\x93\'wl\xd3\x9a\xe38]uu\xdd}\x1d\xf4\xf4\xf3\xf3\xf3m6[Aqq\xb5\xc1\xe0\xa9V\xb3\x82L\xc9\x108n6\x99\x86\xf5Mzu\xea\x94\xc2\x92\x92J\xbd~\xf9\xb2e\xf5\xdf\x0cX\x03j4\x1a\xf3\xf2\xf2\xaeeg\xef?u\xd2\xc7SK`XS\xf3\xffk\xc01\xccn\xb3\xbd&lt;q\xa2\\*U+U\x00\x80\xd9\xb3g\x97\x97\x97\xe3\xc2K\x06\x08E\x00vl\xdf.\xa2\xa8\x9c\x82\x82\xc3g\xcfJ\xa5R\xa1=\xe6\xbf\x85\xe38\xa9Tz\xf8\xec\xd9\x9c\x82\x02\x11E\xed\xd8\xbe\xbd\xee\xbe\x0b\n\xc0\xed\xecl\xa9H4\xaa\x7f\xff\x84\xb88?//\x86a\x04g\xfe\x01\x00\x00\xb0\x1c\'\x12\x8b\x19\x96\xbb\x99\x97\x87a\xd8\xe9\xd3\xa7KKK\t\x82\xa8\xff\x80\x18I\x92$A\x04\xf8\xf8\x84\x077\x83y\xd1\xa6\xfaD`\t\xb2F\xa9\\\xfe\xc6\x1b\x95\xd5\xd5\xd3\xc6\x8c\xf6R*\x07%\'s,+\xb4d@\xd3\x17\x00\xe8W\x16\x14\x148i\xba\xbcJ\xd7\xbd}{\x89R\xc9 \x01\xf8=\x0c\xc7I\x94\xca\xee\xed\xdb\x97W\xe9\x9c4]PP\x00\xea,\x18\xed*8\xb1:\x1c\xa7.^\xb4Xm\xde\x1e\x1e\x8c W\x00\x00\x00\x02\xc7\xed\x16\xcb\x94\'\x86\xfb{y\x01\x00L&amp;\xd3\xa1C\x87@\xcdQ\xa9\xf5\x03|"\xd9\xd9\xd9F\xa3\xd1f\xb7K\xc5bO\x8d\x86e\xd9&amp;\x1c\x94\xc3q\xdcI\xd3\xc1~~\x17wl\x07&lt;\xc8+*\xba|\xe9\xd2\xea\xd5\xab\x85V\x11\xd4\xf4\x05\x00BR\x94\xb7\x87G\xcfN\x9dZG\xb6h\xaa\x07\x0e\xff\x170\x0cc\x1c\x8e\xd6\x91-zv\xea\xe4\xed\xe1ART]\x7f#I\x10\x1c\xc7\x15\x14\x17_\xbc~\xbd\t\x1b\x9a\xbf\x05\xc30\'Mk\xb4\xda\xa4.]\xa0!\xde\xb1c\x07\xa8\x97*,\x17\xf0{\xf5z=\xcb\xb2\xe5:\xdd\xf1\xf4t\x85T\xdaTs\x00\xb5\xc1q&lt;\xc0\xc7\xa7\xb0\xa4\xa4[\xfbv\n\x99l\xfe\xfc\xf9eee\r\xbe\x1b\xa3&gt;i\xe2\x02\x00\x83\x9b&amp;\x93)\';\xdb\xe6pX\xed6\xadF\x03\x84\xb4\xc4\xfb\x07\xf0\xbcV\xa3\xb1\xdam6\x87#\';\xdbd2\xd5\xe9\xc6T\x1e\xc3$"Q\xd7\xf6\xed\x06t\xef.X\xf7\xff70\x8c\xe7\xf9\xe1}\x93\x00\x00$A\xc0(P\xfd\xdf\xceF\x92$\x00\x00\xc30\xb5R)\x903\xb28\x8e\x03&lt;\xbfv\xf1"\xa3\xc9\xdc2,\xcch4\xbe\xf6\xfa\xeb\x82:#\xa8\xe9?f\x18\xef3\x99Lf\xab\xf5b\xe6u\x8c\xe7\x05r\xf9\xfb?\x85$\x08\x8c\xe7/f^7[\xad&amp;\x93\x89\xae\xb3B)\xf8\xb1W\xaf\\a9No4zj4@HS\xee\xcf\xe0\x18\xe6\xb0Z{w\xea\xa4U\xa9\x18\x965\x1a\x8d\x07\x0e\x1c\x00\xf5\x1b\x05\x025\xeb\x00\x9e\xe7\x05\xe4\xff\xe2\xb8\xdd\xe1\xf0\xf3\xf5}i\xc2\xd3z\xa3124t\xf3\xa6M\xa7O\x9f\x16NUh\xd3\x17\x00\x00\x00\x86a\xf0\x86q\x1c\xc7E"\x11Z\x01&lt;\x18\x9e\x17\x89D\xb08\n\xc7\xf1\xbas\xc9\xe1\'\xebt:\x9aan\xe6\xe6\x95\xebt\xa4T\xda\xf4J\xce\x1f\x1d\xb8\x19[\xabR=5d\xc8\x90\xc4\xde\xde\x1e\x1e\xb7n\xdfn\xe8F\t\x05\x0c\xc38\x96\x1d\xd4\xabW\xe76m8\x8eS\xca\xe5s\xe7\xceu:\x9d\x02Y\x07\x08B\x00@\x8dw\xc3q\x9c\x10\x1e\xea\x7f\x84$\x08\x97d\xd6\xe1\xb7\x90$\x00\x00\xc70\xb9T\x8a$\x19`\x18\xcd\xf3\xa3\xfa\xf5S\xc8d6\xbb\xfd\xf4\xa9Sp\x03cC7\xab\xe9\x83a\x98\xc3\xe1\x08\x0e\x0c\x1c\xda\xbbw\x80\x8f\x8f\xa7Fs\xf1\xe2\xc5\xed\xdb\xb6\xb9\xcf\r\ru\n\x1aa\x08\x00j\x02e\xc1~~Z\x8d\xc6S\xa3q:\x9dUUU\xa0F8\xeb\x82\xdf$\x99\xe7\x85\xec\xfb\xbb\xe0y^,\x12U\xe8\xab\x7f\xd8\xb7\xdfl\xb3]\xbdz\x15^`+\x9chL\x03B\x12\x84\xb1\xbaz\xfc\xf0a\x1a\xa52\xbf\xa8($0`\xd1\xe2\xc5\x06\x83\xa1A\x8aq\xeb\x19$\x00\x08\x00\x00\x00&lt;\x0f\xef\x060\x98\xcdj\x85\x82\xc01\xb3\xc5\xd2\xd0m\x12.,\xcbZ\xad\xd6\x86n\x85@a\x18\x96\xe38\x81\x1c\x13\x8d\x04\x00\x01@\xcdq@eUU4M\xdf-*")QhH\x08\xa8\xcbsi\xe0\'\xe3\x18\x86\xb6d\x03\x18\x88p:\xbd5\x1e\xe3\x07\'\xcb\xa5\xd2\xb8\x8e\x1d[\xb7n\r\xef\xb1h\xe8\xa65}\x18\x96Uyx\xfc\xb0{\x8f\xded\n\r\x0c,*+{\xf7\xddw===\x85p:\xa1P\x86\x17V\xf7\xb9\xcd&amp;\x00\x86a8\x8e\xd3\x0c\xc3q\x1cM\xd3u\xfa]\xd0\xc3\xe2x\xdeb\xb3\ty\x1f\xc0o\xf0&lt;\x85a;\x8f\x1c1[\xad2\x89\xa4G\x8f\x1e\xa0\x8e\xafd@@x\x9e\x17\x8b\xc5\xf7\x8a\x8a\xf6\x9e8Q\\^^\xa5\xd7w\xec\xd8q\xec\x981\x1c\xc7\xd5u\x1a\xcc\x1d \x1b\xba\x01\xf5\x01\xbcr\x04\x00\xc0q\x9c\xd3\xe9D\xe6\xe6\xc1`\x98\xd3\xe9\x84F\xa7NM\x0f\x8c\xabj\xb5Z\x8a$#B\x9a\xf9h\xb5\x8c\xb0/\xe7\xe1y\x9e"I\x9d\xd1\xf8\xdd/\xbf\xe8\x8cF\x00@\xcb\xa8\xa8\x86n\x94P\xe0y\x1e\'\x88\x03\'O^\xc8\xcc\xc4q\xdcd\xb1,]\xbaT$\x16\xb3,+\x84\xe5W\xd3\xff\ry\x9e\xa7(J\xa9T*d\xb2\x8emZ\xf3\x18\xd6\x94\xae\xb9x\x8c0,\xcbcX\xc76\xad\x152\x99R\xa9\xa4(\xaa\xee\x8e\x83\x06\x00\xb4k\xdf\x9e\xc0q\x8dJU\xa5\xd7\x03\x9e\x17\xf2\xca\x8c\xe3y\xb1Lv"#Cg4\x92\x04\xa1R\xa9\x06\r\x1a\x04\x00\xa8g\x0f\x14&gt;\x02\xb8\n\xac\xcf\xefm@8\x8e\x93\x88\xc5\xa5ee_~\xbbU\xa3Re\xe7\xe7?3iR\x8f\x1e=X\x96\x15\x82\xfb\x0f\x9a\xbc\x00\xc0b^\xa5R\xd9"2R*\x16\xcb$R\x9d^\x8fV\x00\x0f\x06\xc3tz\xbdL"\x95\x8a\xc5-"#\x95J%_\x97v\x19\xe3y\xbb\xd3y\xee\xca\xd5Cg\xce\x90\x02\xbf\x9f\x87\xe71\x0c\xdb}4\x15\x00\xc0\xb0l\x8f\x1e=\xfc\xfc\xfc\xea\xffv0\x18\x94\xe3y\xde`2\t$\xfa\x84\xe38\xc0\xb0\xe9\x0b\x17\xa9\x94\x8a[yy*\x95\xea\xd3O&gt;\xa9\xd3a\xefn\x08"\x04\x04\x00`h\xba\xa2\xba\xba"##.:\x9a\x14\x8by\x93\xa9\xa1[\xe4^\xf0&lt;O\x8a\xc5\xd7\xb3sNed\x00\x00\x98:N\x00\x00\x00\x18\x96\xc5q&lt;\xd8\xcf\xafc\xeb\xd6B\xde\x07\xc0\xf3\xbc\x88\xa2\xf4:]\xea\xf9\xf3\xd0_\x193f\x0c\x00\xa0&gt;3\xc0\xd0\xdei4\x1a\x82 &lt;\xd5\xea\xd8\xa8(\xb3\xcd\xe6\x8b\xe3&lt;\x00M\xdb\x10r\x1cW\\^\xde\xcc\xdf\x7f\xdd\x8f?\x02\x00V\xacX\xe1\xeb\xeb+\x1c\xf7\x1f4\xf9\x15\x00\xa8\t8\x84\x84\x84\x88(\xca\xc7S{\xe6\xca\x15\xbb\xc9D\nf\x91\xfb\x88\x908n7\x99\xce\\\xb9\xe2\xe3\xa9\x15QTHH\x08\xa8\xb3M\x00\xd0\xdc\xb4j\xddZ&amp;\x16\xf7\xec\xd8Q.\x93VTW\x0bv\x11\xc0r\x9cD.\xdf\xf0\xf3\xee\x92\xcaJ\x00\x80R\xa9\x1c0`\x00\xa8\xdf\xf8\x0f|"\x91\x91\x91*\x95J*\x91\xd8\x1c\x8e*\xbd\x9e \x88&amp;,\xcc\xf0\xf6\xd3{\xa5\xa5\x1d\xc7\x8c\x05\x18\x08\x0b\x0c\xec\x10\x177s\xe6L\x81\x84\xfe]\x08\xe5W\x1d3v\xac\x93\xa6[\x84\x84\xf4\xef\xd6\xcdf\xb3\t\xea\x19?\n8\x8e\xdbl\xb6\xfe\xdd\xba\xb5\x08\tq\xd2\xf4\x98\xb1c\xeb\xee\xbb\xa0\xb9\x89\x8a\x8c\xb49\x9d;\x0f\x1fN\xbbt\xa9\xb4\xb2\x92\x14\xea%\x9d\x04\x8e;\x1d\x0e\x92\xc0\xa3\xc3\xc2x\x9e\x87\xf1\x9f\x06)@d\x18\x86a\xd9\xe2\xf2\xf2\xdc{\x85\xd0\x0e6\xd5\'\x02\xf3\x82z\x93i\xce\xc7\x1f{yx\xac\xdb\xf1c\xa5\xc9t`\xff~\x9c \xe0\xdd\xf1\r\xdd\xc0\xfaC(! \xad\x87\x07\x8e\xe3\x173\xaf_\xca\xba1v\xd0\xc0\xe8\xf0p\x9b\xdd.\xe4\xca\x93\xdap&lt;/\x16\x8b\xef\xdc\xbb\xf7\xbf\x8d\x1by\x8e\xc3q\\\xeb\xe1Qw_\x07\'Xhh\xa8T*\r\xf6\xf1\xf1P\xab\xab\x0c\x06\x82$y\xbb]h\xe9\x19\x96\xe3T*\xd5\x8f\xfb\x0f|\xb6~CLxx\x85N7\'%\xa5\xfe\x9b\x01CO*\x95*,,\x8ct:\xdbFG\x97W\xe9X\x9eo\xaa\x0f\x83\xe3y\x89T\xfa\xfe\xea\xd5\x16\x9b\xcd`2\x02\x00\xbe\xf8\xe2\x0b\x1f\x1f\x1fA\x05\x7f M\xdf\x11\x86\xce~tt\xb4B\xa1\xa0(\xcaK\xa3I\xbf\x96I\xd4Y\x89Kc\x84\xe7y\x82\xa2\xd2\xafezi4\x14E)\x14\x8a\xe8\xe8hP\x97G\xd2\xf3&lt;/\x91H|\xfd\xfc\n\x8a\x8b\x8f\xa7_\xf8\xf1\xe0!\x9c$\x9bp\xc0\xe1a`\x18\xc6rlzffEu\xf5\xa13g\xc2Z\xb4\xe8\xd7\xb7o\x83T\xa0\xf3&lt;O\x92\xa4\xaf\x8fOfv\xf6\xad\xbbw\r&amp;\x13\xd6DW\x00,\xcb\xca\xc4\xe2c\xe7\xcem;p\xf0\xda\xed\xec\xf2*\xdd\xf3\xb3fM\x9a4\x89a\x18\xa1Y\x7f \x04\x01\xc00\x8c\xe38OO\xcf^\xbdza\x00\xf8zy\x95WU\xb2B\xbd\x80\xf0\x81`\x00\xb0\x0cS^U\xe9\xeb\xe5\x85\x01\xd0\xabW/OO\xcf\xba\xabB\xc10\x8ceY\x89D2t\xe8P\x0c\x03\x83{\xf5\n\x0f\x0e\xe6\x84wK\x0f\xcbqr\xb9\xfc\xa7\x83\x87\xf6\x9e8\xd1!:\x1a\x000\xeb\x85\x17@]\x9e\xbf\xf4\x17\xc0\xb2\x9f\x0e\x1d:\xa8\x95\n\xa5\\~-\xfb6O\xd3Mo\x89\xcc\xb2\xacB!/\xa9\xac\x1c6\xeb\x05\x1e\x00\x9a\xa65\x1e\x1e\x1f~\xf0\x81\x00}\x7fH\xd3\x17\x00P3\xb8\xdb\xb7o\xef\xa4i\x1c\xc7\xcb\xaa\xaax\x81\xdf@\xf2{0\x0c\xe3\x19\xa6\xac\xaa\n\xde\x93\xd7\xbe}{P/\xdbP=\xb5Z\xab\xddq\xe9\xc6\x8de\x9b6\x99,\x16!\x9c\xbd\xf5\x07p\x92,,))(.\xbep\xfdz\x87\x0e\x1d&amp;N\x9c\xd8\xb0\x1bP\xc5bqE\xb5\xfe\xec\xa5KEe\xe5d\x93{\x1c\x1c\xc7Id\xb2\xac;\xb9o.[\xaeR\xc8s\x0b\x0b\x9d\x0c\xf3\xcb/\xbfh4\x1a\xa1\x85\xfe]\x08B\x00 \xc1\xc1\xc1\x0e\x9a\xce\xc8\xcc\xfc~\xdf\xfe\n\xbd\x9e\x12j\xd9\xc9\x1f\x80\xdbP+\xf4\xfa\xef\xf7\xed\xcf\xc8\xcct\xd0tppp]\x7f)\x9clIII\x04A\xc8\xc4\xe2f\x01\x01\x05\xa5\xa5\x14E\t\xe7y@\xf7\x7f\xdb\x9e\xbd\x07N\xa7\x8d\xec\xd7WBQ/\xbc\xf8b\xfd\xdf\x02\xe6\xc2U\x9a\xa5\x94\xcb\x9f\x1c2\xa4U\x8b\x88j\xa3\xb1)]\x9d\x04o{\x17\x89\xc5\x8bW\xac\xdc\xfa\xcb/\x18\x86c\x18\xb6v\xed\xda.]\xba\x08\xad\xf2\xa76\x82\xf8\xb5\xe1\xd3\xed\xdd\xab\x97X,\x0e\xf2\xf3\x03\x00\\\xb8\x96)\x12\xf6%$.8\x9e\x17I\xa5\x17\xaee\x02\x00\x82\xfc\xfc\xc4bq\xef^\xbd@\x1d\xdfI\x0b?\xbcU\xabV\x12\x89\x04\xde=P-\x8c\xd3w\xff\x1f\x9e\'Hr\xc3\xae]\xa9\xe7\xcf\x7f\xf7\xcb\xbe\xd0\xe6\xcd\x9fz\xea\xa9\x06?\xfd-\xc0\xdf\xdfd\xb1\xac\xdd\xbe\xfd\xbdU\xab\xcbu:\x92$\x9b\xc6\x1c\xe1y\x9e\xc0q\xa5B1!e\xee\x9d{\xf7\x14ryqy\xf9\xc2\x85\x0b\x9f{\xee9\x9a\xa6\x85\x19\xfc\x81\x08E\x008\x8e\x0b\x0b\x0fo\xd3\xa6M\xa5N\xd7\xa5]\xdb\xfbe\</t>
        </is>
      </c>
    </row>
    <row r="258">
      <c r="A258" s="1" t="n">
        <v>256</v>
      </c>
      <c r="B258" t="inlineStr">
        <is>
          <t>color_size_circle</t>
        </is>
      </c>
      <c r="C258" t="inlineStr">
        <is>
          <t>What is the missing color of the part denoted with a question mark?</t>
        </is>
      </c>
      <c r="D258" t="inlineStr">
        <is>
          <t>['light blue', 'dark blue', 'dark yellow', 'light yellow']</t>
        </is>
      </c>
      <c r="E258" t="inlineStr">
        <is>
          <t>light blue</t>
        </is>
      </c>
      <c r="F258" t="inlineStr">
        <is>
          <t>There are circles of various sizes and colors in the image. The circles are ['small', 'extra large', 'medium', 'large'] size, and their colors are ['?', 'very dark blue', 'medium blue', 'dark blue'].</t>
        </is>
      </c>
      <c r="G258" t="inlineStr">
        <is>
          <t>We observe that the largest circle is very dark blue color, and the smaller circles change color from dark blue to medium blue. Hence, the pattern is that the circles become lighter as they become smaller.</t>
        </is>
      </c>
      <c r="H258" t="inlineStr">
        <is>
          <t>Based on the pattern that the circles become lighter as they become smaller, the missing color of the smallest circle denoted with a question mark should be light blue.</t>
        </is>
      </c>
      <c r="I258" t="inlineStr">
        <is>
          <t>b'\x89PNG\r\n\x1a\n\x00\x00\x00\rIHDR\x00\x00\x02\x00\x00\x00\x02\x00\x08\x02\x00\x00\x00{\x1aC\xad\x00\x00\xe4JIDATx\x9c\xec\x9dw|TU\xfa\xffO\xb9\xf7N\xcf\xa4\x87\x84\x90\x90\x00\x81\xd0;\n\x88\xa0\xa2bY\xdb\xda\x0b\xaem\xd7\xae\xeb\xee\xeaW\xf7g\xdbuw\xd9]\xd7\xb6\xba\xf6\x15\xb1`\xef\xa8X(\n"\xbd\x87\x1a\x02\t\t\xc9$\x99L\x9f[\xcey~\x7f\x9c0F\x8ak\x83\x9cI\xee\xfb\xb5/w\xee\x10\xc2\x99;\xf7&lt;\x9f\xe7&lt;\xcfs\x9e\x83\x01\x00\xd9\xd8\xd8\xd8\xd8t?Hg\x0f\xc0\xc6\xc6\xc6\xc6\xa6s\xb0\x05\xc0\xc6\xc6\xc6\xa6\x9bb\x0b\x80\x8d\x8d\x8dM7\xc5\x16\x00\x1b\x1b\x1b\x9bn\x8a-\x006666\xdd\x14[\x00llll\xba)\xb6\x00\xd8\xd8\xd8\xd8tSl\x01\xb0\xb1\xb1\xb1\xe9\xa6\xd8\x02`ccc\xd3M\xb1\x05\xc0\xc6\xc6\xc6\xa6\x9bb\x0b\x80\x8d\x8d\x8dM7\xc5\x16\x00\x1b\x1b\x1b\x9bn\x8a-\x006666\xdd\x14[\x00llll\xba)\xb6\x00\xd8\xd8\xd8\xd8tSl\x01\xb0\xb1\xb1\xb1\xe9\xa6\xd8\x02`ccc\xd3M\xb1\x05\xc0\xc6\xc6\xc6\xa6\x9bb\x0b\x80\x8d\x8d\x8dM7\xc5\x16\x00\x1b\x1b\x1b\x9bn\x8a-\x006666\xdd\x14[\x00llll\xba)\xb6\x00\xd8\xd8\xd8\xd8tSl\x01\xb0\xb1\xb1\xb1\xe9\xa6\xd8\x02`ccc\xd3M\xb1\x05\xc0\xc6\xc6\xc6\xa6\x9bb\x0b\x80\x8d\x8d\x8dM7\xc5\x16\x00\x1b\x1b\x1b\x9bn\x8a-\x006666\xdd\x14[\x00llll\xba)\xb6\x00\xd8\xd8\xd8\xd8tSl\x01\xb0\xb1\xb1\xb1\xe9\xa6\xd8\x02`ccc\xd3M\xb1\x05\xc0\xc6\xc6\xc6\xa6\x9bb\x0b\x80\x8d\x8d\x8dM7\xc5\x16\x00\x1b\x1b\x1b\x9bn\x8a-\x006666\xdd\x14[\x00llll\xba)\xb6\x00\xd8\xd8\xd8\xd8tSl\x01\xb0\xb1\xb1\xb1\xe9\xa6\xd8\x02`ccc\xd3M\xb1\x05\xc0\xc6\xc6\xc6\xa6\x9bb\x0b\x80\x8d\x8d\x8dM7\xc5\x16\x00\x1b\x1b\x1b\x9bn\x8a-\x006666\xdd\x14[\x00llll\xba)\xb6\x00\xd8\xd8\xd8\xd8tS\x94\xce\x1e\x80\x8d\xcda\x02\x00\xbe\xe7Ob\x8c\x0f\xe9Hll$\xc1\x16\x00\x9b4&amp;e\xd39\xe7\xfb\xbc\x831\xeeh\xc7\xf7\xb9\xfc\x9f\xbf\xb6\xa3Zt\xbcL\xfd\x12B\xc8&gt;\xef\xd8\xd8\xa4\x1d\xf8\xfb\xbbE66\x9d\x85xJ\x85\x95\x17\xaf\x85AOY\xe1\xefC0\x18\xc4\xf8\x7f&lt;\xf0\xe2\x07\xb2\xb2\xb2\xbe\xff\xaf\xe5\x9c\xa7\x14B\x88\x81\x18\x95-\x0c6\xf2c\x0b\x80\x8dt@\x07\x10B\x18cJ\xe9\x01\x7f\x921\x16\x0e\x879\xe7\x1b6l`\x8cY\x96\xb5t\xe9R\xd341\xc6;w\xee\xac\xa9\xa9IY\xfch4\xbam\xdb\xb6\xef9\x80\xbe}\xfbz\xbd^\xb4W\x0fz\xf7\xee]ZZ\n\x00\xaa\xaa\x8e\x1d;VQ\x14J\xe9\xa0A\x83\x08!\x19\x19\x19\xdf1\xb6\x8eZ\xf5\x83\x96 66\x87\x07[\x00l:\x1f\x00Hy\xf7\x84\x90\xfd\xfdz\xc6X$\x12\xd9\xbauk4\x1a]\xb3fM(\x14Z\xb3fM[[[cccCC\x03\xe7&lt;\x14\n\x1d\xe61\xfb\xfd~BHaaaAAAff\xe6\xb0a\xc3\xfc~\xff\xb0a\xc3\xbc^o\xbf~\xfd|&gt;\xdf\xfe\xc2\xc09\xe7\x9c\xa7V\t\xb6\x1e\xd8t:\xb6\x00\xd8t\x02\x1d}\xfc\xfd-~"\x91hnn\xde\xb6m\xdb\xda\xb5k\x03\x81\xc0\xb2e\xcbjkk\xf7\xec\xd9\x13\x0c\x06\x0f\xf6\x0b1F\x08\x10Bh\xef\xff\xa3\x9f\xf7\xb1\xc6{\xff\xbb7\x15\x80\xbec\xdedee\xf5\xe8\xd1\xa3W\xaf^c\xc6\x8c\xc9\xcb\xcb\x1b:th\xdf\xbe}sss].W\xc7\x1fK\xe9\x81\xbd&gt;\xb0\xe9,l\x01\xb09L\x087\x1f\x00\xf6\x0f\xe9\x84B\xa1-[\xb6\xd4\xd5\xd5\xad\\\xb9r\xe9\xd2\xa5UUU---\xf1x|\xff_\x82\xf7Z\xe1}\x9eZ\xa2:\xa8\xea\x00\x00WN1uz\x813\xd5\xe9\xf3\x14U\x00g\xed\x86\x95P_q%!\n|\xa74`\x849\xb7"uU\x8831fLh\xac~\x8b\x99\x8c`BY2\x9ah\xa9\xc3\x183S\xe7\xa6\xfe}\x06&amp;p\xbb\xdd999\x95\x95\x95c\xc7\x8e\x1d9rdqqqEE\x85\xdf\xef\xef\xf83"d$\x12\x1b\xb6\x18\xd8\x1c\x1el\x01\xb09\x84\x1c\xcc\xe83\xc6\xb6l\xd9\xb2i\xd3\xa6\x95+W~\xf5\xd5Wk\xd6\xacinn\xde\xe7\xef\xeeoR1\xa1\x8a\xd3\xabz\xb3\x1c\x19y\x9a?\xdf\x95\xdd\x93\xa8No\xcf\xfe\xc0\x99+\xa7Xq\xfa\x803\xd5\x93IT\x07\x02@\x18\x13\xaav\xfc\x85\x9cY\xdfs\xd8\x84~\xab:\x8e3S\xfcBn\xeaf\xac\r\x13j%#\x89\x96:Lht\xf7fn&amp;\x13\xad\xbb\x8dP\x93\x1e\x0e\x98\xd1\xa0\x95\x8c\x02g\x07\xfb\x08)rss\x87\r\x1bv\xe4\x91G\x8e\x1c9r\xc0\x80\x01\x15\x15\x15\xfb\xdc\x1f[\x0cl\x0e\x03\xb6\x00\xd8\xfc\xfc\x08\xa3\x8f\x10\xeah\xd4\xe2\xf1\xf8\xfa\xf5\xeb\x17/^\xbcv\xed\xda\xaf\xbf\xfez\xcb\x96-\x96\xf5\x8dE\xc6{\xd3\xb5\xa9\xc7Qqz\xb4\x8c|GF\x9e+\xbf\xb7+\xa7\xd8SP\xaez\xb3\x1c\x19\xf9Du*.\x1f\xc6\x08\x13\x05\x00\x80[\x08a`\x06\x88,\x02\xb7\xda\x1fi@\xfb\x19\xde\xefoI\xf7\xfb\x8bx\xef \x89\x82\x10\xc2\x84`\xaa!\x04\x98(\x18c\xe0\x16\x00\xb2\x12\x11n&amp;\xf5p\x93\x19\r\xc6\x1a\xab\x13-u\x89\xa6\x1a=\x1c0\xc2MV2\x96\x1a\x01F\x08\xbe]\x8c\xa4(JEE\xc5\xb8q\xe3\x86\x0e\x1d:~\xfc\xf8\xc1\x83\x07\xbb\xdd\xee\xd4\x9f2\xc6\xc4?\xfd\x83J\x9ell\xbe\x0f\xb6\x00\xd8\xfc&lt;\xa4\x9c\xfd\x8e1}\xc6\xd8\xca\x95+\x17-Z\xf4\xc5\x17_,_\xbe|\xd7\xae]\x1d\xff\n\xf9\xb6w\xacz\xb2\xdc\xf9\xbd\xbdE\x15\xde\xc2\ngNOWN/\xd5\xed\xa7N\x0f&amp;\x14!\x0c\xdc\x02\xce\x80Y\x00\x1c\x18\xeb\xb80@\x1dk.\x0f\xb5\xbf\xbcw\xbe\xec\x9d8\xdf\x0c\x03S\x8a1\xc1T\xc1\x84b\xa2 \x04\xc0\x19K\xc6\xccx(\xd1R\x9bl\xd9\x1dm\xd8\x12\xad\xdf\x12o\xaa1c\xc1\xd4\xd01B\xfc\xdb\xffBII\xc9\xe8\xd1\xa3\x8f:\xea\xa8\t\x13&amp;\x8c\x1c92%\xa2\xa9\x9c\x81\xbd,\xb0\xf9\xb9\xb0\x05\xc0\xe6\'\x91\xb2\xfb\x8a\xf2M\xd8\xa4\xae\xaen\xe9\xd2\xa5\xef\xbf\xff\xfe\x92%_WUmL\xbd/\xdc\xfc\x94\xbdS\xdd\x19\xee\x82&gt;\xc2\xe2\xbb\x0b\xca]9\xc5\xaa7\x8b(\x0ea:\xb9e\x00c\x00l\xaf\xcd\x15F\x0f\x1fr\x13\xffS\x00\xd8+\r"%\x8d1\xa6\x98R\xa2hB\xc6\xb8\xa5\x9b\xd1`\xa2\xa5.\xdeX\xdd\xae\x07\x8d\xdb\xcdxX\xfcm\xb2\xdf\xe2\xa0\xb2r\xe0\x11G\x8c;\xe5\x94S\xc6\x8e\x1d[\\\\\x9cz\xdf\xb2,[\tl~:\xb6\x00\xd8\xfc\x18\xf6\xb7\xfb\xc2\xd9_\xb0`\xc1G\x1f}\xb4t\xe9\xb2H\xa4\xdd\xa8\xedc\xf4\x9d\x99=\xbc\xc5\x95\xfe\xde\xc3\xbdE\x15\xee\xbc\xde\x9a?\x9f(*B\x08\x98\xc9-S8\xf8\xed\x7fMr[\xff\xfd\x01\x00\x04\xa8}O\x00\xc1T!\x8a\x8a\xa9\x8a\x10\xe2\x96i\x84\x9a\xe2\x81\x9ah\xfd\x96P\xcd\xeah]U\xb2m\x8f\xf8K\xfb\x88\x81\xcf\x971v\xec\x98\x13O&lt;\xf1\xe8\xa3\x8f\xee\xb8,\xb0\x95\xc0\xe6\xa7`\x0b\x80\xcd\x0f\xe0\x80v\xff\xeb\xaf\xbf~\xeb\xad\xb7\xe6\xcc\x99\xb3q\xe37\xce&gt;\xc1\x88\xef}\xb2RF?\xa3t\x88;\xbfL\xf5daB\x81[\xdc483\xda\x1d\xfc\xaed\xf1\xbf\x9b\x0ez\x800&amp;T#\xaa\x86\x89\x02\x9c\x99\xb1`\xbciGx\xe7\xba}\xc5\xa0\xc3\xcdD\x08\r\x1c8\xf0\xa4\x93N:\xe3\x8c3\xc6\x8d\x1bg+\x81\xcdO\xc1\x16\x00\x9b\xef\x85\x08@\x7f\xb7\xdd\xc7\x18\xa7B\xe3\xd4\xe1\xf1\xf5\x1a\x98\xddo\x9c\xbf|\x94;\xbfw\xbb\xd1g\x067\r\xce,\x84\xa0\x1bY\xfc\xef\xe6\x1b=\xc0\x84*D\xd50\xd5\xf6\x8aAM\xa8zE\xeb\xd6\xaf#\xb5\x1b\x99\x1eC{\xd3\x1d\xa99{0%8\xe0f:\x1b\x9b\xfd\xb1\x05\xc0\xe6\xbb\x10.\x7f\xca\xaf&lt;\x98\xddO\x05y&lt;\x05e\xbe\x92!\xd9\x03&amp;\xf8zV\xbar\x8a1U\x80Y\xdc\xd4\xbf1\xfa\x18\xff\x90j\x9c\xee\x06\x00t\x14\x03\x87\xb8\x81\x89\x96\xba\xc8\xee\xaa\xd6M\x8b"\xbb\xd6\xc5\x1aw\xa0\xfd\x02D\xfb+\xc1&gt;_\x9c\x8d\xcd\x01\xb1\x05\xc0\xe6\xc0\x88\xea\xc3\x94_\xb9q\xe3\xc69s\xe6\xcc\x9a5k\xed\xda\xb5\xe2\x9d\x8e\xfe\xbe\xbb\xa0,\xa7\xff\x84\x9cAG\xfb\x8a\x07*.\x1f\x02`\xa6\xce-]\x94\xcf\xdbF\xffG\xb1W\x0c0&amp;\x8a\x83\xaa\x0e\x84\xb1\x95\x88D\xea6\xb6lX\xd0\xb2yQ\xbcq\x07\xdaoM0t\xe8\xd0\x8b/\xbe\xf8\xa4\x93N\x1a8p\xa0xg\x9f\xef\xd1\xc6\xa6#\xb6\x00\xd8|\x8b}&lt;\xc7p8\xfc\xce;\xef\xcc\x9a5k\xde\xbcy\xa2l\x1fc\x82\xa1\xbd\xf9rF\xe9\x90\xdcAS\xfce#\xbc\x85\xfd\x14\x8f\x1f,\x93\x19\t\xb1\r\ncb\x87w~6\x00\xc4\x12\x0b\x13J5\x17VT+\x16\x8a6l\r\xedX\xd5\xbca^x\xe7:\xd4\xbe&amp; \xe2\xc7\x14E\x992e\xca\xc5\x17_|\xdai\xa7edd {A`s\x10l\x01\xb0iGdwS\xae\xe2\xe2\xc5\x8b\x9f{\xee\xb9\x0f?\xfc\xb0\xae\xae\x0e!\x840!{\xed\xbe\xa7\xa0,\xbb\xff\x84\x9cAG\xfb{\x0f\'\xaa\x13\x98\xc1\x8c$p&amp;6Ju\xda\x07\xe8\x1e\x00p\x04\x80\t\xa5\x9a\x13S\x8d\x9b\xc9P\xcd\xea\x96\r\x0bZ7/JE\x878&amp;\x088B\xa8\xb8\xb8x\xda\xb4i\x97^z\xe9\xf8\xf1\xe3\xc5_g\x8c\xd9{\xcalR\xd8\x02`\xf3\xad(A\xca\xe5\xff\xe4\x93O\xc4\x9f\x12BD\xabN\x87??\xbb\xff\xf8\x1e\xa3N\xf1\x16W*\xae\x0c`&amp;\xd3\xe3\x00\xdc\xb6\xfb\x9dB\xbb\x12`B\x1dnLU+\x11\x8e\xd6U\xedY\xf1~\xeb\xe6\xc5z\xa8\tu\xf8\xe2\x10BS\xa7N\xed\xb8 \xb0\xe3B6\x02[\x00\xba/\xfb\x84\x056m\xda\xf4\xca+\xaf&lt;\xfd\xf4\xd3\xc2\xe5\'\x84\x02g\x80\x10Q\xb4\xac\x8a#\xf2\x06\x1f\x933p\x92\xe6\xcb\x01\xce\xda\xe3&lt;\xb6\xdd\x97\x83\x0ek\x02\x17&amp;\xd4\x88\xb4\xb4l\\\x18X\xffyp\xcb\x12n\x19\x18!L(\xe7\x0c!T\\\\|\xc5\x15W\x9c{\xee\xb9\x03\x06\x0c@v\\\xc8\xc6\x16\x80\xee\x89\x98\xf9)\x07\xf0\x93O&gt;y\xe1\x85\x17^y\xe5\x15]\xd7\x11B\x94R\xe1!\xba\xf3J\xf3\x87\x9f\x907t\xaa\xa7\xb0\x1f\xc6\x98\xe9q\xceL\xdb\xeeK\x8bP\x02BU\xeap\x03@\xacak`\xed\'M\xab?\x8e\x07v\xa2\x0e_\xab\xc3\xe18\xf7\xdcs/\xba\xe8\xa2\xa9S\xa7\x8a\xbf\xc8\x18\xb3e\xa0{b\x0b@\xf7\xa2\xa3\xe97\x0c\xe3\xa3\x8f&gt;\xfa\xf7\xbf\xff\xdd\x1e\xed\xc1\x84 \xce\x01aB2\xfb\x8c)\x1a\x7fNV\xdf1\xaa\'\x8b\x9bIf$\x11\x02L\x88]\xcc\x93\x0e\x00p\x8e\x10\xa6\x9a\x93\xa8N3\x16\x0cn[V\xbf\xf8\xd5\xb6\xed\xcb\x80s\x82\x11G\xed\x19\x82\xa9S\xa7^w\xddu\'\x9ex\xa2\xa6i\xc8\x96\x81n\x89-\x00\xdd\x85}L\xff\x8b/\xbe\xf8\xaf\x7f\xfdk\xfd\xfa\xf5Ht?f\x16GH\xf3f\x17\x8c:)\x7f\xf8\x89\xde\x9e\x95\x84*V2\x06\xdc\xb2\xeby\xd2\x15\x00\x00\x8e\x89\xa28=\x9cY\xd1\xddUM\xab?j\\1\xc7\x88\xb6\x12\x84\x10UD\x7f\xec\xc1\x83\x07\xff\xf6\xb7\xbf\xbd\xf0\xc2\x0bm\x19\xe8\x86\xd8\x02\xd0\xf5\xf9\x0e\xd3O\x15\x85Y\x16B\xc8S\xd0\xa7\xc7\xe8S\xf2\x86\x9f\xe0\xce-af\x92\x19\t\x11V\xee\xe4\xa1\xdb\xfc\x1c\x88\x84\r\xd5\\Tu\xc6\x9bw\x05V\x7f\xbcg\xf9\xfb\xb1\xc6\xed\xa8\xc3\x03`\xcb@\xf7\xc4\x16\x80\xae\xccw\x98~EQD]\x7fV\xbfq\x05#O\xca\x1br\xac\xea\xc9\xb4\x92Qn\xe9\x18\x13dG\xf9\xbb\x1e\xc0\x018Q\x1c\x8a\xd3k\xc6\xda\x02\xeb&gt;k\\9\'\xb8\xf5k\xd4\xe1a\xb0e\xa0\xbba\x0b@\x97\x851v`\xaf\x9f\x12\xc68B(\xab\xdf\xb8^G_\x9cUq$QT+\x11\xb5\xa3=\xdd\x82T\\\xc8\xe5\xe5\x96\x19\xdc\xf2U\xed\x82YB\x06R\x0f\xc6\xfe2`\x17\x8cvUl\x01\xe8\x82\xa46\xfb\xecg\xfa)c\x8cP5o\xd8\xd4\x82\x91\'eW\x1c\x89\x08\xb1\x92Q;\xda\xd3\r\x11q!\xc5\xe9E\x9c\xb7n\xf9\xaaq\xe5\x9c\xc0\x9aO83S\xc5B\x1de`\x9fM\x826]\x06[\x00\xba\x14\x1d\'\xea\xec\xd9\xb3\xef\xbb\xef\xbe\xbd\xb1~\x95Y&amp;\xa6J\xc1\x88i\xc5G]\xe0\xeb5\x088c\xc9(\x00\xc2\xf6\xa6\xd0n\x0cp\x8e1\xa2N/&amp;4R\xbb\xa1\xee\x8b\x97\x1aW}\x08\xcc\x12\x0f\x0cBh\xf0\xe0\xc1w\xdcq\xc7y\xe7\x9d\x87\xec]\xc4]\x11[\x00\xba\x08\x1d\xc3\xfd\x9f}\xf6\xd9\x8c\x193Dq\xa7\xa2\xa8\x96e"\x84\xf2\x87\x1d_r\xec\xe5\xbe\x9e\x95\x9c\x19L\x8f#\x84m\xd3o#\x00\xce\x11\x02\xeap\x13\xaaEvW\xed\xfa\xec\x99\xa65sQ\x87\x87g\xea\xd4\xa9\xb7\xdez\xeb\xb1\xc7\x1e\x8b\xec\xc4@\xd7\xc2\x16\x80\xae@*J\xbb~\xfd\xfa\x07\x1ex\xe0\xd9g\x9fE{\xbd~\xb47\xd6\x9f\xdd\x7f\x02\x00gz\xcc\xde\xc9es@\xc4&gt;2\xea\xf0`LZ7/\xfa&amp;7\xb0\xf7A\xba\xec\xb2\xcbn\xbe\xf9\xe6\xc1\x83\x07#;1\xd0U\xb0\x05 \xbd\x11\xcd^\x08!\xa1P\xe8\x9f\xff\xfc\xe7\xdf\xff\xfew\xc30\x08U\x80Y\x80PF\xaf\xc1\xbdO\xbc:\xab\xdf\x11X\xc4\xfaE\x93N\x1b\x9b\x83\xd3\xdeO\xd4\xe9\x05\xce\x83[\x97\xd4|\xf4\x9fp\xedz\x8c\x10\xa6\ng\x96\xa6i\x7f\xf8\xc3\x1f~\xf7\xbb\xdf\xf9\xfd\xfe\xd4\xb3\xd7\xd9C\xb6\xf9\xf1\xd8\x02\x90\xaet\x8c\xf9\xcc\x9e=\xfb\xae\xbb\xee\xda\xb2e\x0b&amp;\x94 \xce8x\n\xca\x8b\x8f\xba0\x7f\xc44\xc5\xe96\x13\x11d\xc7\xfam~\x08\xc09\xc2Hu\xf9\xacd\xbci\xd5\x87u_\xbc\x18k\xac\xa6\x04sD\x80\xb3\x8a\x8a\x8a{\xee\xb9\'\x95\x18\xb0#B\xe9\x8b-\x00iI\xc7\x98\xcf\x1f\xfe\xf0\x87\x0f?\xfc\x10!\xa4\xa8\xaae\x9a\xaa\'\xab\xe7\x84s{\x1d}\xb1\xe2\xf2Y\x89\x08pfW\xf8\xd8\xfc8\xc4\xc3#\x1e\xa4\xda\x05\xb3v/z\xc5\x8c\x05\xc5c\x86\x10\x9a6m\xda\xdf\xff\xfew;"\x94\xd6\xd8\x02\x90f\xa4\x1c\xff\x8e1\x9fT\x94\xb6\xc7\xe8S{\x1f\xff\x1bw^\xa9\x19\x0f\xd9\xa6\xdf\xe6gA&lt;H\xaa\xdb\x1f\x0f\xec\xac\x99\xfb\xf8\x9e\xe5\xef\xa1\xbd\x89\x81\x8e\x11!{)\x90\x8e\xd8\x02\x90NX\x96%\x8ee\xff\xf0\xc3\x0fo\xba\xe9&amp;\x11\xf3\xc1\xc08\xa0\x8c^\x83\xca\xa6]\x97=`\x023\x12\xdcLb\xa2t\xf6`m\xba\x14\xc0-\xa2:\xa9\xe6j\xdd\xb4h\xc7\x87\xff\x0e\xd7n \x18\x01\xa6""\xf4\xe0\x83\x0fN\x9b6\ruxDm\xd2\x02[\x00\xd2\x83\x94\xe3___\x7f\xcb-\xb7\xcc\x9e=\x1bu\x88\xf9\x94\x1e{y\xd1\x91\xbf$\xaa\xd3J\x84\xed\xdd\xbc6\x87\n\x00\x00\xae\xb82\xb8\x99\xac\xff\xea\xf5\x9d\x9f=\xd31"t\xdey\xe7\xdd\x7f\xff\xfdEEE\xf6R \x8d\xb0\x05 \rHyU\xb3g\xcf\xbe\xe5\x96[\xea\xeb\xeb\xf7\x89\xf9\xb8rK\xacD\xd8\x8e\xf9\xd8\x1c\x06\xf6&amp;\x062\x12\xcd\xbb\xf6\x89\x08\x15\x15\x15\xdd\x7f\xff\xfd"9l/\x05\xd2\x02[\x00\xa4\xe6\xc0\x8e\xbf\xa2X\x96\xe5\xca\xed\xd5\xf7\xb4\xdf\xe7\x0e&gt;\x86%c\xdc\xd2m\xd3os8\x01\xce\x88\xe2\xa0NO\xf3\xfa\xcf\xb7\xbd\xf3\x8fDsm\xaa\xa3\x9c\xbd\x14H#l\x01\x90\x97Te\xc57\x8e\xbf\xaa1\xd3\xc0\x84\xf6\x9a&lt;\xbd\xd7\xd1\x17\xab\xdel+\x1e\xb2c&gt;6\x9d\x83\x88\x08\xb9\xfdf\xb4\xb5v\xc1\xac\xda\xf93\x813\xf1\x88v\\\n\xd8\x05B2c\x0b\x80\x8c\x00\x00cLQ\x94\x96\x96\x96\xeb\xae\xbb\xae\xa3\xe3\xef\xeb5\xa8\xdfi\xbf\xcf\xec3\xdaLD\x80\x99\xb6\xe3o\xd3\xb9\x00g\x98\xaa\xaa\xcb\xd7\xb6}\xf9\xd6w\xfe\x11\xa9\xdd\xd0q)\xf0\xef\x7f\xff;\'\'\xc7\xb2,J\xa9\xbd\x14\x90\x10[\x00\xa4C\x9c\xd3\x8d\x10\xfa\xf8\xe3\x8fo\xb8\xe1\x86-[\xb6\x88&lt;\x1b&amp;\xa4\xe4\x98\xcbK\x8f\xb9\x8c\xa8\x0e+\x11\xc1\x84\xda\x8e\xbf\x8d\x14\x00\x00g\x8a\xcb\xc7M}\xe7\xe7\xcf\xee\xfa\xfc\x19\xe0\\&lt;\xb4\x15\x15\x15\x0f?\xfc\xf0\t\'\x9c\x80:&lt;\xd86\xf2`\x0b\x80\\\x88\xd4\x99eY\xbf\xff\xfd\xef\x1f|\xf0A\xb4\xb7\xd4G8\xfe\xfe&gt;\xa3-\xbb\xc0\xdfFJ\xda\x93\xc3n\x7f(\xb5\x14\xd8[ t\xd3M7\xfd\xe3\x1f\xff\x10\x0f\xb6\x9d\x19\x96\n[\x00d!\x15\xf6\xd9\xbau\xeb\xaf~\xf5\xabE\x8b\x16QE\xe5\xcc\x04@\xc5\x13\xcf+?\xf9&amp;\xa2hV2\x82\t\xb5Of\xb7\x91\x15\x00\xce\x14\xa7\x8f[F\xf5\x07\x0f\xd6}9\x1bcD\xa8\xca,s\xc2\x84\t\xff\xfd\xef\x7f\xfb\xf5\xebg\x87\x83\xa4\xc2\x16\x00)H\xad\x8e_}\xf5\xd5k\xae\xb9\xa6\xa5\xa5E\xd5\x1c\xa6\xa1k\xbe\x9c\xfeg\xdf\x99;x\x8a\xdd\xd4\xc1&amp;]H5\x90h^?o\xf3k\xf7\x1a\x91\xf6\x879\'\'\xe7\xb1\xc7\x1e;\xe7\x9cs\x90\x1d\x0e\x92\x06[\x00:\x9f\xfd\xc3&gt;\xe2T\xa6\xbc!\xc7\xf6=\xedw\xce\xac"3\x1e\xc2\x84\xd8\x8e\xbfM\xfa\x00\xc0\xb9\xea\xf6\'\x83\xf5\xdb\xde\xf9g`\xddg\xa9\x83\xc6\xecp\x90T\xd8\x02\xd0\xc9\x88i\x90\n\xfb(\xaaf\x99\x06&amp;\xa4\xfc\xa4\x1bzM\x9e\xce-\x93\x9bI\xdb\xf1\xb7IG\x803\xa2:\x89\xa2\xd6\xce\x9fY=\xe7a\xe0\\&lt;\xde\x1d\xc3A\xb6\x06t.\xb6\x00t\x1a\xa9M^\xfb\x84}\\9\xc5\xfd\xcf\xb9;\xbb\xe2\x08#\x16Dv\x07\x7f\x9btF\x9c.\xa0y\xb2Z\xb7,\xd9\xfc\xea\xdd\x89\x96\xba}\xc2A\xf6f\xb1\xce\xc5\x16\x80\xce!\xb5;\xe6\x9e{\xee\xb9\xfb\xee\xbbQ\x87\xb0O\xbf3o\xd7|9V&lt;\x84\xa9\xed\x1c\xd9t\x05\x80Y\x8a\xdboDZ\xb6\xbe\xf9\x97\x8e\xe1\xa0\xbb\xef\xbe\xfb\xae\xbb\xeeB\xf6f\xb1\xce\xc3\x16\x80N@\xac|\x83\xc1\xe0o~\xf3\x9bW_}\x95**\xb7LDh\xf9I\xd7\xf7\x9a&lt;\x9d\x9b\x86\xdd\xda\xc1\xa6\x8b!ZG\x10U\xab\x9d?\xb3z\xce#\x883\xa2\xa8\xcc2\xcf9\xe7\x9c\xc7\x1f\x7f&lt;++\xcb\x0e\x07u\n\xb6\x00\x1cn\x84\xb3\xb3u\xeb\xd6\x0b/\xbcp\xd9\xb2e\x9a\xc3i\xe8I\xcd\x973\xf0\xc2\xbff\xf7\x1fo\xc4\x82\x18!d\x87}l\xba\x1e\xc0A\x84\x836/\xde\xf8\xe2\xff\x19\x91\x16\xf1\xf0\x8f\x193\xe6\xc5\x17_\xec\xd7\xaf\x9f\xbd\x0e8\xfc\xd8\x02pX\x11n\xce\xa2E\x8b~\xf1\x8b_\xb4\xb6\xb6\x8axhF\xe9\x90A\x17\xfd\xdd\x91\xd5\xc3\x8a\x87\xed\xb0\x8fM\xd7\x06\x98\xa5\xb83\xf4\xe0\x9e\r/\xfc!\xbcs\x9d\x98\x02\xd9\xd9\xd9\xef\xbe\xfb\xee\x84\t\x13\xecu\xc0a\xc6\xf64\x0f\x13\xa9}^O=\xf5\xd4\xe4\xc9\x93[[[\x15E5\r\xbdp\xdc\x19#\xae~F\xf5\xe5X\x89\x88m\xfdm\xba&lt;\x98*V"\xa2\xfarF\\\xfdL\xe1\xb83LCW\x14\xb5\xb5\xb5u\xf2\xe4\xc9O=\xf5\x94\xa2(\x8c1\xdb+=l\xd8+\x80\xc3Aj\xdb\xcb\xcd7\xdf\xfc\xe0\x83\x0fbB1p\x0e\xd0\xef\xf4[\x8b\']h%\xa2\x00\xcc\xae\xf6\xf9y\x00@\x08\x01\x02\xd4\xfe\\\x7f\xfb\xf1\xfe&gt;\xd5&amp;\xfb\xce\x08,\xfe\x83\xdb_\xd8\xf5*?\x03\x00\x1cc\xaa\xb8\xbcu\x0b_\xdc\xfa\xf6\x0c\x821`\x02\x9c\xddt\xd3M\x0f&lt;\xf0\x00\xb2w\x8a\x1d.l\x018\xe4\x88G\xd9\xb2\xack\xae\xb9\xe6\xa9\xa7\x9e\x12\rR\x14\xa7\xaf\xf2\x82\xfbr\x07\x1dm\xc6\xc3\x18c\xdb\xac\xfcp\x00\x01\x02\x80oL&lt;\xc6\x18cq\x16&amp;Q4\x84\tB\x80\x89\x92*1\x04\xe0\xc0\xac\xff\xf9{1URb\x0c\x00\xc0-\x840\x02\xce-\x03!\x04\xdc\x02\x80\x0e"\x811\x16\xd2`\x7f\x83?\x10\x00\x00P\xdd\x19\xcd\x1b\x16T\xbdt\x87\x95\x8c\x88\xa9q\xe5\x95W&gt;\xf6\xd8c\x8a\xa2\xd8\x1ap\x18\xb0\x05\xe0\xd0"\xf2Z\xc1`\xf0\xd4SO]\xb4hQ\xaa\xd2\xbf\xf2\xfc?g\xf6\x19cD\x9a\xed\xb0\xcf\xf7\x05 e\xee1&amp;\x98*\x98\x10LU\x8c)&amp;\x048\x03\xe0\xdc\xd4\xcdX\x1b&amp;$\x1e\xd8\xc5\x8c8&amp;4Z\xbf\x85%\xa3\x08!\x84\x89\x15\x0f\xc5\xf6l\xff\x9f\xff\x8e\xa7G\x1f\xc5\xedG\xc0\x11B\xd4\xe9\xf5\x16U\x00gTs\xbb\xf3J\x80s\xd5\x93IT\x07\xc6\x04\x13\n\x9c\x030`&amp;p\x0e\xcc\x125\xef{%\xc1\xd6\x83\xef\x050K\xf3\xe5\xb6m_V\xf5\xf2\x1fS\xbb\x04&amp;L\x98\xf0\xde{\xefeee\xd9i\xe1C\x8d-\x00\x87\x10\xf1\xf8644\x9cv\xdai\xcb\x96-S\x1d\x0eS\xd7}\xc5\x95C\xaf\xf8\xb7\xea\xc9\xb2\x83\xfe\xff\x83\x8e\x16\x9fPBU\xach\x84*\xc0\x19g\xa6\x19k\xb3\xe2a\xbdmO\xa2\xb5\xce\x087\'Zw\xebmML\x8f&amp;Z\xea0\xc6f&lt;\xfc\xb3\x0fGug\x00\x80+\xa7\x98:\xbc\x8e\xcc|WvO-#\xd7\x95]\xec\xc8\xec\xa1\xb83TO&amp;\xa1*&amp;\x943\x0b,\x833\x138C\x08\xd9z\xf0?\x01f).\x9f\x19\x0b\xae}\xfa\xbaH]\x95\x98&amp;c\xc6\x8cy\xe7\x9dw\n\x0b\x0bm\r8\xa4\xd8\x02p\xa8\x10\xf5\x0c\xcb\x96-;\xed\xb4\xd3\x1a\x1a\x1a\x84kS0\xea\xe4~g\xdcF\x14\x87\xdd\xe0\xe1\xc0\x00\x17\x0f$\xc6\x84(\x1aV4L)\xe2\xdcJF\xf5PS\xbc\xa9&amp;\xd6\xb05\xde\xbc3\xd9\xb2;\xde\xbc\x93\xe9qn\xea\x9d=bDT\x07u\xb8\xdd\xb9\xa5\xce\x9c\x9e\xee\xdcROa?w~o\x87?_qz\x11!\xc0\x18X\x06\xb7\x0c\xb1&gt;\xc0\x18\xdb5\xbe\xfb#\x9aFpK\xdf\xfa\xd6\xdf\x1aW| &amp;Kaa\xe1;\xef\xbc3f\xcc\x18\xbb4\xe8\xd0a\x0b\xc0!!e\xfdO8\xe1\x84`0(Z\xa0\xf4\x18\xf3\x8b\x01\xe7\xde\xcb\xcd$\xb7Ll\x077S\x00\xb4\x1bGB\xc5^!\x8407\x12\x89\xd6\xdd\xf1@Mt\xf7\xe6h\xfd\x96x\xd3\x0e\xbd\xad\x81\x19\xc9\xef\xf9+\x15\xcd\xa9hN\x00\xee\xc9\xcc\xf3f\x17rn!\x84\x1c\xee\x8c\xfc\xde\x039\xe7\x07s\xc7\x01\x10!\xa4\xa9f\xa3\x1e\x0f#\x84\x08Q\xa2\xad\r\xb1\xb6\x00\xc6\xc42\x92\xd6\xf7\xfe\xd7\xa9\xe6td\x16\xba\xf3\xcb\xbcE\x15\xde\x9e\xfd\xddy\xbd]\xd9=\x89\xe6B\x08\xc4.?\xb18\xb0\xcf\xf2\xec\x08pN\x14\x95\xa8\xceM\xaf\xdc\xb9g\xd9\xbbb\xcadee}\xfc\xf1\xc7\xb6\x06\x1c:l\x01\xf8\xf9I\x15\xfb\x9fz\xea\xa9\xc1`\x90**\xb3\xcc&gt;\'\xdf\xd8k\xf2tf$\x00\xb8]\xf0\x83D\x97\x18\x00\x841Q\x1cTu B\xacx8\xd1R\x17\xd9\xb5&gt;\xbag[x\xe7\xda\xf8\x9e\xed\xcc\xfc\x1f6Ws\xfb\x1cn_f\x8f\xde\x9a\xcb\x9b\xdf{\xa0\xea\xf4\xe4\x97\x0f\xe2\x8ce\xf6\xe8\xedp\xfb\x803\xcd\xe5sx2\x80s\x84\x11\xc6\x84** 8x\xc2\x160\xc2\xcc2\x018\x02\x84\t\xd1ca#\x11\xc1\x84\xea\xf1H\xdb\x9e\x1aBiS\xf5\x063\x19k\xaa\xd9h$\xa2m{j\xf4x\xc4\x88G\xbe{\x90Tu\xba{\xf4\xc9(\x1d\xea\xed\xd1\xd7W2\xd8\x95S\xac\xb83\x10\xe7\xcc\xd4\xb9\xa5\x8b\x9b`?\x12\xa8\xbd4\x88P\xcdU;\x7f\xe6\xf6\x0f\x1e\x12\x13\'++\xeb\xbd\xf7\xde\xb3\xb7\x08\x1c"l\x01\xf8\x99\x11\x8f\xe9SO=u\xcd5\xd7X\x96E\xa9\xc2\x98\xd5\xef\x8c\xdbzM\x9enD\x9a1\xea\xee\xe1`a\xf71\xa1Tsa\xaa\x00\xb3\x12-u\x91\xba\x8d\xe1\x9a5\xc1\xad_\xc7\x03;\xf7\x86\xce\x0f\x80\xc3\xed\xcb,,\xcb\xc8\xed\x99[\xd2?\xbb\xb8\x9f;3/\xab\xb0\xb7\xea\xf4\xb8}\xd9\x08#\xaah\x00\x9c3\x86\x10b\xa6\x01\x9c!\x8c9g\xc0\xac\xbd\x16\x1f\xbe\xcf\xd3\x8e1N\xfd&lt;\xa6\n!\xb4}\xc0\xaa\x86\x10"\x94bL\x98e @\xf1H\xab\x99\x8c\x05\x1bj\xe2m\x81\xd6\xba\xad\xcd\xbb6\x87\x9bw\xb75\xec\xd0\x0f.\t\x98Pw^iV\xbfq\x19\xbd\x87\xf9\x8a\x07\xbar\x8a\xc5M`FB\x0c\xb8\xbb+\x01\x00 \xd0|\xb9\xb5\xf3gn}\xebob\xfa(\x8a\xf2\xd8c\x8f]y\xe5\x95\xb6\x06\xfc\xec\xd8\x02\xf0s\x92\xb2\xfeW]u\x15&amp;\x04\x03p\x80~g\xdc\xd6\xeb\xe8\x8b\x8dp\xb7.\xf8\xf9\x96\xddWT+\x16\x8a6l\rU\xafh\xdd\xfau\xa4v#\xd3c\xe2\xc70\xfe\xd6\x03\xa9:\\9\xbd\xfa\xe7\xf4\xea\x97\xd7{`^ieVQ\x1fOf\xbe\xe2p\x12J\x811\xe0\xdc2u\x00\xce-\xab\xfd\x9f@{k&gt;1i\x97\xd9\x9fZ\xa0\xd9\xbe\x9f\x00\x10\x12uAb\x9b\x810\xd3DQ0&amp;\x8a\xea\xc0\x84`J9c\x96\x9e\x8c\xb55\x05\xeb\xb7\x07vV\x05j6\xb6\xd4nm\xa9\xddl\xea\x89\xd4\xaf\xeb\xf8\x01\xa9\xc3\xe3\xeb50\xbb\xdf8\x7f\xf9(oa?\xc5\xe3\x07\xcb\xb4\x95\x00\x89\xd2\xa0\x8c\xdc\xda\x05\xb3\xb6\xbe\xf57\x821`\x0c\x9c?\xf9\xe4\x93\xb6\x06\xfc\xec\xd8\x02\xf0\xb3\xd1\xd1\xfa+\x8a\xca,\x93~S\xec\x1f\xea\xa6)_\xe0\xf0\x8d\xbf\xafZ\x89p\xa4nc\xcb\x86\x05-\x9b\x17\xc5\x1bw\x88\x1f\xc1\xdf\xde\xac\xe5\xf4f\xe6\xf5\x1e\xd8s\xc0\x98\xc2\x8a\x91\xd9=\xfb\xf8\xf3K\x14\x87\x13c\xc2-\xd32un\x99 ~\xa7\xf0\xd3\x85\xc1\xef\xacE\x95\x98&lt;\x00bm!\xb6!\x10EUT\x07QT\x00n\xe9\xc9P\xd3\xae\xd6\xdd\xdb\x1b\xb6\xac\xdc\xbdiY\xa0fc2\xda\x96\xfa\xdb\x1d?\xb8\xbb\xa0,\xa7\xff\x84\x9cAG\xfb\x8a\x07*\xae\x0c`\xedJ\xd0m\x93\xc6\xc0\x99\xea\xf6\x8b-\x02,\x19\xa1\x8ajY\xa6\xad\x01?;\xb6\x00\xfc&lt;\x1c\xd0\xfa\x0f\xbd\xe2\x91nZ\xec\x0f \xe2\xb9Ds\x12E\xb3\x12\x91\xfd\xed&gt;\xc28\xb5\x9dJsy\x0b\xfa\x0e\xeb\xd9\x7ft\xcf\x01c\xf2zWz\xb3{P\xd5\xc1\x99\xc5LC\xf8\xf8\x08@\xa4L\xe5o\x1c/\xb6\x89\x01p\xe1\xc5+\xaa\x83\xaa\x1a\xa1\n3\xf5h\xeb\x9e@M\xd5\xeeM\xcbvo^\xde\xb8m\x8d\x91\x88\xb6\xff\x9d\x0e\xb7\xe2\xdbJ\xe0\xe3\x96\xc1\x8dd{\xdeH\xfa\xcf\xfe\xf3\x92\xda"\xb0\xf6\xe9\xebm\r8D\xd8\x02\xf03p \xeb\xef\x1dz\xc5\xbf\xfd\xe5#\xcdh+\xa6jg\x0f\xf00\x02\x1c\x00\x88\xa2Q\x87\x87\x9bz\xbc\xb1\xbai\xed\'\x81u\x9f~\xe3\xefw\x88\x81\xf8\xf2z\x96\x0c\x1e_&gt;zjA\xf9\xe0\xcc\x1e\xbd\xa9\xa2qfYF\x92Y\x06p.\x9c_\xf9-\xfew\x03\x00{\x97A\x84*\x9a\xa29\tU\x98e\xb4\xed\xa9i\xac^_\xbd\xfc\x93]\xeb\x17G\x02\xbb\xc5\x0fw\xbc9\xee\x82\xb2\xbc!\xc7\xe5\x0f\x9d\xea.(\'\xaa\x83\xe91n\x19\xddmA\x00\xccT\xbd\xd9\xa1\xea\x95k\x9f\xbe\x8e%\xa3\xb6\x06\xfc\xec\xd8\x02\xf0S\xf9N\xeb\x1f\xec&gt;\xbe\xbf\x88\\S\xcdE\x14G\xa2\xa5.\xb8eI\xd3\xea\x8f\xda\xb6/\xdf[\xf2\xf8\xcd\x93\x96S\xdc\xafl\xe41}\xc6\x1c\x9f\xd7\xbb\xd2\x9d\x91\x8b\x10XF\xd22t\x80.b\xf4\x0f\xc67b\x80\x89\xa29\x14\xcd\x89\x10\x8e\x87\x9b\x035U\xdb\x97\xcd\xdd\xb1\xf2\xf3\x96\xba\xad\xe2\'S\xb7\x0b\x13\x9a\xd9gt\xfe\xf0\x13\xb3*\x8ep\xe5\x14sKgFBdS:\xf5\xa3\x1c&gt;\x80Y\xaa7\xcb\xd6\x80C\x84-\x00?\t\xdb\xfa\xb7G{\x88\xa2\xb8\xbc\xdc2\xa3\xbb7\xd5/y\xbde\xc3\x02#\xda\x8a\x0eb\xf7{\xf4\x1d\xe6\xf4f2\xcb\xb0\xf4$c&amp;\x12\xad\x1d\xba\xa8\xd1?\x18\xb0w\xf7\x03\xa5\xaa\xe2pREKF\xdb\xf6l[s0%\xd0\xbc\xd99\x83\x8e.:\xe2\x97\xde\x9e\x03\x88\xa2Z\x89(p\xab\x9b\xc4\x85l\r8t\xd8\x02\xf0\xe3\x11\x0f\xdf\xd3O?}\xe5\x95WvG\xeb\x0f\x1c\x80\x13\xc5I\x1dn3\xde\xd6\xbc\xee\xf3\xc6\x95s\xda\xb6/\x03\xce\x11\xfa&amp;\xae\xed\xcd)\x1c0\xe1\xd4\xbecN(\xd8k\xf7\xcdd\x9c3\x0bc\x82\t\xfei%:]\x03\x91\xd5\xe6\x84*\xaa\xd3-\x94\xa0q\xdb\x9am\xcb&gt;\xde\xb4\xe8\xbdhK\x03B\xdf\xdcLLHf\x9f1\x05#O\xca\x1dr\x8c\xea\xcedz\x9c[I\x8cI\x97\x8f\x0b\x1dP\x03\x9ez\xea\xa9+\xae\xb8\xc2\xd6\x80\x9f\x82-\x00?\x12\xf1\xd8-Y\xb2d\xfc\xf8\xf1\x84P\xce,\x91\xf5\xed\x0e\xd6_de\xa9\xe6&amp;\x9a3\xd9R\xd7\xf0\xf5\x9bM\xab\xe7\xc6\x035\x08!L\x88\x10\x00\xaaj\xbd\x87O\x1e4\xe5\xec^\x03\x8f\xf0\xe6\x14~\xdb\xeewqk\xf5\xa3\x01\xce;*A\xb4\xa5\xa1v\xe3\x92\r\xf3^\xabY=\x9f\x99\x06\xeap{\xddy\xbd\xf3\x87\x1f_8\xeeLgN17\x92\xcc\x88w\xf9\xca\xd1\x0e\x1ap=KF\x08U8g\x8b\x17/&gt;\xe2\x88#l\r\xf8\xd1\xd8\x02\xf0c\x10\r\xaa\x96-[v\xe2\x89\'\xb6\x85B\x08a\xe2p\x0f\xb9\xec\xa1\xcc\xf2Q]\xdb\xfa\xb7\x9b~\x87\x9b(Zx\xd7\xfa\xa6\x95s\x1aW\xcei\x8f\xf6\x10*\xc2\xfd\xd9=\xfb\xf4\x9fpZ\xff\t\xa7\xe6\x95V"\x8c\xcdd\x8c\x99\x86m\xf7\x7f\x10B\t\xa8\xaa\xa9N\x0f\x02\x08\xec\xac\xda\xbc\xe8\xbd\xcd\x8b\xdei\xdd\xbd\x1du\xb8\xd5\x9a7\xbb`\xe4I\xf9#O\xca(\x19\xcc-\x83\xe9]\\\x06\x84\x06\xb4U\xafX\xf7\xec\x8d\\\x8f#\x04\x99~\xffG\x1f}4f\xcc\x18\xbbg\xdc\x8f\xc3\x16\x80\x1fL\xca\xfa\x8b&gt;?b\xb3\xe2\x90\xcb\x1e\xca\x1br\x9c\x1ei&amp;]\xd4\xfaw4\xfd\x91\xda\ru_\xbc\xd4\xb4\xea#\xceL\x84\x10\xc2Dl\x92*\x1dz\xd4\xc0\xc9g\xf5\x1bw\x92+#\xcb\xd2\x93\xa6\x1eGv\xc7\x9b\x9f\xc2\xde&lt;\x81\xeap+\x0eg"\x1c\xdc\xfa\xf5\x9c\x8d\xf3\xdf\xd8\xb9\xf6\x0b\x84\xbe\xb9\xed\x84\xaa\xf9#N,&gt;\xea\x02_\xafA]^\x068\xb3\x1c\xbe\xdc\xc0\xbaO\xd7={\xa3\x98z\xa9~A\xb6\x06\xfc\x08l\x01\xf8a\x88C*\x02\x81\xc0\xa0A\x83\x02\x81\x80\xa2\xa8\x96e\xf6;\xe3\xb6\xe2\x89\xe7\x9b\xb1\xb6\xae\xe9\xfb\x03\x00\xf0\x8e\xa6\xbfq\xd5\x87\xc0\xac\x94\x1fJ\x15m\xc0\xa4\xd3\x87\x1c{~\xcf\xfe\xa3\x15\xcd\x99\x8c\x85931!]\xd5\x06\x1d~\x008pN\xa8\xea\xf4dXFr\xf7\xe6\xe5\xeb&gt;{y\xd3\xc2\xb7\x99%\xe2B\x148\xc3T)\x181\xad\xa3\x0ctU\xe9\x05f\xa9\x9e\xcc\xba/_\xde\xfa\xd6\xdf\xc4\x04\xcc\xcb\xcb\xdb\xb0aC^^\x9e}\x86\xcc\x0f\xc5\x16\x80\x1f\x00\xe7\x1c!\xd4\xd6\xd66m\xda\xb4\xa5K\x97*\xaa\xc32\xf5\xf6N\x0f\x91\x96\xaeX\x99\x07\xc0\x19Q\x9cTsF\xea6\xeeo\xfa\xdd\xfe\xdca\'\\\xdc\x7f\xc2/\xf2{\x0f\xe4\x9c\x19\x89(p \xb6\x17v\xc8\xe0\x8ca\x825\x97\x97\x10\xdaT\xb3q\xf3\xa2w\xd7|&lt;+\x1ejF\xfb\xcb@\xf1@f$\xb9%\xba\x8ew5\x19\x00\xce4_\x8e\xe8\x15!\xa6\xe1\xd8\xb1c?\xfc\xf0\xc3\xcc\xccL\x84\x90\xad\x01\xdf\x1f[\x00\xbe/\x00\xed\xdb\xfd\'L\x98\xf0\xd5W_\x89\x96\xe5\xe5\'\xddPv\xc2\xd5z\xa8\xa9\xeb\xf9\xfe\xc0\x19\xa1*uz\xf5\xb6\x86\x9d\x9f&gt;]\xff\xf5\x9b\xfb\x9b\xfea\xc7_\xec/(\xb1\xf4\x84\xa1\xc71\xc2v\x94\xff\xf0\x00\x9c\x03\x02\xcd\xe1V\x1c\xaeP\xe3\xae5sg\xed/\x03E\xe3\xce,=\xee\nGf!KF93\xbb\x9ew\x02\xccr\xf8\xf3w|\xfc\x9f\xea9\x0f\x8b\xc9x\xe4\x91G.Z\xb4hoO\x8e\xae\xa6y\x87\x08[\x00\xbe\x17\x00\xc0\x18S\x14\xe5\xaa\xab\xaez\xea\xa9\xa74\x87\xd3\xd0\x93=F\xffb\xc0\xb9w[z\xac\x8b\xc5:\x80s\x84\xb1\xea\xc94BMu_\xbe\xdc\xb0\xe4\r#\xdaz@\xd3o$\xa2\x96\x91\xb4\xa3=\x9d\x82\x88\x0b)\x9aSsy\x0f(\x03\x9a7\xbb\xf0\x88\xb3\x8a\'\x9e\xaf\xf9\xf3\xcdX\x1b\x02\xe8b\n\r\xc0\x15\x87g\xd3+w\xefY\xfe\xae\x98\x92W^y\xe5\x93O&gt;iY\x16\xa5\xd4\xd6\x80\xef\x83-\x00\xdf\x0bQgv\xf3\xcd7?\xf8\xe0\x83\x9a\xe64\x8cd\xc1\x88i\x03/\xfa\x9b\x95\x8c\x8a~\xee\x9d=\xc0\x9f\t\x00\x00\xae8\xbd\xc0\xd9\x9e\xe5\xef\xed\x9a\xf7\\\xa2y\x17F\x080A\xc0\x0fd\xfa\xedi\xd6\xc9\x00\x00pv\x00\x19\xc0\x04\x03\x07\x84\\\xb9%%S.\xed1\xfaTL\xa8\x95\x8cv\xa9\xc4\x00\x00\xc2Xqz7\xbep[\xe3\xaa\x0f\xc5\xc4\xbc\xe9\xa6\x9b\x1ex\xe0\x01\xbb0\xf4{b\x0b\xc0\xff\xa6\xe3v_\xb1\xd8\xf4\xf5\x1c0\xfc\xea\xa70U93\xbb\x8c\xf3\x0b\x9c\x89\x1e&gt;m\xdb\x97\xef\xf8\xe8\xd1\xb6\xed\xcb\x11B\xa2[=Q\xd41\xa7\xfdf\xc4I\x97\xf9\xf3{\xd9\xa6_B\xbe%\x03M\xb5\xab\xe6&lt;\xbb\xec\x9d\xc7\xb9e\x8a\xaf\x0f!\x94\xd9gt\xd9\x89\xd7f\xf6\x19\xdd\xdeS\xa8\xabD\x84\x008\xa1*0s\xf5\x7f\xae\x8c\xec\xde$\xa6\xa7\xbdI\xf8\xfbc\x0b\xc0\xff@\xd4\x96\xa56|1f9\xb3\nG\xdd\xf8\x02u\xfa\xb8\xa9w\x9155p@Hue\xe8\xa1\xc6\x9d\x9f&gt;S\xbf\xe4u!\x06\xdc2\x10B\x83\xa6\x9c3\xea\xd4+\x0b\xfb\x0e7\x921\xdb\xf4\xcb\xcc72\xe0\xf44l[\xbd\xe2\xbd\xa76\xcc{\x15!$\xbeJLh\xd1\x11\xbf,=\xeer\x87\xbf\xc0L\x841B]c\xff0pNT\x07KFV&lt;tQ2\xd8@;l\x10\xb3\x0bC\xff\'\xb6\x00|\x17\xa2\xaal\xc7\x8e\x1d\xa3G\x8fNm\xf8\x1az\xd9\xc3\x19\xa5C\xadd\xb4k\xb8Q\xc0-\xaa\xb91U\x1aW|\xb0\xfd\x83\x07\x8dp3\xa1T\x9c\xab\xd5k\xf0\xf8qg]\xdfg\xd4q\x96\xa9\x1b\x89\xa8m\xfa\xd3\x02!\x03\x9a\xcb\xab\xa8\x8e\xed+&gt;\xfd\xfa\x8dGj\xd7/F\x08\x89\xafU\xcb\xc8\xeds\xf2M\x05\xa3N\x06f1#\x8eIW\xf0\x91\x813\xc5\xe9\r\xef\\\xbb\xf6\xd9\x1bR\x1b\xc4\x96/_^VVf\x17\x86~7\xb6\x00\x1c\x14qg\xda\xda\xda\x8e?\xfe\xf8\xe5\xcb\x97\x8bS\xaa\xc5\x86\xaf\xae\xd1\xe2\x1f\x80c\x84\x15\x8f?\xba{\xf3\xf6\xf7\xfe\xd5\xbay1\xda\x9b?\xf4d\xe5O8\xff\xf7C\x8e9\x8f(j2\xdaf\xa7y\xd3\x0e\x91"vz3\xb9e\xae\xfb|\xf6\xa2\x97\xff\x11\x0b6}\xb3[\xbb\xff\xf8&gt;\xa7\xfe\xd6\xdb\xb3\xbf\x15\x0b\xc1\xde\x03\xce\xd2\x1aqx\x80\xd8 &amp;\xa6\xea\xe8\xd1\xa3\xe7\xce\x9d+\nCm\xc7\xe5`\xd8\x02pPD\x0c\xf1\xec\xb3\xcf~\xfd\xf5\xd7El\xb1\xefi\xbf\xef5\xe9b3\xd6\x15\x9a=\x00\xb3\xa8\xc3\x830\xde\xbd\xe8\xe5\x9a\x8f\xfec\xe91\xa2\xa8\xdc21\xa1\xc3O\xb8\xe4\x88\xb3o\xcc\xc8\xed\x99\x88\x06\xbbU\xe7\xe1\xae\x87\xe8\xd1\xed\xf2f\x85\x9bw/y\xed\xa1\xd5\x1f?\x0f\x9c\x89/Zqxz\x9fxu\xcf\t\xe7#\x00\xa6\xc7\xba\xc6#\xadz\xb2j\x17\xce\xda\xf6\xce?\xc4\x84\xfd\xe5/\x7f\xf9\xdak\xaf\xd9\xc9\x80\xef\xc0\x16\x80\x03#\x1e\x9a{\xee\xb9\xe7\xee\xbb\xefn/\xfa\x1c\xf3\x8b\xca\xf3\xef3\xe3m\xe9\xee.\xb5w\x17\xf0dFwo\xde\xf6\xce?\x82[\xbf\xc6\x18\x8b\xa3\r{\xf4\x1b~\xcc\xe5\xf7\xf6\x1ax\xa4\x91\x8cZ\x86\xdeU\xdbZt78\xb3\x14\xcd\xa19\xbd\xb5\x1b\xbf\xfa\xfc\x99;\xf7l]-\\b\x00\xc8\xea7\xae\xefi\xbf\xf7\xf6\xeco\xc6\xda\x90\xe8\xdb\x91\xce\x00p\xd5\x9dY\xf5\xf2\x1d{\x96\xb5\x17\x86\xde}\xf7\xddw\xddu\x97\xad\x01\x07\xc3\x16\x80\x03 rGo\xbc\xf1\xc6/\x7f\xf9KU\xd3L\xc3\xc8\xe85h\xc4\xb5\xff\xe5\xccL\xf7\xa2O\xe0\x8c\xa8NB\x95\xba/_\x12\x8e?U5f\x1a\x9a\xcb;\xf1\x82?\x0c=\xfebEs\xe8\xb1\xb0\x1d\xee\xefb\x88\xc4\x80\xc3\x93a\x19\xfa\xda\xb9\xb3\xbe|\xe9\xefF"*\xbez\xb1\x14(\x9ex\x01g\x167\x93\xe9\xbd\xe0\x03@\x18\x13\xaa\xaez\xf4W\xe1\xda\rb\xf2\xbe\xfe\xfa\xebg\x9du\x96\x9d\x10&gt; \xb6\x00\xec\x0b\xe7\x1cc,\x12\xbf\xa1P\x18\x10(n\xff\xe8\x9b^R\xbd9\xe9^\xf6#\x9a\xa8$\x83\xf5\xdb\xde\xf9g`\xddg)\xc7\xbft\xd8\xa4c.\xbf7\xbflp2\xda\x06\x9c\xa5\xb7\t\xb098\xe2\xcbuz3\x9bv\xac\xff\xfc\x99;w\xaeY\x98Z\n\xe4\r9\xb6\xefi\xbfsf\x15\xa5{K+Q\x14dF[\x96?x\x81\x15\x0fa\x84\xfd\xfe\x0c\x91\x10\x06\x00;!\xbc\x0f\xb6\x00|\x0b\x00\x10\r\x7f&amp;N\x9c\xb8d\xc9\x12\xaa\xa8\x9c\xb3aW=\x9e\xd9w\x8c\x95\x88\xa4\xb1e\x04\x8e\x10V&lt;\x99\xcd\xeb&gt;\xdb\xfc\xda\xbdF\xa4\x85\xaa\x0ef\xea\xaa\xd3s\xd4\x85\xb7\x8e8\xe9r\x84\xb8\x91\x88\xd91\x9f\xee\x00g\x96\xe6\xf2 DV\xcdy\xe6\x8b\x17g\x98\xc9\x98x\x184_N\xff\xb3\xef\xcc\x1dr\xac\x15kC\x08\xd2\xb7H\x148S\\\xbe\xb6m\xcb\xd6&lt;\xf9\x1bB(\xb3\xcc#\x8e8\xe2\xcb/\xbfD\x08\x11\xd2\xed\xce\x9e\xfbn\xd2\xf5;&gt;D\x88u\xe2\xef~\xf7\xbb%K\x96\xa8\x9a\x83Yf\xd9\x89\xd7e\xf7\x9f`\xc5\xc3\xe9k\xfd\x813\xac8\x88\xe6\xac~\xff\xc1u\xcf\xdehDZ\x08U\x99\xa9\xf7\xe8;\xec\xdc?\xbd&gt;\xf6\x8c\xeb\xccd\xccL&amp;l\xeb\xdfM T1\x93\t3\x19\x1b{\xc6u\xe7\xfe\xe9\xf5\x1e}\x871S\'T5"-\xeb\x9e\xbd\xb1\xfa\xfd\x07\x89\xe6\xc4\x8aC\xd4\x0b\xa5#\x98P+\x1e\xce\xee?\xa1\xec\xc4\xeb\x98e\xaa\x9ac\xc9\x92%\xbf\xfb\xdd\xef(\xa5\x8c\xa5\xeb\x87:D\xd8+\x80o\xf8v\xe8\xdfa\x1az\xee\xa0\xc9C~\xf5\xa0\x99\x8c\xa4or\x0c8S\xdd\xfeD\xeb\xee\xcd\xaf\xde\x13\xdc\xfa5\xa1\ng\x16B\xe8\x88\xb3o&lt;\xe2\x977)\xaa\xa6\xc7\xc3\x84\xaa\x9d=L\x9bN\x803\xd3\xe1\xce\xb0Lc\xc9\xeb\x0f.y\xed!\x84\x90x&lt;\xb2\xfa\x8d\xeb\x7f\xce]\xae\xec\x9ef&lt;\x94\xc6~\x0fp\xd5\xe9[\xf7\xdf\x9b\x9a7\xcc\x17\xd3\xd9N\x06\xec\x8f-\x00\xed|+\xf4\x1f\x8e\x00pGf\x8fQ7\xcc\xa2\x0e\x0f0+-\x13\xbf\x00\x80\x90\xea\xf67\xaf\xff\xbcc\xd8\xc7\x93\x99w\xc2\xb5\xf7W\x1cyr"\x12\xb4#\xfe\xdd\x1c\xf1\x00\xb8|Y[\xbe\xfa\xe0\xe3Go\x89\xb5\x05\xbe\x15\x0e\x1a|\x8c\x19\x0fa\x84\xd2\xf4\xf9\xc7Tazl\xc5\xc3\x17\xebm{0&amp;\xfe\x0c\x9f\x9d\x0c\xd8\x07[\x00\x10:X\xe8\xff\xd7Od\xf6\x19\x9d\xa6\xa1\x7f\xe0\x9c(*Q\xb4\xda\xf93\xb7\x7f\xf0\x8dsW:\xf4\xa8\x13\xaf\xfb\x97\xbf\xa0$\x11\t\x12\xda\x05;\xc5\xdb\xfcp\x803\xe6\xf2e\x85\x1aw}\xf4\xef\xdf\xee\\\xfbEj\x99\xd8\xe7\xe4\x1b{M\x9e\xce-\x83[f:\x96?\xb4\'\x03\xb6/_\xf3\xc4\xaf\xedd\xc0\x01I\xbf/\xf5Pp\xe0\xd0\x7f\xc5\x91i\x1a\xfa\x07\xce\xa8\xe6\xe4\xcc\xdc4\xfb\xce\xed\x1f&lt;$\x82\xfb\x9cYG\x9c}\xe3/\xefz\xd9\x93\x95\x9f\x88\x04\tUl\xebo\x83\x10B\x08\x13\xaa$"AOV\xfe/\xefz\xf9\x88\xb3o\x14\xd6\x9fPe\xfb\x07\x0fm\x9a}\'g&amp;\xd5\x9c\xe9\x98\x12hO\x06T\x1ci\'\x03\x0e\x86\xbd\x02h\xb7\xfe\x9f}\xf6\xd9q\xc7\x1d\xd7\x1e\xfa\x1f&lt;y\xc8\xa5\xe9\x1a\xfa\x07f).\x9f\x1ejZ\xff\xdc\xcd\x91\xba*\xb1\xa2wx\xfc\'\xdf\xfc\xef~\xe3NJFZ\xbb\xc6\xd6\x7f\x9b\x9f\x1d\xd1\x1a\xc4\xe9\xcb\xde\xfa\xf5\x9c\x0f\x1e\xb8N\x8f\x85\xc4\xc3\xe3+\xae\x1c|\xe9\x03\x0e\x7f\xbe\x95\x88\xa4c\x85h{2\xe0\xb9\x9b\x9a\xd7\xb7\'\x03&gt;\xfd\xf4\xd3c\x8f=\xd6N\x06 [\x00\xc49_mmmc\xc7\x8e\xdd\xb1c\x07BHqg\x8e\xba\xe9%\xd5\x9b\r\x96\x9ev\x95p\xa2#Jp\xdb\xd2\r3o1\xa2\xadb\x02\x17\xf4\x19r\xf2\xcd\x8f\xe5\x96\xf4O\x84[\xedR\x1f\x9b\xef\x863\xcb\x95\x91\xdd\xbck\xf3\x07\x0f\\\xd3\xb8}]{J\xc0\x9b=h\xfa\xfdY}\xc7\xa6e\x17,\xe0Xq\x98\xd1\xd6\x15\x0f^`\xc5\xdb\x10BeeeK\x97.\xcd\xcc\xcc\xb4\xcf\x0eK3\x03\xf7\xb3\xc3\x18#\x84\\}\xf5\xd5\xdb\xb7o\'T\xe1\x9c\xf7?\xe7NgV!7\x93if\xfd\x01\x80s\xcd\x97\xb3{\xf1\xec\xb5O]kD[\x89\xa22S\x1f4\xf9\xecs\xef}#\xbb\xa8\xdc\xb6\xfe6\xdf\x07B\x95D\xb85\xbb\xa8\xfc\xdc{\xdf\x184\xf9lf\xeaDQ\x8dh\xeb\xda\xa7\xae\xdd\xbdx\xb6\xe6\xcb\x01\xceQzy\x8d\x98p3\xe9\xcc*\xec\x7f\xce\x9d\x9csB\x95\xed\xdb\xb7_}\xf5\xd5\x84\x10;\x10\x94V6\xee\xe7F\x9c\xf2\xf8\xea\xab\xaf\xbe\xfa\xea\xab\xaa\xa6Y\xa6\xd1s\xfc9\xb9\x83\x8fM\xbf\xea7\x00\x84\x90\xea\xf1\xd7.\x98\xb5\xf9\xb5?q3\x810\xe6\x96y\xf4\xf4\xff7\xed\xc6\x87\xa9\xa2\x1a\x89\xa8m\xfdm\xbe\'\x84*F"J\x15u\xda\x8d\x0f\x1f=\xfd\xffq\xcbD\x18s3\xb1\xf9\xb5?\xd5.\x98\xa5z\xfc\x08\xa1\xf4\xd2\x00L\xa8\x19\x0f\xe5\x0e&gt;\xb6\xe7\xf8s,\xd3P5M\xcczEQ\xba\xb9\x06t\xdf\x10\x90(\xfbinn\x1e2dHsK\x0bp\xe6)\xac\x18y\xc3,`Vz5\xfc\x01\xe0\x18\x13\xeapo~\xed\xde\x86\xaf\xdf\x12\xbd\x1eU\xa7{\xcae\xf7\x8e&lt;\xf9\xf2x[\x00\xe1\xb4o\xf2es\xf8\x01\xe0\x08\x90;3o\xe5\x07\xcf\xcc{\xf6N3\x19\x17\x8fV\xe1\xb83\xfa\x9f}\'\xd3\xe3\xe2\xc1\xeb\xeca~o\x00\x10\xc6\x98*+\x1f\xbe8\xd6\xb0\x05\x13\x9a\x9b\x93\xb3n\xdd\xba\xdc\xdc\\\x84P\xb7\xad\n\xed\xa6\x1f\x1b\xed=\xec\xe5\xfa\xeb\xafojj"\x84 \xa2T\x9cy;\xa1\xaa8\x12\xbd\xb3G\xf7}\x01\xce\tU\x15\xa7w\xd3+w5|\xfd\x16Q4n\x99\x0eO\xc6\xd9w\xcd\x1ey\xd2\xafb\xad{\xecV\xfe6?\x0e\x8c\t&amp;$\xd6\xbag\xe4I\xbf:\xfb\xae\xd9\x0eO\x06\xb7L\xa2h\r_\xbf\xb5\xe9\x95\xbb\x14\xa7\xb7}\xb2\xa4\x0b\x18\x8b\xc9Rq\xe6\xed\x88(\x84\x90\xa6\xa6\xa6\xeb\xaf\xbf\x9e\x10\xc2\xd3\xe8S\xfc\xdctS\xd3 \x82?\xaf\xbd\xf6\xda\xab\xaf\xbe\xaa\xa8\x9ae\x9a\xbd\x8e\xbedo\xd5\x7f\xda\xdc\x13Q\xee\xc9\xf4\xf8\xba\xe7n\xde\xb3\xec]\xaa:\xb8e\xe4\x97\x0f\xbep\xc6\x07E\x03\xc6\xc4\x82MD\xb1\xb7\xf8\xda\xfc$\x88\xa2\xc6\x82ME\x03\xc6\\8\xe3\x83\xfc\xf2\xc1\xdc2\xa8\xea\xd8\xb3\xec\xddu\xcf\xdd\xcc\xf4xz\x95\x87bB\xacD$\xb3\xcf\xe8^G_b\x99\xa6\xa2j\xaf\xbe\xfa\xeak\xaf\xbd\xd6\x9d\x03A\xdd1\x04$6\xfd\x06\x02\x81o\x05\x7f\xae\x7f\x1e8C\x906\xc5\xf1\xc0\x19\xd5\\V"\xb2\xf6\xa9k"\xbb7\xb5\x17\xfc\x94\x0f\xf9\xe5]/\xbb2\xb2\xf5X\xd8\x0e\xfa\xdb\xfc\\pf9&lt;\x19\x89p\xeb\xeb\xf7\x9c\xdfX\xdd^\x1a\xe4\xeb9`\xe8\x95\x8f).\x1f3\x12i\x933\x03\x840\xc2\x84\xae|\xe4\x92\x8e\x81\xa0\xbc\xbc\xbc\xee\xb9=\xb8\xdb}`\x84\x10\x00`\x8c\xdb\x83?\x98 \xa2\xf6;\xf3\xff\x88\xa2\x01\xe7ig\xfd\xd7t\xb0\xfe%C\'\x9eu\xe7\x8bN\x8f\xdf\xb6\xfe6?/\x84*z,\xec\xf4\xf8\xcf\xba\xf3\xc5\x92\xa1\x13\x99\xa9S\xd5\x11\xd9\xbdi\xcdS\xd7X\x89\x08\xd5\\i\xb3\x0e\xc0b\x93\xbc\xd6\xef\xcc\xffCD%\xb8=\x10\x84qwt\x85Q7\x14\x00\xb1\xfb\xe3\x93O&gt;i\x0f\xfeXf\xf1\xc4\xf3\xb3\xfa\x8eM\xa3\xe0OG\xeb\x1f\xddk\xfd\x07\x1fs\xce\xb9\xf7\xbe\xeep\xf9L=n[\x7f\x9b\x9f\x1dB\x15S\x8f;\\\xbes\xef}}\xf01\xe7\x08\r\x88\xa6\xa1\x06\x88@PV\xdf\xb1\xc5\x13\xcf\xb7\xac\xf6@\xd0\'\x9f|\xd2=\xb7\x07w/\xdd\x13\xdb\xbe\xa2\xd1\xe8\xa8Q\xa3\xaa\xabw \xc4\x1d\x99E#o|\x81\xa8N\xc4YZ\xe4~\x0fb\xfd\xcf\x9dv\xc3CF"\n\x9c\xa7\x8b\x8c\xd9\xa4#\xe2\x01\xd3\\\xde\x0f\x1f\xbeq\xfd\xe7\xaf\x88\</t>
        </is>
      </c>
    </row>
    <row r="259">
      <c r="A259" s="1" t="n">
        <v>257</v>
      </c>
      <c r="B259" t="inlineStr">
        <is>
          <t>grid_number_color</t>
        </is>
      </c>
      <c r="C259" t="inlineStr">
        <is>
          <t>What is the missing color if the part denoted with the question mark has the number 7?</t>
        </is>
      </c>
      <c r="D259" t="inlineStr">
        <is>
          <t>['red', 'orange', 'yellow', 'purple']</t>
        </is>
      </c>
      <c r="E259" t="inlineStr">
        <is>
          <t>yellow</t>
        </is>
      </c>
      <c r="F259" t="inlineStr">
        <is>
          <t>There is a 3x3 colored grid of numbers. The first row has number-color pair [(7, '?'), (4, 'purple'), (7, 'yellow')], the second row is [(3, 'red'), (1, 'orange'), (4, 'purple')], and the third and final row is [(1, 'orange'), (7, 'yellow'), (3, 'red')].</t>
        </is>
      </c>
      <c r="G259" t="inlineStr">
        <is>
          <t>We observe that the grid cells with number 3 is red in color, the grid cells with number 4 is purple in color, the grid cells with number 1 is orange in color, and the grid cells with number 7 is yellow in color. Thus, the pattern is that the grid cell with the same number will have the same color.</t>
        </is>
      </c>
      <c r="H259" t="inlineStr">
        <is>
          <t>Based on the pattern that the grid cell with the same number will have the same color, the missing color of the part with 7 should be yellow.</t>
        </is>
      </c>
      <c r="I259" t="inlineStr">
        <is>
          <t>b'\x89PNG\r\n\x1a\n\x00\x00\x00\rIHDR\x00\x00\x02\x00\x00\x00\x02\x00\x08\x02\x00\x00\x00{\x1aC\xad\x00\x00s"IDATx\x9c\xed\xddu\x9c\x15U\xff\x07\xf0\xef93\xb7\xef\xdd\x0ev\x81e\xe9\xeen$\x15P\x94\xb0\xc5V\x14\xf31\x1e\xf5\xb1\x15\xf3Q\x1f\x0b\x0b\x8b\xb2\x10\x94.i$\xa4\xbb\x1b\x96\xed\xbc53\xe7|\x7f\x7f\x8c\xec\x0f\x15\x91\xb8\xcb\xde\xcb\xfd\xbe_\xbc|\xb9uw\xf6\x9e\x99\xf395g\x18"\x02!\x84\x90\xe8\xc3+\xfb\x00\x08!\x84T\x0e\n\x00B\x08\x89R\x14\x00\x84\x10\x12\xa5(\x00\x08!$JQ\x00\x10BH\x94\xa2\x00 \x84\x90(E\x01@\x08!Q\x8a\x02\x80\x10B\xa2\x14\x05\x00!\x84D)\n\x00B\x08\x89R\x14\x00\x84\x10\x12\xa5(\x00\x08!$JQ\x00\x10BH\x94\xa2\x00 \x84\x90(E\x01@\x08!Q\x8a\x02\x80\x10B\xa2\x14\x05\x00!\x84D)\n\x00B\x08\x89R\x14\x00\x84\x10\x12\xa5(\x00\x08!$JQ\x00\x10BH\x94\xa2\x00 \x84\x90(E\x01@\x08!QJ\xad\xec\x03\xf8\x7f\x88\x88\x88\x95}\x14\x17\x15\xc6\x18c\xec\xc2\xff^*\xca\x90\xab\x94\xa24\x0b\x91\x8a2\x84\xccB\xac\x94\xab\xf2\x94X\xe5\x96."J)\x11\x91s\xce9uG*\x84\x10\xe2\x02\xbc\xc3RJ)%cLQ\x94\x8a\xfb-\xd1\x0c\x11\x85\x10\x8c1\xcey\xc5\xd5 fxSQV\xa8\xf2K\xb2\xb2\x9ah\xe5*-\x00\xccz\xff\xe43\xcc\xeb\xf5fgggggs\xce\xa9\xd1q\xfe8\xe7\xf5\xea\xd5\x8b\x89\x899\xb9\xde\x17B\x84\xb6\xfa8QYp\xce\xff\xff5}&gt;\xef\xde\xbd\xbb5]c\xac\x92[\x18\x91\xce|\x03=\x9e\x98\xea\xd53\x1cvg\xf9\xe7\x85\x10\x00\x10\xda\n\xda\x0c\x18U\xfd\xffQ\x81`P/(,:p\xf0(c\xd4\x0f8_\x8c1D\xc8\xacQ5&gt;&gt;\xcen\xb3\x94\x7f\xde0\x0cEQ*+\x06*\xe1\xfa\x94R\x02\x80Y+\xe5\xe7\xe7/Y\xb2d\xde\xbcy{\xf6\xec\xc9\xcf\xcf\xd7u=&gt;&gt;\xde&lt;\xb9\xc9\xf9`\x8ci\x9a\x16\x0c\x06].Wjjj\xdb\xb6m/\xbd\xf4\xd2\x96-[\x9a_\rU\x0c\x08!\xca\xeb\xa0\xdd{v\xce\x9b?w\xc5\xaf+\xf7\xef=\\XX\xe2-\xd1-\xaa]\xa2&lt;\xcf_A8St\xe1u\xc7\xd8SS\x13\xea\xd6\xaf\xd5\xbd{\xb7K.\xe9]%5\rN\xb4\xd6\xcf\xbfcg\xa6\xb8Y\x94\x81@p\xf5\x9a\x8d\xb3f\xcd\xd9\xb8qM~\xf6\xbe\xa0\xbf4\xce\x19d\x0c\xa8\xfa?O\x0c\x00\x01\x8a\xbcV\x9b=&amp;1\xb5f\xb3\xe6m/\xbb\xaco\xbb\xb6-\x1cv\x1bT@\xcb\xecL\x8f\xeaB\x06\xc0\xc9\xe7\xd9\xca\x95+?\xf9\xe4\x93u\xeb\xd6\xd5\xacY\xb3C\x87\x0e\xcd\x9b7\xaf[\xb7\xae\xdb\xedNLL4\xbb\x9f\x17\xec\xa8.J\x8c1]\xd7\xb3\xb3\xb3\x8b\x8a\x8a\xb6m\xdb\xb6j\xd5\xaa\xb5k\xd7*\x8a2`\xc0\x80\xbb\xee\xba+&gt;&gt;\x1e\xfeX}\x9f-)\xa5Y\xef\x04\x83\xc1o\xbe\x1b\xff\xcd\xc4\xef\xf6\xee&lt;\x9e\xe8\xa9U\xb3Z\xb3jiubb\x12c=\xf1\x16\x8b\x1d\x11\xa9$\xcf\x07"p\xce\xbc\xfeR\x9f\xb747\xff\xd8\xe1\xac]\x07\x8fn.\xd3\x8e\xb6\xed\xd0\xe4\xb6[o\xe9\xdd\xfbR\x000\xaf\x97s\xbed\xcaO\x83=\xfb\x0e~\xfc\xd1\x98\xc5\x0b\xa7&amp;8\x0b;\xb5\xf0\xb4o\x96\xda\xb4~\x8a\xc7e\x8bIv\x03\x95bH \x96\xe4\x96\x95z\x83[v\xe6\xac\xdc\x9c\xb3bCI\xbe7\xae\xdb%W\xdc3\xe2\xce:\xb5k\xc0\xf9]\x92\xe7\xe6\xc2\x05@y\x95\xb1z\xf5\xea\'\x9exBQ\x94~\xfd\xfa\r\x1e&lt;\xb8f\xcd\x9afm\x15\x0c\x06\x85\x10\x86a\\\x98\xe3\xb9\xe81\xc6,\x16\x8b\xaa\xaav\xbb\x9d1\xe6\xf5zW\xae\\\xf9\xed\xb7\xdf\xae_\xbf\xbeo\xdf\xbeO?\xfd\xb4\xd3\xe94\x0c\xe3\xe4.\xff\x19*\xff\xa9\x8f?\xf9p\xf4\x07c\x14\x91\xd2\xaaq\xdf&amp;\xf5\xdb{&lt;\xf1(\x85fhB\x18B\x18\x88\x12\x80*\x8e\xf3\x87\x9c+\x9c+\x16\xd5b\xb1\xd8\x101\xbf {\xfd\x96E\xdb\xf6.\xf1$\x1a\xcf=\xf7t\xbf~\xfd\xe1\x9c\xea\x8e\xf2\x0e\xc4\xe1#\xc7\x9ex\xe2\x99}\xdb\x7f\xe9\xd9\xdey\xf3\xe0\xc6\xf5\x1a\xa4\x82\xc3\n\x9a\x80\xa0\x01BJ]\x02u\x00B\x83q\x0b\x07\x85\x83M\x05\xab\x02~m\xd7\xce\xec\xb1\x93\xb7-X\xe5\xcd\xac\xdf\xeb\xf5\xd7^\xaa^=\xfd&lt;\xe3\xfc\xac\x0f\xe8\xc2\x04\x80Ye\xf8|\xbe{\xee\xb9g\xc3\x86\r\x8f=\xf6\xd8\x90!C\x1c\x0eGiii0\x18,\x9f\x0f\x81p\x9a\x1f\xbf\x08\x98\x85[&gt;\xdd\xe2v\xbb\xadV\xeb\x9e={\xdez\xeb\xad\xc5\x8b\x17?\xff\xfc\xf3W_}\xb5\xf9=g\xfe\xb6\x9b\x15\xcd\xcaU+\xee\x1b9R+\x8d\xeb\x7f\xc9\x9du2\x9b\x1a\xc2\x08\x04\xbdB\x18\'-W\xa1r\x0c-,_[\xa5\xaa\x16\x87\xdd-\xa5\xdc\xb4m\xf9\x9c\xa5c\x1a\xb7\xac\xfa\xf1G\x9f\xa4\xa7W=\xab8/o\x90\xbd\xf0\xd2\x1b\xdf\x8d}\xf7\x8e\xa1UF\xdc\xd4\xd2Y%\x06J\x83\xd2\xafK\x89\x8c3\xfe\xfb%Yq\x7fT\xd41\xab[iF/c\xdca\x01\x8f\xcd\x9f]\xf2\xd1\xb8\xf5c&amp;\x1d\xbf\xfa\xc6\x07\x9e\x7f\xf6\xdfpR\xe9T\xb4\x0b\x11\x00\xe6y\xb9v\xed\xda\x9bn\xba\xa9o\xdf\xbe/\xbc\xf0BLLLAA\x819\x1cD5\xfe\x05c.\xd4q8\x1cn\xb7{\xd9\xb2e\xf7\xddw_\xa7N\x9dF\x8f\x1e\rgv\xc2\x957\x18\xdf\xf9\xdf\x7f\xdfx\xf5\xc3\xfe\xdd\xee\xeb\xd0\xba\x9f\xa6\xfb\x03\x01\x1fc\x8c1Z\xc4u\xe1H)\x801\x97\xc3\x83\x88\xb3\x16\x8c\xdd\xb4o\xea\x87\xa3\xff7\xa0\xff\x15g\x98\x01f\x8a\xe7\x17\x14^{\xed\xcd.c\xd5\xe8\xd7\xfa\xa6\xd7J\x82"\xbf\xa1\tE\xa9\xe4u)Q\x05\x11\x85@\xd5\xa2@\xbc#k\x7f\xfe\xbdO\xcc)\xe5\xed\xbe\xfd\xf6\xeb\xa4\xc4\x84\x0b3\x1cT\xe1\x01\xa0\xeb\xba\xc5b\xf9\xee\xbb\xef\x1e{\xec\xb1\xff\xfd\xef\x7f\x83\x07\x0f.**\xd2u\xfd\x1cF\x1eHH \xa2a\x18\xf1\xf1\xf1\xba\xae\xdfu\xd7]\xfb\xf7\xef\x9f;w\xae\xcb\xe5:}\x06\x94\xd7\xfe7\xdcx\xed\xaf\x0b\xf7\xdcs\xd3\xeb\xf1q\xc9%\xa5\x85\x8cU\xc2\xcc\x151I\x94\x0cX\\L\xd2\x8e=k\xbf\xf8\xe1\xa9\xc7\x9f\xba\xe7\xf1\xc7\x9e\xfc\xc7\x0c0\xbfa\xeb\xf6]\x83\x06\xf6\xbbkh\xec\xe3\x8f\xf5\x84\xd2\x80\xe1\xd7\x15\x95SAV\n\x04\x10\x86T\x1d\x16\x88\xb1\xbf\xf9\xe6\xc2O\xbe/\xfai\xda\xec&amp;\x8d\xeb\x9f\xdb\x08\xedY\xa9\xd8\x000\xff\x80\xf1\xe3\xc7\xbf\xfa\xea\xab\xd3\xa7O\xafY\xb3fNN\x8e\xaa\xaaTeT:\xb3}\x11\x1f\x1f\xff\xfa\xeb\xaf\xff\xf8\xe3\x8f\xbf\xfc\xf2\x8b\xc7\xe3\xf9\xbb\x0c(\xaf\xfd\xaf\xbdn\xe8\xde\xcd\xc6\x88\x9b^\xf1\xfaK4=\xa8pZ\'^\xf9\x840\\\xce\x18]\xd7\xde\xfat\xc4=\x0f\r}\xe2\xdfO\x9f\xa6\xe20\xcb}\xd3\xe6\x1dC\xaf\xec\xf3\xe9\xcbMz\\\xd6\xd8\xc8*V\x18cT\xf9W6\x94($\xaa\xe9\xb1Kfo\xbd\xe3?[~\x982\xb7y\xb3\x86\x15\xdd\x0f\xa8\xc0\x000\x0f\xfd\xbb\xef\xbe{\xf1\xc5\x17\xe7\xcc\x99\x93\x9c\x9c\\\\\\l\xb1X\xfe\xf9\'\xc9\x05av\x05RRR\xde|\xf3\xcd)S\xa6\xcc\x9d;\xd7\xe1p\xfcu-Z\xf9\xf2\xf0\xebo\xb8f\xcfF\xed\x9e[^-,\xca1\xc7\xfa+\xeb\xc8\xc9\x9fH),\x16\x9b\xa2\xa8o\x8c\xbec\xe4#\xd7&lt;\xfe\xe8\xa9\xfb\x01f\xc0o\xdd\xb6k\xf0\x15\xbd\xbfx\xb5i\xe7\x9e\xf5\xf5\xac\x12\x8b\x95R&lt;\x8c\xe8\x9a\xb0T\x89\xf9u\xd1\xce[\x9f\xd8\xf4\xe3\xcf\xf3\x9b4\xae_\xa1\xf3\x01\x15\x15\x00\xe6Ao\xd8\xb0a\xc0\x80\x01\xcb\x97/OKK+))\xa1a\x9f0\xa4iZjj\xea\xe3\x8f?\xbeu\xeb\xd6\x193f\x98Cv\'\x7f\x83Y\x95&lt;\xf9\xd4c?\x8e_\xf1\x9f\x07\xbf\xcc+8\xc69\xa79\xdep\x83(U\xc5\xa2(\x96g\xfe;\xf8\xcb\xf1\xef\x0c\xbab\xc8\x9f\x1a\x8f\xe6"l\x7f \xd0\xb2E\xeb\x0f\x9f\xac\xda\xf7\xca\x96\xfa\xb1"\xaa\xfd\xc3\x90\xae\x0bKZ\xec\xfc\x9f7\x8ex\xe5\xf0\x86\xf5\xeb\x9cNG\xc5\xad\x0b\xaa\x90`1G\x0c\xbc^\xefu\xd7]\xf7\xfe\xfb\xef\xd7\xa8Q\xa3\xb8\xb8\x98j\xff\xf0d\xb5Zsss\xdfx\xe3\r\x9f\xcf\xf7\xfa\xeb\xaf[,\x96\x93o\xc43\xdb\xfe\xb3fO\xff\xec\xa3\xef\xef\xbf\xfd\xad\xc2\xe2\x1c\xc6\xa8\xf6\x0fG\x8cq\xdd\xd0\x18c\xf7\xdc\xf4\xd6\x88\xbb\x1e8t\xf8 \xe7\xdc\xbc\xe9\xd2d\xe6\xc1M7\xdfu}/\xe8;\xb8\x15\xd5\xfea\xcbbQ\xf4c\xc5\xbd\x07\xb7\xbc\xb1\x0f\xbfa\xf8\x1d\x7f*\xc7\xd0\xaa\x90\x1e\x80y\xaa\r\x1f&gt;\xdc\xe3\xf1|\xf8\xe1\x879994\xf2\x13\xce\xa4\x94V\xab\xb5\xac\xac\xac}\xfb\xf6?\xff\xfcs\x8b\x16-\xcc\x05Zf\x90\xe7\xe7\xe7\xb5l\xd9\xe6\xfa\xfe\xaf\xd4\xcch\xe4\x0b\x94rF\xb5F\xf8\x12\xc2\x88\x8fK\x991\xff\xeb|\xed\xd7\xc5\x0b\x97\n\xf9{\'\xc0\xbc$?\xfel\xec\xc4\x8f\xee[2\xfbv#\xdf\xab*\x94\xe2a\xcd\x10\xa8&amp;\xb9\xba_\xfa\xc5\xb5w\xbd{\xcf\xdd\xb7T\xd0d@\xe8{\x00\xe6\xe0\xcf\xda\xb5kW\xadZ\xf5\xea\xab\xaf\x16\x15\x15Q\xed\x1f\xe68\xe7\x81@ --\xed\xdf\xff\xfe\xf7\xe3\x8f?^\xde\xd94oO\x7f\xe5\xd5\x97\xaa%\xb4kT\xaf\xad\xd7WB\xb5\x7f\x98S\x14\xb5\xa88\xb7\x7f\xaf\x9b\xf6m/\x9e4\xf9;EQ\xcc}\xc7\x18c\xa5e\xde\xb7\xdfx\xe1\xd3W\xfa`P\xa7\x19\xdf\xf0\xc7\x19`@\xff\xf4\x95&gt;\xef\xbc\xf9BIiY\x05m\xabU!C@\x8c\xb1\x87\x1f~\xf8\xa9\xa7\x9e\xf2x&lt;\xba\xaeW\xc4\xaf \xa1\xa5\xaaj^^\xde=\xf7\xdcSVV6y\xf2dEQ4MS\x14e\xfb\x8e\xad\xdf\x8e\x9fv\xf5\xa0\x87\x8aJ\xf2\x14\x85\x06\xf1"\x00c\\\xd3\x02W_\xfe\xc8\xd3O=\x1f\x0c\x069\xe7\x86ap\xce\x9f{\xfe\xb5\xfe\xede\x83\x0e5EI\x90S\x02\x84=\xce\x99(\t\xd6o\x9f9\xb0#\x7f\xf6\xf9W9\xe7\x15\xb1IZ\x88\x03\xc0l\xfe\xaf^\xbdZ\xd7\xf5\xab\xaf\xbe\xba\xa0\xa0\x80\x86\xfe#\x08"&gt;\xf8\xe0\x83\x9f}\xf6\x99\xf9!c\xec\x93O?nZ\xa7o\xac\'A\x08\xda\xa2#20\xc6\xfc\x01o\xc3\xbam\x14#\xf5\xa7\x9f\'\x99\xbb:\x17\x97\x94-\x9a\xff\xc3\xe3#:\xc8B\xbf\xa2\xd2-{\x91AQ\xb9,\xf4=vO\xbb%\xf3\'\x15\x15\x97\x9a\xa3\xb2\xa1\xfd\x15\xa1\x0f\x00\x00x\xef\xbd\xf7.\xbf\xfcr\x87\xc3Qqs\x17$\xe4\x14E)))\x190`\xc0\xf1\xe3\xc7\xd7\xaf_o\xb5Z\xf3\x0b\xf2\xa6M\x99\xdb\xa5\xfd\x15^_\t=\xad!\x820\xc6\x840\xda\xb7\x1c\xf8\xd1G\x9f\x9am\xb2\t\x13\'\xd5K+Io\x98\x86~\x8d\x96\xefF\n\xc6\x00\xfdzZ\x83\xb4\x06UK\xc7O\xf8\x811\x16\xf2N@(\xafjDTU\xb5\xa8\xa8h\xdd\xbau\xd7\\sMYY\x19=P"\xb2\x18\x86\xe1\xf1xz\xf7\xeemv\x02~\xfc\xf1{\x1bO\xab\x9aVK\xd7\x83\xb4\xf2\'\x820\xc6}\xfe\xd2\x16M\xba\xec\xdd\x99\xbdu\xeb&amp;\x00\x988q\xecm\x83\x1b\xa2&amp;hg\x9f\x08\xc3\x19\x06\xc5mC\x1b~\xf7\xddx8\xb1\x8b~(_&gt;\x84\xafe\xb6\xf7\x17-ZT\xabV\xad\x9a5k\x06\x02\x01\xbaW(\xb2p\xce\x83\xc1\xe0\xe5\x97_\xbea\xc3\x06D\\\xb0`Q\xd3\xfa\xdd\xa4\x14T\xfbG\x1c)\x85\xcb\x19\x93\x9e\xd4h\xc9\xd2Ee^\xcd_\xb4\xab[\xc7\x1aP\x16Th\xf1ODQ8\x83\xb2`\xd7\x0e\x99z\xe9\xbe\x83\x87\xb3B\xfe\xb0\xac\x10\xf7\x00\x00`\xce\x9c9\x1d;v\xa4\xa7zE"\xce\xb9\xcf\xe7k\xd1\xa2\x85\x94\xb8q\xd3\xc6\xbd\xbb\x0e\xd7\xaf\xdd*\x10\xf4R\x90G f\x08\xbd^\xcd\xb6\xabW\xfd6\x7f\xc1\x92:i\xc2^%V\xe84$\x1by\x84.m\xa9\xb1u\xd2\x8d_\x16.\x81\x13\xed\xecP\te\x00\x987,\xec\xda\xb5\xabu\xeb\xd6\xba\xae\xd3\xa8q$\x12Bx&lt;\x9e\xbau\xebN\x9c0\x8e\xa3+!&gt;\xd5\xd0u\n\x80\x88\xc3\x18\xd3\xb4@\xf5\xf4:G\x0f\xe7\xce\x9c9\xb5}\xf3T\x00\xa0m\xfd#\x13\x02@\xabF\tk\x7f\xfb\r \xc4\xcf\xe6\x0cY\x1dmn\x16\xa6iZaaa\xcd\x9a5\x83\xc1 \xd5\x1a\x91\xc8\\3\xde\xa0~\xfd\x1f&amp;}\xefv$\xdamNz\xacc$b\x8c\x19\x86\x9e\x98P\xa50\xdf\xb7h\xe1\xdc\x16\x8d\xd3@\x17\xb4\xe3[$b\x9c\x81&amp;\x1a\xd6I\xd8\xb7w7\x84\xfa\x89)\xa1\x0c\x00\x008v\xec\x98a\x18\xb1\xb1\xb1\xf4\\\xdf\x08\xc5\x18\x93R\xa6\xa6\xa6\xe6\xe7\x15\xdam1\x14\xe2\x91\x0b\x11\xadV\x9b0\x94\xfc\xdc\xec\xd4$\x0f\x18\x92\n3\x121\x00\x102%\xd1\x9d\x9fwL7\x8c\xd0\x8e\xae\x87x\x94&amp;+++&amp;&amp;&amp;))\xc90\x0c\xea\x01D"\xc6\x98a\x18u\xeb\xd5+-\xf5&amp;\xc6U\xad\xec\xc3!\xe7\x0eQ\xdam\x0e\xab%\xdeWVT\xbbF&lt;\x04\xe9\x92\x8cH\x8c1\xd0E\xad\x8cx#X\x18\x0c\x86x&lt;6\xc4\x01`\xde\xf6E\xcb\xff#\x9d\xf9dfD\xea\xc6E6D\x04@\xce\x99aHZ\xc9\x15\xd1\x0cCr\x1e\xfa\'\xa9\x848\x00h\xe5\xcf\xc5\xe1\xc4yFu\xc6\xc5\x01\xa9\xe9\x1f\xe9\x18\x83\x8a\x98\xc3\xa7\x85:\x84\x10\x12\xa5(\x00\x08!$JQ\x00\x10BH\x94\xa2\x00 \x84\x90(E\x01@\x08!Q\x8a\x02\x80\x10B\xa2\x14\x05\x00!\x84D)\n\x00B\x08\x89R\x14\x00\x84\x10\x12\xa5(\x00\x08!$JQ\x00\x10BH\x94\xa2\x00 \x84\x90(E\x01@\x08!Q\x8a\x02\x80\x10B\xa2\x14\x05\x00!\x84D)\n\x00B\x08\x89R\x14\x00\x84\x10\x12\xa5(\x00\x08!$JQ\x00\x10BH\x94\xa2\x00 \x84\x90(E\x01@\x08!Q\x8a\x02\x80\x10B\xa2\x14\x05\x00!\x84D)\n\x00B\x08\x89R\x14\x00\x84\x10\x12\xa5(\x00\x08!$JQ\x00\x10BH\x94\xa2\x00 \x84\x90(E\x01@\x08!Q\x8a\x02\x80\x10B\xa2\x14\x05\x00!\x84D)\n\x00B\x08\x89Rje\x1f@\xb8CD)%"2\xc68\xe7\x8c\xb1\xbf\xfb$\x89t\x88\x88(\x01\x801\xc6\x18\xb5\x8d\xc2\x02"H\x89!y)\xc6\x80s\xbaT\xff\x80\x02\xe0o\t!\x00\xc0f\xb39\x1c\x0eUU\r\xc3\xd04M\xd34D\xb4Z\xad6\x9bMUU!DYY\x99a\x18\x8a\xa2T\xf6\xf1\x92\xf3\x82\x88\nW\xacV\x0f\x00\x08ih\xba\x9f\x01U\x16\x95\r\x81\xa9LqZC\xf3j\xba\x04\xbfA\xa5z2\n\x80S\xe3\x9c{&lt;\x1e\x008|\xf8\xf0\x9a5k\xd6\xae]\xbb{\xf7\xee\x9c\x9c\x9c\xb2\xb22)\xa5\xc3\xe1HJJj\xd0\xa0A\x97.]\xbat\xe9\x92\x90\x90PTT\x04\x00\xd4\x15\x88P\x88\xa8*\x16\xaf\xbfx\xcb\xaee\x00\x10\xebI\xceHoh\x08\x9d\n\xb4\x12!\x02SYaA\xe0\xd7_\x0e\x86\xe0\xd5\x002\xd3\xddM\x1a%\xa1.\xa9T\xcbQ\x00\x9c\x9a\xdf\xef\x9f7o\xde\x0f?\xfc\xb0d\xc9\x92\xe3\xc7\x8f\x9f\xf2{f\xcc\x98\xf1\xd6[o5l\xd8\xf0\xbe\xfb\xee\xbb\xed\xb6\xdb\x82\xc1\xa0a\x18\x9c\xd3\xd0A$BU\xb5N\xfcy\xd4\x96]K\x01\xa0i\x83n\xf7\xde\xf0\x9en\x04\x19\xa3\x8e]\xa5\x91\x88\x8a\xdd\xb2yg\xc1\xc0\xbbg\x87\xe4\x05o\xb9\xaa\xde\x97\x1f\xf5\x13\x05\x01U\xa1\x04\xf8\x1d\x05\xc0\x9f\t!\x12\x12\x12\x1e}\xf4\xd1w\xdey\xa7\xfc\x93\x19\x19\x19u\xeb\xd6\xadV\xadZll,\xe7\xbc\xb8\xb8x\xff\xfe\xfd\x9b6m*((\xd8\xbe}\xfb\xc8\x91#\xe7\xcf\x9f?f\xcc\x18\x8b\xc5b\x18\x065\x1b#\x8b\x10\x86\xc7\x9d8{\xd1g[v-U\x14\x0bJa\xb5\xd8\x01B3\xeeL\xce\x0b\x82r\xde\x95\xb5\xaa0E\xe1\x86\x90\xb1\x9e\x10\r%]D(\x00NA\x08\xd1\xb3g\xcfw\xdey\'33\xf3\x8a+\xae\xe8\xdf\xbf\x7f\xd3\xa6M\x13\x13\x13-\x16\x0bc\x8c1&amp;\xa5\xd44\xed\xc8\x91#?\xfd\xf4\xd3\x9bo\xbe\x99\x93\x933e\xca\x14]\xd7\xbf\xff\xfe{\xc30*\xfb\xf0\xc9Y\x90R8\x1d\x9e\xdd\x07\xd6L_\xf8\x89\xc5b\xb3Z\x1c^_\x11"\xd5\xfe\x95\x8fs\x06\x01\xa3E\xc3\xa4\xf5?\r9\xb7W0\x84\xb4\xc4\xd9&gt;\xffj\xcb\x07\xe3\xb70\xc6\x86\xf4\xad\t\x06\x8d\xff\xfc\x01\x05\xc0\x9f)\x8a\xe2\xf5z;t\xe80n\xdc\xb8n\xdd\xbaeddh\x9a\xe6\xf7\xfb\xcb\xca\xca\x10\xd1\xac\x1a\xcc\x18HMM}\xf4\xd1G\x07\x0e\x1c8t\xe8\xd0m\xdb\xb6M\x9f&gt;\xfd\xf3\xcf?\x1f9rd~~&gt;\xcd\tG\x04DT\x14\x8b?P6\xf1\xa7\x97\rC\xeb\xd9\xe9\xfac\xd9{w\xec]EK\x80\xc2\x01\x03\x00\x89.\xb7\xa5E\xab\xd4s}\t\x06\x12\x97\xfe\x96\x85\x08\x9d[\xa5v\xedRM\x96\xe9\n-\x04:\t\x9d\xe8\xa7\x80\x88\x8a\xa2\\{\xed\xb5qqq\xb9\xb9\xb9%%%B\x08\xce\xb9\xa2(\xaa\xaa\xaa\xaa\xaa(\n\xe7\\\xd7\xf5\xec\xec\xec\xbau\xeb\x8e\x1f?\xde\xe3\xf1p\xce?\xfc\xf0\xc3\xe2\xe2b\xaa\xfd#\x05\xa2\xb4\xdb\\\x93f\xbd\x95\x95\xbb/.&amp;\xa5_\xd7[}\xfe\x12\xf3+\x95|d\xe4\x04\x94(\xbd\xfa9\xfc\xd3J4\xc9\xe1\xfb\xc9;7\xec\xc8\x07\x80\x91\xd77\x06\x9b*\xa5\xac\xec?(\xbcP\x00\xfc\xad\xa2\xa2"\xc30\xcc\xea\xfe\x94\xc3\xfa\x8c1\xab\xd5\x9a\x97\x97\xd7\xa2E\x8b\xeb\xae\xbbNJ\xb9k\xd7\xae\xf5\xeb\xd7;\x9dN:\xcf\xc2\x9f\x90\xc2\xed\x8c\xfbu\xed\x94\x95\xeb\xa7\x01\xc0\xe5\xbd\xee\x89\xf1$\x074_e\x1f\x17\xf9\x03\x06\xc09;\x87\x7f\xaa\xc2\xb8\x81\x1f~\xb3\x8d1\xa8\x9d\x11se\xbf\x9aX\xaa)\xb4F\xe3\x8f\xe8\xed\xf8[\x7fW\xef\xff\xf5\xdbt]\xef\xdb\xb7/\x00H)\xb7n\xddj\xb5Z)\x00\xc2\x1c\xa2\xb4[\x9dG\xb3\xf7\xfc8\xfb\x1d\x00h\xd1\xa8g\xc7VW\x96\x96\x15\x00\x8d\xfe_\x14\x84D\xe6\xb6\xae\\qt\xd9\x9a\xe3\x88p\xfb\xd0\x06\xf6d\x87\xd0\x05M\x00\xfc\t\x05\xc0\xf9b\x8c\x19\x86\x91\x91\x91a\xb1X\x00 ++\x8bV\x01\x85?\xc6\xb8D9\xe1\xe7\x97|\xfe\x92\xc4\xf8\xf4k\x06&gt;a\x18A\x04)\xa5\xa8\xecC#\xa1\x80\xc0\x14\xf6\xde\xf8\xadRb\\\x8c\xf5\xd6\xc1\xf5\xd0\xabs\x85\xaa\xbb?\xa3w$\x04\xcc{\x83\xcd\x00\xd04\xad\xb2\x0f\x87\xfc\x03!\x85\xcb\x11;\xfd\x97\xd1\xfb\x0emT\xb8z\xfd\x15O\xc7\xb8\x13uC\x03\x00I=\x80\xc8\'%r\xa7\xbaok\xde\xcf\xf3\x0f\x00\xc0\xd5\x97\xd5\xaeR;^\x06\x0c\x9a\xfd\xfd+\n\x80\x10`\x8c\x05\x02\x81`0\x08\x00N\xa7\xb3\xb2\x0f\x87\x9c\x8e\x94\xc2\xe5\x88\xd9\xb0}\xc1/\xcb\xc7\x03@\xdfn\xb76\xa9\xdf\xc5\xe7/V\xb8\x82\x88\x804v\x17\xf1$"\xb3\xab\x1f\x7f\xb7\xdd\x170T\x95\xdf{]#\xd4\x05P\xbf\xfcT(\x00\xce\x17"Z,\x96\xc3\x87\x0f\x9b{\x07U\xabVMJI\xa3@\xe1\t\x11-\xaa\xad\xa8$\xe7\x9bi\xafJ\x94\xf5j\xb6\xe9\xdf\xe3\xce2o\x11\xe7\xea\xef_\xaf\xe4\x03$\xe7\x0b\x11\x14\xabZx\xa4t\xecO\xbb\x18\x83^\x1d\xd3\x9b\xb7NE/\xad\xfe&lt;5\n\x80\xf3%\xa5TUu\xf1\xe2\xc5\x00`\xb1X\x9a5k\xa6i\x1a\x05@\xb8BU\xb5~3\xf5\x95\xa2\xe2l\x8f+\xe1\x86+\x9fA\x94\x00H\x1b\x84]4\x84\x94\xccm\x99\xf0\xd3\xee\xec&lt;?"\xdcwCcP8\x05\xfb\xdf\xa1\x008/\xe6\xc6p\x07\x0f\x1e\xfc\xfe\xfb\xef\x19c\xad[\xb7n\xda\xb4\xa9\xcf\xe7\xa3\x1d\x81\xc2\x90\x90\x86\xcb\x19\xff\xcb\xf2q\x9bw.a\x8c]=\xe0\xb1\x94\xc4\x0cM\x0f\xd0m_\x17\rDP\x14\xae\x17\x05?\xfaf\x1bc\xacI\xdd\x84~\x97\xd4\xc0R\xed\xfc\xf7\x93\xb8X\xd1\xa9\x7f\xee\xcc\x1b\x83=\x1e\xcf\x93O&gt;\x99\x9d\x9d\x8d\x88\x0f=\xf4\x90\xcdf\xa35\xa0aHJ\xe1\xb0{\xf6\x1c\\7m\xc1\xc7\x00\xd0\xb5\xed\xd0\xb6\xcd\xfb{}\xc5\x9c\xd3]{\x17\x0f!%\xf3Xg\xcc?\xb0mo!"\x8e\xb8\xb6\xa1%\xd6&amp;\x0c\xba\x1e\xff\x16m\x05q\x8e\xccZ&gt;))\xe9\xe9\xa7\x9f\xfe\xe6\x9bo\x00`\xd8\xb0aC\x86\x0c),,\xa4;\x81\xc3\r"*\x8a\x1a\x0cz\'\xfc\xf4\x92\xae\x07\xaa\xa77\xb8\xaa\xdfC&gt;\x7f)u\xd4.2\x9c1\xd0\xe5{\xe3\xb60\x06)\t\x8e\xeb\x07\xd5\xc52]\xa1\xd5\x9f\x7f\x8f\xde\x9as!\x84\xb0X,\xb1\xb1\xb1\xff\xfa\xd7\xbfF\x8d\x1a\x05\x00m\xda\xb4\x19=z\xb4\xd7\xeb\xa5:%\x0c!J\x87\xdd=i\xd6\xdbY9{\xed6\xd7\x8d\x83\x9e\xb5\xa8V)\x05\xd0\xd8\xffE\xc4\xbc\xf9k\xf5\xaac\x8b\x7f\xcbB\x84\x1b\x07\xd5\x8d\xaf\xe6\x91A\x83\xe6\xe3N\x83j\xab\xb3f\x18\x86\xc7\xe3\t\x06\x83\xd7\\s\x8d\xb9et\xe7\xce\x9d\xa7N\x9d\xeap8h/\xe80$\xa5\xe1v\xc6\xadX;u\xc5\xba\x9f\x01\xe0\xca\xbe\x0f\xd4\xa8\xd6\xd8\x1f(\xa3\xa8\xbe\xd8 0\x85\x9b7\x7f\xd9m\xca\xdd\xd74\xc4\x80\xc1h\xf1\xcfi\xd15pv\x0c\xc3HLL\xdc\xb8qc\xcf\x9e=\'O\x9e\x0c\x00\xc3\x86\r\x9b6mZLL\x8c\xdf\xef\xa7:%\xdcH\x946\xab\xf3X\xce\xdeI\xb3\xde\x02\x80\xd6M\xfbuo\x7fu\x99\xb7PQh\xf0\xf3\xa2"%r\x87z`{\xdeO\xf3\xf6\x03\xc0\x80\x1e\x19u\x9b$I\x9fN\x0f\x01&gt;=\xaa\xb0\xce\x82Y\xfb\xff\xf4\xd3O}\xfa\xf4\xd9\xb2e\x8b\xa2(\xcf=\xf7\xdc\xf8\xf1\xe39\xe7~\xbf\x9f\x86\xfe\xc3\x10c\x0c\x11&amp;\xfc\xfc\xb2\xd7_\x9c\x9cX\xfd\x9a\x01\x8f\x075?-\xfb\xb9\xf8HD\xe6P?\xf9n\xbb\xd7o\x00\xc0\xfd74\x06\x04\x1a\xe2\xfbG\xd4\x0e:S\xe6\x93\xc2~\xfe\xf9\xe7k\xaf\xbdV\xd7\xf5\xc4\xc4\xc4\xcf?\xff|\xd0\xa0A\xf9\xf9\xf9\x8c1\xaa\xfd\xc3\x90\x94\xc2\xe3J\xf8q\xf6;{\x0f\xaeW\x15\xcb\r\x83\x9eq9\xe3\xfc\x81RZ\xf9s\x91A\x04\xc5\xaa\x14\x1f-\xfdj\xca.\xc6X\xdb\xa6\xc9\xdd\xcc\xad\xffi\xf5\xe7?\xa1\xa6\xd0\x19\x91R:\x9d\xce\x1d;v\xdcz\xeb\xad\xba\xae\xa7\xa6\xa6\xce\x981\xe3\x8a+\xae\xc8\xc9\xc9\xe1\x9c\xd3\xb8\x7f\x18\x92R8\x1d1\x9bv,\x9a\xbf|,\x00\\\xd6\xe3\xce\x86\xb5;\xf8\x02%T\xfb_|\x84\x90\xccm\x9d0u\xcf\xf1\\\x1f"\x8e\xbc\xbe\x11sXh5\xf6\x99\xa0\x008#\x88h\xb3\xd9^~\xf9\xe5\xe2\xe2b\xbb\xdd&gt;v\xec\xd8\xf6\xed\xdb\xe7\xe6\xe6\x9a\x1b\xc0\x91p\x83(-\xaa\xb5\xb84\xf7\x9bi\xafJ)\x1a\xd6\xe9\xd8\xaf\xdbme\xbe"\x85S\x97\xf7b\x83\x00\x8a\xca\x8d\x92\xe0\xe8\x89[\x19c\x19\xe9\xee!\xfdkc\x19m\xfd\x7fF\xe8=\xfag\x88h\xb7\xdbw\xef\xde=s\xe6L\x00\xb8\xed\xb6\xdb\xfa\xf6\xed\x9b\x9d\x9dM\xb5\x7f\xf8B\xb0Xl\xdfN{\xb5\xa0(+\xd6\x93t\xfd\xa0\xffHi\xd0s\xbe.JRH\xe6\xb1\xce\x9a\x7fp\xeb\xeeBD\xbcmH}W\xaaSh\xb4\xf5\xff\x19\xa1\x00\xf8g\xe6~\x0f\x1b6l())\xb1X,7\xddt\x93\xdf\xefWUjK\x86)!\x85\xdb\x15\xf7\xcb\xaf\x136n_\x04\x00W\x0fx&lt;1.=\xa8\xf9\x00\x18\xfe\x93\xf2\x179\xcd\x97HXa\x8c\x81!\xdf\x1d\xb7\x851\xf0\xb8,\xb7\x0fm\x00&gt;\x9d\xd3\xe8\xff\x99\xa1Z\xec\x9f\x99\x8f\x08\xde\xb7o\x1f\x00dff\xd6\xa9S\'\x18\x0c\xd2\x8a\xcf\xf0$Q:\xed\x9e\xbd\x876N\x9b?\x1a\x00\xfav\xbd\xa5C\xcb\xcbK\xbd\x056\x9b\xeb4?\x85\x80\nS\x04\x1a\x0c\x18\x00p\xc6\xad\x16\x9bf\xd8N\x9e0\x10\xc2@\xda,:\xcc\x08\x89\xdcm]\xbb\xea\xd8\xa2U\xc7\x10ap\xdf\x9a\xd5\xea%\x88B?\xdd\xfd{\x86(\x00\xce\x08"\xe6\xe6\xe6\x02@\xf5\xea\xd5\xddn7\xdd\xf1\x1b\xb6\x14\xaex}E\xe3\x7fzQ\xd3\x03i\xc9\xb5\xda\xb7\x18\xb0\xff\xf0\x96\x7f\x1c\xfc1\x03 \xa8\xfb\x844\x00\xc0\x1f\xf4\x1e\xcf=\xe0\x0b\xfc\xff^\x11\x08\x18\xe3N\xb4Z\xec\xd4\x15\x08/\x88Le\xef\x8d\xdf*$*\x9c\xddwCc4$m\xfd\x7f\xe6(\x00\xce\x94\xcf\xe7\x03\x80\xd8\xd8XEQ\xa8\x16\x08OR\n\xb73n\xd5\xfa\x19\xc7\xb2\xf7\xa8\xaa\xb5\xa08\xeb\xf5\x8fo\x92(\xd9\x99\xae\x07GC\xe8\x00\xb0m\xf7\xf2\x17\xde\x1f\\\x9e\x1a\x8cq\x89\xe2\xcek\xdfhZ\xbf\x1b\xed \x14&gt;$"wX\x0e\xed(\x98&lt;w?c\xd0\xadmZ\x9b\xb6i\xb2L\xa3\xad\xff\xcf\x1c\x05\xc0\x992W\x95\xa9\xaaJ\xd7\x7f8c\x8c\x05\x82^\x000\x0c\xcd8\xd7\x17\x91RJ\x19\xfc\xd3\'\rA\x8fy\x08/R\xa0\xeaP?\xfd~{\x99O\x07\x80\xfbol\x0c\x16.\x119\xdd\xffu\xc6(\x00\xfe\x99\xa2(%%%\x8f=\xf6\xd8]w\xdd\xe5\xf1x\xca\xca\xca\xe8\xb6\xaf\xf0\xc4\x18\x0fh\xfeFu;\xb9\xdd\xf1\x0c\x18\x02\x9ei\xcb\x1f\x803\xae\x1b\x81\xa9\xf3?\xf2\xfa\x8ajVo\xd6\xb3\xc3u\x01\xdd\xc7\x7f\xbfg\x98\x01`\xb5*\xf55-@\x19\x10&amp;\xcc\x9b\xbfJ\xb2\xca\xbe\xfcq\'c\xac^f\xcc\x80\xde\x99\xb4\xfa\xf3lQ\x00\xfc3\xc6\x98\x10"==\xbdz\xf5\xeaB\x08z\xe0W\xd8b\x8c\x19\x86V%9\xb3zz\x83\xb3\xfaA\x04T\x99\xe2\xd7\xca\xe6,\xf9\xda\xeb+JN\xac\xde\xad\xfd\xd5e\xbe\xa2\x93\'\x815\xcdgH\x9d\x8a&gt;L\x08!\xd58\xc7\xb7\x13\xb7\x1d\xcb\xf1\x01\xc0]\xd74\xb4\xc6\xdb\x8d\x02\xbfJ\xd3\xbfg\x83\x02\xe0\x8c0\xc64MCD\xc6\x18U\x01\xe1\x8c1\xa6\x1b\x9a\xa6\x07\xce\xea\xa7\xccI\xe0\x80\xe65\xd7\xf9\x18\x86V\xe6-\xf4\xfa\xff\xf0\xb8\x18\xc6\xf9\x19\xcf%\x90\n\xa7\xa8\xdc(\xd5&gt;\x9c\xb8\x951H\x88\xb5\x0f\xbf\xaa\x1e\xd0\x83\x7f\xcf\x1e\x05\xc0Y0\xe7~)\x00\xc2\x1cc\x8c\xb1\xb3\x1b\xa3C@\xce\x94\xf2\xea\x9e1\xc6\xb9b\xfe\xab\x80\x03$\xe7\xcb\x10\xa8\xc6\xda\xe6N\xdf\xb3ig\x01\x00\\7\xb0vR\x8dXQ@\xab?\xcf\x1a\x05\xc0\x19\x91R\xdal6s\xc7\x7f\xaf\xd7K\x19@H%\xe2\x0c@\xca\xff\x8d\xdd\xc2\x18XT~\xefu\x8d (\xe8\xaa&lt;\x07\x14\x00\xff\xcc\xbc\x13\xf8\xd0\xa1Ck\xd7\xaeMKKk\xdf\xbe\xbd\xa6i\x95}P\x84D)!QqY\xd6\xffv|\xc1\xcac\x80\xd0\xafk\xf5\x86\xcdSd\xa9F[\xff\x9f\x03\n\x80\x7f`n\x03w\xf0\xe0\xc1^\xbdzeee\x01\xc0\xff\xfe\xf7\xbf\x91#G\x16\x15\x15\xd1Z B*\x01\x02X\x94\xf7\'l\x15B\x82\xb9\xf5?ctg\xce\xb9\xa1!\xb3\x7f \x84p\xb9\\\xb3g\xcf\xce\xca\xcar8\x1c\x000a\xc2\x04]\xa7\xd5 \x17\xa7\x13\x93\xfcT\xb8aJ"*\x0e\xf5\xe8\xee\x82\x1f\xe7\xec\xe7\x9c\xb5l\x94\xd4\xab{u,\xd3h\xeb\xffsC\x01\xf0\xcf\x18c\x86a\x98\xff\xa3(\x8a\x94RJI\x01pQ2\x84\x8e\x88R\x9e\xf3=d\xa4bI\x89\xe0P?\x9c\xb0\xb5\xa4L\x93\x12\xef\xbd\xbe\x11w[\xcd\xae\x009\x074\x04\xf4\x0f8\xe7&gt;\x9f\xef\x92K.\xb1\xdb\xed\xe6n\x10\xfd\xfb\xf7w8\x1c\xf4\x0c\xc8\x8b\x11\xf3\xb8\x12\xa40\x9c\x0e\x0f\xed\xf6\x11\x86\x10A\xb1(e\xd9\xdeYK\x8e\xa4$:R\x13\x1dW\x0f\xa8\re:\xdd\xfcu\xce(\x00\xfe\x81\xf9\xbc\xdf\xc6\x8d\x1b\xcf\x9e={\xf1\xe2\xc5\xd5\xabW\xbf\xea\xaa\xabJJJ\xa8\xf6\xbf\x980`\x12\xa5\xd5b\xbf\xff\xe6\x0f\x11\xa5\xc2\xd5\x80\xe6\xa35\xa0\xe1\x861\x00D\xbb\xca\x17\x8d\x1f\xa80f\xb1p\x9b]\x05CRo\xfc\x9cQ\x00\xfc3\xb3\x13\xd0\xbe}\xfb\xee\xdd\xbb\x0b!JJJ*\xfb\x88HE\xb1[\x9d\xc0\xcc\xc7\x06\xd0\xa8BXBP-&lt;\xd6n\x07D@@\x81T\xfb\x9f\x0f\n\x803\xc29\xf7z\xbd\xa5\xa5\xa5\xf4\xfc\xf7\x8b\x9bD\x81\x08t\xc7oXC@\xfd\xf7x\xa6\xda\xff&lt;Q\x00\x9c)\xce9\xed\x03\x1a\x05\xa8J\x89\x00TH\xa1B5\x1a!\x84D)\n\x00B\x08\x89R\x14\x00\x84\x10\x12\xa5(\x00\x08!$JQ\x00\x10BH\x94\xa2\x00 \x84\x90(E\x01@\x08!Q\x8a\x02\x80\x10B\xa2\x14\x05\x00!\x84D)\n\x00B\x08\x89R\x14\x00\x84\x10\x12\xa5(\x00\x08!$JQ\x00\x10BH\x94\xa2\x00 \x84\x90(E\x01@\x08!Q\x8a\x02\x80\x10B\xa2\x14\x05\x00!\x84D)\n\x00B\x08\x89R\x14\x00\x84\x10\x12\xa5(\x00\x08!$JQ\x00\x10BH\x94\xa2\x00 \x84\x90(E\x01@\x08!Q\x8a\x02\x80\x10B\xa2\x14\x05\x00!\x84D)\n\x00B\x08\x89R\x14\x00\x84\x10\x12\xa5(\x00\x08!$JQ\x00\x10BH\x94\n}\x000\xc6\x18c!\x7fYr!q\xce\x01\x80\xca\xf1"`\x16"\xa7\xa2\x8cp\x15T\xad\x868\x008\xe7\xc1`P\xd7u\xaa;"\x17c\xcc\xe7\xf3q\xce5=X\xd9\xc7B\xce\x0b\xa24\x0c\r\x80\xfb\x83\x06\xd0%\x19\xb9\x18\x0b\x04\rC\x84\xbe\x0cC\x16\x00f\x8d_\xb7n]\xbf\xdf\x9f\x93\x93c\xb1X\x101T/N.\x18)\xa5\xc5b\xd9\xbem[|BL^\xe1!@\xaa5"\x15\xe7\x8a?\xe03dQlb\x95\x9d{\xf3\xc0\xa6J\xba$#\x90D\x04\xab\xb2k\x7f\xbe\'\xae\x9a\xc3n\x13B\x84\xb0y\x1d\xca\x1e\x00"\xba\\.\xb7\xdb]PP\xa0\xaaj\x08_\x99\\`\xb9\xb9\xb9\x8d\x1b7\xd2\r\xbf!\xa93\x17\xa9\x18\xe3~\xbf\xd7\xe5\xb2\xd6\xae]/+\xb7\x04T\x0eT\xffG"\x04Pxn\xbe7\xb5JZ\xc8/\xc6P\xf6\x00\xa4\x94V\xab\xb5J\x95*[\xb6l\xb1\xd9l\xd4\x03\x88D\x8c1\xc306l\xdcx\xc7\xedw\x95\x05r\xbc\xde\x12\xce\x95\xca&gt;(r\xd6\x10\xd1j\xb1fe\x1fL\xaa\xe2\x190p\xf0\xf25\x87\xd1\xa2\xd0%\x19\x89\x10\x11-\xcao\x9bs\x1a7ia~\x18\xc2\x17\x0fq\x0f\x00\x00\xda\xb6m\xbbz\xf5j\xce\xb9\x942\x84/N.\x00D\xb4Z\xad\xc7\x8e\x1d\xcb\xcd\xcd\x1d0\xe0rO\xac\xe5\xd8\xf1\xfdV+ey\xe4AD\xab\xd5\xb1\xff\xf0\xd6z\xf5k\r\x18\xd0\x7f\xe3\xce2\x16\xd0\x19\xa7\xce\\\xe4a\x9c\xb1\xa0\xb6e\x8f\xbfk\x97Npb\x81F\xa8\x84\xf4\xb58\x07\x80\x81\x03\x07\xaeZ\xb5\xca\xeb\xf5*\n\xb5\x1c#\x8c\x94\xd2\xedv/\\\xb80%%9!!\xa1u\xdb\xe6\x1b\xb7-\xb1[]\x88\x94\xe5\x11\x07\x11q\xe7\xfeU\xdd\xbavk\xda\xa8v\xae/\xfe\xf0\x8el\xc5N3s\x11\x06\x11\x15\xbb\xe5\xc8\xce\xec\xec\xd2\xd8\xce\x1d\xdb@\x98\x07\x80\x94\xb2Q\xa3F\x8c\xb1\xe5\xcb\x97\xbb\xddn\xea\x04D\x16Dd\x8c\xfd\xf4\xd3O\x03\x07\x0e\x04\x80A\x83\xae\xdcwt\x8d?\xe0e\x8c\xee\x17\x89,h\xb1\xd8\x8e\x1d\xdf\'yA\xc7\x8e]\x01\xb0Y\xcb\xee?\xcc\xde\tn\x9b\x10\x95}h\xe4l\x08\t\xe0\xb6M\x9a\xbd\xb3Q\xf3.v\xbbU\x84\xba\xfcB|aK)UU\x1d6l\xd8\xf8\xf1\xe3\xad\xd6\xd0\x1f.\xa98\x88\xe8p8\xf6\xec\xd9\xb3g\xcf\x9e\x1bo\xbcQJ\xd9\xb5K\x8fj5c\xb6\xedZ\xed\xb0S\' \x92H)]\xce\x98\x15kg\xf5\xb9\xac[rr\n\x00\xbb\xe7\x9e\xbb\x7f\x9c\x7f\x1c\x02ZH\x9b\x8f\xa4\xc2q\x06\x10\xd4&amp;\xcd;&gt;\xe2\xee\xbb*\xe4\xf5C\xfbr\x8a\xa2 \xe2\xddw\xdf\xfd\xdbo\xbf\xed\xd9\xb3\xc7\xe9tR\x973R\x18\x86\xe1v\xbbG\x8f\x1e\xdd\xbbw\xef\xd8\xd8XM\xd3\x18cw\x8f\xb8s\xde\xd2\x896\x9bCR\x00D\x0e\xce\x15\xaf\xaft\xf3\xae\xf9\x0f&gt;\xf0\x10\x00\x18\x86\xde\xa9C+Kl\xd3Y3\xb6\xf0x\xa7\x10tIF\x06!\x90\xc7;\xe7\xcc\xd8\xca=M\xbatj#\x84\x08\xf9\xb8z\x88\x03\xc0\\\x0b\x14\x13\x13s\xe5\x95W\xbe\xf2\xca+n\xb7\xdb0\x8c\xd0\xfe\nR\x11\xcc\xe6\xff\xde\xbd{g\xcd\x9a\xf5\xc0\x03\x0f\x98\xb3\xc1R\xca!W]\xed\x8c/\xdb\xb0y\xa9\xcb\x11C\x03z\x11A\x08\x11\xe3\x8e\x9f\xb3p|\xf7\xde-\x1b\xd4o$\xa5d\x8c\x03\xe0\xbf\x1e\xf9\xf7\xa8O\xb6\xa0.\x90\xd1r\xd0\xc8\x80\x0c\xd0\x10/\x7f\xb2\xe5\x91G\x1e\xaf\xa0_\x11\xfa\x0e\xa19\x13\xf0\xdcs\xcf-\\\xb8p\xd9\xb2e\xf1\xf1\xf14\x10\x14\xfe\x0c\xc3\xf0x&lt;\x8f&lt;\xf2\xc85\xd7\\S\xb3fM!\x04\xe7\xdc\xbc\xb1\xe3\x85\x17\x9e\xf9v\xda\x1b\xaaj\x01ZB\x12\xf6\x10\xd1j\xb3\xe5\xe4\x1f[\xb9\xe9\xfb\xd7^}\xd3\xec\x7f+\x8a"\x84\xbcb`\x1fGr\xe7\x8f&gt;Z\xaaV\x89\x11:ey\xb83t\xa9V\x89\xf9\xf8\xe3e\xb6\xc4\x0e\x83.\xefW\x11\xcd\x7f\xa8\xa0\xbd\x80\x10\xd1n\xb7\xff\xf7\xbf\xff\xbd\xfb\xee\xbb5M3\xc7\x85B\xfe\x8bH\xa8\xe8\xba\x9e\x92\x922v\xec\xd8C\x87\x0e=\xfd\xf4\xd3\xe5\xa7\x9a\xa2(B\x88A\x83\x86t\xef\xd3\xec\x9b)o\'\xc4\xa5\x08\xa1W\xf6\xc1\x92\xd3A\x94N\x87g\xcc\xc4\xff&lt;\xf1\x9f\x8732jH)\xcb\xb7u\x92R~&lt;\xfa\xdd\xd7\xc7\x1e\xdb\xb7\xf1\xa8\xea\xb1I\x1a\x08\ncR\xa0\xea\xb1\xed\xdft\xf4\xb5\xaf\x8e|&lt;\xfa=)e\x05\xdd\x8f\xc9*\xa8j6+\x91\xfb\xee\xbb///\xef\xdbo\xbf57\x87\xa8\x88_D\xce\x93\xd9\xf6?x\xf0`\xaf^\xbd\xe6\xcd\x9b\xd7\xb0a\xc3\xf2Z\x03\xcc\xb5\x84\x88e\xde\xd2V\xadZ\xf7i\xf7p\xebf\xdd\x8b\x8a\xf3\x14\x85n\xf3\x0eG\x86\xa1\xa7$U\x1d\xff\xe3\x9b\xf6\xa4#\xd3\xa6\xce\xfaS\x9b\xd1\xfcp\xc27\x93\xff\xfb\xfc\xf0\xf5\x0bn\x15&gt;\x9d\x0bIw\x06\x84!D\x94\x8c+nk\xab\x9e_&lt;\xfc\xccW7\xdd0\xb4\x82\x9a\xffPq\xdbAs\xce\r\xc3x\xff\xfd\xf7\x0f\x1f&gt;\xfc\xdak\xaf\xa5\xa4\xa4h\x9aVA\xbf\x8b\x9c3\xc30\x1c\x0eG0\x18\x1c:t\xe8\xa8Q\xa3\x1a6lh\x18\xc6\xc9\x0b\x8d\xcd\xfe\\\x8c\'v\xe2\xc4q?\xccz\xe5h\xd6~\xb7+V\x08\x9a\xd7\t;\x86\xd0\x13\x13R\x97\xac\x98z0o\xf1\xd8\xaf\'\x9c\x9c\xe2&amp;EQ\x0c\xc3\xb8\xe1\xba\xc1\x1d\xfb\xdcs\xd3\x9d\xdf+\x89.\x01\x80\x92\xfa\x01\xe1\x05\x11\x05\x82\x92\xe4\x1a~\xe7\xf7\xedz\xdd}\xd3\rC\r\xc3\xa8\xb8{\xaa**\x00\x18c\xe6\xc8\xcf\x9c9s\xa6L\x99\xf2\xe6\x9bo\xa6\xa6\xa6\x1a\x86A\x13\x89\xe1C\xd7\xf5\x98\x98\x18!D\xcf\x9e=\xef\xb8\xe3\x8e\x9bo\xbe\xd90\x8c\xbfn\xe2d\x0e\x04\xb5k\xdbq\xe2wc&gt;\x9ap_v\xee\x91\xd8\x98D\x83\xc6\x82\xc2\x08\na\xa4$V]\xbez\xd6\x92\x8d\x9f\xce\x9b?\'&gt;&gt;\x01N\xb5\x9b\xb7\xaa\xaa\x86a\x8c\xfe\xe0M\x96:\xe4\xd6[\xbfUS=L\xe54\x16\x14&gt;\xa4@\xc6\xb9\x9a\xea\xb9\xed\xb6\xef0\xf9\xca\x8f?|\xeb\x94\x97d\x08U\xe0\xaa`\xf3\xfcs\xbb\xdd\xbf\xfc\xf2\xcb\xe4\xc9\x93\x1f\x7f\xfc\xf1\xe4\xe4d\xab\xd5J\xeb\x82*\x1d"\x9a\xe3\xfe\x07\x0e\x1c\xe8\xd6\xad\xdb\xf0\xe1\xc3\x1f|\xf0\xc1\xd3\x9cjf\xe3\xb1o\x9f\xcb\xc6N\xfc\xf8\xc3\xf1#\xb7\xecX\x95\x18_EJA7\x07T:)\x05\x00K\x8c\xaf2u\xee\x97K7|:\xff\x97\xb952~\x9f\xc3?\xe5\xf7\x9bq&gt;\xf6\xcb\xd1\x988h\xe8\xb0\xb1A\xcey\x8cM\xa79\xe10\xa0\xeb\x92{l\x9a\xca\x87]=\xce\x88\xbf|\xdcW\x1fW\xdc\xc8O\xb9\x8a\xbd-\xc4\\\x11\xe4v\xbb\x17,X\xb0u\xeb\xd6\xde\xbd{\x97\x95\x95%\'\'\x0b!hiP\xa50\xab~\xab\xd5\x9a\x92\x922n\xdc\xb8K/\xbd\xf4\xa1\x87\x1e:}\xedo2\x1b\x8f}\xfb\\\xf6\xfd\x8f_M_\xfa\xda\x8f\xd3?\x8c\x8bI\xb2\xd9\x9cB\x1a4\xc3_)\x10\xa5\x90\xc2\xe3\x8a\xb3\xa8\xd6\xf7\xbf\xfc\xd7\xb1\xd2_~Y0\xafFF\xe6\xe9k\r\xc6\x18\xe7\\\x08\xf1\xd5\x17\xa33Z\x8eh\xd3o\xe2\xc6\x8d\xc7,Uc\x01@\x08\x1a\x0f\xaa\x04\x08 \x84\x04\x00K\xd5\xd8M\x9b\x8f\xb5\xe97\xb1Z\xf3\xbb\xc6~\xf9\x91\x14\x82s^\xd1{\xf1V\xd4$\xf0\xc9\xca\x87#G\x8d\x1a5v\xec\xd8\x87\x1ez\xe8\xee\xbb\xef\x06\x80\xa2\xa2"\xb3\xa9\x12\xda\xdd-\xc8_!\xa2\x94\xd2\\\xec\xefv\xbb\xf7\xed\xdb\xf7\xd4SO\xed\xde\xbd{\xdc\xb8q\x8d\x1a5:\xf3n\xa6\xf9\x9dyyy\xb7\xde:|\xeb\xfa\x9ca\x03\x1e\xae_\xa7\x95\xcf_\x1a\x0c\x06\x00\x90q\xceh\xadh\x05CDD\xc9\x18w\xd8]V\x8bm\xc5\xda\xd9\xb3\x97|:\xf4\xba\xbe\xef\xbc\xfd\x1ecLJq&amp;\xbb\xb7\x9a\xe7\x83\xa2(?M\x9d\xfd\xf8\xc3w]\xdd\xcf\xf5\xfc\xc3\xdd\xd5x\x07\x14\xf9\rMp\xce\x18=B\xac\x82!\x00J\x94\x12U\xab\x02q\x0eQ\xe4\x7f\xfe\x9d%\xdf\xce.{\xe3\xedO\xae\x1at\x99\xb8 \xb5?\\\x98\x00\x80\x93N\xb85k\xd6&lt;\xfb\xec\xb3~\xbf\x7f\xe4\xc8\x91\xfd\xfa\xf5\xf3x&lt;\xc1`\xd0\xe7\xf3\t!\xcc\x8dh\xccYG\xda\x83\xfe|\x98o\xa0\xb9\x80\x07\x00\x18cV\xab\xd5\xe3\xf10\xc6\xf6\xec\xd93f\xcc\x989s\xe6\x0c\x1c8\xf0\x85\x17^0\xe7\xea\xcfj\x90\xb1\xbc\x81\xf9\xe9g\xa3?|\xff3\x1b\xd6\xe8\xd5\xe5\xba\xcc\xea\r8\xe7\x81\x80W7\xb4\xdf\xcf(*\xc2\xd0)\xbfH9\xe7\x16\x8b\xddas\x06\x82\xfe\xed\xbb\xd7,\\\xf1MRUx\xea\xa9\'\xfa\xf5\xbb\xcc,\xee\xb3jK\x99E\x7f\xfcx\xf6SO\xbf\xb8m\xedO7_\x95~\xd3\xe0f\xee\xb4\x18\x08\n\xf0j\xc2\x90\x08\xbf\x9f?\x15\xf2WE\xa5\xdf/I`\x8a\xca\xc1e\x05\x9b\xea\xcd*\x1e7e\xd3W\x93\x8f5j5h\xd4\xa8\xe7\xd2\xaa\xa4V\xf4\xb8\xff\xc9.P\x00\x98\xca\xeb\x8e\xef\xbe\xfb\xee\xbb\xef\xbe;~\xfcx\xf7\xee\xdd\xfb\xf7\xef\xdf\xbcys\xb3z2\x07(.\xd8\xf1\\\xdc\x18c\xe6\xd2[]\xd7\xb3\xb2\xb2\x16/^&lt;c\xc6\x8c\xbd{\xf7v\xef\xde\xfd\xbe\xfb\xee\xcb\xcc\xcc\x84\x93:gg\xa5\xbc\xae)))\x1e\xfd\xd1\xfb\x93\xbe\x9f\xea+\xb65\xaa\xdd\xa5I\x83\x8e\xc9\x89\xe9\x16\xd5\n\x8c\taH\x94Ts\x9c?\x04P\xb8\xc2\xb9\x82\x88\xc1\xa0\xff\xe8\xf1}\x9b\xb6/\xdbwdu\x8d:\xf1\xd7]?\xec\xd6[\xee\x84\x93\xae\xac\xb3U\xfe\x83\xcb~]=\xe6\xb31[\xd6\xcf\xed\xdc\xdcry\xcf\xcc.m\xaa\xdb\x13]\xc09 \x80N\xa3\xb5\xa1cQ\x80\x01H\x0c\x14\x94-[sx\xda/\x07\x97o\x0c6i\xd9\xef\xf6;\xee\xe8\xda\xb9\x1d\x9cGQ\x9e\x9b\x0b\x1a\x00\x00`\xae\x022+\x9d\xdf~\xfb\xed\xcb/\xbf\xdc\xbae\x8b\x94\xb2V\xcd\x9a\x8d\x1b7NLL\xac[\xb7\xae!\x04U\x1c\xe7\x89s\xee\xf3\xf9\xb6o\xdf\x9e\x97\x97\xb7u\xdb\xb6\xe3\xd9\xd9\xa9\xa9\xa9}\xfb\xf6\xbd\xfe\xfa\xeb\x13\x12\x12\xe0D\xeb\xef|~E\xf9\x99\x1a\x0c\x06\xa6N\xfb\xe9\xc7\x1f\'o\xdb\xbc\x87\tWjbf\\Lrrbu\x97#V\xa2\x00\x1a\x14:\x1f\x88\\Q\x0b\x8a\xb2\x8aKr\xb3\xf3\x0f\x17\x14\x1fqx\xb0U\x9b\xa67\xdexc\xd7.=\xe0\xa4\xbe\xf5y\xfc\x06\x14B\x98\'\xc3\xbe\xfd\x87\xbe\xfcj\xc2\xea\x95KJ\x0bvg\xa4\xb2V\x8d\x92\xe2cm\xcd\xeb\'Q\x1f 4\x106\xec\xcc+*\x0e\xae\xdd\x96w(\x1b\xdd\tu\xdbw\xe8v\xcb\xcd7\xd4\xae\x95\x01\x00\xc20\xb8\xa2\\\xe8\xfe\x16V\x06M\xd34M+\xffp\xf5\xda\xb5\x8f&gt;\xf5T\x95\x9a5\x81\x1e$\x19Rqii]z\xf7\xfe\xe4\x8b/\x8aKJ\xca\xdf\xed@ `\x0e\xb8\x9d?)e \x10(\xff\xd00\xf4IS~\x1cr\xed\xb5\xd5j\xd5\xaa\xec?\xfdb\x93Q\xa7\xce\xc8\x07\x1fX\xb4tq\xf9\xbb\xad\xebz0\x18\x0cI9"\xa2a\x18\'\x17\xe5\xa1\xc3\xc7\xfe\xfb\xce\x07\x8d\x9b\xb7r\xc5\xc6W\xf6\x9f~Qq\xc5\xc47n\xde\xea\xcd\xb7\xdf?x\xe8X\xf9\xbb\x1d\x08\x04\x0c\xc3\x08UQ\x9e\x95\x0b\xdd\x03\xc0\x93\x9a\x1b9\xf9\xf9\xdfM\x9e\xbc|\xc9\x92\xac\xed\xdb=\x9a\x96f\xb1\xc4X,5\xddn\x03\xe9I\xe4\xe7\x05\x01\x14\xc6|\x86\xb1\xbf\xac\xcc+\xe5q!01\xb1i\xfb\xf6\xfd/\xbd\xb4O\xf7\xee\xe6\xf7\x9c\x7fO\xf3\xe4y\xaa\xd5k7\xfc8\xe5\xe7\r\xab\x97\x0bon\x9a\x87\xc5\xbb\xd4\x9a\xc9\xcex\x8fM\xd2\xba\x92\xf3\x84\xc0U~$\xa7,\xb7D;V\xac\xe7\xfb\xb9\'\xa5F\x87.\xdd\xaf\x1d6\xb8f\x8d\xea\x00`&gt;"\xfc&lt;\x97Q\x94w\x07\x83Zp\xea\xd4)\x8b\x16-\xda\xb4a[\xd0\x07nG\x8aEu$\'d\xd2\xdc~H `n\xc1\x01\xdd\xf0\x97\xf9slNh\xda\xbca\x8f\x1e=\x06]1\xd8f\xb3A(:\xe5\xe7\xa0r\xe6\x00\xd6o\xde\xfc\xf5\xf8\xf1K\xa6L\xc9\xf0\xfb\xfb\xd4\xa8\xd1\xbez\xf54\x8f\xc7e\xb3\x01u5C\x0b\xd1\x90\xb2\xd8\xef\xdf\x95\x9b\xbb`\xff\xfe\x15EEj\x9d:7\xde~\xfbM\xd7\\c\xb3Z\xcfg\xa5AyQ~\xff\xe3\xcf_~\xfeY\xd1\xa1\x8d\x9d\xebz\xae\xe8P\xbbq\xad\xd4\xc4X\x17X\xa8\'\x17z"\xa0e\x17\x94\xfe\xb6\xe3\xd8\xd4\x95\xfb6\x1f\x97\r\xdb\xf6\xba\xf5\xd6[{t\xed\x04\xe7\x11\xe7\xe5\x93@YY\xc7\xc6\x8d\xff\xfa\xdb\x89?\x06J\xedu2\xda6\xac\xdb&gt;%\xa9\xaa\xd3\xe1\xe6\xe6\xb3\x80\xe8\xba\x0c\t\x04\x04@\x94&gt;\x7fYn\xde\xd1m\xbbW\xed9\xf4\x9b\xcd\x1d\xb8\xf6\xfa\xc17\xddxszzU8\xd7i\xb9sv\xe1\x02\xc0\xcc\xb7\xdc\xbc\xbc\x17_\x7f}\xd1\xb8q\x83\xd3\xd3\xafj\xdc\xb8Nr\xb2!\xa5O\xd34!\x84\x94@gZH!\x00cL\xe5\xdcn\xb1\xb8,\x96\xb2`p\xe5\x81\x03_n\xde|&lt;5\xf5\xc1\'\x9e\xb8n\xc8\x108\xfb\xbaCJ\xc9\x19\x03\xc6\xe6/\\\xf2\xea\xa8\x97\xad\x85[\xef\x19\xd8\xb4o\xbb:\xf6X7\x04\xf4`P7\x0c!\xe9\xce\x80\n\xc09\xb3\xaa\x8a\xc5n\x05\xab\x92\x7f\xbch\xca\xd2mc\xe6\xee\xae\xd5\xe6\xd2g\x9f\xfeO\x83\xfau\xcf!\xce\xcdKRJ\xf9\xde\xfb\xef|\xfc\xe1\x97\t\xae\x86\xdd\xda\x0f\xae\x99\xd1HQ\x94@\xd0\xaf\xebA)i\xfa\xb7Bp\xaeX,V\xbb\xcd)\x84\xd8\x7fh\xfb\xd2\xd5\x93\xf3\xca\xb6\x8e\xb8\xf7\xd6\x07\xee\xff\x97\xa2\x9c\xf5\xc2\xbc\xf3q!\x02\xc0\x1cl\xe2\x9cO\x9e&gt;\xfd\x89\x91#{:\x1cOt\xeb\x96\xe4v\x17\x07\x02\x01]g\x8c]\x88\xf5\xae\xd1M"JD\x85s\xb7\xd5\xea\xb0X\x16\xec\xd9\xf3\xd2\xf2\xe5\xe9\xbd{\x8f\x1d3&amp;\xc6\xe39\xf3\x0c8\xf1\x9dx\xcf\x03\x8f,\xfb\xf9\xab\xe7nl3\xb4o\x0b\x10\xd2\xef\r\x18Br\xce\x18\x15eEB\x04D\x94\x886\x8bju\xdbeP\x7f\xeb\xdbec\x16\x1c\xb9\xe7\xd1\xe7\x1e\xbao\x04\x9cX\x01|&amp;/e\xd62;vl\xbb\xe9\xa6\x9b\xbc\x05\x9e\xab/\xffWFz]\x7f\xa0,\xa0\xf9\x01\x91.\xca\x8a\x86\x88\x88\x12\x18\xb3[\x1d\x0e\xbb\xfb\xf0\xb1\xdd\xdfO\x7f\xc7\x11W2n\xdc\xd8\x86\r\x1b_\xb0\x0c\xa8\xf0\x00(\xaf\xfd\x1f~\xea\xa9Y\x1f}4\xbag\xcf\x8e5k\xe6\x96\x95\xe9B(\x9c\xb6"\xbc\xd0\xcc$\x88\xb5\xdbU\xce_^\xb0`\xba\xae\x8f\xf9\xfa\xeb.\xed\xdb\x9f\xc9\tg\xd6\xfe\xbb\xf7\xee\xbf\xf1\xc6\x9b\x9a\xba\xb2&gt;x\xf4r\xbb\xddRV\xe4\x05\xc6\x14*\xc9\x0b\x0b\x01\xa4\x90\x9c3g\x82\xe7\xc8\xe1\xdc\x1b_\x9e\x96\xd8\xa4\xef\xf8\xaf&gt;s8\x1cg2\x86`\x16\xf7\xd8q_&gt;\xfe\xe83}:\xdesI\xe7!^_qP\xf3sv\xc1W\xa1D=D\x94(lV\x87\xcb\x19\xbb\xe8\xd7\x1f\xe7.\xff\xe8\xf5\xff\xbex\xf3\xf0\xdb.L\x06Tl\x00 "J\xc9\x15e\xd8\x8d7\xfa\xe6\xcd\xfbl\xc8\x10\xab\xa2\x14\x05\x02\x16\xba\xf5\xb7R\x99C4U&lt;\x9e\x99\xdb\xb7?\xb2|\xf9\xe8\x1f\x7f\xec\xdf\xbb\xf7\xe9O8C\x</t>
        </is>
      </c>
    </row>
    <row r="260">
      <c r="A260" s="1" t="n">
        <v>258</v>
      </c>
      <c r="B260" t="inlineStr">
        <is>
          <t>shape_reflect</t>
        </is>
      </c>
      <c r="C260" t="inlineStr">
        <is>
          <t>What is the missing shape denoted by a question mark?</t>
        </is>
      </c>
      <c r="D260" t="inlineStr">
        <is>
          <t>['pentagon', 'hexagon', 'square', 'triangle']</t>
        </is>
      </c>
      <c r="E260" t="inlineStr">
        <is>
          <t>hexagon</t>
        </is>
      </c>
      <c r="F260" t="inlineStr">
        <is>
          <t>There are six shapes in the image separated by a line. In the top part there are ['triangle', 'pentagon', '?']. In the bottom part there are ['triangle', 'pentagon', 'hexagon'].</t>
        </is>
      </c>
      <c r="G260" t="inlineStr">
        <is>
          <t>We observe that the hexagon is reflected across the line as a hexagon. Similarly, the pentagon is reflected as a pentagon. Hence, the pattern is that each shape in the top part is reflected in the bottom part.</t>
        </is>
      </c>
      <c r="H260" t="inlineStr">
        <is>
          <t>Based on the pattern that each shape in the top part is reflected in the bottom part, the missing shape which is reflected from a hexagon part should be a hexagon.</t>
        </is>
      </c>
      <c r="I260" t="inlineStr">
        <is>
          <t>b'\x89PNG\r\n\x1a\n\x00\x00\x00\rIHDR\x00\x00\x02\x00\x00\x00\x02\x00\x08\x02\x00\x00\x00{\x1aC\xad\x00\x00b IDATx\x9c\xed\xddw|\x14U\xd7\x07\xf033\xbb\x9b\xba\xd9M\x02$ \xa8tTP\x84\xf8\x10\xba\x94\xd0\x14^\xa5#REP\x9a4\x01\xa9\xa1\x13\xa4&amp;X\x10)\xa2\x02\xd2,\x88\x10"\xbdC\x12Z\xe8\xfd\x91\x92\x02I6}w\xa7\xbc\x7f\\Y\xf3\x80(\x90dw6\xf3\xfb~\xfcC \xe5\xee\xec\xec=\xf7\x9e{\xe6^NQ\x14\x02\x00\x00\xed\xe1]\xdd\x00\x00\x00p\r\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x00\x00\xd0(\x04\x00\x00\x00\x8dB\x00p%EQdYvu+\xb4K\x96e\\\x7f\xe7P\x14EQ\x14I\x92\xfe\xf9\xcb\xd8;\xa2(\x8asZ\x05\x1c\xae5h\x93$I\x82 \xe4\xff\x1f(Dlp\xc3\xba\x17\x9e\xe7y\xfe\xc9\xc6\x9a\xec{\x15E\xe18\x8e\xe7y\x8e\xe3\x8a\xa6\x99Z\x87\x19\x80k\xb0\x9b;11\xf1\xec\xd9\xb3\x98\x078\x99\xa2(\xa2(\n\x82p\xfd\xfa\xf5#G\x8e\x08\x82\x80\xa9@!\x92eY\x92$\x8e\xe3\x04A\xd0\xe9t:\x9d\x8e\xe7\xf9\xdc\xdc\xdc\x94\x94\x94C\x87\x0e\x89\xa2\xf8\xb7\xdf\xc5B\xc5\x89\x13\'\xae_\xbf\x9e\x91\x91\xc1\xf3&lt;\xfbvA\x108\x8ec?\xd3\xb9\xafC\x130\x03p\rQ\x14u:\xdd\x88\x11#~\xff\xfd\xf7S\xa7Na\x10\xea4\xb2,\xb3\xd1\xe8\xbau\xeb\x86\r\x1b\x96\x9c\x92&lt;i\xe2\xa4I\x93&amp;\xd1\xfd7\xc5\xd5\r,&amp;\xb2\xb3\xb3\xcf\x9e={\xe6\xcc\x99S\xa7N%$$\\\xb9r\xc5b\xb1dee\xdd\xb8q#((\x88\r\xed\xf3\x7f={_j\xd6\xacy\xf9\xf2e\xb3\xd9\\\xb5j\xd5\xe7\x9f\x7f\xfe\xe5\x97_\xaeY\xb3f\xf5\xea\xd5\x03\x03\x03]\xf5B\x8a9\x05\x9cN\x92$Y\x96\xaf^\xbdj6\x9b\x89h\xc3\x86\r\x8a\xa2\x88\xa2\xe8\xeav\x15\x7fv\xbb]Q\x94\x8c\x8c\x8c!C\x86\xe4\xff\x14\xb4j\xd5\xea\xf6\xed\xdb\xec\x0b\x1c\xc9\x07xR\xec\xc6\xde\xbe}{\xdf\xbe}+T\xa8\xf0\xb7y\x9b\x85\x0b\x17*\xf7\xdf\x88\xfc\xdf\xa8(\xca\xb1c\xc7\xfe\xb6\x8f\n\n\nz\xeb\xad\xb7\x96.]\xeaX!\x80\xc2\x82\x19\x80\x0b\xb0\xf1~\xa7N\x9d6l\xd8 \x08B\x85\n\x15\x12\x12\x12\x04A@\xae\xb3\xe8(\x8a"\xcb\xb2 \x08\xf1\xf1\xf1\xfd\x07\xf4\x8f\x8b\x8d#\xa2\x06M\xea\x95{\xbe\xdc\x9a\x15?\x10\xd13e\x9f\x99?o~\xe7\xce\x9d)\xdf,\x01\x9e\x08\x9bB}\xf1\xc5\x17\x03\x07\x0et\xfcepp\xf0\x0b/\xbcP\xb3f\xcd\x12%J\x84\x84\x84\x94,Y\xf2\xd5W_U\xfew\x06\xc0\xfex\xfd\xfa\xf5\xabW\xaf&amp;$$\xa4\xa4\xa4\xc4\xc5\xc5\x9d?\x7f\xfe\xf6\xed\xdbV\xab\x95}M\xfb\xf6\xed7n\xdc\x88\xb9r!sm\xfc\xd1 6\xd2\xdf\xbd{7\x11\xf1\xdc\x9f\xbd\xcc\x8c\x193\x14L\x02\x8a\x8c\xe3\xc2FFF\x9a\xfd\xcdD\xc4\x117t\xcc\xa0Kw\xcf$\xda\xff;;j\xba\xc9lbo\xc4\x90!C222\x94\x87\x86\xa8\x90\x1f\x1b\xe9?\xfc\xf7\xec:\xef\xdd\xbb\xf7\x99g\x9e\xe9\xd8\xb1\xe3\x82\x05\x0b\x8e\x1e=\x9a\x9e\x9e\xfet\xbf%;;\xfb\xcc\x993\xcb\x97/\x7f\xff\xfd\xf7\xabU\xab6k\xd6,\xe5\xd1\xef\x0b\x9bC\xc0\x93\xc2\x0c\xc0\xa9\xd8E\xb7\xdb\xed\xf5\xeb\xd7?~\xfc\xb8\x8f\xafO@\xa0\xff\x8dk\xff\xf5\xf3\xf3\x8b\x8f\x8f\xafP\xa1\x82\xa2(\x18{\x16"EQ$I\xd2\xe9t\xb7o\xdf\x1e1b\xc4\x0f?\xfc@D\xe5+=\x1f&gt;gb\xab\xb6a\xe9i\x16Q\x14\x03\x02\x03\xce\x9f9\xff\xf1\xc0Ob\x0f\xc7\x13Q\xed\xda\xb5\xbf\xfa\xea\xabZ\xb5jI\x92\x849\xd9\x03\x94\xfb\x13\xa9G\xfd+\xc7q\xe9\xe9\xe9D\xc4\xd2\x9b\x8cc\x8d\x9d\xe38V\xd5\xf3\x0f?\\\xf9\xbb\xc2!\x9b\xcd\x96\x96\x96\x16\x14\x14\xf4\xb7\xdf\xc8fl\xec\xc3\x85\x8f\xcf\x13\xc1\xc5r*v\xa7\xae]\xbb6..N\x96\xe5.=;-]\xf3\x85^\xaf\xcf\xc8\xc8\x98:u*\xc7!\x1e\x17&amp;Y\x969\x8e\xd3\xe9t\xd1\xd1\xd1u\xea\xd4a\xbd\xff\x1bo\xb5\xfe\xf1\xf7uao4\xbb\x9b|OQ\x14\x9dN\x97z/\xb5B\xe5\nk\xb6|;t\xcc \x8e\xe3\xe2\xe2\xe2\x9a5o\x16\x15\x15\xc5\xeaOP|\xe2 \x8a"\xab\xed\xb9t\xe9\xd2\xdf\x16M\xb1`i6\x9b\xcdf\xb3$I\xa2(\xb2\x819\xcf\xf3\xac\x1c\x88\xe59\x1f\xf5\xf3\x1f(\x1cb\xf1\x80\xfd\x10\x83\xc1\xf0\xa8\xde\x9f\x88x\x9e?\x7f\xfe&lt;\x0b-\xec7\x16\xca\xeb\xd5\x04\xe7N84\x8d\x95\xb2\xa5\xa6\xa6\x06\x07\x07\xf3&lt;o2\x9b\x8e^\xdc\x9f\xaa$\xbe\xd5\xb9\x1d\x11\t\x82\xb0g\xcf\x1e\x05\x89\xa0B\xc2r\x05v\xbb}\xf8\xf0\xe1\xacc\xf23\xf9\x85\xcf\x99\xf8G\xf6\x95+\xa9\xe7\xce\xdc&gt;~!\xf9\xb4\xe3\xbfswN^H&gt;\x9d,\xfe\xb1r\xe3\xd2\xa0\xd2\xa5\xd8G\xa3K\x97.\xb7n\xddR\xb02|\xff\xd6U\x14%))\xe9\xa3\x8f&gt;\xf2\xf4\xf4\x9c;w.\xeb\x9d\xff\xf6\x8b\x0b\xfdr=\xeag\xb2V\xed\xdb\xb7\xcf\xd3\xd3\xb3U\xabV\t\t\t\xec\xef\xf1!zL\x08\x00\xce\xc3n\xcaA\x83\x07\xb1\xfee\xe2\xccOn\xe7]\xbb\x98r\xfa\xd0\xb9\xbd\xfe\x01\xfeD\xd4\xb8qcQ\x14q\xef\x16\x90\xa3c\x8a\x8b\x8b\x0b\r\reW\xbbf\xc8+[\xf6\xfd\x94"\xdd&lt;{\xe7\xc4\xb9\xc4\x93\xf9{\x7f\xf6\xdf\xf9\xa4Sgn\x1f\xbf\x9dw\xed\xe8\xc5\xfdo\xbc\xd5\x9a}W\xd9\xb2e\xb7m\xdb\xc6~\xacf\xb3\xcc\x8e\x1br\xf9\xf2\xe5e\xcb\x96eWF\xaf\xd7\x1f=z\xd4\x11\x18\\\x82\xfd\xf6\x94\x94\x94j\xd5\xaa\xb1VyyyM\x980\x01\xab8\x8f\x0f\x01\xc0I\xd8\xba\xd9\xf9\xf3\xe7uz\x1d\xcf\xf3\xd5_y\xe9J\xea\xd9\x0b\xc9\xa7\x13n\xc5\'\x8b\x7f\x0c\xfb\xe4\xcf\xaa\xc4U\xabV)\x18\xbf\x14\xc0\xdf\xae\xf7\xf6\xf9\xb0\xd7\x95\xd4\xb3\xff\xcd\xbct\xe6\xd6\xf1\x87\xbb\xfe\xfc\xff\x9d\xb9}\xfcj\xfa\xf9?\xb2\xaf\x84\xcf\x99\xe8g\xf2#"\x8e\xe3\xc2\xc3\xc3Yo\xa2\xc1\xf7\x85\xbd\xf0[\xb7nu\xe9\xd2\xc5\x916\xe8\xd6\xad[BB\x82\xcdfs\xf9\xc4\x88\x05\xfb[\xb7nM\x9c8\xd1\xcb\xcb\x8b5\xafv\xed\xda\x87\x0f\x1fV\x1e\xbdX\r\x0eH:;\t+_k\xd9\xb2\xe5\xf6\xed\xdb\x89\xe8\xdb\x1f\x977k\xdd$-\xd5\xa2\xd3\tD\xc4q\\\xcb\xd07\xaf_\xbdQ\xb1b\xc5\xd8\xd8X\xa3\xd1\xc8\x96\xcb\\\xddjw\xa2\xdc_\xef\xbdw\xef\xde\xa0A\x83X\xc6?\xa8tP\xc4\xe2\xe9\xad\xda\xb6\xb0\xa4g&lt;f\x05!\xeb2J\x96*q\xf4`\xec\xf8\xe1\x93O\xc4\x9e$\xa2\x06\r\x1b,\xfbzY\x95*U4\xb82\x1c\x1d\x1d\xfd\xde{\xef\xdd\xbau\x8b\x88\xaaU\xab6\x7f\xfe\xfc\xd6\xad[\xbb\xbaQ\x7f\xe3\xcc\x993\xa3F\x8d\xda\xb6m\x1b\x11yxx\xcc\x9e={\xd8\xb0at\x7fi\xda\xc5\x8dS+,\x02;\x03\xebz\xb6o\xdf\xcez\xffV\xedZ6i\xd98=\xed\xcf\xde_\x14E_?\xdf\x8f\xc6\x0e&amp;\xa2\xcb\x97//\\\xb8\x90\xade\xb9\xb8\xd1n%\xffzo\xfd\x06\xf5\x1d\xeb\xbd\x9b\xf7ll\xf1F\xf3{wS\x15Ey\xcc\xfaq\xb6\tArbJ\x8d\x9a/m\xdc\xbe\xa6\xef\x87\xbd\x88h\xff\xbe\xfdu\xeb\xd6\xfd\xfa\xeb\xaf5\xb22\xcc\x86\x87\xd9\xd9\xd9\xe3\xc6\x8dk\xd5\xaa\x15\xeb\xfd\x87\x0c\x19r\xf8\xf0\xe1\xd6\xad[\xb3\x91\xb5\xab\xdb\xf8\x17EQDQ|\xe9\xa5\x97\xb6n\xdd\x1a\x19\x19i6\x9b\xadV\xeb\xf0\xe1\xc3;u\xeat\xfd\xfau\xf6Z\\\xddF\x95\xc2\x0c\xa0\xc8\xb1\xfbO\x96\xe5\xea\xd5\xab_\xbatI\xa7\xd3\xfd\xba\xef\xc7j/V\xc9\xce\xceqTD\xc8\x92\xec\xe7\xef\xd7\xbeY\xe7#\x07\x8e\x99\xcd\xe6\xd8\xd8X\x94\x84&gt;&gt;\x16_EQ\x9c1c\xc6\x94)S\x14E\xf1\xf3\xf3\x1b1\xe1\xa3\xf7\x06\xf5\xb6\xdb\xed\xb99\xb9O\xb7\xc1\x03\xfb\xb1f\x7f\xd3\xba\xef6N\x1f7;\xe9N\x12\x11u\xeb\xd6-***00\xb0x\xef\x1b\xc1n\xda\xf4\xf4\xf4\xd0\xd0\xd0K\x97.\x95*U***\x8a=%\xa7\xdaG\xb1XL\xe2y&gt;&gt;&gt;\xbe\x7f\xff\xfeqqq:\x9d\xee\xd0\xa1C!!!x\xb2\xefQpQ\x8a\x1c\xbb\xf9\x96,Yr\xe1\xc2\x05Y\x96\xfb|\xd8\xeb\xe5Z523\xb3\xfe\xe7\x8e\xe4H\x12\xa51SFyxx\xa4\xa7\xa7\xb3\x92PU\r\xb2\xd4\x89\xa5}\x04A\xb8x\xf1b\x93\xa6M\xc2\xc3\xc3\x15E\xa9\xfe\xcaKk~[5p\xe4\x80\xcc\x8cLk\x9e\xf5\xa9\xbbiA\x10\x14E\xb9\x9br\xafc\xf7\xf6\xbf\xec\xda\xd0\xb0i\x03"Z\xb3fM\xfd\xfa\xf5\x0f\x1c8\xa0\xd3\xe9\x8a\xf1\x16r\xac"9  \xe0\x8b/\xbex\xed\xb5\xd7\x0e\x1e&lt;\xd8\xb9sg\xb6\x04\xa2\xce\xde\x9f\xee?: \x8ab\xadZ\xb5v\xef\xde\xdd\xa9S\xa7\xb1c\xc7\x86\x84\x84\xb0\xac\x9d\xab[\xa7R\x98\x01\x14-\xd6A$\'\'\xbf\xf8\xd2\x8b\x96tK\xb9\xe7\xca\xfe\xba\xf7GOoOI\x94\x1e\xc8K\x8a\xa2X2\xa8\xc4\x07\xdd\x07oZ\xfb\xb3 \x08\xbbv\xedj\xd8\xb0\xa1jG[j\xe0\xb88_\x7f\xfd\xf5\x981cRSS\x89\xa8W\xffwG\x87\x8f\xf43\xf9Y\xd2-z\xbd\xbeP~\x91(\x8a^^^:\xbd\xee\xabE_\xcf\x99:\xdff\xb5yxz|2\xf6\x93\xc9\x93\'S\xb1\xdeB\x8e\xa5V\xd8\xcbw\xa3\x97\xe9\xb81rrr\xd8\xca0\xd6\x00\x1e\x05\x81\xb1h\xb14\xce\'\x9f|\x92\x96\x9a&amp;\xcb\xf2\xc0\x11\x03J\x95.e\xb3\xda\x1e\xbe#\x05A\xc8\xcc\xc8\xfax\xf2H\xb3\xbfI\x92\xa4\xe1\xc3\x87[\xadV&lt;\x1a\xf6(l?\xe7{\xf7\xee\xbd\xf3\xce;\xef\xbf\xff~jjjP\xe9\xa0\xa8\x15\x0b\xe6|&gt;\xcb`\xd0gfd\x16V\xefOD:\x9d\xcej\xb5fge\x0f\x193\xe8\xfb_VV\xa8T\xde\x9ag\r\x0f\x0fo\xdd\xba5\xcb\xe9\xb1\xa1qa\xfd:\xf5\xe08N\xaf\xd7{yy\xc9\xb2\xec.\xbd?\xdd\x9f\xba\x11\x91\xb7\xb77\x8a)\xfe\x19\x02@\x11b\xc9\x9f\xb8\xb8\xb85k\xd6\x10\xd1kuC\xba\xf4\xea\x94z7\xf5o?K\x1c\xc7\xe5\xe5\xe6U\xa8\xf4\xfc\x90\x8f\x07\x12Q\\\\\xdc\xda\xb5ky\x9e/\xaeI\x86\xa7\xc6\x12/l\xbd\xb7A\x83\xfa\xec\xda6l\xda\xe0\x97]\x1b:vo\x7f7\xf9\xae$=r\xaf\x82\xa7\xc6\xd2\x0bw\x93\xef\x866\xa8\xb3y\xef\xa6.=;\x11\xd1\xb6m\xdb\xea\xd7\xaf\xbfn\xdd:\x9dNW\x8cW\x86\xddq-\x8a\x8d\x9c\x8aeT.\\\x18`\x16!6\x15}\xfd\xf5\xd7\xf7\xec\xd9#\x08\xc27\x9b\x965i\xd1\xc8\x92\x9e\xf1\xcf\xdd\x13/\xf0-C\xdf\xbc~\xe5FPPPBB\x82\xd9l\xc6(\xc6\xc1\x91\x88\x982e\n[\xef5\x18\x0c\xa3\'\x8f\xe8\xffQ?\xd1.\xe6\xe6&gt;\xe5z\xef\xe3c\xdb\x12xy{n\\\xfdS\xf8\xe8\xe9\xa9\xf7R\x89h\xc8\x90!3f\xcc0\x1a\x8dn\x94\'y\x00;\xc2\xc5\xed:\xfa\xa7\xc0*2\xb4V\xcb\xfb(\xc5\xff\xfdv\x15\xd6\xfbo\xd8\xb0a\xef\xde\xbdD\xd4\xb6}\x9b\xb06M\xd3\xd3,\xff\xdc\xfbK\x92\xe4\xed\xed5~\xfa\x18Y\x96\xef\xdc\xb93\x7f\xfe|L\x02\x18G\x99\xff\xa5K\x97Z\xb7n\xedX\xef]\x1f\xbdz\xf0\xc7\x1f\xe6d\xe7X\xadO\xbf\xde\xfb\xf8X\xb9\x91%=\xa3s\xcf\x8e\x1bc\xd6\xd6\xaeS\x8b\x88\xa2\xa2\xa2\x9a4mr\xe4\xc8\x117]\x19f\xfb\xbbi\xe1Nc\xcf\x04\xb0Z^W\xb7E\x15\x10\x00\x8a\x04\x9bWY,\x961c\xc6\x10\x91\xd1\xe8;d\xcc\xa0\xdc\x9c\xdc\x7f\x1da\t\x82\x90a\xc9l\xd96\xac\xc1\xeb\xf58\x8e\x9b;w\xee\xa5K\x97\xd8\x99\x85\xceh\xb7Z9\x8e\x18\\\xbbvm\x83\x06\r\xd8\xc3&gt;\xbd\xfa\xbf\xfb\xc3\xd6\xefj\xd7\xa9u\xefn\xaa3G\xaf\xac%\xf7\x92\xefU\xa8\\\xfe\x87\xdf\xbe\x1d:f\x10G\\\\l\\\xe3\xc6\x8d\xd93\x1c\xee\xf5\x18\x07\x1b\x0e\xcf\x9a5\xeb\xc6\x8d\x1bl\x0b6W\xb7\xa8\xa8\xb0\xde_\x92\xa4\x993g:6\xa9vu\xa3\\\x0c\x01\xa0H\xb0\xe1\xff\xc2\x85\x0b\xaf^\xbd\xaa(\xca{\x83\xfb\xd4x\xb5z\xfe\xc2\xff\x7f\xfbvy\xc2\xacO\xd8\xda\xe3\x84\t\x13\xe8~D\xd1&amp;\xb6\xdek\xb1X\xde\x7f\xff\xfdn\xdd\xba%\'\'\x07\x04\x06,\xbe\xbf\xde\x9ba\xc9pI\xd6E\xa7\xd7\xe5d\xe5H\x92&lt;~\xc6\x98\x95\x9b\xbe._\xe9y\xf6\xf0Q\xd7\xae]o\xdf\xbe\xcd&amp;\n\xea\x7f\xd7X\x89\xe4\xca\x95+\xc7\x8d\x1bW\xb3f\xcdU\xabV\xd1\xfd\xd2\xb5b\x86\xbd\xa8\xe3\xc7\x8f\xbf\xf4\xd2K\xe3\xc7\x8f\x1f9rd1^\xb6y|\x08\x00\x85\x8fM\xa8\xaf\\\xb9\xb2p\xe1B\x8e\xe3\x9e\xaf\xf8\xfc\xc0\x11\x03\xd2\xee\xa5=f?\xc5\xf3|Vf\xf6+\xb5kt\xee\xd1\x91\x88\xd6\xad[\xc7\x96\x104x\xb3:\xd6{\x0f\x1c8\x10\x1a\x1a\xfa\xf5\xd7_\x13Q\xc3\xa6\r6n_\xd3\xf1\xdd\x0eE\xb4\xde\xfb\xf8x\x81W\x14\xe5n\xd2\xbd\xb07\x9a\xfd\xf8\xfb\xba6o\xb5"\xa2\x1f~\xf8\xa1N\x9d:\xd1\xd1\xd1leX\xcd\x9d)\xbbQO\x9d:5x\xf0`A\x10\xfc\xfc\xfc\xea\xd7\xafO\xc5\xb4h\x92-\x0bW\xacX\xb1R\xa5JD\xb4|\xf9\xf2\x15+V\xe8t:\r~\xac\xf2\xc3"p\xe1c+\x81\xbdz\xf5Z\xb5j\x15\xc7q\x0b\xbe\xfa\xb4s\xcf\x8e\x8f\x1f\x00\x88HQ\x14\xbd^\x9f\x9e\x9e\xde\xacv+KzF\xad\xda\xb5\x0e\xec?\xa0\xd7\xeb5\xb5\x1a\x9c\x7f\xbdw\xd6\xecY\xd6&lt;\xab\xc1`\xf8px\xff\x11\x13\x86*\nege\xabg\xb9U\x14EOOO\x83\x87a\xd9g+\xe7\xcfX\x94a\xc9\xe08n\xd8\xb0as\xe6\xcca]\x8c\n\x1f\xe6`k\xa1D\xf4\xdak\xaf\x1d?~\x9cE\xd9\xff\xfc\xe7?\xc5\xf8\xa1Y\x96\x02\xb2X,\xb5j\xd5\xbav\xed\x9a\xb7\xb7\xf7\xa9S\xa7*T\xa8P\x8c_\xf2\xbf\xd2\xe8\xcb.:l\xa1r\xdf\xbe}\xdf\x7f\xff=\xc7q\xaf\xd5\r\xe9\xd4\xa3\x83%\xd5\xf2D\xbd\x15\xc7qyyye\xca\x96\x1e\xf2\xf1@EQ\xe2b\xb5U\x12\xca\x9e?\xca\xbf\xdek\xcd\xb3V\xa8T\xfe\xfb\xcd+\xc7\xcf\x1c\x9b\x93\x9d\xfb\xd4\xbb;\x14\x11\x9dNg\xb3\xd9232\x07\x8d\x1c\xb0\xe6\xd7U5C^Q\x14e\xc1\x82\x05M\x9a6\xb9x\xf1"\x9b\xbd\xa9m\xa4\xc5\x86\xff\x1f\x7f\xfc\xf1\xf1\xe3\xc7\x89\xe8\xd3O?\xfd\xcf\x7f\xfe#\x8ab1\xee\nY\xce\xc7d2\xad^\xbdZ\xaf\xd7gggw\xef\xde\xdd\xb1\xc3\xab\xab[\xe7\x1a\x98\x01\x14&amp;v\'\xd9\xed\xf6z\xf5\xeb\xc5\xc7\xc5\xebt\xbau\xdb\xbe\x0f\t\xad\x9d\x9d\x95\xfd\xa4\x9f+\x85\x14\x9e\xe38\xfe\xaf\x92\xd03g\xce\x98L\xa6b?\tp\x8c\x97\xd7\xad[7x\xf0\xe0\x94\x94\x14"\xea\xd2\xb3\xd3\xa4\xd9\xe3\xfcL~\x19\xe9\x19:\xbd\x8a\xba\xfe\x07\x88v\xd1\xe8\xe7k\xb7\xdbg\x8c\x8fX\xfe\xc57D\x14\x10\x10\x10\x11\x11\xd1\xaf_?R\xd3.:l\xcc\x1b\x1f\x1f_\xa7N\x1dQ\x14\x9b7o\x1e\x13\x13\xe3\xbe5\xacO\x84\xbd\xcc)S\xa6\x84\x87\x87\x13\xd1\xe2\xc5\x8b\x07\r\x1a\xa4\x9e\xb7\xc6\xc9\x8am\xb4w\t\xc7\x89\x8f\xf1q\xf1D\xd4\xa5g\xa7\xfa\xaf\xd7\xcd\xcc\xc8|\x8aQ\x15G\x9c(\xfeOI\xe8\xa4I\x93\x8a\xfd$\x80\xad\xf7fff\x0e\x1d:\xb4K\x97.)))\x81%\x02"\x97\xcd\x9f\xbf$\xc2\xc3\xc3#3#S\xcd\xbd?\x11\xe9\xf4\xba\xac\xaclQ\x94fEN\x8bZ\xb1 \xa8tPjj\xea\xfb\xef\xbf\xff\xce;\xef\xdc\xbbw\x8f\xad\x0c\xbb\xba\x8d\x7f\x19&gt;|\xb8(\x8a&amp;\x93\xe9\xcb/\xbft\xc7\xa7\xbd\x9e\x0e\x9b\x90\x8d\x1b7\xaev\xed\xda\x1c\xc7M\x9a4)%%E\xb3\x85v\x9ax\xcb\x9d\x83e\x18SSS\xc7\x8e\x1d\xcbN|\x1c1ahVF\xf6S\x8f,\x04A\xb0\xa4g\xb4\xfa\xbf\x96\xad\xdb\xb5$"\xb6\x9d\\q\x8d\x01\x8e\xf5\xde#G\x8e4i\xda$**\x8a\x88\x1a6m\xb0&gt;zM\x97\x9e\x1d-\xe9\x19,6\xb8\xba\x99\xff\xeeQ[\xc85h\xa0\x96-\xe4X\xe5OTT\x14{Be\xf4\xe8\xd1\x15+V\xd4\xce\x8eil\x02\xad\xd7\xeb\x17,X\xc0\xf3|ZZ\xda\xc0\x81\x03\x1d\x87\xd1k\x8d&amp;\xder\xe7`\xc3\xff\xf9\xf3\xe7\'&amp;&amp;\xca\xb2&lt;t\xf4\xc02eK\xe7\xe5\xe5\x15$c\xc3q\x9ch\x17\x87\x8f\x1fj\xf00\x88\xa28t\xe8\xd0b\xb9;\x10K=\xf3&lt;\xbfp\xe1\xc2\xc6\x8d\x1b\xc7\xc5\xc6q\xc4\r\x1d3\xe8\xbb\x9fWT\xa8\\\xfen\xca=\xf7zr\x87\x9dL\x90z7\xb5dP\xc9\xef\x7fY9a\xc6X\x83\xc1p\xfe\xfc\x85f\xcd\x9bM\x992\xc5\xb1i\xa5\x0b\x9bGDw\xef\xde%\xa2\xca\x95+\x8f\x1a5Jk\t\x106\x15k\xd8\xb0a\x8f\x1e=\x14E\xb1Z\xadv\xbb]#\xf1\xef\x01\xc5\xb07q\tv \xc9\xc5\x8b\x17_~\xe5e\xd1.&gt;_\xe1\xb9\xe8#\xbf*\xb2,+\nG\x05\xea\xb9DQ\x0c,\x19\x18\xfe\xf1\xb4/\x17.%\xa2\xe8\xe8\xe8\x16-Z\x14\x9bO\xac\xe3\xf9\xde\xdb\xb7o\xbf\xf7\xde{\xec\t\xaf\xf2\x95\xca\x87\xcf\x99\xd0\xaa]X\xda\xbdt\xb7NM\xb0\xbb\xc2\xeco:r\xe0\xd8\xf8a\x93\x13N\x9e!\xa2V\xadZEFFV\xae\\\xd9\x85\x87\x8b\xb1\xc1\xca\xdc\xb9s\xcdfs\xbf~\xfd\x8a\xcd\xed\xf4\xf8\xd8[s\xe2\xc4\x89\xa5K\x97~\xfe\xf9\xe7\xac\x1bt\xa3AFaA\x00(\x1c\x0f\x9c\xf8\xb8\xec\x87/[\xb5k\xf1\xaf\xdb\xfe&lt;\x8e?KB\xd3\xd2[\xd7kw7\xe5n\xe5*U\x12N\'\xb0\x8e\xc3\xdd\xefWG\xf9\xdd\xbau\xebF\x8e\x1cq\xf3\xe6-"j\xdb\xe1\x8d\xa9\xf3&amp;\x05\x97\x0eJ\xbd\x9b\xa6\xf2\x8c\xffc\x12E\xd1d\xf6\xcb\xb0dN\x193\xe3\x87U\xeb\x89\xa8T\xa9R\x8b\x16-\xea\xda\xb5+\xb9ne\xd8q\xf1qb\xa2\x96\xb9\xeb\xd8JU\x1e&gt;\xf1\xb1\xd5\xff\xb5,\x94\xde\x9f\xee\x97\x84\x96}\xf6\x99\xe1\xe3\x86\xca\xb2r\xe1\xfc\x85%K\x96\x14\x83\x95\x00\x96\xf6q\xac\xf7\xde\xbcy\xcbd6\xcd\x8e\x9a\xbet\xcd\xe7F\xa31\xf5^1\xe9\xfd\x89H\xa7\xd3e\xa4g\xea\r\xfa\xf9K""\x97\xcd\x0f,\x11\x90\x9c\x9c\xdc\xad[\xb7\xf7\xdf\x7f?33\xd3U+\xc3\xec\x16B\xef\xef\xee\x9f\xa3\x02\xc2\x0c\xa0\xa0\xf2\x9f\xf8x\xf1\xe2E\xbd^\xff\xeb\xbe\x1f\xab\xbeX%\xe7\xb17~xL&lt;\xcf\xbd\xdd\xbc\xcb\x99\x93g\xfd\xfd\xfd/_\xbel6\x9b\xc9=\'\xad\xecr\t\x82\x10\x1f\x1f\xdf\x7f@\xff\xb8\xd88"\n\t\xad\xf5\xe9\xe7\xb3\xaa\xbdT--5\x8d\xe7x\x8ew\xbf\xd7\xf5\xcf\xd8\xab\x0e,\x11p\xe6\xd4\xb9\xc9\x1fO\xdb\xb7s?\x11\xd5\x0e\xa9\xfd\xd9\xe2\xcf\xea\xd4\xa9\xe38\xce\xd0\xd5\xcd\x04m\xc1\rWP\xf9O|T\x14\xa5\xef\xc0^/\xd7\xaa\x91\xf5\xc0\x89\x8f\x05&amp;I\x92\x8f\xaf\xef\xe8\xc9#\x15EIMM\x9d4i\x92\xca\xb7\x19x\x14\xc7\xb6nQQQ\xcd\x9a7s\xac\xf7\xae\xd9\xf2m\x85\xca\x15R\xef\xa5\n\x82P\xfcz\x7f\xba\xbf\x85\xdc\xdd\x94{\x15*\x97\xff\xee\xe7\x15C\xc7\x0c""\xf7\xddB\xee\xe9\xb0%\x1f\xf1!j;e^;0\x03(\x90\xbfN||\xf1E\x8b\xc5\x12X"`\xdb\xa1\xcdf\x7f\xb3\xddn/\xf4\xb1\xb9$I~&amp;\xe3\xfb]\x07n\xfd%Z\xaf\xd7\x9f&gt;}\xbaJ\x95*\xee\xb5F\xcare\xb7o\xdf\x1e1b\xc4\x0f?\xfc@D\xe5+=\x1f&gt;gb\xabva\xe9\xa9\x16Y\x92y\xc1m^\xcbSc\xcb\x8f\xfe\x81\xe6m\xbf\xc4\x84\x8f\x9e~\xed\xf25"j\xd5\xaa\xd5\xb2e\xcb\xca\x94)S,\xd7c\x1d\xdbN\xfc\xf3KsL\r\x9d\xd5.@\x00(\x18\xf6q\xed\xd3\xa7\xcf\xca\x95+\x89hV\xe4\xf4\xbe\x1f\xf6\xbc\x9br\xaf(\x9e\xa8\x94e\xd9\xc7\xc7\xfb\xfc\xd9\x8bo6z\xdbn\xb3\x87\x85\x85EGG\xbbQ\x7f\xc1\xd2\xcd\xd1\xd1\xd1}\xfb\xf6\xbd}\xfb6\x11\xb5y\xab\xf5\xcc\x85SJ\x95.\x95v7M\xd0\xb9S\xa1g\xc1\x89v1\xa0\x84\x7f\xe2\x9d\xa4I#\xa7n\xde\xb8\x85\x88\xca\x94)\xb3|\xf9\xf2\x96-[\x16]^\xde\xf9\x19\xff\x07\xfa\xf4\xac\xac\xac\xf3\xe7\xcf_\xbat\xe9\xc6\x8d\x1b\xe9\xe9\xe9V\xab\xd5`0\x04\x04\x04T\xae\\\xb9F\x8d\x1a\x95+W\xa6\xfb\x1b\xdf\xba\xeaf\xd0\xda\xa2\x08\x02\xc0\xd3cC\xb9\xf8\xf8\xf8\xfa\xf5\xeb[\xad\xd6\xd7\xea\x86l\xd8\xbe:\'\xfb\xdf7\xfd\x7fj\x7f\x96\x84\x8e\x9a\xf6\xe5\xa2\xa5D\xb4n\xdd\xbaN\x9d:\xb9E\x0c`\x892\xc7\xf3\xf7%K\x95\x1c8\xb2\x7f\xbf\xc1}mV[^^\x9e\x16v x\x98(\x8a\x1e\x1e\x1e\xbeF\x9f\x15_\xac\x9a?cQJ\xf2]"\n\x0f\x0f\x9f&lt;yr\xd1mO\xc6nZ\'\xf7q\xe9\xe9\xe9[\xb7n\xfd\xe9\xa7\x9f\x0e\x1e&lt;x\xf3\xe6\xcd\xbf\xfd\x1a\x83\xc1P\xa7N\x9d\x0f&gt;\xf8\xe0\x9dw\xde\xa1|EJ\xce\xa4\xc1]\xe1\xb4\xf5j\x0b\x17\x1b,\x8c\x1c9\xd2j\xb5\n\x82\xf0\xd1\xd8\xc1:\x9d\xaeH\x03\xaa \x08\x99\x19\x99\x83F}\xf0|\x85\xe78\x8e\x9b0a\x82\xcdfs\x8bG\xc3X\x06\x80\xe5\xb89\x8e\x1b5q\xd8\xa8\xd1\xc33,\x196\x9bM\x9b\xbd?\x11\xe9t:\xd1.\xdeM\xb97p\xe8\x07\xa3&amp;\x0eg\x9d2\xbbDE\x91\x10W\x14%##\xc3iO\x1e\xb0\xe2\x88\xeb\xd7\xaf\x8f\x1b7\xaeF\x8d\x1a\xef\xbc\xf3\xce\xbau\xebn\xde\xbc\xc9\x0e\x9a\xf7\xc8\xc7`0\x08\x82`\xb3\xd9\xf6\xed\xdb\xd7\xbd{\xf76m\xda$%%\xb9\xe4h\x1a\x9e\xe7\xb3\xb3\xb3\xedv\xbb\x93\x7f\xaf\x0b!\x00&lt;%6\xee^\xbf~\xfd\x13\x9d\xf8X@\x1c\xc7\xd9\xac\xb6R\xa5K}8\xbc\xbf\xa2(\x17/^\x9c;w\xae[\x94\x84\xb2\x81U\xaf^\xbd&lt;==\x15E\x89;\x12\x9f\x91\x97A\x9a\xaf{\xe1x\x8e\xe3\xb8\xac\xbc\xcc\xb8#\xf1\x8a\xa2xzz\xf6\xea\xd5\x8b\n\xfb\xb2\xb0\x9e4===$$\xa4q\xe3\xc6\x8b\x16-\xa2\xfb\x91\xa6\xe8\xb0\xd5\xfe-[\xb6\xcc\x9a5\xeb\xe6\xcd\x9b\x82 \x18\x0c\x06\xbd^ODv\xbb\xdd\x9a\x8f\xcdfS\x14E\x10\x04A\x10t:\xdd\xd6\xad[\xc3\xc2\xc2\xee\xdd\xbb\xe7\xb4M:\xd9\xa5\xd8\xb9sg\xd3\xa6M\xabV\xad\xba\x7f\xff~*\xfa\xeb\xa3\x12\x9a\xfe\xf8=5v_\xdal\xb6\xf1\x13\xc6\x13\x91\xd1\xefqO|,8\xb6\xc7@\x97^\x9d\xfeS/\x84\x88\xd8\xce\x13\xea\xaf\x08bQ\xaa|\xf9\xf2\xaf\xbe\xfa*\x11\xed\x8e\xd9\x9b\x92t\xd7\xc3\xc3C\xfds\x97"\xa5(\x8a\x87\x87GJ\xd2\xdd\xdd1{\x89\xe8\xd5W_-_\xbe|\xa1\'"\xd8\xbdq\xf0\xe0\xc1K\x97.\xed\xdd\xbb7((\x88\x8a\xfe\x8c96\x12\xea\xd1\xa3G\xb9r\xe5\xd8Q\x166\x9b\xcdn\xb7+\x8a\xf2\xcc3\xcf\xd4\xad[\xb7u\xeb\xd6\xed\xda\xb5{\xfd\xf5\xd7\x9f}\xf6YY\x96\xd9\x8e\xd9\xa2(\x1a\x0c\x86\xd3\xa7O\x0f\x180\xc0i#\x1b6%\xaaP\xa1\xc2\xae]\xbbn\xdd\xba\xc5\x1eG\xd7\xc8\x9d\x89\x00\xf04\xd8\xba\xd6\xdc\xb9s/]\xbc\xa4(\xca{\x83\x9e\xec\xc4\xc7\x02R\x14E\xaf\xd7\r\x1d3X\x10\x84{\xf7\xee}\xf2\xc9\'nq\x94+\xeb\xd7\xda\xb7oOD\xc9I)G\x0e\x1c\xf3\xf6\xf1Ry\xdc*j\xb2,{\xfbx\x1d9p,9)\x85\x88\xda\xb7o_\x14\xbd\x1e\xbb7\xb6o\xdf\xceq\x9c\xbf\xbf\x7f\xa3F\x8d\xe8\xdf\nr\n\x8e\xe38Q\x14\xfd\xfc\xfc\xfa\xf5\xebg\xb7\xdbEQ|\xf9\xe5\x97\xa7N\x9d\x1a\x1b\x1b{\xe1\xc2\x85\x83\x07\x0f\xfe\xf6\xdbo?\xff\xfc\xf3\xae]\xbb\xce\x9e=\xbbm\xdb\xb6\xbau\xeb\xb2;\xc4f\xb3\t\x82\xb0q\xe3\xc6\xfd\xfb\xf7;\xe7 &lt;\xf6\xf1y\xee\xb9\xe7\xea\xd6\xad\xcb\xf3\xfc\xce\x9d;\xdde\xe7\xc1\x82C\x00xb\xec6\xbdr\xe5J\xc4\x9c\x88\xfb\'&gt;\xf6\x7f\xa2\x03\xbf\nH\x10\x84\xf44KX\x9b\xa6m;\xbcADk\xd6\xac\x89\x8b\x8bS\x7f"\x88E\xc7v\xed\xdayxx\x10Q\xf4\xe6\xed\x9a*\xb7x\x14\x8e\xe3\xa27o\'"\x0f\x0f\x8fv\xed\xdaQ\x11\xa4\xc5\xd8\xbdq\xe2\xc4\tEQ\xaaT\xa9\x12\x14\x14\xe4\x9cZ\x17\xd6\xb1\xf6\xed\xdb\xb7K\x97.[\xb7n=q\xe2\xc4\xc4\x89\x13k\xd7\xae\xed\xe3\xe3\xc3\x1e\x08`\xe5\xff&gt;&gt;&gt;-[\xb6\xdc\xbd{w\xb3f\xcd\xd8\xd0\x8a-S\x7f\xfb\xed\xb7\xe4\xac\x918KX\x85\x86\x86\xca\xb2|\xf5\xea\xd5\xb4\xb44\xb7XZ+8\x04\x80\'\xc6&gt;&lt;S\xa7N\xcd\xb0d\x10\xd1\xb0\xb1\x83}\xfd\x8cN~\x9a\x9f\xe7\xf9\xdc\x9c\xdc!\xa3\x07\xfa\x99\xfc\xacV\xeb\xa8Q\xa3\xd4\x7f\xbf\xb2n\xa8R\xa5J!!!Dth\xdf\x91\xbb\xc9w\xf5z\xbd\xca\x9b]t\xd8.Ow\x93\xef\x1e\xdaw\x84\x88BBB*U\xaaT\xe8\xf9\x1f\xf6\xa4HVV\xd6\xe5\xcb\x97\x89(44\xd4i\xe7K\xb3\x05\xe7\xb2e\xcb\xae]\xbb\xb6U\xabVlN\xe0\xd8\x7f\x82%\xfdY\x90\xb0\xd9l\x06\x83!22R\xaf\xd7\xb3/P\x14\xe5\xe8\xd1\xa3lm\xc0\tMe\xe1\xb0a\xc3\x86D\x94\x9e\x9e~\xe1\xc2\x05\xd2\xc6.\x11\x08\x00O\x86\xad\xfd\xee\xdd\xbb\xf7\xfb\xef\xbf\'\xa2\xa7;\xf1\xb1\xe0x\x9e\xcf\xca\xca~\xb9V\x8d\x9e\xefw\'\xa2={\xf6l\xd8\xb0A\xfd\x07\xc7\xb3\xde-,,\x8c\x88\x92\x93R\xce&amp;\\\xf0\xf4\xf2\xd4\xc2\xc7\xeco\xc9\xb2\xec\xe9\xe5y6\xe1\x02\xcb\xff\x84\x85\x85\x15]\xfe\xe7\xf2\xe5\xcb\xecl\xb5\x9a5k\x16\xee\xcf\x7f\x9c\x06\xb0\xc1\xbe\xa2(:\x9d\xee\xe12$\x8e\xe3\x0c\x06\x83\xa2(/\xbc\xf0B\xd5\xaaU\x1d\xb3\x93\xa4\xa4\xa4\xec\xecl\xe7\x8cl\xd8o|\xf1\xc5\x17===\xd9l\x89\xb4\xb1\x0c\x80\x00\xf0\xc4dY\x9e8i\xa2$I\x06\x0f\xc3\xd8\xa9\xa3$Q*\xd8~\xcfOI\xa7\xd3\xa5\xa7\xa6\xf7\xff\xe8\xbdg\x9f/\xa7(\xca\x981c,\x16\x0b\xa9\xfb\xaee\x1f\xb3\x16a-x\x9e\x97D)\xe6\xd7\xdf\r\x1e\x9a\x9e\x01\x18&lt;\xf41\xbf\xfe.\x89\x12\xcf\xf3-\xc2ZP\x11&lt;\x00\xc5.\xef\xd5\xabW\xedv\xbb\xc1`x\xe5\x95W\xc8\xb9\xc5W\x8e\xc1\xfe?\xbf4\xd6\xce\xc0\xc0@\xc7\xdf\xd8l6\xa7M\xacY\x98)W\xae\\\xd9\xb2e\x89\xe8\xd2\xa5K\xe4\x9e\x1bm=)\x04\x80\'\xc0\x86\xff\xdf~\xfb\xed\xde={\x89\xe8\x8d\xb7Z7hR\xef\xe9N|,8VVQ*\xa8\xe4\xc8\t\xc38\x8e\xbbz\xf5\xea\xc2\x85\x0bU&gt;\t`\xa7e\xd5\x0e\xa9]\xa5J\x15"\xda\xb5}Ozj:+\r\xd4 \xbd^\x9f\x9e\x9a\xbek\xfb\x1e"\xaaR\xa5J\xed\x90\xdaE\x91\xf1p\xcc\x00\x04A0\x1a\x8d\xcf?\xff&lt;\xa9\xb2kcy\xff\xac\xac,\xc7\xdfxyy\x19\x0c\x06\xa7\xfdvEQ\xbc\xbd\xbd\xcb\x95+\xc7\xf3&lt;\x02\x00&lt;\xe8\xe1\x13\x1fG\x87\x8f\xcc\xcc\xc8ra\xb5\x80N\xa7K\xbd\x97\xd6\xb1\xfb\xdb\xac$t\xe1\xc2\x85W\xae\\Q\xf9\xe9\xa6\x92$\x19\x0c\x86\xb6m\xdb\x12\xd1\xb5+\xd7O\xc4\x9e\xf2\xf6\xf6Rs\xd0*"\x92$y{{\x9d\x88=u\xed\xcau"j\xdb\xb6\xad\xc1`(\x8a\xeb\xc0z\xb1\xf8\xf8xI\x92\x82\x83\x83\xd9s\x18\x85\xfe[\n\x88\xe5\xfdSRRX\xcf\xcb\x94)S\xc6\xdb\xdb\xdbi{3\xb0\xcb\xc2\xcapO\x9f&gt;\x9d\x93\x93\xa3\xfeu\xb5\x82C\x00x\\\x0f\x9f\xf8X\xa1\xd2\xf3y\xb9\x05:\xf1\xb1\xe08\x8e\x93$y\xcc\x94Q\x1e\x1e\x1e\xe9\xe9\xe9S\xa7NU\xf9]\xcb.W\x87\x0e\x1dX\xbe;f\xcb\x0e\xbd&amp;\xb3@\x8a\xa2\xe8=\xf41[v\xb0\xfb\xaaC\x87\x0eT4CN\xb6\xca\xda\xaaU\xabV\xadZ\x95/_\xde\xcb\xcbK\x85\xdb\xdd\xb0\xc3\xd1\xbe\xfe\xfa\xeb\x8c\x8c\xbfN\xd1h\xd0\xa0\x019\xf1\x81,G\x00\xa8Y\xb3\xe6\x07\x1f|@\xda\x98\x01\xa8\xba\xb3P\x0f\xb6\x83\xca\xe5\xcb\x97\xab\xd7\xa8n\xb7\xd9\xcbW|&gt;\xfa\xc8\xaf\xb2\xa4\x8a\x81\xb6(\x8a%\x83J|\xd0}\xf0\xa6\xb5?\x0b\x82\xb0s\xe7\xceF\x8d\x1a\xa9y\x83 EQ\xecv\xfb+\xaf\xbcr\xfe\xfc\xf9\x8a\x95+\xfcv\xe0\'\x8es\x83\xe7\x18\n\x17\xc7q\x8a"\xb7\xa9\xff\xd6\x95KW\xabU\xabv\xf2\xe4I\xf6\xb4T\x91\xfe\xd2\xc4\xc4\xc4R\xa5J\xa9\xed\xe9k\xbb\xdd\xae\xd7\xeb\x8f\x1e=\xda\xa4I\x93\xbc\xbc&lt;\xba\xdf\xf3\x9e8q\xa2z\xf5\xeaN\xde\x9f\'))\x89=(\xa7\x11\xea\xba\x15T\x8b\r\x9a\xc6\x8f\x1fo\xb3\xda\x14E\x19?c\xacz\x12\x17\x82 dfd}&lt;y\xa4\x7f\x80\xbf$I\x93&amp;MRI\xc3\x1e\x05Y \xa7\xe5\x7f\xf2\xffFY\x96\x83\x83\x83\xd5\xd9\xfb\x1f;v\xacm\xdb\xb6999l\x15D\x92\xa4A\x83\x06U\xaf^\x9d\xcd\x0c\x9c\xd9\x1e\xd6\xfb\xbb\xe4\x8c6\x97P\xd7\xdd\xa0N\x8e\x13\x1f\xd7\xaf_OD\r^\xaf\xd7\xb2m\xf3\x0cK\xa6J\x86\xd8\x1c\xc7\xe5\xe5\xe6U\xac\\\xbe\xd7\x80w\x89h\xcf\x9e=\xabW\xafV\xf3j0\xb2@N\xcb\xff88*\xee\x8b\xeeW&lt;)\xb6\xf1\x83^\xafg\x9b\xff$\'\'\xf3&lt;\xaf\xd3\xe9\xecv{\xbdz\xf5f\xcf\x9e\xed\x92\xbd9\xd9#\x08\xda\xd9\xa0\x10)\xa0\x7f\x91\xff\xc4\xc7K\x97.\xe9t\xba_\xf6l|\xa1z\xb5B?\xf1\xb1 \xd8\x04\x85\xe3\xb8\x96\xa1o^\xbfz\xa3b\xc5\x8a\xb1\xb1\xb1F\xa3Q\xb5\x07\xc7k&lt;\x0b\xe4\x92\xfc\x8f\xaa\xb0\x8f\x15\xcf\xf3\x8b\x17/\xfe\xe8\xa3\x8fX_\xcf\xf3\xbc(\x8a\xa1\xa1\xa1\xbf\xfe\xfak``\xa0\n\xd7*\x8a\x1f\xb5ta\xaa\x95\xff\xc4GY\x96\xfb\x0e\xec\xf5j\xc8+\x85~\xe2c\x01\xb1g,}\xfd|?\x1a;\x98\x88._\xbe\xccN\x19T\xed$@\xcbY \xe7\xe7\x7f\xd4\xc6\xd1\xfb\x0f\x1b6l\xc8\x90!\xec\xff\xd9=\xfc\xe6\x9bon\xdf\xbe=00\x90\xad\xba\xb9\xba\xa5\xc5\x9f\x8az1\x15bc\x90\xb4\xb4\xb4\x89\x13\'\xf2&lt;_\xb2T\x89\xf7\x87\xf4\xcd\xca\xccVI\xf2\'?\x9dNgI\xb5t\xea\xd1\xe1?\xf5B8\x8e[\xb8p\xe1\xd5\xabWU[\x12\xaa\xe5,\x90\xf3\xf3?j\xc3^x\xbf~\xfd\x16-Z\xa4\xd3\xe9X\xdd\x9a$I\xc3\x87\x0f\xff\xe5\x97_\x8cF\xa3\x06\x0ffq\x15\\\xe5\x7f\xc2n\xc4\x89\x93&amp;\xa6\xa5\xa5\xc9\xb2&lt;b\xfcGe\x9f}&amp;/\xcf\xc5\xa5\x9f\x8f\xc4\x91$Jc\xa6\x8c\xd2\xe9t\xe9\xe9\xe9c\xc7\x8eUmI({"\xec\xd5W_\xd5\xe0\x13a\x0f&lt;\xff\xf5\xea\xab\xaf:m\xc7\x1b5`+j3f\xccX\xb6l\x99c\xe7\x1f\x8e\xe3\x96,Y2\x7f\xfe|\xc7\xe4\xc0\xd5\xcd\xd4\n\\\xe8Gb\xbd\x7f\\\\\xdc\x92%K\x88\xe8\xa5\x97_\xec\xd8\xbd}z\x9a\xb3\xb7\xfdy|&lt;\xcfgfd\xd6\x7f\xbdn\xe7\x1e\x1d\x89h\xfd\xfa\xf5{\xf6\xecQ\xedj\xf0CY\xa0\xd3\xde&gt;\xc5?\x0b$I\x92\xb7\x8f\xd7\x89\xd8\xd3N\xce\xff\xc8\xb2\xac\x86\xca\x16\xb6\xd9\xe7\xd9\xb3g\xc3\xc3\xc3\x1dw\xa6N\xa7\xdb\xb0aC\xff\xfe\xfdEQT\xc3\xaa\x15\xdb\xb9\xc8\xb5mp\x1a\x04\x80Gr\x9c\xf8(\x89\x92 \x08\xe3\xa6\x8f\xf1\xf6\xf5V\xf9\x9d!\x08BVF\xf6\x88\tC\xcd\xfe&amp;\x8e\xe3F\x8e\x1ai\xb5Z\xd59\x0fx \x0b\xb4\xfd\xd7\x18\x9d\x06v\x06U\x14E\xa7\xd7o\xff5\xc6\xc9\xf9\x1fV`C\xae\xde*\x8a\xfd\xf6\xc5\x8b\x17\xb3\xbe\x9e\x88dY^\xb1b\xc5\xdbo\xbfm\xb7\xdbY:\xc8\x85\xcd\xa3\xfb!J;\x132\x04\x80\xbf\x97\xff\xc4GEQ\xda\xb6o\xd3\xbcu\x93\xf4\xd4t\x95\xdf\x19\x1c\xc7\xe5\xe5\xe5\x95)[z\xc8\xc7\x03\x15E\x89\x8b\x8d[\xbbv\xad:\x8f\nx \x0bt\xecPlnN\x8e\xca/o\xc1\t\x82\x90\x9b\x93s\xecP,91\xff\xa3(J\\\\\xdc\xcc\x993\x07\r\x1aD\xae\x8b\x01\xec\x95\x8a\xa2\xb8s\xe7N\x8e\xe3\xd8m\xd9\xb5k\xd7\xee\xdd\xbb\xb3\xa7\x01\\\xd2*\x076\xb6\xfb\xe2\x8b/\x06\x0e\x1c\xb8k\xd7.\x9b\xcd\xe6\xda\xf68\x07\x02\xc0\xdfx\xe0\xc4G?\x93\xd1i\'&gt;\x16\x9c\xa0\x132-\x99=\x07\xbc[\xa1ry\x9e\xe7?\xf9\xe4\x93\xd4\xd4TuN\x02dY6\x18\x0cu\xeb\xd6%\xa2\x0b\xe7._8s\xc9\xabX\xef\x0e-\xcb\xb2\x97\x97\xe7\x853\x97.\x9c\xbbLDu\xeb\xd65\x18\x0cE\xfdz\xd9Q\'\xe1\xe1\xe1\xe3\xc7\x8f?p\xe0\x80(\x8a.\x0c\x00D\x94\x92\x92r\xf3\xe6M\xb6\xeaKD\x03\x06\x0cP\xc9\x92/k\xde\xf9\xf3\xe7\xbf\xf8\xe2\x8bn\xdd\xbaY\xadV\xa7\x1dJ\xecB\xae\xbf\xee*\xf4\xc0\x89\x8f=\xdf\x7f\xf7\xe5Z5\xb2\xb2\xb2\xd5p\x9b\xfe+\x8e8Q\x94\xbc\xbd\xbd\xc6O\x1f#\xcb\xf2\x9d;w\xe6\xcf\x9f\xaf\xceI\x00\xc3\xd2 \xd6\xbc\xbc\x9d\xd1\xbb\x8b\xf7\xf1\x00\xec\x00\x80\x9d\xd1\xbb\xadyyt\xff\x85\x175\xd6\x85\xbd\xf6\xdak:\x9d\xee\xce\x9d;999\xae}",--\x8d\x1d\xfaHDF\xa3\xb1J\x95*\xec\t\x00W\xb5\xc7\x81\xb5\xe1\xe2\xc5\x8b:\x9d\xaeF\x8d\x1aF\xa3Q\x0b\x0f"\xb8\xfe\xba\xab\xcd_\'&gt;FDp\x1cW\xee\xb9\xb2\xfd?z/=5]\xb5k\xbf\x0f\x13\x04!\xc3\x92\xd9\xb2mX\x83\xd7\xebq\x1c7w\xee\xdcK\x97.\xa9\xb0$\x94}\xe4\x1a5jT\xa6L\x19"\x8a\xf9mGnnn1\xce\x02\t\x82\x90\x9b\x9b\x1b\xf3\xdb\x0e"*S\xa6\x0c;\x9b\xd79}_\xb9r\xe5DQ\xcc\xce\xceNJJ"\x97\xae\x04X\xadV\xbb\xdd\xce\x16Zm6\x9b\x8f\x8f\x8f\xabZ\xf2\x00\xb6\xbfzbb\xa2(\x8a\xe5\xca\x95#W\xaf\x978\x07\x02\xc0\x83\xfe:\xf11#\x83\x88FM\x1c^*\xa8\xa4\xcdfs\xbb\xb1\x80$\xc9\x13f}\xa2\xd3\xe9\xacV\xeb\x84\t\x13H}74\xc7q\x92$\x19\x8d\xc6\x16-Z\x10\xd1\x99S\xe7\xce\'\\(\xaeY \x96\xff9\x9fp\xe1\xcc\xa9sD\xd4\xa2E\x0b\xa3\xd1\xc8\xf23E\xfa{\xd9\xcf\xafV\xad\x1a\xcf\xf3\xd9\xd9\xd9\xa7N\x9d"\x17\xdd\t\xac%&amp;\x93\xa9I\x93&amp;M\x9b6m\xd2\xa4I\xeb\xd6\xadU2\xaeb\xcf\x9d%&amp;&amp;^\xbdz\x95\x88^x\xe1\x05R\xdf\xe7\xa5( \x00\xfc\x8f\x87O|\xec\xd8\xfd\xedT\'\x1e\xf8^Xx\x9e\xcf\xca\xcc~\xa5v\rV\x12\xban\xdd:5\x97\x84v\xec\xd8\x91\x88lV\xeb\xce\xe8=\xc55\x0bt?\xff\xb3\xc7f\xb5\xd2\xfd\x97\xec\x04l\x86Q\xb1bE\x7f\x7f\x7f":y\xf2$\xb94\x00T\xa8Pa\xe7\xce\x9d;v\xec\xd8\xb9s\xe7\x8f?\xfe\xc8f\x00.\x1f]9\x16\x00\xd8\x8945j\xd4PC\xab\x9c\x00\x01\xe0A\x92$\xfd\xcf\x89\x8f\x92\xbb&gt;\x92.\x08|NV\xee\x88\xf1C\xcd\xfe&amp;\x9e\xe7G\x8e\x1a\xc9j\xefT5\xae\xd1N\x16\xc8U\xf9\x1f\xf6\x8e\x07\x04\x04\x94/_\x9e\x88\x8e\x1c9\xe2\xf2\'\xad\xa4\xfb\xd4\x13\xe9\xd9\x87\xe2\xc8\x91#Dd4\x1a_|\xf1EB\x00\xd0\x1aQ\x14\x05AX\xbdz\xb5\x1aN|,\xb8?KB\xcb\x95\x19\xf2\xf1@Y\x96\xe3b\xe3\x96,Y\xa2\xb6\xd5`\x8dd\x81\\\x95\xffq\xfcv\x9dNW\xbdzu":y\xf2dZZ\x9a\x0b\xd7\x81\xd9\xefu\xd4\xda\xab\xe4\x8df\x9f\xf1\xbd{\xf7\x12Q\xd9\xb2e\x83\x83\x83]\x1e&amp;\x9d\xa3\xf8\xbf\xc2\xc7\xc4\xde\xef\x8c\x8c\x8c\xa9S\xa7\xf2&lt;o\xf6w\xfd\x89\x8f\x05\'\xe8\x84\x8c\xf4\x8c\xde\x1f\xf4\xa8^\xf3%\x9e\xe7\'M\x9a\xe4\xda\x0f\xff?(\xdeY W\xe5\x7f\x18\xf6v7i\xd2\x84\xe3\xb8\xe4\xe4\xe4\x13\'N\x90\xebz^vF|vv\xb6\xc5ba\xf5?.\xbf\x1b\xd9g?555..\x8e\xe3\xb8z\xf5\xea9\xa1&lt;W%\x10\x00\xfe\xc4\x8a\x7f"\xe6D\\\xbe|Y\x96\xe5!\x1f\xab\xe2\xc4\xc7\x02\xe2\x88\x93$\xc9\xcb\xdbk\xf4\xe4\x91\xb2,\xa7\xa6\xa6N\x9a4\x89\xe38U\xdd\xdcZ\xc8\x02\xb9\xb0\xfe\x87\xfdv"j\xd6\xac\x99^\xaf\xf7\xf3\xf3\xdb\xb7o\x9fs~\xef\x03XG\x7f\xeb\xd6\xad\x1e=zT\xadZ\xb5r\xe5\xca-[\xb6\x8c\x8d\x8du\xf9\r\xc9~{ll,k\xe4\x1bo\xbcA\xdaX\x01&amp;\x9c\x07\xc0\xb0\xde\xff\xd2\xa5K\xd5kT\x17\xed\xe2\xf3\x15\x9eS\xcf\x89\x8f\x05\'I\x92\x9f\xc9\xf8~\xd7\x81[\x7f\x89\xd6\xeb\xf5\xa7O\x9f\xaeR\xa5\x8a\xaaf\xb8l\xed\xbdO\x9f&gt;+W\xae4xx\xfc\xb2k\xfd\x0b\xd5\xab\xe5\xb8\xc9\x93w\xffJ\x96eoo\xafs\t\xe7\xdb5\xe9d\xb3Z{\xf7\xee\xbdb\xc5\n\xe7\x9f\xd9)\x8a\xe2\xb1c\xc7*W\xae\xac\xd3\xe9\xccf\xb33\x7f5\xc3\xfa\xd9f\xcd\x9a\xed\xde\xbd\xdb\xf1\x97\x01\x01\x01g\xce\x9ca\xe7p\xb9v\xb0\x95\x95\x95e\xb7\xdb/^\xbcX\xa5J\x15\x7f\x7f\x7f-&lt;\x04@\x98\x010,\n\xb2\x13\x1feYV\xd5\x89\x8f\x05\xc7q\x9c,\xc9\xc3\xc7\x0f5x\x18DQ\x1c:t\xa8\xda\x96\x82\x99\xe2\x9a\x05rm\xfe\xc7A\xa7\xd3\xd5\xad[\xb7D\x89\x12\xae\xea\xfdy\x9e\xbf~\xfd\xfa\xde\xbd{\xd9\xf1d\x1c\xc7\x19\x0c\x86\xd4\xd4T\xb63\x84\xcb?n\xbe\xbe\xbe\xfe\xfe\xfeu\xea\xd4a\xe5RZ\xe8\xfd\t\x01\x80\xee\x0f?\xf7\xec\xd9\xa3\xce\x13\x1f\x0b\x8e\xe7\xf9\xcc\xcc\xac\x97k\xd5\xe8\xfba/EQ\xb6o\xdf\xbe}\xfbvU\x95\x84\x16\xef,\x90k\xf3?\xf9I\x92\xe4\xda\xed\r\xd2\xd2\xd2\xd8&amp;\x10l\x17h\x16\x15\xee\xde\xbd\xeb\xaa\xf6\xe4\xc7\xae\x0c\xbbD\xaen\x8b\xf3h=\x00\xb0\x89\x9e(\x8a#G\x8ed;&amp;N\x98\xf5\x89T\\\x92?\x0e\x82 dgf\xbf?\xa4o\xa9\xa0\x92&lt;\xcf\r\xfdh\xa8\xaaJB\x1f\xae\x05:{\xfa|\xf1\xa8\x05b\xf5?gO\x9fwI\xfd\xcf\x03\x04Ap\xed~\xcb%K\x96d\xf5?l\x06\xc0j\xd2J\x97.\xed\xaa\xf6\xe4\xc7\xae\x0c\xbbD\xaen\x8b\xf3h=\x008N|\x8c\x8b\x8b\x93e\xb9K\xcf\x8e\xaf\xd4\xae\x91\x95\xe9\x1e\xdb\xfe&lt;&gt;V\x12Z\xf6\xd9g\x86\x8f\x1b*\xcb\xca\x85\xf3\x17TX\x12JD\x9d:u\xe28\xcef\xb5\xee\xdfu\xd0\xd3\xbb\x98\x04\x00Oo\xcf\xfd\xbb\x0e\xda\xacV\x8e\xe3:u\xea\xe4\xea\x16\xb9\x06\xbb\xd9\x9e}\xf6\xd9V\xadZ9f\x006\x9b\xed\x99g\x9ei\xd6\xac\x99\xa6\x8e\xc4Q\x95b\xd5\xcd=)\xb6\x10\x9a\xff\xc4\xc7\x91\x13\x86\xe5d\xe5\nB1\xbc,:\x9d.=\xcd\xd2\xb1\xfb\xdb\xd5k\xbe\xc4q\x1c+\tU\xcf$\x80E\xdc\xbau\xeb\x06\x04\x04\x10\xd1\x91}G\xedv\x91\xe3\xdc\xfe\x8d\xe08\xden\x17\x8f\xec;JD\x01\x01\x01l\xeb\xd3b6\xbcxL\xecf[\xb9re\xdf\xbe}\xcb\x96-[\xaaT\xa96m\xdaDGG\xb3w\\S\xe3n\xf5p\xb3\x1d\x0e\n\x17\xdb\xf5\x93\x9d\xf8HD\x1f\x8d\x1d\x1c\\&amp;\xe8n\xca=\xbdN/\x93\xdb\x8f=\x1f\xc0\x11\'J\xa2\xd9\xdf&lt;j\xc2\xb0\xde\x1d\xdfg%\xa1QQQ\xce/G\xf9\xfb\xe6q\x9c,\xcbf\xb3944t\xcb\x96-G\x0f\xc5\xde\xb8r\xa3\xf43\xa5\xddq\x17&amp;\x07EQ&lt;==n\\\xb9q\xf4P,\x11\x85\x86\x86\x9a\xcdf\x95\xec~L\xf7\xcbr\x9c\xd6\x18\xf6&gt;\x06\x06\x06.[\xb6,\'\'\xc7n\xb7\x9bL&amp;\xba\x9f\x86uN\x1b\x1e\xc0\xd6!\xd4p\xff\xbb\x8av\x03\x00\xfb\x1c^\xb8pa\xc9\x92%\x1c\xc7\xbdV7\xe4\xbdA\xbdeI\x0e\x08\x0cp\xdb\x0e\xe7\xdfI\x92\xfcV\x87v\x1d\xbbo\xdd\xf0\xfd\xa6%K\x96\xf4\xee\xdd\xbbV\xadZ*\xe9\x92\xd8\x03\xab\x9d:u\xda\xb2eKfF\xe6\xbe\x9d\x07z\x7f\xd0#77\xd7\xed6br`\x07@\xee\xdby 3#\x93\xee\'\xb8$IR\xc3\xd5vU\xe0g}\xae\xb7\xb779=\x02=\x8c%\xfdU2\x06r\tw\xfdh\x15\x1c\xcb\xff\x0c\x1d:T\xb4\x8bDT\xafq\xe8\xc1\xbd\x87-\xe9\x19:APEN\xa4\x08pD\x92,{\xfbx\xbf\x1a\xf2\xca\xcf\xeb6\xdb\xed\xf6\x91#G\xee\xde\xbd[%\xa9v\xf6!l\xd9\xb2\xa5\xc9d\xb2X,\xd1\xbf\xc6\xf4x\xff\x1d\xb7\xce\x02q\x1c/IR\xf4\xaf1Dd2\x99Z\xb6lI\xf7_\xa6k\xb1a\xef\xae]\xbb8\x8ek\xdc\xb8\xb13\x1f\na}.K&lt;\xba\xb0\xebg\r\xf8\xe3\x8f?\xf6\xec\xd9\xd3\xa3G\x0f\x8dT\xfd?L-)`\'c1\x7f\xd3\xa6M\x1d;v\xd4\xe9u\xb2$\xab\xa7&amp;\xd29X1\x86$I\xeb\xd6\xadk\xdf\xbe\xbdJ\x06Al.\xd2\xb6m\xdb_\x7f\xfd\xd5\xe8g\xdcv\xf0\x17\xf7\xcd\x02)\x8ab0\x18\xee\xdc\xba\xd3\xaa^\xbb\xcc\x8c\xcc7\xdf|s\xf3\xe6\xcdj\x98l\xb1\xad\x8f\xd7\xad[\xd7\xa7O\x9fZ\xb5j\xed\xdf\xbf_%\xef\xbe3\x89\xa2\xa8\xd3\xe9\xc2\xc3\xc3\xa7L\x99\x12\x1e\x1e&gt;n\xdc85\x9cH\xec|n&lt;\xbczjl\xbcc\xb1X\x06\x0f\x1e\xac(\x8a\xddf\xd7Z\xefOD\xec8\x0eI\x92\x06\x0f\x1e\xccveQ\xc3P\x80\xcdE\xd8\xa3R,\x0b\xe4\xed\xe3\xaeO\xe4=\x90\xffa/J\r\x93-\x16\x00\x8e\x1c9\x92\x9b\x9b{\xf8\xf0\xe1\r\x1b6\xa8\xea\xa1\x10\'`\x13\xa0\xabW\xafFFFr\x1c\xf7\xf3\xcf?\x</t>
        </is>
      </c>
    </row>
    <row r="261">
      <c r="A261" s="1" t="n">
        <v>259</v>
      </c>
      <c r="B261" t="inlineStr">
        <is>
          <t>shape_size_hexagon</t>
        </is>
      </c>
      <c r="C261" t="inlineStr">
        <is>
          <t>What is the size of the missing shape denoted with a question mark if it is a triangle?</t>
        </is>
      </c>
      <c r="D261" t="inlineStr">
        <is>
          <t>['large', 'small', 'medium']</t>
        </is>
      </c>
      <c r="E261" t="inlineStr">
        <is>
          <t>small</t>
        </is>
      </c>
      <c r="F261" t="inlineStr">
        <is>
          <t>There are 7 shapes with different sizes in the image, of which there is a missing triangle in the center. The other shapes are arranged around the center, which are ['hexagon', 'pentagon', 'triangle', 'hexagon', 'pentagon', 'triangle'] in anti-clockwise order. Their corresponding sizes are ['large', 'medium', 'small', 'large', 'medium', 'small'].</t>
        </is>
      </c>
      <c r="G261" t="inlineStr">
        <is>
          <t>We observe that the hexagons are large size, the pentagons are medium size, and the triangles are small size. Hence, the pattern is that each shape appears with a distinct size.</t>
        </is>
      </c>
      <c r="H261" t="inlineStr">
        <is>
          <t>Based on the pattern that each shape appears with a distinct size, the size of the missing triangle should be small.</t>
        </is>
      </c>
      <c r="I261" t="inlineStr">
        <is>
          <t>b'\x89PNG\r\n\x1a\n\x00\x00\x00\rIHDR\x00\x00\x02\x00\x00\x00\x02\x00\x08\x02\x00\x00\x00{\x1aC\xad\x00\x00YzIDATx\x9c\xed\xddyxU\xd5\xd5?\xf0=\x9c{C\x02\x19\x18dj\xd52\xb7\x8a\xf6%\xd4\n\x88\x10\xad\x908\x82e\x12\xb5\x08\x16\x87\x17\x81\x02\x82B\x99dp\xa0\x0cF\xb0\xb6\xa8\x15\x1c\x00\x1b\xa4-*\xda\xa02\x16\x04+\xe1\xa7\xe0@"`i}\x89@\xc8\xc8\x90{\xcf\xde\xfb\xf7\xc7JN#\x83@\x86{\xce\xbd\xe7\xfby\xfa\xf8T\x90p\xee\xb0\xce:{\xed\xb5\xf7\xe6\xc6\x18\x06\x00\x00\xfe#\xdc\xbe\x00\x00\x00p\x07\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00\x00\xf8\x14\x12\x00\x00\x80O!\x01\xf8\x97\xd6\xda\x18\xa3\x94r\xfbB\x00\xc0\x1dH\x00&gt;\xa5\x94\x12Bp\xce\xa5\x94J)c\x8c\xdbW\x04\x00\x91\x86\x04\xe0;\xf4\xd4/\xa5\xfc\x7f\xff\xef\xff\xddt\xd3M+V\xac\x90Rr\xce\xb5\xd6n_\x1a\x00D\x14\x12\x80\xbf(\xa5\xe8\xa9\x7f\xd1\xa2E={\xf6|\xf7\xddw\xef\xbc\xf3\xce\xd1\xa3G\x97\x96\x96\n!l\xdbv\xfb\x02\x01 r8\xc6\xfe\xfea\xdb\xb6eY\x05\x05\x05#F\x8c\xc8\xca\xcab\x8cI)\x8d1Z\xeb\xd4\xd4\xd4\x17^x!55\xd5)\r\xb9}\xb1\x00P\xe70\x02\xf0\x05\xad\xb5\xd6\xda\xb2\xac-[\xb6t\xeb\xd6-++\xcb\xb2,\xce\xb9R\x8a~=\'\'\'--m\xd1\xa2ET\x0e\xc2\xcc0\x80\x1f \x01\xc4&gt;\xdb\xb6\x85\x10B\x88\x193f\xa4\xa5\xa5\xe5\xe6\xe6Z\x96e\xdb6\xe7\x9csN\x95\x1f!Dii\xe9\xe8\xd1\xa3\x07\r\x1aTPP \xa5D9\x08 \xe6\xa1\x04\x14\xcbh\xbe\xd7\xb2\xac\x83\x07\x0f\x0e\x1b6,;;\x9b1&amp;\x84\xd0ZK)\x94\xaa\x98\xf5\x15\x82\xd3\xb7\x80\xee\xfb\xed\xdb\xb7_\xb8pazz:M\x0b\x0b\x81\xa7\x04\x80\xd8\x84\xd8\x8eYZk\xce\xb9eYYYY\x9d;w\xce\xce\xce\xb6,\x8bR\xbe\x10B)\xdd\xa5\xf3\x95\x1f\xae\x7fc\xf8\xdd\xfd\xb46\xc6\x18\xc19M\x12\xe4\xe6\xe6fdd\xcc\x981\x83\xc6\r\x18\n\x00\xc4*\x8c\x00b\x135z\xda\xb6=a\xc2\x84\xcc\xccL\xc6\x18\xf5\xfb\xd3?\x19cc\x1e\xb8{\xce\x8c\xf1\xc1\xf8z\xcc\x98\x15Yo\x8d|d\xf6\xd1\xa2\x12*\r\xd1#\xbf\xd6:==}\xd1\xa2E\xed\xda\xb5\xb3m\x9b\xe6\x06\xdc}Q\x00P\xbb\x90\x00b\ru\xf5H)sss\xef\xbd\xf7\xde-[\xb68\xad&gt;\x96\x94\xb6R-\x9a6yi\xd1\xac\x8c\x9boP%%\xcaV\x9c\xb1@\xe3\x86\xb9\x9f\xe5\x0e{\xe8\xb7[\xff\xf9\x89\x10\x82\x19\xa3\x8d\xa1d\xd0\xb8q\xe3\xe7\x9e{n\xe0\xc0\x81\x8c1\xad5\xcaA\x00\xb1\x04\xf1\x1cS\x9c6\xff\x17_|\xf1\xe7?\xff\xf9\x96-[,\xcbrZzl\xa5z\xa7u\xfd\xf8\x83?g\xdct}yA\xa1\xd1FJ)\xa4,?r\xb4}\x9bK7\xbc\xb9t\xda\xf8\x07\xb5\xd6\xda\x18KJz\xea/((\x184h\x10\x16\n\x00\xc4$\x8c\x00b\x07U\xf0KKK\xc7\x8d\x1b\xf7\xe2\x8b/\xb2\xca\xb2\x8feI\xdbV\x96\x94s\xa6\x8f\x1b7j\x18\x0b\xdb\xe5\'NZ\x96\xac\xfag\xb5\xd2B\n\xd90\xf9\xefo\xbdw\xef\xa8\xa9\x07\x0f\x1d\xa1\xe1\x02\xb5\t)\xa5\xb0P\x00 \xf6 \x01\xc4\x02\xa7]g\xfb\xf6\xed#F\x8c\xc8\xc9\xc9\x91RV\xfe"WJ\xb7ku\xf1K\xcf&gt;\xde\xfd\xban\xe1\x82Bv\x96\xc6\x1ej\x19\x8ak\x98\xf2\x7f\xff\xfe\xbf1\x13\x9fX\xf9\xd6{\xd4\'J\x0b\x05l\xdbNLL|\xfc\xf1\xc7G\x8d\x1a\xc5*\xe7\x18"\xfb*\x01\xa0\x96!\x01D=\xe7^\x9c\x99\x999a\xc2\x04*\xdd(\xa5\xa4\x10Jk\xc6\xd8\xa0\xbe\x19\xcf\xfenJ\x93fM\xca\x8b\x8a-\xcb\xfa\xfe\x9ff\xdb*.\xbe\x1e\x0b\x06\x16,|\xe9\xd1\x19\xf3m\xa5\xe9\xa7Q\xf3(cl\xe0\xc0\x81\xcf=\xf7\\\xe3\xc6\x8di\xc0\x11\x81\x17\x08\x00u\x04\t \xba\xd1]\xf8\xe0\xc1\x83c\xc6\x8c\xc9\xca\xca\xaa\xf2\xcc.m[%\xd6O\x98\xff\xf8\xa3\xf7\r\x1fl\xca\x8e\x87C\xa1\xf3|f\xa7\x1b}\xa0a\xca\xb6\x0f?\x1e1v\xc6\xce\xdd_:\xe3\t,\x14\x00\x88%H\x00\xd1\xca\xb9\xf9fgg\x0f\x1b6\xec\xe0\xc1\x83\xce\xfa^*\xfbt\xea\xf8\xe3\x17\x16\xcd\xea|u\xa7\xd0\x91\xa3\xd5\xa8\xda\xdb\xb6\x1d\x97\x9cTRR:n\xd2S\x7fZ\xf6\x17\xc6\x18\r)\xe8oa\x8c=\xf6\xd8c\xd3\xa7Og\x95I\xa8\x0e^"\x00\xd4-$\x80\xa8\xe4\xdcs\x1f{\xec\xb1\x193f0\xc6\xe8\xbe\xec\xb4\xf9\x8f\x1c&gt;\xf8\xf1)c\x92R\x12\xcb\x8bJ\xad@5\xef\xceJ\xa9@0\xc0\xe3\xe3W\xfc\xf9M,\x14\x00\x88=H\x00Q\xc6\xd9\xdd!//o\xd4\xa8Q\xd9\xd9\xd9\xce\xed\x98\xee\xce\x8dR\x92\x9e\x9b7u\xd0\x9d\xb7\x9b\xe2\x92p\xd8\xae\xe1T-- \x08\x9e\xc7B\x01c\x0c\xad1\xae\xa5\x17\n\x00u\x0e\xe1\x1aM\xa8\xecC\xbb;t\xed\xda\x95vw\xd0Z3c\xa8I\xbfwZ\xd7\x0f\xb3\x97\x0f\x1a\xdc\xb7\xfcp\x81R\xba\xe6\x8d:\xb4\xaa\xe0\x9c\x0b\x05\xc6\x8e\x1dK\x13\xc5\xd8F\x14 \x8a`\x04\x105\xce\xb6\xbb\x035\xec3\xc6\xa6\x8d\x7fp\xc6\xa4\x91\x8c\xb1\xf2\xb2c\xb5^\x94\xff\x9e\x85\x024\xed|\xf5\xd5W?\xf7\xdcsX(\x00\x10E\x90\x00\xa2\x80\xb3\xbbCNN\xce\x88\x11#\xb6o\xdf.\x84\xa0\x92\xcbwvw\xb8\xb5\x97}\xb4\xa8\xee\xea0\xe7\xb3P`\xc1\x82\x05\xc3\x87\x0fgX(\x00\x10\r\x90\x00\xbc\xce\xb9\x93\xbe\xf8\xe2\x8b\xe3\xc6\x8d+--ufb)\x07\x0c\xb8\xb5W\xe6S\xbfmyq\xcb\xf2\xc2\xa2\x08t\xe3\x9cm\xa1\x803\xff|\xc7\x1dw&lt;\xfb\xec\xb3X(\x00\xe0}H\x00\x9eF\xf7\xd0\xe2\xe2\xe2\xf1\xe3\xc7W\xdd\xdd\xc1)\xfe\xcc\x99&gt;n\xdc\xe8{Y(|\xfa\xee\x0eu\xe7{\x16\n\xd04@\xfb\xf6\xed_z\xe9\xa5k\xae\xb9\x06\x0b\x05\x00\xbc\x0c\t\xc0\xa3\x9c[\xe7\x96-[\xee\xbd\xf7\xde\xdc\xdc\xdcSwwh}\xc9K\x8bf\x7f\xff\xee\x0eu\xea\xfb\x17\nX\x965e\xca\x14,\x14\x00\xf02$\x00/:\xeb\xee\x0e\x95\xc7x\xfd\xfa\xae_\xce{\xe2\xd1\x94\xe4\xa4\xf2\xe2\x12\x17\xef\xadJ)+\x10\x10\r\xea\xbf\xf0\xe2\xf2\xf1S\xe7\x96\x94\x1d\xa39\tg\xdf\x88\xf4\xf4\xf4%K\x96\xb4h\xd1\x02\x0b\x05&lt;\x08\x9d\xbb\x80\x04\xe0-\xdfs\x88\xe3wvw\xf8\xf5`Sv,\x1c\x0e\xbb&gt;\xd1Z\xb1P\xa0Q\xca\x9e\xcfr\xef\x1d9\x99\x16\n\x18c\x8ca\x96%m\xdbn\xd1\xa2Eff&amp;\x16\n\x00x\x10\xa2\xd1C\x9cC\x1c\xb3\xb3\xb3\xab\x1c\xe2\xc8\x8c1R\x08\xdbV?\xef\xd4q\xfd\xdbK\xef\xbb\xff\xaePa\x91G\xdal*\x16\n\x14\x14vh\xfb\xa3\ro\xbd\xfc\x9b\xfb\xef\xd6Z\x1bc\xa4\x14\xf4\xd4\x7f\xf0\xe0A,\x14\xf0\x1aJ\xc6\xf9\xf9\xf9\x9f\x7f\xfe9\xa5p\xb7\xaf\x08\xdc\x81\x04\xe0\x15\xd4\xd8c\xdb\xf6c\x8f=\x96\x91\x91q\xf0\xe0AY\xb9\xd8\xca\x18\xa3\xb4\xfe\xcd\x03w\xff\xe3\xef\xafu\xfe\xe9\xe5\xe5\x87\x0b\xbcVN\xb1,+|\xec\x84P*s\xc1\xf4w\xff\xfc\x87\x16M\x9b\xd0\x1c5\xdd\xf4\x85\x10\x99\x99\x99\xdd\xbbw\xa7}\xaa\x95R\x18w\xba\x8b\x0e\x0e\xfa\xdd\xef~w\xc7\x1dwp\x8e2\x80\x7f\xe1\xb3w_\xd5\xdd\x1d\x86\r\x1b\xb6e\xcb\x96*\xbb;H\xdbV-\x9a6y\xfa\xf1G\x07\xddu\xbb*,VJK\xe9\xd1\xb4m\x8cQJ\xc75J\xfe\xbf\xaf\xff3l\xd4\x94\xb5\x1b&gt;d\xff\xad_a\xa1\x80W\xd0@s\xdf\xbe}?\xfb\xd9\xcf\x8a\x8a\x8a\xdex\xe3\x8d~\xfd\xfa\xe1\xe3\xf0\'$\x00\x979\x07\xedfee\x8d\x181\xa2\xa0\xa0\xe0\x94\r\xd7z\xa7u]\xb2hv\xcbV\x17\x97\x17\x14I\x19\x05+l+\x16\n\x04\xac\x05\x8b\x96&lt;:c\x81]\xd9\xb4\x8a\x85\x02\x1eA\x9f\xc5=\xf7\xdc\xf3\xca+\xaf\x08!.\xbd\xf4\xd2\x9d;w6h\xd0\x00\xeb\xb7}\xc8\xa3\xcf\x92&gt;A7\xfa\xd2\xd2\xd2\xd1\xa3G\x0f\x1a4\xa8\xa0\xa0\x80\xca&gt;\x96\x94Zk\xad\xf5\xb4\xf1\x0ff\xafz\xa1e\xf3\x8b\xca\x0b\n-\xcb[e\x9f\xb3\xb1,\x19./\x0f\x97\x1d\x1b7\xfe\x81\xf5o.i\xd7\xfa\x12\xea_\xa2\x07O)\xe5\xeb\xaf\xbf\xde\xad[7:\xaf\x98^\xa6\xdb\x97\xec#t\xf7\xdf\xb4i\xd3\xb2e\xcb\xa4\x94B\x88\xfd\xfb\xf7gff:\xe9\x19|\x05#\x00wT\xdd\xdd\xe1\xbe\xfb\xees\x0eq4\xc6P\xd9\xa7m\xab\x8b\x17\xcd\x99\x9cq\xcb\ru\xba\xbbC\x9d\xa2\x85\x02E\xc5%\xe3\x7f;\x07\x0b\x05&lt;\x82\xee\xf2\xd7_\x7f\xfd\xa6M\x9b\xe8+\xc79OLL\xdc\xb1cG\xeb\xd6\xad\xa3\xf4\x9b\x06\xd5\x86\x0f\xdb\x054\x05\'\xa5\\\xb4hQZZZNN\x8eeY\xaarc5\xdbV\x03n\xed\xf5\xe1\xda\x15\x197^_~\xb8\x80\x8eew\xfb\x92\xab\xc3\xb2\xacPIir0\xf8\xe2\x1f\x9fz\xfe\xe9\xc7\x92\x1a\xd4WZ\xd36\xa2\xa7LwSJ\xc0\xb3H]\xa3\xc7\xff\xe5\xcb\x97\xd3\xdd\x9ff\xe39\xe7\xc5\xc5\xc53g\xce\xc4l\xb0\x0f\xe1#\x8f4z\xda-((\x181bDVV\x16\xab\x9c&amp;\xad\xdc\xddA\xcc\x99\xfe\xf0\xb8\xd1\xf7\xb2\xf2\xf2\xf2\x93\xe51\xf0\\\x8c\x85\x02\x1eAooiii\xe7\xce\x9d\xf7\xed\xdbG\xbb\xf8\xd1o\xd1\xf4\xef\xbau\xebz\xf4\xe8\x81\xd9`_A\xb0E\x14\xf5\xc3l\xd9\xb2\xa5[\xb7nYYY\x96e\xd1c\x17\xdd\xfd;u\xfc\xf1\xe6\xbf/\x1b7\xee\xfepiY8\x14\x8e\x81\xbb?\xbb\xf0\x85\x02\x98\x12\xa8#\xf4\xf6fff\xee\xdd\xbb\xd7)\xfe\x08\xc1\x9d\xdf\x9d:u*\xde|\xbf\xc1\x08 Bh\xac\xcd\x18\x9b1c\xc6\xec\xd9\xb3i\x1c`\xdb6\x95\xc5\x19c\xbf\xbe\xeb\x97\x0b\x9e\x9c\x98\x94\x94\xe8\xee\xee\x0eu\xa7\xe2D\x81\xe4\xa4\xbf\xafy\xbf\xea\x89\x02N\xbf\xd3\xd5W_\xfd\x87?\xfc\xa1S\xa7NNg\x14\xd4\x16\xa7\xf5\xb3s\xe7\xce\xa5\xa5\xa54\x1a\xa8\xfa\x1f\xd0#\xc8\xd2\xa5K\xef\xb9\xe7\x1e\x0c\x02\xfc\x03\t B\x8c1\xa1P\xa8\x7f\xff\xfeo\xbf\xfd6\xab,\xfb\xd0\xe3\x7f\xa3\x94\xe4g\x7f7y\xf0\xa0\xdb\xcc\x89\x13\xe1\x90\xfb\xbb;\xd4\x9d3.\x14 \xceB\x81e\xcb\x96\xddr\xcb-T\x13s\xf1RcL\xd5\xd6O)\xa51Zks\xc5O\xda&amp;\'%\xfec\xfbN)\x85\xd6\x861\xd6\xacY\xb3\xcf&gt;\xfb,%%\x85\xa6\xa3\xdc\xbej\xa8sx\xce\x8a\x10cL \x10(--\x95RR\xfb#-\x91\xbd\xe6\xe7\xff\xf3a\xf6\xb2\xc1w\xdd\x1e*.Qv\x8c?yq\xce-K\x96\x1f-n\xd9\xec\xa2\xec\xbf\xfei\xfe\x8c\x87\x1b\xd4O\xa0\x87}\x1a\x12\x95\x96\x96\xd6\xaf_\x1f\xb7\x9e\xdauJ\xeb\xa7R\x8as\xc1\x18{r\xd2\xa8?e\xce\x90R2\xc3h\xf6%??\x7f\xc1\x82\x05(\xc4\xf9\x07\x12@\x84\xd0\x1d\x7f\xf8\xf0\xe1N\xeb\x85\xd6\xbaE\xb3&amp;\xd9\x7f\xfec\xfb\x0e\xad\xcb\x0f\x1f\xf5\xda\xee\x0eu\x87\x16\n\x94\x97\x94\x8d\x9b6v\xda\xc3\x0f\xd0\xc3&gt;\xf5\x05u\xe8\xd0\xa1g\xcf\x9e4)\xe2\xf6e\xc6\x14*\xf1S\x0f\xa8\x94B)\xd5\xa3k\xea\xcd\xb7\xdc\xd0\xbe\xe3\x8f\xef\xbf\xfb\x97\xaa\xa2\x07A\x0b!\xe6\xce\x9d\x9b\x97\x97\x87\x1c\xe0\x13H\x00\x11Bw\xb4\x1bn\xb8!99\x99\xe2\x90s~\xb8\xa0\xf0\xdf\xff\xf9?\x1d\xb6\x85\xcf\xeewB\x08\xc6\x8c.-\xfb\xf2\xab\xfd\x8c1\xce+\xce3\xe8\xdb\xb7/V$\xd5\xae3\xb5~\xb2`00o\xfa\xc3\xc6\x18UZ6k\xd2\xa8\x86)IZk\xce\x19\xe7&lt;\x14\nM\x9e&lt;\x19-\xa1&gt;\x81\x04\x10!\xf4\xc8\xdf\xbcy\xf3N\x9d:1\xc6\x84\x10R\xca\xf2\xf2\xd0\xea\xec\x8d"!Ak\x7f\xdd\xf2\x8c1\xc1\xb8`\xe9\xb7G\xd6\xbc\xb7\x991\xa6T\xc5z\xe0\x8c\x8c\x0c\xc6\x98OFB\x11\xe0\xb4\xf9\xcf\x981\xc3\xe97\xd3Z\xdf\xd1\'\xe3\xaa\x1e]\xc2e\xc7T\xd8n\xfc\xc3\xe63\xc6?H% \xca\x16+W\xae\\\xbbv-2\xb1\x1f \x01D\x0e\xdd\xe3n\xbc\xf1F\xc6\x18\xe7\xdc\x18\xcd\x18\xfb\xeb;\xeb\xf4\x89\x13\x9e\xdd\xdf\xad\x8eh\xadyB\xc2\xa6\xad\x1f\x7f{\xb8@\x08I\xbfR5;\xba}\x811\xe2\x94\xd6Oc\x8c\xd1\xbaQ\xc3\xe4\'\xa7\xfeF\x95\x96q)\x85\x94vq\xe9\x03\xbf\x1e\xdc\xbe\xcd\xa5T\xa5\xa4\x9c1z\xf4h\xdb\xb61\x0e\x88y\x88\xb4\xc8q\xaa\x1c\xc1`P)\xa5\xb5\xe1\x9c\xe7\xec\xfab\xcf\xe7\xb9V|&lt;\xb5a\xf8\x88\xe0\xab\xd6|\xc0\x18\x13\xa2\xa2&gt;\x96\x91\x91A\xf51\x8c\x00j\x05M\xae\xec\xdd\xbb\xf7\xe9\xa7\x9f\xaex\xba\x17B\x1b3\xf6\xbe\xbbZ\xb6\xfd\x91:yRp\xce9\xd3J\x05\x13\xe2\x9f\x999\xc1\x18\xc3y\xc5d\xd5\x9e={\x16/^\x8c\x99\x80\x98\x87\x04\x109\x14Nm\xdb\xb6MMM\xa5\x11\xb7\x942\x1c\xb6\xdfzo\x13\xabW\xcf?U cL \x18(&gt;x({\xc3VV\xa5\xfe3`\xc0\x00\xb7/-\xa6\xd0\xb3\xfc\xcc\x993\x8b\x8b\x8b+v\x19Q\xaam\xabK&amp;\x8c\x19n\x17\x16\x0bY\xb1\xd6DJ\x19..\xc9\xb8\xf5\x86\xfe\xb7\xdc\xa0\x94v\xd6\x88M\x9d:\xb5\xb0\xb0\x90\xc6\x04\xee\xbe\x10\xa8;H\x00\x11E\x8fW\xfd\xfa\xf5cU\xaa@\x7fY\xe3\xaf*\x90S\xff\xc9?\xf4\x9d\xfaO\xf7\xee\xdd\x19\xea?\xb5\xe4L\xad\x9f\x9c16\xfb\xd1\x11q\x89\xf5\xb5\xad\xbe3\xca\xe2\xdc\xd8\xf6\xec\x89#\x83\xc1\x80\xb3!Gaa\xe1\xd4\xa9S\xab\xee\x18\x01\xb1\x07\xc1\x16Qtw\xbb\xed\xb6\xdbN\xab\x02\xe5\xf9\xab\n$\xc4\xe9\xf5\x9f\xa4\xa4$\xd4\x7fj\xd1\x99Z?;\x0f\xba\xb3o\xb8\xa8XZ\xdf\xe9:\x13B\x84K\x8fu\xe8t\xf9\xc3\x0f\xfc\xca\xd9\x96J\x08\xb1x\xf1\xe2={\xf6\xa0\x10\x14\xc3\x90\x00"\xeaLU \x11\x0e\xdb\xab\xb37\xb0zq~\x083\xaa\xff\x14~\x93\x8f\xfaO\xdd9{\xeb\xe78c+\xc3\xce\x90b\x85\x94\xba\xec\xd8\xb8\x87\x866k\xda\x98J@\x9cs\xdb\xb6G\x8f\x1e\x8d\xa9\xe0\x18\x86\x04\x10i\xa7U\x81\x0cc,{\xfdV\x16\n;;s\xc50\xad\r\x8f\x8f\xcf\xf9\xe4\xb3\xfcC\x05\xce.@-Z\xb4@\xfd\xa7\xb6\x9c\xa3\xf5\xb3\xb4L\x9e\xe9M\xe6\x9c\x87O\x967\xb9\xb8\xc5\x93\x93FUm\t]\xbbv\xed\xca\x95+\xd1\x12\x1a\xab\x10o\x91F\xf7\xb8[o\xbd\xd5\xa9\x021\xc6v\xee\xfe\xf2\x9b\x7f\xfd\'\x10\x17\x8c\xf9G-c4\xb3d\xf6\xc6m\x8c1!8\xd5\x7fz\xf7\xee\x8d\xfaOm9g\xeb\xe7\xd9\xfe\xa0eY\xe1\xa3EC\x86\xf4\xbf\xb6K*\x1d\xe2F\xb9d\xf2\xe4\xc9\xa1P\x08\xe3\x80\x98\x84\x04\x10i\xd4V\xd1\xaaU\xabV\xadZQ\x80I)\x8bK\xca\xb2\xd7oe\t\tJ\xc5x\x15(\x10\xb0\xca\x0bKV\xbf\xbb\x9e1F\xfbB3\xc6\xae\xbf\xfez\xc6\x18\xee/5w&gt;\xad\x9f\xdf\xf3\xc7\x8d1\xd2\xb2fN\xf8_)\x05c\x9c~Z^^\xde\xbcy\xf30\x13\x10\x93\x90\x00\\\xa0\x94\n\x06\x83\xb7\xddv\x1b\xabR\xf4X\xb5\xe6\x03\xa6Tl\x17\x81\x94\xd2"!aG\xce\xa7y\xfb\x0f\x08!\x8caJ\xa9\xc4\xc4\xc4^\xbdz\xb1\xca\xdd2\xa0&amp;\xce\xb3\xf5\xf3l\xa4\x94\xa1\xa2\xe2\xb4\x8c\xeb\x06\xdf~#\x95\x80h&lt;1\x7f\xfe\xfc\xfc\xfc|\xe4\x80\xd8\x83\x04\xe0\x02*t\xf4\xeb\xd7\x8f"\x8a\x82j\xf3\xb6\x1d\xdf\xec;\x10\xa8\x17\x17\xc3\x0f\xc2\xc6h\x16\x08\xfc\xf5\xdd\xf5Te\xa6\xe4\xd7\xa3G\x8f\x16-Z\xd0\xc4\xa3\xdb\x17\x18\xdd.\xac\xf5\xf3,\xb8\x90\xfa\xc4\x89i\x0f?\x98\x9c\x94H_E\xce\xf9\xd1\xa3G\'N\x9c\x88*P\xecA\x02p\x01Uf;u\xea\xd4\xb6m[\xba\xf1I)K\xcb\x8ego\x88\xf1*P `\x95\x17\x16\xbf\xb9v#c\xccY\xf8F\xfd?x\xb4\xac\x15\xe7\xdf\xfay6B\xf0p\xd9\xf1v\x9d.\xff\xcd\xf0\xc1Zk\xfa!R\xcaW_}\xd5\xe9)\xaa\xe3\x17\x01\x91\x83\x04\xe0\x0e\xaa\x02\xf5\xe9\xd3\x87\xf9\xa6\nTY\xff\xd9\x95\xb7\xef;\xf5\x9f\xf4\xf4t\x86\xfaO\x8dU\xa3\xf5\xf3l\xa4%\xed\xc2\xa21\x0f\rmu\xe9\x0fh\x8fh\xc6\x98\xd6\xdaI-\x103\x90\x00\xdc\xe1T\x81h\xa5\xa5S\x05\xfa\xcf\xde\x7f\x05\xea\xd5\x8b\xc9\x81\xb61\x9a\x05\xacU\xef\xac3\xc6\x08\xc1\x9d\xfaO\xf3\xe6\xcdQ\xff\xa9\xa1\xea\xb5~\x9e\r\xe7\\\x87\xc2\r\x9b]\xf4\xd4oG\xd3Ov\x8aK\xcb\x97/\x97R\xda\xb6]w\xaf\x05"\t\t\xc0\x1dN\x15\xa8C\x87\x0eU\xab@\x1f\xed\xdc\xcd\xe2\xeb\xc5d=DJ\xa9\x8f\x9f\xd8\xb0\xf5\x9f\xacJ\xc3\x0f\xea?\xb5\xa2\xda\xad\x9fg#-+|\xb4p\xe0\x1d}zt\xedLw\x7f\xca\x043f\xcc())\xc1\x06A1\x03\t\xc05T\x05\xa2\x1d\xf0\x85\xa8h\xcf{k\xed\xc6\x0b\x19\xacG\r\xad\x8d\x15_o\xcf\x17_}\xf6\xe5W\x9cs\xad\x8dR*!!\x01\xfd?5W\xc3\xd6\xcf\xb31\x9c\x1b\xa5\xe6M\x1fG\x1b\x04\xd1\x02\xc6\xbd{\xf7\xce\x993\x07\xed@1\x03\t\xc05T\xf4\xf8\xc5/~\xc1\x18\xd3Z\xd3\xdc\xef\xdf\xd7o)&gt;x(\x10\x0c\xc4\xd8\x13\x96\xd6\x8a\xd5\xab\xf7\xd6{\x1b\xcbCa:\x00\x921v\xc5\x15W4k\xd6\x0c\xf5\x9f\x1a:W\xebg5\x93\xab\x14"\\ZvU\x8f.w\xf4I\xd7Z[\x96\xa4\xbdB\xe7\xcd\x9b\x97\x97\x97G%\xa6\xda}!\x10yH\x00\xae\xa1\x9b`\xcf\x9e=\xa9\x08\xce\x18\x13B\xe6\x1f*\xd8\xb4\xf5c\x9e\x90\x10c\xd1%\xa5\xd0\'N\xfce\xcd:\xc6\x981\x15w\xfc\xfe\xfd\xfb\xe3&gt;RCgj\xfdd\x8c\xb1\x99\x13\x1e\x0c\xd6\x8f\x0f\x87\xc2\xf4\xf0^=\x86\xf1pq\xc9\xe3\x93\x7f\x93\x94\xd8\xc0\xae\xec"\xa53#\x19\x16\xee\xc5\x04$\x00\xd7\xd0\xdcZbb"U\x81\xa4\xac\x98\xa8[\xb5\xe6\x03\x16[\x9d@Z\x1b+&gt;~\xcf\xe7\xb99\xbb\xbep\xea?\xa7/\x85\x83\xea9\xad\xf5S\xdft\xc3\xb5\x83\xef\xbf\x8b\xdb*&gt;%)\xd0\xa0~\xb5\xff\x17\x97\xdc `Y?\xfc\xe9O2g\x8e\x17\x9c\x0b\xc1\x9d3#7n\xdc\x88\x96\xd0\x18p\x8e\x95\x81\x10\x01\x03\x06\x0cX\xbat\xa9\xb3/B\xf6\x86\xad\xc5\x07\x0f%%\xd6Wv\x8c\xec\x8dSY\xff\xd9\x14\x0e\xdb\x96e\x19c\x94R\xa9\xa9\xa9\xb4\x0c\x02\t\xa0\xdaN\xef\xd0\xa7/\xccW\xfb\x0e\\\xff\x8bA:\x14\xae\xf9{k\x8ca\x9csf\xb8\x10t\xbb\xa7\x8a\xd3\xc3\x0f?\xbce\xcb\x96@ @\xffZ\x0b/\x06\xdc\x80\x04\xe0&amp;\x8a\xcf\xee\xdd\xbb7o\xde&lt;??\x9fs\xeeT\x81n\xbd\xfdF]T\x1c\x1b\xb3\xa3\xa7\xd5\x7f\x04\xab\\\x08m\xdb6\x12@\xf5\x9c\xde\xfa\xc9*\xcb2\xb9\xfb\xfe\x95\xbb\xef_u\xf4\xf7\xd2\x9c\xf3\x8e\x1d;^\x7f\xfd\xf5{\xee\xb9\x87\x92P\x1d\xfd]P\xd7\x10{n\xa2*PRR\xd2)U\xa07\xd6|\xc0b\xe5\xa9\x8a\xea?_\xee\xde\x83\xfaO\xed:\xa5\xf5\xb3\xeaT\x8a\xe0\\\xd6\xae\xef~L\xb4\x93\xc7\xc4\x89\x13qfd\xb4C\xf8y\x82\xd3\x0eO\xbd@\xefm\xdcVv\xb8 \x10\xb0b \xb4\xa8\xfe\x93\xbdq[8lS\xffO\xd5m0\x90\x00\xaaGkmY\xd6\xfe\xfd\xfb\x17.\\Hu\x18Q\x05\xe3\xdc\xd4.\xc6\xbe\xf3\xf3\x19\xb3,+??\xff\xb1\xc7\x1e\xc3\x99\x91Q\r\xe1\xe72\xa7\n\xd4\xb2eKj\x88\x14B\x1c:\\\xf0\xe9g{x\xbdz1pH\xa4\x10\x9c\xd9\xe1u\xff\xf8\x88UV-\x18c\x03\x06\x0c@/yMPo\xcf\xf8\xf1\xe3\x8f\x1e=\x1a\x0e\x87\x15\x9d\xac\x16A\xa1P\x881\xb6p\xe1\xc2\x9c\x9c\x1c\xb4rE/\xcc\x01\xb8\xcc\xa9\x02]u\xd5U\xabW\xafv\x8e\xe2\xfb\xcb;\xeb\xba]\xdf\xdd\x98\xd2\xa8N\xd2\xc6\x98@\\\xdc7\xfb\xfe\xbd\xf1\xc3\x8fY\xe5\x8a_!DZZ\x1a\xab\\\t\x01\xd5@S\xbe\xa3G\x8f\x1e5j\x94[\xc3Dz\xf6o\xd4\xa8\x11\xc3G\x19\xb5\x90\x00\xdcG\x01\xdc\xb7o\xdf\xd5\xabW\xb3\xcam2\xdfZ\xbb\xf1\xf1\xc2\xe2@\xc0\x8a\xea"\x90R\xdaJH\xc8\xde\xb0\xb5\xb4\xec8m\'\xa0\xb5n\xd7\xae]\xc7\x8e\x1di\xbf\x1a\xb7/0\x8aI){\xf6\xec\xe9\xf6UT@\x02\x88RH\x00\xee\xa3\xfb`FFFbbbii)U\x81\xf2\xf6\x1d\xd8\x91\xf3i\xb7\x1e]B%eRF\xeb @p\xc6\x94Z\xb5\xe6\x83\x8a\x7f\x15Bk\xdd\xa7O\x9f\xb8\xb88\xdb\xb6-\x0b_\xbf\x1a\xf1B\x1b\xbe\x10\x02w\xff\xe8\x15\xadw\x96XBC\xe9\xe6\xcd\x9b\xf7\xe8\xd1\x83U\xce\xb6\x19c\xfe\xfa\xeez\x16\x08\x18\x13\xad\xd5UcL\xa0^\xdc7\xfb\x0el\xde\xb6\x831F\xb5c!D\xbf~\xfd\x18\x9e\x19kC-\xb7\xfaT\x0b&gt;\xc7\xa8\x86\x04\xe0\tT\x1c\xa7^ VY\x05zs\xed\xc6\xf2\xc2\xe2@ Z\x1f\x93\x95\xd2\xacJ\xfd\x87\xf2\\\xdb\xb6m;u\xea\x84\xfa\x0f\x80\x17 \x01x\x02\xdd\r\xd3\xd3\xd3\x13\x13\x13\xe9(\x8f\xca*\xd0.\x11\xb5g\x84\x9d^\xffa\x8c\xf5\xe9\xd3\'\x18\x0cz\xa1v\x01\x00H\x00\x9ep\xa6*\x107\xc6\xaczg\x1d\x0bX\xd1X\x052\xc6\x04\xea\xd5\xfb\xcf\xde\x7fU\xad\xffp\xceQ\xff\x01\xf0\x0e$\x00\xaf8\xa5\nD\xadA\x1b\xb6\xfeS\x1f?\x11\x8d\xd5\x12\xad5\x8b\xaf\xf7\xd1\xce\xddU\xeb?\x1d:t@\xfd\x07\xc0;\x90\x00\xbc\x82\xee\x89\xbdz\xf5JHHPJim8\xe7\x9f}\xf9\xd5\x9e/\xbe\xb2\xe2\xa3sE\x18go\xad\xdd\xc8\x18\xe3\xbc\xa2\xfe\x93\x91\x91\x81\xfa\x0f\x80w \x01x\x05=#7k\xd6\xec\x8a+\xae`\x8c\t!\xa4\x94\xe5\xa1\xf0[\xefmd\xf5\xea\xd1\xb4p\xb40\xc6\x04\x82\x81\xe2\x83\x87\xfe\xbe~\x0bc\x8c\x96\xa9\xb2\xca\xd3oP\xff\x01\xf0\x08$\x00\x0f\xd1ZK)\xfb\xf7\xef\xcf\x18\xe3\x9cS\xe9\xff/k\xd6\xe9\x13\'\xa2k)\x80\xd6\x9a\'$l\xda\xfaq\xfe\xa1\x02!$\xfdJ\xf3\xe6\xcdi\xe1\x12\xf6\xff\x01\xf0\x08\x84\xa2\x87\xd0\x9d\xf1\xb6\xdbn\xa3:\tU\x81rv}\xb1\xe7\xf3\\+&gt;&gt;\xca\xaa@\x82S\xff\x8f\x10\xdfY\xe9\xe6\xecY\x0f\x00\xaeC\x02\xf0\x10Z(\xdb\xb6m\xdb\xd4\xd4T\xda\xdfQJ\x19\x0e\xdbo\xbd\xb7)\x8a\xaa@N\xfd\'{\xc3VV\xa5\xfe\xe3\xcco\x03\x80G \x01x\xcb)ke\xbf[\x05\x8a\x8e\xce\x19\xaa\xffl&lt;\xad\xfe\xd3\xbd{w\x86\xfa\x0f\x80\x97 \x1a\xbd\xe5\xecU\xa0\xbch\xea\x05\x12\xfc\xaf\xef\xaccU\xea?\xe9\xe9\xe9III\xa8\xff\x00x\n\x12\x80\xb78U\xa0\x9f\xfd\xecg\xce)\x1f\xe1\xb0\xbdu\xc7\',..*v]\xb7,Y^T\xba\xe5\x9f\xff\x8f1\xa6\xb5\xa1\xf5_\x03\x07\x0et\xfb\xba\x00\xe0TH\x00\x9eCU\xa0\xde\xbd{\xb3*\x1d\x93\x7f]\xb3\x8e)%&lt;\xff\xf4\xac\x94\x16\t\xf1;rv}\xf5\xf5\xbfiK;\xaduJJJ\xd7\xae]\x19\xea?\x00\x1e\x83\x80\xf4\x1c\xba\xe9\xf7\xee\xdd\x9bF\x03\xf4\xd4\xbfi\xdb\x8eo\xf6\x1d\x08\xd4\x8b\xf3\xf8!\x91\xc6h\x16\x08\xfe\xf5\xdduF\x1b\xe7\xf8\xc0\xae]\xbb\xa6\xa4\xa4\xd0P\xc0\xed\x0b\x04\x80\xffB\x02\xf0\x1c)\xa51\xa6s\xe7\xcetj.\xe7\\JYZv&lt;{\xc3V\xe6\xf9\x8d\xe1\x02\x01\xab\xbc\xb0\xf8\xcd\xb5\x1bY\xe5\x9e\xa6\x8c\xb1\x81\x03\x07\xe2\xe4X\x00\x0fB\x02\xf0"\xa5T0\x18\xec\xd3\xa7\x0f\xabR6Y\xb5\xe6\x03\x8fW\x81\x94\xd2"!aG\xce\xa7y\xfb\x0e\x08!\x8caJ\xa9\xc4\xc4\xc4\xf4\xf4tV\xb9\xd7\x05\x00x\x07\x12\x80\x17Q\xa9\xa4_\xbf~U\xab@\x9b=_\x052F\xb3@\xe0\xaf\xef\xaew\xa6\xaf\x19c=z\xf4h\xde\xbc9\xea?\x00\x1e\x84\x04\xe0ET\x05\xea\xd4\xa9\xd3\xe9U \x93\x10o\xdb\xcax\x92\xb4dy\xd1\xa9\xf5\x1fZ\xff\x85\xfa\x0f\x80\x07!\x01x\xd4\x99\xab@o\xbf\xcf\r\x8b\x8b\x0bX\x01\xcbk\xff\x93BX\xc9I\x1f\xef@\xfd\x07 jD\xebq\x831\xcf\xa9\x02\xcd\x9f?_km\x8ca\x8cm\xfd\xf8\x93\xfd\x9f\xe7\xa54LTa\xcf\xad\xa8\xb2m;\xc8\xd8[\xefm6\xc6\xd0\x08F)\xe5\xd4\x7f\xd0\x00\n\xe0AH\x00\x1eU\xb5\n\x94\x9b\x9bK=\xf5\xc5%e\x9dz\r\x12\\\x18\xe6\xc5i\x00\xce\xf9\x89\x13\'\x19c\xb6m\xd3#?\xedl\x8a\x04\x00\xe0MH\x00\xde\xa5\xb5\x0e\x06\x83\xd7\\s\r%\x00\x1a\x07\x14\x97\x94\xb9}]\xe7\x85.\xbe[\xb7n\x0c\xeb\xbf\x00\xbc\n\t\xc0\xeb\xfa\xf5\xeb\xb7d\xc9\x12VY\x14\xf2Z\xe5\xe7tT\x02RJ\xa5\xa6\xa6\xd2$6\x12\x00\x807!\x01x\x97\xd3Fy\xd1E\x17\x1d&gt;|\x98~\xd1x\xb5\x07\xb4*\xdb\xb6\x19c\xbf\xfc\xe5/\x85\x10\xb6m#\x01\x00x\x13\x12\x80wq\xce\xa9\x91f\xe0\xc0\x81\xcb\x96-\xb3,+\x8aN\xd3\x8d\x8b\x8b\xeb\xdb\xb7/C\xfd\x07\xc0\xc3xT&lt;Q\xfa\x9cm\xdbeee,J\x1e\xff9\xe7T\x05JJJr\xfbZ\x00\xe0\xfb \x01@]1\xc6x\x7f\xc6\x02\xc0\xcfP\x02\x8a\x02Q\x9a\xa4q\xf7\x07\xf08\x8c\x00\x00\x00|\n\x13t\x00\x00&gt;\x85\x04\x00\x00\xe0SH\x00\x00\x00&gt;\x85\x04\x00\x00\xe0SH\x00\x00\x00&gt;\x85\x04\x00\x00\xe0SH\x00\x00\x00&gt;\x85\x04\x00\x00\xe0SH\x00\x00\x00&gt;\x85\x04\x00\x00\xe0SH\x00\x00\x00&gt;\x85\x04\x00\x00\xe0SH\x00\x00\x00&gt;\x85\x04\x00\x00\xe0SH\x00\x00\x00&gt;\x85\x04\x00\x00\xe0SH\x00\x00\x00&gt;\x85\x04\x00\x00\xe0SH\x00\x00\x00&gt;\x85\x04\x00\x00\xe0SH\x00\x00\x00&gt;\x85\x04\x00\x00\xe0SH\x00\x00\x00&gt;\x85\x04\x00\x00\xe0SH\x00\x00\x00&gt;\x85\x04\x00\x00\xe0SH\x00\x00\x00&gt;\x85\x04\x00\x00\xe0SH\x00\x00\x00&gt;\x85\x04\x00\x00\xe0SH\x00\x00\x00&gt;\x85\x04\x00\x00\xe0SH\x00\x00\x00&gt;e\xb9}\x01\xffe\x8c\xd1Zs\xce\xdd\xbe\x90\xbae\x8c\x11B\xc4\xfc\xcb\x04\xb8 \x08\x7fWpc\x8c\xdb\xd7\x00\x00\x00.\xf0\xc4\x08\x802\xff\xbe}\xfbF\x8c\x18\xa1\x942\xc6\xc4dZ\xe2\x9cs\xce\xa5\x94\xcf=\xf7\\\xeb\xd6\xad\xe9Y\xc0\xed\x8b\x02p\x19\xc2\xdfM\xc6\x03l\xdb6\xc6\x0c\x192\xc4\xed7#B\x86\x0c\x19\xe2\xbcj\x00\x9fC\xf8\xbb\xc8\xfd\x12\x90RJJ\xb9i\xd3\xa6\xeb\xaf\xbf^\x08\xa1\xb5v\xf7z\xea\x1a\xbd\xc6u\xeb\xd6\xf5\xe8\xd1\x83^\xbb\xdbW\x04\xe0\x1a\x84\xbf\xbb\xd7\xe3\x89\x04\xc09\xbf\xee\xba\xeb6m\xda$\xa5TJybdT7\xb4\xd6\xf4\x1a{\xf4\xe8\xb1~\xfdzc\x8c\xeb\xdf\x00\x00\x17!\xfc]\xbe&amp;7\x87\x1f\x95\xe3\xa0\xa5K\x972\xc6\xe8\xbd\xf0\xce\xfcx]\xa0WG\xaft\xe9\xd2\xa5\xc63#A\x80\xc8C\xf8\xbb\x1e\xfen\x8e\x00\xe8\n\x8a\x8a\x8a.\xbf\xfc\xf2o\xbf\xfd\x961&amp;\x84PJ\xf5\xcd\xb8n\xf4\xe8{\xc3%\xa51\xf3,\xa0\xb5\x0e$%.\\\xf8\xd2\xdf\xfe\xbe^JI\xe3\xdcf\xcd\x9a}\xf6\xd9g)))4;\xe4\xf65\x02D\x14\xc2\xdf\x0b\xe1\xeff\x17\x10\r\x88\x16,X\x90\x9f\x9fO\xef\x8b1\xa6ar\xd2\x1f\xe7Ok\xd6\xfa\x12V\x1eb1s[4\x86\xc5\x05/\xbb\xf4\x87\x1b?\xdcQ\\Z\xc6\x18\x13B\xe4\xe7\xe7/X\xb0`\xf6\xec\xd9^(\x05\x02D\x18\xc2\xdf\x0b\xe1\xef\xda\x08@k-\x84\xc8\xcb\xcb\xeb\xd8\xb1#\x8d\x83(\xff/\x9c\xfd\xc8\xa81\xf7\x9d8tDZ\x9ehQ\xad-\xca\xb6\xe3\x9b6Y\x94\xf9\xc2\xe8)\xbf\xa3\xaf;\xe7\xdc\xb2\xac\xdd\xbbw\xb7k\xd7\x8e\xde\r\xb7\xaf\x11 B\x10\xfe\x1e\t\x7f\xd7\x12\x00\xe5\xbd\x81\x03\x07\xae\\\xb9RJI\xe3\xc1v\xad/\xd9\xf5\x8f\xbf\t\xad\x19c\xb1\x92\xfd+\xd0\xbb\xac\x85\xb8\xa2{\xdf\xbc}\x07h\xdc\xa7\x94\x1a0`@VV\x16\x06\x01\xe0+\x08\x7f\x8f\x84\xbf;i\x87^\xf0\xc6\x8d\x1b\xe9\xe3WJq\xce\x8c1\xcf\xcc\x9a\x10L\x88\xd7J\xc5\xd8\xc7\xcf\x18\xe3\x8ci\xa5\x82\t\xf1\xcf\xcc\x9a`\x8c\xe1\xbc\xe2MX\xb9r\xe5\xc6\x8d\x1b\xe9Mp\xfb\x1a\x01"\x01\xe1\xef\x9d\xf0wa\x04@\xd9^k\xdd\xa5K\x97\x9c\x9c\x1c\x9a\x02QJ\xf7\xea\xd9e\xed\xea%\xe1\xd2\xb2\x18.\x86h\xad\x03\x89\rz\xf7\x19\xf6\xde\xc6mR\nc\x981&amp;55u\xdb\xb6m\xb4C\x08f\x83!\xb6!\xfc=\x15\xfe.\xbc\xd7T\xf0Z\xbcx\xf1\x8e\x1d;hY\x841\xcc\xb2\xe43\xb3\x1e1&gt;x\n6J=3\xeb\x11\xcb\x92\xc6T\xbc\x15;v\xecX\xbcx\xb1\x1fV\xc1\x00 \xfc=\x15\xfe\x91\x1e\x01\xd0_WTT\xd4\xa6M\x9b\xe2\xe2bg\xf2g\xc4\xd0\x81\xbf\x7fvv\xa8\xa0HZ1^\nW\xb6\n6Nyh\xe4\x94\xe7\x96f9\xd3A\xc9\xc9\xc9{\xf7\xeeMIIa\xb1\xde\n\r~\x86\xf0\xf7Z\xf8Gz\x04@/x\xea\xd4\xa9\x85\x85\x85\xf4R\x8d1\xcd\x9a6\x9e9i\x94&gt;v\\\xc8\x98\x1d\xfd9\x84\x14\xfa\xd8\xf1\x99\x93F5k\xda\x98\xe2\x81s^XX8u\xeaT\xce9\x06\x01\x10\xc3\x10\xfe^\x0b\xff\x88\xbe\xe34\xe4\xd9\xb3g\x0f\ryh\xd9\xb7\xd6\xfa\x89\x89#\x1b\xff\xb0y\xf8d\xb9\x1f\x1e~9\xe7\xe1\x93\xe5\x8d\x7f\xd8\xfc\x89\x89#\xe9\r\xa1\xf7a\xf1\xe2\xc5{\xf6\xecA!\x08b\x15\xc2\x9fy/\xfc#\x9a\x00\x8c1\x9c\xf3\xd1\xa3G\xdb\xb6\xcd9\xa7W\x9bz\xe5O\xee\x1c\xdc\xc7.*\x8e\xb1\xce\xdf\xef!-\xcb.*\xbesp\x9f\xd4+\x7fB_\x02\xce\xb9m\xdb\xa3G\x8f\xe6\xdc\xfd\xdd\x99\x00\xea\x02\xc2\x9fx*\xfc#\x97\x00\xa8\xedi\xed\xda\xb5k\xd7\xae\xad\xec\xfd\xe2\xc6\x98y\xd3\xc6\xd6\xab__+\x1d\xfb\xd9\xbf\x12gL+]\xaf~\xfdy\xd3\xc6RT\x9c\xfe\xe6\xb8}\x8d\x00\xb5\t\xe1\xef\xf0T\xf8G(\xe1P\xef\x97m\xdbW^yenn\xae\xb3\x0e\xa2\xff-7d\xbd\xb6\xc8.)\x15\xfe[\x06\xa5\x95\xb2\x92\x12\x07\xde=\xea\x8d\xb7\xdfw\xd6\xc2\xb4o\xdf\xfe\xd3O?\xb5,\x0b-\xa1\x103\x10\xfe\xa7\xf3H\xf8Gh\x04@#\x9dy\xf3\xe6\xed\xd9\xb3GJi\x8cf\xc6\x04\x83\x81\xd9\x13Gr\xadcg\xd3\x8f\x0b\xc29\xd7z\xf6\xc4\x91\xc1`\x80\x19c\x8c\x96R\xee\xd9\xb3g\xde\xbcy\x98\t\x80X\x82\xf0?\x03o\x84\x7f$\x12\x00M\xfd\xe7\xe7\xe7\xcf\x9f?\xbfr\xd2C*\xad\xc7=pw\x87N\x97\x87bz\xe9\xc7\xf7\x10B\x84J\xcb:t\xba|\xdc\x03w+\xad\x85\xa8\xd8\x0c}\xfe\xfc\xf9\xf9\xf9\xf9\xe8\x08\x82\xd8\x80\xf0?#\x8f\x84\x7f$\xdez\xea\xf6\x9d4i\xd2\xd1\xa3Gid\xa3\xb5n\xf3\xa3\x8b\x1f\x1d{\xbf]R\xe6\xc3\xd1\x9fCHi\x97\x94=:\xf6\xfe6?\xbaXk\xcd9\xe3\x9c\x1f=zt\xd2\xa4IB\x08\xcc\x06C\x0c@\xf8\x9f\x8d\x17\xc2\xbf\xce\x13\x80\xb3\xdam\xc5\x8a\x15\x94\xff9\x17\xc6\x98)c\x86\xa74\xbfH\x85B~\xaets\xceU(\x94\xd2\xfc\xa2)c\x86\x1bc8\xaf\xe8\t[\xb1b\x85\xb3N\xd2\xedk\x04\xa8&gt;\x84\xff\xf7\xf0B\xf8\xd7\xf9$0Mp\xa7\xa5\xa5\xd1\x9eG\x8c\x19\xa5\xf4\xb5]R\xd7\xbf\xfd\x8a&gt;q\xc2\x9f\xa3\xbfSh\xadE|\xfcu\xb7\x0c\xd9\xbc-GJ\xc1\x18WJ\xf5\xec\xd9s\xc3\x86\r\xd8%\x14\xa2\x1a\xc2\xff\x9c\xdc\r\xff\xba\xfd\x00\xe8\x05\xbc\xf1\xc6\x1bUv\xbc\xe3R\x8a\x99\x13\xfeW\x06,\x948\x881F\x06\xac\x99\x13\xfe\xd7\xf9\xf8i\xaf\xc47\xdex\x03-\xa1\x10\xbd\x10\xfe\xe7\xc3\xdd\xf0\xaf\xc3\x11\x00\xed\xf9WVV\x96\x9a\x9a\xba\x7f\xff~\xa7\xf7\xeb\xee\xfe7\xbf\xfa\xf23\xa1#\x05\xfeY\xfaqN\xca\xb6\x83M\x1a\xff\xea\x9e\xdf\xbc\xf6\xc6\x1a\xa7\'\xacU\xabV999\r\x1a4\xa0\xa5"n_#\xc0\x05@\xf8\x9f?\x17\xc3\xbf\x0eG\x00\x94\xca233\xf7\xed\xdb\xe7\xbc\xaa\xa4\xc4\x06\xd3\xc6?\xa8O\x9c\xe0\x02\x95\x8d\xff\xe2B\xea\x13\'\xa6\x8d\x7f0)\xb1\x01\xbdQR\xca}\xfb\xf6effb\x10\x00\xd1\x08\xe1\x7f\xfe\\\x0c\xff\xbaJ\x00t\xe0\xe7\xde\xbd{\x9f~\xfai\x9a\xfc\x91Rh\xad\'\x8c\x18\xd2\xee\xa7\x97\x85\x8f\x1d\x17\x02\x8f\xb4\xff%\x04\x0f\x1f;\xde\xee\xa7\x97M\x181Dk-e\xc5t\xd0\xd3O?\xbdw\xef^\xe7 i\x80\xa8\x80\xf0\xbf .\x86\x7f]\x95\x80(\xff\xdfs\xcf=\xaf\xbc\xf2\n\xe5\x7f\xadu\xdb\xd6\x97\xec\xfe\xc7\xdf$\xed\x81W\x17\x7fk4\xa3\x8fAq\xde\xb1{\xdf\xaf\xf6\x1d\xa0q\x9fRj\xc8\x90!/\xbf\xfc2f\x83!\x8a \xfc/\x94[\xe1_\'#\x00\xba\xdcM\x9b6-[\xb6\xcc\xd9\xf7\x8316\xfb\x91\x11q\x89\xf5\xb5\x1d\x83G\xbe\xd5\x1cgL\xdb*.\xb1\xfe\xecGF0j\x11SJJ\xb9l\xd9\xb2M\x9b6\xa1\x10\x04\xd1\x02\xe1_\rn\x85\x7f\x9d\x8c\x00\xe8#\xbf\xee\xba\xeb\xe8\xd2\xa9\xf7\xabG\xd7\xce\x1b\xb3\x97\x85\x8bK\x04\xca\x7fg\xa7\xb5\n$\'\xf5L\xbfk\xd3\x87;\x9c\xae\x80\x1e=z\xac_\xbf\x9e*\x83n_ \xc09 \xfc\xab-\xf2\xe1_\xfb#\x00J\\\xaf\xbe\xfa\xaa\x93\xb8\x8ca\xc1``\xde\xf4q\xc6V\x06\x83\xbf\xefe\x187\xb6\x9a7}\\0\x180\xe6\xbf\x0fS\xaf\xbe\xfa*\x06\x01\xe0}\x08\xff\x9a\x88|\xf8\xd7\xf2\x08\x80\xa6\xb0\x8b\x8a\x8a.\xbf\xfc\xf2o\xbf\xfd\x961FS@C\x06\xdc\xfa\xf2\xcb\x99\xa1\xc3G\xd0\xfbuN\xca\xb6\x83\x175\xb9\xe7\x9e1\xaf\xac|\xcb\x99\xffi\xd6\xac\xd9g\x9f}\x96\x92\x92\x82]B\xc1\xb3\x10\xfe5\x17\xe1\xf0\xaf\xe5\x11\x00\xad\xfc^\xb0`A~~&gt;-\xf33\xc64LIzr\xea\x18UZ\xcaQ\xc18\x0f\\JUZ\xfa\xe4\xd41\rS\x92(=\x0b!\xf2\xf3\xf3\x17,X\x80\xcd!\xc0\xcb\x10\xfe5\x17\xe1\xf0\xaf\xcd\x04@\xbd_yyys\xe7\xce\xa5k\xa5\x7f\xce\x18\xff`\xcb6\x97\xa8\x93!\x81G\xd7\xf3 8W\'C-\xdb\\2c\xfc\x83\xce{(\x84\x98;wn^^\x1eZB\xc1\x9b\x10\xfe\xb5"\xc2\xe1_\x9b% \xaaX\r\x1c8p\xe5\xca\x95\xce\xd2\x8fv\xad/\xd9\xf5\x8f\xbf\t\xad\x19z\xbf\xce\x1b}$Z\x88+\xba\xf7\xcd\xdbw\xc0YE9`\xc0\x80\xac\xac,\xb4\x84\x82\x07!\xfckK$\xc3\xbf\xd6F\x00\xce\x16\x16\xf4\xf1+\xa58g\xc6\x98gfM\x08&amp;\xc4k\x85\xde\xaf\x0b\xc0\x19\xd3J\x05\x13\xe2\x9f\x995\xc1\x18\xc3y\xc5\xdb\xbbr\xe5\xca*\xdb\xaa\x00x\x05\xc2\xbf\x16E2\xfckg\x04@\xd9^k\xdd\xa5K\x97\x9c\x9c\x1c\x9a\xa8PJ\xf7\xea\xd9e\xed\xea%a\xbf\x9e\xf9PCZ\xeb@b\x83\xde}\x86\xbd\xb7q\x9b\x94\xc2\x18f\x8cIMM\xdd\xb6m\x1b\xad\x13\xc1l\xf0\xf9\xa3\xef\xb9\xa9t\xca\xef\xf2*\xdc\xb8\xba\xe8\x86\xf0\xaf\x0b\x91\t\xff\xda\xf9`\xa8J\xb5x\xf1bg\x1bkc\x98e\xc9gf=b\xf0\xacZ\x03F\xa9gf=bY\xd2\x98\xffn\xad\xbex\xf1b\xcc\x06\x9f\'\xad\xb5m\xdb\xd4\x99\xce9\x17BH)\xad\xd3H))\xa8\xe8\xbf\xc7{{A\x10\xfeu$\x02\xe1_\x0b#\x00\xfa\tEEEm\xda\xb4)..\xa6\x03\x80\x94R#\x86\x0e\xfc\xfd\xb3\xb3C\x05E\xd2B\xc1\xba\x9a\x94\xad\x82\x8dS\x1e\x1a9\xe5\xb9\xa5Y4\xff\xc39ONN\xde\xbbwoJJ\nc\x0cO\xacg\xa4\xb5\xd6Z[\xdfm:&lt;t\xe8\xd07\xdf|s\xf8\xf0\xe1#G\x8e\x94\x94\x94\x84B!cL0\x18LNNn\xda\xb4\xe9\x0f\x7f\xf8\xc3K.\xb9$!!\xc1\xf9\t\x8c1&lt;\xba\x9e\x13\xc2\xbf\xeeD \xfck!\x01P}j\xe4\xc8\x91\xbf\xff\xfd\xef\x9d\xab\xbc\xa8I\xc3\xcf6\xff\xadaJ\xa2\x0e\xdb\xb8IU\x9b1F\x04\xac\xc2\xa2\xd2\xcb\xaf\xed{\xf8H\xa1\x13]\x0f=\xf4\xd0\xb3\xcf&gt;\x8b\xd9\xe0SP!\x82\x9e\xf4\xe9W&gt;\xff\xfc\xf3\xcd\x9b7\xff\xe3\x1f\xff\xd8\xb5k\xd7\xd7_\x7f]\\\\|\xb6?kYV\x8b\x16-\xfe\xe7\x7f\xfe\xa7W\xaf^7\xddtS\x9b6m\x18c\xb4\'\x17\xbe\xc0\xdf\x03\xe1_w"\x10\xfe5M\x00\xf4y\xe7\xe6\xe6v\xec\xd8\x91\x1e\xbbh\x8e\xe2O\x0b\xa6\xdf\xfb\xc0\xdd\xe5G\x8eZX\xfaQ3\xb6m\xc75i\xf4\xd2\xe2\xd7~=n\x06\xbd\xb7B\x08!\xc4\xee\xdd\xbb\xdb\xb7oO\xdf\t\xb7\xaf\xd1\x13\xaa\xc6\xc3\x17_|\xb1j\xd5\xaa\xd5\xabW\xef\xdc\xb9\xf3\x94\x193\xfao\xaa\xde\x95\x9c\x12\xb6\xf3+\t\t\t\xb7\xddv\xdb\xf8\xf1\xe3;w\xee\xcc*K\x1c\x91x\r\xd1\x06\xe1_\xd7\xea:\xfck\x9a\x00(\xea\xd2\xd3\xd3\xd7\xae]\xeb\xf4~u\xba\xe2\xc7[\xb2\x97YZ3\x86\xec_S\x861\xc6\x8c-\xc45\xe9w\xed\xdc\xf5\xa5\xd3\x13\xd6\xbbw\xef\xec\xecl\x0c\x02\x881\x86*\xf8o\xbe\xf9\xe6\xf3\xcf?\xff\xde{\xef\xd9\xb6M\xbfE\xf7 \xad\xf5\x19\xa7\x7f\x1dU\xe7\x81\xe9\xcfZ\x965f\xcc\x98\xd9\xb3g\xc7\xc5\xc5!\x07\x9c\x11\xc2\xbf\xae\xd5u\xf8\xd7\xe8;M\x7f\xfd\xda\xb5k\xe9\xe3\xa7\xa96c\xcc\xbcic\xeb\xd5\xaf\xaf\x95\xc6\xc7_s\x9c1\xadt\xbd\xfa\xf5\xe7M\x1bK\xb7\xb9\xd3\xdfv\xb7\xaf\xd1et[_\xbe|\xf9UW]u\xfb\xed\xb7\xbf\xfb\xee\xbb\xb6m[\x96E\xd5\x1b\xdb\xb6i^\xf7\xfb\x9fuh\x10\xa0\x94\xb2m\x9bsNo\xec\xbcy\xf3z\xf5\xeaE\xebZ13|\n\x84\x7f\x04\xd4u\xf8W\x7f\x04@\xd9\xde\xb6\xed+\xaf\xbc277\xd7IM\xfdo\xb9!\xeb\xb5EvI\xa9\xc0\x93i\xed\xd1JYI\x89\x03\xef\x1e\xf5\xc6\xdb\xef;\x8fZ\xed\xdb\xb7\xff\xf4\xd3O-\xcb\xf2y\xff"=\x9e\xf7\xea\xd5\xeb\xfd\xf7\xdf\x0f\x06\x83J\xa9\xb3\xdd\xee\xcf\xd8\xeb\xf9=\xbd\xa1\x96e\x85\xc3\xe1+\xae\xb8b\xdd\xbau\x8d\x1b7f\x98u\xaf\x84\xf0\x8f\xa4\xba\x0b\xff\xea\x8f\x00(\xea\xe6\xcd\x9b\xb7g\xcf\x1e)\xa51\x9a\x19\x13\x0c\x06fO\x1c\xc9\xb5\xc6\xe0\xaf\x96q\xce\xb5\x9e=qd0\x18`\xc6\x18\xa3\xa5\x94{\xf6\xec\x997o\x1e\x1eN\xe9\xde=k\xd6,)%5}V\xbd\x9b\xd3\xe3&lt;\xc5\x89\xf3\x98_\x15e\x0b\xea\x04=\xe5\xc7\x86\xc3\xe1@ \xb0k\xd7\xae\xc1\x83\x07\xd3\x9f\xad\xa3\x03\x94\xa2\x0e\xc2?\xa2\xea,\xfc\xab9\x02\xa0\xbf\xf2\xd0\xa1C\x97_~yQQ\x913==q\xd4\xb0\'\x9f\xfam\xe8\xc8Ql\xfbW\xeb\x94m\x07\x9b4\x9a4\xf1\x89\xa7\x16-q\xda-RRR&gt;\xfb\xec\xb3\xa6M\x9b2\x7f\xf7,\xd2\xfd\xa8G\x8f\x1e\x9b7ov\xc6\xc5T\x1e\xad:Fn\xd4\xa8Q\xcb\x96-\x1b7n\x9c\x98\x98\x18\x0c\x06\xc3\xe1pqq\xf1\x7f\xfe\xf3\x9f\x03\x07\x0eP\xdd\x9f\xde\xd8S\x82"\x10\x08\x84\xc3\xe1\xf9\xf3\xe7\x8f\x1b7\x0e\x93.\x0c\xe1\xef\x86:\n\xffj&amp;\x00\n\x83a\xc3\x86-]\xba\x94\xf2\xbf1\xac\xf5\xa5?\xfcx]V\x83\xf8z\xac\xf2\x0c \xa8E\xc6\x18&amp;e\xd9\x89\x93?\xbb~\xe0\xbe\x7f\xfd\x87s\xc6\xb9PJ\r\x1d:t\xc9\x92%&gt;\xbf1Q\xd1\x7f\xf5\xea\xd5}\xfb\xf6\x95R:\x13\xb9\x8c\xb1\xe4\xe4\xe4\x9e={\xa6\xa7\xa7\xff\xfc\xe7?o\xdd\xbau\xc3\x86\rO\xf9r\x96\x97\x97\xef\xdf\xbf\xff\x83\x0f&gt;X\xb2d\xc9\x8e\x1d;\x18c4Vp\xfe\x03\n\xad\xe4\xe4\xe4/\xbf\xfc\xf2\xa2\x8b.b\xbe/\x04!\xfc#\xaf\x8e\xc2\xbf:I\xc3Y\x93\xb6b\xc5\n\xca\xfc\x9c\x0bc\xcc\x941\xc3S\x9a_\xa4B!|\xfcu\x81s\xaeB\xa1\x94\xe6\x17M\x193\xdc\x18C\x1f\xbf\x10b\xc5\x8a\x15\xce\nL\xb7\xaf\xd15\x96e\x19cn\xbe\xf9\xe6\x8e\x1d;\xd2D.c\xec\xdak\xaf\xfd\xe3\x1f\xff\xb8{\xf7\xee\xd5\xabW\x8f\x181\xe2g?\xfbY\xa3F\x8d\xa8Y\xa8j\xfd\'..\xee\xc7?\xfe\xf1C\x0f=\xb4}\xfb\xf6g\x9ey&amp;\x18\x0c\xb2\xef\xde\xe2\xe9\x0b_XX\xf8\xf2\xcb/S\xa5\xdb\xb5\xd7\xe9\x01\x08\x7fW\xd4Q\xf8Wg\x04@\xd9&amp;--\x8dv&amp;\xa2#\xdf\xae\xed\x92\xba\xfe\xedW\xf4\x89\x13~.DD\x80\xd6Z\xc4\xc7_w\xcb\x90\xcd\xdbr\x9cC\xe3z\xf6\xec\xb9a\xc3\x06\x0c\x02,\xcbz\xe1\x85\x17F\x8f\x1e=x\xf0\xe0\xe1\xc3\x87w\xeb\xd6\x8d~\x8bZ\xd4\x9d%]g\x9c\x04\xa6\x1ev\xce\xf9\xdbo\xbf\xfd\xcb_\xfe\x92&amp;\x12\x9c\xe8\xa0Aw\xe7\xce\x9d?\xfa\xe8\xa3\xd3\x7f\x82\xaf \xfc]T\xeb\xe1\x7f\xc1\x9f\x16\xfd5o\xbc\xf1F\x95}\xe9\xb8\x94b\xe6\x84\xff\x95\x01\x0bSdu\xcd\x18#\x03\xd6\xcc\t\xff\xeb|\xfc\xb4\x0b\xe3\x1bo\xbc\xe1\xf3\x96P\xea\xf7\xbf\xf3\xce;?\xf9\xe4\x93\x97^z\xa9[\xb7n\xd4\xa6B\x15j\xa7+\xf4\xf4{7\xad\x1c\xa6?\x1e\n\x85n\xb9\xe5\x96\x89\x13\'\x9e\xd2\xf8O\x13\x03\xbbv\xed:p\xe0\x00\x8d!"\xf9\xd2\xbc\x03\xe1\xef\xaeZ\x0f\xff\x0b\x1b\x01\xd0\x83RYYYjj\xea\xfe\xfd\xfb\x9d\xde\xaf\xbb\xfb\xdf\xfc\xea\xcb\xcf\x84\x8e\x14`\xf2\'\x02\x94m\x07\x9b4\xfe\xd5=\xbfy\xed\x8d5NOX\xabV\xadrrr\x1a4h\x80\xad\x0bX\xe5\xb9\xe4\xd5x\x1a\xa5;{III\xdb\xb6m\x0b\n\n\xaaN\x06\xd0({\xcd\x9a57\xddt\x93?\x07[\x08\x7f/\xa8\xdd\xf0\xbf\xb0\x08\xa1\xef}ff\xe6\xbe}\xfb\x9c\xbf;)\xb1\xc1\xb4\xf1\x0f\xea\x13\'\xb8\xf0]H\xb8\x82\x0b\xa9O\x9c\x986\xfe\xc1\xa4\xc4\x06\xf4\x11H)\xf7\xed\xdb\x97\x99\x99\xe9\xf3A\x00\xab\xbcI\x9d\xde\xd3y\x9e\x84\x10\xc6\x98\x94\x94\x94\x1e=z\xb0\xca&gt;"\xe7\xb7\x18c_\x7f\xfd5\xabl&lt;\xf5\x1b\x84\xbf\x17\xd4n\xf8_@\x90P\\\xed\xdd\xbb\xf7\xe9\xa7\x9f\xa6\xc9\x1f)\x85\xd6z\xc2\x88!\xed~zY\xf8\xd8q!\xfc\xfe\xe0\x19\x19B\xf0\xf0\xb1\xe3\xed~z\xd9\x84\x11C\xb4\xd6RVL\x07=\xfd\xf4\xd3{\xf7\xee\xf5\xf9\x99\x91\xd5{\xf0\xaf\x8a\x82\xaac\xc7\x8eg\xfc\xdd\xa3G\x8f\xd6\xe4\x87G/\x84\xbfG\xd4n\xf8_@\xa8\xd0B\xe4\x993g\x16\x17\x17Wn\x99\xa2\xda\xb6\xbed\xc2o\x86\xdbG\x8b0\xfa\x8b$iY\xf6\xd1\xa2\t\xbf\x19\xde\xb6\xf5%\xb6]\xb1\xd9}qq\xf1\xcc\x993Oia\x84j\xa0Mw\xcf\xf8[\xe1p8\xc2\x17\xe3\x11\x08\x7f\</t>
        </is>
      </c>
    </row>
    <row r="262">
      <c r="A262" s="1" t="n">
        <v>260</v>
      </c>
      <c r="B262" t="inlineStr">
        <is>
          <t>rectangle_height_number</t>
        </is>
      </c>
      <c r="C262" t="inlineStr">
        <is>
          <t>What is the missing number of the part denoted with a question mark?</t>
        </is>
      </c>
      <c r="D262" t="inlineStr">
        <is>
          <t>[3, 4, 2, 1]</t>
        </is>
      </c>
      <c r="E262" t="inlineStr">
        <is>
          <t>3</t>
        </is>
      </c>
      <c r="F262" t="inlineStr">
        <is>
          <t>There are 7 rectangles in the image with varying lengths and numbers inside them. The numbers from left to right are [1, 1, 3, 2, 2, 3, '?']. The lengths from left to right are ['short', 'short', 'long', 'medium', 'medium', 'long', 'long'].</t>
        </is>
      </c>
      <c r="G262" t="inlineStr">
        <is>
          <t>We observe that the short rectangles are denoted as 1, the medium rectangles are denoted as 2, and the long rectangles are denoted as 3. Hence, the pattern is that the number in each rectangle corresponds to its length.</t>
        </is>
      </c>
      <c r="H262" t="inlineStr">
        <is>
          <t>Based on the pattern that the number in each rectangle corresponds to its length, the missing number of the rectangle with a question mark should be 3.</t>
        </is>
      </c>
      <c r="I262" t="inlineStr">
        <is>
          <t>b'\x89PNG\r\n\x1a\n\x00\x00\x00\rIHDR\x00\x00\x02\x00\x00\x00\x02\x00\x08\x02\x00\x00\x00{\x1aC\xad\x00\x00I\\IDATx\x9c\xed\xddy|T\xd5\xdd?\xf0\xef9\xe7N\x96\xc92\x93\x8d \x8b\x0b\x8b\x80\xb2\xef\xbb\x88\xb2X[\xd4GD\x14pA\x88{\x9f\xd0V[\xab-\xa0\xb5.\xd0Z[\xdbZv\xa4\xe2\x8a\xb5\xd5*\x08.\x80(\xab\nb\xc2&amp;\x88J d\x9d%\xcb\xcc\xdc{\xce\xef\x8f\x0by\xf8\t* \xc9\xdc3\xf7\xf3~=\xaf\xd7\xd3&amp;i\xf2I8s&gt;\xf7\x9e{\xee\x1d\xa6\x94"\x00\x00p\x1f\x1e\xef\x00\x00\x00\x10\x1f(\x00\x00\x00\x97B\x01\x00\x00\xb8\x14\n\x00\x00\xc0\xa5P\x00\x00\x00.\x85\x02\x00\x00p)\x14\x00\x00\x80K\xa1\x00\x00\x00\\\n\x05\x00\x00\xe0R(\x00\x00\x00\x97B\x01\x00\x00\xb8\x14\n\x00\x00\xc0\xa5P\x00\x00\x00.\x85\x02\x00\x00p)\x14\x00\x00\x80K\xa1\x00\x00\x00\\\n\x05\x00\x00\xe0R(\x00\x00\x00\x97B\x01\x00\x00\xb8\x14\n\x00\x00\xc0\xa5P\x00\x00\x00.\x85\x02\x00\x00p)\x14\x00\x00\x80K\xa1\x00\x00\x00\\\n\x05\x00\x00\xe0R(\x00\x00\x00\x97B\x01\x00\x00\xb8\x14\n\x00\x00\xc0\xa5P\x00\x00\x00.\x85\x02\x00\x00p)\x14\x00\x00\x80K\xa1\x00\x00\x00\\\n\x05\x00\x00\xe0R(\x00\x00\x00\x97B\x01\x00\x00\xb8\x14\n\x00\x00\xc0\xa5P\x00\x00\x00.\x85\x02\x00\x00p)\x14\x00\x00\x80K\xa1\x00\x00\x00\\\n\x05\x00\x00\xe0R(\x00\x00\x00\x97B\x01\x00\x00\xb8\x14\n\x00\x00\xc0\xa5P\x00\x00\x00.\x85\x02\x00\x00p)\x14\x00\x00\x80K\xa1\x00\x00\x00\\\n\x05\x00\x00\xe0R(\x00\x00\x00\x97B\x01\x00\x00\xb8\x14\n\x00\x00\xc0\xa5P\x00\x00\x00.\x85\x02\x00\x00p)\x14\x00\x00\x80K\xa1\x00\x00\x00\\\n\x05\x00\x00\xe0R(\x00\x00\x00\x97B\x01\x00\x00\xb8\x14\n\x00\x00\xc0\xa5\x8cx\x07\x00\r(\xa5N\xe3\x7f\xc5\x18;\xe3I@G\xba\x8f\x1f\xdd\xf3\x7f\x07\x14\x00\x9c\x80RJJ\xa9\x94b\x8c1\xc68?\x9d3\xc53\xf2M@G\xba\x8f\x1f\xdd\xf3\x9f&lt;vz\xe5\x06\t\xc9\x1e\xb2D$\x848\xf6\xe3\x81@@J\xc9\xd8\xc9\x8e\x16\xfb\xd8\xc7\xef\xf7\x1f\xfbA\xfb\xc5\xc09\xd7\xe2\xc8\x08N\x83\xee\xe3G\xf7\xfc\xa7\x01\x05\x00DDJ)\xcb\xb2\x0c\xe3\xc8\x19a(\x14\xda\xb8q\xe3\x86\r\xeb?\xfa\xe8\xe3\xca\xca\xca\xe2\xe2b\xd32O\xfe\xbb1b\x8aT\xbb\xb6\xed\xfc~\x7f\xef\xde\xbd{\xf6\xec\xd9\xb7o\xdf\x96-[\xda\x9f5M\x93s\xee\xcc\x03"8=\xba\x8f\x1f\xdd\xf3\x9f6\x14\x00\x90eY\xf6!O4\x1a]\xbe|\xf93\xcf&lt;\xb3y\xf3\xe6\xfd\xfb\xf7\x9f\xc1\x1f\x91\x95\x95\xd5\xbbw\xefq\xe3\xc6\x8d\x193\xa6Y\xb3fDd\x9a\xa6\x10\xc2QGCpzt\x1f?\xba\xe7\xff!P\x00\xaef\xff\xeb3\xc6\x02\x81\xc0\xdc\xb9s\x97,Y\xb2m\xdb\xb6\x86\xcf\xa6g\xa4\xb7:\xbbe^~^\x9b\xf6\xe7eg\xfbM\xd3:\x99\xf1\xaaHq\xc6c\xb1X\xd1\xa7\xc5\xd5U\x81\xfd{\xbf\xac\xaa\xacj\xf8\xecY-\xce\x9ap\xfd\x84)S\xa6t\xe8\xd0\x81\x88\xa4\x94\x0e9\x14\x82\xd3\xa0\xfb\xf8\xd1=\xff\x0f\x87\x02p\xaf\x86\x03\x9f\x85\x0b\x17&gt;\xfe\xf8\xe3;v\xec\xb0?\xde\xaau\xcb\x81\xc3\x06\x0c\x1f5\xec\x82\xae\x9d\xf2\x9b\xe7\xa5\xa5\xa7\x0b!\x84\xe0\xa76P\x94\x8a\xc5\xccH}\xa4\xfcp\xf9\xae\x1d\xbb\xd7\xbe\xb3n\xcd\xaa\xb5;\x8av\xd9\x9f\xcc\xce\xce\xbe\xfb\xee\xbb\xa7M\x9b\xe6\xf3\xf9L\xd3l8\xf5\x06\x8d\xe8&gt;~t\xcf\x7fF\xa0\x00\\\xca\x1e\xfd%%%\x93\'O^\xb1b\x85\xfd\xc1\x8e\x17t\x98|\xe7\x8d\xa3\xc7\x8c\xcak\x96\xa3\x94\xaa\xaf\x8f\xc4\xa21iIE\xea\xd4\xc7\t\xe3\x8c1\xce&lt;\x1eOrJ\xb2a\x18\xa1`p\xfd\xfb\x1b\xe7\xfey\xc1\x9aw\xde\xb7\xbf\xa2C\x87\x0e\xf3\xe7\xcf\x1f4h\x90}\x85-\xee\xa7\xc3p\xf2t\x1f?\xba\xe7?SP\x00nd\x1ft\xacX\xb1b\xf2-\x93K\x0e\x94\x10Q\x9b\xf6mn\x9f6\xf5\'W_\xee\xcb\xf2\x85\x83\xe1X,FDgd\xc7\x82RJJEJ\tC\xa4\xa5\xa7Ii\xad^\xf5\xfe\xd3O\xccY\xb7\xfaC"JNNz\xf4\xd1\xc7\n\x0b\x0b\xd1\x01\x1a\xd1}\xfc\xe8\x9e\xff\x0cB\x01\xb8\x8e=\xfa\xe7\xce\x9d[PP`\x7f\xe4\xc6\x82\x89\xbf\xf8\xed\xb4\xbc\xfc\xbc@U\xc02-.\x1ak\xa7\x9aeY\x8c\xb1L_\x86eZ\x0b\xfe\xfe\xcc\xec\x87\x9e\x08\x87\xc2D4u\xea\xd49s\xe6X\x96\xe5\xb4Mrp&lt;\xdd\xc7\x8f\xee\xf9\xcf,\x14\x80\xbb\xd8g\xbe\r\xa3\xdf\x9f\xe5\xfb\xdd\x1fg\\3il\xb0:\x18\x8dF\x9bf-\xd2~\x19\xe4\xe4\xe5l\xfep\xcb/n\xffe\xd1\xa7;\xe8\xe8k\x00\xe7\x01\x0e\xa7\xfb\xf8\xd1=\xff\x19\x87\x02p\x91o\x8c\xfe\xbc\xfc\xbc9K\xff:\xe4\xe2A\x87\x0e\x96\x1a\x86\xd1\xc4\xd3n,\x16\xf3g\xf9+\xca*n\x1a;\xf5\xe3M\x9f\xd01\xc7A\xdf\xb8\r\x07\x1cB\xf7\xf1\xa3{\xfe\xc6\x80\x02p\x0b{`\xadZ\xb5j\xc4\x88\x11D\x94\x9d\x93\xfd\x9f\xd5/\x9f\xdb\xe6\xdc\xea\xaaj\x8f\xc7\x13\x97H\xa6i%\xa7$\t!\xae\xff\xf1\r\x1f\xae\xdd@D3f\xcc\x98&gt;}:\xf6\x059\x90\xee\xe3G\xf7\xfc\x8d\x04\x05\xe0\n\xf6v\xe3\xd2\xd2\xd2n\xdd\xbb\x1d.=\x9c\xe9\xcb\\\xb4ln\x9f\x01\xbd\x03U\x01\xc3\x13\xcf\xa9\xd6\xb2\xac\xe4\x94\xe4P04q\xcc\xcd\xdb\xb7~\xc6\x18[\xb1b\xc5\x88\x11#p\x1e\xe0(\xba\x8f\x1f\xdd\xf37\x1e\xdc\x83\xe3\n\xf6\x9d\xee\x93&amp;M*=TJD\x0f\xfdq\xfa\x90\x8b\x07UWU\xc7w\xf4\x13\x91\x10\xa2\xbe\xae&gt;7/\xe7\xa9E\x7f\xf2g\xf9\x14\xa9I7L:t\xe8\x10c\xcc~*\x0b8\x81\xee\xe3G\xf7\xfc\x8d\x07\x05\x90\xf8\xec\xa3\x89\xa5K\x97\xae\\\xb9\x92\x88\xae\xbbi\xdc\xf8\x1b\xaf9t\xb04^g\xbe\xdf`\x18FuU\xa0S\xe7\x0e3\x1e\xff\r)*=Tz\xdf}\xf7q\xceqn\xea\x10\xba\x8f\x1f\xdd\xf37*,\x01%8\xa5\x94R\xaa\xba\xba\xba_\xbf~{\xf7\xee=\xfb\xdc\xd6\xaf\xaf\xfdWrr\xb2\xbd\x15!\xde\xe9\xfe\x8feZ\xfe\x1c\xff-\xd7\xdc\xfa\xe6\x7fV$\'\'\xaf]\xbb\xb6w\xef\xde\xf6\xd3\x13\xe3\x1d\xcd\xd5t\x1f?\xf6#&lt;\xf5\xcd\xdf\xd8\xe3\x1f\xaf\xae\x04go.^\xb8p\xe1\x9e={\xa4\x94\xb7M\x9b\x9a\x97\x9f\x1b\x8dF\x1d5\xfa\x89\x88q\x16\x8b\xc6\xa6\xfd\xfa\xee\xe4\xe4\xe4H$2}\xfa\xf4\x93\x7f\xfa.4\x1e\xdd\xc7\x8f\xee\xf9\x1b\xfb\xe7\xa2\x00\x12\x99RJ\x08QWW\xb7p\xe1B\xc6X\xdb\xf6m\xae\xba\xf6\x8a\xea\xca\x80\x03\xf7\xd8p\xce\xc3\xa1p\xd7\x9e].\xbfj4\x11\xadY\xb3\xa6\xb8\xb8X\x08\x81+\x01q\x94\x00\xe3\x87s\xaeu\xfe\xc6\x1e\xff(\x80Df\xdfW\xb2j\xd5\xaa\xcf&gt;\xfbL)5\xf5\xa7\xb7\xf8\xfc\x99\xa6y\nO6oJ\x9c\xf3H$Z\xf0\xbfS\xbc\xde\xd4\x9a\x9a\x9ay\xf3\xe6\x11\x11\n \x8e\xf4\x1e?\xf3\xe7\xd9\x1f\xd45\x7f\x93\x8c\x7f\x14@\xe2[\xb4h\x11c,\xff\xac\xfc\x1f]9*\x14\x0c;v{%\xe7\xbc&amp;\\\xd3\xb5g\xe7\xfeC\xfa1\xc6^~\xf9\xe5\xda\xdaZ\xc30\xb0\x10\x14_\xba\x8e\x9f\x97^\x0e\x87\xc3Dd\x1f\xfe\xeb\x97\xbfI\xc6?\n a\xd9\xe7\xef\x81@`\xe3\xa6\x8dJ\xa9!\x17\x0f\xcak\x96\x1b\x8b\xc5\x9c\xb6\xfay,\xa5\x14c|\xe4\x8fG(\xa5\x0e\x94\x1c\xd8\xbau+\xe1$ N\xb4\x1f?\x07\x0e\x14\x15\x15\x99\xa6\xb9a\xc3\x06-\xf37\xc9\xf8G\x01$,{\xdcl\xde\xbc\xf9\xeb\xaf\xbe&amp;\xa2\xe1\xa3\x879\xff@Z\x08Q_[7\xf0\xa2\xfe\xe9\x99\xe9\x96i\xbd\xb9\xfcM:\xfa\xae\x1d\xd0\xc4\xb4\x1f?\x96\xb5f\xcd\x9aO?\xfd\xb4\xa4\xa4\x84t\xcc\xdf$\xe3\x1f\x05\x90\xb0\xecq\xb3q\xd3F"\xf2\xa6{/\xe8\xda)R\x17q\xf8\xaeJ\xc6X$\x12m\xd5\xba\xc5ym\xce%\xa2\xcd\x9b6\x13\x91\xc33\'\xaa\x04\x18?[\xb7n]\xb7n\x1d\x11y\xd3\xb4\xcc\xdf\x04\xe3\xdf\xd1\x7f\x0e\xf8!\xecS\xdd-\x9b\xb7\x10\xd1\xd9\xe7\xb4&gt;\xabE\xbe\xc3\xcf\x7fmR\xcaTo\xea\x05]:\x12Qqqq8\x1c\xc6Maq\xa1\xf5\xf8\xe9\xd4\xa5\x03\x11m\xdb\xb6\xed\x8d7\xdf \xa2\xd6\xe7\xb4\xd2+\x7f\x93\x8d\x7f\x14@\xc2\xb2\xf7\x11\x97\x95\x95\x11QNnvZz\x9aeY\xf1\x0e\xf5\xfd\x94R\\\x88\xe6-\x9a\x13Qu\xa0\xba\xae\xae.\xde\x89\\*\x01\xc6Oee\xe5\x97_~I\xda\xe6o\x82\xf1\x8f\x02HL\xf6=\x84\x81@`\xd7\xae]D\xd4\xbec;\xa1\xc9v\x1a\xc6\x98e\x9a\xed:\xb6%\xa2` X\\\\L\xb8\x0e\xdc\xe4t\x1f?\xed;\xb6#\xa2\xd2\xd2\xd2\xcf\xf7|N\x1a\xe6o\xb2\xf1\xef\xb8\x1b"\xe0\x0cRJ\xc5\xcc\x18\x11eegi\xb4\x90\xa2\x94\xca\xca\xce"")\xa5cwm\xbb\x81\xee\xe3\xc74M{\xea\xd44\x7f\x13\x8c\x7f\x9c\x01$8{\xd1S\xbbi\xb4!\xb0\xf3\x17m\x13\x9b\xd6\xe3\xa7\xe1\xdd\xb54\xcdO\x8d?\xfeQ\x00\xae\xa0\xdd4\xaa]\xe0\xc4\xa6\xdd?\xc77\x02\xeb\x9e\xbf\xf1\xa0\x00\x00\x00\\\n\x05\x00\x00\xe0R(\x00\x00\x00\x97B\x01\x00\x00\xb8\x14\n\x00\x00\xc0\xa5P\x00\x00\x00.\x85\x02\x00\x00p)\x14\x00\x00\x80K\xa1\x00\x00\x00\\\n\x05\x00\x00\xe0R(\x00\x00\x00\x97B\x01\x00\x00\xb8\x14\n\x00\x00\xc0\xa5P\x00\x00\x00.\x85\x02\x00\x00p)\x14\x00\x00\x80K\xa1\x00\x00\x00\\\n\x05\x00\x00\xe0R(\x00\x00\x00\x97B\x01\x00\x00\xb8\x14\n\x00\x00\xc0\xa5P\x00\x00\x00.\x85\x02\x00\x00p)\x14\x00\x00\x80K\xa1\x00\x00\x00\\\n\x05\x00\x00\xe0R(\x00\x00\x00\x97B\x01\x00\x00\xb8\x14\n\x00\x00\xc0\xa5P\x00\x00\x00.\x85\x02\x00\x00p)\x14\x00\x00\x80K\xa1\x00\x00\x00\\\n\x05\x00\x00\xe0RF\xbc\x03\x004:\xa5\xd4i\xfc\xaf\x18cg&lt;\xc9\xe9\xd1=?8\x16\n\x00\x12\x90RJJ\xa9\x94b\x8c1\xc68?\x9d3\xdd3\xf2MN\x8f\xee\xf9A\x17(\x00H\x1c\xf6\x94GDB\x08!D\xc3\xc7\x03\x81\x80\x94\x921v\x92\x87\xd2\xf6\xb1\xb3\xdf\xef?\xf6\x9b\xd8\x93)\xe7\xbc\xf1\x8e\xacu\xcf\x0f\xdaA\x01@"PJY\x96e\x18\x86=\xe5\x85B\xa1\x8d\x1b7n\xd8\xb0\xfe\xa3\x8f&gt;\xae\xac\xac,..6-\xf3\xe4\xbf\x1b#\xa6H\xb5k\xdb\xce\xef\xf7\xf7\xee\xdd\xbbg\xcf\x9e}\xfb\xf6m\xd9\xb2\xa5\xfdY\xd349\xe7g\xf6\x80Z\xf7\xfc\xa0)\x14\x00h\xcf\xb2,!\x84a\x18\xd1ht\xf9\xf2\xe5\xcf&lt;\xf3\xcc\xe6\xcd\x9b\xf7\xef\xdf\xff\x03\xbfmyY9\x11-_\xbe\x9c\x88\xb2\xb2\xb2z\xf7\xee=n\xdc\xb81c\xc64k\xd6\x8c\x88L\xd3\x14B\x9c\x91\xa3i\xdd\xf3\x83\xbeP\x00\xa01{ID\x08\x11\x08\x04\xe6\xce\x9d\xbbd\xc9\x92m\xdb\xb65|6=#\xbd\xd5\xd9-\xf3\xf2\xf3\xda\xb4?/;\xdbo\x9a\xd6\xc9\xccw\x8a\x14g&lt;\x16\x8b\x15}Z\\]\x15\xd8\xbf\xf7\xcb\xaa\xca\xaa\xaa\xaa\xaa\x95+W\xae\\\xb9\xf2\xb7\xd3\x7f;\xe1\xfa\tS\xa6L\xe9\xd0\xa1\x03\x11I)\x7f\xc8\xa1\xb4\xee\xf9Aw(\x00\xd0\x95}\xe0LD\x0b\x17.|\xfc\xf1\xc7w\xec\xd8a\x7f\xbcU\xeb\x96\x03\x87\r\x18&gt;j\xd8\x05];\xe57\xcfKKO\x17B\x08\xc1Om\'\x8dR\xb1\x98\x19\xa9\x8f\x94\x1f.\xdf\xb5c\xf7\xdaw\xd6\xadY\xb5vG\xd1\xae\x83%\x07g\xcf\x9e\xbd`\xc1\x82\xbb\xef\xbe{\xda\xb4i&gt;\x9f\xcf4M\xc38\x9d\xd7\x91\xee\xf9!\x01\xe0\x1f\x1e\xb4d\xcf\x9e%%%\x93\'O^\xb1b\x85\xfd\xc1\x8e\x17t\x98|\xe7\x8d\xa3\xc7\x8c\xcak\x96\xa3\x94\xaa\xaf\x8f\xc4\xa2\xb1P \xa4H\x9d\xfaNJ\xc6\x19c\x9c\xe56\xcbmyv\xcb\x11?\xba4\x14\x0c\xae\x7f\x7f\xe3\xdc?/X\xf3\xce\xfb\x95\x95\x953g\xce|\xfe\xf9\xe7\xe7\xcf\x9f?h\xd0 \xfb\n\xed)-\xa7\xe8\x9e\x1f\x12\x03\n\x00\xf4c\x1f\xb4\xaeX\xb1b\xf2-\x93K\x0e\x94\x10Q\x9b\xf6mn\x9f6\xf5\'W_\xee\xcb\xf2\x85\x83\xe1\xaa\xcaj"\xb2w\xbcp\xf1\x83\x968b\xb1X$\x12%\xa5\x84!.\x1e9\xec\xa2K\x87\xac^\xf5\xfe\xd3O\xccY\xb7\xfa\xc3\x9d;w^r\xc9\xf0G\x1f}\xac\xb0\xb0\xd0\xde\xbds\x92s\xa8\xee\xf9!a`\xf9\x0f4c\xcf\x9es\xe7\xce\x1d=z\xb4={\xdeX0\xf1\xdf\xef\xbe4i\xea\x04\xc6XUy\x95}p}\xa6\xaep2\xc6\x84\xe0\xc2\x10D\x14\x0c\x04k\xc2\xb5\xc3G]\xf4\xdc\xeb\xcf\xccx\xfc7\xe9\x19\xe9\x91Ht\xda\xb4i\x05\x05\x05\x9cs{\x9fe\xc2\xe7\x87D\x82\x02\x00\x9d\xd8{%\xe7\xce\x9d[PP@D\xfe,\xdfS\x0b\x9fx\xfco\x8f\xa4\xa4\xa4T\x94U\x10\x910\x1aqg\x8b\x10\x82s\x1e\xa8\x0e\xd6\xd4\xd4\xde\xf1\xf3[_|\xf3\xd9\x0b\xbat$";\x8f\x10B\xa9\xefY\xab\xd1=?$\x18\x14\x00h\xc3&gt;4n\x98=\xf3\xf2\xf3\x16\xbe&lt;w\xfc\x8d\xe3\xcaJ\xcb\xec\x89\xb5ib\xd8\xd3\xe8\xe1C\x87\xbb\xf6\xec\xf2\xdc\xebKz\xf4\xe9NG\xe7P\xfb8:Q\xf3C\xe2A\x01\x80\x1e\xec\xd9s\xd5\xaaU\xf6\xec\x99\x9d\x93\xfd\xaf\xb7_\xe83\xa0\xf7\xa1\x83\xa5\x1e\x8f\xa7\xe9\x17\xaf=\x1eO\xa0:\x98\x96\x91\xf6\xca\xaa\x17\x06\x0c\xe9GDs\xe7\xce\x9d9s\xa6\x10\xc24Op\xd3\x96\xee\xf9!!\xa1\x00@\x03RJ!Dii\xe9\xc4I\x13\x19c&gt;\xbfo\xfe\x8bO\x9f\xdb\xe6\xdc@U\xc0\xe3\xf1\xc4+\x95a\x88h$*\xa5\xfc\xfb?\xff\xd2\xb9\xdb\x85D4s\xe6\xcc\x95+W\x1a\x86aY\xd6\xb1_\xa9{~HT(\x00\xd0\x83eY\x93&amp;M*=TJD\x0f\xfdq\xfa\x90\x8b\x07UWU\x1b\x9e8oc\x13B\xd4\xd7\xd5\xe7\xe6\xe5&lt;\xb5\xe8O\xfe,\x9f"5\xe9\x86I\x87\x0e\x1db\x8c\x1d\xbb\x96b?\xe9A\xaf\xfc\xf1\r\x06M\x03\x05\x00\x1a\xf0x&lt;K\x97.]\xb9r%\x11]w\xd3\xb8\xf17^c\xaf\x9c\xc4;\x17\x11\x91a\x18\xd5U\x81N\x9d;\xccx\xfc7\xa4\xa8\xf4P\xe9}\xf7\xdd\xc79o\xb8\x9aj/\xfe\xe8\x95\xff\xd8\xa7\xc8A\x02C\x01\x80\xa3\xd9\xd3hEE\xc5\x83\x0f&gt;\xc89?\xb7\xcd9\xbf\xfe\xdd/\x03UAG\xdd\xbc\xea\xf1x*\xca*\xc7\xdd0\xf6\xb21\xa3\x88\xe8\xb9\xe7\x9e\xdb\xb4iS\xc3\xc6J\xc6Xee\xa5^\xf97n\xdc\xd8\xf0hRH`(\x00p4\xfb\x82\xe4\xfc\xf9\xf3\xf7\xec\xd9#\xa5\xbcm\xda\xd4\xbc\xfc\xdch4\xea\xb45\n\xc6Y,\x1a\x9b\xf6\xeb\xbb\x93\x93\x93#\x91\xc8\xf4\xe9\xd3\xed\xa77[\x96\xc59_\xb8p\xa1\xa6\xf9\t\x9bB\x13\x1a\n\x00\x1c\xcd\xe3\xf1H)\x17.\\\xc8\x18k\xdb\xbe\xcdU\xd7^Q]\x19p\xd4\xe1\xb3\x8ds\x1e\x0e\x85\xbb\xf6\xecr\xf9U\xa3\x89h\xcd\x9a5\xc5\xc5\xc5\xf6\x86\xcb\xba\xba:\x1d\xf3\xef\xde\xbd;==\x1d\'\x01\x89\r\x05\x00\x8e\x96\x99\x99\xb9v\xed\xda\x1d;v(\xa5\xa6\xfe\xf4\x16\x9f?\xd3\xb1\x9b\x149\xe7\x91H\xb4\xe0\x7f\xa7x\xbd\xa9555\xf3\xe6\xcf\xb3?\xb8j\xd5\xaa\xcf&gt;\xfbL\xaf\xfc\xb5\xb5\xb5\xf3\xe7\xcfOIIA\x01$6\x14\x008\x1ac\xcc&gt;|\xce?+\xffGW\x8e\n\x05\xc3\x8e\xbd&gt;\xc99\xaf\t\xd7t\xed\xd9\xb9\xff\x90~\x8c\xb1\x97_z9\x1c\x0e\x13\x91\xa6\xf9_z\xf9\xa5\xd2\xd2\xd2\xe4\xe4\xa4x\xe7\x82F\x84\x02\x00G;p\xe0\xc0\xa6M\x9b\x94RC.\x1e\x94\xd7,7\x16\x8b9m\xf5\xfcXJ)\xc6\xf8\xc8\x1f\x8fPJ\x1d8p\xa0\xa8\xa8\xc84\xcd\r\x1b6\xe8\x98\xff\xab/\xbf\xdc\xb2eK\xaa\xd7\x1b\xefP\xd0\x88\x1c\xb7\x16\t\xd0\xc00\x8c\x0f?\xfcp\xd7\xae]D4|\xf40\xe7_\x8f\x14B\xd4\xd7\xd6\r\xbc\xa8\x7fzfz8\x18^\xb3f\x8d\xc7\xe3)))!\xed\xf2\xa7\xa7\x87\xc3\xe1\xe5\xcb\x97\'%\xe1\x0c \x91\xe1\x0c\x00\x9c+))i\xf3\xe6\xcd\xa6i\xa6\xa4\xa6\\\xd0\xb5S\xa4.\xe2\xf0\xb7\xafb\x8cE"\xd1V\xad[\x9c\xd7\xe6\\"\xda\xbau\xeb\xbau\xeb\x88\xc8\x9b\xe6\xd5+\xff\xb9m\xcf!\xa2M\x9b7\x991\x93\x88\xb0\x19(Q9z8\x82\xcbE\xa3\xd1\xcd\x9b7\x13Q\xeb\xb3[\x9d\xd5"\xdf\xe1\xeb\'6)e\xaa7\xb5S\x97\x0eD\xb4m\xdb\xb67\xde|\x83\x88Z\x9f\xa3Y~\xfb)\xa1\xc5E\xc5\xa5\xa5\xa5D\x84\xf9?Qa\t\x08\x9cKJYUUED\xb9\xcd\xb2\xd3\xd2\xd3B\xc1\xb0\xc3\x8f\xa0\x89H)\xc5\x85h\xde\xa29\x11UVVZ\xd2"\xa2\x9c\\-\xf3\x87B!\xe77\x16\xfc\x10(\x00p4\xc30L\xd3&lt;\xbf\xd3\xf9\xc20\xb4xT=c\xcc2\xcd\xf6\x1d\xdb\x11Qiiiyy9\x11\xb5\xef\xd8N\xc7\xfcx\x9f\xc8\x84\x87\x02\x00\rdeg\x1d\xfbt\x1d\x87SJeeg\x11\x91i\x9a\xf6&gt;z\xfd\xf2\xe7d\xd1\x91MA(\x80D\xe6\xf4\x13R\x00:\xfa@\x08\x8d\xd8\x81\x1b\x8e\xa05\xcd\x0f\t\x0f\x05\x00\x1a\xd0\xee8\xf4\x1b\x81u\xcf\x0f\x89\n\x05\x00\x00\xe0R(\x00\x00\x00\x97B\x01\x00\x00\xb8\x14\n\x00\x00\xc0\xa5P\x00\x00\x00.\x85\x02\x00\x00p)\x14\x00\x00\x80K\xa1\x00\x00\x00\\\n\x05\x00\x00\xe0R(\x00\x00\x00\x97B\x01\x00\x00\xb8\x14\n\x00\x00\xc0\xa5P\x00\x00\x00.\x85\x02\x00\x00p)\x14\x00\x00\x80K\xa1\x00\x00\x00\\\n\x05\x00\x00\xe0R(\x00\x00\x00\x97B\x01\x00\x00\xb8\x14\n\x00\x00\xc0\xa5P\x00\x00\x00.\x85\x02\x00\x00p)\x14\x00\x00\x80K\xa1\x00\x00\x00\\\n\x05\x00\x00\xe0R(\x00\x00\x00\x97B\x01\x00\x00\xb8\x14\n\x00\x00\xc0\xa5P\x00\x00\x00.\x85\x02\x00\x00p)\x14\x00\x00\x80K\xa1\x00\x00\x00\\\n\x05\x00\x00\xe0R(\x00\x00\x00\x972\xe2\x1d\xe0\xa4(\xa5N\xe3\x7f\xc5\x18;\xe3IN\x8f\xee\xf9\x01 !9\xb4\x00\x94RRJ\xa5\x14c\x8c1\xc6\xf9\xe9\x9c\xa9\x9c\x91orzt\xcf\x0f\x00n\xe0\xac\x02\xb0\xa7&lt;"\x12B\x08!\x1a&gt;\x1e\x08\x04\xa4\x94\x8c\xb1\x93&lt;\x94\xb6\x8f\x9d\xfd~\xff\xb1\xdf\xc4\x9eL9\xe7\x8dwd\xad{~\x00p\x15\xa7\x14\x80R\xca\xb2,\xc30\xec)/\x14\nm\xdc\xb8q\xc3\x86\xf5\x1f}\xf4qeeeqq\xb1i\x99\'\xff\xdd\x181E\xaa]\xdbv~\xbf\xbfw\xef\xde={\xf6\xec\xdb\xb7o\xcb\x96-\xed\xcf\x9a\xa6\xc99?\xb3\x07\xd4\xba\xe7\x07\x00\x17rD\x01X\x96%\x840\x0c#\x1a\x8d._\xbe\xfc\x99g\x9e\xd9\xbcy\xf3\xfe\xfd\xfb\x7f\xe0\xb7-/+\'\xa2\xe5\xcb\x97\x13QVVV\xef\xde\xbd\xc7\x8d\x1b7f\xcc\x98f\xcd\x9a\x11\x91i\x9aB\x883r4\xad{~\x00p\xa78\x17\x80\xbd$"\x84\x08\x04\x02s\xe7\xce]\xb2d\xc9\xb6m\xdb\x1a&gt;\x9b\x9e\x91\xde\xea\xec\x96y\xf9ym\xda\x9f\x97\x9d\xed7M\xebd\xe6;E\x8a3\x1e\x8b\xc5\x8a&gt;-\xae\xae\n\xec\xdf\xfbeUeUUU\xd5\xca\x95+W\xae\\\xf9\xdb\xe9\xbf\x9dp\xfd\x84)S\xa6t\xe8\xd0\x81\x88\xa4\x94?\xe4PZ\xf7\xfc\x00\xe0f\xf1,\x00\xfb\xc0\x99\x88\x16.\\\xf8\xf8\xe3\x8f\xef\xd8\xb1\xc3\xfex\xab\xd6-\x07\x0e\x1b0|\xd4\xb0\x0b\xbav\xcao\x9e\x97\x96\x9e.\x84\x10\x82\x9f\xdaN\x1a\xa5b13R\x1f)?\\\xbek\xc7\xee\xb5\xef\xac[\xb3j\xed\x8e\xa2]\x07K\x0e\xce\x9e={\xc1\x82\x05w\xdf}\xf7\xb4i\xd3|&gt;\x9fi\x9a\x86q:\x7f\x07\xdd\xf3\x03\x80\xcb\xc5m\xe2\xb0g\xcf\x92\x92\x92\xc9\x93\'\xafX\xb1\xc2\xfe`\xc7\x0b:L\xbe\xf3\xc6\xd1cF\xe55\xcbQJ\xd5\xd7Gb\xd1X(\x10R\xa4N}\'%\xe3\x8c1\xcer\x9b\xe5\xb6&lt;\xbb\xe5\x88\x1f]\x1a\n\x06\xd7\xbf\xbfq\xee\x9f\x17\xacy\xe7\xfd\xca\xca\xca\x993g&gt;\xff\xfc\xf3\xf3\xe7\xcf\x1f4h\x90}\x85\xf6\x94\x96St\xcf\x0f\x00\x10\x9f\x02\xb0\x0fZW\xacX1\xf9\x96\xc9%\x07J\x88\xa8M\xfb6\xb7O\x9b\xfa\x93\xab/\xf7e\xf9\xc2\xc1pUe5\x11\xd9;^\xb8\xf8AK\x1c\xb1X,\x12\x89\x92R\xc2\x10\x17\x8f\x1cv\xd1\xa5CV\xafz\xff\xe9\'\xe6\xac[\xfd\xe1\xce\x9d;/\xb9d\xf8\xa3\x8f&gt;VXXh\xef\xde9\xc99T\xf7\xfc\x00\x00\x14\x97;\x81\xed\xd9s\xee\xdc\xb9\xa3G\x8f\xb6g\xcf\x1b\x0b&amp;\xfe\xfb\xdd\x97&amp;M\x9d\xc0\x18\xab*\xaf\xb2\x0f\xae\xcf\xd4\x15N\xc6\x98\x10\\\x18\x82\x88\x82\x81`M\xb8v\xf8\xa8\x8b\x9e{\xfd\x99\x19\x8f\xff&amp;=#=\x12\x89N\x9b6\xad\xa0\xa0\x80sn\xef\xb3L\xf8\xfc\x00\x00\xb6\xa6.\x00{\xaf\xe4\xdc\xb9s\x0b\n\n\x88\xc8\x9f\xe5{j\xe1\x13\x8f\xff\xed\x91\x94\x94\x94\x8a\xb2\n"\x12F#\xeel\x11Bp\xce\x03\xd5\xc1\x9a\x9a\xda;~~\xeb\x8bo&gt;{A\x97\x8eDd\xe7\x11B(\xf5=k5\xba\xe7\x07\x00h\xd0\xa4\x05`\x1f\x1a7\xcc\x9ey\xf9y\x0b_\x9e;\xfe\xc6qe\xa5e\xf6\xc4\xda41\xeci\xf4\xf0\xa1\xc3]{vy\xee\xf5%=\xfat\xa7\xa3s\xa8}\x1c\x9d\xa8\xf9\x01\x00\x8e\xd5t\x05`\xcf\x9e\xabV\xad\xb2g\xcf\xec\x9c\xec\x7f\xbd\xfdB\x9f\x01\xbd\x0f\x1d,\xf5x&lt;M\xbfx\xed\xf1x\x02\xd5\xc1\xb4\x8c\xb4WV\xbd0`H?"\x9a;w\xee\xcc\x993\x85\x10\xa6y\x82\x9b\xb6t\xcf\x0f\x00\xf0\rMT\x00RJ!Dii\xe9\xc4I\x13\x19c&gt;\xbfo\xfe\x8bO\x9f\xdb\xe6\xdc@U\xc0\xe3\xf14M\x86\xe3\x19\x86\x88F\xa2R\xca\xbf\xff\xf3/\x9d\xbb]HD3g\xce\\\xb9r\xa5a\x18\x96e\x1d\xfb\x95\xba\xe7\x07\x008^\x13\x15\x80\xfd\xa4\x84I\x93&amp;\x95\x1e*%\xa2\x87\xfe8}\xc8\xc5\x83\xaa\xab\xaa\rO\x9c7\xb0\x0b!\xea\xeb\xeas\xf3r\x9eZ\xf4\'\x7f\x96O\x91\x9at\xc3\xa4C\x87\x0e1\xc6\x8e]K\xd11\x7f|\x83\x01\x80\xf35E\x01\xd8\x8b\'K\x97.]\xb9r%\x11]w\xd3\xb8\xf17^c\xaf\x9c4\xc1O\xff^\x86aTW\x05:u\xee0\xe3\xf1\xdf\x90\xa2\xd2C\xa5\xf7\xddw\x1f\xe7\xbc\xe1j\xaa\x8e\xf9\x8f}\x8a\x1c\x00\xc0\t5z\x01\xd8O3\xae\xac\xac|\xf0\xc1\x079\xe7\xe7\xb69\xe7\xd7\xbf\xfbe\xa0*\xe8\xa8\x9bW=\x1eOEY\xe5\xb8\x1b\xc6^6f\x14\x11=\xf7\xdcs\x9b6mj\xd8X\xa9c\xfe\x8d\x1b76&lt;\x9a\x14\x00\xe0\x84\x1a\xbd\x00,\xcb\xe2\x9c/\\\xb8p\xcf\x9e=R\xca\xdb\xa6M\xcd\xcb\xcf\x8dF\xa3N[\xa3`\x9c\xc5\xa2\xb1i\xbf\xbe;999\x12\x89L\x9f&gt;\xdd~z\xb3\xee\xf9\t\x9bB\x01\xe0[4n\x01(\xa5\x84\x10uuu\x0b\x17.d\x8c\xb5m\xdf\xe6\xaak\xaf\xa8\xae\x0c8\xea\xf0\xd9\xc69\x0f\x87\xc2]{v\xb9\xfc\xaa\xd1D\xb4f\xcd\x9a\xe2\xe2b{\xc3\xa5\xa6\xf9w\xef\xde\x9d\x9e\x9e\x8e\x93\x00\x00\xf86\x8d[\x00\xf63jV\xadZ\xf5\xd9g\x9f)\xa5\xa6\xfe\xf4\x16\x9f?\xd3\xb1\x9b\x149\xe7\x91H\xb4\xe0\x7f\xa7x\xbd\xa9555\xf3\xe6\xcf\xb3?\xa8c\xfe\xda\xda\xda\xf9\xf3\xe7\xa7\xa4\xa4\xa0\x00\x00\xe0\xdb4\xc5E\xe0E\x8b\x161\xc6\xf2\xcf\xca\xff\xd1\x95\xa3B\xc1\xb0c\xafOr\xcek\xc25]{v\xee?\xa4\x1fc\xec\xe5\x97^\x0e\x87\xc3Dd\x1f\xfek\x97\xff\xa5\x97_*--MNN\x8aw.\x00p\xa8F,\x00{\xfd\'\x10\x08l\xdc\xb4Q)5\xe4\xe2Ay\xcdrc\xb1\x98\xd3V\xcf\x8f\xa5\x94b\x8c\x8f\xfc\xf1\x08\xa5\xd4\x81\x03\x07\x8a\x8a\x8aL\xd3\xdc\xb0a\x83\x8e\xf9\xbf\xfa\xf2\xcb-[\xb6\xa4z\xbd\xf1\x0e\x05\x00\x0e\xd5\x88k\xd9\xf6\xcdS\x9b7o\xfe\xfa\xab\xaf\x89h\xf8\xe8a\xce\xbf\x1e)\x84\xa8\xaf\xad\x1bxQ\xff\xf4\xcc\xf4p0\xbcf\xcd\x1a\x8f\xc7SRRB\xda\xe5OO\x0f\x87\xc3\xcb\x97/OJ\xc2\x19\x00\x00\x9cX\xe3\x9e\x01\x10\xd1\xc6M\x1b\x89\xc8\x9b\xee\xbd\xa0k\xa7H]\xc4\xe1o_\xc5\x18\x8bD\xa2\xadZ\xb78\xaf\xcd\xb9D\xb4u\xeb\xd6u\xeb\xd6\x11\x917M\xb3\xfc\xe7\xb6=\x87\x886m\xded\xc6L"\xc2f \x008^#Ng\xf6R\xc9\x96\xcd[\x88\xe8\xecsZ\x9f\xd5"\xdf\xe1\xeb\'6)e\xaa7\xb5S\x97\x0eD\xb4m\xdb\xb67\xde|\x83\x88Z\x9f\xd3J\xaf\xfc\xf6SB\x8b\x8b\x8aKKK\x89\x08\xf3?\x00\x1c\xaf\x11\x97\x80\xec}\xe8eeeD\x94\x93\x9b\x9d\x96\x9e\x16\n\x86\x1d~\x04MDJ).D\xf3\x16\xcd\x89\xa8\xb2\xb2\xd2\x92\x16i\x9b?\x14\n9\xbf\xb1\x00 ^\x1a\xab\x00\x94R\x9c\xf3\xea\xea\xea]\xbbv\x11Q\xfb\x8e\xed\x84ah\xf1\xa8z\xc6\x98e\x9a\xed;\xb6#\xa2\xd2\xd2\xd2\xf2\xf2r\xd26?\xde\'\x12\x00\xbeC\xe3\xde\xd0\xa4\x94\x8a\x991"\xca\xca\xce:\xf6\xe9:\x0e\xa7\x94\xca\xca\xce""\xd34\xed}\xf4\xfa\xe5\xcf\xc9\xa2\xa3\xcf\xe1\x88w\x1c\x00p\xa8F_\xd0\xb0\' \xc7\xde&lt;\xf5m\xec\xc0\rG\xd0\x9a\xe6\x07\x00\xf8\x0eM\xb4\xa2\xad\xddq\xe87\x02\xeb\x9e\x1f\x00\xe0xN\xbf\xa4\t\x00\x00\x8d\x04\x05\x00\x00\xe0R(\x00\x00\x00\x97B\x01\x00\x00\xb8\x14\n\x00\x00\xc0\xa5P\x00\x00\x00.\x85\x02\x00\x00p)\x14\x00\x00\x80K\xa1\x00\x00\x00\\\n\x05\x00\x00\xe0R(\x00\x00\x00\x97B\x01\x00\x00\xb8\x14\n\x00\x00\xc0\xa5P\x00\x00\x00.\x85\x02\x00\x00p)\x14\x00\x00\x80K\xa1\x00\x00\x00\\\xaaq\xdf\x13\x18\x12\xd2\xf1\xef\x8d\xac\xdd\x1b\x90}\xe3W@\xfe\xa6\x84\xf1\xe3\x1cz\x17\x80\xb4\xa4T\xd2\xfe\xcf\x8c\x980D|\xf3\x9c*\x8d\xf2+\xa5\xa4\x94\xa4\x88s.\x0c\xc19g\x9c1"\xa9\x94\xb4\xa4eYRJ"\xe2\x9c;\xf6\xc5p\xe4W \x12\\\x18\x86aGUJY\xd2\xb2LKZ\x921\xc6\x85s\xcf\x89\xb5\xce\x9f\x00\xe3GJ\xa9\xa4"\xc6\x84\xe0G\xff\xfe\xa4\x14I)-\xcb\xb2,\x8b\x88\x04\x17\xe4\xd0\xf8\'\xa6k\x01(ERZ\x99\x99\x19\x9e\xe4$RD\x8c\x94\x94\xc1@\xe8\xf8\x83\x0bg\xd2(\xbf=\xee\x93\x92=\xa9\xde\x0c!x}}$\x1c\x0c\xd7\xd6\xd4\xd6\xd7G\x94R\xc9\xc9I\xa9\xde\xd4\x0c_F\xaa7UZ\xb2\xb6\xa66\x16\x8b\t\xe1\xac&amp;\xb3g\x9f\xa4\xa4$o\x9a\x971\xaa\xa9\xa9\r\x05B\xb5\xb5uf,\xe6I\xf2x\xbdi&gt;\x7fF\xaa7\xd5\x8c\x99\xe1p\x8d\x92\xcai\xd3\xa8\xd6\xf9u\x1f?J)iIa\x88\xb4\xf4\xb4\xa4\xa4$\xcb4kjj\x83\x81`}]},\x163\x0c#\xd5\x9b\x9a\xe9\xcb\xcc\xf4eJ)\xc3\xa1\xb0eY\x8e\xca\xff\xdd\xb4,\x00)%g,;\'\xfb\xf5W\xde\xf8d\xcbV\xce\xb9\x92*-\xdd;q\xca\x84\xe4\xe4$\xfbP\xc2\xc9t\xc9o\x0f\xfd\xd4\xb4\xd4\xd4\xd4\x94\x83%\xa5o/\x7f\xf7\x835\x1b\x8a\xb6\x15\x1f*9\x14\xa8\x0e\xc4b&amp;)%\x0c#=#\xbdy\x8b\xfc\x0b\xbbv\x1a2|\xf0\xe0a\x03s\xf2r\x02\xd5\x01r\xccy\xb1eZ)\xde\x94\xd4\xd4\xd4\x92\xafK\xdexu\xf9\xfb\xef\xad+\xfet\xe7\xa1\x92C\xb5\xb5\xb5\x96%\x85\x10\xe9\x19\xe9-Z\x9d\xd5\xa3w\xb7K.\x1b&gt;`H?O\x92\'\x14\x0c9\xe75\xaco\xfe\x04\x18?R\xca\xe4\xe4doZj0\x10\xda\xb2\xe1\xa3\xf5k7~\xb2e\xeb\xfe\xbd_\x96\x1f.\xaf\xab\xab\x97\x96\xc58\xf7zS\x9b\xb7l\xde\xb9\xeb\x05\x97\\6|\xe8%\x833}\x99\xc1@\xd0\t\x7f\xff\x93\xa1_\x01\x98\xa6\x95\x9a\x9a\xc2\x05\x7f\xf8\xfeG\xff2\xebo\r\x1fONN\x1ew\xc35))\xc9J)\'\x0c\x9do\xa3K~)\xa5\xc7\xe3I\xf3\xa7\x15o\xdf\xf1\xfc\xe2\x17_\x7f\xe5\x8d\x92\xaf\x0f\x9e\xf0+\xc3\xa1\xf0\xa1\x92C\x9fl\xde\xfa\xec\x82\xe7\xcfm{N\xc1\xdd\xb7L\xb8\xe5\xbah$j\x9a&amp;\xe7\xf1&lt;\x14\x95R2\xc6\xb2s\xb3v\xef\xf8\xfc\x999\xff\xfc\xf7\xcb\xaf\x1f&gt;t\xf8\xf8/\xab\t\xd7\x94\x1e,\xfdx\xd3\'\x0b\xfe\xbe\xb8\xcf\x80^?\xbb\xbfp\xd8\x88!\xd5U\x81\xf8\x86\'\xcd\xf3\'\xc0\xf8QRy\xd3R\x0f|Y\xf2\xea\x8b\xaf\xbd\xfe\xca\x7f\x8b&gt;\xddq\xc2/\xab\xad\xa9-/\xab\xd8\xfe\xc9g\xcf?\xf3\xd2\x85\xdd.\xb8\xe7\xb7?\x1by\xf9\xa5\x81\xea\xf8\x8f\x9f\x93\xa1Y\x01\x98\xa6\xe9\xcf\xf2\x95|}\xe8\x9e;\xef{\xef\xad\xd5\x9c\xf3\x86\x95\xb8\xec\xdc,\'\xcc\x9b\xdfM\x97\xfcJ\xa9\x94\xd4\x94`u\xf0\xb1\x19\xb3\x9f]\xf0|mM-\x11q\xc1\x85\x10\x8c\x98&lt;\x8a\x888\xe7Bp"&amp;\x95TR}\xf1\xf9\xfe_\x17\xfev\xdd{\x1f\xfcq\xce,\xc3cX\xa6\x15\xaf_J)\xe5M\xf3Z\xa6\xf5\x97\xc7\xff\xf6\xd4\xec\xa7\xed\x83J!\x84\xfd\x07\x97R\xd9\x18c\x9cs\xa5\x94"%\xa5\xdc\xf4\xe1\x96\xeb~&lt;\xe9W3\xef\xb9\xfb\xde;\x82\x81`\x1c_\xc3Z\xe7O\x80\xf1cY2\xd3\x97\xfe\xc23/?\xf8\xab\xdf\xdb\x7f|"2&lt;\x06g\xdc\xfeS+\xa9\x88\x881\xd6p1CI\xf5\xd9\xd6\xa2\x9b\xae\x9er\xff\xc3\xbf\xba\xe3\xe7\xb7\x06\xab\x82\x8eZ\x8b;!m\n@I\xa5\x94\xca\xcd\xcbyo\xe5\x9a\x9f\xdf\xf6\xcb\xaf\xbf&lt;`\x18\xc2\xb2\xa4i\x9aG.\x85\x99V\xbc3~\x17\x8d\xf2+\xa9\x92S\x92\xf7\xed\xf9b\xe2\x957\x97|UBD\xc2\x10\x8c\x98eY1+\xd6\xf0e\x9cs"\xd5\xf0Jf\x9c\x91"\xc6\x99\x10\xe2\xbf\xaf.\x8f\xc5\xcc9\xcf\xfd-^\xbf\x94R\xca0\x8c\xbd\xbb\xf7&gt;0m\xc6\xba\xd5\x1f\xda\xbf\x02)RJ\xc5b\xb1o|\xb1}\xf9\xce^\x88\x13B(\xa5\x1e\x9d&gt;\xcb0\xc4\x9d\xbf\xb8\xad\xaa\xa2:.W\xe6\xb5\xce\x9f\x00\xe3\xc7\xa6\x14\xe55\xcb\x0bT\x07&lt;\x1e\x0f\x11I)\xcd\x98y\x82\xaf\xb3\x88\x8e.X\xd93\xfe\xc3\xf7?\x9a\xd7,w\xdc\xa4\xb1\xd5U\xd5\x0e_\x0b\xd2\xa3\x00,\xcbJJJJ\xf5\xa6&gt;5\xfb\xe9\xdf?\xf0\x98eY\xc2\x10\x96%\x1dx\xc9\xf4\x84\xf4\xca\xcf\x18\x8b\xc5b\xcd\x9a\xe75\xcb\xcf=\xf8\xf5A\xc30L\xd3\xb4\xa3\xb6\xef\xd8n\xc8\xc5\x83\xba\xf5\xee\xda\xa2\xe5Y\xde4/\x11\x05\x03\xc1]\xc5\xbb\xdf\xfc\xcf[\xeb\xd7n "RdJ\xd3\xe31\xde\xfa\xef\xaa\xc5\xffXR\xf0\xd3)U\x95Uqy\r\x18\x1e\xe3\x17\xb7\xdf\xb7e\xc3G\x1e\x8f\xc7\xb4LR\xca\xb2\xa4\xfd+\x0c\xbex\xd0\x85];\xe5\xe5\xe7y&lt;F0\x10\xfalk\xd1\xeb\xffzc\xdf\x9e/\x18g\x96e\xd9s\xd0#\xbf\x9d\xd5wP\x9f\xee\xbd\xba\xd6\xd4\xd4\xc6\xe58Z\xdf\xfc\x891~\x84\xe0\xe1P\xf8\x92\xcb.\x1e2|\xf0\xdaw\xde\xb7?\x98\x9b\x97\xd3g`\xefn\xbd\xba\x9e\xdb\xe6\x1c\x9f?S\x08QSS\xfb\xf9\xae\xbdo\xbf\xf9\xee\x87k\xd7\x13\x91\xb2\x94\xbd\x91\xe9\xc1_=&lt;\xf8\xe2\x81\xfel\xbf\x193\x9dsf\x7f&lt;\r\n\xc0\x8c\x99\x99\xfe\x8c@u\xe8\xe7\xb7\xfd\xf2\xdf/\xbdF\x8c\x84\x10\xf6\xa1ARrR4\x12\x8dw\xc0\xef\xa1_~F\x96ee\xfa2\x9f\x9c\xff\xc7\x9f\\\xf4?\xc1\xea \x11\r\x1f5l\xf2\x1d7\xf5\x1d\xd8\xdb\xde\xed`Y\x96\xb4$\x11q\xc1\x87\x8d\xb8h\xf2\x9d7=\xb7\xf0\x85\x07\xa6\xcd\xb0_\xea\x96%\x19c\xffxr\xde\xd5\xd7]\x95\x9c\x92lY\xb2\x89_\x02\xf6t\xf3\xdbG\xee\x9bp\xc5\xcdu\xb5uJ*\x8bT\x8f&gt;\xdd\xef\xf8\xd9\xad\x17]:$\xd3\x97)\x95\x94\x96$R\x8c\xf1\xab\xae\x1ds\xf7\xbd\xb7\xff\xe1\xa1\'\xff\xf1\xe7y\x9cs)%\t\xb2,\xeb\xcf\x8f\xffu\xf1\xb2yq\xe9h\xbd\xf3\xeb?~l\xf6\xbf\xc2\xcd\xb7MZ\xfb\xce\xfb\x03\x86\xf6\x1f{\xfdU\x17]:\xe4\xac\x96g\t!,\xcbRJ*E\x9c11f\xe4m\x85S_\xfa\xe7\xb2\xfb~\xfa@$\x1aUJq\xce++\xaa\xfe\xf5\xc2\xbf\xef\xbe\xe7\x8e\xca\xf2*\'o\xefv\xfa\x12\x95R*\'/\xe7\xd3\x8f?\xfb\x9f\x11\xe3\xfe\xfd\xd2kB\x08\xc1\x85}\xce{\xdfC\xf7\xb6\xef\xd0\x8e\x8e\x9cK:\x94\xa6\xf99\xe7\xa1`\xa8\xc3\x05\xe7\xdf\xff\xd0/;v\xee\xb0h\xd9\xdcg\xfe\xb5`\xd8\x88\xa1J\xa9\xca\xf2\xca\xea\xaa\xeap(\\[[[[[\x1b\x0e\x85++*C\xd5\xa1\xa9wL\xfe\xf5\xef~)\xa5d\x9cI)\x89\xb1\x92\xaf\x0fn^\xffQ\xaa7U5\xf9\xbe&amp;\xceymMm\xff!\xfd\x1fy\xf2!\xcb\xb2RSS\xa6?v\xff\xb2\x15\xcf]~\xd5h\xa5TEyeueu0\x10\n\x05\xc2\x81\xea@yY\x85R\xf4\xf0\x93\x0fN\x98|\x9d\x94R\x08n_}]\xfb\xce\xba\xdd;&gt;OMM\x91M&gt;\x89&amp;@~\xad\xc7\x8fM\x08QSS\xd3wP\x9fWV\xbd\xb0\xf4\xb5\xc5\xd7\xdf&lt;\xde\x9f\xe5\x0fT\x07*\xcb+\x03\xd5\x81P \x1c\x0e\x85\x03\x81PEyU\xa0:p\xd3\xd4\x1b\xee\x9d\xf1s%\x15\xe7\x8c\x88\x18c\xabW\xae\x8dEc\x8c;\xf7\xf0\x9f\x1c^\x00J)O\x92g\xe9\xa2\x17\xc6\x8e\x1c\xbf\xabh\xb7}&amp;hYVrr\xf2_\x16&gt;q\xfb\xb4\x82\xea\xaa\xeaxg\xfc.Z\xe77\x0c#P\x15\xb8j\xfc\x15\xaf\xac|a\xc4\x8f.\r\x05C\xc1@\x90\x88\x84!\xecK\x91\r\x0c\xc3\xe0\x82\x97\x1e&gt;|\xfd\xcd\xd7\x9e\xd3\xe6\x1ciI\xce\xb9\xe0\x8c1V\xb4\xbd\xd8\xf0\x18M?\x01\x11\x91\x10\xa2\xa2\xbc\xf2\x7f\xae\xbb\xf27\x8f\xfcz\xf1+\xf3\xef\xbe\xf7\xceh,V]\x15 "\xc3\x10\xc2\xfe%\x04\x17B\x18\x86!-\x19\xa8\n\xfc\xf4\xde;2}\x19\xf6J\x0b\xe3,R\x1f\xd9\xf6\xf1\xa7\xc9)\xc9q\x99\x80t\xcf\xaf\xfb\xf8\xb1)\xa9\x92\x92\x92z\xf7\xeb\x15\xa9\x8fTUT\x99\xa6)\x848\xf2+\x08n_\xc1\xb6\xff9\xca\xca\xcb\xfe\xe7\xba+s\xf2r\xec\xbf\xbfRj\xff\xbe/\x03\xd5A\xc3\x10\xce\\\xe9\xb59\xb7\x00\xa4%\xd33\xd2\xdf~\xf3\xdd\x9f\x15\xdcSWW\xcf9\xb7O-[\x9d\xddr\xe9\xeb\xcf\x8c\xbf\xe1\x9a\xd2\x83\xa5\x91H\x94\x88\x149\xf1\xef\xab{~\x9b}5\xd2\xde\xd3\xf6\x1dK\xb1\x8c1\xfb\xf7\xed\xd9\xa7\x1b\x1d\xbd f\x1f\xee\x91\x8a\xdb\xad\x91B\xf0` x[\xe1\xd4~\x83\xfa\x94\x1e&lt;\xcc\x18\xfb\xb6_\x81\x0b\x1e\x89DZ\xb4n\xd1\xadgW":\xb27\x8bh\xff\xde/\xed\xcb\xaaM\x9a\xfb(\xdd\xf3\x93\xe6\xe3\xc7\xa6\x94\xaa\xa9\xa9a\x8c\tC|\xdbj&gt;cLJ\xe9\xf3\xf9\xce9\xaf5\x11\xd9\x89\xc3\xa1p}}\x849\xef\xfc\xfeX\xce\r\xc7\x05\xaf\t\xd7\x0c\xbdd\xf0E\x97\x0cQJ\tCX\xa65h\xd8\x80WV\xbd\xd8w`\xef\x8a\xf2J\xc6\xf8\x91\x8b\xf2\x8e\x9c?u\xcf\xdf@Jy\x92W\xe1\x18c\xfe,?\x115\xbcd\xe3~\xf9\x8bs\x1e\xa8\x0e\xd4\xd6\xd6\x19\'\xb1\x0ek\x18\xa2\xe5\xd9-\x88\xec\xfc\x8c\x88\xc2\xa10\xd97j\xc7\x89\xee\xf9I\xf3\xf1c;\x99EZ\xa5\x88\x181\xc6\xe9h|\xe6\xe0\xc7Z4pn\x01\x10\x91\x94*9%\xf9\x89\xb9\xb3Z\xb6n\x19\x8b\xc6n\xbe\xfd\xc6%\xffZ\x90\xd7,\'X\x1d\xf4x&lt;JI\xe7\xdc4{B\xba\xe7\xb7\x9d\xec f\xa4\x94\n\x05C\xf6\x7fSD\x8cQ^\xb3\\bq.8{\xc1\xe1$\xbf\xf8\x1b_ix&lt;D\x14\xdf\x8a\xd6=\xbf\xee\xe3\xe7\xa4(\x12\x82\xd7\xd6\xd4\x96\x1e,%\xbb\x0c\x88|\xfe\xccTo\x8a\xb4$s\xf0\xe3\x81\x1c\xbd\x0b\x88sVWS\xd7\xbcE\xfe\xe3\x7f\xfd\xfd\xe7\xbb&gt;\xbf\xf5\x7f\xa7\x04\xaa\x82\x96\xb4\xec\xab\xeaJ\x91\xc3\x0f\x9eu\xcf\x7fJ8\xe7u\xb5u\xdb\xb7\x16\x11\x91\x92\xca\xdeC\xd1\xa9K\'3frg_\x07k \xa5\xaa\xac\xa8"\xb2W\xe5\x14\x11\xe5\xe6\xe5(\xa5\x9c\xfc\x02&gt;\x96\xd6\xf9\xb5\x1e?\x96eefd\xae}w\xdd\x81\xafJ\x1a.\x02\xb7iw^\xa6/3\x14\x0c9p\x97G\x03G\x17\x00\x11\tC\x04\xaa\x83\x03/\xea?l\xc4\xd0\xca\x8a\xaa\x86\xfb\x1e\xe3\x9d\xebd\xe9\x9e\xff$E\xa3\xb1\xbcf9o\xbd\xbejg\xd1.{\xdb\x83R\xd4\xea\x9cV=\xfbv\xaf\xad\xa9u\xf8F\x08\x9b\x10\xa2&amp;\\\xf3\xf9\xce\xbdDd\xdfdKD\xed\xceoc\x9a\x169\xfeD\x9e4\xcf\xaf\xf5\xf8\x91R\nC\x981\xf3\x0f\x0f\xfdI)e\xaf\x02)\xa5F\\~\xa9\x10BI\xe5\xe4u\x16\x07G;\x8as^_Wo_Gr\xfe\x9a\xda\xf1t\xcf\xdf@\xa9#3K\x03{C\xb7iZ9\xb9\xd9%_\x1f\x9c\xf9\xab\x87\x89\x14#f_x,\xf8\xe9-\xd99\xd9\xa6i:\xff\x08TJ\x99\x92\x9a\xb2\xabh\xd7\xde=\xfb\x18c\xf6\x14\x9a\x95\x93\xd5\xa9K\xc7\xfa\xfaz\xe7\x1f\x81j\x91?!\xc7\x8f\xbd\xef6##\xfdW?\xbd\x7f\xf3\xfa-\xf6\xc1\xbeeY\xe7\xb5=w\xcc\xd8\x1f\x87\x82!\xee\xec;\x815(\x00:\xf2\xc0\x10G\xff\x1d\xbf\x9b\xee\xf9m\x9c\xb3\x86\xad{B\x08\xc3c\xa4zS\xb3\xb2\xfd\xfe,\xdf\x07k\xd6_\xfb\xa3\x89\x9f\xef\xda\xcb\xb9\xe0\x9c\xc7b\xb1\x11\x97_r\xc3\xd4\t\x81\xea\x80\x16\xbf\xb8\xb4dJJ\xf2\xf3K^\xb6,\x8bsn\xef\xdc\x18v\xe9\xd0\x96\xad[D#Q\xe7\xd7\xb6\x16\xf9\x13o\xfc\xd8w\xf8{\x92\x92~:\xe5\xe7\xcf/~I\x08\xd1\xb0\xa3\xef\xa1?\xce\xc8\xf4e\x98\xa6\xe9\x8c\xbf\xfd\xb7r\xfa\x12\x108\x87i\x9a\r;J\xa4%\xeb\xeb#\x87K\x0f\x17\x7f\xbac\xc5k+\xdf\xfa\xef*"2&lt;\x86\xbd\xafi\xf4\x98\x91\x7f\x9a;\xfb\xf8\xa7\xd68\x93\xbd\x01q\xebG\x9f\xbe\xfc\xec+\xf6~&gt;{\xa5n\xd2\xd4\xebc\xce\xbe\x8f\xdf\xa6K\xfe\x04\x1b?\xa6ifdfTUT\xfd\xf4\x96\x9f\xad^\xb5\xb6a\xbb\xad\x94\xf2\xe1?=x\xc9\xe8a\xf1z\x90\xd4)A\x01\xc0\xf7\xb0\xb7r\x87\x82\xa1\x9b\xc7\x16\x04\xaa\x03\x8c3\xa5\x94iZ\xe1P8P\x158v#\x93\x193\xcfjy\xd6\xed\xd3\xa6\xdeP01\x16\x8b\x99\xb18?\xce\xf7$1F\x8c\xb3\x19\xf7&gt;T_Wo/\xd3Y\x96u\xc55?\xee?\xb8ou\x95\xa3\x8f@m\x0e\xcf\x9f\x90\xe3\xc74-\x7f\x96\xff\xb3\xadE\xb7\xdfp\xf7\xe7\xbb\xf6\xda\xc7\xfeRJ\xce\xf9c\x7f}\xf8\x86\xa9\x13++*\x9d?\xfb\x13\n\x00N\n#)\xe5\xae\x1d\xbb\xed\xe7\xfa\x1eK\x08A\x8c\x04\x17C/\x1d2\xf6\xfa+G\x8f\x19\xe5\xcb\xf0\x1d&lt;x\x90\xd8\x91\x07X:\x9ci\x9ay\xcd\xf2~\xff\xc0\xa3\x1f\xac^/\x84\xb0\x1fJ\xec\xcf\xf6\xffr\xe6=\xf5u\x11\xe7\x1c&gt;\x7f\x1b=\xf2\'\xd6\xf8\xb1L\xcb\xef\xcf\\\xbfv\xc3-\xe3o\xab\xae&lt;\xf2\xbcOiI\x7f\x96\xefOsg\x8f\xbebTeye\xdc{\xf7$\xa1\x00\xe0dy\xd3\xbc\xf6\x82\xf2\xd1]LG\xce\xe7\xed\x8by{w\xef}\xe5\xb9\x7f\xef(\xda5\xec\x92\xa1\xbd\xfa\xf74M\xb3\xae\xb6\xce\xe1/\x033f\xe66\xcby\xfe\x99\x17\xff\xf4\xe8SB\x08)%\x17\xdc2\xad\x99\xb3~s^\xdbs\x9c\x7f\n\xafW\xfe\xc4\x18?R\xca\xb4\x8c\xb4\xed\xdb\x8an\xbe\xa6\xa0\xe1\x9d\xbf,\xcb\xeaxa\x87\xbf.~\xb2S\xe7\x8e\x15e\x15\x86\xa1\xcd\xbc\xea\xd03,p\x1a\xa5T8\x186M3\x16\x8b\x99GXG\xfe\x9f%M\xd3\xda\xbb{\xdf[\xff]\xf5\xa7\xdf\xff\xe5\x7fF\\[p\xfd\x1d_|\xbe?\xd3\x97i?\xf6\xce\x99\xcc\x98\x99\x9d\x9b\xf5\xce\x8a\xf7\xee\xb9\xfd&gt;\xce\x99}\xc3\xaaeZ\xb7\xdcy\xf3\xb8Ic\x9d6{\x1eO\xaf\xfc\t2~\x14q\xce#\xf5\x91\xc2)\xbf\x08\x06\x82\xc2\x10\x8a\x94eY\x03/\x1a\xf0\xd2\x8a\xa5\xed;\xb6\xad\xaa\xa8\xd2h\xf6\'\x9c\x01\xc0\xf7\xb2\x9f\xd3\xe2M\xf3.x\xe9\x1f\xb1\x98\xc9\x88\x14\x91i\x9a5\xa1\x9a\xb2\xc3\xe5\xfb\xf7}\xb9\xfd\x93\xed\xdb&gt;\xden\xaf\xd8r\xceM\xd3|\xf3\xdf+&gt;\\\xbb\xe1\xaf\x8b\x9e\x1cv\xe9\x90\x80#\xdf\x1f\xd5\x8c\x99\xfel\xff\x96\r\x1f\xdf6\xf1\xaeH$\xc29\x13\x82\x9b\xa69z\xcc\xc8\xe9\x8f\xdd\x1fp\xc0\xd2\xf9w\xd3(\x7f"\x8d\x1fKZY\xd9Y\x0b\xff\xbe\xb8x\xfb\x0ea\x08%\x95\x94r\xc0\xd0\xfe\x8b\x97\xcd\x13B\x84\x835\x86G\xb3\x19U\xb3\xb8\x10\x17\xf6u\xbc\xa1\x97\x0c&gt;fM\x99\xd9[M\x88T]m\xfd\xde=\xfb^x\xe6\xa5\x05\x7f[l\xbf\xc1\x99\x10\xbc\xba\xb2\xba\xe0\xfa;^}\xe7\xa5\xf6\x1d\xdb\xd5\xd5\xd69\xeaj\x9ei\x9a\xbe,_\xf1\xf6\x1d7_S\x10\xa8\x0e\xda\xef\xcbi\x9aV\xff\xc1}\xff\xb2\xe0\x8f\x91\xfa\x88R\xca\xc97\x1fi\x97?a\xc6\x0fc,\x1a\x8d\xfe\xe7\xe5\xd7\x19c\x8c1\xa9d\x8bVg\xfdu\xd1\x9f\x0c\x8fQW[\xe7\xa8S\xae\x93\xe4\x88?+8\x9fR*\x14\x08\x07\xaa\x83G\xff/P]U]Y^YY^\x15\xa9\x8f\xb4i\x7f\xde\xc3\x7fzp\xd1\xcbs323\x18c\x96%\r\xc3\xa8\t\xd7&lt;\xf8\xab\x87\x1d\xf2\xd2m`\x9afff\xe6\xe7\xbb&gt;\xbf\xe1\xaa\xc9e\xa5e\x9cs\xc6\x99iZ\xddzu\x9d\xf7\xfc\xd3\\\x88\xb8\xbf\x17\xf9w\xd34\x7f\x02\x8c\x1f\xfb\xe9\xee\xe5\x87\xcbw\xef\xd8\xa3\x94\xb2\xdf\xa1s\xca]\x93[\x9d\xdd\xb2&amp;\\\xe3\x9c\xd3\x94S\xe2\x94?.8\x9f\xfd\xf4\xf9\xff\x8f!\x84!\x18g\xf5u\xf5\x87J\x0e\xfd\xe8\x8a\xd1\xbf\xfe\xdd\xbd\xf6{zX\x96\xc99\x7f\xff\xdd\x0f&gt;\xd9\xb4\xd5\x9b\xe6u\xc8c\xefL\xd3\xcc\xcc\xcc\xf8b\xdf\xfe\x89W\xdc\\\xf2\xf5A!\x04\xe3\xcc2\xad\xce\xdd.\\\xbcl^ZzZ\xa4&gt;\xe2\x9c\x19\xe7xZ\xe7\xd7}\xfc(\xa5\x0caT\x96W\x06\x03!"\xb2,K\x081`H\xbf\xda\x1a\'^\xac&gt;I\x0e\x1d+\xa0\x17\xce\xb9\xc7\xe3)++\xbf\xe2\x9a\x9f\xb4l\xddBZ\x921f\xef\xf8^\xbfnCJJ\xb2\x94\xf1\xdf\xd0g\x9aVFF\xfaW_~=\xe9\x8a\x9b\xbf\xda\xff\xb5\xbd\x01\xd12\xad.\xdd;/yu\x81/\xcbWW\xe7\xe8W\xb2\xee\xf9\xbf\x83\x16\xe3\x87\x88\x18guu\x11{\xeag\x8c\xa5g\xa6g\xe7f[\x96\xe5\x94\xed\xb6\xa7\x0e\x05\x00g\x86}\xffQ\xa6/\xb3S\xe7\x8eDG\x1e\x8cND\xfb\xf6|!\xa5\x8a\xfb\x0b\xc42\xad\xf4\x8c\xb4\x92\x03\x87&amp;^q\xf3\x17{\xf77\xcc\x9e\xdd{u\xfb\xe7\x7f\x16\xf9\xb3\xfd\xce\xdct\xd8@\xf7\xfc\xdf\xcb\xe1\xe3\xc7\xc6\x88,\xcb:\xf2\x9e\xc6RF\xea"\xf6F\xa0x\xe7:}\xb8\x08\x0cg\x12\xe7,=#\xfd\xc8\x7fQDD\xe1pM\xbc\xde\xd3\xb5\x81eY\xdet\xef\xe1C\x87\']y\xf3\xde\xdd\xfb\x1af\xcf\x1e}\xba/~e^Ff\x86\xc3gO\xdd\xf3\x9f&lt;g\x8e\x1f\x1bc,\x12\x89\x9e\xdb\xe6\xec\xc5\xaf\xcc\xb7\xf72y&lt;\x86\xd7\x9bj\x9f\xaf\xc4;\xddiB\x01\xc0\x19\xc4\xa4T\xe1P\xf8\xd8\x0f%\'%\xc5\xf7q\xc4\x96ey\xbd\xde\x8a\xb2\x8aIWN\xde\xbdcO\xc3\xec\xd9\xb3o\x8f\xc5\xcb\xe6\xa5g\xa4;|\xf6\xd4=\xff\xa9p\xe2\xf8i`?g)=#\xfd\xd2\xcb.\xb6?\xa2\x94\xaa\xad\xa9\xd3\xfa\xe9\xee(\x008c\x84\xe0\xe1P\xcd\xe7\xbb\x8e&lt;\x92\x9es\xc6\x18\xcb?\xab\x99\x10&lt;^\xaf\x11\xcb\xb2R\xbd\xa9\xd5U\xd57\\5y\xc7g;\x1bf\xcf^\xfdz,^6?-=\xcd\xe1\xeb\xe6\xba\xe7?%\x0e\x1c?\xc7\x93\x96\xac\xaa\x0c\xd8\'%\x8c3\xcf\x91\xf7\\\xd3\x15\n\x00\xbe\x95}u\xeb$w\x95\x98\xa6\xe9\xf3\xfb\xd6\xbe\xf3\xfe\x17{\xf7\xdb7\xa6\x12q\</t>
        </is>
      </c>
    </row>
    <row r="263">
      <c r="A263" s="1" t="n">
        <v>261</v>
      </c>
      <c r="B263" t="inlineStr">
        <is>
          <t>grid_number</t>
        </is>
      </c>
      <c r="C263" t="inlineStr">
        <is>
          <t>What is the missing number of the part denoted with a question mark?</t>
        </is>
      </c>
      <c r="D263" t="inlineStr">
        <is>
          <t>['8', '7', '5', '3']</t>
        </is>
      </c>
      <c r="E263" t="inlineStr">
        <is>
          <t>3</t>
        </is>
      </c>
      <c r="F263" t="inlineStr">
        <is>
          <t>There is a 3x3 grid of numbers. The first row is [8, 1, '?']. The second row is [3, 2, 7]. The third and last row is [3, 1, 8].</t>
        </is>
      </c>
      <c r="G263" t="inlineStr">
        <is>
          <t>We observe that [3, 2, 7] sums to 12, and [3, 1, 8] also sums to 12. Thus, the pattern is that the numbers in each row add up to the same value.</t>
        </is>
      </c>
      <c r="H263" t="inlineStr">
        <is>
          <t>Based on the pattern that the numbers in each row add up to the same value, the missing number of the row [8, 1, '?'] should be 3.</t>
        </is>
      </c>
      <c r="I263" t="inlineStr">
        <is>
          <t>b'\x89PNG\r\n\x1a\n\x00\x00\x00\rIHDR\x00\x00\x02\x00\x00\x00\x02\x00\x08\x02\x00\x00\x00{\x1aC\xad\x00\x00w\xa1IDATx\x9c\xed\xddy|\x14E\xda\x07\xf0\xa7\xaaz\x8ed\x92\xcc\xe4"\x84\xfbF\x14\x049\xe5P\x10\x05\x11\xc5\x03\x10D\xf0\x00\x04\x15\xc4E\xd7{]A\xdd]\x15\xf7\xddU\x11u\x01\x05/\xbc\xd0\xf5D\x02\x08*\xa2\x80\xa0\\\x02\x82\xdc\x10rg&amp;\x99\xb3\xbb\xab\xea\xfd\xa3\x92\xc8\xe2\xc51Gf\xe6\xf9~v\xfdH&amp;\xc1\xceoz\xfa\xa9\xae\xaa\xae"RJ@\x08!\x94|h\xac\x0f\x00!\x84Pl`\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Z\xac\x0f\xa0^\x90R\xc6\xfa\x10b\x80\x10\x12\xebC\xa8\x81\xf9\xc7\x16\xe6\x9f\xb4\x92\xb4\x00H)\x85\x10RJB\x08!\x84\xd2d\xbc\x13\x8aa\x08\x98?`\xfe\xb1\x86!\x00\x00I\xaa\xe2\xaf\xder\x00`\x8c\x1d\xfbu\x8f\xc7#\x84 $Y\xd2Pm\x1f\x97\xcbu\xec\x17\xd5\x87\x81R\x1a\xb9\x96\x11\xe6\xaf`\xfe\xb1\x15\xab\xfc\xeb\xa1dy\xcb\xa5\x94\x9csM\xab\xb9\xe3\xa9\xae\xae^\xbf~\xfd\xdau\xeb\xbe\xff\xee\xbb\x8a\x8a\x8a\x1d;v\x98&amp;\x07\x02\x90\x14a\x00\x10\x00\x806\xad[\xbb\\\xae\xee\xdd\xbbw\xed\xda\xb5g\xcf\x9e\x8d\x1b7V/\x9a\xa6I)\ro\x83\x08\xf3\xff\x1f\x98\x7flE=\xff\xfaK&amp;\x01\xd34\xd5\xbf\x84B\xa1\x0f&gt;\xf8`\xc4\x88\x11\xcd\x9b7\x8fu\xf0\xf5Kff\xe6\xa0A\x83\xe6\xcd\x9bW\\\\\xac\xb22\x0cC\xb5\x890\xff(\xc0\xfcc+\xa2\xf9\xd7g\t~\x07\xa0~;B\x88\xc7\xe3\x997o\xde\xab\xaf\xbe\xbae\xcb\x96\xbaW\xd3\xd2\xd3\x1b5i\x9e\x9b\x97\xd7\xa2\xf5\x19\xae\xacln\x9a\xc9p\xf7\'ARB\rC\xdf\xb9m\xb3\xc7]yh\xff\x9e\xca\x8a\xf2\xbaW\xf3\xf3\x1b\x8d\x1d{\xedM7\xdd\xd4\xbe}{\x00\x10B\x9cNS\x08\xf3\xff%\xcc?\xb6\xa2\x99\x7f\xfd\x97\xc8\x05\x80s\xae\xfa:\x17,X0k\xd6\xac\x9d;w\xaa\xaf7j\xd2\xec\xdc\xf3\x07\xf6\xbf\xe8\x923:vi\x90\x97\xefHKg\x1a$\xf4\xbb\xfc+\xa4\x04\xd3\x84P0T^Z\xb4\xfb\xc7\xed_\x7f\xbe|\xcd\xaa\xe5\xbbvlS\xaffeeM\x9b6\xed\x8e;\xeep:\x9d\xa6i\xd6u\x1d\x9c\x14\xcc\xffw`\xfe\xb1\x15\x85\xfc\xe3B\xc2\x16\x00u\xf6\x17\x16\x16N\x980\xa1\xa0\xa0@}\xb1]\x87\x8e\xd7\xdf&lt;m\xd0\xa5We\xe7\xe6J\t\xa1\x90n\xe8\x86\x10\\J\x91\xa01\xfc&amp;\x02\xa0\xa6&gt;X,V\x9b\xdd\xa6iP]\xe5_\xff\xf5\x17\x0b\x9f\xfb\xf7\x9a\xcf\x97\xab\xefi\xdf\xbe\xfd\x8b/\xbe\xd8\xb7o_5BxR\xcdC\xcc\xff\xf7a\xfe\xb1\x15\xe9\xfc\xe3Eb\x16\x00U\xb4\x0b\n\n&amp;L\x9cXx\xe4\x08\x00\xb4l\xd3n\xe2mw]z\xd5\xe8\x0cW\x86\xb7\xdao\x18:\x00\xa1\x94\x12\x025CB\xc9JJ)\x85\x90R2Ms\xa4\xa5q.\xd6\xacZ6\x7f\xf6\xac\xb5\xabW\x01\x80\xd5f{\xe2\xf1\xc7\xa7O\x9f~R\x9f\x01\xcc\xff\xc4a\xfe\xb1\x15\x89\xfc\xe3H\x02\x16\x00u\xf6\xcf\x9b7o\xf2\xe4\xc9\xea+\xd7N\x982\xfd\x81\x87s\x1a\xe4x\xdc^n\x9a\x94\xb1\xc4{#\xc3\x82sN\x08I\xcf\xc8\xe0\xdc|u\xee\xb3\xcf&lt;&gt;\xc3[]\x05\x00\x93&amp;M\x9a;w.\xe7\xfcD&amp;\xc9a\xfe\xa7\x0c\xf3\x8f\xad\xb0\xe4\x1f_\x12\xad\x00\xa8;\xdf\xba\xb3\xdf\xe9\xcazh\xd6\xec\xe1c\xae\xad\xf2\xf8u]O\xe0\xbe\xbc0R\x1f\x83\xec\x9c\x8c\x8d\xeb\xbe\xfd\xcb\xed\x93v\xfe\xb0\x19j?\x03\x7f\xd8\x0e\xc2\xfcO\x1f\xe6\x1f[\xa7\x93\x7f\xdcI\xa8\x02p\xdc\xd9\x9f\xd3\xa0\xe1\xec\x85\x8b\xfb\xf4\xef[RT\xc94-\x91\xde\xb6(0\x0c\xc3\x95\x99Y^Z|\xcb\xb5Wl\xde\xb8\x0e\x8ei\x07\x1d\xf7\x18Q\x1d\xcc?\x8c0\xff\xd8:\x85\xfc\xe3Q\xe2\x14\x00\xf5\xc6\xacX\xb1b\xd0\xa0A\x00\x90\x99\x9d\xf3v\xc17\xcd[\xb5\xf1TVj\x16K\xac\x8f..q\xd3\xb4\xdam\x8c\xb2\xf1#.^\xbf\xe6s\x00\x989s\xe6\x8c\x193~u^\x04\xe6\x1fv\x98\x7fl\x9dT\xfeq*A\n\x80\x9a\xae[\\\\\xdc\xb9s\x97\x92\x92\xe2\x0c\xa7\xeb\x85E\x1fv;\xb7\xaf\xc7\xed\xd64&lt;\xfbO\x1d\xe7\xdcf\xb7y=\x9e\x89\xa3.\xd9\xbe\xe5{BHAA\xc1\xa0A\x83\x8ek\x07a\xfe\x11\x82\xf9\xc7\xd6\t\xe6\x1f\xbf\x12d\xf6\xaf\x94\x92s~\xddu\xd7\x15\x17\x17\x01\xc0_\x1f\x9f\xdd\xa7\x7f?w%\x9e\xfd\xa7\x8b1\x16\n\x04\xb3r\x1b\xfck\xee"\xa7+SJ\xb8\xee\xba\xeb\x8b\x8a\x8a\x08!jU\x19\x05\xf3\x8f\x10\xcc?\xb6N0\xff\xf8\x95\x08\x05@U\xe3E\x8b\x16-_\xbe\x1c\x00\xae\xbe\xee\xa6\x11\xe3\xc6\x16\x17UZ\xf0\xce7\x1c\x98\xa6y\xdc\xeevg\x9e\xf1\xc0\xdf\x9f\x02\x90\xc5\xc5E\xf7\xdf\x7f?\xa5\xb4\xee\xde\x11\xf3\x8f(\xcc?\xb6\xfe0\xff\xb8\x16\xf7]@jE\x0b\xb7\xdb\xdd\xabW\xaf\xbd{\xf76i\xder\xf1\x8a\xf56\x9b]\r\xe5\xc7\xfa\xe8\x12\x07\xe7\xdc\x95\xe9\x9c2n\xc4\xb2\x8f\xdf\xb3\xd9l\xabW\xaf\xee\xde\xbd\xbb\x94R-!\x89\xf9G\x1a\xe6\x1f[\xbf\x95\x7f\xbc/\x14\x11\xdfG\x0f\x00jr\xee\x82\x05\x0b~\xfa\xe9\'!\xc4M\xd3\xee\xc9i\x90\xa5\xeb:\x9e\xfd\xe1E\x081ts\xea\xdd\x0f\xd9\xec\xf6P(4c\xc6\x0cu\xe9\xc1\xfc\xa3\x03\xf3\x8f\xad\xdf\xca?\xd6\xc7u\xba\xe2\xbb\x00H)\x19c\x81@`\xc1\x82\x05\x84\x90\x96m\xda\x0f\x1b9\xc6S\xe9M\x981\xfa\xfa\x83R\xea\xf5z;v\xe9|\xf1\xb0\x11\x00\xf0\xe5\x97_\xee\xd8\xb1\x831F)\xc5\xfc\xa3\x00\xf3\x8f\xad\xdf\xca?\xdeG\x02\xe2\xbb\x00\xa8\xe72V\xacX\xf1\xc3\x0f?H)\xc7O\xb93\xc3\x99\xceM3\xd6\xc7\x95\x98(\xa5z\xc8\x980\xf5\xae\x94T\x87\xcf\xe7\x9b?\x7f\xbe\xfa"\xe6\x1f\x1d\x98\x7fl\xfdj\xfeX\x00bo\xe1\xc2\x85\x84\x90\x06\xf9\x8d\x06_6\xdc[\xed\xa7\t1=\xab\x1e\xa2\x94\xfa|\xfe\x8e]\xba\xf4\xec{&gt;!d\xf1\xe2\xc5^\xaf\x17\x00T\xf3\x13\xf3\x8f4\xcc?\xb6~\x99\xbf\xdf\xef\xd74-\xae;\x82\xe2\xb8\x00\xa8\xfe\x1f\x8f\xc7\xb3~\xfd\xb7R\xca&gt;\xe7_\x94\xd3 \xc70\x0c\xec\xfd\x8c )\t\x81\x0b/\xb9RJy\xe4H\xe1\xf6\xed\xdbM\xd3\\\xb7n\x1d\xe6\x1f%\x98\x7fl\xfdo\xfe\x9b7o\x868\xbf\t\x88\xe3\x02\xa0r\xdf\xb0a\xc3\xe1\xc3\x87\x00\xa0\xff\xa0\xa1\xb1&gt;\xa2\xc4G\x19\x0b\x04\xf4s\xfb]\x90\x96\x9e\xc1\xb9\xf9\xe5\x97_n\xdd\xba\xb5\xb0\xb0\x100\xff\xa8\xc0\xfcc\xeb\xb8\xfc?\xfdt)\xd4\xee\xba\x13\xa7\xe2\xb8\x00\xa8\xdc\xd7\xaf\xff\x16\x00R\x1d\x8e\x0e\x1d;\x87\x82z\xbc\xcf\xca\xaa\xe7\x08!z(\x94\xdf\xa4Y\xf3Vm\x00`\xf3\xe6\xcdk\xd6\xac\x01\x00\x87#\r\xf3\x8f\x02\xcc?\xb6\x8e\xcb\x7f\xc3\x86o\x01 \xae3\x8f\xe3CW\xb7\xba\x1b7n\x00\x80&amp;\xcdZ\xe6\xe57\xc6\xfb\xdf(\x10B\xa4\xa4\xda\xda\x9fu6\x00l\xde\xb2e\xc9\xa7\x9f\x02@\xa3f\xcd1\xff\xe8\xc0\xfcc\xeb\xd8\xfcw\xec\xd8\xe1\xf5z\xe3\xfa\xa1\xb08\x9e.\xa6\xe6\xe1\x96\x96\x96\x02@VNnjZ\xba\xb7\xba*\xae\xabq\\\x90R2\x06y\xf9\x8d\x01\xa0\xb2\xa2Bu\xc4eec\xfeQ\x82\xf9\xc7\x96\xca\xbfa~\x13\x00p\xbb=\x81@ ---\xd6\x07u\xea\xe2\xb5\x00\xa8g\xf0\xdcn\xf7\xae]\xbb\x00\xa0u\xbb35M\xc6o\x1d\x8e#\x94\x10\xd3\x84\xd6\xed\xce\x04\x80\xe2\xe2\xe2\xb2\xb22\xc0\xfc\xa3\x08\xf3\x8f-\x95\x7f\xabv\x1d\x00\xa0\xaa\xca\xb3c\xc7\x8e\xdc\xdc\\!D\x9c\xae\r\x17\xaf\x05@\x91R\x1a\x86\t\x00\x99Y\xd9\x94&amp;\xc2\x83yqAJ\xc8\xcc\xca\x06\x00\xd34U\x0b\x14\xf3\x8f&amp;\xcc?\xb6\xea\xf2\x17B\x98q\xfe\xd4E\xdc\xdf0\xaaN\xcfx\x7f\x1b\xe2\x8e\n\xbcnw$\xcc?\xca0\xff\xd8\xaa\x0b&lt;\xde\x07]\xe2\xbe\x00(\xf1\xfe6\xc4\x9d\xe3\x02\xc7\xfc\xa3\x0c\xf3\x8f\xad\x84\t&lt;A\n\x00B\x08\xa1\x93\x85\x05\x00!\x84\x92\x14\x16\x00\x84\x10JRX\x00\x10B(Ia\x01@\x08\xa1$\x85\x05\x00!\x84\x92\x14\x16\x00\x84\x10JRX\x00\x10B(Ia\x01@\x08\xa1$\x85\x05\x00!\x84\x92\x14\x16\x00\x84\x10JRX\x00\x10B(Ia\x01@\x08\xa1$\x15\xdf\xfb\x01\xc4#Y\x0b@\x82Z\xbf\x9d@\xed\xca\xbe$aV\x19D\xe8\x97~\xf3\xe4\x07 \x94\xe2\xc9\x1f}X\x00\xa2DJ)\x84 \x00\x9a\xc5j\xb5Y5\x8dQ\xaa\xce~\x00\tB\x007\x85\xae\xeb\x86\xa1K)(e\xf8a\x88\x02\xc19\xfco\xce\x94\x92\xdaw\x05\x85\x87\x94R\n!AR\xca,V\xab\xc5be\x8c\x10Z\x1b\xbc\x04)\x81s0t]\xd7CBpJ)!\xd83\x11%X\x00"NJ)\x04\xb7Zm\xa9\x8e\x14!\xa0\xbc\xb4d\xd7\x8e\xfdG\x0f\x1f,/-\xf1\xfb}\x00\xd2\x9e\x92\x9a\x9d\xd3\xa0a\xa3&amp;\x8d\x9b\xb5\xc8\xcdkh\xb1P\xbf?\x14\n\x06\xb0\x0cD\x8ej\x87\xa6e8\x8f\xdbE+\x14\x0c\nab\r\x08\x0b!\x84\x94\xc2b\xb1\xa6\xa4\xa73\x06~_\xb0\xb4\xe8hQ\xe1\xe1\xd2\x92\xa2\xca\xf2\xb2\x80\xdf\xc79\xb7X,\xae\xcc\xac\xdc\x86\x8d\x9a6o\x99\xdf\xb8YJ\xaa5\x10\xd0\x83\x01?\x9e\xfc\xd1\x81\x05 \xb2\xd4f\xa1NWzQa\xd1\xc7\xef\xbe\xb1\xaa\xe0\xa3\xad\xdfo(&gt;z\xe4Ww\xef\xcb\xce\xcd;\xb3S\x97\xf3\x07\r\xbdp\xc8\xe5\xcd[\xb5\xf0y\x03\xba\xae\xc7\xe9^\xa3\xf5\x99\x10\x9c1-=\xc3\xf1\xda\xfc\x17&gt;~\xf7\rB\xa8\x94\x92\x10\x90R\xde\xf3\xf0\x93gu\xee\x16\xf4\xfb\x08\xee\xae~\x1aT\xab?\xd5\x91f\xb5\xb1\xb2\x92\xf2o\xbe\xfc\xec\xabU\xcb\xbf_\xff\xf5\xc1}?UWy~\xf5GR\x1di\xed:\x9c\xd5\x7f\xf0eC\xaf\x1c\xdd\xa6}\xdb\xea*\x1f\xe7\x1c\xf7\xb8\x8f4,\x00\x11\xc4\xb9\xe9p\xa4\x05\x83\xc1\xe7\xfe\xf9\xf8\xeb/\xce)*&lt;\\\xf7\x12\xa5\x8c\x10\xa8\xeb\x03\x92\x12\x84\xe0\xe5\xa5\xc5\xabW\x16\xac^Y0\xe7\xc9GF\x8c\x1d\x7f\xd3mwg\xe5\xe4VWUa\r\x08#n\x9a\xa9\x0e\x87i\x1a\x0f\xde1\xe5\x8d\x97\x9e?\xeeUOe\x85\xa61)%6&gt;O\x99\x94\xd2f\xb7[,\x96-\xdf}\xfb\xd1\xe2E\x9f-y\xff\xf0\xc1\xfd\xc7~\xc3\xf1\'?\x80\x14\xc2\xef\xf3n\xda\xb0n\xd3\x86u/=\xfb\xcf\xb1\x13\xa7\xdc|\xc7\xfd6\xbb=\x18\x08\xe0\xc9\x1fQX\x00"\x85s\x9e\x9e\xe1\xdc\xbd\xf3\x87\xfb\xa6\x8e\xdf\xb6i\x03\x00\xa8SY\x08\t \xd5\xd8W\xedG\x80\x00\x91\xea\x86\x97PJ\x00\xdc\x15\xe5/\xce\xfe\xe7\x8aO&gt;\xf8\xc7\xec\x17{\xf69\xcfS\xe9f\x1a\xbeSa`\x9a\xa6+\xd3\xb5\x7f\xcfO\xf7M\x1d\xbfq\xddW\xea\x1d\xa9\x19\x8c$DJ\xa9i\x1a\xee\xac~:\xa4\x14V\xabu\xcf\xae\x1d\xcf&gt;\xf1\xf0gK?\xe4j\xefbJ)\xa1R\nu\xe3+\xa5\x90\x12j\x06\x01j\xbe"k\xe7@\xd0\xea*\xcf\x0b\xff~l\xedW\x9f?\xf5\xe2\x9b\xb9y\r\x83\x81 \xde\x07D\x0e&amp;\x1b\x11\x82\xf3\xb4\xf4\xf4m\x9b6^\x7f\xc5\x85\xdb6m\xd04\x8d\x10\xc29\x17BPJ\xa4\x94\x82s\xceMn\x9a\xdc497\x05\xe7RJJ\xa9\x14\x82sN\x08\xd14\xed\xc0\xde\xdd\x13G\x0eY\xbdrY\x86\xcb\xc99\x8f\xf5\xef\x14\xdf\xa4\x10B\x88\xec\\\xd7\xca\xa5\x9f\x8c\x19z\xde\xc6u_1M\xe3\x9cs\xce\xc51\xff\xfb\xd5\xae9t\xe2\xa4\x94\x9a\xc5ZY^\xb6\xec\xe3\xf7\xb8\xc9\x99\xa6\x11B\xa5\x10BpB\x08\xa5\x0c\xea\xe6\x02\t!\x85P\xff\xca\x18#\x84\x08!87\t!\x9a\xc5\xb2\xe9\xdbo&amp;\x8d\x1aZ\xe5q[,\x16|S"\x07\xdb\x95\xe1\'\xa5\xb4\xdal\xa5%E\xd3n\x18QQV\xa2i\x9a\xa9\xdaA\x84H)9\xe7V\x9b\xbdC\xa7\xce-[\xb7sff\x03HwE\xc5\xfe=\xbbvn\xdb\x1c\n\x05\xeb\xbe\xcd4M\xc6X0\xe0\xbfc\xe25o/[\xdb\xa4Y\xf3`0\x84M\xa1S\xc39\xb7Z\xad6\xbb}\xf6\xe3\x7f\x7f\xea\x1f\x7fUW\x1c\xd58E\xe1E)\xf3VW\xf7\x1d0\xf0\x82!\xc3&gt;/\xf8\x18\xa4$\x04(e\xaa\xd6\xaa\xef\xb1\xa7\xa4:\xd2\xd2\xed\xf6\x14\x00\xe9\xf3y\xdd\x15\xe5\xea%J\xa9\x10BJi\x1a\x86f\xb1\xec\xde\xf9\xc3\x8c;o\x9d\xfd\xf2;F\xb5\x81\x03\xc2\x11\x82\x05 \xfc\x84\x10)\xa9\xf6\x87\xee|\xa0\xf0\xf0\xc1\xe3\xae\xfe6\xbb}\xfc\xadw\\1\xfa\xfaf-Z\xd9\xecV5\xdbM\n\x08\x05\xf5\x83\xfb\xf7~\xf8\xf6k\x0b\x9e\xffw0\xe0\xaf+\x15L\xd3&lt;\xee\xcaY3\xeey\xfe\xf5\xff\x06\x83\xa1\x18\xffb\xf1\xc94\x8d\xf4\x0c\xa7\xc7]q\xcf\xad\xd7/\xfdp1!\x84P\xaa\x06\x18\x85\x10\xb1&gt;\xba\x04D\x00\x84\x90\xd7\x8e\x9f\xb2\xaa\xe0c Dp\x0e\x00)\xa9\x8e\xee\xbd\xcf\xeb}\xfe\x85gv\xea\x92\xdf\xa4YZ\xbaS\xb3h\x00\x10\n\x06K\x8a\n\xbf\xff\xf6\xeb\xf7\x16-\xdc\xb1u\x13\xa1T\n\x01\x00\xa6a0\xa6-\xfb\xf8\xbdU\x05K\x06\x0e\xb9\xb4\xdaSEq0 \x02\xb0\x00\x84\x99\x14"%5u\xe7\xb6m\x1f\xbf\xfb\x06\xa5T5m\x08\xa5 dn^\xfe\xec\x97\x17\x9f\xdb\xaf\x8f\xd7\xab\x87\x82\xc1@ \xa0:@\x81\x10JI\xd3\x16\xad\xee}\xe4o\x03\x87\x0c\xbb\xed\x86\x11\xc5G\x8f\x10B\xa5\x14\xdc4)\xa5\xab\n&gt;\xde\xbcqC\xc7.]\xfd&gt;\x1f\xde\x04\x9c85\x017+\'s\xd3\xb7\x1b\xee\x99r\xc3\x9e\x1f\xb73\xa6qn\x82\x94\xea\xeaO)\x13\x02\xfb\xd6\xc2\x8c2\xe6\xad\xf6\xf6\xbd\xe0\xc2\x8e\x9d\xbbm\xdb\xb4\xa1C\xa7.\xc3F\\;\xf0\x92\xcb[\xb4ng\xb1\x12\xd3\x00\xc3\xd0\xebz\xdbRR\x1c9\r\x1a\x9e\xd3\xa3\xc757\xde&lt;g\xd6\xa3/\xfc\xfb\x1f\xc7\x14fI\x08ys\xe1\x0b\x03\x87\\\x1a\xdb\xdf(\x81a\x01\x083!\x84=\xc5\xf2\xc5\x8a%\x86\xa13\xa6\tQ\xd3\xcf@\x19}\xec\xd9\x05\xe7\xf6\xebS\\Ta\xd1\xb4\x9a\xde\xd0c\xe8\xc1`\xb1\xd7\xdb\xbdO\xaf\xc7\x9f]8i\xf4%\x9c\xd74N\t\xa1\x9c\x9b_\xaeX\xd2\xb5W\x0f_\xb5\x00,\x00\'F\x08A)\xcd\xccr\xbd\xf3\xca\xc2\x87\xef\xb9-\xe0\xf7\xa9\xab\xbf\xba\x03\x10\x9c\x8f\x9d8u\xeb\xf7\xdfn\xf9n=\xde\n\x84\x9d\x94\x92R2\xfd\x81GK\x8b\x8f^6\xe2\x9a\xd4\xb4\x94\x80_\xf7y\xab\xa5\x10\x84\x92\xff}\xce\x8b\x1b\x86\xee\xf3\n\xc6\xd8\x03\xff\xf8{u\xb5\xe7\xf5\xf9sTaV\xddA\x1b\xd7~u\xe4\xe0\xc1\x9c\x06\r\rC\xc7\x8e\xa0\xb0\xc3\xabI\xb8\x11"8l\xfd\xfe[\x00\xa2&amp;\x98P\xc6\xa4\x10\xbd\xfb_4`\xd0\xc5\xa5%n\xab\xd5\xfa\xabs\xcc\t\xa5V\xab\xb5\xac\xb8\xf2\xbc\x0b/\xea3`\x90\x94\xa2v\x02\x9c\x04\x80\x1f6\x7f\xc7M\x00\xfc\x00\x9c\x18)eJj\xaaf\xd1\x1e\xb9g\xfa}\xb7\x8d\x0f\xf8}\x942\xceMu\xff$8\xbfy\xfa\xfd\x0f\xcd\x9a\xed\xf7yc}\xa4\x89\x89R\xea\xf7\x06\xfa\xf4\xbfh\xe4\xb8\xf1\xa6\xc9+\xcb\xdcz(H)e\x9a\xa6\x9e\xf0:\x16\xa5T\xd34)\xa5\xbb"x\xcb\xf4\x07\\\x99Yj\xc4XJ\xa9&amp;\x05\xed\xfb\xe9G\xab\xcd*\xb1HG\x00\x16\x800\xa3\x94\x18\x86Y\\X\xa8f\xf7C\xedd\xcf&gt;\xfd/"\xe4\x8fg\x97\x13B\x08\x91\xe7\x9e7P\xfd\x01j\xff\x96\x92\xa2B=\xa4c\xff\xcf\x89\x90R2\x8d\x1d\xda\xbfw\xd2\xa8K_\xfe\xcf\xd3\xb53L8cL\x08A(\x9d\xf9\xcf\xe7\xee{\xf4\x1f\x95\xe5e~\x9f\x0fj\xa7\x81\xa2\xf0"\x94\x04\x02~\x8f\xdb\x03\x00j.\xd0\xef\x7f?\xa5T\xd7C\r\xf2\x1bu\xee~\xae\xfa#\xd4\xac\xcc\x01E\x85\x87\x19#\xf86E\x02v\x01\x85\x1d\xe1\xa6\xa9\xebj\xc0VB\xed\xaaW\xb9y\xf9B\x90?n\xc2\x13"\x04i\x90\x97\x0fu\x05\x04\x00\x00t=d\x9a8\x17\xe2\x84H)\xad6\xeb\xc3wMY\xbbz\xa5\xc5j5t\x1d\x00\x98\xa6q\xd3\xcc\xcei\xf0\xc4s/_0d\x88\xbb\xa2\x9asa\x18!\xf5\x031&gt;\xe2\x04u\xf2\xed\x15\xc9\x18\xe47n\x06\xf0?7\xbb&gt;\xafW\xb5\x85\xc2xlH\xc1\x16e\xd8I\xa6iV\x9b\r\x00\x8e]R\x86s\xf3D\x17\x98!`\x9a\xc6q_\xb3ZmL\xd3pB\xf4\t\x12\\\xfcy\xc6c\xe9N\x97i\x98\x84R\xc64n\x9ag\x9d\xdd\xf5\xf5O\xbe\x180xHyi\x05\xd34)\x85\x893A\xeb\x97\xda\xf5\xe1\xfe\x17&gt;\x0c\x1c9X\x00\xc2L\x08i\xb1h\xaa\t\xaf\x1a1\xaa\xd9~x\xff^FO\xa0\xb1)%\xa3p\xe8\xe0\xbe\xba\x1f$\x84\x00\x90\xbc\xfcFv\xbb\r\xc7*O\x04\xa54\xe0\x0f\x9c\xd3\xb3\xc7CO\xcc\x96RPJ97/\xb9r\xd4+\x1f|\xd6\xace\x9b\xca\n\xb7\xa6Y\x80\x10!\x84\xe0\x98g\xfd\xc2\x05\x94\x16\x1f\x05\xa8{B\x18\x00\xc0\x95\x95-\x04\xe0\n}\x91\x80\x05 \xdc\xa4\xa4\x0c:\x9c}\x0e\x00\xa8SV\r^}\xb1bI(h\xfe\xe1\x12c\x84\xd2P\xd0\xfc\xea\xb3\x82\xba\x1fT\x83\xc9gw\xebI\x19vV\x9c(\xc6XE\xa9{\xc4\xd8q\xe3\xa7\xdc\xc9Ms\xda}3\x9fz\xe9M\xcdb\xf3\xfb|\xda1\x8bjH\x89\x05\xa0\xbeP\xebpx*+\x7f\xd8\xf2\x1d\x00\x08)\x00@\x8d\x067i\xd6\xc24\x05\xf6\x7fF\x02\x16\x800#\x94\xea!\xde\xef\x82\xc1us\xcc\xd5|\xc4\xad\xdfox\xff\xed\xd7\xb2s3T\x97\xf4\xaf2\x0c=3;\xa3\xe0\xa3\xf76o\\\xa7\xe6&amp;\x12B\xa4\x14\x16\x8be\xe0\xc5\x97\x07\x03\x06\x0e\x02\x9f8\xc6X\xb5\'p\xcb\x1d\x0f\xbc\xf8\xce\xd2i\xf7\xce\xf0W{97\xea:\x13~\x1e^G\xf5\x83i\x9a\x19N\xc7\xf2O\xde+:r\x98R*\x85\xa4\x94\x12B\x1a5m\xd6\xb2m\xfbP0H\xb1\x00D\x00^P\xc2\x8cR\xea\xf7\xf9:\x9d\xd3\xad\xdf\xc0\xc1j\xc9\x01\xa8Y\xeb\x8a\xfe\xfd\xfe\xe9\xdf|\xf1Un\xc3,\xd34\x8e\x9b\xd3&amp;\xa54\x0c#+;k\xe7\xd6\xed\x8f\xdew;!5s\x1e\xd4\xc4\x95\xcbG]\xd7\xa1S\xa7\x80\xdf\x8fk\x14\x9f\x04B87mv{\xdf\x0b\x06W\xbb=@\x08n3Roq\xd3LKK;\xb4\xff\xd03\x8f=T\xd7\xd2W\xcbt\x0f\x1azUVv\xa6i\xe88\x07:\x12\xf0#\x11\x11\x82\x8b?\xdd\xff\x88\xc5j\x95\xb5\x8b@\x00Ho\xb5\xe7\xe61\xc3&gt;zgqvN\xa6\xd5f7MS\xb5A\xd5\xe3\xbe\xb9y\x99\x1b\xd6~}\xd3\xa8K\xcaK\x8b\t!R\x08\xc6\x98i\x9a\xf9M\x9a\xde\xf9\xe0\xdf\xfc&gt;\\\x13\xf1\xa4\xa9\xf5\xc5|^\\E\xa0^\xe3\xa6\x99\x92\x9a\xea\xf7\xfb\xfe4aT\xf1\xd1B\xf5\xae\xa9{\xdf\xb4\xf4\x8c\xb17M\r\xf8C\xf8\x0eF\x08^S\xc2\x8fR\xea\xf3\xfa\xbat\xef~\xe7\x83\x7f\x17\x9c3\xa6\xd5&lt;\xd5Bi\x95\xc7}\xfb\xf8\xab\xef\xbeu\xc2\xd1\xc2\x83\xd99.\x8b\xd5\n@2\xb3]\xa6i\xfc\xeb\xd1\x87\xaf\xbf|`\xe1\xe1\x83\xaa\xf3\x871\x8ds\xeeHK\xfb\xf7\xbc7\xb3s\xf3\x0c=\x84}\xa0\xa7\xa0n\x05JT?\x99\xa6\x99\x96\x91\xe1qWN\x1au\xe9\xa6\rk\xd5-/\x000M\x13B\xfc\xe9\xfeGZ\xb5m\x13\x0c\x04\xf0\xe4\x8f\x10,\x00\x11\xc14\xe6\xae\xac\xba\xe9\xb6\xbbn\xbc\xe5\x0e5\x7f_-\xf5\xac\x1e}|\xf7\xf5\x05#\x06\xf6|\xec\xaf\xf7\x15\x17\x1e\x16\xc2\\\xb4`\xde\xa8\xc1\xe7\xce~b\xa6\xae\x87\x08\xa5RJ\xa6i\x9c\x9b9\r\xf2^x\xe3\xe3n\xe7\xf6\xf1Va\x1b\x16% \xd342\xb3\\{w\xef\xbc\xee\x8a\x81\xdf\x7f\xfb\xb5j\xf4\x00\x80\xa6YL\xc3\xb8j\xcc\x8d7\xdcr\xbb\xbb\xb2\n7\xc3\x88\x1cL6R\x08!\xd5\xd5\xd5\x7f\xf9\xc7\xbf\x9c\x99\x99O?\xf6\x10\x00\xd4\xacD\x06\xc0\x18\xab\xf2T\xce{\xfa\x89\xb7_\x9e\xeb\xca\xca&gt;\xb0\xf7\'\xf5E.\x04\x01\x10Rr\xd3&lt;\xf7\xbc\x0b\x1e\xf9\xd7\x7fZ\xb4n\xebq\xe3n0(\xd1H)\x85\x10\xd99\x99\xab\n\n\xee\xbe\xf5\xfa\x8a\xb2\x12\xc6\x98Z\xa9\x892f\x9a\xc6\xa5\xc3\xaf\xf9\xdbS\xff\xf1\xf9|\xd8\xf6\x8f(\xbc\x03\x88\x14u\xe2VUU\xdd~\xff_\xe7\xbc\xf6\xdf\x06\r\x1b\xa9\xab?\x00\xa8-_\x18c\x1ew\xe5\x81\xbd?Q\xc6\xd4\xba\xa1\x04@\x08\x91\x96\x9eq\xf7\xc3\xb3\xe6\xbf\xb3\xb4q\xb3\x16U\x1e7cx\xf5G\tEm\x02\x93\x99\xe5\\\xf0\xdc\xecI\xd7\\ZQVB\x19\xe3\x9c\x13B\t!\xdc4\xc7\x8c\xbf\xe5\x9f\xffy\xd5\xd0\r)$\x16\x80\x88\xc2\x02\x10A\xaa\xe7\xa7\xa2\xac\xf2\xc2!\x97\x7f\xb8z\xd3\xd8\x9b\xa6Z,\x165\x17E-\xf7\xaf\xbeA\xd4\xec\x14F\x01`\xf0\xb0\xe1+\xbf\xdf;\xf5\xae\xbb\x03~_0\x10\xc0\xab?J8RJ\x99\xe1\xcaxr\xe6\x03\x8f\xdew\xbb\x14B}\x04(\xa5R\n!\xc4\x9d\x0f\xfe\xe3\x91\x7f=\x1f\x0c\x04\x05\xe7x\xf5\x8f4,\x00\x91%8\xb7X\xac\x94\xd2j\x8f\x87\xd4\xccD\xac\x99}\xae\xfeX\xf7p\xaf\x9a\x11\xb4c\xeb\xa6\xd7\xe6\xcf9\xb0\xf7pfV&amp;\x00\xe0\xa3\xbf(\xc1p.\x9c\x99\x19\xff\xfe\xdb__\xf8\xf7c\xaa}#\x84Pc\xbf\x19\xae\xcc\xd9/\xbf{\xdb=\xf7Wy&lt;j\xd2D\xac\x0f6\xf1a\xc4\x11\xc4M3\xd5\xe1\x00B\x9e\x9d\xf5\xf0\x15\xe7wym\xde\xb3\xba\x1eR\xfb_3\xc6\xd4v%\x00\xa0\x96\xabT\xf7\xc5\x87\xf6\xef}\xe6\xf1\x19\xd7\x0c\xe9\xf3\xd6+/9\xd2\xd2l6\x1b\xee\x06\x8c\x12\x06\xe7\xa6\xd3\xe5\xfc\xe0\xad7\x9e\xfb\xe7\xdf\x98\xa6\t\xc1k\xb6\xe7\xe4\xbcY\xcb6\xaf~\xb8j\xe8\x95\xc3\xcb\xcb*\xd5\x92\xd1\xb1&gt;\xd8\xa4\x80\x05 R\xb8i:3]\xbb\x7f\xdc~\xfd\xe5\x17&lt;\xf3\xf8L\xbf\xdf\xa7\x1e\nS\x97~\xceyn^~\xe7n=\x01\x80s^\xf7\xc8\x18!\x841\xed\xe8\x91C\x7f\xb9}\xe2\xd4\xeb\x86\x97\x95\x14\xa7gd\xe0\x9ae(\x01H)\xadV[\xf1\xd1\xc2\xc7\xfer\x87z\xd2EJ\xa9z\xff;t\xea\xf2\xea\x87+\xcf8\xeb\xec\x8a\xf2JM\xb3\xc4\xfaH\x93\x08\x16\x80\x88\xe0\xdcte\xb9V\x16|2\xee\xb2\xfe[\xbe[\xcf4M=\xde\xa2\x06{3\xb3rn\xbf\xff\xe1w?\xfb\xf6\x8d%\xab\xdfX\xb2z\xc4\xd8\t)\xa9\xa9\x9cs @\x08\xe1\xdc$\x842\xc6&gt;\xfb\xf4\x831C\xfb}\xb7\xeekW\xa6\x0bw0G\xf1N\x08\x9e\x96\x9e\xf2\xce\xab/\x96\x95\x16S\xcaDm\xef\x7f\xebv\x1d\xe6\xbf\xb5$7/\xbf\xda\xe3\xc1\xab\x7f\x94a\x01\x08?\xceM\xa7\xd3\xf5\xf9\xb2\xa5\xb7]7\xbc\xca\xe3f\x8cq\xd3\x04 j\xea\xdb\xf017\xbe\xb7\xea\xdb\xe9\xf7?\xe4\xca\xcc\x0e\x04B\xe7\xf4\xe8\xf3\xc4s/.^\xbe~\xe4\xb8\t\x04\x88\xea\x0f\x95R\xa8\x1d\xe1\x8f\x1e9t\xd3\xa8K\xd6\xaf\xf92\xdd\xe9\xc4\xbe \x14\xd7\x18\xd3\xbc\xde\xc0\xb2\x8f\xde\xab\xdd\xed\x8bH)S\x1di\xff7wQN^C\x9f\xd7\x8b\xd3\x9d\xa3\x0f\x0b@\x98\t!RRR\xf7\xed\xd9\xfd\xe7\x9b\xc7\x1a\x86^;\xbf\x8dH)RR\x1dO&gt;\xff\xca\x93/,\xc8i\x90_^\xe66M\x83R\xe2\xf3y\xdd\x15\xee\x16m\xda=&gt;\xe7\xc5W&gt;XyF\xc7\xce\x9cs\xd5\x1d\xc4M\x931\xe6\xf3V\xdf~\xe3\xd5\x87\xf6\xefMI\xb1\xe3\x980\x8aSR\n\xab\xd5Vx\xf0\xc0\xde\x9fvJ)\xa5\x14\x941)\xe557\xde\xdc\xa5{\x17\x8f\xdb\xad\xe1\xd5?\x16\xb0\x00\x84\x1da\x1a{\xe4\xdei\x9e\xca\n\xc645\x95\x8d\x10\x92\xeaH{\xfe\xf5\xf7G^w]E\xb9\xdb\x08\x854MS\xc3\\\x94R\xc6\xb4` \xe0.w\xf7\xea;\xe0\x8d%\xab\x87\x0e\xbf\x86s\xae\x1e\xfd\xe5\x9c3\xa6\x95\x97\x95\xcc\xf8\xf3\xad\x941\\\x12\x1d\xc5))\xa4f\xd1\x8e\x1e9\x14\n\x06\xd5\x99\xaf\xa6~^r\xc5\xd5\x01\xbf\x89[\xbe\xc4\n\x16\x80p\x12\x9c\xa7g\xa4\xad*X\xf2\xd5\xca\x02\xca\x98z\xf2K\xf5\xfe\xcfxr\xce\x80A\x17\x95\x16Wh\x9a\xf6\xcb\xf9mj\xbf\xec*\x8f\x9bR\xf6\xd4\xfc7.\x1bq\xad\xf8\xb9\x06\x98\x8cik&gt;_\xbe\xfc\xe3\x0f2\x9ci\xd8\x11\x84\xe2\x91\x04\xa0\x94\xb8+\xca\x01\x80P\xaazD\xb3rr\x1b7m\xa1\xeb\xb8\xd7i\xcc`\x01\x087\x02\xef-z\x89\x10\xa2\xf6\x82W\x13\x9c\x07\x0e\x196b\xec\xf5\xa5%n\x8b\xc5\xfa;?\xca4\xcd4\xcd\x80\xdf\xff\xb7\xa7\xfe\xd3\xaeCG!D\xedBf\x92\x10\xf2\xee\xeb/J\x89k\xe2\xa2xE\x08\xe8zH\xd34M\xd3,\x16M\xd3\xb4\xac\x9c\x06\xf6\x94\x14!\x04\x9e\xd4\xb1\x82\x05 l\xa4\x94\x16\xab\xb5\xb4\xa8\xe4\xfbo\xbfQ\xe3\xbdP\xfbx\xd7\xd8\x89S\xf9\x89miD)\xd5u=-=\xed\xd6;\xff\x02R\xaa\xa7\xc6\x84\x10R\xca\xcd\x1b\xd7\x15\x1d)\xb4Zm\xb8\x91\t\x8aG\x84@(\x182MS\x0f\x85t]7M\xb3\xba\xcaC\x19\x03\xc0vM\xcc\xe0\xc0K\xd8H)-V[\xe1\xa1\xfd\xe5\xa5%\x00 \xa5P\x9d?\xd9\xb9y\x1d:u\t\x06B\'\xb8\xa0?c\xcc\xe7\x0b\xf4\xe8\xdb?3;\xa7\xb2\xbc\xacn\xca\x84\xbb\xb2\xe2\xc8\xa1\xfd\r\xf2\xf3u]\xc7[f\x14_(\xa5\xc1\xa0\xde\xe1\xec.\xb7\xdc\xf1\x00\xa1DJ\x00)\xb3r\x1b`k&amp;\xb6\xb0\x00\x84\x8d\x94\x921ZQ^&amp;\xa5&lt;fCG\xd9\xb0Q\xe3\xb4\x0c\xa7i\x9chG\xa7Z\x0f+\xc3\x95\xd9\xa8I\xf3\xca\xf22B\xa8\x94j\x1e\x91tW\x96SF\xf13\x83\xe2\x0e!$\x14\x0cu\xe8\xd4\xa5\xfb\xb9=\xd5\xe9K\x008\x87\xea*o\x8c\x8f,\xb9a\x01\x08\'B\xa0v\xcb_R\xf7O\x8b\xc5\xca(3\xc18\xa9\xbf\x8aR\xa6Y\x8e}(\xa6f\xe2\x04\xb6\xfcQ\x9c"\x84\xe8\xa1P\xc0\xef\'\xb5\xeba\xa95Qb|X\xc9\r\x0b@\xd8\x10\x00)\xc1j\xb7\x01@\xed\x19.\x01\xa0\xaa\xca\x1d\n\x05O\xa6\xd3F\x12JCA\xbf\xa7\xb2\xbc\xee/\x91R\x00@Jj\x9a\x108\x15\x14\xc5+B\x88\xa6iR\n5\x9d\x01wi\x8e9|\x03\xc2\x87\x10\xceyVV\x0e\xa1\xf4\xd8\x11\xe0#\x07\xf6\x17\x15\x1e\xb6X\xadB\x9e\xd0c\\BH\xab\xc5Zx\xf8\xe0\x91\x83\x07\x00\x88\x105\xcfLZ,\x96\xdc\xbc\x86\xa6i\x02\xc5\x12\x80\xe2\x92\x9a\xce`\xb5\xd9S\x1diV\x9b]\n\x81\xcf6\xc6\x16\x16\x80\xb0!\x84\x18\xba\xde\xa8i\xf3\xec\x9c\\\x00 \x84\xaa%\xdeB\xa1`\xc1\x87\x8b\xd3\xd2\xac\xdc8\xa1\xf5|\xb8i:\xd2-K\xde{\xcb0t\xc6\x98\x9a\x03\n\x00\x8d\x9a\xb6h\xd4\xb4\xb9\xa1\x87(\xb6\x9bP\x1c\x12B\xa4\xa6:\xec\xf6\x94\xc3\x07\xf6m\xd9\xb8\xee\xf0\x81}\xf6\xd4\xd4\x94T\x07\xd6\x80\x18\xc2KI\xd8\xa8\x02\x90\xd3\xa0\xc1\xd9]{\x12B(%\x00\xa0\x86\x82\x17\xbe\xf0\xd4\xce\x1fv:33\rC\xaf\xdb\x0f\xe0\x97\xa4\x94\x86\xaeg\xe5dm\xde\xb0\xe9\xd5y\xb3\t!j\xbdh\xf5\xe0X\xef\xf3\x07\xba23L\xf3\xe4\xc6\x12\x10\xaa\x0f\x84\x10\xa9\x8e\xd4\x1f\xb6|7\xf1\xea\x8b\xaf\xba\xa0\xdb\xe8!}\xae\xba\xa0\xdb\xa4QCwn\xdb\x94\x8a5 v\xb0\x00\x84\x93\x04 \x84\\6\xe2\xda\xba\x89:j\x06\xa7\xa7\xb2\xe2\xf6\xf1\xa3\n\x0f\x1f\xc8i\x90\x05@\xb9irnr\xce\x05\xe7\x82+&amp;\xe7&amp;\xa5,\xb7a\xd6\xae\x1d\xdbo\x1f\x7f\xb5\xb7\xba\xea\xe75\xb3\x84\xa4\x94\r\x1f3^\xd7M\xec6EqGJi\xb5\xd9\x8e\x1e9&lt;i\xf4\xd0o\xbe\\\x19\xf0\xfb\x00 \xe0\xf7\xad\xf9|\xf9MW_Rx\xf8\x80\xd5\x86O\xb7\xc4\x06^M\xc2\x891\xe6\xad\xf6\x0e\xba\xec\x8a\x8e\x9d\xbb\xd5\xad\xe9\xa6\x96\xbd\xdd\xb5}\xeb\x98K\xce{\xe7\x95\x97972\xb3]\x99Y.\xa7\xcb\x99\x96\xe1L\xcfp:]\xce\xcc,\x97+\xd3\x15\x0c\xfa^\x9a\xf3\xec\xb5C\xcf?\xb0\xf7\'Z;\x90\xc0\x18\x13\x82_9\xfa\xfa\xae\xbdz\xf9\xbc\xbe\x13|\x98\x00\xa1\xfaCp\xeep\xd8&gt;\xfd\xef\xdb\x95\xe5e\x16\xabUui\x12B,V[Ey\xe9G\x8b\xdfp8l\x02\xd78\x89\x05\x9c\x05\x14fBp\x8b\x96\xf2\xd7Y\xb3\xc7\r\x1b`\x1a\x86\xba\x8e\xab\x1aPTx\xf8\xde\xa976k\xd9\xbag\xdf\x01g\x9cuv\xc3FMS\x1d\x0e\t\xe0\xf7y\x0b\x0f\x1f\xd8\xb1\xe5\xfbu_}~\xf4\xc8!\x00\xa8\xbb\xfak\x9af\x9af\xcb6\xed\xef}\xe4\t\x9f/\x80W\x7f\x14\x97\x08\x11\x12\xf6\xfd\xf4#!Dp\xa1\x1a\xfbRJ\xc1MB\xc8\x9e];\x84\x00|\x188&amp;\xb0\x00\x84\x19\xa5\xcc\xeb\xf5v\xeb\xd5\xfb\x1f\xcf\xbcx\xf7-\xd7I)\x99\xa6q\x93\xab\xc1\x00B\xc8\xc1}{\x0e\xee\xdb\xf3\x9b?\xce\x98\x9a\x1a\xa1\xa6H\x9b\xa6\x99\xdf\xa4\xd9\x9cW\xdfKwf\xfa}&gt;\x9c4\x8d\xe2\x95\x04\xd34~\xd9\xcf#\xa5\xe4\xa6\x81\xdd?\xb1\x82-\xca\xf0c\x8c\xb9+=W]3n\xce+\xefe\xe76\xe0\xa6\t \x19\xd3T\x9f\xbeZ\xff\x991F)%\x94\x12J)e\x8ci\x8ci\x84R)\x04!\x941MJi\x9af\xf7\xde\xe7\xbd\xfa\xc1\xcaVm\xdb\xe3\xd5?\x12\xc8/\xc4\xfa\x88\x12\x94\x94\x94BN\x83\x86\xc7\x85L\x08%\x84\xe4\xe6\xe53\x06\x80E \x16\xb0\x00D\x04c\xcc]\xe9\x1e&lt;\xec\xaa\xb7\x96~}\xd5\x98\x1b\xacV+\xe7\xa6\x9a\x04\r@\x80\xa8k\x0f\xa5\xea\x13@\x00H\xcd\x97\xd5N\xf1\x9c\x9b\r\x1a\xe6\xdf=s\xd6K\x8b\x0b\xf2\x9b4\xf3V{\xf1\xea\x1f\t\xa6a\xa8e\xfb\xea\xfe\x89C\x91\x91@(\xd5u\xde\x7f\xd0P)%\xe7\xa6\xa6i\x8c1M\xd387\xa5\x94\x03/\xb9\\\xd7\xf9/\xd7HGQ\x80]@\x91\xc2\x98\xe6q{\x1a6j:\xeb\xb9\x857\xdc\xfc\xa7O\xfe\xfb\xd6\x17\xcb\x96\xec\xfdi\xa7i\x18\xf0\xdbs\xdeRRS\xcf\xea\xdc}\xf0eW]r\xe5\xa8FM\x1aUy\xbc\x86a\xe0\xd5?\x12\x08!\xae\xacl\xb5]s\xdd\x0e\x85\x9af\xc1\x1a\x10v\x94R\x9f\xd7\xd7\xa3\xcfy\xb7\xdd3\xe3\xd9Y\x0f\x9b\xb5\x1b\\\x13Bn\xbf\xef\xe1^\xfd\xfa\xe3\xec\x86X\xc1\x02\x10A\x8c1]\x0f\x06\x83\x81vgv\xeat\xce9S\xef\xfa\xeb\xc1}{~\xfaq\xfb\xfe\xbd\xbbK\x8b\x8ez\xdc\x15\xa1`PJi\xb3\xdb]\x99\xd9y\x8d\x1a\xb7j{F\xbb\x0e\x1d\x9b\xb6he\xb7[|\xde`e\x85[\xf5\x14\xc5\xfa\xf7H4\x84\x10\xd34\x1d\xe9\x19o~\xba\xe6\xb8\x9e\x87\xd4\xb4\xb4`\xc0O\xb1\xe2\x86\x1b\xa54\xe0\xf3O\xbbw\xe6\xb9\xfd.\xf8|\xf9\'e%\xc59\r\xf2\x06\x0e\xb9\xbc{\xef~\xde\xeaj&lt;\xc9c\x05\x0b@d\x11B\x19\x83\x80\xdf\xef\xf7\t\xc6\xb46\xed\xcf\xec\xd0\xe9l\xc6@J\x10\xa2\xe6\xe2C\x08P\n\x84\x00\xe7\x10\n\xe9\xa1`0\xe0\xf7\xa9\x81\x81X\x1f~"Sw\x00\xc7\xf5\xfas\xce\xf1\x0e R\x08\xf1VWu\xefs^\xef\x01\xfd\x05\x07\xca\xc0\x08\x89\xea*O\xed\xaeG(\x06\xf0\x12\x13\r\x94R5\xdc\x12\x08\xf8\xfd~\tR\x82\x9a\t\r\x005O\x06K\xf5\x14\x19\xa5D\r\x02\xc7\xf0h\x93\x87i\x1c\xffX5\x8e\x03G\x14\xa5\xd4\xe7\xf5J!\x80\x10\x90R\xcd\x80\x88\xf5A%5\xbc\xd0D\x15\xde\xea\xd6+x\xb9\x8f&gt;J)\xe0\xa7\xa0\xde\xc0w\x02!\x84\x92\x14\x16\x00\x84\x10JRX\x00\x10B(Ia\x01@\x08\xa1$\x85\x05\x00!\x84\x92\x14\x16\x00\x84\x10JRX\x00\x10B(Ia\x01@\x08\xa1$\x85\x05\x00!\x84\x92\x14\x16\x00\x84\x10JR\tR\x00\xf0\x99\xfe(;.p\xcc?\xca0\xff\xd8J\x98\xc0\xe3\xbb\x00\xa8}&lt;\x00\xc00t\\\xc31\x9a\x0cC\x07\xcc?v0\xff\xd8R\xf9\x03\x80\xca?~\xc5k\x01P\xdbwddd\xb4m\xdb\x06\x00vn\xdbl\x98\xb8\xd4Z4\x08)-\x16\xd8\xb9m3\x00\xe4\xe5\xe5\xb5n\x83\xf9G\x15\xe6\x1f[*\xff\x1f\xb7m\x01\x80\x8c\x0cg\xdb\xb6m!\x9eo\x08\xe2\xf8\x8c\x91Rj\x9a\x96\x93\x93\x03\x00nw\x85\x1e\x0c\xc5\xef\xdb\x10_\x84\x84\xf2\xb2\x12\x00HOO\xcf\xcb\xcb\x03\xcc?\xba0\xff\xd8\xaa\xcb\xdf\xe1H\xcd\xcc\xcc\x04,\x001\xa1n\xbe\xce&gt;\xbb3\x00\x1c\xdc\xfbSY\xf1Q\xab\xd5\x8a\xbbyD\x1a\xa54\x14\xe4\xaa\x05\xda\xb1c\xc7\x8b\x07\x0f\x06\x80C\xfb\xf6`\xfe\xd1\x81\xf9\xc7\x96\xca\x7f\xc7\xb6M\x00\xd0\xb6m[\x87\xc3!\x84\xc0\x02\x10\x03*\xf4\xee\xdd\xbb\x01@u\x95g\xcf\xee\x9dV\x9bU\xc6y\x97\\=\'\xa5\xb4Z\xad\xe5%E\xfb\xf7\xec\x02\x80\x8e\x9d:\xf5\xeb\xd7\x0f0\xffh\xc1\xfcc\xeb\xb8\xfc\xbbt\xe9B)\x8d\xeba\x808.\x00\xaa\xc7\xb3w\xef\xdeYYYB\x885\x9f/\xd74"\xb0\x05\x14IR\x08{\x8am\xd3\x86\xb5\x15e\xa5\x94\xd2\xf3\xfa\xf5\xeb\xd9\xb3\xa7\xcb\xe5\xc2\xfc\xa3\x03\xf3\x8f\xad\xe3\xf2\x1f&lt;x0\xc4s\xff\x0f\xc4u\x01 \x84\x08!\xf2\xf3\xf3;w\xeeL\x08\xf9b\xf9\'U\x1e\xbf\xa6\xe1\x1eg\x11$\xa4d\x8c\xacX\xf2\x81\x94\xd2\xe5ru\xeb\xd6-55\xb5K\x97.\x98\x7ft`\xfe\xb1u\\\xfe}\xfb\xf6\x858\xdf\xe6/\x8e\x0f\x1dj\x87\x01F\x8f\xbeFJ\xb9\x7f\xcf\xee\xf5kV9\xd2\x1c\x9c\xf3X\x1fWb\x92R\xda\xed\xf6C\x07\x0e\x7f\xb5\xaa\x00\x00.\xbex\x88\x1a\x01\xbb\xe6\x1a\xcc?\x1a0\xff\xd8\xfae\xfeN\xa7\x93s\x8ew\x001\xc3\x18\x03\x80\x91#G\xe4\xe5\xe5I)\xe7\xcf~2\xae\x07d\xea9\xce\xb9#\xdd\xfe\xc6K\xcf\x95\x97\x960\xc6&amp;O\x9e\xa4&amp;\xe3\x8e\x1c9\x12\xf3\x8f\x02\xcc?\xb6~5\xffX\x1f\xd4\xe9\x8a\xef\x02@\x081M3;;{\xdc\xb8qR\xcao\xbf\xfe\xf2\xcb\x15\xcb22\xd2\xb1\x11\x14vRJ\x9b\xdd~\xe4\xc0\x91\xb7^\x99G\x089\xe7\x9cs\x06\x0c\x18 \x84\xe0\x9cc\xfeQ\x80\xf9\xc7\xd6o\xe5\xaf\xda\xa0\xf1+\xbe\x0b\x00\x00PJ\xa5\x94\x93\'Ov\xb9\\\x000\xf7\xa9\xc786\x82"\x80\x9bfF\x86\xfd\xe5\x17\x9e\xae,/\x03\x80\xbb\xef\xbe\x1b\x00\xa4\x94\x98\x7ft`\xfe\xb1\xf5[\xf9\xc7\xfa\xb8NW"\x14\x00!D\xbbv\xed\xa6O\x9f.\xa5\xdc\xb0v\xf5\xc2\xe7\x9f\xce\xce\xc90\x0c#\xd6\x87\x968\xb8i:]\xce\xb5\xab\xbf~e\xde3\x00p\xfe\xf9\xfdG\x8d\x1a\xa5\x9a?\x98\x7f\x14`\xfe\xb1\xf5;\xf9\xc7\xfa\xd0N\x17I\x80"\xa6VD\xf1z\xbd]\xbbv\xdd\xbbo\x9f\xc3\xe1x\xe5\xfdU\x9d\xbav\xabr{\x18N\x8a8mR\x08\xcdb1\r\xfd\x9aK\xfa\xed\xde\xf9\x03\xa5l\xdd\xba\xb5]\xbbvU\xcdO\xc0\xfc#\x0c\xf3\x8f\xad?\xcc?\xae\xc5\xfd/\x00\x00\x84\x10B\x88\xd3\xe9\\\xb4h\x91\xc6\x98\xdf\xeb\xbd\xef\xb6\x1b+\xcaJ\xadv\x1bv\x86\x9e&amp;)\xa5\x94\xd2n\xb7=\xf4\xe7)\xbbvl\x93R\xfe\xf3\x9fOv\xeb\xd6M\x08Qw\xf6c\xfe\x91\x83\xf9\xc7\xd6\x89\xe4\x1f\xd7\x12\xe1w\x00\x00J\xa9i\x9a\xbdz\xf5z\xf2\xc9\'%\xc0\xee\x9d?L\x1a}\x19\xa3\xd4f\xb7s\xd3\x8c\xf5\xd1\xc5+!\x84\x94\xa2A\xbes\xe6=\xd3&gt;~w\x11\x00\x8c\x1c9r\xfa\xf4\xe9\xa6i\x1ew\xf3\x8b\xf9G\x02\xe6\x1f[\'\x9e\x7f\xfcJ\x90\x02\x00\x00\x9a\xa6\x99\xa69}\xfa\xf4I\x93&amp;\x01\xc0\xd6\xef\xbf\x9dx\xf5\xd0j\x8f;\xdd\xe9\xc4\xfe\xd0S\xc0M\xd3b\xb1\xa4\xa5\xa5\xdfw\xdbmo.x\x1e\x00z\xf4\xe81w\xee\xdc\xdf\xea\xfa\xc4\xfc\xc3\x0b\xf3\x8f\xad\x93\xcd?N%N\x01\x00\x00\xc6\x98\x10b\xee\xdc\xb9\xea3\xb0v\xf5\xcaI\xa3\x87\xee\xdb\xbd3\'7\x93s\x1e\xd7KvD\x93\x94\xd24\x8ct\xa7\xd30B\xf7L\xb9\xf1\xf5\xf9s\x84\x90=z\xf4(((\xf8\xfd\xb5\x0f1\xff\xb0\xc0\xfcc\xeb\x94\xf3\x8fG\x890\x08|,5 \xc6\x18\x9b&lt;y\xf2\xbcy\xf3\x00\xc0\x95\x99\xfd\x97\xc7\x9e\xbar\xf48\xc3\xe0~o5\xa141:\xef"AJ\xc99\xb7\xd9\xed\xe9\xe9\xf6\xf5k\xbe\x9eq\xd7\x14\xb5\xead\xcf\x9e=\x97.]\x9a\x99\x99\xf9\x87]\x9f\x98\xff\xe9\xc0\xfcc\xeb\xf4\xf3\x8f;\x89V\x00\xa0v\xdc\x86R\xfa\xf0\xc33g\xce|X}q\xe8\x95\xa3n\xb9\xf3\xfe3\xcf\xee\xa2\xeb\xa6\xdf\xe7\x03\x90\x94\xb2D\xaa\xe4\xa7\xa3fc))mv\xbb#\xcd~\xf8\xe0\x91\xd7_\x9c\xb3`\xce\xff\xe9\xba\x0e\x00\xa3F\x8dz\xe1\x85\x17N\xfc\xec\xc7\xfcO\x16\xe6\x1f[\xe1\xcd?\xbe$`\x01\x80c&gt;\x03\x05\x05\x05\x13&amp;L,,&lt;\x02\x00v\xbb}\xe8U\xa3\xaf\xbf\xf9\xf6\xb3:w%\x04\x82\x01]\xd7CB\x08)%I\xbe\x8f\x82\x04\x90R\x12\x02\x84P\x8b\xd5\x9a\x92bg\x0c\x0e\x1d8\xfc\xf6+s\xdf~e^iq\x11\x00X\xad\xd6\'\x9exb\xfa\xf4\xe9\x00pRg?\xe6\xff\x870\xff\xd8\x8ah\xfeq$1\x0b\x80b\x9a\xa6\xa6i\x85\x85\x85\x0f&gt;\xf8\xe0\xa2Eo\x84BA\x00HII\xed3\xe0\xa2\x0b.\x1e\xd6\xab_\xff\xfc\xc6\xcd\xec)6\xc6\xc04!qc\xf8M\x16\x0b\x08\x01\xba\xceK\x8b\x8b6o\xf8\xe6\xf3eKV\xaf\\ZRtT\xbd:h\xd0\xa0G\x1f}\xb4W\xaf^jy\x99S\xb8D`\xfe\xbf\x0f\xf3\x8f\xadH\xe7\x1f\x17\x12\xb9\x00\x00\x00\xe7\\\r\xd9\xaf[\xb7\xee\xb1\xc7\x1e[\xbe|\xb9\xdf\xefW/\xa5gd\xb4j\xdb\xa1u\xbb\x0e\x8d\x9a6m\xd1\xfa\x8c\xcc\xacl\xd34\x13\xf5m\xfe_\x92\x10j\x18\xfa\xcem\x9b+\xcaKwm\xdf\xbag\xd7\x8e\xf2\xd2\x92\xba\x97\xfb\xf4\xed{\xdb\xd4\xa9c\xc6\x8c\x81c\x02&lt;5\x98\xff\xaf\xc1\xfcc+z\xf9\xc7\x01\x99\xe8\x84\x10\xa6i\xaa\x7f\xdf\xbau\xeb]w\xdd\xd5\xa2e\xcbX\xa7^\x1f5h\xd0\xe0\xfa\x1bnX\xb6l\x99\xca\x8as\xce9\xc7\xfc\xa3\x06\xf3\x8f\xad\x08\xe5_\xcf%\xf8\x1d@\x1d\xd5\xd7\xa9\x8ayuu\xf5\x8e\x1d;\xd6\xacY\xb3q\xe3\xc6\xad[\xb7\xba\xdd\x9e\xa3G\x0b\x93\xef\x99I\xd2 \xaf\x81\xc3\xe1\xe8\xd2\xa5K\xa7\x8e\x1d{\xf5\xea\xd5\xad[\xb7\xdc\xdc\\8f&amp;I\x18\xffc\x98\xff/`\xfe\xb1\x15\xd5\xfc\xeb\xaddY*Dm\x1f&amp;\xa5$\x84\xa4\xa7\xa7\xf7\xe8\xd1\xc3b\xb1PJ+++)c%%\xc5IR\x08k\x11\x00pfddggw\xeb\xda\xb5w\xef\xde\xdd\xbauKOOW\xafq\xce\xc3&gt;\xde\x85\xf9\xff/\xcc?\xb6\xa2\x9d\x7f\xfd\x15\x93\xfb\x8e(\xab\xbb\x05\x0e\x85B\x1f|\xf0\xc1\xf0\xe1\xc3\x9b4i\x1a\xeb\xe0\xeb\x97\x8c\x8c\x8c\x0b/\xbah\xee\xdc\xb9\xc5\xc5\xc5*+\xc30\xd4%\x03\xf3\x8f\x02\xcc?\xb6"\x9a\x7f}\x96\xe0]@\xea\xb7#\x84x&lt;\x9ey\xf3\xe6\xbd\xfa\xea\xab[\xb6l\xa9{5-==\xbfq\xb3\xdc\xbc\xbc\x16\xad\xcfpeeq3\xbeww;A\x12$!\xc44\x8c\x9d\xdb6{\xdc\x95\x87\xf6\xefqWV\xd4\xbd\x9a\x9f\xdfh\xec\xd8ko\xba\xe9\xa6\xf6\xed\xdb\xc3i\xcf~\xc3\xfc\x7f\t\xf3\x8f\xadh\xe6_\xff%r\x01\xa8\x1b\xc1_\xb0`\xc1\xacY\xb3v\xee\xdc\xa9\xbe\xde\xa8I\xb3s\xcf\x1f\xd8\xff\xa2K\xce\xe8\xd8\xa5A^\xbe#-\x9di\x90\xd0\xef\xf2\xaf\x90\x12L\x13B\xc1Pyi\xd1\xee\x1f\xb7\x7f\xfd\xf9\xf25\xab\x96\xef\xda\xb1M\xbd\x9a\x95\x955m\xda\xb4;\xee\xb8\xc3\xe9t\xaa\xd9\x84\xa7\xf0\x9f\xc0\xfc\x7f\x07\xe6\x1f[Q\xc8?.$l\x01Pg\x7faa\xe1\x84\t\x13\n\n\n\xd4\x17\xdbu\xe8x\xfd\xcd\xd3\x06]zUvn\xae\x94\x10\n\xe9\x86n\x08\xc1\xa5\x14\t\x1a\xc3o"j\x19aJ-\x16\xab\xcdn\xd34\xa8\xae\xf2\xaf\xff\xfa\x8b\x85\xcf\xfd{\xcd\xe7\xcb\xd5\xf7\xb4o\xdf\xfe\xc5\x17_\xec\xdb\xb7\xef)L\x85\xc6\xfc\x7f\x1f\xe6\x1f[\x91\xce?^$f\x01PE\xbb\xa0\xa0`\xc2\xc4\x89\x85G\x8e\x00@\xcb6\xed&amp;\xdev\xd7\xa5W\x8d\xcepex\xab\xfd\x86\xa1\x03\x10J)!\xa0F\x84\x92\x96\x94R\xaa)"\x9a\xe6HK\xe3\\\xacY\xb5l\xfe\xecYkW\xaf\x02\x00\xab\xcd\xf6\xc4\xe3\x8fO\x9f&gt;\xfd\xa4&gt;\x03\x98\xff\x89\xc3\xfcc+\x12\xf9\xc7\x91\x04,\x00\xea\xec\x9f7o\xde\xe4\xc9\x93\xd5W\xae\x9d0e\xfa\x03\x0f\xe74\xc8\xf1\xb8\xbd\xdc4)\xc3UP~\x1d\xe7\x9c\x10\x92\x9e\x91\xc1\xb9\xf9\xea\xdcg\x9fy|\x86\xb7\xba\n\x00&amp;M\x9a4w\xee\\5;\xe2\x0f\xa3\xc3\xfcO\x19\xe6\x1f[a\xc9?\xbe$Z\x01Pw\xbeug\xbf\xd3\x95\xf5\xd0\xac\xd9\xc3\xc7\\[\xe5\xf1\xeb\xba\x9e\xc0}ya\xa4&gt;\x06\xd99\x19\x1b\xd7}\xfb\x97\xdb\'\xed\xfca3\xd4~\x06\xfe\xb0\x1d\x84\xf9\x9f&gt;\xcc?\xb6N\'\xff\xb8\x93P\x05\xe0\xb8\xb3?\xa7A\xc3\xd9\x0b\x17\xf7\xe9\xdf\xb7\xa4\xa8\x92iZ"\xbdmQ`\x18\x86+3\xb3\xbc\xb4\xf8\x96k\xaf\xd8\xbcq\x1d\x1c\xd3\x0e\xfa\xadgd0\xff0\xc2\xfcc\xeb\x14\xf2\x8fG\x89S\x00\xd4\x1b\xb3b\xc5\x8aA\x83\x06\x01@fv\xce\xdb\x05\xdf4o\xd5\xc6SY\xa9Y,\xb1&gt;\xba\xb8\xc4M\xd3j\xb71\xca\xc6\x8f\xb8x\xfd\x9a\xcf\x01`\xe6\xcc\x993f\xcc\xf8\xd5y\x11\x98\x7f\xd8a\xfe\xb1uR\xf9\xc7\xa9\x04)\x00j\xbanqqq\xe7\xce]JJ\x8a3\x9c\xae\x17\x16}\xd8\xed\xdc\xbe\x1e\xb7[\xd3\xf0\xec?u\x9cs\x9b\xdd\xe6\xf5x&amp;\x8e\xbad\xfb\x96\xef\t!\x05\x05\x05\x83\x06\r:\xae\x1d\x84\xf9G\x08\xe6\x1f[\'\x98\x7f\xfcJ\x90\xd9\xbfRJ\xce\xf9u\xd7]W\\\\\x04\x00\x7f}|v\x9f\xfe\xfd\xdc\x95x\xf6\x9f.\xc6X(\x10\xcc\xcam\xf0\xaf\xb9\x8b\x9c\xaeL)\xe1\xba\xeb\xae/**RK\x0b\xd4}\x1b\xe6\x1f!\x98\x7fl\x9d`\xfe\xf1+\x11\n\x80\xaa\xc6\x8b\x16-Z\xbe|9\x00\\}\xddM#\xc6\x8d-.\xaa\xb4\xe0\x9do80M\xf3\xb8\xdd\xed\xce&lt;\xe3\x81\xbf?\x05 \x8b\x8b\x8b\xee\xbf\xff~Ji\xdd\xbd#\xe6\x1fQ\x98\x7fl\xfda\xfeq-\xee\xbb\x80\xd4\x8a\x16n\xb7\xbbW\xaf^{\xf7\xeem\xd2\xbc\xe5\xe2\x15\xebm6\xbb\x1a\xca\x8f\xf5\xd1%\x0e\xce\xb9+\xd39e\xdc\x88e\x1f\xbfg\xb3\xd9V\xaf^\xdd\x</t>
        </is>
      </c>
    </row>
    <row r="264">
      <c r="A264" s="1" t="n">
        <v>262</v>
      </c>
      <c r="B264" t="inlineStr">
        <is>
          <t>polygon_sides_number</t>
        </is>
      </c>
      <c r="C264" t="inlineStr">
        <is>
          <t>What is the missing number of the part denoted with a question mark?</t>
        </is>
      </c>
      <c r="D264" t="inlineStr">
        <is>
          <t>[7, 4, 3, 6]</t>
        </is>
      </c>
      <c r="E264" t="inlineStr">
        <is>
          <t>7</t>
        </is>
      </c>
      <c r="F264" t="inlineStr">
        <is>
          <t>There are 6 numbered polygons arranged in a triangle with number [6] in the top row, [8, '?'] in the middle row, and [3, 9, 4] in the bottom row.</t>
        </is>
      </c>
      <c r="G264" t="inlineStr">
        <is>
          <t>We observe that the polygon with 6 sides has the number 6, the polygon with 8 sides has the number 8, the polygon with 3 sides has the number 3, the polygon with 9 sides has the number 9, and the polygon with 4 sides has the number 4. Thus, the pattern is that the number inside the polygon represents the number of sides the polygon has.</t>
        </is>
      </c>
      <c r="H264" t="inlineStr">
        <is>
          <t>Based on the pattern that the number inside the polygon represents the number of sides of the polygon, the missing number of the polygon with 7 sides should be 7.</t>
        </is>
      </c>
      <c r="I264" t="inlineStr">
        <is>
          <t>b'\x89PNG\r\n\x1a\n\x00\x00\x00\rIHDR\x00\x00\x02\x00\x00\x00\x02\x00\x08\x02\x00\x00\x00{\x1aC\xad\x00\x00\x98oIDATx\x9c\xec\x9dwx\x93\xd5\x17\xc7\xef\xbd\xefH\x9a\xa4M\xd2\xc5\xde{* 2\x94%KD\x10\x90=d\x0b\xca\x90\xa1\x02?@\x968P\x86\x08j\xd9\xc8\xde{\x83,\x11d\xefiY2;\x92\xa6I\x9a\xf1\xbe\xf7\xde\xdf\x1fWbe\t\xd8&amp;is?\x8f\x8f\x0fM\xd3\xf46y\xdf\xf3=\xf7\x9cs\xcf\x81\x94R\xc0\xe1p8\x9c\xd0\x03\x05z\x01\x1c\x0e\x87\xc3\t\x0c\\\x008\x1c\x0e\'D\xe1\x02\xc0\xe1p8!\n\x17\x00\x0e\x87\xc3\tQ\xb8\x00p8\x1cN\x88\xc2\x05\x80\xc3\xe1pB\x14.\x00\x1c\x0e\x87\x13\xa2p\x01\xe0p8\x9c\x10\x85\x0b\x00\x87\xc3\xe1\x84(\\\x008\x1c\x0e\'D\xe1\x02\xc0\xe1p8!\n\x17\x00\x0e\x87\xc3\tQ\xb8\x00p8\x1cN\x88\xc2\x05\x80\xc3\xe1pB\x14.\x00\x1c\x0e\x87\x13\xa2p\x01\xe0p8\x9c\x10\x85\x0b\x00\x87\xc3\xe1\x84(\\\x008\x1c\x0e\'D\xe1\x02\xc0\xe1p8!\n\x17\x00\x0e\x87\xc3\tQ\xb8\x00p8\x1cN\x88\xc2\x05\x80\xc3\xe1pB\x14.\x00\x1c\x0e\x87\x13\xa2p\x01\xe0p8\x9c\x10\x85\x0b\x00\x87\xc3\xe1\x84(b\xa0\x17\xc0\xe1\xfc;\x94\xd2@/\xe1\xb9\x81\x10\x06z\t\x1c\xce\xbf\x00\xb3\xe2\xad\xc5\xe1p8\x9c\xff\x0e\xdf\x01p\x82\x1aJ)\x840%%\x05d\x9d}\x00\xf3\xfdM&amp;\x13[|\xa0\x97\xc3\xe1&lt;\x11.\x00\x9c\xe0\x05c,\x08\xc2W_}\xf5\xf5\xd7_\x8b\xa2H0\t~\x05\x80\x00 \x01\xa9\xaa:d\xc8\x90\xa1C\x87\xb2?!\xd0\x8b\xe2p\x1e\x0f\x0f\x01q\x82\x14B\x08\x00 !!\xa1L\x992\x16\x8b%\xd0\xcbyn"##\xcf\x9d;\x17\x1b\x1b\x0b\x00@\x88W[p\x82\x11\xbe\x03\xe0\x04)\x94RA\x10\x86\r\x1bf\xb1X$I\xa2\x94\x86\x1b"\x08! \x98c*\x14 \x84\xec\x8eT\x08\xa1\xc5b\x196l\xd8\xdc\xb9s1\xc6\x81^\x16\x87\xf3x\xf8\x0e\x80\x13\x8c\x10B \x84\xc7\x8f\x1f\xaf^\xbd\xba\xaa\xaa\x84\x90\x1f\xbe\x9b_\xabF]\xbb#U@\xc1\x1bQ\xc1\x04\x87\x1b"\xf6\xee\xdf\xf9\xe1G]\x10B\xa2(\x1e&lt;x\xb0b\xc5\x8a\x84\x10\xbe\t\xe0\x04!\\\x008\xc1\x08\x0b\x9d\xd7\xae]{\xef\xde\xbd\x00\x80\xd7\xaa\xd5Z\xbehsZZ\x1a\x820\xc8w\x00\x84\x12\x83&gt;\xbck\xaf\xd6[\xb7o\x00\x00\xd4\xa8Qc\xf7\xee\xdd\x00\x00\x9e\t\xe0\x04!\\\x008A\x07\xb3\xfe+V\xach\xdd\xba\xb5  \x08\xd1\xc6\xd5{K\x95,\xebt:\x82\xdf\x8f&amp;\x84\xe8\xf5\x86K\x97\xcf7n^\x93R\xaa\xaa\xea\xcf?\xff\xdc\xa9S\'\x9e\r\xe6\x04!\xc1~;qB\rV:\xe9\xf5z\x87\x0f\x1f\x0e!\xc4\x98\xb4i\xd9\xe9\xa5r\x15\x1dN\xbb \x080\xe8\x11\x04\xc1\xe1\xb0\x97/W\xa1{\xe7\x0fUUEH\x183f\x8c\xcdf\x83\x90;[\x9c\xa0\x83\x0b\x00\'\xb8`\xe1\xf2o\xbf\xfd\xf6\xca\x95+\x10Bc\x84qP\xff\xe1i\xae\xb4`\x0e\xfd?\x84 \x08N\xa7\xa3g\xb7\xbe\xd1\xd1\xb1\x10\x82\xf8\xf8\xf8)S\xa6 \x84x6\x98\x13lp\x01\xe0\x04\x11,\xf7{\xef\xde\xbd\x89\x13\'"\x84\x08!\xfd\xfb|\x9a;W\x1e\xb7\xdb\x05\xb3\xce\x89*\x08\xa1\xdb\xed\xce\x9b\'\xff\xe0\xfe\xff\xc3\x18\x0b\x828y\xf2\xe4\xf8\xf8xA\x10Xm+\x87\x13$p\x01\xe0\x04\x11\x94R\x84\x10+\xfd\xa4\x94\x16*X\xe4\xbd\x0e=\xed\xf6TA\xc8b\xf5\xca\xa2(\xa6\xd8\xac-[\xb4/S\xaa\x1c!\xaa\xcdf\x1b;v,\x84\x90\x0b\x00\'\xa8\xe0\x02\xc0\t\x16X\xf0\xe7\xd8\xb1c\x8b\x17/F\x08QJG\x0c\x1d\xaf\x0b\xd3\xabX\xcd:\xde\xff\xdf`\x8cu:\xfd\xff\x86|\x0e!\x12Eq\xd1\xa2E\xfb\xf7\xef\x17E\x91\x07\x828\xc1\x03\x17\x00N\xb0\xc0\xd2\xbf\x83\x07\x0f\xf6z\xbd\x84\x90\xd7\xaa\xd5jX\xafq\xaa\xdd\x96E\x8bg\x04AHI\xb1\xd6\xab\xd3\xb0I\xe3\x16\xaa\xaab\x8c\x07\x0c\x18\xe0\xf1xx6\x98\x13&lt;p\x01\xe0\x04\x05\xbe\xd2\xcf\xbd{\xf7\n\x02\x12Eq\xe4\xb0/p\x16\x0f\x98 \x84\\.W\xff\x0f?\r\x0f\x8f\x10\x04\xf1\xf8\xf1\xe3K\x97.e\xb9\x8d@/\x8d\xc3\x01\x80\x0b\x00\'\x18xJ\xe9g\xf0\x17\xfe?\x05\x84\x90\xc3\xe9(_\xaeB\xe7\x0e=1V\x05A\x18:t\xa8\xc5b\xe1\x9b\x00N\x90\x90\x85\xef.N\xb6!\x1b\x94~&gt;\tQ\x14SR\xac\xefw\xefW \x7fAJ\xe9\xbd{\xf7&amp;M\x9a\xc47\x01\x9c \x81\x0b\x00\'\xc0d\x8f\xd2\xcf\'\xc1v69r\xe4\xfa\xf0\xfdA\x84\x10A\x10\xbf\xf9\xe6\x9b+W\xaep\r\xe0\x04\x03\\\x008\x01&amp;\xdb\x94~&gt;\tQ\x14-\x96\xe46\xad\xde{\xa5b\x15\x8cU_\xa4\x8bG\x818\x01\x87\x0b\x00\'\x90d\xb3\xd2\xcf\'A)\x15\x044|\xc8\xe7\x92$#\x84V\xacX\xb1}\xfbvA\x10xI(\'\xb0p\x01\xe0\x04\x92lV\xfa\xf9$\x04AHMM}\xadZ\xad\xb7\x1b5c!\xaf\xfe\xfd\xfb\xab\xaa\xca\xf7\x01\x9c\xc0\xc2\x05\x80\x130\xb2e\xe9\xe7\x93\x10\x04\xc1\xee\xb0\x7f:x\x94\xc9h\x86\x10^\xbat)..\x8eg\x028\x81\x85\x0b\x00\'0d\xd7\xd2\xcf\'\x01!t\xbb]E\n\x15\xed\xd2\xe9}\x16\xf8\x1a9r\xa4\xd5je\x81\xaf@\xaf\x8e\x13\xa2d\xc3;\x8d\x93%\xc8\xc6\xa5\x9fOB\x10\x04k\x8a\xf5\xc3^\x83\n\x16(D)\xb5Z\xad#G\x8e\xe4\r\x828\x01\x84\x0b\x00\'\x00d\xef\xd2\xcf\'\x01!TU\xd5`\x08\x1f\xd0w\x18\xab}\x8a\x8b\x8b\xbbt\xe9\x12\x0f\x04q\x02\x05\x17\x00N\x00\xc8\xf6\xa5\x9fOB\x14E\x9b-\xa5U\x8b\xf6\xafU\xabE\x08QU\xb5\x7f\xff\xfe&lt;\x15\xcc\t\x14\\\x008\xfe&amp;DJ?\x9f\x82\x8a\xf1\xc8a_\x88\xa2(\x08h\xfb\xf6\xed+V\xac\xe0%\xa1\x9c\x80\xc0\x05\x80\xe3oB\xa4\xf4\xf3I \x84\x1cN\xfbK\xe5*\xb6i\xd9\tc\x02!\x1c&gt;|\xb8\xd7\xeb\xe5\xfb\x00\x8e\xff\xe1\x02\xc0\xf1+\xac\xf4s\xe5\xca\x95{\xf7\xee\x15\x04A\x92\xa4l\\\xfa\xf9$\x04$\xa4\xb9\xd2\x06\xf5\x1fn\x8c0B\x08\xaf\\\xb9\xf2\xed\xb7\xdf\xf2L\x00\xc7\xffp\x01\xe0\xf8\x0f\xe6\xe1\xdal\xb6!C\x86\xb0\x19\xb9\xdd;\x7fX\xe1\xa5W\x1c\x8e\xecY\xfa\xf9$XIh\xee\\y\xfa\xf7\xf9\x94\x05\xc4&amp;N\x9cx\xef\xde=^\x11\xc4\xf13!t\xd7q\x02\x0es\xff\xa7L\x99r\xf5\xeaU\x08attl\xcfn}\x1dN{\x88\x04\x7f\xd2#\x08\xa2\xdd\x9e\xfa^\x87\x9e\x85\n\x16\x01\x80Z,\x96a\xc3\x86\xf13\x01\x1c?\xc3\x05\x80\xe3\'\x08!\x82 \xc4\xc7\xc7O\x9e&lt;Y\x10D\x8c\xf1\xe0\xfe\xff\xcb\x9b\'\xbf\xdb\xed\xce\xc6\xa5\x9fO\x02B\xa0bU\x17\xa6\x1f1t&lt;!\x14!\xb4x\xf1\xe2\xe3\xc7\x8f\xf3\xc1\xf1\x1c\x7f\xc2\x05\x80\xe3\'X\xeew\xec\xd8\xb16\x9b\x8dRR\xa6t\xf9\x96\xcd\xdb\xa7\xd8\xac\xa2\x98\xcdK?\x9f\x84 \x08\xb6\xd4\x947\x1b4y\xb3A\x13B\x88\xd7\xeb\x1d0`\x00\xc6\x98o\x028~\x83\x0b\x00\xc7\x1f\xb0\xe0\xcf\xbe}\xfb\x16-Z$\x8a"!d\xe8\xe0\xd1z\x83!\xc4k\x1f\xd9\xd1\xb0A\xfd\xff\'I\x92(\x8a\xfb\xf7\xef_\xbcx1/\t\xe5\xf8\r.\x00\x1c?\x811\x1e9r$\xc6XU\xd57\x1b4\xa9S\xab~J\x8a5\x04\xa3\xff\xe9A\x089\x1c\xf6\xf2\xe5*t\xef\xfc\xa1\xaa\xaa\x08\tc\xc6\x8c\xb1\xd9l\xbc$\x94\xe3\x1f\xb8\x00p2\x1d\xe6\xfe/^\xbcx\xdf\xbe}\x82 J\x924\xa8\xff\xffX7\x88\xc0.\x8c\x10\x821\xc6\x18\x13\x82\t!\x94RJ)!\x7f=\xec\x9fX\xbc \x08N\xa7\xa3g\xb7\xbe\xd1\xd1\xb1\x10\x82\xf8\xf8\xf8)S\xa6\xb0\x12)?\xfcvN\x88\xc3\x05\x80\x93\xb9\xb0\xd0\xbf\xcdf\x1b3f\x0cB\x02\xc6j\xf7\xce\x1f\x96/W\xc1\x1e\xb8\xd2OJ)\xc6*\x00@\xa7\xd3\x9b\xcd\x91\x91\xe6\xa8\xf0p\xa3.L\'I\x92$\xc9:\x9d&gt;&lt;\xdch6G\x86\x85\xe9\xfc\xe0\x86C\x08\xddnw\xde&lt;\xf9\x07\xf7\xff\x1f\xc6X\x10\xc4\xc9\x93\'\xc7\xc7\xc7\xf3l0\xc7\x0f\xf0\x9d&amp;\'sQUU\x14\xc51c\xc6\x8c\x1e=Z\x10\x04\xb39j\xdb\xfa\x03&amp;\x93YQ\x94\x80\xec\x000\xc6\x92$\x85\x1b"\x1c\x0e\xfb\xc5\xcb\xe7O\x9f9~\xe9\xca\x85[\xb7o\xdal)^\xaf\x07@\xa8\x915\x11\x11\xc6\xdc\xb9\xf2\xbc\xd3\xa4\xd5+\x15\xab\xba\\i\xfe\x11*\x84P\xb3Vu\xcf_&lt;C)x\xef\xbd\xf7\xe6\xcf\x9f\xcf\xde:?\xfcjN\xc8\xc2\x05\x80\x93\x89\xb08\xcf\xd5\xabW+U\xaa\xe4p81V\xbf\x1c;\xa5[\xe7\x0f\x92\x92\x13\xfdo\xdaXx\xc7d2\'%%\xac^\xb7l\xd5\xda\xa5\xe7\xce\x9fz\x8a\x97\xfd\xc1\xfb\x03\xc6\x8c\x98\x90\x98\x94\xe0\x87\xa5b\x8c\x8dF\xd3\x9e};;uk\xceN\x03\xec\xde\xbd\xbbF\x8d\x1a,z\x96\xd9\xbf\x9d\x13\xb2\xf0\x10\x10\'\x13\t\x9e\xd2O\xb6\x12\xa3\xd1\xb4j\xcd\x92&amp;\xef\xd6\x19\xfd\xf9\x903gO\x10B$I\xd2h4\xb2$\x8b\xa2(\x08\x82\x80\x04Q\x14\xc3\xb4:\x8dF\xa3\xd3\xe9)\xf5S\x10F\x10\x84\x94\x14k\xbd:\r\x9b4n\xa1\xaa*\xc6x\xc0\x80\x01\x1e\x8f\x87g\x839\x99\n\x17\x00Nf\x11&lt;\xa5\x9f\xac\xfb\xb4,\xcbCG~\xd4oP\xf7\x1b7\xaf\t\x82(\x8a\x12\x84PQ\x14\x8f\xc7\xe3U\xbc\xcc\xecb\x82UUu\xb9\xd3&lt;\x1e\x8f\xcb\x95\x06\xa1\xffn\x10\x84\x90\xcb\xe5\xea\xff\xe1\xa7\xe1\xe1\x11\x82 \x1e?~|\xe9\xd2\xa5\xbcA\x10\'S\xe1\xfe\x05\'\xb3`\x86\xfe\x8d7\xde\xd8\xb7o\x1f\x00\xe0\xcd\x06Mf\xfd\xb08\xd5\x9e\xea\xf7\x98\x06\x05\x14j\xc3\xb4}\x07v\xdb\xb0i\xb5 \x08\xec\x9ag\x86\xf5\xa5r\x15\xabT~\xadD\x89\xd29bs\x86\x85\xe9 \x80n\xb7\xcbbM&gt;q\xeah\xf9\xb2\x15\xdem\xd6\xce\xeeH\xf5[\xb2ZQ\x94\x1c9r\x8e\xf9|\xe8\xb4\x9f&amp;\n\x82\x10\x13\x13s\xee\xdc9\x93\xc9\x04!\x0cx\xc5\x14\'[\xc2\x05\x80\x93)0\xf7\x7f\xc1\x82\x05\xef\xbd\xf7\x9e \x88\x08\xc1Mk\xf6\x95,^\xda\x99\xe6\xf4s\xf1\x0f\xc6\xd8l\x8a\x1c9\xf6\xe3Ys\xa7\x8b\xa2\x84\xb1\n\x00\xa4\x94\xd4\xaeY\xaf\xdf\x07\x9fTx\xf9\x15\x9dNOY\x1d(!\x00\x00\x04\x11\x12\x10B\xc8\x95\x96\xe6\xf1z\xfciy)\xa5\x82 \xb8\\iM\xde\xad\xfd\xe7\xad\x9b\x84\x90\xe1\xc3\x87\x7f\xfe\xf9\xe7&lt;\x13\xc0\xc9$\xb8\x00p2\x1eVPo\xb7\xdb+U\xaat\xed\xdauBp\xef\x1e\x1f\x8d\x1e\xf9urr\x92\x9f\xa3\xff\x18cc\x84i\xdb\xce\x8d\xddz\xb5\x11\x05\x11\x13\xcc:n~2h\xe4\x80&gt;C\x08\xa5N\xa7\x03\x13\x0c\x01\xb3\xf3\xf0\xc1\xf2\x01\x00\x14!\xc1\xff~\xb7\xaa\xaa\xd1\xd11\xf3~\x8e\x1b2\xa2\xbf \x88\x82\x80\xce\x9e=[\xb4hQ\x16\xc5\xf2\xf3b8\xd9\x1e~Iq2\x1e\x8c1Bh\xca\x94)\xf1\xf1\xf1\x10\x02\xd6\xf5\xd3\xe9t\xf8?\xf8#\x8a\x82\xdd\x91\xfa\xf9W#\x00\x00\x84\x12\x08\x11!d\xd8\xa7c\x86\x0c\x1a\x95j\xb7\xd9\xed\xa9\x10BQ\x10\x05A\xf8\xcb\xedG\x08!A\x10\x04A\x10\x03\x12u\x11E\xd1bIn\xd3\xea\xbdW*V\xc1X\xf5z\xbd\xc3\x87\x0f\xe7\xa9`N&amp;\xc1\x05\x80\x93\xc1\x04O\xd7O\x8cqx\xb8q\xcd\xfaeW\xaf]\x11\x90\x00 $\x04\xbf\xdd\xa8\xf9G}\x86$$\xde\x83\x10\x05g\\\x85R*\x08h\xf8\x90\xcf%IF\x08\xadX\xb1b\xfb\xf6\xed\xbcA\x10\'3\xe0\x02\xc0\xc9`\x82\xa7\xf4\x13!\xc1\xe5J[\xb2t\x1e\x84\x10@@\t1\x18\xc2\x87|&lt;\xda\x95\x96\x06!\n\xda\xb4\xaa \x08\xa9\xa9\xa9\xafU\xab\xf5v\xa3f\xec E\xff\xfe\xfdUU\xe5\xfb\x00N\x86\xc3\x05\x80\x93\x91\x04O\xe9\'!D\xa7\xd3\x9d&gt;s\xfc\xec\xf9\xd3\x00\x00\x08 \xa5\xf4\xed\xb7\x9a\x17+Z"\xcd_\x87{_\x18A\x10\xec\x0e\xfb\xa7\x83G\x99\x8cf\x08\xe1\xa5K\x97\xe2\xe2\xe2xI(\'\xc3\t\xea\xdb\x80\x93\x15\t\x92\xae\x9f\x94\x12Y\xd6\xec\xd9\xbf\x8bP"\x08\x02\xa1\x04\x00\xf0v\xa3\xe6\xaa\xa2 \x04\xd3=\xedo\xfc\xbc\xc2\xa7\xc0fF\x16)T\xb4K\xa7\xf7\xd9\xcc\xc8\x91#GZ\xadV&gt;2\x8c\x93\xb1p\x01\xe0d\x18A\xd5\xf5\x13B\xe4\xf1x\x0e\x1d\xfe\x95}I\x08\xc9\x11\x9b\xb3\\\x99\x97]n\x17\x84\x88\xf5\xfb\xa4\x94\n\x82(\x89\x92(J\xcc\xbf\xc6X%\xfe:\xfd\xfbt\x04A\xb0\xa6X?\xec5\xa8`\x81B\x94R\xab\xd5:r\xe4H&gt;4\x98\x93\xb1p\x01\xe0d\x0cA\xd5\xf5\x93R*IRRR\xc2\xe5+\x17}\x0f\x96-\xf3rTT\x8c\xd7\xeb\x05\x00\x18\x0c\x11\x91\xe6HI\x92\x9di\x0eKJr\x8a\xcd\xa2(\x8a^o\x884Gk5a\xc10\x96\x8b\xcd\x8a1\x18\xc2\x07\xf4\x1d\xc6j@\xe3\xe2\xe2.]\xba\xc4\x03A\x9c\x0c\x84\xf7\x1a\xe4d\x0c\x18cQ\x14Y\xe9\xa7 \x08\x81+\xfd\x04\x00\x00J\xa9,kn\xdd\xbei\xb5&amp;\xfb\x1e,U\xb2,\x84P\xab\xd5\x8a\x82\xb8\xff\xc0\xee\xad\xdb\xd6\x9f:s\xfc~\xc2]\x97\xcb\x85\x102\x1aM\xf9\xf3\x15\xaa\xfa\xeak\r\xeb\xbf]\xbad9\x87\xd3\xa1\xaaJ`S\x05\xa2(\xdal)\xadZ\xb4_\xb1z\xd1\x81\x83{\t!\xfd\xfb\xf7\xdf\xb6m\x1b\x17\x00NF\xc1w\x00\x9c\x0c\x80\x10"\x8a\xe2\xd5\xabW\'O\x9e\xcc\n\x16\x07\x05t\xe0;\xa5T\x14\xc4[\xb7oRJ\x11\xfa\xab\xf7C\xfe|\x05\xc2\r\xba?\xe2/\xbd\xd7\xe3\xdd\xf6\x9d\x9b\xfe\xbcx\xd6\xa93\xc7\xef\xdd\xbfkKM\xb1\xa6X\xae\xdf\xb8\xba\xef\xd7]\x13&amp;\x8d}\xbbE\xeda\x9f\r\xf0\xb8]a\xda0B\x02_y\xa9b&lt;r\xd8\x17\x10B\x84\xd0\xf6\xed\xdbW\xae\\\xc9KB9\x19\x05\x17\x00N\x06\xc0:-\x8f\x181\xc2f\xb3\x11B^}\xa5Z\xab\x16\xed\xad)\x96\xc0\xb5\xb3\xa7H@w\xee\xde\x06\x00\xa0\x07q\xf3\xe2EK\xef;\xb0\xafu\x87\xc6{\xf7\xef\x92$\xe9!\xef^\x14EI\x92X\'\x86y\x0b\xe2Zwj|\xf7\xde\x1d\xadV\x17Xw\x1b!\xe4t:\xca\x97}\xb9G\xd7&gt;,\x9b2t\xe8P\x9b\xcd\xc6\xb3\xc1\x9c\x0c\x81\x0b\x00\'\x03`%\xea\xb7o\xdf\xf6\xf9\xfbB \xfa(\xf8\xa0\x00@\x00\x13\x93\x12\x00\x00\x00\x02J\xa9V\x1bv\xe7\xee\xad\xce=Z\xdaRS\x00\x00\x8a\xa2@\x88\xf2\xe6\xc9_\xaad\xd9\xa2EJ\x18#L\xaa\xaa*\x8a\xc22\x19\xa2(\x9d\xbfp\xa6[\xaf\xd6.\x97S\x14\xc5\xc0\x9aZ\xb6\x89a\xff\x86\x10&amp;\'\'\x07j_\xc5\xc9~p\x01\xe0d\x00\xac\x8b\xd9\xb8q\xe3 \x84\x82 \x1e&gt;zp\xce\xcf?ED\x18UU\r\xc8z \x80\x84\x10\x9b\xcd\n\x1et\xf6!\x84\x8c\x18=(99\x11\x00\x10\x1b\x9bc\xd8\'c\xb7\xae\xffu\xcb\xba_\xd7\xad\xd8\xb5q\xf5\xee\x1d\x9b\x0e\xcd\xfcaq\xe5JU\x99\x97\xad\xaa\x8a(J\x17.\x9d\xfbf\xf2\xe7\x06Cx\x00\x03A\x84\x90\xf0\xf0\xf0\xdf\x0e\xed\x9b5w:\x1b\x12\xf9\xc9\'\x9f\xe4\xc8\x91\x03c\xcc5\x80\xf3\xdf\xe1g\x0b9\x19\x03\xab\x01\xed\xd2\xa5\xcb\xfc\xf9\xf3\x05A0\xe8\r\xbfl=j2E*\x8a\xd7\xff\xa6\x8a\r\xd8\xea\xd5\xb7\xe3\xc6\xcdk\x1e\x8a\x98\xd7\xad\xf3\xe6\x84\xf1\xdf\xe7\xcd\x9b?--MU\x14B\t\x84\x10!A\x17\x16\xa6b\xf5\xe3a}\x96\xaf\\\xc8\x02,\x10BI\x92\xb7\xae\xff\xb5`\x81"n\x8f\x0b\xf9q6\x80\x0fBHD\xb8\xb1y\x9bz\x87\x8f\x1e\x84\x10\x16/^\xfc\xf4\xe9\xd3\xa2(\xf2\x06\xd1\x9c\x0c\x81\xef\x008\x19\x03\x8b\x02}\xf5\xd5W\x91\x91\x91\x94\x02[\xaam\xd2\xd4/ta:\x1c\x08\xf7\x19B\x00(e\x15\x9f\x0c\x16\xf1\xaf]\xb3\xfe\x9c\xb8\xa5fsTRR\x82\xdb\xedbk\xa3\x94\xa8\xaabM\xb1x&lt;\x9e\xaf\xc6M-[\xfa%B(\xb3\xb0\x1e\x8f{\xd3\x965aaa\x01\xc9\x04\xa8\xaaj4\x9aV\xac^t\xf8\xe8A\x16\x89\x9a:u\xaa,\xcbL\x9c\xfc\xbf\x1eN\xf6\x83\x0b\x00\'c`\xf5\xe99s\xe6\x1c&lt;x0!X\x10\xc4e+\x17\x9c:s\xdc\xa0\x0f\x0f\x88\xf5\xa4\x0f\x82?\xe0\x818\x99\x8c\xe6/\xc6N\xa6\x84\xba\xdci\xec\xe4\xd7\x033\nY\xdc\xdf\xeb\xf5\x86i\xc3z\xf7\xfc\x08\x00\xca^\x02Bx\xe0\xe0&gt;\x8f\xc7\x13\x10\xf7_\x14E\x87\xdd&gt;e\xda\x97\xecL@\x83\x06\r\x1a4h\xc0g\x03p2\x10.\x00\x9c\x0c\x83i\xc0\xc7\x1f\x7f\\\xacX1B\xb0\xaa\xaa\xe3\xbe\xfc\x9f\x18\x98s\x00\x00B(I\x92oa\x94\xd2&amp;\x8d[\x14)T\xcc\x91\xe6\x10\x85\xc7\xd7&amp;\t\x82\xe0Ls\xbcZ\xb9\xba\xd1h"\x840\t\xb9v\xfd\x8f\x94\x14\x8b(J~\x0e\x96\xaa\xaaj6G\xfe0c\xf2\xf5\x1b\xd7\x04A\x10Eq\xea\xd4\xa9\xdc\xf7\xe7d,\\\x008\x19\x06s\xb4eY\x1e?~&lt;\xa5T\x14\xc5\x03\x07\xf7\xaeX\xbd\xd8h4\xf9?\x1b\x8c \x0c7\x84\xff\xf5\x05\x05\x00\x80J\x15\xaa`\x82\x9f\xe2\xcb3G;*2\xa6@\xbeB\x80\xc5\x91\x00\xb0\xd9Rl\xa9)~v\xba\t!z\x9d\xfe\xcc\xd9S\xb3\xe6M\x17EQU\xd5^\xbdz\x95(Q\x82\xf5\x05\xf2\xe7J8\xd9\x1b~1q2\x12\x96qm\xd5\xaaU\x83\x06\rX\x07\xe3)\xd3\xbet\xd8\xed~&gt;\x10@\x01EH\x88\x8e\x8a\x05L\x96\x00\x00\x00h4\x1a\xf0o^&lt;\xa5T#\xcb\x11\x11&amp;\x00\x00\x1b\x10\xa6\xa8\x8a\xcb\x95\xe6\xe7\xba{BHXX\xd8\xd4\x1f\xbev8\xec\x94\xd2\x9c9s\x8e\x1b7\x8e[\x7fN\x86\xc3\xaf\'N\x06\xc3\xf6\x01S\xa7N\x15EQ\x10\x84\xeb7\xae\xfd0c\xb2\xd9\x1c\xe9\xcfM\x00\x04\x90P\x927o\x01\xf0W\x93"\x00\x00\xb0X-\xf0\xd9\x0ch`\xa3,\x18c\x93\xc9\xbcs\xf7\xb6\r\x9bVK\x92\x841\xfe\xea\xab\xaf\xccf3\x8f\xffp2\x1c.\x00\x9c\x0c\x86e\x02J\x94(\xd1\xabW/UUEQ\x9c5o\xfa\x99\xb3\xa7\xf4:\xbd\xdf\xb2\xc1\x10BUQ\x8b\x16)\x01\x00\xf0\xb5#\xfd#\xfe\x12\x04\x90\x82\xa79\xf2\x10BEU\x9dN\x07\x00\x80E\x8e$I\n\x0b\xd3\xfb\xb3\xa7\xa9 \x08ii\xce/\xbe\x1eA)Q\x14\xa5b\xc5\x8am\xdb\xb6\xe5\xee?\'3\xe0\x97\x14\'\xe3a\x1a0n\xdc\xb8\x9c9sRJ\x1d\x0e\xfb\xd4\x1f\xbe\x0e\x0b\xf3_[\x05\x08\xa1\xdb\xe3.V\xa4xlL\x0e_\xab\xff\xdf\x8f\x1cp:\x1d\x02zb4\x9f\x1dg\xb3\xdbS\xef\xde\xbb\xe3{\xd0\x18a6F\x18\xfd\xd6{GUU\x93\xd1\xbcr\xf5\xe2s\x17\xce\x88\xa2$\x08\xc2\x94)S4\x1a\rw\xff9\x99\x01\x17\x00N\xc6\xc3\xa2@f\xb3\xf9\xab\xaf\xbe\xc2\x18K\x92\xb4a\xd3\xea\x1d\xbfl1\x19\xcd\xfe\xb1\xa4\x10BE\xf1\xc6\xc6\xe4\xacR\xf95f7!\x84\x17/\x9d;~\xf2\x88^\xf7\xc4\xf1d\xac\x87\xe8\xd5kW\xee\xdf\xbf\xe3\xb3\xb6\x05\n\x146\x99"UU\xf1\x83\xfd\xa5\x94j\xb5\xda[\xb7oN\x9a\xfa\x85 \x08\x8a\xa2t\xe8\xd0\xa1F\x8d\x1a\xaa\xaa\xf2\xd2ONf\xc0\x05\x80\x93)\xb0M@\xdb\xb6m+U\xaa\xa4\xaa\x98R\xf2\xdd\xb4\xaf\xfccF}P@\x9b\xbc\xdd\x92RJ)A\x10\x11B\xa6\xfd\xf4-\xb3\xa4\x8f\xcd\xe8\xaaX\xd5\x85\xe9\xd6\xac[N(E\x08\xb1$p\x95W\xaai5Z\xffL\x89\xc1\x18\x1b\xf4\xe13\xe7LKLJ\x80\x10\x19\x8d\xc6\xcf&gt;\xfb\x8c\xfe\xb5\x18\x0e\'\xe3\xe1\x17\x16\'S`\x9b\x00\x8dF3q\xe2DJ\x89(JG\x8e\x1dZ\xbc|~\xa4\xbf\xb2\xc1\x82 8\x1c\xf6:5\xeb\x95(^\x9a\x05\x81\x10B{\xf7\xef\xfai\xd6\x94\x1c9r\xb1\xe1_\x94\x126\x0c\x12c\xac(\xde\x1c19\xf7\xff\xb6{\xd9\xaa\x05\x10"B\x08\xa5D\x10\x84\x06\xf5\xdf\xf6O\x1f\x08B\x88\xc1\x10~\xe2\xd4\xd1\xd9\xf3\x7f\x10EQU\x95\x81\x03\x07\x16)R\x04c\xcc\x05\x80\x93I\xf0\x0b\x8b\x93Y\xb0\x92\xd0Z\xb5j\xb5l\xd9RQ\x14A\x10&amp;~7\xfe\xd6\xed?\xb5Z\xad\x7fJ*1\xc6z\x9d~`?6Q\x0b2Wz\xdc\x97#\xa6N\xff\xda\x18a4\x99"5\x1a\xad$I\x1aY\x13\x11a\x8c\x8d\xc9\xb9\xf7\xd7]\x1f\xf4\xeb\xecv\xbb\x00\xa0l\x07S\xafN\xa3\n\xe5_q\xa69\xfdc\x82\x05\x84\xc6}\xf9?EQ\x08!\x85\x0b\x17\x1e0`\x00?\xf7\xcb\xc9Tx38N&amp;\xc2\x8ag\xae]\xbbV\xb1bE\xa73MU\x95\xde=&gt;\x1a=\xf2\xeb\xe4\xe4$\xff\x9c\x0c \x04G\x84\x9b\xfa\x0e\xec\xbaf\xfdrI\x92\x14Ea[\x93\xd7\xab\xd7i\xd7\xfa\xbd\x92%J\xebu\xe1n\xb7\xeb\xc6\x9f\xd76o]\xb7r\xcdb\xd6e\x93=\'L\x1b\xb6a\xf5\x9e"\x85\x8b\xb1\x91a\x99\xbaN\x8c\xb11\xc2\xb4u\xc7\x86\xee\xbd\xdb\xb2\x93_+V\xach\xd9\xb2%\x17\x00N\xa6\xc2\x05\x80\x93\xb9\xb0J\xd01c\xc6\x8c\x1e=\x9a\xb5\xb1\xdc\xb4f_\x89\xe2\xa5\xd3\xfc\xe2V\xb3\xc2\x1e\x8cq\xa7\xee-\x8e\x1c=(\x8a"\xabDb\xff\x97$Y\xab\xd1z\x15\xaf\xc7\xe3f\xcf\x87\x10!\x04Y\x96x\xea\xc4Y-\x9b\xb7O\xb1Y\xfdc\x82\x11B\r\xde\xaev\xfd\xc6UJi\xadZ\xb5\xf6\xec\xd9\xc3\xad?\'\xb3\xe1! N\xe6\xc2\xba\xd8\x0f\x180\xa0H\x91"\x94REQ&amp;M\xfd\xc2oSVXw\x07I\x92\xe7\xceX^\xbf\xee[\xaa\xaa\xb2M\x89$\xc9\xa2(*\x8a\xd7\xeeH\xf5x\xdc\x82 \xb0G\x00\xa0\x18c\xadV;i\xc2O\xadZt\xf0\x8f\xf5WU\xd5d4\xfd\xbch\xe6\xb5\xeb\xf1\x08\t\xb2,O\x9c8\x91\xd7}r\xfc\x00\x17\x00N\xe6\xc2\xc2)F\xa3q\xd4\xa8Q\xac$t\xeb\xf6\r[\xb7o0F\x98\xfcS\x12\x8a\x10\xf2z=Z\x8dv\xe6\x0f\x8b\xc7\x8c\x9c\x90+g\x1e\x96\xf2M\x9f\x8b\xf6=B)\xadU\xa3\xde\xea\xa5\xdb\xdb\xb5z\xcf\x9ab\xf1\x83\xf5g\xd3\xca\xae]\x8f\x9f:}\x82 \x08\x18\xab\xed\xdb\xb7\xafT\xa9\x12?\xf9\xc5\xf1\x03&lt;\x04\xc4\xf1\x07\xcc\xd6\xd7\xa9Sg\xff\xfe\xfd\x08\xa1\x02\xf9\x0bm\xdfx\x90\x12J\x1e\xf4i\xc8l\xd8un\x8c0\xdd\xbd\x7fg\xc7\xae\xcd{\xf6\xed\xbct\xf9|b\xe2}EU\x04A\xd0\xeb\rys\xe7\xabT\xb1J\x83\xba\x8d_\xad\\\x1d\x00\xe0t:\xfc\x13~QU5&amp;:\xb6W\xdf\x8ek\xd6/\x17\x04!""\xe2\xfc\xf9\xf3\xb1\xb1\xb1\xe0\xc1\x0c\x03\x0e\'\xf3\xe0\x02\xc0\xf1\x07\xcc\x9f=~\xfcx\xb5j\xd50&amp;\x18\xab#\x87\x8d\xff\xf0\xfdA\x16k\xb2?\xfb\xc4a\x8ceY\xd6\xeb\x0c\x84`[\xaa-\xd5n\xf3x\xdc\xa2(\xe9uzc\x84),L\xa7(^\x87\xd3\x01\xfce|\t!z\xbd\xfe\xe8\xb1\xdf\xdb\xbe\xf76\xc6\x18c&lt;m\xda\xb4&gt;}\xfa\xf0\xe8?\xc7?p\x01\xe0\xf8\tf\xd4\xbav\xed:o\xde\xbc\x073#\x8f\x99L&amp;V\x99\xe3\xb7ePJ\t!\x00\x02Q\x10\x05AD\x10R@\t&amp;*V\t\xc1\x10"\x7f\xfa\xdd\xac\xf8\'\xfd\xc4\xc7\xb3g\xcf\xb2I5&lt;\x01\xc0\xf1\x03|\x8f\xc9\xf1\x13\x10BB\xc8\x97_~\x99nf\xe4x\x83&gt;\xdcomv|\xcb\x10\x04A@\x02!DQ\xbc\x1e\xaf\xc7\xeb\xf5\xaaXe\xe3\xec\xfdi\xfdUU\x8d4G\xad\\\xf3\x8f\x89\x8f\xec\x1f\xdc\xfas\xfc\x03\x17\x00\x8e\x9f`-\xf5}3#EQ\\\xb6r\xc1\x81\x83{\xc3\xc3\x0333\x12\xfe\x13?\xffv69\'!\xf1\xde\xb7S\xc6#\x84\xf8\xc4GN@\xe0\x02\xc0\xf1\x1f\xbe\x99\x91%J\x94\xc0\x18\xab\xaa\xfa\xd5\xb7\xa3\x04\xe4\xa7\x92\xd0\xa0\x82u\xfd\x9c1\xfb\xfb?o\xdd@\x08\xc9\xb2\xcc\'&gt;r\xfc\x0f\x17\x00\x8e\xff\xf0\xcd\x8cd\xc6N\x14\xc5\xc3G\x0f\xae\\\xb3(\xd2\x1c\xe5\xff\x99\x91\x01\x84\xb5\xfd9{\xee\xd4\xfcE3EQRU\xf5\x93O&gt;\xe1\x13\x1f9\xfe\x87\'\x819\xfe\x86E9\x1a6l\xb8}\xfbv\x84P\x9e\xdc\xf96\xad\xd9\x1b\x16\xa6cm\x18\x02\xbd:\x7f\x801\x8e\x087v\xff\xa0\xed\xb6\x1d\x1b\x05A\x88\x89\x899w\xee\x9c\xc9d\xe2\xb9_\x8e\x9f\xe1\xee\x06\xc7\xdf\xf8fF\xca\xb2\x8c\x10\xfa\xf3\xd6\x8d\x19\xb3\xbf7\x99\xcc!\xb2\t`\x13\x1fw\xef\xdd\xbem\xc7F\xdf\xc4\xc7\xc8\xc8H\x1e\xff\xe1\xf8\x1f.\x00\x1c\x7f\xe3\x9b\x19\xf9\xc9\'\x9f\xa8\xaa*\x8a\xd2\xfcE3O\x9f9a\xd0\x1b\x02\x92\r\xf63\x82 8\x1d\x8e\xaf&amp;\x8eF\x08)\x8aR\xb3f\xcdN\x9d:\xf1\xdc/\' p\x01\xe0\x04\x00\xa6\x01\x83\x06\r\xca\x993\'\xa5\xc4nO\x9d\xfa\xc3\x84\xb0\xb0\xb0l/\x00\xaa\xaa\x1a\x8d\xa6\x95k\x16\x9f;\x7fZ\x10\x04A\x10\xc6\x8d\x1b\xc7\xe3\xfe\x9c@\xc1\xaf&lt;N\x00`Q\xa0\xc8\xc8\xc8\xf43#w\xee\xdef2\xf9ifd@`\x13\x1f\xef\xdc\xb9\x95~\xe2c\xcd\x9a5\xb9\xfb\xcf\t\x14&lt;\t\xcc\t\x0cl\x14\x97\xa2(\xd5\xabW?~\xfc8\x84\xa0t\xc9rkW\xec\xca\xc6\x9b\x00\x15\xab\x91\xa6\xa8\x8f\x87}\xb8h\xe9\\Q\x14u:\xdd\xf1\xe3\xc7\x0b\x17.\xcc\x87&gt;r\x02\x05\xbf\xec8\x81\xc173r\xca\x94)\x82 \x88\xa2t\xee\xc2\x99\x95\xab\x17\x9b\x8c\xd93\x1bL\x081\xe8\xc3O\x9d9\xbel\xe5\x026\xf2e\xc8\x90!E\x8a\x14\xe1\xa5\x9f\x9c\x00\xc2w\x00\x9c@\xc2\xc6\xc5t\xee\xdc\xf9\xe7\x9f\x7f\x16\x04!\xd2\x1c\xb5u\xfd\x01\x93\xc9\xec\xe7\x06A~\x80\x10\x12n\x08o\xd3\xe9\xed\x03\x07\xf7B\x08\x8b\x16-z\xf6\xecYA\x10X\xe7\x9f@\xaf\x8e\x13\xa2p\xd7\x83\x13HX\x7f\x88\xcf&gt;\xfb\xcch4B\x88\x12\x93\x12f\xce\x99\xe6\xff\x06A\x99\r\xc68"\xc2\xb8m\xe7\xa6\x03\x07\xf7\xb2n?\xe3\xc7\x8f\x97e\x19\x00\xc0\xad?\'\x80p\x01\xe0\x04\x12\x84\x10\xc6\xb8H\x91"\x03\x07\x0eTUE\x14\xc5\xd9\xf3\x7f8q\xea\xa8\xc1\x10\x98\x06A\x99\x01\x1bK\xe9t8&gt;\xffj8\x82PU\xd5Z\xb5j\xb5j\xd5\x8a\xe7~9\x01\x87\x0b\x00\'\xc0\xb0\x99\xbd\x03\x06\x0c(\\\xb80!DQ\x94q_\xfeO\xc8Faq\x8c\xb1\xd9d\xfea\xc6\xa4k\xd7\xe3\x91 \x88\xa2\xc8\'&gt;r\x82\x84\xecs\x9bq\xb2(\xcc\x0e\x1a\x8d\xc6\xaf\xbf\xfe\x9a\x10"\x8a\xe2\x81\x83{\xb7\xed\xdc\x14\x11n\xcc\x06\x81 6\xf11\xfe\xda\x1f\xf3\x16\xcc`]?{\xf5\xea\xc5\'&gt;r\x82\x04\x9e\x04\xe6\x04\x05,\x1eR\xbbv\xed\xbd{\xf7B\x08\x0b\x16(\xbc}\xe3\xc1l\x10\x05zt\xe2c||\xbc\xd1h\xe4m\x7f8\xc1\x00\xf7A8A\x01\xab\n\x9d8q\xa2,\xcb\x08\t\xd7\xae\xc7\xff\xbch\xa6\xc9h\xca\xd2%\xa1\x18\xe3\x88\x88\x88\x03\x07\xf7n\xdc\xb2\x96E\xba\xc6\x8d\x1bg6\x9by\xfc\x87\x13$\xf0\x1d\x00\'Xxtf\xe4\xb6\r\xbf\xc5\xc4\xe4T\x14o\x165\x97\x84\x90\xb00]\xcbv\r\x8f\x1e\xff\x1d!T\xacX1&gt;\xf1\x91\x13T\xf0\x1d\x00\'X\xf0\xcd\x8c4\x9b\xcd\x00\x00[\xaa\xed\xeb\x89c\xc2\rY\xb5$TU\xd5\xc8\xc8\xa8e+~&gt;z\xfcwI\x92\x08!|\xe2#\'\xd8\xe0\x02\xc0\t\x16|3#\xc7\x8d\x1b\xc7v\x03\x1b\xb7\xac=ppoDDD\x96\xd3\x00J\xa9,k\x12\x12\xee\xfd0c\x12k\xfb\xd3\xaaU+&gt;\xf1\x91\x13lp\x01\xe0\x04\x11\xacKh\xaf^\xbdJ\x94(A)U\x14\xef\xf8\xafG`L\xb2\x9c\xcb\x8c1\x0e\x0f\x0f\x9f\xf6\xd3\xc4\x1b7\xafC\x88dY\x1e?~&lt;\xf7\xfd9\xc1\x06\x17\x00N\x10\xc1R\xc1\xa2(N\x9d:\x95\x10"I\xd2\xd1\xe3\xbf/[\xf1sddV\x9a\x19\xc9\xba&gt;\x9c&gt;sb\xce\xfc\x9fDQRU\xe5\xe3\x8f?.V\xac\x18/\xfd\xe4\x04\x1b&lt;\t\xcc\t:X\x9c\xa4u\xeb\xd6+V\xac\x10\x04!o\x9e|\x1bV\xed\xc9B3#1\xc6\x11\xe1\x11=&gt;l\xbfu\xfb\x06A\x10\n\x16,x\xfc\xf8q\x83\xc1\xc0s\xbf\x9c`\x83\xfb#\x9c\xa0\x83\xed\x03X\xb7\x1c\x08\xe1\x8d\x9b\xd7g\xcc\xfe\xded4+\x8aB\x83\x1eUU\x8cF\xd3\xee\xbd;\xb6n\xdf\xc0&amp;&gt;\x8e\x1a5*""\x82\x90\xac\x17\xc8\xe2d{\xf8\x0e\x80\x13\x8c\xb0M\xc0\x88\x11#\xc6\x8f\x1f/\x8aRXX\xd8\xfa\x95\xbf\x14/Z\xca\x99\xe6\x14\x84\xe0\xf5Z\xe8\x83\xce\xfeM\xde\xads\xe1\xe2YBH\xcd\x9a5\x7f\xf9\xe5\x17\x00\x00\xcf\xfdr\x82\x10.\x00\x9c`\x84y\xd3)))e\xca\x94ILL\xc4\x187\xa8\xfb\xd6\xc4\xaf\x7fJs9\x11\x0c^\x01\xc0\x04\x1b#Ls\x7f\x8e\x9b0i\x0cs\xffw\xef\xde\xcdg~q\x82\x16.\x00\x9c \x85\x19\xcd\xf9\xf3\xe7w\xe9\xd2E\x92$EQ\xc2\r\xe1\x82 R\x10\xd4W,\x040\xc5f\x95%\xd9\xabx;w\xee&lt;o\xde&lt;n\xfd9A\x0b\x17\x00N\xf0\xc2\xb2\xbeu\xea\xd4\xd9\xb7o_\xa0\xd7\xf2\xdcDFF\x9e;w.G\x8e\x1c\x94O|\xe4\x04+b\xa0\x17\xc0\xe1&lt;\r\x84\xd0\xb8q\xe3\xde}\xf7\xdd\x07I\xd6@/\xe8\xdf\x80\x00 \x01\xa9\xaa\xfa\xc9\'\x9f\xe4\xcc\x99\x93\xbb\xff\x9c`\x86\xef\x008Y\x00\x9b\xcd\xc6\xaah\xb2\xc4\xe5\xca\xaa}L&amp;\x13\xe5\'\xbf8\xc1M\xd6\xb8\xa38\xa1\x0c7\xa3\x1cN&amp;\xc1\x05\x80\x93\x05\xc8\x8aW)\x17-N\xf0\xc3\x05\x80\xc3\xe1pB\x14^\x9c\xc0\xe1p8!\n\x17\x00\x0e\x87\xc3\tQ\xb8\x00p8\x1cN\x88\xc2\x05\x80\xc3\xe1pB\x14.\x00\x1c\x0e\x87\x13\xa2p\x01\xe0p8\x9c\x10\x85\x0b\x00\x87\xc3\xe1\x84(\\\x008\x1c\x0e\'D\xe1\x02\xc0\xe1p8!\n\x17\x00\x0e\x87\xc3\tQ\xb8\x00p8\x1cN\x88\xc2\x05\x80\xc3\xe1pB\x14.\x00\x1c\x0e\x87\x13\xa2\xf0\x89`\x9c\xc7@)%\x84\xb0F\xfc|\xa0\x15\x87\x93]\xe1\xed\xa09\xff\x80\xd9\xfd\xf4F\x9f\x89\x01B\x887\xb8\x0f*\xd8\x884\xfe\xa1p\xfe\x0b&lt;\x04\xc4\x01\x00\x00J)\xc6\x18c\x8c\x10\x12\x04\xc1\xeb\xf5\xaeY\xb3f\xf0\xe0\xc1\x87\x0e\x1db\x9b\x00\x08\xa1\xaa\xaa\x84\x90@\xaf\x94\x03\x00\x00&gt;I\xc6\x18\xab\xaa\x8a1\xe6\x9e\x1c\xe7\x05\xe0;\x80P\x87\x99~Q\xfc+\x18x\xf1\xe2\xc5e\xcb\x96-[\xb6\xec\xc2\x85\x0b\xec\x91\xea\xd5\xab\xf7\xe8\xd1\xa3e\xcb\x96\xe1\xe1\xe1\x80o\x08\x02\x8do@\xe6\xad[\xb7r\xe5\xca\x95~\xafF\x08\xf1m\x0b\xf8\xe6\x80\xf3,p\x01\x08]\xd2G{0\xc6\xbf\xfc\xf2\xcb\xc2\x85\x0b\x97/_\xeev\xbb\x1f}r\xbe|\xf9\xda\xb4i\xd3\xa9S\xa7\xf2\xe5\xcb\xb3G\xd8v\x81[\x19\x7f\x821f\x9f\xd7\xc0\x81\x03g\xcc\x98Q\xa8P\xa1\xe2\xc5\x8b\xd7\xacY\xb3B\x85\n\xe5\xca\x95\x8b\x8c\x8c|\xe8\xc9L-\xf8\xc7\xc4y\x12\\\x00B\x8e\x87\\\xf8\xfb\xf7\xef/X\xb0`\xc1\x82\x85\xa7O\x9f\xf2=G\xa3\xd1\xd4\xaaQ\xafr\xa5\xaa[\xb6\xad?~\xf2\x88\xefqI\x94j\xd7\xa9\xdd\xb7o\xdf\x86\r\x1bj4\x1a\x00\x00\xc6\x18\x00\xc0M\x8c\x1fPUU\x14E\x8b\xc5\xd2\xbe}\xfbm\xdb\xb6A\xf8\x8f\x9b7**\xea\xe5\x97_\xaeV\xadZ\xc5\x8a\x15_y\xe5\x95\xdc\xb9s?is\x80\x10\x0f\xfcr\xfe\x82\x0b@\x08\xc1\xac\x80/\xda\xf3\xdbo\xbf\xcd\x9b7o\xc3\x86\r\xf7\xee\xdd\xf3=\'W\xae&lt;\xad[th\xda\xb8e\x89\x12\xa5EA\xf4x\xdc\xfb\x0e\xfc\xb2z\xed\xb2\x9d\xbb\xb7\xd8\xed\xa9\xbe\xa7\x95,Y\xb2m\xdb\xb6\xdd\xbbw\xcf\x9b7/{\x84o\x082\x0f_\x98\xee\xc8\x91#\x1d:t\xb8r\xe5\x8a$I\x8a\xa2\x84\x87G\xa4\xffP|\x84\x1b\xc2\xf3\xe5\xcfW\xa5J\x95\xf2\xe5\xcbW\xaf^\xbdl\xd9\xb2:\x9d\xee\xa1W\x03\x0fd\x9b\x7fd\xa1\x0c\x17\x80\xec\xcfC.\xbf\xddn_\xb9r\xe5\xacY\xb3~\xfb\xed7\xdfs$I\xaa\xfa\xea\xeb\xcd\x9b\xb6\xa9[\xe7\xcd\xd8\xd8\x1c\x1e\x8f\'-\xcdI\x01\x15\x102\x18"\x10DW\xaf\xff\xb1y\xeb\xda\x95k\x96\\\xber\xc1\xf7SF\xa3\xf1\x9dw\xde\xe9\xd8\xb1\xe3\x1bo\xbc\xe1\x0b%q\x1f3c\xf1y\xees\xe6\xcc\x190`\x80\xddn\x17\x04\x841\xf9\xa8\xcf\xa7\x9d:\xf48{\xf6\xd4\xe9\xb3\'\xce]8}\xf6\xdc\xa9;w\xff|\xec\xdd\x9c?\x7f\xfe\x92%KV\xaf^\xbdz\xf5\xea%K\x96\xcc\x97/_\xfa\xef\xf2HQ(\xc3\x05 ;\xf3PM\xe7\xe9\xd3\xa7\x17,X\xb0l\xd9\xb2?\xff\xfc\xd3\xf7\x9c\x98\x98\xd8zu\x1auj\xdf\xbdL\xe9\x97dYv8\xec\x8a\xe2\x85\x10\xf9\x8c8&amp;\x18P\xa0\xd5j\xf5\xfap\x8b%i\xdf\xaf\xbf\xac\\\xb3x\xdf\xaf\xbb&lt;\x1e\x8f\xefE\xca\x97/\xdf\xb7o\xdf\xa6M\x9b\xe6\xc8\x91\x03\xf0Dq\xc6\xc1\x82\xfe\xaa\xaa~\xf2\xc9\'S\xa6L\x11\x04\x01c\x1c\x1e\x1e\xf1\xe5\xd8)\xad[v\xb4\xa7\xa6j\xb4ZI\x92TUMNN\x8c\xbfv\xe5\x8f?.\x1d&gt;z\xf0J\xfc\xc5+\x7f\\r:\x1d\x8f\xbe\xa0\xc1`(]\xbat\xf5\xea\xd5\xcb\x97/_\xb5j\xd5\x02\x05\n\xa4\xdf\x1c\xf04r\xa8\xc1\x05 \x1b\xc2\xec/\x00\x80\x99~\x8f\xc7\xb3m\xdb\xb6i\xd3\xa6\xed\xd9\xbdGQ\x15\xdf\xd3*Ux\xf5\xddf\xed\xea\xd7}+_\xde\x02\x1e\x8f;\xcd\x95F)AHx\xecm\xcf\xe2\x06\x92$\xe9\xf5\x06\x08\xe1\xa9\xd3\xc7V\xaf]\xb6i\xeb\x9a;wo\xfb\x9e\x933g\xce&amp;M\x9a\xf4\xed\xdb7}\xa2\x98o\x08^\x18f\xfd\xef\xde\xbd\xdb\xaaU\xab\x03\x07\x0e\xc8\xb2\xec\xf5zK\x95(3\xf1\xeb\x9f^\xa9X%!\xf1\xbe(\x8a\xec\xc4\x1e\x84P\x92$\x8dF+I\x12\xa0\xc0\xedv\xdd\xbcu\xe3\xea\xb5+\'N\x1e9r\xec\xe0\x95?.%%\'&gt;\xfa\xfa\xb2,\xe7\xca\x95\xabb\xc5\x8a&lt;\x8d\x1c\xb2p\x01\xc8V\xfckM\'\x00 &lt;&lt;\xa2^\x9dF-\x9a\xb5\xa9\xf9\xda\x1b\xb2\xacIs9=\x1ewz\x97\xff\xe9\xaf\xcf\xa4E\xaf\xd3k\xb4\xda\xfb\xf7\xef\xed\xda\xbdu\xf5\xba\xa5\xbf\xfe\xb6\xc7\xf7\x1cI\x92\xea\xd4\xa9\xd3\xb1c\xc7\xd6\xad[\xb3D1\xdb\x88p#\xf2\xec\xb0\xf7Y\x10\x84\x03\x07\x0e\xb4j\xd5\xea\xee\xdd\xbb\xcc\xfa7j\xd8\xf4\xabqS\xa3\xa2\xa2SR\xac\x92$=\xf4#\x0c\x00\x00BH#kd\x8dF\x14D\xb7\xc7\x9d\x9c\x9cx\xfdF\xfc\x89S\xc7.]&gt;w\xf2\xf4\xf1\xeb7\xe2\xbd^\xef\xa3\xbf4::\xbaL\x992\x15*T\xa8Y\xb3f\xc9\x92%\x8b\x17/\xce\xd3\xc8\xd9\x1e.\x00\xd9\x84g\xa9\xe9,^\xacT\xcb\xe6\xed\xdez\xb3Y\xe1\x82E\t%vG*%/h\x97\t!\x84\x12Y\x92\r\x86\x08\x8f\xc7}\xf4\xd8\xa1Uk\x97\xec\xfceKbR\x82\xef9\xa5J\x95j\xd3\xa6M\x9b6mJ\x96,\xc9\x1eQU\x95\x9d)\xfb\xcf\x7fnv\xc6gg\xe3\xe2\xe2\xfa\xf6\xed\xab\xaa*B\x88\x102|\xc8\xb8\x0f\xde\x1f\xe8v\xbb=^\xb7(\xfcK\x13\x17_3\x0f\x84\x90$I\xb2\xac\x91e\x99R\x9a\x9aj\xbb~=\xfe\xea\xf5\xf8\xdf\x8f\x1c\xb8p\xf1\xcc\xe5?.Z\xad\x96G\x7f\\\x96\xe5\xa2E\x8b\xfa\xd2\xc8%J\x940\x1a\x8d\x8f\xbe8\xdf\x1cdu\xb8\x00dm\x9e\xa5\xa6S\xab\xd1\xd6x\xbdN\xcb\xe6\x1dj\xbe\xfeFdd\xb4\xd3iw\xbb\xdd\x00\x02\x01\xfd\xd7&amp;?\x94RB0D\xc8\xa03H\xb2|\xe3\xc6\xb5u\x1bW\xacY\xbf\xfc\xc2\xc5\xb3\xbe\xe7\x84\x85\x855h\xd0\xa0O\x9f&gt;&lt;Q\xfc,\xf8\x82\xfe}\xfb\xf6\x8d\x8b\x8bc\xd5&gt;\xc6\x08\xe3\xd4\x89\xb3\x1b\xd6\x7f\xdb\x9ab\x01\x00&lt;\xef[\xf7`o@\x00\x80\x82 h4ZY\x96\x11D^\xc5{\xf7\xde\xed\xf8\xab\x97\xcf_8{\xe4\xd8\xc1s\xe7O\'$\xde\xf7z=\x8f\xbeBLLL\xb9r\xe5j\xd6\xac\xc9\xd3\xc8\xd9\x0c.\x00Y\x95\xe7\xa9\xe9|\xb7d\x89\xb2\x00\x02\xa7\xd3\xa1(Jf\xf8\xe0\x84\x10J\x89F\xa3\xd5\xeb\r\xf6\xd4\xd4CG~]\xb3n\xd9\xe6m\xeb\xd2\xef?\xca\x97/\xdf\xa9S\xa7N\x9d:\xf1D\xf1\x93`\x95\xfeW\xae\\\xe9\xda\xb5\xeb\x81\x03\x074\x1a\x8d\xc7\xe3)W\xf6\xe5\xef\'\xcd.Q\xac\x94\xc5j\xf1}\xdc\xff\x05\xe6\xbc\x03@!D\xb2,k4ZQ\x14\xb1\x8a-\xd6\xe4\xbb\xf7n\x9d&lt;u\xec\xe2\xe5\xf3\xc7O\x1c\xbe\xf2\xc7Eg\x9a\xf3\xd1\x1f7\x18\x0ce\xca\x94)]\xbat\x8d\x1a5\xca\x94)\xf3h\x8d)\x00\x80\x7f\xa6Y\x05.\x00Y\x8c\x17\xae\xe9\x04\x99\x7f\\\x8bR\x8a\t\x16\x05Q\xaf7 \x84\xce_8\xb3q\xcb\x9a\x8d\x9bV\xffq\xf5\xb2\xef9,Q\xdc\xa5K\x97\xea\xd5\xab\xb3GX\x88#\xc47\x04\xccEG\x08m\xdb\xb6\xad}\xfb\xf6\x16\x8b\x85\xf9\xfe-\x9b\xb7\x1b7\xea[\xbd\xce`w\xa4\x8a\xa2\xf4\xef/\xf4"\xbf\x97PJ\x01\x84\x92(I\x92\xac\x915\x10AWZ\xda\xcd[\xd7\xaf^\xfb\xe3\xf8\x89\xc3\'O\x1f\xbbz\xed\x8f\xdbw\xfe|\xec+\xe4\xcf\x9f\xbfR\xa5J\x15+V\xacV\xad\xdaK/\xbd\x14\x1d\x1d\r\xd2\xf5\xab\xe0\x049\\\x00\xb2\x0c\x19R\xd3\xe9\x1fX\xe5\xa8N\xa7\xd3j\xc3\xacV\xcb\x96m\xeb\xd7\xac_v\xe8\xf0\xaf\x8a\xf2w\r\xd2C-\x86B\xf9D\xb1\xaf\xc1\xc3\x94)S\x06\x0e\x1c\xc8\x8e\xf8\n\x820\xf4\xe31\xbd{~\xe4\xf1\xb8\xbd^\xaf\x1f\x9ar\xa7K#S\x84\x04\x96F\x16\x04AUTkJ\xf2\x95?.\x9e&lt;}\xec\xe2\xa5s\'O\x1d\xbbs\xef\x96\xc3\xf1\x98\x1aS\xb3\xd9\\\xb4h\xd1\xc9\x93\'W\xaf^\x9d%\xb13{\xcd\x9c\xff\x08\x17\x80`\'3j:\xfd\x03\x8b\x0b\x89\xa2\x14\x1e\x1e\xe1\xf5z\xcf\x9d?\xb5`\xf1\xec\x9d\xbb\xb7$&amp;\xfe\x9d(f-\x86:w\xee\\\xb6lY\xf6H\xa8\x9d(fa\x1f\xbb\xdd&gt;`\xc0\x809s\xe6\xc8\x92\xecU\xbc\xd1\xd1\xb1?L\x99W\xbbf\xbddK\x12x\xfe\xa0\x7f\x86\xf0\xe0\xc2\xa3\x10"Q\x14Y\xe6\x80Rj\xb3\xa5$&amp;%\x9c&gt;s\xfc\xdc\x85\xd3\'O\x1d\xbbp\xf1,\xcbL\xf8\xa8U\xab\xd6\x9e={\xd8&gt;\xd5\xff\xcb\xe6&lt;\x17\\\x00\x82\x97\xcc\xae\xe9\xf4\x1b\x18\xab\x10"]\x98N\xa3\xd1\xfey\xeb\xc6\x8e]\x9bW\xad]r\xec\xc4a\xdf\x13\xb4Zm\xc3\x86\r\xbbu\xeb\xf6\xe6\x9bo\xca\xb2\x0c\x1el\x08\xb2\xbd\x0b\xe9\x0b\xfaw\xec\xd8\xf1\xf0\xe1\xc3,\xe8_\xf1\xe5\xca?~\xffs\x9e\xdc\xf9l\xb6\x94\x0c\t\xfa\xffw\x1eJ#K\x92\xac\xd5h\x05Q\xf0x&lt;w\xef\xdd\x8e\x8f\xbf|\xf1\xd2\xb9\x03\x87\xf6\xee\xdd\xbf\x0bB\xa8(\xca\xee\xdd\xbbk\xd7\xae\xed\xdb\xd9p\x82\x16.\x00\xc1\x8e\x1fj:\xfd\x83/Q\xac\x0b\xd3{\xbd\x9egi1\x94\x8dC\xc9\xbeJ\xff\xe5\xcb\x97\x7f\xf0\xc1\x07\xbe\xa0\x7f\xbb\xd6\x9d\xc7\x8f\x99\x04\x00t\xbb\xd3\x84\x7f\xab\xf5\x0c\x14\xe9kLeY\xd6\xc8Z\x84\x90N\x17\xd6\xa5g\xeb\xb5\x1bV\x00\x00j\xd7\xae\xbd{\xf7n\xbe\t\x08~\xb8\x00\x04#\xecCq:\x9d?\xfd\xf4\xd3\x82\x05\x0bN\x9f&gt;\xed\xfbV\xe6\xd5t\xfa\x07f; \x82\xe1\x86\x08\x04\xd1\xf5\x1bW\x97\xaf^\xb8a\xd3\xaa\xf8\xabW|\xcf1\x1a\x8dM\x9b6\xed\xd1\xa3G\xcd\x9a5\xb3\xa5\x06\xf8\\\xe31c\xc6\x8c\x1e=\xda\x17\xf4\x1f3bB\xf7\xae\x1f\xa6\xa6\xa6\x12\x82\xb3\x8a\xe9d;\x03U\xc5\xe1\x86\xf0\x8b\x97\xcf7mY\x87\r\x0e\xe2\x9b\x80,\x01\x17\x80`\x84E\x06\xc6\x8e\x1d;j\xd4(\xdf\x83~\xab\xe9\xf4\x0f\xbe\x16C:\x9d\xdebI\xde\x7f`\xf7C-\x86\x8cF\xe3\xe5\xcb\x97cbb@\xf6*+d\x1f\xae\xd5j\xed\xdd\xbb\xf7\xf2\xe5\xcb\xd9\x11\xdf\x02\xf9\x0b}\xfb\xd5\x0f5\xaa\xd7\xb1X\x93\x83y\x1b\xf7\x14TU\x8d\x8a\x8c\xfa\xa0\x7f\xe75\xeb\x97\x03\xbe\t\xc8"p\x01\x08:\xd8\'\xe2\xf1x\xca\x94)s\xf3\xe6MJi\xe5J\xd5\xda\xb4\xec\xf4F\xed\x06\xb1\xb19\xfdV\xd3\xe9\x1f\xd8Q2Q|\xd0b\xe8\xd4\xb15\xeb\x97\xafX\xbd(\xcd\x95\xe6\xf1\xb8\xbf\xfd\xf6\xdb\xc1\x83\x073\x8b\x19\xe8\x95f\x0c\xeco9q\xe2D\xf7\xee\xddO\x9c8\xc1\x82\xfe\xafW\xaf=u\xe2\xec\x1c\xb19Sl\xd6\xac\xfb\x97\x12Bt:\xdd\x85\x8b\xe7\xf8&amp; \x0b\xc1\x05 \xe8`6b\xc9\x92%\xed\xdb\xb7\x87\x10\x16*Xd\xe7\xa6\xdf\xf5zC\xaa\xdd\x16\x90\x9aN?\xe0\xabt\xd2j\xb5\xb11\x91\xf3\x16\xcc\xed;\xb0\x1b\x84\xb0t\xe9\xd2\'O\x9e\xcc\xba\xbb\x9c\xf4\xf8\x82\xfe\xbe\xae\xce\xa2(\xaa\xaa\xda\xf5\xbd^cF~\xa3(^\x8f\xc7\x1d\xb4A\xffg\xe4\xa1M@\x9d:uv\xed\xda\xc5R\x05\x81^\x1a\xe7\xf1\xf0\x0f&amp;\xe8@\x08QJg\xce\x9c\xc9B\xc3\xdd:\x7f\xa0\xd3\xe9\xef\'\xdc\xc5\x18\x0b\x82\x98-\xef%6w^\x10\x04\x8f\xc7\xfd\xe7\xad\xbbu\xeb\xbc\x99?_\x01J\xe9\xb9s\xe7\xf7\xee\xdd\xcbF\x9f\x07z\x8d\xff\t\xd6\xfdB\x10\x84\x81\x03\x07v\xef\xde=--\r\x00 K\xf2\x84\xf1\xdfO\x18?\xcd\xe9tx\xbd\xde\xacn\xfd\x01\x00\x08!\x8f\xd7\xd3\xab\xc7GZ\xad\x16\x00\xb0\x7f\xff\xfe\x8b\x17/B\x08\x99\xbas\x82\x90lhM\xb24\xac\x11\xd8\xf9\xf3\xe7\xf7\xef\xdfO)5\x9b#\x1b\xd4m\xecLs\xc8\xb2&amp;\x1bx\xc1\xff\nB\x02!$\xd2\x1c\xd9\xacIk\x00\x00\x00t\xd2\xa4I\x01^\xd3\x7f\x86\xb5\xc0\xb3X,o\xbe\xf9\xe6\x94)SdY\x831.U\xa2\xcc\xca%[\xdf\xeb\xf8~B\xe2\xfdl\xd3\x19\t!\xe4t:\xcb\x97\xabP\xb5\xf2k\x00\x00UU\xbf\xfe\xfa\xeb\x87FWr\x82\x8a\xecp\xd9e\'\x98\x00\xcc\x9d;WUU\x00@\x837\xde\xca\x9f\xbf\xa0\xdb\xed\x0e\x05\xeb\xcf\x10\x04\xc1\x99\x96\xd6\xb6\xd5{:\x9d\x1e\x00\xb0{\xf7\x9e\xabW\xaf\n\x82\x90\x15\xbdH\xdfI\x8e\xc3\x87\x0fW\xadZu\xdb\xb6m\xb2,{\xbd\x9eF\r\x9b.]\xb0\xa9|\xb9\x8aII\t\xa2(f\xb3\x0f\x97\x10\xd2\xa5So\x00\x00Bh\xe9\xd2\xa5\x97.]b\xddL\x03\xbd.\xcec\xe0\x02\x10D\xb0Z\xc0\xa4\xa4\xa4\x05\x0b\x16\xb0G\xdem\xd1AQ\x94lf \x9e\x0e\x84\xd0\xedv\x15,X\xe4\x8dZ\r\x00\x00.W\xda\xfc\xf9\xf3\xc1\x83\xdcx\x16\xc2w~{\xd6\xacY\xf5\xea\xd5\xbbr\xe5\x8a  \xaf\xd7\xdb\xff\xc3OgL[h0\x18l\xa9)\x0f\xf5\xf4\xcf\x06\x08\x82`\xb7\xa7\xd6\xad\xd3\xb0J\xe5\xea\x94\x12\x8f\xc7\xf3\xe5\x97_\xf2M@\xd0\xc2\x05 \x88`\x91\xe25k\xd6$$$\x00\x00\xaaT~\xad\xca+\xd5\x1c\x0e{\x08\x16QPBZ\xbf\xdb\x91U:\xc5\xc5\xc59\x1c\x0e\x96\x1a\t\xf4\xba\x9e\x15\xd6\xd0\x02c\xdc\xbbw\xef\x9e={\xb2\xa0\xbfNg\x986y\xce\x88a\x9f;\x9c\x0e\xaf\xd7\xfb\xaf=\xfd\xb3(\x94R\x84\x84\x0f{\r\xa6\x94o\x02\x82\x1d.\x00A\x04\xbbIf\xcd\x9a\xc5\\\xfe\xd6\xefv\xd4h\xb4!x\xdb\x08\x82`w\xd8k\xd5\xa8[\xb6\xccK\x00\x80\xfb\xf7\xefo\xd8\xb0!\x0b\xa5\x82}\xa3\x1ck\xd7\xae\x1d\x17\x17\xa7\xd1h0\xc6\xa5K\x96]\xb6`S\xebw;&amp;$\xdc\xcf\xde\xddO\x05AH\xb5\xdb\xde\xa8U\x9fo\x02\x82\x9fl{\x15f9\x98\xcfx\xfc\xf8\xf1\xa3G\x8fRJccr\xd4{\xe3M\xbb#5\x04\xdd\x7f\x00\x00\xc6X\xa3\xd1\xb6j\xde\x81Y\x8d\x193fd\x89#E,\xe8\xcfF9V\xaaT\x89\r\xf2\xf5x&lt;\xef6o\xb7j\xe9\xf6\xb2e^JH\xbc\x9f\xfd\xc2&gt;\x8f\xf2\xe8&amp;\xe0\xe2\xc5\x8b|\x13\x10\x84\x04\xfb\x1d\x15jL\x9f&gt;\x9d\xdd$\x8d\x1b5\xcf\x99#\xb7\xd7\xeb\r\xa9\x04\x80\x0fA\x10\x9ci\x8e\x86\r\xde\x8e\x8a\x8c\x06\x00\xec\xd9\xb3\xe7\xd8\xb1cA\xbe\t`\t|A\x10\</t>
        </is>
      </c>
    </row>
    <row r="265">
      <c r="A265" s="1" t="n">
        <v>263</v>
      </c>
      <c r="B265" t="inlineStr">
        <is>
          <t>size_grid</t>
        </is>
      </c>
      <c r="C265" t="inlineStr">
        <is>
          <t>What is the size of the missing part denoted with a question mark?</t>
        </is>
      </c>
      <c r="D265" t="inlineStr">
        <is>
          <t>['large', 'small', 'medium']</t>
        </is>
      </c>
      <c r="E265" t="inlineStr">
        <is>
          <t>large</t>
        </is>
      </c>
      <c r="F265" t="inlineStr">
        <is>
          <t>There are circles arranged in a grid formation with varying sizes in the image. The sizes in the first row are ['large', 'medium', 'large'], the sizes in the second row are ['medium', 'small', 'medium'], and the sizes in the third row are ['large', 'medium', '?'].</t>
        </is>
      </c>
      <c r="G265" t="inlineStr">
        <is>
          <t>We observe that the circles at the corners are large size, while the circles directly adjacent to the center are medium size. Only the center circle is small size. Hence, the pattern is that the circles alternate in size depending on if they are at the corner or adjacent to the center.</t>
        </is>
      </c>
      <c r="H265" t="inlineStr">
        <is>
          <t>Based on the pattern that the circles alternate in size depending on if they are at the corner or adjacent to the center, the size of the missing part that is at the corner should be large.</t>
        </is>
      </c>
      <c r="I265" t="inlineStr">
        <is>
          <t>b'\x89PNG\r\n\x1a\n\x00\x00\x00\rIHDR\x00\x00\x02\x00\x00\x00\x02\x00\x08\x02\x00\x00\x00{\x1aC\xad\x00\x00c[IDATx\x9c\xed\xddy\\\x14G\xda\x07\xf0\xa7\xba{f\x18\xee\xe1\x10\xaf\xf5\x16PD\x04\xc5#\x1a#\xde\xac\xb9v5\x9aC\xa3\x185\xbe&amp;f11\x87\xd9\xec\xe6\xde\x1cj4y\xa3I\xc4\xa8\xd1\x18}M\xb2\xabQWQ\x89\x89g\x94\x88\x06P\x14QD\x91K\xe5\x1a\xce\x99\xae\xaa\xf7\x8f\x8a\xb3\xac\'(0G?\xdf\xcf~\xf2q\x87a\xe8\x99y\xba~\xd5\xd5\xd5\xd5\x84s\x0e\x08!\x84\xb4G\xb2\xf7\x06 \x84\x10\xb2\x0f\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c5\xde\x1b\x80\x10\xd2\x16\xce\xf9\r\x1f\'\x844\xf3\x96 \x0c\x00\x84PS\xe1u\x00\x80$I\xb6\xff^\x8f1f\xfb/\xa9\xa3\x19\xb7Ws\xc8\xcd\xd2\x18!\x84\xee\x80h\xee\x19c\x84\x10Y\x96\xaf\x7f\x02c\xac\xac\xac\x8c\x90\xdf\x1b\x1f\xf1\x0f777\xa3\xd1x\xc3\'\x8b\x97\x92$\t\xc3\xa0\xd1a\x00 \x84\x1a\x81h\xf49\xe7\x8a\xf2\x9fq\x05Ji^^^VVVZZ\xea\xe5\xcb\x97\x93\x93\x7fUU\xb5\xb0\xa0\xa0\xa0\xb0\x80\x00\xe1 \x1a\x1f\x02\xc0==&lt;\xbbt\xed\xc29\x84\x87\x87\x07\x04\x04\xf4\xe9\xd3\xe7\x0f\x7f\xf8C\xfb\xf6\xed\xdd\xdd\xdd\xeb\xbe\x1a\x00`\x124"\x0c\x00\x84\xd0]\xe1\x9cSJm\xed&gt;\xa5433311q\xdf\xbe}\x99\x99\x9999\xe7\xca\xcb\xcdw\xf0\xb2\x06\x83\xbeu\xeb\xd6!!!\xfd\xfb\x0f\x189rdDD\x84-\x0cTU\x95$\xe9fCI\xa8\xfe0\x00\x10BwHt\xc9\xc58\x0f\xa5\xf4\xd0\xa1C\x1b7n\xdc\xb6m\xdb\xe9\xd3\x99\xb5\xb5\x96\xba\xcf\xf4\xf2\xf2\xf0\xf0p\xef\x1e\xdcARd\x1f/\x8f\x9e=\x839e\xa2\x1b\xcf9\'\x8a.\xe7\\\xee\xf9\xdc\x02"\xcbYY\xe7\xcb\xcb+\xae\x14\x97^\xf3\xb7:v\xec\x10\x133\xf4\xa1\x87\x1e\x1a2d\x88\xb7\xb77\\=\xe6\xc0\x03\x82\xbb\x81\x01\x80\x10j0J\xa9\xad\xe5\xcd\xcd\xcd]\xbf~\xfd\xda\xb5k\x8f\x1d;\xf6\x9fg\x10\xd2\xa1}\x9b\xde\x91\xdd\xa2"B\xfa\xf4\n\xed\x16\xd2\xc9\xdb\xc7\xd3\'\xd0\x04\x92\x0c\x12\x01\xd0\x01\xd4my\x08\x80\n\x8c\x02!\xd5\x97K*+\xab\x8fg\x9e;\x9a\x9a\x99\x96~:\xf9\xc8\xf1\xd3Y955\xb5\xb6\xa7\xb6o\xdf~\xfc\xf8\xf1\x13\'N\xec\xd9\xb3\xa7mcnx\xb2\x01\xdd\x16\x06\x00B\xa8\x01\xc4@\xbfhp\x0f\x1c8\xf0\xe5\x97_\xfe\xeb_\xff,))\x15?5\x99\xbc\xfbD\x85\x8d\x1a\xd6\x7f\xf0\xbd}\xc2B;\xb8\x07\xf8\x01(\x00*\xd4Z\x802f\xb5\x02\x00\xe7\xc09\x03\xa8\xdbm\xe7\xbfO\xf8\xe1 \xe9\x14\x90%0\xe8\x81(\x00\x9c\x96\x9b3\xcf\\8\x94\x9c\xba%q\xdf\x91#\'\xce\xe5\\\x14\xbf\xa0\xd7\xeb\x87\x0c\x192k\xd6\xac\xd8\xd8X\xbd^/\x8e\x060\x06\x1a\n\x03\x00!T/u\xc7\xfa\x93\x92\x92&gt;\xfc\xf0\xc3\x1d;v\xd8~:\xe8\x9e\xc8\x87\x1e\x88yt\xdc\xa8\xb6\x9d\xda\x82\xa4\x03f\x85\xeaZjU9\xe7\xb6\xf9\x9c\xf5\x19\xab\x11-\x12c\x9csN\x08\xc8\x8a\x0c\x06\x03\xe8\xf4\x00\xcc\\X\xbcq\xeb\xee\x7fn\xfcq\xe7\x8f\x07++\xab\xc5\xf3{\x86\x87\xc7\xcf\x99\x13\x17\x17\x07\xff}\\\x82\xea\x03\x03\x00!t{b\xb4\x1d\x00233?\xf8\xe0\x83U+W2\xce\x01\xc0ht{||\xec\xd4)\x7f\xbag@\x04\x18\x8cP[\xcdjj\x19\xe3D"Rc\xcc\xe2\x17\x87\x0b\x8cs\x02 \xebu\xe0\xee\x01\x9c\x9dL\xcf\xfc\xbfo\x13\x97-\xff6/\xff\x92x\xda\xf0\xe1\xc3_y\xe5\x95a\xc3\x86\x01\x8e\x085\x04\x06\x00B\xe86TUU\x14\xc5b\xb1|\xf8\xe1\x87\x8b\x16}T\\\\\x02\x00~&amp;\x9f\xa9q\x7f\x9a\xfc\xd8\x98\x1e}"\x80YyE\x15\xa5L\x96\x9b\xb0\x03\xfe\xfb\xe5\x05\x00\x92\x87\x11t\xc6\xc2\x9c\xf3k\xd6o[\xb1\xf2\xfb\x8cS\xd9\x00@\x08\x89\x8b\x8b{\xfb\xed\xb7[\xb7n\x8d\x87\x02\xf5\x84\x01\x80\x10\xba)q]\xae$I\xfb\xf7\xef\x9f9sfzz:\x00\x18\r\x86\xc7\x1e\x8d}\xe9\xf9\xa9!=\xc3\xc0ZI+\xab\t\x10In\xbeI\x99\x8c1\xc6\xb8\xe2\xa6\x07\xa3wYQ\xc1\xe2O\xbf\xfe"\xe1\xdb\xfc\x82\xcb\x00\xd0\xb2e\xd0\xdbo\xbf3m\xda4\xc0C\x81z\xc0\x00@\x08\xdd\x98\xad\x01}\xe3\x8d7\xde\x7f\xff=1\xb3sxL\xbfw\xde\x9a\xddoP?\xb0T\xab\x15U\x92l\xb7\xf9\xf8\x9cs\xaaR\xc5\xa0\x07\x0f\xef\xbc\xb3\xd9\x7f{s\xc9\xaa5\x9b\xc4\xc0\xd4\xa3\x8f&gt;\xfa\xe9\xa7\x9f\xfa\xfb\xfb\x8bc\x17\xbbl\x9eS\xc0\x00@\x08\xdd\x80h\xfd\xf3\xf3\xf3\xe3\xe2\xe2\x12\x13\x13\x01\xc0\xe4\xeb\xf5\xe6\xdf\x9f\x99\xfd\xecD\x90\x08-7\x13\xc7\xb8\x14\xeb\xf7S\xd3F7p\xf3H\xdc\xbc\xeb//\xbc\x7f\xeat\x0e\x00\x04\x07\x07\xafX\xb1b\xe0\xc0\x81x\x1cp\x0b\x18\x00\x08\xa1k\x89\x8e\xf3\xfe\xfd\xfb\xc7\x8f\x1f\x9f\x97\x97\x07\x00\x83\x06\xf4\xfa2\xe1\xed\xe0\xb0PVV\n\x9c7\xe7\x80O}p\xce)e\x8a\xc9\xa7\xecJ\xe9\xdc\xb9\x1f,_\xf5/\x000\x18\xf4\x1f\x7f\xfc\xc9\xd3O?\x8d\xa7\x04n\xc6\xb1\xbeE\x84\x90\xdd\x89\xd6?!!!&amp;&amp;F\xb4\xfe\xf1\xcf&gt;\xb1{\xe7\xca\xe0\xe0\x0ej\xc9\x15Ij\xd6\xe1\xfez"\x84(\x8aLK\xca|\x8c\xfa\x84\x95\xef\'|\xf6\x86\xaf\xb7gm\xade\xe6\xcc\x993g\xce\x94eY\\\xbe`\xef\xcdt8x\x04\x80\x10\xfa\x0f[\xeb?c\xc6\x0c\x00\xf0\xf1\xf2\xf8h\xc1KSgL\xe4\xe6\x12N\x99\x036\xfd\xd7\xe0\x9c3\xcad\x93\xff\xe1}\x87&amp;My%\xf3\xcc\x05\x00\x98&gt;}\xfa\xb2e\xcb\xf08\xe0z\x18\x00\x08\xa1\xdf]\xd3\xfa\xfb\x9b\xbc\xb7\xfd\xf0Y\xf4\xa0~j\xf1eY\x91\x9d\xa8\xe9T\xad\xaa\xe2\xeb]\\T\x1c;f\xc6\xe1\x94\x13\x80\x19p\x13\x8e\x9e\xe7\x08\xa1\xe6qM\xeb\xdf7\xaa\xfb\xc1\xfd\xeb\xa2\xef\x89T\x8b/+:\xc5\xb9\x1aME\xa7\xd02\xb3\x9f\xc9k\xd7\xaeUS\'&gt;\x08\x00\xe2}\xe1X\xd05\xf0\x08\x00!t\x83\xd6\x7f\xfb\xbf\x13L\x81\xbe\xb4\xcc,;\xed4JF\x99\xa4\xd7\x81\xd1mF\xdc\xbc\x84\xaf6\xc2\xd5\xe3\x00q\x87\x19\xe7\x8a\xb4&amp;\x82\x01\x80\x90\xd6\x89\x89\x92\xb6\xd6?:\xb2[\xe2\xb6\xe5&amp;\x93\x17\xad\xac\x96\x15\xe7\x9e@\xc9\x18\xe3\x92${z\\\x93\x0187T\xc0\x00@H\xd3DSx\xf0\xe0\xc1A\x83\x061\xc6\xfc|\xbd\x7f=\xb0\xaecH\x07ZV\xe1\xec\xad\xbf\xc0\x19\xe3\xb2Lt\xba\x81\xf7&gt;~09\x1d\x00\x16-Z\x14\x1f\x1f\x8f\xd7\x88\x01\x06\x00BZ&amp;\x06C\x8a\x8a\x8a""z\x16\x16\x16y\xb8\x1bw\'&amp;D\xdf\x13E\xcb\xcc\xae\xd1\xfa\x0b\x8c1\xd0\xe9J\xcdU1C\x9fL=q\x06\x00v\xec\xd81b\xc4\x08&lt;\x0e\xc0\x93\xc0\x08i\x97X\xeag\xd2\xa4I\x85\x85E\x00\xb0\xe4\xa3\x97\xa3\x07\xf5WK\xcb]\xa9\xf5\x07\x00I\x92x\xad\xc5/\xd0\xf4\xf5\xaa\xf7\xfdL\xde\x00\xf0\xe4\x93\x93\n\x0b\x0b%I\x12\x9f\x80fa\x00 \xa4Qb\x0c\xe4\xad\xb7\xde\xda\xb9s\'\x00\xc4\xff\xcf\xa3\x93\x9f\x9ed-\xbe\xac\xe8\\p`DVd\xb5\xb4&lt;&lt;:r\xd9\'\xaf\x01@AA\xe1\xa4I\x93\x08\xd1\xfa\x10\x88\xd6\xdf?B\xda$\xd6\xf7\xff\xe5\x97_\x06\x0f\x1el\xb5Z\xfb\xf7\xe9\xb1o\xcf\xd7\xdc\xaa\xca\xc0]xz\x8c\xaa\xaa\x8a\xc9\x7f\xce\xac\xbf-\xfel=\\=\x19\xa0\xe5\x81 \x0c\x00\xa4!\xbc\x8ek~D\xea\xb0\xcb\xb65\'\xb1\xb0&gt;\xa54&lt;&lt;&lt;33\xd3\xcb\xcb\xe3\xd8\xc1\xf5\x9d\x82;\xb0\xcaj\xc7\xbf\xd6\xf7np\xce\x19!\xa0(}\x07LH\xf9-SQ\xa4\xf4\xf4\xe3\xc1\xc1\xc1\x9csGX\xd8\xae\xf9i\xf1=#\xad\x11\x0bFRJ\t!\x92$\xc9\xb2\xac\\G\x96eq\x8d(\xa5TUU\xd7\x1e\x1a\x16\xb7\xcf]\xb0`Aff&amp;\x00\xbc\xff\xfa3\x9d\xc2BUs\xa5k\xb7\xfe\x00@\x08\x01\xcad\x9dn\xf9\x92\xbf\x1b\x0c:J\xd9s\xcf=\xa7\xe5\x81 \xed\xbes\xa4\x05u\xef`\x0e\x00\x94\xd2\x8b\x17/\x9e9s&amp;\'\'\xe7\xfc\xf9\x1cB\x08\xe7\x00\xc0}}M\xe1\xe1\xe1-[\xb6\xec\xd0\xa1\x83\xd1h\xac\xfb\xbb\xae\xb7r\x80\x98\xf9s\xf6\xec\xd9\xde\xbd{\x97\x95\x95\r\x1e\x18\xf9\xf3O_\xd3\xcaJY3]`UU\x15S\xc0ks\xdf}w\xe1J\x00\xd8\xb0a\xc3#\x8f&lt;\xa2\xcd\x81 \x0c\x00\xe4\x9a\xea^\xedYXX\xb8\x7f\xff\xfe\xad[\xb7&amp;\'\x1f\xce\xc99_^^~\xc3_1\x18\xf4m\xda\xb4\x89\x8a\x8a\x1a3\xe6\xfe\xfe\xfd\xfb\x87\x86\x86\x8a\xc7]\xaci\x10og\xf2\xe4\xc9\xabW\xafvs3\xec\xdf\xf9eT\xff^\xac\xa2\xca\xe5\xbb\xff6\x9cs&amp;\xcb\x95U5}\x06&lt;z&amp;\xfbB\x97.]\xd3\xd2\xd2\x14E\xd1\xc8\x00`]\x18\x00\xc8\xd5\x88\x01n\xd1d\xa7\xa6\xa6.Y\xf2\xe9\x96-[\xc5\xb2\xc6u\x05\x06\xfa\x03g\x1c\x80\x10\xa9\xac\xccl\xb1X\xea\xfe\xd4\xc3\xc3}\xc4\x88\x11\xb3f=3t\xe8P\xb1\x80\x0c\x00\xb8\xc00\xb1h\xfd\xf7\xec\xd93t\xe8PJ\xe9\xe4\xc7\xc6\xac\xfa\xe6cZr\xd9y\xd7{\xb83\xaaJ\x15\x93\xdf\xea/\xd6N\x9e\xf9\x06\x00\xbc\xfb\xee\xbb\xaf\xbe\xfa\xaa\x8b%}}`\x00 \x97"&amp;\xb7\x00@zz\xfa\xcb/\xbf\xbck\xd7.[\xcb\xde\xbe]\xeb&gt;}\xc2\xa2"B\xfaD\x84\x9aL\xde]:\xb7\x031\xd0/+\x05y\x85\xf9\x97\x8a\xd3N\x9cMM\xcbL&gt;r&lt;-=\xd3\xf6\x82\x11\x11\x11\xef\xbd\xf7^ll,\xb8\xc4\xa1\x80H\xb2\xe1\xc3\x87\xef\xde\xbd\xdb\xdf\xcf\xe7\x97\x9f\xd7t\xea\xda\x01jj%I[=_\x0e\xc0\x01\xac@\x06\xc7&lt;\x99\x9cr\xc2\xcf\xcf\xef\xc4\x89\x13\x81\x81\x81 \xce\x13h\x06\x06\x00r\x1dbb\xbb\xd9l\xfe\xeb_\xff\xba|yBuu\r\x00\xb8\x1b\xdd\x1e\x19;\xf2\xcf\x0f\x0f\x1f2(\xca;(\x00@\x06P\x811\xa8\xb5\x00\x88]\x9d\x83N\x01E\x01\x90\x0185\x9b\x0f\x1d9\xbeq\xf3\xee\xb5\xeb\xb6\xe6\xe5_\x12\xaf\x1c\x1b\x1b\xbbx\xf1\xe2\xe0\xe0`\xa7^?@\x04\xd8\xaf\xbf\xfe\xda\xb7o_\xce\xf9\xdc\xd9\x13\xe7\x7f\xf2\x96Z\\\xe4\x92\x13\xffo\x8b\xaaT6\xf9n\xff~{\xec\xb8\xbf\x00\xc0\xc2\x85\x0b\x9f\x7f\xfey\xa7\xfe~\xef\x00\x06\x00r\x11b\xd7MII\x99&gt;}zJJ\n\x00\x18\xdd\x0c\x8fM\x88\x9d3{R\x8f\xde=\x008TUQ\x8b\x95s \x84\x00\x01\xa9NGO\xcc\x0b\xe5\x9c\x13\x02\xb2,\x83\x87\x11$C\xe1\x85\x0b\x9f\'l\xf8"\xe1\xdb\xfc\x82\xcb\x00\x10\x10\x10\xb0d\xc9\x92\xf1\xe3\xc7;\xefZ\x92"\x00\xa6N\x9d\xbar\xe5J77}\xca\xde\xb5\xa1=Cx\xb5\xe6\xba\xff\x02\x07\xe0\x04jT\xd6\xbb\xff\xf8S\x999\xdd\xbbwONNvss\x03-\x1d\x048\xfd\x98\xa63\xb2ME\x17\xf3L0\x83\xef\x9eh\xfdW\xacX\x11\x13\x13#Z\xff\xd1\xc3\xefI&gt;\xb0\xee\xcbU\x1f\xf4\xe8\x19LKJii\x19W\xa9,\xcbb\xc2\xa7,Iu\'\xfeK\x92$\xcb\x92\xa2\xc8\xb2,s\x00f\xaeTK.\x07\x05\x98^\x7fk\xce\xb1\xe4\xefg\xff\xcfc\x12!\x97/_\x9e0a\xc2\x9c9s$Ir\xc6oM\xcc\x86\xca\xcf\xcf\xff\xee\xbbo\x01\xe0\xb1q\xa3\xbb\xf5\x89`U\xd5\xdal\xfd\x01\x80\x00p+u\xf7\xf5\x9d7g\n\xe7\xfc\xf8\xf1\xe3III\x84\x10\xd7\x9e\x01|\r\x0c\x80f"\x9a{UU\xc5lt[\xbb#\xfe\xc19\x17?r\xbaf\xc5\x11\xd8\xd6\xb2\x7f\xea\xa9\xa7\xca\xcb\xcb\rz\xdd\xa2\x0f\xe6n\xdb\x96\x10\x16\x1eLKJYU\xb5\xac\xc8\xb2\\\xdf\x1bZ\x11\x00I\x92\x14E\xe1V\xabZR\xdc\xc2\xdf\xe7\x93\xa5o\xfe{\xd3\x926-\x03\x00`\xf1\xe2\xc53f\xcc\x10k\xc88\xd7\x97E)\x05\x80u\xeb\xd6\x99\xcd\x15\xb2,\xcf\x9a6\x8e3\xeb\xd5A0\x8d\x92d\x89WU\x8c\xfd\xf3\xc8\xb6m\x82\x08!\t\t\xcb@K\xdd\x7f\xc0\x00h\x06\xa2q\x17\xcd\xbd\xb8\xe0\x08\x00\xccfsaa\xe1\x85\x0b\x17\n\n\n\xccf3!D\xfcH\\\x88d\xefMv&amp;\xd7\xdc\xc9\xc4\xcf\xd7+i\xfb\xf2\xf8\x97\x9ef\x95U\xac\xa2JV\xe4;\x9e\xba#\xbe\x14n\xb5\xaa%%\xa3\x1e\x18\x9a|hCtdw\xa8so)\xe7\nlY\x96-\x16\xcbW\xabV\x11B\xfa\xf6\x0e\x8b\xea\x1f\xc1+\xaad\xcdL\xfd\xbc!B\x08\xad\xb5z\x04\x06&lt;6v$\xe7&lt;))\xe9\xf4\xe9\xd3\x9aZ!N\xd3_\x7f3\xe0\x9c\x8bv\x04\x00RRR\x16.\\8n\xdc\xb8^\xbdzu\xed\xda\xb5k\xd7\xae\xa1\xa1\xa1\xe2\x1f\xd1\xd1\xd1O?\xfd\xf4\x96-[\xc4(-f@=QJ\x15E\xf9\xea\xab\xafD\xeb\xdf=\xa4\xe3\xae\x1d+\x07\xc6\xf4W\x8b\xafH\x12i\x94\x89\xed\x84\x10E\x91\xd5\xe2\xd2V\xadZ$nOxx\xcc}\x00\x90\x90\x900s\xe6LEQ\x9c\xe5\x9b\x12\xc7\x9dG\x8f\xa6\xa4\xa5\xa7s\xce\xc7&gt;\x18#\x19\xdc\x19\xd5J3w\x0b\x84\x10`\xd6\xb1\x0f\r\x93$\xa9\xb2\xb2j\xe3\xc6\x8dpu\xae\x94\x16\xe0I\xe0&amp;$Z\xff\xbc\xbc\xbc5k\xd6\xac_\xbf\xfe\xd8\xb1c\xb7\xfd\x95\xde\xbd{\xff\xe3\x1f\xff\x189r\xa4\x0b\xcc8ljb\xc6gZZ\xda\x80\x01\xfd++\xab\xfcM\xde\xbbw\xac\x08\xef\xd3S-\xbe\xa2\xe8t\x8d\xfe\xe7\xa8Je\x0fcM\x8de\xf0\x90I\xc9G3\x00`\xc5\x8a\x15qqqN\xf1M\x89\xe3\xa4\x97_~\xe9\xc3\x0f\xe7\xfb\x99|\xd2\x0foh\xf5\x87 ^k\xd5\xd4p\xc7\xcd0\xce\xc1`\xb8/\xe6\xc9\xfd\xbf\xfcv\xcf\x80\x01{\xf6\xee\x05\x97\xb8\xe6\xa3&gt;4\xf1&amp;\xedB\xf4\xb9\xd6\xae]\x1b\x1e\x1e\xfe\xca+\xaf\x88\xd6_\xa7\xd3\x19\x0c\x06\xbd^o[|F\x96e\x9dN\xa7\xd3\xe9\xc4#G\x8e\x1c\x195j\xd4\xe2\xc5\x8b\xf18\xe0\xd6\xc4iX\xb3\xd9&lt;q\xe2\x13\x95\x95U\x8a"o\xf9\xee\x93\xf0&gt;\xe1j\xf1\x15E\xdf\xf8\xad?\x00\xc8\x8a\xcc\xaa\xaa\xdd\xf4J\xe2\xb6\x84N\x1d\xda\x10Bf\xcf\x9e\x9d\x9a\x9aj\xbbL\xcc\x91\xc9\xb2l\xb5Z\xb6l\xd9\n\x00\xbdz\x06\xb7\xea\xf4\x07Vc\xc1\xd6_`\x94I\x06\xe3\xf0\x98\xbe\x9c\xf3#))YYY\xda\x19\x05\xc2\x00hZm\xdb\xb6-..\xd6\xeb\xf5:\x9dN\x96e\xab\xd5Z[[k\xb1X\xc4)_\xb1"\xa3\xd5j\xb5Z\xad\xe2\xff\xca\xb2,\xcb\xf2\x9c9s6l\xd8\x80\x19p\x0b\xe2\xb3\x9a7o^jj\x1a\x00\xcc\x7f\xfb/\xfd\x87\x0e\xb2\x16\x97(:\x1d4\xd91\xad$\xcb\xb4\xba\xd6\xd4\xc2\xff\x9b\x15\xef\xea\x14\xb9\xb2\xb2r\xca\x94)\xe2B3G&gt;\x92\x16\xf3V\xcf\x9c9{\xf6\xec\x19\x00\x18=\xfc\x1e\x90\x14\xc6\x1cw\x83\x9b\x19!\x04\x98edL\x7fE\x96kjj\xf6\xef\xdf\x0f\x9a\x19\x05\xc2\x00h*\xa2cx\xdf}\xf7\x8d\x1e=\xdab\xb1\x88&amp;&gt;((\xe8\x91G\x1eY\xb8p\xe1\xe6\xcd\x9b\xf7\xee\xdd{\xf0\xe0\xc1\x9d;w.^\xbcx\xe8\xd0\xa1\xa2K+\xce+\x12B\x9e}\xf6\xd9+W\xae\x88\x19\x87\xf6~+\x0eG\xb4\xfe\xa7N\x9dZ\xb6l\x19!dxL\xdf\xf8\x17\xa7\xa9e\xc5\xba\xa6\xbf\xa0IVd\xb5\xa4\xac_\xcc\xbd\xaf\xbe\x10\x07\x00G\x8f\x1e]\xb7n\x9d\x83w\x18\xc5\xb6m\xdf\xbe\xad\xa6\xa6V\x91\xe5a\xf7E\x03\xc3\xc1\x9f\xff\x90$\x02\xd55\x11\x91\xdd\xda\xb4i\x01\x00\x9b7\xff\x00\x9a\x99\x0b\x84\xe7\x00\x9a\x10\xa5T\x92\xa4\x9d;w\x8e\x1a5j\xd8\xb0aS\xa6L\x89\x8d\x8d\xf5\xf7\xf7\xbf\xe1\x93\xd7\xaf_?u\xea\xd4\xda\xdaZ1_[U\xd5\x8f?\xfe\xf8\xb9\xe7\x9e\xd3\xda\xa5\x89\xf5!\xba\xb4\xb1\xb1\xb1\x89\x89\x89nn\xfa\xdf\x0e\xac\x0f\x0e\x0fn\xb6\xe5\xcc\xc4\x9a\xf2\x8cH={\xff93\xeb|PPPjj\xaa\xf8Z\x1d\xb3\xd5\x10g)\xc6=2\xee\xfb\xef\xbeo\xff\x87V\xc7\x8f|\xe7\xe1\xee\xc6)s\xcc\xad\xb5\x0bJ\x99\xec\xe35\xf6\xe1Y\xff\xfcaw\x87\xf6\xed\x8f\x9f8\xe1\xee\xee.\xbab\xf6\xde\xb4\xa6\x85G\x00MHL\xeb\x1c2d\xc8\x91#Gv\xed\xda5q\xe2D\x7f\x7f\x7f\xb1\xdc&lt;\xadCUUUU\x1f}\xf4\xd1\xf9\xf3\xe7\x8b\x13\x9b\xa2\xf2\xb6n\xdd\n\x9a9\x19U\x7f\xa2\xf5\xcf\xc8\xc8HJJ\x02\x80\t\x7f\x1e\x19\x1c\xd9\x836\xe3Z\xf6\x84\x10\xaeR\x9d\xa7\xe7\xbc9S\x18c\xf9\xf9\xf9\x1b7nt\xe4\xf9\xbb\x92$Y,\x96\x93\x19\x19\x00\x10\xdd;\xcc#\xc0\x8fZ\xa9\xcb7m\r\xc29\x07"\x0f\x19\xd4\x1b\x00\n\x8b\n/\\\xb8\x00\x8e=\xac\xd7X\xb0qirz\xbd&gt;**\xca6\xbc#\xeeF"\xd7\xa1(\x8a$I\x94\xd2\xb8\xb8\xb8\xa0\xa0 \xd1\x8ep\xce\xb3\xb2\xb2,\x16\x0b\x8e\x02]C\xa4\xe3\xe2\xc5\x8bUU5\x1a\xdd\xe6\xcd\x8d\xe3\xd6Z\xd2\xbc\x97\xb3\xca\x8a\xcc*\xca\'&lt;~\x7f\xf7\xd0\x8e\x84\x90\x8f?^\xac\xaa\xaac\xce\x05\x12y\x99\x9f\x9f\x7f\xfe\xfcy\x00\xe8\xdd+\x14\x88\x82\x15u\rB\x08p52"T\x92\xa4\xea\xea\x9a\xd4\xd4T\xc0\x00@\x8dE\xec\x84\xb7\xb8\x18U\x92$I\x92\xdc\xdd\xdd\xbbt\xe9\x02WG\x12\xca\xca\xca\xaa\xab\xab\x9buC\x1d\x9eH\xd0\xc2\xc2\xc2M\x9b6\x11\x02\xe3\x1e\x1a\x1a\x12\x19\xce*\xaa\x9a\xf98\x89\x000+5x{\xbf\xf0\xecD\xce\xf9\x89\x13\x19?\xff\xfc\xb3c\x1e\x04\x88V,;;\xdbl\xae\x00\x80^=C\x00\xb0\xfb\x7f-I"Pk\t\xe9\xd2\xde\xd7\xc7\x0b\x00N\x9e\xcc\x00\x0c\x00\xd4X\xea\xd3&lt;\x89j\xab\xbbg\xba\xde\xbd\xa8\xee\x9eha\x0f\x1e&lt;XTT\xc49&lt;:v\x14\xe7\x0c\xec\xf1)\xc9\xb2\xc4k\xaa\xc6\x8c\xbe\xd7\xd7\xc7\x8b1&amp;\xce\x1c:`\x93!6)--\x15\x00|\xbc\xbd\xc2\xbau\x82\xdaZ\xac\xabk\x10B\xb8\xc5jj\x1d\xd8\xb5K;\x00HKK\x07G=\xa3\xd3\xb80\x00\x1c\x82\xb8\xf5\xa0\xd5j\xbdx\xf1\xa2\xedA\x93\xc9\xe4\xee\xeen\xc7\xadr@b\x9f\xdc\xb2e\x0b!\xa4m\x9b\xa0A\xf7F\x91\xea*\xbb,gF\x08\xe15\x96\xa0\x8em\x07\x0f\x8c\x02\x80\xa4\xa4\x1f-\x16\x8bc\x8e\x02\x01@AA\x01\x00\xb8\xbb\xbb\xf9\xf8x\x01\xa5\x1ah\xd9\x1a\x8cs\xae\x18\xf4\xfe~&gt;\x00PXX\xa8\x853\xc0\x80\x01\xe0 \xc4D\xbd\xe4\xe4\xe4s\xe7\xce\x89\xc3\x05BHhh\xa8Xl@\x0b\x85XO\xe2|\xe6\x81\x03\x078\xe7\x03\xfa\x86{\x07\x05R\x8b\xddf42\xceARF\xc4\xf4\x05\x80\xac\xac\xd3\xd9\xd9\xd9\x0e\xb8\x96\xa4(\xa7\x94\x94\xa3\x00\x10\x1a\xd2\xc13\xd0\xc4\xac*V\xd4\xf5\x18\xe3@\x94\xde\x11\xa1\x00\x90\x99y\xaa\xb4\xb4T\x0b\xa7\xdf0\x00\xec\xcf\xd6d\xbc\xf2\xca+\xa2\xe0\xc45\x01c\xc7\x8e\x05\x87\x1cU\xb0\x17q*%///7\xf7\x02\x00DE\x84\x02\xc8v\xfcx\xc4\x99\xc3^=C$I\xaa\xa9\xa9u\xe43\x87\xbf\x0f0\xe2\xa4\xb2\xdb \xe2h\xd2vKQ\x97\x87\xd5`g\xa2\xf5\x97ey\xd6\xacY{\xf7\xee\x15\xe3\xfe\x94\xd2\x90\x90\x90G\x1eyD\x9c\xf3\xb4\xf76:\n\xd1\x8a\x9d?\x7f\xfe\xf7\xf3\x99\xe1\xc1\xf6=\x9f)\xce\x1c\x06wi\xef\xe3\xed\x05\x00\x99\x99\xa7\xc0\xf1\x02\x80\x10RSS\x93w\xf1"\x00\x98|\xbd\x01\x88cm\x9fc\xe1&amp;_o\x00\xa8\xac\xac\x14\x83\xb1\x8e\xf6m6:\x0c\x00{\x12W\x8a\x11B\xa6O\x9f\xfe\xd9g\x9f\xd9\xdazB\xc8\x17_|a4\x1aE\x9f\xd7\xbe\x1b\xe9h\xb2\xb3\xcf\x02\x80N\xa7\x0b\x080\x01\xb3\xf3p6\xa7\xcc\xdd\xcb\xdd\xd7\xd7\x13\x00\xb2\xb3\xb3\xc1\xc1\xce\x1c\x8a\x81\xec\xaa\xaa\xaa\xdc\x8b\xb9\x00\x10\xd93\x18$\x1d\xc7E n\x84\x10\x02@##B\x00\xa0\xb2\xb2*77\x170\x00P\xd3\x11\xd7g\x96\x94\x94&lt;\xf0\xc0\x03\xcb\x97/W\x94\xdfggSJ\x97-[v\xdf}\xf79\xc52\x93\xcdI|&gt;YYY\x00`\xf2\xf5\xee\xda\xb9\x1d\xd4\xdasE3B\x08WU\xcf\x00S\xd7\xce\xed\x00 +\xeb\x0c8X\x00\x08\x84\x10\x9dN\x07\x00\xaa\xeaX\xe7\'\x1c\x90\xed#\xd25\xc1\x82\xb2\x0e\x08\xd7\x18\xb0\x0f\xd1\xb8gdd\x8c\x1b7\xee\xc4\x89\x13\xa2\xf5\x17#\x8f\xabV\xad\x9a&lt;y2\xae\x00q3z\xbd\x1e\xae\xdea\xcd\xde\xdb\x02\x00\x00W\xb7Dl\x98c\xba:\xc9\xd8\xde\xdb\xe1\xf0l\x1f\x91\xcb\xf7\xfd\x05lb\xec@4\xf4\xbf\xfc\xf2\xcb\x03\x0f&lt;p\xf9\xf2e\xd1\xfaSJ\x03\x02\x02\xbe\xfe\xfa\xebQ\xa3Fa\xeb_\x1f\x8e\xb3\x8b:\xce\x96 \xd4 \xd8\xca47\xb1\xdaOFF\xc6\x981c\x8a\x8b\x8b\xc5 \x0f\xa5\xb4W\xaf^\xeb\xd7\xaf\x0f\t\t\xc1\xd6\xff\xd6TU\x05\x00I":E\x01Ghy%I\xa7(pu\xc3\x1c\x93\x18\x98\xc2\xa0\xba-\xdbG\xe4\x80CyM\x01\xcf\x014+Q^\xb5\xb5\xb5O&lt;\xf1Dqq\xb1r\xb5\xe1\x189r\xe4O?\xfd\x84\xad\x7f}\xf8\xfb\x07\x00@EE\xd5\x85\x8b\x85\xa0\xd7\xd9\xb1Q\xe3\x9c\x13Y\xae.5\xe7\xe6\x15\x01\xc0\xcd\xd6y\xb5;\xce\xb9JU\x00\xd0kc\\\xfbn\xd8&gt;"G\x8e\xf3F\x84\x01\xd0\xac\xc4\xb4\x9fo\xbe\xf9\xe6\xe8\xd1\xa3\x8a\xa2\x88\x1b\xc2\x0c\x1f&gt;\xfc\x87\x1f~\xf0\xf1\xf1\x11w\xb8\xb5\xf76:.\xd1)\xeb\xd1\xa3\x07\x00TVU\xe7\x17\\\x02E\xb1o\xa7\x96\xc8RMyE^\xfee\x00\xe8\xd1#\x0c\x1c\xefF"\x9cs\x9dN\xe7\xe3\xed\x03\x00Y\xd9\x17\x80\xe3u\x85\xb7 ee_\x00\x00\x9dN\xe7\xe3\xe3\x03\x1a8\x0e\xc0\x00hV\xe22\x9c5k\xd6\x10B\x08!\x9c\xf3v\xed\xdam\xd8\xb0\xc1`0\xe0\x9c\x9f\xdb\x12{c\xcb\x96AF\xa3\x1b\x00\x9c:\x9d\x03 \xdb\xf7\x08\x00\x0c\xbas\x17\xf2+*+\x01\xa0m\xdb?\xd8kKnF\xd4\x98\x97\x97Wpp\x08\x00\x9c\xc9\xbe\x08\\u\xf56\xed\x0eq\xce\x01\xa43gs\x01\xc0d\xf2\r\x0e\x0e\x06\x0c\x00\xd4\x88\xc4\x82?f\xb3\xf9\xf8\xf1\xe3\xb6+~_z\xe9%\x93\xc9d\xb5Z\xb1\xf5\xbf-\xb17v\xec\xd8)((\x08\x00\x8e\x1c;\t\xc0\xed\xb8\x872\xc6A\xd2\xa7\xa5\x9f\xb6X\xac\x8a\xa2DEE\x81\xa3^j+\xee[\xe9\xe6\xa6\x07\xe2\x88\x9b\xe78\x8cn\x06\x00\x107\xea\xb0\xf7\xb64\x07\xac\x86\xe6#\x1a\xfd\xc2\xc2\xc2\x92\x92\x12\x00\x10+\xc8\x0f\x1b6\x0c/\xf7\xad\'q\x8d\xb4\xd1h\x8c\x8c\x8c"\x84\x1c&lt;\x9cf1\x9b%\xc5n\x1f\x9d8\xb1\xba{\xdf\x11\x00h\xdd\xbau\xd7\xae]\xc1\xf1\xfa\x8cbH*""\x02\x002\xb3.T\\.!\n\xde\x0f\xe0\x06\xc4\xc2\x1eG\xd32\x01\xa0K\x97\xae\xde\xde\xdeZX\x0f\x0e\x03\xa0\xb9UWW\x8bi\xa0\x84\x10\x1f\x1f\x9f\x16-Z\x88\xe1 {o\x97s\x10-\xd7\x03\x0f\xdc\xcf9\xcf\xcc\xca9z8\r\x8cFJ\xed0\xec\xce9\x97\xf4\xba\xf2\xc2\xa2]\xbb\x0f\x03@L\xcc\x10OOO\x87]\xb9\xafU\xab\x96\x00PZj\xae2W\x91\xe6\xbau\x9as!\x120\xaa\x16^*\x06\x80\xc0\xc0@E\x1b1\x89\xa5\xd0\xdclw\x82d\x8c\xd5\xd4\xd4`\xdf\xbfA\xc4\x00\xcb\xbd\xf7\x0e\xf6\xf0\xf0\xa0\x94~\xbfy7\x91\rv\xd9Q\x19\xe5\xc4\xdd}\xdf\xde\x94\xdc\x8b\x85\x000r\xe4(p\xc8y\x96"\x90\xc2\xc3{\x02@Y\xb993+\x07\x0cz\x86\xabA\xfc7\xce\xb9\xa4(\xe6\xa2\xe23gr\xc1Q\xcf\xe77\x05\x0c\x80\xe6#v\xc5.]\xba\xfcxUbb\xa2\x87\x87\x078\xde\xb8\x81\xc3\x12\xf7\xce\xec\xd2\xa5KLL\x0c\x00\xacY\xbf\xf5\xca\x85\x0b\xb2\x9b\xbe\xf9[^"\x01\xa8t\xd1\xd2\xb5\x84\x90V\xadZ=\xf8\xe0\x83\x00\xe0\x80q.J\xabC\x87\x0ennn\x8c\xb1c\xa9\x99xK\xc8\xebq\xce\xc1\xcdp\xf6\xec\x85K\x97\x8b\x01@\x9c3\xd7\x02\x0c\x80\xe6#vEOO\xcf\x98\xab\x06\r\x1a\x84\xf3&gt;\xefL||\xbcDHA\xe1\x95O?[G\x8c\x9e\xcd&lt;\nD)#^\x9e?%\xee\xdd\xb5\xfb0\xe7|\xfa\xf4\x19\x0e;\xfec\x0b\x80\xd6\xadZ\x01\xc0\xd1\xd4S\xf6=s\xee\x98\x18\xe3 )i\xc7\xb3\xac\xaa\xaa\xd3\xe9z\xf5\xea\x05\x8ez&gt;\xbfq\xb9\xfe;t4\x9cs\xab\xd5Z[[[[[+\xe6f\xa0\x06\x91e\x99s~\xdf}\xf7\x85v\x0b%\x84,I\xf8\xb6$/Oj\xee\x83\x00N\x08y\xeb\xc3\xe5\x84\x10\x83\xc10y\xf2\x93\xe0\xa8\x87q\xe2\x1e5F\xa318$\x04\x00~IN\xb3\x98\xcd\x92\xe3\x1d\xa9\xd8\x97\xf8\xea~\xdaw\x04\x00\xfc\xfd\xfd:u\xea\x04\x8e\xfa\x856.\x0c\x80\xe6&amp;.\xcc1\x18\x0c\x06\x83A\xaf\xb7\xc3\xd8\x85\x0b`\x8c)\x8a\xb2h\xd1b\xce\xf9\xa5\xcb%\x7f{\xe3S\xa9\x19\x0f\x02\xa8Je_\xd3\xb7\xab7\xfe\xb4\xf7\x08\xe7|\xee\xdc\xb9\x9d:u\x12\x97\xf85\xcf\x064\x94\x18\xcb\x8e\x8e\x8e\x06\x80\xb3\xd9\x17\xcf\x9d\xce!F\x03\x9e\x06\xa8K\x92e\xab\xd9|\xe8\xd7\xe3\x00\xd0\xad[w///\x8d\xac\xc4\xee\xa0%\xeb\xaa\xc4\xa5\x00\xc7\x8e\x1d[\xb8p\xe1\xbb\xef\xbe\xfb\xe3\x8f?j\xa1\xc8\x1a\x9d,\xcb\x8c\xb1\x91#G\x8e\x1c1\x02\x00\x96.\xffn\xe7\x0f;\x14\x93\x8fjm\xf2\xcb\xf7\x19c\x92\xd1Px\xee\xc2\xb3/\xce\xe7\x9c\xb7h\x11\xf8\xfc\xf3\xcf\x8b\xaf\xb5\xa9\xff\xf4\x1d\x135\x16\x1b\x1b\xab(JMm\xed\xfeC\xbf\x81\xa2\xd7\xc2\x19\xcezb\x8c\x13\xa3\xe1\xcc\xa9sg\xcf]\x04\x80?\xfe1V\x92$\x8d|&gt;\x8e[\xb5\xaeG\xf4)\x96,Y\xd2\xa7O\x9f\xb9s\xe7\xbe\xf6\xdak\xc3\x86\r\x9b&gt;}:cL#\xd5\xd6\xb88\xe7K?\xfb\xcc\xcf\xcf\xc49\x7fr\xfa\xdf\x8b\xce\xe7)^\x1eTm\xc2\xebw8\xe3\\\x92\x88\xc10i\xea\xbc\xa2K\xc5\x00\xb0d\xc9R???\x07\xef-\x8ap\x8a\x88\x88\x10\xa7\x016o\xdb\x0b\x9c9\xf0\xf667\xc6\x18W\x0c\x89I\x07kjjeY\x1a:t\x18hc\xfc\x070\x00\x9a\x8d\xe8$\x96\x95\x95\xbd\xf6\xdak\x94R\xbd^\xaf(\x8a,\xcb\xcb\x97/?x\xf0\xa0\x98\xdcb\xefmt&amp;\xa2\x8f\xd6\xb9s\xe7e\xcb\x12\x00\xa0\xa0\xe8\xca\x03\x7fz\xb6\xb4\xa4\\v76\xd1\'\xc9\x19g\x12\x91==f\xc4\xcd\xdb\xb9\xfb0\x00\xc4\xc7\xc7\x8f\x1b7\xce\xf1\xd7\xf0\x10\x17\xd0\xb9\xbb\xbb\x0f\x1d6\x0c\x00~=\x9aQq\xb9X\xb6\xeb:z\x0eE"@8\xdd\xbd\xf7\x08!$$$$,,L;\xd7fb\x004\x13\xb1\xb3egg\x97\x95\x95\x11B,\x16\x8b\xaa\xaa\x84\x10I\x92~\xfb\xed7p\xc8)\xe4\x0eN\x96eUU\xc7\x8e\x1d\x1b\x1f\x1f\x0f\x00\x87SN\xc4M}\xd5\\c\x91\xdd\xdc\x1a\xfd8\x80Q&amp;Z\xffw\xff\xfeI\xc2W\x1b\x01`\xc0\x80\x01\x0b\x16,p\xe4\xa1\xff\xeb=\xf2\xc88\x00\xb8\x90[\xb0i\xd3\x8f`\xf4\xa0x\x1a\x00\x801.y\x18O\xffvr\xd7\xeeC\x9c\xf31c\xee\x17\x0bs\xd9{\xbb\x9a\x89\xd3\xd4\xaek\xb8a\xb7\xc2\x89Z\x10G#2`\xd1\xa2E\xd3\xa7O\x07\x80\x8d[\x7f\x1e&gt;\xf4\xc9\xe2R\xb3\xec\xeb\xadZ\xd5\xc6\xcaTUU%7\x83\xe8\xfb\xbf\xf6\xceg\x00\x10\x1d\x1d\xbde\xcb\x16I\x92\xc4-\x9d\x1b\xe5\xaf4)\xdb\x05tm\xdb\xb6!\x04\xd6\x7f\xbf\x03\x80I\x80\x01\x00\x8c1\xd0\x197m\xfd\xa9\xb2\xaaZ\x96\xe5\xb1c\xc7\x82f\xc6\x7f\x00\x03\xa0\xd9\x88u\x19;v\xec\x18\x18\x18\xc89\xd7\xeb\xf5:\x9dN\x8c\xfe\xf7\xe9\xd3\x070\x06\xee\x08!D\x9c\x10^\xb6l\x99\xc8\x80\xc3)\'\x06\x0cz|\xffO\x87\x15\xbf\x00B\x88\xaa\xd2\xbbI\x01J)\xa3L1\xf9\xe5\x17^\x1a="N\xf4\xfd\xa3\xa3\xa3\x13\x13\x13\xfd\xfc\xfc\x9ch\xad\x18B\x88\xaa\xaa^^^\x8fNx\x94s\xd8\xbd\xf7\xd7\xb3\xe9\x99\xc4\xc3\x88s\x81dER+\xcdk\xd6\xff\x9b\x10\x12\x1d\xdd\'::Z\xac\xd4b\xef\xedj&amp;\xd8\xe84\x131\x1d\xdb\xd3\xd3s\xc1\x82\x05z\xbd\xdeb\xb1X\xadV\xc6\xd8\xf3\xcf?\xdf\xa7O\x1fq\x9b0{o\xa3S\x12+)QJ\x97-[\xf6\xf4\xd3O\x03@\xe6\x99\xf3\xc3FO\x7f\xf3\xb5\x05\x16B\x14\x93/\x91@Ui\x83\x8e\x06\xc4\x1d:\x19c\xb2\x8f\x97\xe4\xed\xb9~\xcd\xbf\xa2\x07&lt;\x96\x98\xf4\x0b\x00\x0c\x1c8011\xd1d29\xddW&amp;\xb6vJ\\\x9c^\xa7\xab\xac\xac^\xbdn+\xd1\xb9sm\xcf&gt;\xa0\x94\x11O\xcf\xbd\xbb\x0f\xa5\x1d\xcf\xe2\x9cO\x9d\xfa\x94v\xe6\xff\x08\x04\x87\x9e\x9b\x93\xe83\x1e?~&lt;11\xb1\xba\xba\xfa\xde{\xef\x1d&lt;x\xb0\x13u$\x1d\x96\xb8G\xbc8\xa9\xfe\xe2\xdc\xb9\xa5ee\x00\x10\x1e\xd6e\xces\x93\x9e\x980F\xef\xe3\r5U\xac\xc6\xc28\'\x84H\x12\x81\xff&gt;\xcc\x17{\x01\xe3\x9c3N\x00d\xbd\x0e&lt;\xdc\x81\xd2\x9d;\xf6-\xf8h\xd5\x8e]\x07\xc5\xd3\xe2\xe3\xe3\xe7\xcf\x9f/\xee\xe4\xe3\\\xad\xbf 6{\xc4\x88\x11III\x01\x01\xbe\xe9\xc9\xdf\x05\xb6\xf0\x03\xab\xaa\xd9\xf2c\x8cq7\xe3\xc8QS\x7f\xfc9\xb9ePPZz\xba\xb8\xad\x9bv&gt;\x10\x0c\x80\xe6vM\xdb\x81\xad\x7f#\x12\x13rRRR\x9eyf\xd6/\xbf\x1c\x12\x0f\xf6\xec\x11&lt;{\xd6c\xa3G\x0cl\xdb\xb9-\x10\x05\xb8\n\xb5\x16\xa0\x8cYU\x10\x1f&lt;\x07I\x91A\x96@\xaf\x07Y\x01\x80\xf2\xc2K?\xedOY\xfa\xf9\xfa\xc4\x9d\x07\xc4\x8b\xb4i\xd3\xe6\xa3\x8f&gt;\x1a?~&lt;8\xf3W&amp;&gt;\x9f\x7f\xff\xfb\xdfc\xc6\x8c\x01\x80\x85\xef\xc6?\xff\xeal\xb5\xf8\x92\xa2\xd3\xe2z$\x942\xd9\xc73e\xef\x91&gt;C\x9e\xe4\x9c\xbf\xf0\xc2\x0b\x0b\x16,\xd0\xda=Y1\x00\xec\xc06\xf1_\x0ca\xdb{s\\\x8ah\xe3TU]\xbdz\xf5\x1b\xaf\xbf~!7W&lt;n2\xf9\xdcwo\xef!\x83\xfbD\x86\x07w\x0f\xee\xe0\xe1a4\x06\x98\x80s\xe0\x00\x92D\xcb\xcc\xe5\x15UY\xe7.\x1e\xcf8\xb3\xef\xc0\xd1\xa4\xdd\x87\xcf\xe5\\\x14\xbfh4\x1a_x\xe1\x85\xd9\xb3g\xb7h\xd1B\xcc\xf9q\xd2\xd6\x1f\xae\x1e\xe8\xd4\xd4\xd4DEEeffv\xed\xdc\xee\xd0\xbe\xb5^\x1eF\xe2\x90\xab\x1855\xca\x98\xec\xe9\xf9\xe8\x84\xf8\r\xff\xdci\xd0\xebS\x8e\x1e\r\r\ru\xf0k\xfa\x1a\x1d\x06\x00r5\xb6c\xac\xa2\xa2\xa2M\x9b6-]\xba\xf4\xd8\xb1cu\x9f\xe0\xef\xe7\xeb\xed\xed\xd1\xb9s;`\x0c8\x80"\x17\xe4\x15\x15^*\xbet\xa9\x04\xeaL\x8ci\xdf\xbe]\\\xdc\xd4\t\x13&amp;\x84\x86\x86\xc2\xd5hi\xde\xb7\xd2\xf8\xc4\xbbX\xbdz\xf5\xe4\xc9\x93\x01\xe0\x8dW\xa6\xbf\xfe\xde\xcbj\xc9eMu{\xe1\xf7\xee\xbf\xd7O\xff\xfe9\xe6\xfe\x99\x000e\xca\x94\x95+W\xba\xc6W\xdc \x18\x00\xc8\x05\xd9N\t\x00\x00\xa54))i\xfb\xf6m\xbbv%ef\x9e\xaa\xad\xbd\xcd\x02|\x9d:u\x1c2$f\xc8\x90!\x0f=\xf4\x90\xb7\xb7\xb7x\x05\xa7\xee\xf8_CLr\x1f6l\xd8\x9e={\x02\xfc}S\x0foh\xd12\x10\xacV\xc9U\xde`}P\xc6\x88\xd18l\xf8\x94\x9f\xf7\xa5\xf8\xfb\xf9\xa5\xa5\xa7\x07\x05\x05i\xad\xfb\x0f\x18\x00\xc8\x85\xd5\x8d\x01\x00\xa0\x94ffffdd\xa4\xa7\xa7\x9f?\x9f\x93\x93s^\xb4\xe9\x9cs__\xdf\xf0\xf0\xf0v\xed\xda\x85\x85\x85\x85\x85\x85\xb9\xbb\xbb\xdb~E\\\xacg\xb7\xf7\xd0\x04D?w\xcf\x9e=C\x87\x0e\xa5\x94Ny\xfc\xfe\x95k\x17\xa9%W\xb4s\x10\xa0\xaa\xaab\xf2\xff\xea\xf3\xaf\xa7\xfc\xcf\x9b\x00\xf0\xee\xbb\xef\xbe\xfa\xea\xab\x1a\xec\xfe\x03\x06\x00ry"\x068\xe7\xf5o\xe0(\xa5b1\x00\x97\xe9\xf5_C4vqqq\xabV\xad\x92e9q\xe3\xff\x0e\xbb?\x86\x96\x94\xcb\xf6\xbb\xc1r\xb3a\x8c\x83^w\xb9\xa8\xb8W\xff\xf1\x85E\xc5\xc1\xc1]\x7f\xfb-UQ\x14m\xde\x99\x15\x03\x00i\x05\xaf\xe3\x9a\xbd]&lt;\x08\x00\xa2\xbf\xef\xf2\r\x81\x98\x83PTT\xd4\xad[\xb7\xd2\xd2\xd2.\x9d\xda\x1e\xfb\xf5{7\xbdN\xd2\xc0\xd9`U\xa5\x8a\xc94\xe1\xcf\xb36\xfck\x17\x00$&amp;&amp;\x8e\x1c9R\x9b\xdd\x7f\xc0\x0b\xc1\x90v\x88\xc6]\x96e\xb1\x0c\x9fT\x87xP&lt;\xee\xf2- \x00H\x92\xc49o\xd9\xb2\xe5\xc2\x85\x0b\x01 \xebl\xees\xcf\xbd#{4\xf7\x8d\xd5\x9a\x9fjU\x15\x93\xdf\xca\xa5kD\xeb?uj\x9c\x96[\x7f\xc0#\x00\x844K\xccy\x9f0a\xc2\x86\r\x1b\x00`\xc5\x92\xbf\xc7\xcdzR-\xbe\xec\xaa\x97\x05P\x95\xca&gt;^iG\x8e\x0f\x88y\xb2\xaa\xaa\xbac\xc7N\xa9\xa9\xa9F\xa3Q\x9b\x83?\x02\x06\x00B\x1a%\xce\x8e\x94\x95\x95EGGggg\xbb\xbb\xbb\xfd\x94\xb8\xbc\xcf\x80HZfv\xbd\x93\x01\x8c1\xd0\xe9\xca*\xaa\x86\x0c\x9d\x9cz\xfc\x8c\xa2\xc8\xfb\xf6\xed\xeb\xd7\xaf\x9f\x93^\xd4\xddX\xb4\xfb\xce\x11\xd28\xd1\xf3\xf5\xf3\xf3\xfb\xe6\x9bo\x08!\x95\x95\xd5\x13\x9ex\xb1\xe4R\xb1ltc\xae5\x16\xc49g@$w\xe3\x8c\xe9\xaf\xa5\x1e\xcf\x02\xe0\xf3\xe7\xcf\xef\xd7\xaf\x9f\xaa\xaaZn\xfd\x01\x03\x00!-\x93$IU\xd5~\xfd\xfa}\xf6\xd9g\x00p6\'o\xd4\x1fgT\xd5\xd4\x82^\xe7Jk\xa2Q\xc6\x14\x1f\x9f\x99S\xe7}\xf7\xc3n\x00\x98&lt;yr||\xbc\xd6V}\xb8!\x0c\x00\x844MQ\x14UUg\xcc\x98!\xd6RMN9\xf1\xcc\xac7%w#\'\x12w\x89\xc5\xa2\xad\xaa\xaa\xf8\x06|\xf1\xf1\xca/V\xfe\x0b\x00\xa2\xa3\xa3\x97.]\xaa\xa95\x9fo\x01\x03\x00!\xad\x13\xab\'}\xfe\xf9\xe7\xe2\x9e\n\xab\xd6m\x9d1\xe5\x15\xd9\xcb\x03d\'_\x1b\x99sJ\xa9\xce\x14\x98\xf0\xe9\xca\x99\xf1\xef\xc1\xd5{9\x88\x0b\xfd4{\xe2\xb7.\x0c\x00\x84\xb4N,J(\xee\xa9 2 \xe1\xab\x8d3\xe2\xe6QE\x91t\xbaF\xbf\xbff\xf3`\x8cQ\x0e\xb2\xaf\xef\x17\x9f\xac\x981\xfb\x1d\x00\xe8\xdb7\xdaI\xef\xe5\xd0tp\x16\x10B\x08\xa0\xce\xca\x193f\xccHHH\x00\x80\x81\xfdzn\xde\xb4\xd4\xd4\xc2O-)w\xae\xb9\xa1T\xa5\xb2\x9b\x1e\x8c\xc6\x99\xd3\xfe\xfa\xc5\x97\xdf\x03@\xdf\xbe}\xb7o\xdf\x8e\xad\xff5\xf0\x83@\x08\x01\\\xbdP\xae\xeeq\xc0\xfeC\xa9\xc3F&gt;u\xf4\xd7\xe3\x8a_@#\xdec\xb9\xa9\xa9VU\xf6\xf5.)\xaf\x9a\xf0\xe7g\xb1\xf5\xbf5&lt;\x02@\x08\xfd\xc7\xf5\xc7\x01\xfe&amp;\xef\xa5\xff\xfb\xb7\xf1O&lt;\xcc\xcde\xcc\xb1/\x9a\xe5\x8c3\xced_\xbf\xa3\xc9\xc7\xa6M{-%\xf5\x14`\xeb\x7fK\xf8q \x84\xfeC\x1c\x070\xc6\x96-[\xb6h\xd1"\x00\xb8RR&gt;a\xe2\x8bsf\xbfAeY\xf6\xf2TU\x07=\x14P\xad*1\xe8d_\xd3\xf2\xcf\xd7\x0e\x1d\x1e\'Z\xff\xa9S\xa7\xee\xda\xb5\x0b[\xff\x9b\xc1#\x00\x84\xd0\xb5\xc4\xeax\x92$%&amp;&amp;&gt;\xf5\xd4\xd4\x8b\x17\xf3\x00\xa0\x7ft\xf8\xe2\x8f^\xe97\xa8\x1fT\x96\xab\x16\x8b\xe3L\xa2\xff}\xd5n\x1fS\xde\xb9\xf3/\xbc4\x7f\xfd\xb7\xdb\x01\xc0`0\xbc\xff\xfe\xfb\xf1\xf1\xf1p\xdd}X\x91\r\x06\x00B\xe8\xc6\xc4\xa5R\xf9\xf9\xf9qqq\x89\x89\x89\x00\xe0f\xd0\xbf8g\xca\x0b\xcfO\xf6\tl\x01\xe62\xaaRI\x91\xed8\x9b\x92RF\x00$_/\xa8\xb5\xae\xfc\xea_\x7f\x7fsIn^\x11\x00\x84\x84\x84|\xf9\xe5\x97\x03\x07\x0ed\x8ciy\xa9\x9f\xdb\xc2\x00@\x08\xdd\x94m\xa5\xcc\xc5\x8b\x17\xcf\x9b7\xaf\xa6\xa6\x06\x00\xba\x85t|\xf1\x85\xb8\x89\x13\xc6\xe8\xbc=\xc1l\xa6*\x95\xe4f]C\x9b\x030\xd1\xeb\xf7\xf6\x04\x0e;\x13\xf7\xce\x9f\xbfr\xe7\xee_\xc4O\xa7M\x9b\xb6`\xc1\x02\x1f\x1f\x1f\xbc\xd6\xf7\xb60\x00\x10B\xb7b\xebD\xa7\xa7\xa7\xbf\xf4\xd2K\xdb\xb6m\x13\x8f\x0f\xe8\xdb\xf3\x95\x97\xa7\x8f\x1a\xda\xd7\xe0k\x82\xca\n\xd5b%\x84\xc8r\xd3\x8e\xb40\xc6\x18\xe3\x8a"\x83\x97\x07X\xac\x07\x7fI\xfd\xdf%k\xd7m\xf8}\x93\xc2\xc3\xc3?\xf8\xe0\x83\xd8\xd8Xp\x95{875\x0c\x00\x84\xd0\xed\xd9\xda\xd3\xf5\xeb\xd7\xff\xe3\x1f\xffHKK\x13\x8f\xf7\xec\xd15~\xf6\xc4\xb1\x0f\x8f\xf0n\x11\x00\xcc\xca+\xaa(\xa5\xbf\xdfU\xa7\x91\x8e\t8\x00g\x8c1.\x11"y\xb8\x81\xceH+\xcd?\xeeI^\xf8\xd1W\x89\xbb\x0e\x88\xe7\xb4j\xd9r\xd63\xcf\xbc\xf4\xd2Kz\xbd\x1e\x87}\xea\x0f\x03\x00!T/bY\x08I\x92,\x16\xcb\x87\x1f~\xb8t\xe9\x92\xfc\xfc\x02\xf1\xa3\xf6\xedZ\x8f\x1f;\xe2\xe1\x07\x87\xdesO$\xe8\x8d\xc0,P]K\xad\xaa\xb8\xf9\x9aH\x83\x06\xfd-\xce9\xe3\x9c3N\x08\xc8\x8a\x0c\x06\x03\xe8\x0c\x00\xf4\xe4o\'\xb7l\xdb\xfb\xcd\xffm;z,C&lt;\xd3h4&gt;\xf6\xd8co\xbd\xf5V\x9b6m\x00;\xfe\r\x84\x01\x80\x10j\x00[\x0b[XX\xb8f\xcd\x9a5k\xd6\xa4\xa6\xa6\xda~:h`\xd4\xf0\x98~#c\xfaFD\x84\xba\xfb\xfb\x02\xc8\xc0U\xa8\xb5p\x8b\x953\xce8\x07\xe0b!\xeak^\xf6jC\xc4\t\x91\x08\x01I\xa7\x03\x83\x1ed\x05\x00\xa8\xd9\x9cy:g\xc7\xeeC?\xef9\x92\xb8\xeb@UU\xb5\xf8\x95\xd6\xadZ=\xfe\xc4\x13\x93\'O\xee\xd1\xa3\x07\x00\xa8\xaa\xaa\x91\x1b\xba5"\x0c\x00\x84P\xc3\xd8.\x16\x03\x00\x8b\xc5\xb2}\xfb\xf6\x95+W\xee\xd8\xb1\xa3\xaa\xaa\xca\xf6\x9c\x8e\x1d\xdbF\xf5\n\xbd\xf7\x9e\xc8\xc8\x88\x90\xee];\x04\xb4\x0c\x007\x03\x808%\xcb\x01\xae__H\xbazY\x92\n\xaaZZT\x9cy&amp;\xf7x\xc6\x99}\x07\x8e&amp;\x1f9\x9ey:\xa7\xb6\xb6\xd6\xf6\xd4A\x83\x06N\x9e&lt;\xe5\x81\x07\x1e\x08\n\n\x02\x00J\xa9\x16\xee\xe4\xdc\x140\x00\x10Bw\x82sN)\xb5M\xb39y\xf2\xe4\x96-[6m\xda\x94\x9c\x9c\\\xb7\xb1\x06\x00\x7f?\xdf\xae]\xda\xf9\x9a\xbc\xa3{\x85*\x8a\xe2\xe3\xe5\xd13"\x84SJ\x80\x88\xd7!\x8a\x92s.7\xe7B\x01Q\xe4\xb4\xd4\xcc+\xc5e\'O\x9f\xcb\xcf\xbft\xcd_\x0c\x0f\xef1z\xf4\xe8\x87\x1f\xfe\xd3=\xf7\xdc#\x1e\x11wt\xc19\xfew\x0c\x03\x00!t\xe7\xc4\xd1\x80\xb8~X&lt;\x92\x91\x91q\xe8\xd0\xa1-[\xb6\xa4\xa4\xa4\xe4\xe5]\xac\xad\xb5\xdc\xcd\xeb\xb7l\x19\x14\x1e\x1e&gt;j\xd4\xe8\xc1\x83\x07GEE\x89\xc3\x0e\xf1G\xb1\xd7\x7f\xf70\x00\x10B\x8d\x801&amp;\xc6\x85l\x8drUUUNN\xce\xc9\x93\'\xd3\xd2\xd2\xd2\xd2\xd2\xae\\\xb9\x92\x91q\x82RZ^V^k\xb9A*\x04\x06\x06\x00@\xe7\xce]L&amp;S\x9f&gt;\xbd;u\xea\x1c\x16\x16\xd6\xb5kW___\xdbsTU\x15\x8bW7\xcb{r}\x18\x00\x08\xa1\xc6$\x92\xe0\x86\xcdtYY\x19c\xac\xa0\xa0\xa0\xa0\xa0\x80\x10\xa8\xdb\xf6xzzv\xed\xda\x95sn2\x99n\xf6\x82\xd8\xe5ot\x18\x00\x08\xa1&amp;\xc1\xeb\x10\x13\xf3\xeb3X/\x86wD\xbb\x84\x8d~S\xc3\x00@\x085\x13\xd1\xda\x88H\xb8\xfe\xa7"\x1e\xb0\xb9oN\x18\x00\x08!\xa4Q8}\n!\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J\xb1\xf7\x06h\x0b\xaf\xe3\x9a\x1f\x91:\xec\xb2m\x0855\xac\x7fGC\xae\xff&amp;P\xa3\xe3\x9c3\xc6\x00@\x96\xe5\xdb&gt;\x99R\xca9\x97$I\x92\xf0\xf8\x0c\xb9\x02\xac\x7f\x87\x85\x01\xd0\xb4\x18c\x9cs[\xddSJ/^\xbcx\xe6\xcc\x99\x9c\x9c\x9c\xf3\xe7s\x08!\x9c\x03\x00\xf7\xf55\x85\x87\x87\xb7l\xd9\xb2C\x87\x0eF\xa3\xb1\xee\xefJ\x92\x84}"\xe4\xa4\xb0\xfe\x1d\x1c\x06@Sa\x8c\xd9\x8eg\x0b\x0b\x0b\xf7\xef\xdf\xbfu\xeb\xd6\xe4\xe4\xc399\xe7\xcb\xcb\xcbo\xf8+\x06\x83\xbeM\x9b6QQQc\xc6\xdc\xdf\xbf\x7f\xff\xd0\xd0P\xf18\xa5\xb4&gt;]\'\x84\x1c\x07\xd6\xbfS\xc0\x00h|\xe2\x80W\x94ljj\xea\x92%\x9fn\xd9\xb25//\xef\x9a\xa7\x05\x06\xfa\x03g\x1c\x80\x10\xa9\xac\xccl\xb1X\xea\xfe\xd4\xc3\xc3}\xc4\x88\x11\xb3f=3t\xe8PY\x96\xc5\x114\x1e\x14#\xc7\x87\xf5\xefD0\x00\x1a\x19cL\x94izz\xfa\xcb/\xbf\xbck\xd7.[e\xb7o\xd7\xbaO\x9f\xb0\xa8\x88\x90&gt;\x11\xa1&amp;\x93w\x97\xce\xed\x801\x00\x00Y)\xc8+\xcc\xbfT\x9cv\xe2ljZf\xf2\x91\xe3i\xe9\x99\xb6\x17\x8c\x88\x88x\xef\xbd\xf7bcc\x01\xbbB\xc8\xe1a\xfd;\x17\x0c\x80\xc6\xa4\xaa\xaa\xa2(f\xb3\xf9\xaf\x7f\xfd\xeb\xf2\xe5\t\xd5\xd55\x00\xe0nt{d\xec\xc8??&lt;|\xc8\xa0(\xef\xa0\x00\x00\x19@\x05\xc6\xa0\xd6\x02 \x0679\xe8\x14P\x</t>
        </is>
      </c>
    </row>
    <row r="266">
      <c r="A266" s="1" t="n">
        <v>264</v>
      </c>
      <c r="B266" t="inlineStr">
        <is>
          <t>color_grid</t>
        </is>
      </c>
      <c r="C266" t="inlineStr">
        <is>
          <t>What is the color of the missing part denoted with a question mark?</t>
        </is>
      </c>
      <c r="D266" t="inlineStr">
        <is>
          <t>['purple', 'blue', 'red', 'green']</t>
        </is>
      </c>
      <c r="E266" t="inlineStr">
        <is>
          <t>purple</t>
        </is>
      </c>
      <c r="F266" t="inlineStr">
        <is>
          <t>There are circles with different colors arranged with a grid formation in the image. The colors in the first row are ['blue', 'purple', 'blue'], the colors in the second row are ['purple', 'red', 'purple'], and the colors in the third row are ['blue', '?', 'blue'].</t>
        </is>
      </c>
      <c r="G266" t="inlineStr">
        <is>
          <t>We observe that the circles at the corners are blue, while the circles directly adjacent to the center are purple. Only the center circle is red. Hence, the pattern is that the circles alternate in color depending on if they are at the corner or adjacent to the center.</t>
        </is>
      </c>
      <c r="H266" t="inlineStr">
        <is>
          <t>Based on the pattern that the circles alternate in color depending on if they are at the corner or adjacent to the center, the missing color of the part that is adjacent to the center should be purple.</t>
        </is>
      </c>
      <c r="I266" t="inlineStr">
        <is>
          <t>b'\x89PNG\r\n\x1a\n\x00\x00\x00\rIHDR\x00\x00\x02\x00\x00\x00\x02\x00\x08\x02\x00\x00\x00{\x1aC\xad\x00\x00}\xbbIDATx\x9c\xed\xddyx\x14U\xba?\xf0\xf7\x9cZzIw\xf6\x90\x84@\x08\x81$@\x16\x10\t((\xc8"\x8a\xbb\xe3\x02\x0e0\x08*\xcc\xa8\xe3\x88?\xaf\xd7\x19\xbd\xa3\x97\x19\xc7\x01\xd1\xe1:\xea\xb8\x8c\xe8\xa8(\xe3\xca\xb8a@\x14\x95ED\xc2\x9e@\x80\x00!\tI\xc8\xd6Iz\xaf:\xe7\xf7GA\x13\x93\xb0I\xbaS\xdd\xf5~\xe6yx\x18\xd2v\xd2\xdf\xbcU\xef\xa9S\xa7\xaa\x08\xe7\x1c\x10B\x08\x19\x0f\xed\xe9\x1f\x00!\x84P\xcf\xc0\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12{\xfa\x070"\xcey\x97\xffN\x08\t\xf1ObL\x98\x7f\xcf\xc2\xfc\xf5\x03\x1b@p\xf1v\x00\x80R\x1a\xf8\xb33\xc6X\xe0O\xd2N\x08\x7f\xdeH\x83\xf9\xf7,\xcc_\xe7\xc8\xa9\xba1\xfa\xd9\xb4rg\x8c\x11B\x04A\xe8\xfc\x02\xc6\x98\xc3\xe1 \xe4x\xf8\xda_\xccf\xb3\xc5b\xe9\xf2\xc5\xda[QJqc8\x1b\x98\x7f\xcf\xc2\xfc\xc3\x086\x80n\xa3\x15=\xe7\\\x14O\x1eW\xa9\xaaZ]]\xbd\x7f\xff\xfe\x1d;v\xd4\xd7\xd7o\xde\xfc\xa3\xa2(5\xb55G\x8f\xd6t\xd8\x00\xec6\xdb\xc0\xac\x81\xc0!\xbf ?)1q\xc4\x88\x11}\xfb\xf6\xed\xd7\xaf\x9f\xd5jm\xffn\x00\x80[B\x97\xce!\xff\x9a\x9a\x9a\x9a\x1a\x02\x84\xc3\xc9\xe2\xb7\xd9lY\x03\x07r\x80\x82\xfc\xfc\xc4$\xcc\xff\x9ca\xfd\x87#l\x00\xdd\x80s\xae\xaaj\xa0\xeeUU-+++**\xfan\xdd\xba\xbd{\xcb\x0e\x1f&gt;\xdc\xd6\xda\xf23\xdeV\x92\xe4\xdei\xbd\x07\xe5\xe4\\|\xf1\xc5\x93\'O\x1e:th`cP\x14\x85Rz\xaaCi\xa39U\xfe\xeb\xbe[\xb7w\xef\xdeC\x87\x0f\xb7\xb5\xb5\xfe\x8c\xb7\x95$\xb9w\xef\xde\x83\x06a\xfeg\x80\xf5\x1f\xbe\xb0\x01\x9c\x17mH\xa2\x1d\xe7\xaa\xaa\xbai\xd3\xa6\x8f&gt;Z\xb1\xf2\x8b\x95ee\xfb\xfc&gt;o\xfbW\x9a\xad6\xc9l\x8d\xeb=\x80\n\x82d\xb6%e\x0caL\xd5\x861\x9csA\x94\x1c\xb5\x15\xad\r\xd5\x94\n\xcdG\x0f\xfa\xdcm\xce\x96\xa6\x0e\xdf\xab_F\xff\t\x13\xc6\xdfp\xfd\xf5\x97]vYtt4\x9c\x18s\x19y@\xd4u\xfe+W\x96\x95\x95\xf9\xfd\xbe\xf6\xaf\xb4\x98\xa3L&amp;k\xaf\xf8tJ\x05\x93lMK\xc9bL\x058\xfe\x1b\x10\xa8X\xdf\\\xd5\xdcRG\t=\xd6X\xe9\xf1\xb6\xb59\x1d\x1d\xbeWF\xbf\x8c\xf1\x13&amp;\xdcp\x03\xe6\x7f\x12\xd6\x7f\xb8\xc3\x06\xf03\xa9\xaa\x1a\xa8\xbc\xca\xca\xca\xe5\xcb\x97\xbf\xf5\xd6\xb2\xed\xdb\xb7\x05^@)\x89N\xea\xdb+3/\xa9\x7fn\xaf\x8c\xdc\xf8&gt;\x03MV\xbb%:\x81PJ\x08\x11D\x99\x03\x0f\xec\x80\x08\x10\xa6*LU\t!\xae\x96F\xbf\xd7\xd5T}\xa0\xfe\xf0\x9e\xfa\xc3{j\x0flo&gt;z\xd0\xe7\xf5\x04\xde\xb9oz\xbf\xa9\xb7\xde:s\xe6\x8c\x82\x82\x82\xc0\x0f\xd3\xe5dk\x04;\x9b\xfc\xe3c{\xf7I\xcd\xe9\x93\x9c\x9d\x96\x92\x9d\x9c\x98a1\xdblQ\xb1\x94P\x00"\x8a\x12\xb4/|\x02LUU\xa6\x12B\xda\\M&gt;\x9f\xbb\xae\xa1\xa2\xbav\x7fu\xdd\x81\x8a\xea\x92c\x8dG|\xedvg\xe9\xe9\xe9\xb7\xde:\x15\xf3\xc7\xfa\x8f\x00\xd8\x00\xce\x996\xd1\xa9\x15\xdc\x86\r\x1b^}\xf5\xd5\x0f&gt;\xfc\xd0\xd1\xdc\xac}\xd5j\x8f\xed\x95\x99\x9f^pi\x9f\xdc\x8b\xe2\xd3\x06X\xa2\x13\xa8 2UQ\xfd&gt;\xc6T\xa6\xfa\xb5\xfd\x0e\xe7\xac\xc3\xdb\x12B\xb4\xed\x81\x8a"!T\x94LT\x149\xe7^gKs\xcd\xa1\x9a}\xdb\x0e\x16\x7f]W\xbe\xa3\xb9\xf6\x88\xf6zQ\x92\'\x8c\xbf\xec\xee\xbb\xef\x9e2e\x8a,\xcb\xdah\xc8\x08\x9bA\x17\xf9\x7f\xf0\xa1\xc3\xd1\xac}5\xca\x1a\xdd7uPN\xe6\xc8\x01\xfd.HN\xcc\xb0G\xc5\tTP\x99\xaa(&gt;\xc6\x99\xaa*\x00\x9c\xc3\xf1?\x02\xb4]\x91\xb6;\xa3T\xa4\x84\x8a\xa2,\x08"\xe7\xdc\xedi\xado\xac&lt;T\xb5\xbbd\xff\x86\xca\xa3{\xea\x1b\xab\xb5\xffD\x92\xe4\xf1\x98?\xd6\x7f\x98\xc3\x06p\x0e\xda\xcfu\xaeY\xb3f\xe1\xa2E\xabW\xad\xd2\xbeD\t\xf4\x1eT\x98Y89g\xf451)\xfd\x04AR\x15\xbf\xe2\xf30\xd5\xcf9\'\x84\x00\xa1\x04\x00\xce\xe6X\x95\x1f\xdfCq\xce\x81\x00\xa5\x82(\x9b\x04\xc9\xc4\x19s9\x1a\x0el.\xda\xffC\xd1\x91\x1d\xdfy\xdd.\xed\xe5\xf9\xf9\xf9\xf3\xe7\xcf\x9f={6\xfct\\\x16y:\xe6\xbfp\xd1\xea\xd5\xc7\xf3\'\x042\xd3\x87\xe6e\x8f\xbd wRR|\x1a\xa5\xa2\xaa\xfa\xfd\x8aO\xdb\xe3k\xab\nA\xfb\xdfY}\x1f\xe0\xc0\xe1\xf8\xcaEA\x12eQ\x949\xe7\xad\xce\xc6\x9d{\xbe\xdb\xb1wmY\xf9\x0f\x1e\xaf[{\xb5q\xf3\xc7\xfa\x0f\x7f\xd8\x00\xce\x966\xdb\x08\x00eee\x0b\x17.\\\xba\xf45\x00\x0e\x00\xb2\xc9\x9c}\xc9\xf5y\x13\xa7\xf5\xce\xbeP2[\xfd\x1e\xa7\xe2\xf3jEO\x089\xab\x8a?\x13\xce\x19\xe7\x9c\x00PQ\x92\xcd6\xce\xd9\xb1\xc3\xa5e\xeb?\xd9\xb9zYkc\xad\xf6\x9aI\x93&amp;=\xfc\xf0\xc3\x13\'N\x84\x08="&gt;e\xfe\xb2\xf9\xc2\xdc\xcb/\x1a~]\xff&gt;\xf9\xb2l\xf1\xfa\xdc\x8a\xd2.\xff\xb3\xda\xe3\x9f\x81\xb6\xac\x11\x80\x08\x82h6Y9\xe7U\xb5\xfb\xb6\xee\xfer\xc3\x96\x8f\x9a[\xea\xb5\xd7\x187\x7f\xac\xffp\x86\r\xe0\xac(\x8a"\x8a\xa2\xcf\xe7[\xb4h\xd1\xd3\xcf&lt;\xd3\xdc\xd4\x04\x00\x16{l\xde\xc4i\x83.\xbd\xb1w\xf6pU\xf5\xfb\xdcN\xceTB\x85 \x0e@8g\x9c\x11\x00\xc9d\x15M\x96\xe6\xa3\x07\xf7\xac\xfbx\xd7\x9a\xb7\x1b*\x0f\x00\x00\x00\x993g\xf6\x9f\xfe\xf4\xa7\xde\xbd{G\xd8P\xa8}\xfe\xcf&lt;\xfdLSs\x13\x00DY\xa3/\xba\xe0\xba\x11\xf9Wf\xf4\xc9S\x99\xe2\xf5\xba8g\x84\x04\xf5Ss\xc6\x18\x00\x91e\xb3I2\xd75\x1e)\xde\xb9z\xe3\xd6\xff\xd4\x1c;\xa4}y\xce\x9c9\x11\x9f?\xd6\x7f$\xc1\x06p\x06\xdau\x89\x94\xd2\xf5\xeb\xd7\xff\xfa\xd7\xbf\xde\xb5k\x17\x00H\xb2)\xe7\x92\x1b\no\xf8M\xf2\xc0\xa1~w\x9b\xcf\xeb"@H\x08\x17\xa5q\xce8c\xa2l2E\xc5\xb4\xd6W\x17\x7f\xf6\xea\xceU\xcb\xda\x9a\xea\x00 99\xf9\xcf\x7f\xfe\xf3\x9dw\xde\t\x111\x14\xea2\x7fY6\r\xcf\x9d&lt;i\xcc\xcc\xf4\xdeC\xbc&gt;\xa7\xd7\xe7\x06B(\te\xfe\x9cs&amp;\x8a\xb2\xd5loj\xa9]\xfb\xfd\xbf7l\xf9\xd0\xd1\xda\x00\xc6\xc8\x1f\xeb?b`\x038\x9d@\x01=\xfe\xf8\xe3O&gt;\xf9Wm)Hz\xfe\x98K\xa6?\xd47o\x8c\xdf\xeb\xf2{\\\x84R\x12\xc2]\xcfOp\xce\x98*\x88\xb2\xd9\x16\xd3Xu`\xc3\xf2\xc5%k\xdfc\x8c\x03\xc0\xb4i\xd3\x9e{\xee\xb9\x84\x84\x04m\xec\xd63?\xdey\xfbi\xfeO\xfa|&gt;\x00\xc8\xc9,\xbcz\xc2\xafs\xfa\x17z\xfdn\xaf\xd7E{.\x7f\xce9\xe3\xaa(\xc8V\x8b\xbd\xb6\xfe\xf0g_\xbf\xb4y\xfb\xe7\xda\x1e3\x12\xf3\xc7\xfa\x8f@\xd8\x00NI\xab\xfe\xa3G\x8f\xce\x9e=\xbb\xa8\xa8\x08\x00\xccQ\xd1\x17O{p\xf85w\x10\x00\xaf\xab\xb5\'K\xbf=\xce\x19SE\xd9,[l\xfb6\xad\\\xfb\xea\x1f\x1b\xab\x0f\x02@vv\xf6\xd2\xa5K\xc7\x8c\x19\x13\xa6\xe3\xa0\xce\xf9[-\xf6\xab.\x9b{\xd9E\xd3\x00\xc0\xeduRB\xf4\x90?\x07\xce\x98*\x8bf\x93\xc9\xba\xbdt\xed\x07+\x9f\xaek\xa8\x80H\xcc\x1f\xeb?\xf2`\x03\xe8\x9a6pX\xbf~\xfd\xad\xb7\xdeZ]]\r\x00\xbds.\xbc\xf2\xb7\xcf$e\xe4\xba[\x1b\x81sB\xf5UR\x9cs\xceT\xb3-\xd6\xd3\xd6\xfc\xf5\xd2\xc7w\xafY\xce\x01d\xd9\xf4\xec\xb3\xff7o\xde\xbc\xb0\x9b\x12\xed\x9c\x7f\xff\xbe\x053n\xf8\x9f\xb4\x94l\xa7\xcb\xc1\x81\x87r\xc2\xe7lp\xce\x19gQ\x96h\x97\xbb\xe5\xfd\x95\xcf|\xbf\xf5c\x00\x90e\xf9\xd9g\x9f\x8d\x8c\xfc\xb1\xfe#\x126\x80.h\xd5\xff\xca+\xaf\xdcs\xcf=~\xbf\x9f\x10\x18v\xd5\x9c\xcbn\xff#\x15D\x9f\xbb\x8d\n\xfa=\xa2d\xaa"H\xb2l\xb1m\xfb\xfc\xf5o\xdf\xf8\x93\xc7\xd9\n\x00\xf3\xe6\xcd{\xf1\xc5\x17\xc3h\x1b\xe8\x9c\xff\xd8\x91So\xbc\xe2w\x02\x15=&gt;\xa7@u\x9c?SEQ2\xc9Q\xdf\xfe\xf0\xee\x8aU\xcf\xba=m\x10\x11\xf9c\xfdG*l\x00\x1d\x05\xaa\x7f\xee\xdc\xb9\x00`\xb2\xda\xc6\xcd~l\xf8\xd5w\xb8[\x1a\xb5E\x0e=\xfd\x03\x9e\x81v\'\xc6\xa8\xd8\xa4\x8a\x9d\xeb?_ros\xcda\x00\xb8\xeb\xae\xbb^~\xf9\xe5\xb0\xd8\x06:\xe4o1G\xddx\xc5\xfc\xcbFMms53\xce\xf46\xf0\xefL;?l\xb7%\x94\x95o~\xe3\xc3?\x1ek\xac\x84p\xce\x1f\xeb?\xb2a\x03\xf8\x89\x0e\xd5o\xb6\xc5\xfc\xe2\xd17\xd3\xf3/q6\xd7Q*t\xcb\xa2\xe6\xd0`\x8a\xdfd\x8bu;\xea\xdf_0\xbd\xf6\xc0\x0e\x08\x93m\xa0C\xfeVK\xf4o\xa6/\xc9\xce\x1c\xd1\xd2\xd6 P\xa1[\x16\xf5\x87\x86\xaa*V\x8b\xbd\xd5\xd9\xf4\xfc\x9b\xf7\x1d\xa9.\x85\xf0\xcc\x1f\xeb?\xe2a\x038\xa9C\xf5\'\x0f\xc8\xbf\xfa\x81\x17\xe2\xd3\x06z\xdb\x9a\xa9(\xf5\xf4Ow\xce\x98\xaaH&amp;\x8b\xe2\xf7~\xf9\xd2\x1fJ\xd6\xbe\x0f\xba\xdf\x06:\xe4\xdf\xb7\xf7\xa0\xd97?\x91\x9c\x98\xe1r\xb7\x08:\x9ev8\x15\xc6TY2\xfb\x15\xef\xbf?]\xf8\xc3\xf6\xcf!\xdc\xf2\xc7\xfa7\x02l\x00\xc7u\xae\xfe\x9b\x1f[n\x89\x8e\xf3:[\xf4&lt;\xe9yz\x9c\xa9\x82(\x8bf\xeb\xca%\xf7\xed\xfa\xea\xdfpb\x1b\xd0\x9e\xb0\xa1\xabm\xa0\xf3\xde\xff\xde_=g\xb3\xc6\xba&lt;m\x82\xee\xa7\x1dN\x85q&amp;\n\x92,\x99\xdf\xf8\xf0\xb1\xef\xb7~\x02\xe1\x93?\xd6\xbfA`\x03\x008\xb1\xe2\xedd\xf5g\xe6\xdd\xfc\xf8\xbfMQ\xd1~\x8f3|\xab_\xc3\x19#\x94\xca\x16\xdb\xe7K\xee\xdb\xfd\xf5\xbb\xd0n\x1c\xa4\x9f\xb5q\x1d\xf2\xef\x9b:\xe8\xdeY\xcfY\xccv\xaf\xcf\x1d\xbe{\x7f\x8dvq\xb2\xd9\x14\xf5\xaf\x0f\xfe\xb8i\xdb\xa7\x10\x0e\xf9c\xfd\x1b\x076\x80\xe3\xd5\xbfq\xe3\xc61c.\xe1\x9c\x99\xa3b\xa6/\xfa,.-3\xac\xc7&gt;\xedq\xce(\x15\xa8(\xbf\xfd\xdf\xd7\xd4\xec\xdf\x0e\x00\x7f\xfb\xdb\xdf\xee\xbf\xff~\x9d\\#\xd3!\x7f\xab\xc5\xfe\xe0]\xaf\'\'\xf6\x0b\xeb\xb1\x7f{Z\xfe\x82 -~evEU\t\xe8;\x7f\xac\x7fC1z\x03\xd0\x0e\x06\xeb\xea\xea\n\n\n\xea\xea\xea$\x93\xf5\x96\xc7\xdf\xe9=x\xa4\xd7\xe9\x88\x8c\xea\xd7p\xc6\x04I\xf2\xb9]\xff~\xe4\xc6\x86#e\x1c`\xd5\xaaU\x97_~y\x8f\x8f\x83:\xe4/\xcb\x96{\x7f\xf5\xdc\x80\xf4a.Okd\xec\xfd5\x9c3A\x90\xbc&gt;\xd7\x92\xa5s\x8f\x1e+\x07\xae\xd3\xfc\xb1\xfe\x8dF\xef\x8b\xea\x82M\xbbp\x7f\xe6\xcc\x99uuu\x000\xfe\x8e\xc7\xd3\x87^\xeamk\x8e\xa4\xea\x07\x00B\xa9\xe2\xf3Zc\xe2\xaf\xba\xff\xef&amp;[\x0c\x00\xcc\x9c9\xb3\xb6\xb6\x96R\xaa%\xd0S:\xe4\x7f\xd3\x95\x0f\xe4d\x8etyZ"i\xef\x0f\x00\x84PE\xf1\xd9\xacq\xbf\xfa\xc5\x02\xab9\x1a\xf4\x9a?\xd6\xbf\xd1\x18\xba\x01h\xc7\x80\x0b\x16,X\xbdz5\x00\x0c\x9b2k\xf8\xb5w9\x1bk\xc3q\xcd\xc3\x19QA\xf4\xb46\xa7\x0e\x1a1\xf1\xae\xbf\x00@mm\xed\xcc\x993\x03\x0f\xe6\xee\x11\x1d\xf2\x1f;\xf2\x96\xf1\x17\xdf\xd6\xd2V\xaf\xe7K\xbd~6J\x05\x97\xbb%3\xbd\xe0\xd6\xab\x1f\x02]\xe6\x8f\xf5o@\xc6m\x00\x8c1Q\x14\xbf\xff\xfe\xfb\'\x9ex\x02\x00R\x06\x0e\x1b\x7f\xc7\x02\xb7\xa3!\xc2\xc6&gt;\xedQQr5\xd5\xe5M\x9av\xc1\x94\xdb\x01`\xf5\xea\xd5K\x96,\x11\x04A{\xb2k\x88u\xc8\xbf_\xda\x90\x9b\xa6&lt;\xd0\xe6l\xa2$\xa2\xc6\xfe\xed\t\x82\xd8\xd2\xd6p\xf1\xf0\xeb\xc6\x8e\xbc\x05t\x96?\xd6\xbf1\x19\xb4\x01j\x0f\x90SU5/?\x7f_Y\x99l\xb1\xcdx\xea\xf3\xb8\xde\x99~\x8fS\xff\xd7:\x9e\x17\xce\x81\x10*J\xcb\xfe\xeb\xaac\x87vS*\xec\xde\xbd;;;\x9bsNCz;\xdf\x13\xf9\xe7\xe5\xef\xdbWf6Y\xffk\xee\xbfz%\xf6\xf3\xfa\xdc\xfa\xbf\xd6\xf7|hOJ\x11\x04\xf1\xa9\x97fU\xd5\xee\xa3\x94\xf6p\xfeX\xff=\x91\xbf~\x18\xf13\x03\x80\xf6\xf8\xd0\xc5\x8b\x17\xef++\x03\x801\xd3\x1eL\xea?\xc4\xe7n\x8d\xf0\xea\x07\x00B8S\x05Q\x9a4\xefIA\x94U\xc6\xee\xbb\xef\xbe\xd0\x1f\x08\x9f\xcc\x7f_\x19\x00\\=~^\x9f\x94\x1c\x8f\xd7\x19\xd9{\x7f\x00 \x840\xc6\x04A\x9az\xcd\xc3\xa2 \xa9jO\xe7\x8f\xf5\xdf\x13\xf9\xebG\x84oo]\xd2\x1enw\xe0\xc0\x81E\x8b\x16\x01@\x9f\xc1#/\xbc~\xae\xdb\xd1H\x85\x08\x9c\xfa\xec\x8cP\xc1\xebt\xa4\x17\\2\xfc\xea;\x80\xf3U\xabV\xbd\xf7\xde{\xa1&lt;\x10\xee\x90\xff\x80\xf4a\xe3GOos5E\xe4\xd4\x7fg\x94R\xb7\xa75\'\xb3p\xdc\xa8\xa9\x00=\x9f?\xd6\x7f\x88\xf3\xd7\x15#6\x00\xed0|\xc1\x82\x05\x0e\x87C\x94M\x97\xfe\xea\x11\xe0\xa0=\xe0\xd4 (\x15=\xad\xcd#o\xfam\\j\x06!\xf4\xd1G\x1f\xf5\xf9|!\x1b\x07\xb5\xcf_\x92L\xd7O\xfe-\x18l\x00F\xa9\xe0t\xb7L\xbe\xf4\xf6\xa4\x84\xbe\x84\x90\x1e\xcc\x1f\xeb?\xf4\xf5\xaf+\x86k\x00\xda\xca\xdfo\xbf\xfdv\xd9\xb2e\x00\x90}\xd1U\xfd\x86^\xeau\xb5D\xfe\xc1o{\x84\xa8\x8a/*&gt;\xb9\xf0\x86\xbb9geee\x8b\x17/\x0e\xcd\x92\xb8\x0e\xf9\x0f\x1b&lt;&gt;\'s\xa4\xc7\xdb\x16\xf1\x93?\xed\x11 \x8a\xea\x8f\xb1\'M\x1a3\x93s\xde\x83\xf9c\xfd\x87\xb8\xfe\xf5\xc6@[\x9dF\x9b\x84}\xec\xf1\xc7UU\xb5\xd8\xe3F\xdd\xfc;\x9f\xbb-\x94\x8f3\xd5\t*\x88\x9e\xd6\xa6!\x97\xdd\x942p(!\xe4\x99g\x9e\xa9\xab\xab\xa3\x94\x06{\x10t&lt;\xff\xc7\x1eWU5\xca\x1as\xc5\xd89^\x9f\x8bD\xee\xca\x9fS\x11\xa8\xe0t;F\x0e\xbd*=mH\x0f\xe4\x8f\xf5\xdfC\xf5\xaf7\xc6\xfa\xc5k7\x02,..^\xbbv-\x00\x0c\x19wSr\xd60\xbf\xdb\xa9\x8b\'\xdb\x85\x1cS\x15\xd9\x1a=\xea\xa6\xfb8\xe7\r\r\ro\xbd\xf5\x16!$\xa83\xa1\x1d\xf2\x1fYpU\xbf\xb4!^\x9f\xcb\x98\xb7\xe5bL\xb5\x98lW\\:\xbb\xa7\xf2\xc7\xfa\x0fq\xfd\xeb\x90\x11\x7f\xf1\xcf\xbf\xf0\x02p.\xca\xa6!\xe3o\xf1\xbbZ\x89Q\xaf\x05\xa7\x82\xe8u:\xfa\r\xbd4!m\x00!\xe4\xd5\xa5K\xddn\xb7 \x08\xc1\x1e\x04=\xff\xfc\x0b\x00\\\x92\xe4\x91\xc3\xae\xf2x\x9d\x11\xbc\xf0\xff\xf4(\x15\\\x9e\xd6\x9c\x01#\x93\x932\x08!\xaf\xbe\x1a\xaa\xfc\xb1\xfe\x01\xa0\xe7\xea_W\x0c\xd4\x008\xe7\xdaC\xae\xdf{\xef=\x00\xc8\x19}mj\xcep\x9f\xc7e\xcc\xe1\x8f\x86\xa9\x8a%:\xfe\xc2\xeb\xe6q\xceKv\xef^\xb3f\x8d6E\x10\x8c\xef\x15\xc8\xff\xfd\xf7\xdf\x03\x80\xe1\xb9\x97\xf7\xef[\xe0\xf5\xb9\x8d9\xfc\xd70\xa6\xda\xac\xb1\x13.\x9e\xce9/)\tQ\xfeX\xff\x01\xa1\xac\x7f}2\xd0\xef^;\xb8{\xe7\x9dw\x9cmm\x94\n\xf9\x97\xff\x92)\x8a\x81w&gt;\x00\x00\x94\n^gK\xf6\xe8\xab\xa3\x13R\x08!/\xbf\xfc2\x00\x04i\x8f\x1c\xc8\xbf\xad\xad\x8dRa\xf4\xf0\xebU\xd5\x1fF\x0f\x99\n\x06B\xa8\xdb\xd3v\xc1\x90\tq1\xbdB\x96?\xd6\x7f@(\xeb_\x9f\x0c\xd4\x00\x04A\xf0\xf9|\xaf\xbd\xfe:!$u\xe0\xd0\xde\x83F\xf8\xdcm\xc6Z\xfc\xd0\x99\xb6\x1c".9{\xf4\xb5\x9c\xf35k\xd6\xec\xdb\xb7/H\xcb!\x8e\xe7\xff\xda\xeb\x84\x90~i\x83\xfb\xa7\x17x\xbc.C-\xfe\xe9\x8c\x10\xa2\xaa\xfeh{\xe2\xb0!\x93B\x94?\xd6\x7f{!\xac\x7f}2\xca\xe6\xa7\xaa*!d\xeb\xd6\xe2\xdd\xbbvq\xce3GN\x96\xccV\xce\x8cu\xc2\xa7K\x84\x10U\xf1\x0f\x18y\x05\xa5\xd4\xe5r\xadX\xb1\x02N\xdc$\xb2\x1b\x9d\xcc\x7f\xf7.\xcey~\xce8\x93d\xe5\xdc(\x9b\xd9\xe9\x10\xa2\xaa\xfe\x82AcC\x94?\xd6\xffO\x85\xa6\xfeu\xcb(\r@;\xb1\xf3\xc1\x07\x1fr\xce\xad\xf6\xd8A\x97\\\xefw;\xa9\xc1\x87?\x00\x00@\xa8\xe0s\xb7\xa5\r\x19\xd9;{8!\xe4\xa3\x8fVhW\x8av\xefwi\x9f\xbf\xcd\x1asa\xde\xe5\x1e\x9fA\x17\x9ft@\t\xf5x]\x03\xfa]\xd0\xbfo~h\xf2\xc7\xfao/4\xf5\xaf[F\xf9\x9c\xda\xf1\xef\xa7\x9f~\x06\x00I\x19CbR2\x14\x9f\xd7\xe0\x13\xd0\x01\x9c\xa9\x929\xaaO\xde\x18\xceyqq\xf1\xfe\xfd\xfb\xbb\xfd(\xb8}\xfe\xbdS\xb2\x12\xe2\xfb(\x8a\xcfP\x93\xad\xa7\xc193I\x96\xac~\x17\x86&amp;\x7f\xac\xff\x0eBP\xff\xbae\x88\x06\xa0=\xf6\xa8\xbc\xbc\xfc@\xf9\x01\x00H/\xb8\x94\x8a\x12\xce?\x04\x10BT\xbf7\xbd`\x0c\x15\x04\xaf\xd7\xb3~\xfdz\xe8\xd6\xa3\xe0@\xfe\xe5\xe5\x07\x00 \xa7\xffH\x91J\x86Zlw\x06\x84(\xaa/;\xb3P\xa0\xc1\xcd\x1f\xeb\xbfK\xc1\xae\x7f=3J\x03\x00\x80\x95+W\xfa\xbc^*\x08}\xf2F3\x1c~\xb6C\x08U\xbc\x9e^\x99y\xd1\xf1)\x00\xf0\xf1\xc7\x1fC\xb7\xae\x85\x08\xe4\xef\xf5z\x05*de\x0cW\x98\xd1\xd7\xff\xb4G\x80\xf8\xfc\x9e&gt;\xa99\xb11\xbd \x98\xf9c\xfdw)\xd8\xf5\xafg\x86h\x00\xda\xefRk\xec\xf6\xf8\x94\xf8\xb4\x81\x8a\xcf\x83\x13\xd0\'\x11\xc2T\xbf%:&gt;\xa9\x7f\x1e\x00\x14\x17ou\xb9\\\xddxEL\xfb\xfccb\x92\x92\x932\xfc~\x0f\x01Cl`g\x83\x10\xa2]\x10\x90\x96\x92\rA\xce\x1f\xeb\xbf\x0bA\xae\x7f=3D\x11PJ}&gt;_II)\x00$\x0f(\xb0\xc6&amp;2\x05G\xa0?\xc19\xa7TL\x1b2\n\x00j\xebj\x8f\x1c9\x02\xd0m\xf7\xe8l\x9f\x7fz\xea`{T&lt;c\xaaAFXg\x89sN\xa90 \xfd\x02\x00\xa8\x0bf\xfeX\xff]\nj\xfd\xebY\xe47\x00m\x02\xf4\xe8\xd1\xa3\x87+*\x00\xa0W\xff&lt;*\x88F\xf8\xd5\x9e\x13B\x08S\xfcI\xfds\t\xa1^\x8fg\xc7\x8e\x1d\xd0M\x1b@ \xff\x8a\x8a\n\x00HK\xc9\x11(\xe6\xdf\t!*S\xfa\xa4d\x11B&lt;\xc1\xc9\x1f\xeb\xff4\x82W\xff:\x17\xf9\r@\xfb-\x1e&lt;x\xd0\xe5l\x03\x80\xc4\x8c\xc1LQp\xf8\xd9\x01!TQ|q\xa9\xfd-\xb6h\x00(--\x85n\xda\x00\x02\xf9;\x9dm\x00\x90\x96&lt;Pe*\x0e?; @\x14\xbf/)\xa1o\x94\xc5\x0e\xc1\xc9\x1f\xeb\xff4\x82W\xff:g\x94\x06\xa0\xb5tK\x94=\xa1O\xb6\xaaxq\x03\xe8\x88\x10\xe6\xf7E\xc5\xf7\x8aK\xcd\x00\x80\x9d;wA7\x9d\x07k\x9f\xbf\xd5bKI\xea\xaf(^&lt;\x01\xd0\x01!De\xfe\x18{RbB_\x08Z\xfeX\xff\xa7\x14\xb4\xfa\xd7\xb9\xc8o\x00\x9a\x9a\x9a\x1a\x00\x90LVST4WU\xc0\x1dP\'\x9csQ2\x9bm\xb1\x00P[[\xab=7\xaa\xbb\xde\\\xcb_\x96\xcc\x16\xb3M\xe5x\x01j\x178\xe7\xa2([-1\x10\xb4\xfc\xb1\xfeO#\xa8\xf5\xaf[\x91\xdf\x00\xb4\x8b\xfa\x8a\x8b\xb7\x02@\\\xefLKt\xbc\x8ag\xc0\xba\xc29\xa3\x82\x98\xd8?\x0f\x00\xf6\x96\xedmnn\xee\x96\xe7c\xb4\xcf\xbfWb?[T\x1cSq\n\xa2\x0b\x9cs\x81\x8a}\x92\xb3\x01\xa0,8\xf9c\xfd\x9fF\x90\xea_\xe7"\xbf\x01h\x02\xbfH\x03&gt;\xfc\xe8\x1c\x10\xa2\xed\x9aU\x95\t\xddz\x9b\xf8\x93\xf9\xe3\xea\xc3S#\x10\xfc\xfc\xb1\xfeO#h\xf5\xaf[\x91_\r\xda\xb2\x8a\xaa\xaa*\x000E\xc5\xe0\x0e\xe848\xe7\xa6\xa8\x18\x00p\xb9\x9cZb\xe7?\x02j\x9f\xbf\xc5l\xc7\xb1\xffip\xce-f;\x04-\x7f\xac\xff\xd3\x0bF\xfd\xeb\\\x84W\x836\x91\xe7r\xb9\x8eTV\x02@b\xc6`\xbc\x08\xfeT\x08!\\U\x922\x86\x00\x80\xdb\xe5\xaa\xac\xac\x84\xf3\xde\x00\x02\xf9k\xef\xd6\xbbW\x16\xde\x04\xe2\x94\x08a\\MK\xce\x02\x00Ww\xe7\x8f\xf5\x7fF\xc1\xa8\x7f\xfd\x8b\xf0\x06\xa0!\x84H\x92\x04\x00\xdc\x18\xf7\xf78\x1f\x81\x88\xb4\xc4\xba\xc5\xc9\xfcq\xd7s&amp;\x81\x88\x82\x92?\xd6\xff\x99\x04\xa3\xfe\xf5\xcc\x10\r\x00\x0c\xd0\xc9\xbb]\xf7&amp;\x86\xf9\x9f+\xcc\xbfg\x19$1\xa34\x00\x84\x10B\x1d\x18\xa5\x01\x1c?\xf7h\x8c\xae~^N.\xd7\xe9\xce\xb3\xb5\xda\xbbq\xc0\xfc\xcf\x80\x073\x7f\xac\xff3\x0bN\xfe\xbae\x88\x06\xc09W\x14\x05\x00\xa8(\xe1%0\xa7G\xc5\xe3S\x9fZb\xdd"\x90\xbfH\r1\xafz&gt;DA\xd4\xfe\x12\x8c\xfc\xb1\xfe\xcf(\x18\xf5\xafg\x91\xdf\x008\xe7\x92$\xc5\xc6\xc4\x00\x80\xa3\xb6\x82\xa9~\x83\xf4\xf6\x9f\x81P\xea\xa8=\x0c\x00\x92$\xc5\xc4\xc4@w\x8c\x83\xb4\xfc\xb5w\xabo\xaeT\xf1&gt;\xa0\xa7F\x08\xado\xaa\x86 \xe4\x8f\xf5\x7f6\x82Q\xff:\x17\xe1\r\x80\x10\xc29\xb7\xdb\xed999\x00\xd0RW\xc1U\x05\x07A]\xe2\x9c\x13*h\x1b@tLlvv6\x9c\xf7\x06\xd0!\xff\x86\xe6j\x95\x1bb`\xf5spN\t\xado\xae\x02\x80\x98\xe0\xe4\x8f\xf5\x7f\x1a\xc1\xa8\x7f\xfd\x8b\xf0\x06\x10\xe0\xf3\xf9\x00@\x90L\x80WB\x9e\x96 \x99\x01@UUU\xed\xce;\xf6h\xf9K\x82L\xf1B\xa4\xd3\x92D\x13\x04-\x7f\xac\xff3\nR\xfd\xebV\xe4W\x83\xf6&lt;\xbc\xa1C\x87\x02@\xf3\xd1CnG#\x15E&lt;\x1b\xd6\x19!\x84\xa9\xfe\x86\x8aR\x00\xc8\xca\xca\x8a\x8e\x8e\xee\x96\xfba\xb5\xcf\xbf\xbe\xb1\xb2\xcd\xd9D\xf1y\x00]!\x84\xa8L\xa9\xae\xdb\x07A\xcb\x1f\xeb\xff4\x82T\xff:\x17\xf9\r@\x93\x9a\x9a\x02\x00^g\x8b\xdf\xd3F\xa8!\xee\xf2q\xee(S\x14\x97\xa3\x1e\x00z%%\x89bw\xee\xa6\xb5\xfc\xdd\x9eV\xaf\xd7Eq\x10z\n*SZ\x9dM\x00\x90\x14\x9c\xfc\xb1\xfeO+\x88\xf5\xaf[\x91\xbf)j=\xbc\xa0\xa0\x00\x00\xdc\xce\x96\xa6\xea\x83\xa2(\xe3%\xa9\x1dq.\x88\xa2\xcb\xd1\xe0\xa8\xa9\x00\x80\xbc\xbc\\81x&lt;O\xed\xf3w\xba\xdb\x8e5\x1e\x11\x05\x19\xd7\x83v\xc09\x17\x04\xb1\xcd\xd9\xd8\xd8X\x05A\xcb\x1f\xeb\xff\x94\x82V\xff:g\x94\x06\x90\x91\x91a2\x999g\xf5\x87K\xa9\x88\xb7\xa3\xe9\x88s.H&amp;G\xcd!\xa7\xa3\x01\x00\xb4s\x86\xdd\xa2C\xfeU\xb5\xfb\x05\x01\xa7 :\xe2\xc0E\xd1T\xdfX\xd5\xe2l\x82`\xe6\x8f\xf5\xdf\xa5\xe0\xd5\xbf\xce\x19\xa8\x01\xa4\xa4\xa6\x02\xc0\xb1C%\x1c8.\x84\xe8\x80sFE\xa9\xfe\xc8^UUDQ\x1a6l\x18\x9c\xb8\x95\xfcy\n\xe4\x9f\x9a\x9a\n\x00U\xb5\xfbp\xef\xd3\x05\xceE*V\xd7\x95\x07/\x7f\xac\xff\xd3\x08^\xfd\xeb\\\xe4\x7fBB\x08c\xccb\xb1\x0c\x1e\x94\x03\x005\xfb\xb7z\xdb\x1c\xf4\xc4\xe56\xe8\x04\x02\x04\xaaJ~\x00\x80\xf8\x84\xf8\xcc\xccL\xe8\xa65p\x81\xfc\x07\r\xca\x01\x80\x8a\xaa\xddnO\x0b\xa5\x02N\x02u\xc0\x01\xca+\xb6\x01@||P\xf2\xc7\xfa?\xad`\xd5\xbf\xceE~\x03\x80\x13sy\x85\x85\x85\x00\xe0\xa8=\xd2T}P\x94M\x80\xd3\xa0\xedPA\xf4\xb69j\x0fl\x03\x80!\x83\x87\xd8\xedv\xc6Xwm\x00\xed\xf3\xafo\xaa:\xd6pD\x92L\x0c;@\x00\x07J\x05\xb7\xa7\xb5\xa2\xba\x04\x00\x86\x0c\tb\xfeX\xff]\nj\xfd\xeb\x99!\x1a\x80\xf6\x8b\x9c2e\x8a \x88~\x9f\xf7h\xd9\x16A2\x19\xe1\x0c\xcf\xd9\xe2L\x94M\x8dU\x07\x1c\xb5G\x00\xe0\xaa\xab\xa6PJ\xbb1\x9f\x9f\xe4\xef\xf7\x1d\xac\xdc%\t2\x00\xe6\x7f\x1c\x03.I\xa6\xba\xfaC\xdae\xc0\xc1\xcd\x1f\xeb\xbf\xb3 \xd7\xbf\x9e\x19\xa2\x01hsyC\x87\x0e\xd5\xa6\xa1\x0f\x15\x7f\xcd9#8\rz\x02cL\x94\xcd\x15;\xbe\xf3\xfb\xbc\x94\xd2\x89\x13\'B\xb7\x1e\xffv\xc8\xbfd\xff\x06\xc69\xc1\x03\x80\x00\xced\xd1\xb4\xa7|\xb3\xdf\x1f\x8a\xfc\xb1\xfe;\x08v\xfd\xeb\x99!\x1a\x00!DUU\xab\xd5:i\xd2D\x00\xa8+\xdf\xe9j&gt;F%\x19\xd7\xa2h\x08!\x8c\xa9U%\x9b\x80\x90\xec\x9c\x9c\xdc\xdc\\\xcey7&gt;\x13\xb5C\xfe\x95G\xf7\xb4:\x1b\xa8\x80kQ\x8e#\x04T\xa6\x1e\xa8\xd8\n@\xb2\xb3\x83\x9e?\xd6\x7f\x07\xc1\xae\x7f=3D\x03\x08\xb8\xf9\xe6\x9b\x01\xc0Q_}\xe0\x87"\xd9\x12\x85\x0fH\x02\x00\xe0L2Y\xeb\xcawU\xec\\\x0f\x9c_{\xcd5&amp;\x93)H\xd7\xc1k\xf976\xd7\xee(\xfd\xc6l\x8a\xc2\x06\x00\x00\x9csY\xb2T\x1e\xdd[V\xfe#\x00\xbf\xf6\xda\xa0\xe7\x8f\xf5\xff\x13!\xac\x7f\x1d2J\x03\xd0\x8e\x82\xc7\x8e\x1d\xdb;-\r\x00\xf6m\xfc\x8cs\x8e\x07\xc1\xa0\x1d\xff\x9a\xad\xe5?\xae\xf6y\\\x82 \xdct\xd3M\x10\x84\xe3\xdf@\xfeiii\x00\xb0\xad\xf4+\xce\x19\xe0y`\x00\xce\x99,Yv\x95\xad\xf3\xfa\xdc!\xc8\x1f\xeb\xbf\x83\xd0\xd4\xbfn\x19\xa5\x01\x10B\x14E\xb1\xdb\xed\xb7M\x9b\x06\x00Gv\x7f\x7f\xec`\x89d\xb2\xe2Z\x08*\x88^\xa7c\xefw+\x08!#F\x8c(,,d\x8cu\xfb\xf1o \xffi\xd3\xa6\x01\xc0\xfeC\xc5U5\xfbL\xb2\x05\x0f\x02(\xa5.O\xeb\x96]E\xa1\xc9\x1f\xeb\xbf\x83\xd0\xd4\xbfn\x19\xa5\x01\xc0\x89A\xd0\xec\xd9\xb3EI\xf2y\\{\xbe\xfbH4[\rr\xae\xffT8Se\xab\xfd\xc8\x8e\xf5\xc7*\xf6r\xce\xef\xb8\xe3\x8e\xe0\xad\x7f\x08\xe4/I\x92\xd7\xe7\xfeqg\x91,[\x0c~O\x02\xc6\x99\xd9d+;\xb8\xb9\xba\xf6@\xc8\xf2\xc7\xfa\x0f\x08e\xfd\xeb\x93\xb1\x1a\x00c,77\xf7\xb2q\xe3\x08!;V/k\xae&gt;(Jfc\x9f\n#L\xf1o^\xf1\x02\xe7&lt;99\xf9\xc6\x1bo\x0c\xde\xe9\xaf@\xfe\xe3\xc6\x8d#\x84l\xd8\xf2Q]C\x85(\xcaF&gt;\x08 \x00\xaa\xaa\xacY\xfff(\xf3\xc7\xfao\'t\xf5\xafO\x06j\x00p\xe2\x81\xab\xf3\xe7\xcf\xe7\x9c\xbb\x1c\r\xa5\xdf|`\xb2\xc50\xd5\xa0\x8f(\xe1L5E\xd9\xab\xf7\xfcxd\xf7\xf7\x000c\xc6\x8c\xc4\xc4DU\r\xe2\x13\xbb\xda\xe7\xdf\xeal\xda\xbc\xfd\x0b\xab9\x9aq\xa3\x9cp\xeb@\x1b\xfe\x97\x1f\xd9\xbe\xefP1\x84&lt;\x7f\xac\xff\xd0\xd7\xbf\x0e\x19\xab\x01PJ9\xe7\xe3\xc7\x8f\xcf\x194\x88\x10\xba\xeb\xab\x7f\xb7\xd6W\t\x92\xc9\xb0\x83 \xce\xa1\xf8\xd3W\x00\xc0d2\xddq\xc7\x1d\x9c\xf3\xa0\xde\xff\xe4d\xfe9\x83\x08!\x9b\xb6}\xd2\xd4R#\x19\xfb\xe6\xa0k\xbf_\x0e\xa1\xcf\x1f\xeb\x1f\x00B^\xff:d\xacO\x1b\xb8/\xca\x1f~\xff{\xceYcu\xf9\x96\xff\xbcd\xb6\xc72f\xb8A(g\xaa\xc9\x16{p\xcb\x9a\xbd\x1b&gt;\xe3\x9c\xdfv\xdbm\x83\x07\x0ff\x8c\x05u\x038\x99\xff\x1f~\xcf9\xaf\xad?\xfc\xd5\xfaeVK\xb4\x01\xf3g\x8cY\xcd\xf6\xdde\xeb\xb6\xee^\xd3\x03\xf9c\xfd\xf7D\xfd\xeb\x90\xb1&gt;-\x00\x08\x82\xa0\xaa\xea\xf4\xe9\xd3\xc7\x8d\x1b\x07@v|\xf9vc\xe5~Q\xb6\x18o\x10D\x98\xe2\xff\xe1\x83\xbf\x13B\x12\x12\x12\x9e|\xf2\xc9\xd0&lt;\xff\xe8\xa7\xf9\xc3\x86\xe2\x155\xf5\x87d\xd1l\xb43\x01\x84\x80\xaa*\xab\xd6\xbd\xde\xa3\xf9c\xfd\x87\xba\xfe\xf5\xc6p\r@#\x08\xc2\x82\x05\x0b\x04\x81\xba\x1c\r\xeb\x96\xfdU\xb6\xda\x0c5\x08b\xaab\x89I\xd8\xb9z\xd9\x91\x92M\x9c\xf3\x07\x1ex %%%\x94\xc3\x9f\x13\xf9\x0b\xad\xce\xa6O\xbe|\xc1l\x8e\xe2F:\x13\xa02\xc5f\x8d\xdb\xb0e\xc5\xfeC[{4\x7f\xac\xff\x9e\xa9\x7f\xfd0\xdc\x07\x86\x13\x83\xa0\xb1c\xc7\xce\x989\x13\x00\xf6\xac\xfb\xcf\xbe\x8d\x9f\x99\xedq\x069\x1b\xc69\x13es\xf3\xd1C\x1b\x96?M)\xcd\xc9\xc9y\xf0\xc1\x07C\xbc\xf79\x9e\xff\x8c\x99\x00\xb0e\xd7\xaam\xbb\xbf\xb2Zb\x0c\xb2\x0f\xe2\x9c\xcb\xa2\xf9X\xe3\x91\xcf\xd6\xbe\xdc\xc3\xf9c\xfd\xf7D\xfe\xbab\xc4\xcf\x0c\'&amp;C\xff\xfa\xe4\x931\xb1\xb1\x9c\xa9_\xfd\xf3\x7f&lt;m\xcd\x821\xee\x8e\xc2\x19\x93-\xb6\xaf\xff\xf9h[S\x1dc\xec\xd9g\x9f\x95e9\xc4\xc7\xbf\xc7\xf3\xff\xeb\x9311\xb1\x9c\xab\xef\xad|\xca\xe5n\x11\x8dqw \xce\x99\xc9d}\x7f\xe5\xe2\x96\xd6\xfa\x1e\xce\x1f\xeb\xbf\x87\xf2\xd7\x0f\x836\x00m9DJJ\xca3O?\xcd94\xd7\x1c^\xf3\xf2\x1fd\xab=\xe2\x07\xa1L\xf1[c\x93\x8a?\xf9g\xd9\xf7+\x01`\xf6\xec\xd9\x93\'OVU5\xc4k\x9fO\xe6\xff\xcc\xd3\x9cC}c\xd5\xbb\x9f-2\x9b\xa2"\xfe\xba0UU\xecQ\xf1k7\xbe\xb3\xad\xe4k\xd0C\xfeX\xff=\x91\xbf~\x10#\x8c\xb9NEQ\x14Q\x14\xa7N\x9d\xfa\xee\xbb\xef\x02\xc0\xe5\xf3\x9e\xbc\xf0\xfay\xce\xc6Z*J=\xfd\xa3\x05\x05S\x15\xb3-\xa6f\xff\xf6\xe5\x8f\xfc\xc2\xefqgf\xf6\xdf\xb1c\x87\xc5b!\x84\xf4\xc8\xf0\xa7C\xfeS\xafyx\xe2\xe8\xe9\x8e\xd6z!B\x9fW\xc5\x98j1\xdb+\xaaK\x96,\x9d\xeb\xf5\xb9333u\x95?\xd6\xbf\x01\x19\xba\x01p\xce\x19c\x0e\x87\xa3\xb0\xb0\xf0\xe0\xc1\x83\xa2\xc9r\xcb\xe3\xcb{\x0f*\xf4:#\xf0\x99y\x9c1A\x94\xfc^\xd7\xf2G~\xd1p\xa4L\x10\x84u\xeb\xd6\x8d\x1a5\xaa\x07g?;\xe4/K\xe6{\x7f\xf5|fz\x81\xdb\xd3Fi\xa4\x8d\xc88g\x82 \xf9|\xee\xbf-\x9d[s\xac\\\x87\xf9c\xfd\x1b\x90q?9\x00h\x9d?&gt;&gt;\xfe\xed\xb7\xdf&amp;\x84(\x1e\xd7g\xcf\xdc\xedni\x90L\x16\x1ea\xc7\xc2\x9c\x03\x01\xc9\x12\xf5\xc5\xdf\x1f\xa8\xaf\xd8\xcb9\x7f\xea\xa9\xa7F\x8d\x1a\xa5(J\x0fV\x7f\x87\xfc}~\xf7\xeb\xef?\xd2\xeal\x96%3\x8b\xac\xb9 \xed9\xec&amp;\xd9\xf2\xd6\x8a\x05G\xeb\x0e\xe83\x7f\xac\x7f\x032\xf4\x87\x07\x00J\xa9\xa2(\xa3F\x8d\xfa\xc7?\xfe\xc1\x01Z\xea*\xdf\x7f\xfc6\xc5\xef\xa3\xa2\x1cIwK\xe7\x8cY\xecq\x9f/\xb9o\xff\x0fE\x000k\xd6\xac\xfb\xef\xbf_\x9b\x01\xe8\xd9\x1f\xec\'\xf9shh&gt;\xfa\xfc\x1b\xf7\xfa\x15\x9f(H\x91t&gt;\x803\x16e\x8d~\xe3\xc3\xc7v\xec\xf9\x06t\x9b?\xd6\xbf\xf1\x18\xbd\x01\x00\x80(\x8a\x8a\xa2\xcc\x9d;w\xde\xbcy\x1c\xa0\xb6|\xe7\xea\x7f&lt;$\x9b\xad\x84\x92\xc8\xd8\x071U\xb1\xc6\xf5\xda\xbc\xe2\xc5]k\x96\x03@aa\xe1\x0b/\xbc\xa0\x9f{\xde\xb6\xcf\x1f\x00\x8e\x1c\xdd\xf3\xce\'\x7f1I\x16Bhd\xccO\xaaL\x89\xb6\'~\xb9\xfe\xad\x8d\xc5\x1f\x83\xbe\xf3\xc7\xfa7\x1al\x00\x00\x00\x82 (\x8a\xf2\xe2\x8b/\xdeu\xd7]\x00P\xfa\xedG\x9f/\xf9\xadl\xb1S*\x84\xf78\x88s\xae\xaaQq\xbd~\\\xf1\x8f\xaf\xff\xf9?\x00PXXXTTd\xb5ZAOO\xbd\xe8\x90\xff\x8f;\xbe\xf8\xd7\x87\x7f4\x9b\xa2(\xa5a=\x17\xc4\x813\xa6\xc6\xd8\x12\xbf\\\xf7\xe6\x07+\x17C\x98\xe4\x8f\xf5o\x1c\x86&gt;\t\xdc\x9evBL\x10\x84\xb9s\xe7\xbe\xf2\xca+\x00\x907a\xea\xe4{\x9e\xe2\x8c)&gt;O8\x9e\x13\xd3\x86of[\xdc\x96\x8f_\xfa\xea\x95G9@a\xe1\xc8\xa2\xa2/\xe2\xe2\xe2tx\xe2\xabs\xfe\x17]p\xed/\xaf{\x84q\xa6(\xbep&lt;\'\xcc9\x03 Q\x96\xe85\x1b\x96\xbd\xbf\xf2)\xce\x8f\xef}\xc2%\x7f\xac\x7f#\xc0\x06pR\xe7m 5{\xf8/\x1e}\xc3\x1a\x93\xe0im\x0e\xaf\xb5qLUD\xc9$\x9a\xad_\xfc}\xfe\xce\xd5o\x03@\xe1\xc8\x91E_\xe8\xba\xfa;\xe7\x9f\xd1\'\xff7\xd3\x9f\xb1E\xc5\xbb\xdc-\xe1\xb56\x941U\x14eY2\xbf\xf5\xd1\x82\r\xc5+\x00`\xe4\xc8\x91_\x84[\xfeX\xff\x11\x0f\x1b\xc0Ot\xde\x06\x922\x86\\\xf9\xdb\xbf\xa5\r\x1a\xe1l&gt;F\xa9\x00\xe1p\xd8\xc8\x14\xbf\xd9\x1e\xebr4\xacz\xe1\xbf\xf6}\xbf\x12\xc2g\xec\xd39\xff\xb4\x94\xac\x197&lt;\x96\x99^\xd0\xd2\xd6 P\x01\xc2\xe19\xb6\xaa\xaaX-\xd1m\xce\xa6\xb7?~b{\xe9\xd7\x10\xce\xf9c\xfdG6l\x00\x1du\xde\x06\xcc\xb6\x98Is\x9f\xcc\x9dp\xab\xa7\xad\x993\x95\xe8x:\x82s\xc6\x19\xb7\xc6$T\xef\xfd\xb1\xe8\xef\x0f\xd4\x1d*\x81p\x18{\xb6\xd79\x7f\xab%z\xea\xd5\xff=\xea\x82k\\\xee\x16\xc6T=O\x07q\xce9g\xf6\xa8\xf8\xf2#\xdb\xdfZ\xb1\xa0\xaaf\x1f\x84\x7f\xfeX\xff\x11\x0c\x1b@\x178\xe7\xda\xa3!\x96,Y2\x7f\xfe|\x00 \x00\x17\\=g\xdc\xed\x7f\x14D\xd9\xebj\xd1\xe7P\x88\xa9\x8a(\x9b%s\xd4\xb6\xcf_\xfb\xe6_\x0b\xbc\xae6\x00\x983g\xce\x92%K\xecv{\x18U\x7f\xe7\xfc\x81\xc0\xb8\x91So\xbc\xe2w\xa2(\xbb=\xad\x94\x08:&lt;\x83\xa72E\x96\xcc&amp;\xc9\xf2\xcd\x0f\xef\xaeX\xf5\x7fn\x8f\x13"%\x7f\xac\xffH\x85\r\xa0k\x81m\xa0\xa8\xa8h\xce\x9c9\xd5\xd5\xd5\x00\x90\x9a5l\xfc\x1d\x7fJ\xcf\x1f\xedq:T\xbfO?g\xc68S\x81\x10\x8b=\xbe\xb9\xe6\xd0\xda\xd7\xfew\xef\xfaO\x00@\x96M\x0b\x17\xfe\xf5\xfe\xfb\xef\x07\x80\xb0\xab\xfe.\xf3\xef\x97\x96{\xf3\x94\xff\x97\x9d9\xc2\xe5nUT\x9f@\xf5\x92?c*!4\xca\x1aS\xdfX\xf9a\xd1\x92\xe2]\xab!\x12\xf3\xc7\xfa\x8f&lt;\xd8\x00NG\xbbT\xe4\xe8\xd1\xa3\xb3g\xcf.**\x02\x00I\x92\x87_\xff\xeb\xc2\xeb\xe7E\xc5%{\xda\x9a\x99\xaa\xd2\x1e]M\xac]\xb1i\x8a\x8aa\x8a\x7f\xe7W\xcb7._\xdc\xdaP\x0b\x00\xd999K_}u\xcc\x981\x8c\xb1\xf0\xbd\xd5I\x97\xf9O\xb8x\xfa\x84\xd13b\xec\x89z\x98\x11\xd2V\xa9Z\xcdvU\xf5o\xdc\xfa\xc9\xe7_\xbf\xd4\xdcr\x0c\x00rrr^\x8d\xd0\xfc\xb1\xfe#\t6\x803\x08\xdc)p\xc9\x92%\x0f?\xfc{\xaf\xd7\x03\x00\ti\x03F\xdcp\xf7\xa0\xb17\x98\xacv\xaf\xb3\x85\xa9\n\x15B}~R\x1b\xf5\x98,v\x0e\xfc\xd0\xd6\xb5\x9b?z\xe1\xf0\x8eu\xda\x97\xee\xbc\xf3\xce\xc5\x8b\x17\xc7\xc4\xc4D\xc0\xb5\x8e]\xe6\x9f\x9c\xd4o\xd2\xe8_\x8d\xc8\xbf\xc2l\xb6\xb9=\xad\x8c\xa9\x94\xd2\x10\xe7\xcf\x18#\x04\xcc&amp;\x1b\x00/\xd9\xb7\xf1\xcb\xf5o\xec-\xdf\xac})\xe2\xf3\xc7\xfa\x8f\x18\xd8\x00\xce,0\x88\xd8\xb5k\xd7C\x0f=\xb4r\xe5J\xed\xdf{g\x0f\x1fy\xd3o\xd3\xf3G[\xa2\xe3\xbd\xceVU\xf1\x11BI\x90\x8f49g\x9c1*\x88\xb2\xc5\xc6\x14\x7fuY\xf1\xd6\xcf^\xdd\xbb\xeec\xed\xb7\x98\x97\x9f\xbfh\xe1\xc2)S\xa6@\xbbM7\xdc\x9d*\xff\x8c\xbey\x93/\x99\x9d\xdd\x7f\x84-*\xc6\xedq\xaa\xaa\x9f\x10BH\xb0\xf3\xe7\x9c3J\x05\xb3)JQ\xfd\x87*w}\xf3\xfd\xbf\xb7\xecZ\xa5}5//\x7f\xd1"\xa3\xe4\x8f\xf5\x1f\x01\xb0\x01\x9c\xad@=-_\xbe\xfc\x89\xbf\xfce\xd7\xce\x9d\xda\xbf\'\xf5\x1b4\xfc\x9a;\xb3.\x9a\x12\x15\xd7KU\xfc&gt;\xb7\x933\x95\x10J(\xe9\xc61\x91\xb6\xbc\x81\x10\x10MV\xc9d\xf1:[\x8e\xec\xde\xb8\xe5\xe3\x97*\xb6\x7f\xcb8\x00@rJ\xca\xbd\xf7\xdc\xf3\xd0C\x0f\xc9\xb2\x1c\x91\x87\xbd\xed\xf3\xff\xcb_\xfe\xb2\xf3D\xfei\xc9\x03\xc7]4m\xd8\xe0\xf1\xd1\xb6\x04\x85)^\xaf\x8b\xf3\xc0\xc7\xef\xd6\xfc\xb9vC7\xb3$\x99\xdd\x9e\xb6\xfd\x87\xb6|\xb5q\xd9\x9e\xf2M\xda\xa5\xca\xc9\xc9)\xf7\xdek\x94\xfc\xb1\xfe#\x066\x80s\xc0\x18\x03\x00J\xa9\xcf\xe7[\xb4h\xd1s\xcf?_[S\xa3})\xa6W\x9f\xac\x8b\xaf\x1eX8\xb9\xf7\xe0B\xc9dU\x15\x9f\xe2\xf50\xd5\xcf9\x10B\xe0g\x94\xa3v\x1a\x0e8\x00P*\x88\xb2I\x94\xcdLU\xeb\x0e\xee&gt;X\xfc\xf5\xdeu+j\xcbwi/4\x99-\xd3\x7fy\xdb\x82\x05\x0b\xd2\xd2\xd2 \xa2\x07&gt;\x1d\xf2\x7f\xfe\xf9\xe7kN\xe4\x9f\x10\x97:l\xf0\x84\xfcA\xe32\xd3\x87\x9a$\x8b_\xf5\xf9\xfd^UU\x00N\xfe\x02\xce\xe9{q\xe0\xda\xaf\x00\x00(\x15$\xd1$I&amp;\xc6\xd4\xca\x9a\xb2\x92}\x1b\xb6\xec*:R\xbdW{\xa5\xd9l\xfe\xe5/\x7fi\xc0\xfc\xb1\xfe#\x006\x80s\x16\xa8\xb0\xda\xda\xda7\xdf|\xf3\x8d7\xde\xdc\xb9s\x87\xf6%B mPa\xdf\xfcK\xd2\xf3G\'\xf5\xcf\xb3\xd8\xe3\xa8 0EQ\xfc^\xa6\xf8\xb5\xd9\x83\xe3/\xec\xb49p\x00\xed\x81|\xda\x06#\x08\x92 \xc9\xda\xe5\x97^gkSuy\xc5\xceuU%\x9b*\xb6\x7f\xeb\xf5\xb8\xb4\xff$%5u\xc6\xf4\xe9\xb3f\xcd\xca\xcb\xcb\x03\x00EQ\x04A\x8f\xeb#\xbb\xd7\xe9\xf2\xa7\x90\xd9wXv\xff\x11\xd9\xfdG\xa4\xa5d\xdb\xac\xb1\x94\n\xaa\xaa(\x8aOe~\xc6\xf9\xc9G\x1ev\xf1\x0b8\xf9%\x02D\x10DQ\x90\x04A\x02\x00\xb7\xa7\xb5\xae\xa1\xa2\xec\xe0\x8f\x07\x0eo\xdd[\xbe\xc9\xe3uk/LII\x9d1\x03\xf3\xc7\xfa\x0fc\xd8\x00~\x8e\xc0\xc52\x00\xe0\xf3\xf9\xbe\xf8\xe2\x8b\xa5K_+Z\xb5\xca\xe3&gt;^\x9a\x84@lrzR\xff\xdc\xde\x83\n\x932r\xe3zgF\xc5\xf6\x12e\x99\n\x12\x10\x02\x9c1\xb5\xe3\xfd\xd6\t\xd5\xe6O\tS\xfcLU\\\x8e\xfa\xe6\xda\x8a\xc6\xca}\xd5\xa5\x9bk\x0flo\xaa.\xf7\xfb\xbc\x81\x17\x8f\x19s\xc9\xac\xdbg]w\xed\xb5\xc9\xc9\xc9\x00\xa0\xaa*\xa5\xd48\xa5\xdfe\xfe\xabV\xadr\xb7\xcb?1.--%;3}hZrv\xaf\x84\xbe\xd1\xb6DQ\x94\x05A$@8p\xc6\x94\xf6\x13\x14\x9csJ\x05J(\x00\xa8LQ\x99\xd2\xe6l\xaao\xac\xaa9v\xb0\xfc\xc8\xf6\x8a\xea\xd2c\x8d\x15\xbe\x9f\xe4?\xe6\xf6Y\xb7_{\x1d\xe6\x8f\xf5\x1f\xde\xb0\x01\xfc|\x9csUU\x03\xcb\x0c\xf6\xec\xd9\xf3\xe9\xa7\x9f\xae\xf8\xcf\x7f~\xf8as\xfbb\x05\x80\xa8\xe8\xb8\xd8\xd4\x0cSTlR\xff\\\xed\xfcUR\xc6\x10\xc6T\x02D{\x1fA\x94\x1c\xb5\x87[\xea\xab\xa9 \xd4\x1f.\xf5\xb467U\x97;\x9bj\xd9O\x7f9\xb9yyS\xae\xbc\xf2\xc6\x1bo\x1c=z\xb4\xf6/\xda\x13-\x8c\xb9\xc6\xb9\xeb\xfcW\xfcg\xf3\x0f\x9b}\xfe\x9f\xe4o\xb7\xc5&amp;\xc6\xf5\xb1Z\xa2\xd3\x92\xb3\x05A0\xc9Qi)Y\x8c1m\x87\xc1\x81\x0b\x82\xd4\xd0X\xd5\xd4RC\xa9P]\xb7\xdf\xe5r\xd45\x1eq\xb4\xd6\xf3\x9f\xfe\x02rs\xf3\xa6L\xc1\xfc\x8f\xc3\xfa\x8f\x00\xd8\x00\xce\x976\x1a"\x84\x04\xaa\xb0\xb4\xb4t\xd3\xa6M\x9f|\xfa\xe9\x96-\xc5\xd5\xd5\xd5\x1d6\x86s\xd5+9\xa5 ?\xef\xca+\xaf\x1c;v\xec\xf0\xe1\xc3\xb5a\x97\xf6Mq\xd4\x03\xa7\xc9\xff\x93O\x8b\x8b\xb7TUU\xfb\xfd\xbe\xf3y\xff^\xbd\x92\x0b\n\xf21\xffS\xc1\xfa\x0fk\xd8\x00\xba\rcL;.\x0e\x14\xa5\xcb\xe5:|\xf8\xf0\x9e={v\xee\xdc\xb9c\xc7\xce\x86\x86\x86\x92\xd2REQZZZ\x94\xae\xf6J\t\x89I\x9c\xf3\x81\x03\x07\xc6\xc7\xc5\x8d\x18q\xe1\x80\x01\x03rss\xb3\xb2\xb2bcc\x03\xafQ\x14\x85\x10\x82\xa7\xb9:;\xab\xfcKJTUmii\xe9\xb2+$$$\x02\xc0\xc0\x81\x03\xe30\xffs\x87\xf5\x1f\x8e\xb0\x01t?mK\xe8\xb2L\x1d\x0e\x07c\xac\xa6\xa6&amp;\xb0|%\xc0f\xb3eeeq\xce\xe3\xe2\xe2N\xf5\x868\xe49\x1b\x98\x7f\xcf\xc2\xfc\xc3\x086\x80 \xe2\xedh\x0b\x93\xcff\xb2R;\xbc\xe5\'VD`\xd1\xffl\x98\x7f\xcf\xc2\xfc\xf5\x0f\x1b@Hii\xf3\x13\x0b\xcc;\xd06\x0f,\xf7\xe0\xc1\xfc{\x16\xe6\xaf7\xd8\x00\x10B\xc8\xa0p\xf9\x14B\x08\x19\x146\x00\x84\x102(l\x00\x08!dP\xd8\x00\x10B\xc8\xa0\xb0\x01 \x84\x90Aa\x03@\x08!\x83\xc2\x06\x80\x10B\x06\x85\r\x00!\x84\x0c\n\x1b\x00B\x08\x19\x146\x00\x84\x102(l\x00\x08!dP\xd8\x00\x10B\xc8\xa0\xb0\x01 \x84\x90Aa\x03@\x08!\x83\xc2\x06\x80\x10B\x06\x85\r\x00!\x84\x0c\n\x1b\x00B\x08\x19\x146\x00\x84\x102(l\x00\x08!dPbO\xff\x00\x08\x85\xda\xa9\x9e\x83\x8d\x8f#\x0f\r\xcc_?\xb0\x01\xa0H\xc6\xdb\x01\x00Ji\xe0\xcf\xce\x18c\x81?I;!\xfcy#\r\xe6\xafs\xe4T\xdd\x18\xa10\xa5\xedn\x18c\x84\x10A\x10:\xbf\x801\xe6p8\x089^\xfc\xda_\xccf\xb3\xc5b\xe9\xf2\xc5\xda[QJqgt60\xff0\x82\r\x00E\x08m\xa7\xc39\x17\xc5\x93\xc7\xb5\xaa\xaaVWW\xef\xdf\xbf\x7f\xc7\x8e\x1d\xf5\xf5\xf5?n\xde\xac(JMMM\xcd\xd1\xa3\x1dv@6\x9b-++\x8bs\x9e_P\x90\x98\x944b\xc4\x88\xbe}\xfb\xf6\xeb\xd7\xcfj\xb5\xb6\x7f7\x00\xc0=Q\x97\xce&amp;\xff\xcd\x9b\x7f&lt;\x9e\x7fM\r\x01\xc2\xe1\xe4\xce\xc7f\xb3e\r\x1c\xc8\x01\n\xf2\xf3\x13\x93\x121\xff\xd0\xc0\x06\x80\xc2\x1e\xe7\\U\xd5\xc0~GU\xd5\xb2\xb2\xb2\xa2\xa2\xa2u\xdf}W\xb6w\xef\xe1\xc3\x87[\xda\xda~\xc6\xdb\xca\xa2\x98\x96\x96\x963h\xd0E\x17_&lt;y\xf2\xe4\xa1C\x87\x06vF\x8a\xa2PJO5\x95a4\xa7\xce\x7f\xdd\xde\xbd{\x0f\x1d&gt;\xdc\xd6\xd6\xfa3\xdeV\x92\xe4\xde\xbd{\x0f\x1a\x94s1\xe6\x1f4\xd8\x00P\x18\xd3\x86\x84\xda&lt;\x83\xaa\xaa\x9b6mZ\xf1\xd1G+W\xae\xdcWV\xe6\xf5\xfb\xdb\xbf\xd2f6GI\xd2\x80\x98\x18\x81R\x9b$\xe5\xc6\xc7\xab\'*\x9f\x03H\x94\x1eni\xa9v:\x05J\x0f:\x1c\xad&gt;_\x93\xcb\xd5\xe1{\xf5\xef\xd7o\xfc\x84\t\xd7\xdfp\xc3e\x97]\x16\x1d\x1d\r\'\xc6\xbcF\x1e\x90v\xce\xff\xa3\x8fV\xac\\\xb9\xb2\xac\xac\xcc\xef\xf7\xb5\x7f\xa5\xc5\x1ce2Y{\xc5\xa7S*\x98dkZJ\x16c*\x80\x96\x1b\x17\xa8X\xdf\\\xd5\xdcRG\t=\xd6X\xe9\xf1\xb6\xb59\x1d\x1d\xbeWF\xbf\x8c\xf1\x13&amp;\xdcp\xc3\xf5\x98\x7f</t>
        </is>
      </c>
    </row>
    <row r="267">
      <c r="A267" s="1" t="n">
        <v>265</v>
      </c>
      <c r="B267" t="inlineStr">
        <is>
          <t>venn</t>
        </is>
      </c>
      <c r="C267" t="inlineStr">
        <is>
          <t>What is the missing number of the part denoted with a question mark?</t>
        </is>
      </c>
      <c r="D267" t="inlineStr">
        <is>
          <t>['2', '6', '0', '3']</t>
        </is>
      </c>
      <c r="E267" t="inlineStr">
        <is>
          <t>6</t>
        </is>
      </c>
      <c r="F267" t="inlineStr">
        <is>
          <t>There are 3 overlapping circles containing the numbers [5, 4, '?']. The overlapping part between the first and second circle contains the number 9. The overlapping part between the second and third circle contains the number 10.</t>
        </is>
      </c>
      <c r="G267" t="inlineStr">
        <is>
          <t>We observe that the circles with 5 and 4 overlap to form the part 9, where 5 + 4 = 9. Hence, the pattern is most likely that the numbers in the overlapping parts are the sum of the numbers in the corresponding circles.</t>
        </is>
      </c>
      <c r="H267" t="inlineStr">
        <is>
          <t>Based on the pattern that the numbers in the overlapping parts are the sum of the numbers in the corresponding circles, the missing number of the circle where the overlapping part is 10 should be 6.</t>
        </is>
      </c>
      <c r="I267" t="inlineStr">
        <is>
          <t>b'\x89PNG\r\n\x1a\n\x00\x00\x00\rIHDR\x00\x00\x02\x00\x00\x00\x02\x00\x08\x06\x00\x00\x00\xf4x\xd4\xfa\x00\x00\x9e\xf3IDATx\x9c\xec\xddu\x9cTU\x1b\xc0\xf1\xdf\xbdw:\xb6\x97\x86\xa5\x04\x01ABQP\x01\x13\x13\xb1^1PD\x01\xc1\xc6VPQlDAT\xecV\x0c\x0c,@\x05\x94\x12QRZ\xback:n\xbc\x7f\xdc\x99%,jag\xe6|?\x1f_xw\x97\xdd\xbb\xf3\xcc\xbd\xe79\xe7&lt;\xe7\x1c\xc90\x0c\x03A\x10\x04A\x102\x8a|\xb8/@\x10\x04A\x10\x84CO$\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D\x02 \x08\x82 \x08\x19H$\x00\x82 \x08\x82\x90\x81,\x87\xfb\x02\x84\xc3\xc30\x8c\xdd\xfe\xbe\xeb\xff\xdf\xf3\xf3I\x92$\xfd\xe5\xef{\xfe)T\r\xc9\xf8\xed\x19\xdb\xbf\x8b\xeb\xae\xf6\x8c\xb1\x88o\xd5\xb4k|w\xfds\xcf\xbf\xefJ\xdc\xbf\xc2\x9e$\xe3\xbf\x9e\x08B\xcaJ\x86V\xd7\xf5\x8a\xbf\'\x1f\xea\xb2|\xf0\x07\x7f4M\xfb\xcb\xcf\xd9\xb5\x11\x11\x0e\xaed\xe3\xbek#\x9f\x8cme\xbc\xe6\xc9\xf7\x91a\x18\x15\xdf\xbf\xb2~\x96\xf0\xcf\xf1\xad\x8c\xfb\xd70\x8c\xbf}N\x88\xfb7\xbd\x89\x04 \x8d\xec\xf9\x80V\x14\xe5_\xbf&gt;\x18\x0c\xe2\xf7\xfb)//\'\x10\x08\x10\x08\x04\x08\x87\xc3\x84B!TU%\x16\x8b\xa3\xeb:\x16\x8b\x82\xd5j\xc5j\xb3\xe1r:q\xb9\xdcx&lt;n&lt;\x1e/99\xd9\xb8\xddn\x9cN\xe7?\xfe\x9c]\x1f.\x95\xd9@\xa5\xb3d\\u]\x07\xcc\x86\xf7\xdf\x1a\x81`0H&lt;\x1eg\xfb\xf6\xed\x94\x94\x94\x10\x8d\xc5\x88Ec\x94\x96\x96\xe0\xf7\xfbQU\x95h,\x86a\x18\xd8\xacV\xacV+.\x97\x8b\xdc\xdc\\\\.\x17\x16\x8b\x85\xec\xeclj\xd4\xa8\x81\xcdf\xc3\xeb\xf5\xfe\xeb\xb5\x89\xf8\x1e\x98=\x1b\xfb\xff\x8a\xaf\xa6i\x84B!\xca\xcb\xcb\xf1\xf9|\xf8\x03\x01B\xc1 \xa1P\x98p8\x8c\xa6\xa9\xc4b1\x0c\x03\xac6+\x16\x8b\x05\x87\xdd\x8e\xd3\xe5\xc2\xedr\xe1\xf1x\xf0z\xbddg\xe7\xe0v\xbb\xb0\xd9l\xffzm\x9a\xa6\x01;\x13&gt;\x11\xdf\xf4 \x12\x80\x14\xb6k\x83o\xb1\xfcu6\xc70\x0c\xb6n\xdd\xc6\xda\xb5kX\xb5j5+W\xaed\xd5\xeaU\xac_\xbf\x9e-\x9b7\xb3m\xdbV\xca\xcb\xcb\x89Fc\xfb}\r.\x97\x93\x9c\x9c\\j\xd6\xacI\x8d\x1a5\xa8_\xbf\x01\r\x1a\xd4\xa7q\xe3\xc6\xd4\xaf_\x9fz\xf5\xea\x91\x9b\x9b\xfb\xb7\xd7\xae\xeb\xbah0\xfe\xc1\xae\r\xfe?%s\x81@\x80\r\x1b6\xb0v\xedZ\x96,Y\xc2\x86\r\x1bX\xb6l\x19\xc5\xc5%\xac[\xb7\x16\xbf\xdf\x8f\xcf\xe7;\xa0\xebp\xbb\xdd\xb8\xddn\xea\xd4\xa9Caa!\r\x1a6\xa4\xa8\xa8\x88\xa6M\x9aPTTD\x83\x06\rD|\xf7\xc3\xde\xc47\x1a\x8d\xb2e\xcbV\xd6\xacI\xdc\xbb\xabV\xb1j\xd5*6n\xdc\xc8\x96\xcd\x9b\xd9\xb1c\x07&gt;\x9f\x0f5\xd18\xef+\t\xf0x\xbd\xe4\xe7\xe7W\xdc\xbf\r\x1b6\xa2~\xfd"\xf3\xfem\xd0\x80:\xb5k\xe3\xf1x\xfe\xf2oE|\xd3\x83H\x00R\xc8\xae\x0f\rEQ\xfer\xd3m\xd8\xb0\x81\xc5\x8b\x173g\xce\x1c\xe6\xce\x9d\xcb\xa2E\x8bX\xb9r%\x91H\xe4o\xbf\x9fb\xb1\xe2\xcd\xca&amp;;\'\x17\x8f7\x0b\x8f\xd7\x8b\xd3\xe9\xc2\xe14{\x80V\xab\rY\x91QU\rU\x8d\x11\x8f\xc5\x88\x84\xc3\x84BA\x82~?~\x7f9e\xa5%\x04\xfc~0\xf4\xbf\xfd\x19\xd9\xd9\xd94i\xd2\x84\x96-[\xd2\xb6m;\xda\xb6mC\xd3\xa6M\xc9\xcb\xcb\xdb\xed\xeb\x92\x0f\x94\xff\xea\xf9\xa4\xb3]{\xf8{6\x08\x91H\x84\xe5\xcbW0\x7f\xc1|\xe6\xce\x99\xc3\xbcy\xf3X\xbat)\x9b7o\xfe\xc7\xefg\xb1\xdap{&lt;\xb8=\x1err\xf2\xf0f\xe7\xa2(\n\x16\xab\x15E\x96\xb1XmH\x92\x84\xaa\xc6\xd1T\x15UU\xd1u\x8d`\xc0OYI\t~\x7f9\xe1P\x88H8\xf4\x8f?#\'\'\x87\xa6M\x9b\xd2\xbcys\xda\xb6mK\xdb\xb6mi\xd6\xac\xd9_\x92\x02\x11\xdf\xddGJ\xf6L\xd8UUe\xf5\xea\xd5,X\xb0\x909s~g\xde\xbcy,^\xbc\x98\xf5\xeb\xd6\xa1\xe9\x7f\x7fo\xd9\xec\x0e\xb2\xb2s*\xee_\x97\xdb\x83\xd3\xe9\xc2\xeet\xa2(J\xa2Wo\xc6WUUb\xd1\x88y\xff\x06\x03\x04\xfc&gt;|\xe5\xe5\x94\x97\x95\x10\x0e\x05\xff\xf1\x9a\xabU\xab\xc6\x91G\x1eI\xabVG\xd3\xb6m[Z\xb7&gt;\x9a&amp;M\x9a\xe0v\xbbw\xfb\xba\xe4\xf4_&amp;\xc77\x15\x89\x04\xa0\x8a\xfb\xb7\x87\xc6\xbau\xeb\x985k\x16S\xa7Ne\xc6\x8c\x19,X\xb0\x80x&lt;\xbe\xdb\xd7x\xb3s\xa8W\xbf\x11E\r\x1bS\xb7~C\xea\xd4\xadO\xf5Z\xb5\xc9+\xa8Fvn\x1en\xb7\x17\xbb\xc3\x81\xcdf\xc3j\xb3!I2\x92\x04\xc9\xdcB\x92 \xf9\x0e1\x0c\xf3?]\xd3\x88\xc5c\xc4\xa2Q\xa2\x910\x01\xbf\x8f\xb2\x92b\x8a\xb7oc\xf3\xc6ul\\\xbf\x86\xb5\xab\xfed\xdd\xea\x95\xac_\xbb\x9ah$\xbc\xdb5\xe5\xe6\xe4\xd0\xbam[N&lt;\xe1\x04N\xea\xd4\x89\xb6m\xda\x90\x9f\x9f\xbf\xdb\xd7\xa8\xaa\x9a\x11\x0f\x93\x7fj\xf4UUe\xd1\xa2\xc5L\x9f&gt;\x8d\x9f\xa7Ne\xf6\xaf\xbf\xb2j\xd5\xaa\xbf\xfc\xfb\xec\x9c\\\xea5hD\xed\xbaE\x145jB\xf5\x1a\xb5\xa8S\xd4\x10\x8f\xd7KA\xb5\x9a\xb8=\x1e\x14\x8b\xc5l\x18\x1cN$\xa8\x08nE\xfeh\x80\x91\xfc\x0b\x10\x8b\xc6\x08\x87\x83\xc4c1b\xb1(\xdb\xb7n&amp;\xe0\xf7\xb3e\xe3z\xb6l\\\xcf\xfa\xb5\xabY\xbff\x15\xeb\xd6\xaed\xdb\xe6M\x7f\xb9\xa6\xfc\xfc|Z\xb7n\xcd\t\'\x9c@\xa7N\x9dh\xdb\xb6\xedn\tArH9\x93\xe3k\x18\x06\xcb\x96-c\xc6\x8c\x99L\x9d\xfa3\xbf\xfc\xf2\x0bK\x97.\xfd\xcb\xbf/\xa8V\x83\xa2\x06\x8d(jt\x04u\x8b\x1aP\xabn}\xaaU\xafIn~!\xd99\xb98\xddnl6;6\xbb\x1d\xab\xc5\x8a$K;\xe3*\x99\xbd\xfc=\xef_MU\x89\xc5\xa2\xc4\xa2Q"\xe1\x10\xbe\xf22\xcaJ\x8a\xd9\xb1}\x0b\x9b\xd6\xafe\xe3\xfa\xb5\xacY\xb9\x9cukV\xb1q\xddZt}\xf7\x11\x86Z\xb5jq\xcc1\xc7p\xe2I\'q\xe2\x89\'\xd2\xaae+\xdcn\xd7n\xbf[\xa6\xc47\xd5\x89\x04\xa0\x8aJ\xf6\x98vm\xf45Mc\xee\xdc\xb9L\x9c\xf8=\x13&amp;\x8cg\xd6/\xbf\x10\x8d\xed\x1c\xbe\xcf\xca\xce\xa1I\xf3\x96\x1c\xd5\xba\x1d\xcd[\xb6\xa6~\xe3#\xa9Y\xbb.9\xb9y8\x9c\x0e\x14%\xf1\x00\xd0@\xd3t\xb4D\x8f/\xf9\xb3\xcc\xb7\x82\xb1K\x83\xb0;i\x97\xff1\x87\xfd\xcc\x1b\\Q\x14\x14\x8b\x05E\x91\x90\x13\xcf85\x0e\xa1`\x80\xd2\xe2\xedlX\xb7\x86U\xcb\x97\xb2x\xe1\\\x16\xcd\xff\x9de\x8b\xff@\x8d\xef\xbc\xee\xfc\xfc|N:\xe9$\xbav\xed\xca\xc9\'\x9fL\xd3\xa6M+&gt;\x97|\x98\xfc\xdd\x88G\xaa\xfa\xa7F\xa1\xb8\xb8\x98\xa9S\xa72a\xc2\x04\xa6L\x99\xf2\x97\x06!7\xaf\x80&amp;\xcd\x8e\xa2E\xeb\xb6\x1c\xd9\xe2h\xea7nB\xcd\xdau\xc9\xce\xcd\xc7\xb9G|u\xdd@U\xe3\xe8\x9a\x8ea\xe8\x151N\\\xc1n\x7fP\xf1\xb2\xee\xac\x08\x97\x15\x05Y\x92\x90d\x19\x8b\xc5\x8a\xa2\xc8\xc82\xc8\n\xe8\x1a\xc4\xa2*\xbe\xf2R\xb6o\xdd\xcc\xdaU\x7f\xb2|\xf1B\x96,\x9c\xc7\xb2%\x0bY\xb7z\xe5n\xd7]\xadZ5N&lt;\xf1D\xce8\xa3+]N\xeeB\xd3&amp;Mv{-\xd2-\xbe@\xc5\x9c\xf9\xae\xf1\xf5\xfb\xfd\xcc\x9c9\x93\xf1\xe3\'\xf0\xc3\x0f\xdf\xb3p\xe1\xc2\xdd\xfeM\xf5Zuh\xd6\xa2\x15-\x8enK\xd3\x16\xad\xa8\xdf\xa8)\x855j\x92\x95\x9d\x83\xddnE\x96A\xd7\xcd\xffTUC\xd3\xd4\xdd\xe2\xbbw\xf7\xef\xce\xc2\xbed\x03-+\x16,\x16\x0b\xb2L\xc5{(\x1e\xd7\t\xf8\xfd\x14o\xdb\xc2\xba5\xab\xf8s\xd9"\x16/\x98\xcb\x92\x85\xf3\xf8s\xd9\xe2\xdd\xbeo\xdd\xbau\xe9\xdc\xb93\xa7\x9f~:\x9d;w\xa6\xa8\xa8\xa8\xe2s\xc9\xeb\x12\xd3\x04U\x93H\x00\xaa\x90]\xe7\x04\x93\x99\xb3\xae\xeb\xfc2k\x16_~\xf1\x05\xdf|\xf3\r\x8b\x16-\xaa\xf8z\x8f7\x9b\xd6\xc7\x1c\xc7\xb1\x1d;\xd1\xaa]{\x1a5iNAau\xecN\x0b\x86n\xde\xc4\xf1x\x0c-\x1e7\x87\x11\r\xa3\xa2\x01\xdf\xb3\x90g\x7fn\xce\x9do\x1d#\xd1\xbb0*\xba\x1b\x92,!\xcb\xe6p\xb3\xcdf\xc7b1\x1fJ\xa1`\x84-\x1b7\xb0b\xc9B\xe6\xfe:\x83\xd93\xa7\xb2p\xeeo\xbb\xf52:v\xec\xc8\xf9\xe7\x9f\xcf\xb9\xe7\x9eK\xf3\xe6\xcd+&gt;\xfew\x0f\xd5T\x92l\xecvM\xeaJJJ\xf8\xe1\x87\x1f\x19\xf7\xd58~\xf8\xfe{\xb6n\xddZ\xf1\xb9\xdc\xfc\x02Z\xb7;\x8ev\xc7\x9fH\xcb\xb6\xedix\xc4\x91\xe4\x17V\xc7\xe1P\xd0+9\xbe\x7fYVf\x18f\xa3b\x18 I\xc8\xb2\x84\xa2X\x13\xc5\xa1\x16\x14\x05T\x15\xca\xcbJY\xbff\x15K\x16\xcec\xce\xaci\xcc\x9d=\x93U+\x96U|/E\x96\xe9\x90\x88\xef9\xe7\x9cC\xb3f\xcd*&gt;\x97\x8e\xf1\xf5\xfb\xfdL\x992\x85/\xbf\xfc\x92\t\x13&amp;\xb0a\xc3\x86\x8a\xcfU\xafU\x87v\xed;rL\x87\x93h\xd1\xfa\x18\xea7&lt;\x82\x9c\xbc&lt;\xacV\tM\x83x\\%\x1e\x8b\x9b\r}E|\xa5\xdd\x1ar`\xb7Q\x9d}\xbd\xde\x9d\x7f\x9a\xf7p\xf2=$Ifbo\xb5\xda\xb0\xda\xac(\x163\xf1\x0b\xf8\x03lZ\xbf\x96%\x7f\xcc\xe7\xf7_\xa6\xf2\xfb\xac\xe9,_\xbc3\x91\xb1\xdb\xedt\xee\xdc\x85\xee\x17t\xe7\xcc\xae]i\xd0\xa0A\xc5\xe74M\xab\xb4\x15H\xc2\xfe\x11\t@\x15\xf0w\x0f\x8ee\xcb\x96\xf1\xe9\xa7\x9f\xf2\xc9\'\x9f0\x7f\xfe\xfc\x8a\x8f\x175hL\x87\xce\xa7r\xc2\xc9\xa7\xd3\xb2\xf5\xb1T\xafU\x07\x9b]F\x8dC4\x1aA\x8d\xc7\xd05}\xb7L\xff\xf0e\xde\xc9\xc4 \xd9;\x91P\x14\x19\xab\xcd\x8e\xddnCV \x1c\x8c\xb1~\xcdJ\xe6\xfd\xf6\x0b\xd3\xa7|\xcf\xcc\x9f\'Q\xbc}g#\xd8\xa5K\x17z\xf4\xe8\xc1\xb9\xe7\x9eK\xed\xda\xb5+&gt;\x9e\x1cbL\x85^E\xb2\x17\x94l\xd8t]\xe7\xa7\x9f~\xe2\xc3\x0f\xc7\xf0\xf57_\xb3y\xd3\xcea\xf4#\x8el\xc1\xf1\x9dN\xa1c\xe7\xd3hqt;\xaa\xd5\xa8\x85\xcd&amp;\x11\x8fC4\x92\x88\xaf^5\xe2\xbb\xdb\x12\xb5\xe4\xca\x13\x8b\x15\xbb\xdd\x8e\xcd\xae`\x18P^Z\xce\x9f\xcb\x97\xf0\xdb\xcc\x9f\x99&gt;\xf9{~\xfbe*\xb1h\x14\x00Y\x96\xe8\xd2\xe5\x14z\xf4\xb8\x94s\xce9\x87Z\xb5jU|\xefT\x8e/\xc0\x8c\x193\x183f\x0c\xe3\xc6\x8dc\xed\xda\xb5\x15\x1f?\xaau;N&lt;\xa5+\x1dN:\x85\xa6-Z\x91WP\x88\xa2@,\xa6\x13\x8bFPU\x15\xa3\n\xc5\x17\x0c\x0c=\x11\xe3D\xb1\xa2\xcd\xee\xc0n\xb7 I\xe0\xf7\x85X\xb3r9sfMc\xda\xe4\x89\xcc\x9a6\x85`\xc0\x0f\x80\xcdf\xe3\x8c\xae]\xe9qi\x0f\xce&lt;\xebL\xf2\x13u?\xc9\x8eN\xaa\xc47\x9d\x89\x04\xe00\xda\xf3\xc1\x11\x0eG\xf8\xee\xbboy\xeb\xad\xb7\xf8\xe6\x9bo*\x86l\xeb5h\xc4\xa9gv\xa3\xcb\x19\xe7\xd0\xe2\xe8v\xe4\xe6\xe7\xa0\xeb\x10\tG\x89\xc5\xa2\x18\x89Q\x03)En\xa8\x8a!p\xc3@V\x14\xecv\x07v\xa7\x15C\x87\xad\x9b73w\xf6L&amp;}\xf7%?\xff8\x9e\xe2\xed\xdb\x00\xb3\x98\xf0\x82\x0b.\xe4\xaa\xab\xae\xe2\xe4\x93\xbbT|/UU\xab\xec\xf0\xf1\x9e=\x9e\r\x1b6\xf0\xc9\'\x9f\xf0\xee\xbb\xef1w\xee\x9c\x8a\xaf;\xe2\xc8\x16\x9cr\xe6yt:\xedl\x9a\xb5jMv\x8e\x17M5\x0b\xff\xe2\xb1\x98\x19_YJ\xd4gT\xbd\xdfsW;\x93\x02\x1d\x90\xb0X,\xd8\x1dNlv\x99XDe\xcd\xaa?\xf9u\xfaOL\x1e\xff%3\x7f\x9eL4j\x16\xa8\xe6\xe5\xe5\xd1\xbd{wz\xf6\xbc\x8a.]:W|\xbfT\x8a\xef\xd6\xad[\xf9t\xecX\xdey\xe7\x1d~\x9d5\xab\xe2\xebZ\xb6=\x96\xd3\xcf\xb9\x80\x13\xbb\x9cN\xe3#\x8f\xc2\xedu\xa0\xc6!\x12\x0e\xa1\xc6\xe3\x18\x18\x15\xb1\xad\x8a\xbf\xe7\x9e\x0c]GO$\x07\x8ab\xc6\xd7nWP\xe3\x06\x1b\xd7\xafa\xf6\xcc\x9f\x99\xf4\xddWL\x9b&lt;\xb1"\x19\xa8Y\xb3&amp;\x17_r\tW^q\x05\xed\xdb\xb7\xaf\xf8^U9\xbe\x99@$\x00\x87\xc1\x9e\r\xff\xa6M\x9bx\xef\xbd\xf7x\xe3\x8d7X\xb6\xcc\x1c.\xf5fgsJ\xd7\xf38\xfb\x82Ki{\xdc\t\xe4\xe5\xe7\xa2\xaa\x10\x0e\x05Q\xd58;\xe7\xe1S\xff\xc6I\xcea\x82\x84\xcdf\xc3\xe9r"I\xb0y\xe3&amp;f\xfe\xf4\x03\xdf}\xf9\tS\xbe\xff\xd6\xec\x19aN\x11\\{\xed\xb5\\r\xc9%\x15\xeb\xd3\xabR\x8fq\xcfk\xf9\xed\xb7\xdfx\xe3\x8d7\x18\xf3\xd1G\x94\x96\x94\x00PX\xad\x06\xa7\x9cu\x1eg\x9e\x7f\tG\xb7;\x9e\xec\\/\xf1\x98A8\x14BS\xe3\x89a\xf6\xaa\xf1\xfb\x1c\x10\xc3@7\x8cD\x12#\xe3p8q8\xad\xc4\xe3:\xabW,\xe3\xa7\xef\xbfa\xfc\xb8\xb1\xcc\xfb\xed\x97\x8a\x7fr\xc2\x89\'rm\xef\xde\\|\xf1\xc5\x15\xf1\xadJ\r\xc5\x9e\r\xff\x82\x05\x0bx\xf3\xcd7y\xff\xfd\xf7\xd9\xbe};\x00u\xea\xd5\xa7k\xb7\x8b9\xe3\xdc\x0bi\xd6\xaa\rn\x8f\x83XD#\x12\t\xa1\xa9Z\xca$t{\xc3|\x9e\xe9H\x92\x8c\xcdn\xc7\xe9\xb4\xa3\xeb\xb0~\xcd*\xa6\xfe8\x81\xf1_~\xc2/\xd3&amp;W|\xfd\xe9\xa7\x9fN\x9f&gt;}\xe8\xd6\xad\x1bv\xbb\x1d\xa8Z\xf1\xcd$"\x018\x84\xf6l\xf8\x97/_\xce+\xaf\xbe\xca[o\xbeIqq1\x00-\x8en\xcb\xf9\xff\xbb\x92\xd3\xce\xbe\x80\xba\r\xeac\xe8\x10\n\x9a\x8d\xbe\xd9CH\x8f\x87\xc6?\xd9\xb5@\xcef\xb3\xe3r;PU\x9d\xe5\x8b\x172a\xdcX\xbe\xfc\xf8]6\xac[\x03@\x83\x06\r\xe8\xdb\xb7/\xbd{\xf7\xa6Z\xb5j\xc0\xe1}\x90\xec\xd90L\x9a4\x89Q\xa3F\xf1\xf9\xe7\x9fW|M\xbb\xe3O\xa4\xdb%Wp\xca\x99\xe7Q\xb3Nm\xb4dR\x17\x8f#e@\xd5t2\xd9\x93\xa4\x9d\xc9@(\x18a\xde\xec\x99|=\xf6C&amp;|5\x96\xb2R3Ij\xd4\xa8\x11\xd7]w]\x95\x89\xef\xae\x9b0\x01\xfc&lt;u*/\x8c\x1a\xc5\'\x9f|R1\x9f\xde\xf9\xb4\xb3\xe8\xf6\xbf\x9e\x9cx\xf2\xe9\x14T+ \x1e\xd3\t\x87\x82\xe6{##\xe2\x9b\xa8c\x02\xec\x0e\x07N\x97\x9dhD\xe5\x8fy\xbf\xf1\xed\x17\x1f\xf1\xcd\xd81l\xdf\xb6\x05\x80\x16-\x8e\xa2_\xbf\xbe\xf4\xec\xd9\x93\x9c\x9c\x1c\xa0j%\xf2\x99@$\x00\x87\xc0\x9es\xfcK\x97.\xe5\xf9\xe7\x9f\xe7\xcd\xb7\xde$\x1c2\x97\xc8\x9dzV7.\xb9\xf2::t&gt;\x15\x8f\xd7E(\x14%\x9aX\xbf\x9f\xa97\xc4\xaeE\x91N\x97\x0b\xbb\xc3\xc2\x8e\xad;\x98&lt;\xe1k&gt;~\xf75\xe6\xcc\x9a\x0e@\x8d\x1a5\xe8\xd7\xefz\xfa\xf7\xbf\x9e\xea\xd5\xab\x03\x87\xf6A\xb2gb\xf7\xfd\xf7\xdf3|\xf8p\xc6\x8f\x1f\x0f\x80\xd5j\xe5\x8c\xf3.\xe4\xe2+\xaf\xe3\xd8\x8e\x9dp:m\x04\x03\x11b\xb1\x08\x12\x12\xb2"\xb3K)~\xc60\x92{\x03(\nn\xb7\x07\xc5*\xb1v\xd5\x1a\xc6\x7f\xf91c\xdf\x7f\x93U+\xccU\x105k\xd6\xa2o\xdf&gt;\xf4\xef\xdf\xbfJ\xc4w\xf2\xe4\xc9\x0c\x1f\xfe,_\x7f\xfd\x15\x00nO\x16\xe7]|\x19\x17^v5\xad\xda\x1e\x87\xc5*\x13\x0c\x84\x88\xc7b\x19\xd1\xe8\xff\x13\xf3\xfe5\xe3\xe4ty\xb0\xd9d6m\xd8\xc4\xf7_\x7f\xc6\'\xef\xbd\xce\x92\x85\xf3\x00(**b\xc0\x80\x01\xf4\xe9\xd3\xa7b\xb9hre\x88P\xb9D\x02P\xc9v}#\xafY\xb3\x86g\x9f{\x8eW_y\x85p8\x8c\xa2X\xe8v\xc9\xe5\\\xda\xab\x1fm\x8e\xed\x80$I\x04\x03\x014UE\x16\xc3a\xbb\xd1u\x1dC\xd7\xb1\xdal\xb8=.\xc2\xe1(3\x7f\xfa\x81\xf7_{\x81\x9f~\xf8\x0e0\x13\x81\x1bo\xbc\x89\x1bn\x18\xb0[\x8f\xa2\xb2\x1e${&amp;v\xd3\xa6M\xe3\x89\'\x9e\xe0\x9bo\xbe\x01\xc0\xed\xf1\xd2\xfd\xd2+\xb9\xa4\xe7u\xb48\xba-\xba\x0e\xc1\x80?\xf1P\x14\xf1\xdd\x95\xae\x9b\x1b\xc9\xd8\x1dN\\n;%;J\xf9\xf1\xbb/\xf9\xf0\x8d\x97\x98\xff\xfb\xaf\x80\x19\xdf\x1bn\xb8\x81\x1bn\xb8\xe1\x904\x14{\xc6w\xe6\xcc\x99&lt;\xf9\xe4\x93|\xf9\xe5\x97\x00\xe4\x17V\xe3\x92\x9e\xd7qa\x8f\xabi\xd4\xb4\t\xf1\x98N0\x18\x10\xcb\xde\xfeF\xf2\xfe\xb5\xd9\x1d\xb8=\x0e|\xe5\x01~\xfe\xe1;&gt;x\xfd\x05fM\xff\t\x80z\xf5\x8a\xb8\xf5\xd6[\xe8\xd3\xa7\x0f\x1e\x8fg\xb7M\xcf\x84\xca!\x12\x80J\x92\xec\xb9J\x92DYY\x19#G\x8e\xe4\xb9\xe7\x9e\xa3\xb4\xb4\x14YV\xb8\xf0\xb2\xab\xb8\xe2\xda\x1b8\xaam;4U\'\x18\x08\xfc\xa5\x92X\xf8\xab\x9d\xbd\n\x05\x8f\xd7\x8b\xa6\xe9\xcc\x9a6\x89\xb7^|\x96)\xdf\x7f\x0b@\xc3\x86\r\xb9\xfb\xee\xbb\xe9\xdd\xbb7\x16\x8b\xa5Rz\x8b\xbb6&lt;K\x97.\xe5\xb1\xc7\x1e\xe3\xddw\xdf\x05\xc0\xe5\xf6p\xf1\x15\xd7pY\xef\xebi\xd2\xac9\xd1\xa8J(\x18D\x02d\x11\xdf\x7fe\x18\x06\xba\xa6a\xb1Z\xf1d\xb9\t\x05BL\x1a?\x8e\xb7G\x8fd\xee\xec\x99\x809\xf5s\xe7\x9dwr\xddu\xd7a\xb5Z+ey\xd9\xae\xf1]\xb1b\x05\x8f=\xfe8o\xbd\xf9&amp;\x00y\x05\x85\\\xde\xbb?\x17_q-\xf5\x1a\xd4#\x14\x8a\x11\t\x87*\xf6\xc5\x10\xfeY2\xbe\x8a\xc5\x82\xc7\xeb!\x16\x8d1u\xd2\x04\xde\x1e\xfd\x1c3\x7f\x9e\x04@\xb3\xe6\xcd\xb9\xe7\x9e{\xb8\xaagO@L\x0bT&amp;\x91\x00\x1cd{\xf6\x1a\xdey\xf7]\x1ey\xf8a\xfe\xfc\xf3O\x00\xce\xee\xfe?z\xdfp;\xad\x8fmO&lt;\xa6\x11\x0c\x06\xc4\xda\xd8\xfd\x94|\xf0{\xbcY\x18\xba\xce\xb4\xc9\x13xu\xe4S\xcc\x9a6\x05\x80\x0e\x1d:0d\xc8\x10N?\xfd\xf4\x8a\xaf?\xd0\x04k\xd7y`\x9f\xcf\xc7\xb0a\xc3x\xee\xb9\xe7\xf0\xfb\xfd(\x8a\xc2\x85\x97\xf5\xa2W\xff[9\xb2\xe5QDBq\xc2\xa1`F\x0f\x03\xef\xafd\xa2\xa7(\n\x9e,/\xe1P\x98\x89_\x8d\xe5\xf5Q\xc3X\xb2\xd0\\\x16{\xdcq\xc7\xf1\xd0C\x0fq\xe6\x99g\x02f}\xc0\xdf\x9d\x89\xb1/v\x8d\xaf\xdf\xefg\xf8\xf0\xe1&lt;3|8~\x9f\x0f\x97\xdb\xc3\xe5\xbd\xfbs\xf9\xb5\x03(jX\x9fP\xc0\xdc\tSV\xccM\xb1\x84}\x93l\xd8=^/\xf1x\x9c)\x13\xbe\xe2\xb5\xe7\x9ff\xeel\xb3 \xb4K\x97.\x0c\x192\x84N\x9d:U|\xbd\xe8 \x1d\\"\x018\x88v}\x83\xce\x993\x87{\xef\xbd\x97\x89\x13\'\x02\xd0\xfe\x84\xce\\?\xf0&gt;N&lt;\xf9\x0c4M#\x18\x10\r\xff\xc1\xa2k\x1aH\x12\xde\xac,b\xb1\x18\xe3\xbf\xfc\x84\xd1\xc3\x1f\xab\xd8\xb1\xacW\xafk\x182\xe4!\xea\xd5\xab\xf7\x97B\xae}\xb1k\x033v\xecX\x06\r\x1e\xcc\xd2%K\x00\xe8r\xfa\xd9\\\x7f\xfb\xfd\x1cs|G\xa2\xd18\xe1`\xd0\xec\xb5\x88\xf8\x1e\xb0dC\x91\x95\xed\xc5W\xee\xe3\xb3\x0f\xde\xe2\xb5\x91O\xb1e\xf3F\x00\xae\xbc\xb2\'\x0f?&lt;\x84\x06\r\x1a\xecv\x9a\xde\xfe\xfc\x9c\xe4\xfd\xfb\xd9g\x9f3h\xd0 \x96,1\xdfC\xdd/\xedI\x9f\x9b\xef\xe2\xc8\x96G\x11\nF\x89\x84\xc3\xa2j\xfd I\xc6\xd7\x9b\xe5%\x1c\n\xf1\xd5\xa7\x1f\xf2\xf2s\x8fW\xec(\xd9\xef\xfa\xeby\xf0\x81\x07\xa8Y\xb3\xe6\x01\xdd\xbf\xc2_\x89\x04\xe0 \xd8\xb5\xd7\x1f\x0e\x87y\xfc\xf1\xc7y\xea\xa9\xa7\x88F\xa3\xd4\xaaS\xc4\x80;\x07\xd1\xfd\xd2\x9e\xd8\xacv|\xber\xd1\xf0W\x92]\x1b\x8a\xd2\x92R\xde{u\x14\xaf?\xff4\x81\x80\x9f\xc2j\xd5xt\xe8P\xfa\xf4\xe9\x03\xec[oq\xd7\xb9\xc8\xb5k\xd7r\xcf=\xf70f\xcc\x18\x00\x1a7m\xce\rw\x0e\xe6\xac\xee\xff\x03 \xe0\xf7\x89\xa1\xe0J\xa2i*\x16\x8b\x95\xacl7\x1b\xd6m\xe0\xf5Q\xc3\xf8\xe0\xf5\x17\x89\xc7\xe3\x14\x14\x140d\xc8\x10\x06\x0c\x18\x00\x1cX|\xef\xbd\xf7&gt;&gt;\xfc\xf0\x03\x00\xda\xb4\xef\xc8Mw?\xc8I\xa7\x9cA&lt;\x16\'\x18\x0c\x8a\x86\xbf\x92$\x13\xb0\xacl\x0f\xdb\xb6n\xe3\xed\xd1#x\xeb\xc5g\x89D\xc2\xd4\xae]\x9bG\x1f}\x94\xab\xaf\xbe\x1a88\xa3=\x82H\x00\x0eXrG+0\x8b\xc0n\xbd\xf5V~\xff\xfdw\x00\xae\xb8\xee\x06\xfa\x0f\xbc\x8f\x9a\xb5kQ^\xe6\x17\x05-\x87\x88\xa6\xaaXl6\xb2\xb2\\,Y\xf8\x07#\x1e\x7f\x80\x89_\x9bK\xf1\xce9\xe7\x1c\x9e}\xf6Y\x8e8\xe2\x88\xbd\x9a[\xdc\xb5W\xf8\xd6[oq\xcf\xbd\xf7\xb2u\xcb\x16\xecv;\xbd\xae\xbf\x8d\xebn\xbe\x93\xdc\xfc&lt;\xca\xcb|\x80\x81,\x8b\xf8V\xa6d\xb2\xedp8py\x1c\xcc\x9e1\x83g\x87\xde_1\xeds\xc6\x19g\xf0\xec\xb3\xcf\xd2\xbcy\xf3\xdd\xeap\xfe\xc9\xae\xf1}\xf3\xcd7\xb9\xf7\xde{\xd9\xbau+\xd99\xb9\x0c\xb8c0\x97\xf5\xbe\x1e\x87\xc3\x89\xaf\\$\xee\x87\x8a\xa6\xaaX\xedv\xbc^\'\x0b\xe6\xcc\xe5\xb9\xc7\x063e\xa2YX{\xc1\x05\x17\xf0\xcc3\xcf\xd0\xa0A\x03Q\x1bp\x10\x88\x04\xe0\x00$\xb3\xd0x&lt;\xce\xd0\xa1C\x19:t(\xba\xae\xd3\xbce\x1b\xee\x1a\xf2\x14\'\x9dz\x9a\xb9\xdc+\x1aA\x11\xd9\xea!\x95l(\xdc\x1e7\x8ab\xe1\xcb\x8f\xdee\xf8\xd0\xfb\xd9\xb2i\x03yyy&lt;\xf5\xd4S\\{\xed\xb5\xc0?\xcf-&amp;\xe3\xbbu\xebVn\xbb\xed6&gt;\xfc\xf0C\x00\xda\x1d\x7f\x02\xf7&lt;&lt;\x8cv\xc7\x1f\x8f\xdfg.\xf7\x12\xf1=\xb4\x92\xf1\xf5fe\xa3iq&gt;x\xfd%F=5\x84\xf2\xb2R\xb2\xb3\xb3y\xec\xb1\xc7*F\x03\xfe.\xbe\xbb\x8e\xdam\xde\xbc\x99\x81\x03\x07V\x8c\xea\x9c~\xee\x05\xdc&gt;\xf8q\x9a4kJyY@\xcc=\x1f\x06\xc9\xf8x&lt;^$\t&gt;\xfd\xe0M\x9e{t\x10;\xb6m\xa5\xb0\xb0\x90\xa7\x9f~\xbab4@\xc4g\xff\x89\x04`?\xec:d\xb8d\xc9\x12\xfa]\x7f=S\x7f\xfe\x19\x80\xebn\xba\x93\xfe\xb7\x0f\xc2\x9b\x95\x85\xaf\xacL,\xe7;\xcc\x92[\x0e\xe7\xe4e\xb3~\xed:\x86\r\xb9\x9b\xaf\xc7\x9a\x0f\xfa+\xaf\xbc\x92\xe7\x9e{\x8e\xfc\xfc\xfc\xdd\x86\x14w\xed9~\xf7\xddw\x0c\xb8\xe1\x06\xd6\xac^\x8d\xdd\xee`\xc0\x1d\xf7\xd3\xfb\x86;\xb0\xdal\xf8}&gt;1\x1c|\x98\xe9\x89\rvrr\xbd,[\xb4\x84\xc7\x07\xdf\xce\xcf\x89e\xa1\x97\\r\t#G\x8e\xa4F\x8d\x1a\xff\x18\xdfo\xbe\xf9\x86\x1bn\xb8\x81\xb5k\xd7\x92\x9b\x97\xcf\x1d\x0f&gt;\xc1\xc5W\xf6FU5B\xc1\xa0\x18f&gt;\xcc\x92s\xfe9\xb9Y\xacY\xb5\x8a\xa7\x1f\xbc\x8b\xf1\xe3\xc6\x02\xd0\xabW/\x86\x0f\x1fNnn\xae\x98\x12\xd8O"\x01\xd8G\xbb&gt;&lt;\xde\x7f\xff}n\xba\xe9&amp;JKKi\xd0\xb8\t\x83\x9f\x18I\xe73\xba\xe2/\x0fV\xecX&amp;T\r\xaa\xaa\xe2p:\xb1\xdb\xed|\xfa\xde\xeb&lt;\xf9\xc0\x9d\x94\x97\x95\xd2\xb4iS^{\xed5N&lt;\xf1D4\xcd\\\x8b\x9e|\x90&lt;\xf0\xc0\x03&lt;\xf2\xc8#\x004o\xd5\x86\x07\x9e\x1aE\xfb\x13:R^*z\x85U\x8d\xaa\xaa\xb8\xddn$Y\xe6\xed\xd1\xcf1\xe2\xb1\x07\x08\x87C4h\xd0\x90W_}\x85SO=u\xb7#\xb6u]g\xf0\xe0\xc1&lt;\xf6\xd8c\x00\x9ctJW\xee\x7f|\x04G4kJY\x89\x0f\x10\x85fU\x89\xaa\xaa8].\xacV+\x1f\xbd\xfd\nO=x\x17\x01\xbf\x8ff\xcd\x9b\xf3\xfak\xaf\xd1\xa1C\x071%\xb0\x1fD\x02\xb0\x0f\x92\x0f}UU\xb9\xf3\xce;y\xee\xb9\xe7\x008\xef\xe2\xcb\xb9\xf7\xd1\xe1\x14V\xabNYi\x99\xe8\x15VQFbG\xb7\xdc\xfcl\x96,\xfc\x83\x07\xef\x18\xc0o3\xa7b\xb3\xd9\x186l\x187\xddt\x13\x00\x9b7o\xa6O\x9f&gt;\x15\x1b\xfa\xf4\xe8\xd5\x8f;\x87&lt;\x89\xc7\x93\x85\xaf\xbc\x1c\x8bE!\x13w\xee\xab\xea\xcc\xe4\x1cr\xf2\xb2\xf8}\xe6/&lt;p{\x7f\x96,\x9c\x87\xa2(&lt;\xf6\xd8c\xdcu\xd7]\x80y(\xd3u\xd7\xf5a\xc2\x84\xf1H\xb2\xcc\xcdw?D\xbf[\xefI\x1cW-z\xfdU\x959\x1a`\x90\x9b\x97\xcd\x1f\xf3\xe6\xf3\xe0\x1d\x03\x98\xfb\xeb\x0c\xecv;\xc3\x87\x0fg\xc0\x80\x01\x07\xb4\n$\x13\x89\x04`/%\x87\x986n\xdcH\xaf^\xbd\xf8\xe1\x87\x1f\xb0\xd9l\xdc9\xe4)z]\x7f\x0b\xe1p\x98X$*\xe6\x82S\x80\xaa\xaax&lt;\x1e\xe2\xf1\x18\xcf&lt;r\x1fo\x8f\x1e\x01@\xff\x01\x03\xb8\xe4\xe2\x8b\xb9\xf6\xdakY\xbdz5\xde\xac,\xee\x7fl\x04\x97\xf4\xec\x85\xdf\'FuR\x85\xaa\xaadee\xe3\xf7\x97\xf3\xd8}\xb7\xf1\xd9\x87o\x01\xe6\x90\xf1\xa5\x97^J\xdf\xbe}Y\xbf~=\xb5\xeb\x16\xf1\xc8\xb3/\xd3\xa5kW\xcaJ\xfc\xa2\xe1H\x11\xaa\xaa\xe2\xf1z\x89E"&lt;\xfd\xf0=\xbc\xf7\xea(\x00\xfa\xf5\xeb\xc7\xc8\x91#\xb1\xd9lb\x84n/\x89\x04`/$\x1b\xff_\x7f\xfd\x95\xcb.\xbb\x8cU\xabVQ\xb7\xa8!\x8f\x8fz\x83\x8e\x9d;SZ\\^q\x1c\xaf\x90\x1atMC\xb6(dey\xf8\xf8\x9d7x\xf6\xd1\xc1l\xdb\xb2\xa9\xe2\xf3-\xdb\x1c\xc3\x83O\xbf@\xdb\xf6\xed)\xd9!j9R\x8d\xa6iX\xadV\\n\x17o\x8d\x1e\xc1\xe8g\x1e\xa3x\xc7\xb6\x8a\xcf\x9f\xdc\xf5\\\x06=&gt;\x82z\r\x1aRVZ&amp;z\xfd)&amp;Y\xc0\xe9\xcdr\xf3\xd1\xdbo\xf0\xc8=7\x13\x0e\x059\xf9\xe4\x93y\xff\xfd\xf7\xa9Y\xb3\xa6\xa8\x0b\xd8\x0b\xa2\xc5\xfa\x0f\xc97\xd1\xd8\xb1c9\xed\xb4\xd3X\xb5j\x15\x1dN:\x85w\xbf\x9aL\xfb\x13:S\x9cl\x1cD\xe3\x9fRdEA\xd7tJ\x8aK\xb9\xf6\xc6\xde\x9cvN\xf7\x8a\xde\x9f\xc3\xe9\xe4\xe6{\x1f\xe6\xc4\x93\xdb\xb3u\xf3v\x14\x8bE4\xfe)F\xb1X\x88\xc7c\xf8}~\x06\xdc~\x0b\xedO\xe8\\\x11C\x8f\xd7K\x9f\x9b\xef\xa6i\x8b\x86\x14o\xdf!\x1a\x89\x14\xa4(\n\xba\xaeSZRF\x8f^\xbdy\xeb\xb3\x89\xd4k\xd0\x88\xc9\x93\'\xd3\xb9sg\xe6\xcf\x9f\x8f\xc5bAU\xd5\xc3}\xa9U\x9ah\xb5\xfe\xc1\xae\xcb\x84F\x8d\x1a\xc5\xc5\x17_\x8c\xdf\xef\xe7\xa2\xcb\xaf\xe1\xe51_SP\xad\x06\xbe2\xd1sHU\xe6*\x0e\x99\xac\xec\x1c\xee\xec\x7f\x1b\x1f\xbc\xfe"\x00\xf5\x1b5!\x12\x0es\xf7\x80\xab\xf9|\xcc8\xaa\xd7*\x14\x0f\x91\x14\xa4\xab*6\x9b\x1d\xab\xcdJ\xff+{\xf2\xdd\x97\x9f`\xb3\xd99\xe2\xc8\x16\x04\xfc~\x06\xf4\xec\xce\xd7c\xbf\xa2Z\xcd\x02\x11\xdf\x14%I\x12\x8ab\xa1xG\x19m\xdaw\xe4\xdd/\'ql\xc7N\xacX\xb1\x82SO=\x8d\xef\xbf\xff^$\x01\xffA$\x00\x7fc\xd7e~\x0f&gt;\xf8`Eq\xd8\x8dw=\xc0\x13/\xbc\x81\xae\xebD#a1\xdf\x9f\xa2\x92\x95\xe0V\x9b\x8d{n\xbc\x86\xb7G?\x87,\xcb\x0c\x19&gt;\x9a\xaf\xa6\xfeF\xd7n\x17S\xb2c;7_s\tc\xdf\x7f\x8f\xfc\xc2\x1c4\xf1\x10I\x19\x9a\xa6aw8\x88\xc7c\xdcx\xd5E\x8c\xfb\xf8=\\n7\xc3_\xfd\x80\xcf\xa7\xfcJ\xd7\xf3.\xa2\xac\xa4\x98\x9bz\x89\xf8\xa6\x03\x8b\xc5\x82\xaf\xac\x8c\x82j5x\xf5\xa3o8\xfb\x82\xffQ\\\xbc\x83\xf3\xce;\x8fO&gt;\xf9D$\x01\xffB$\x00{HV\x91*\x8a\xc2m\xb7\xdd\xc6\xc3\x0f?\x8c,\xcb&lt;4\xecE\x06\x0e\x1a\x82\xaf\xbc&lt;\xb1\xfb\x9f(0IE\xban\xce\rK\x12\xdcz\xede|\xfe\xe1\xdb\xb8=^F\xbd=\x96\xcb{\xf7A\xd3dF\xbc\xf1\x11=\xfb\xdcD&lt;\x16\xe3\xce\xfeW\xf1\xce\xe8\x97\xc8+\xccA\xd3\xc4C\xa4\xaa\xd34\r\xa7\xcbE\xc0\xef\xe3\xfa\xcb\xba\xf1\xd3\xf7\xdfRX\xbd&amp;\xaf}\xfc\x1d]\xbb]\x80\x1a\xd7\x19\xf1\xe6\xc7\x89\xf8Fw\x8f\xafh$R\x96b\xb1\x10\t\x87\x91$\x99\xe1\xaf~H\xcf&gt;7\x11\x8dF\xb9\xf4\xd2Ky\xfd\xf5\xd7E\x12\xf0\x0fD\x11\xe0.v\xed\xf9\xf7\xef\xdf\x9f\xd1\xa3Gcw8x\xfc\xf97\xb8\xa0\xc7e\x14o\x17\xc5`\xa9\xccl\xfcm\xe8\xba\xc6-\xbd{\xf0\xd3\xf7\xdf\x90\x97_\xc8\x887&gt;\xa2\xe3\xc9\'\x9b\xc5~\x89u\xc4Y9^\x86?\xf2\x00/\x0e3\xf7\x01\xb8\xef\xd1g\xb9\xee\xa6[)).\x17\xd5\xc5U\x94\xd9\xf8;)/)\xe1\xfa+\xceg\xc1\x9c_\xa9[\xbf!/\xbe\xfb9G\x1e\xd5\x8a\xb2\xd2R\x14Y\x01I"+\xdb\xcb\xf0G\x06\xf3\xe23C\x01\x11\xdft\x91\xdc\xa7%+\xdb\xcb\xf0\xa1\x83yq\x98\x19\xdf\x17_|\x91\xfe\xfd\xfb\x8b\xc2\xc0=\x88\x04 a\xd7\xc6\xbfo\xdf\xbe\xbc\xfa\xea\xab\xb8\xdc\x1e\x86\xbf\xfa\x01g\x9cw\x1e\xc5\xdb\xc5|\x7f*\xd3u\x1d\x8b\xd5\n\x86\xce\x8dW_\xcc\xd4\x1f\xc7SX\xbd\x06/\xbe\xf7%m\x8emOiI)\x16\x8b\x15H\x8e\x02\xe9\xe4\xe6e\xf3\xc2\xd3O\xf0\xcc#\xf7\x02p\xef\xd0\xe1\xf4\xbd\xe56\x8aw\x94\xa1(\xe2\xbdP\x95T4\xfe\xa5%\xf4\xb9\xf4\\\x16\xcd\xff\x9d\x86G\x1c\xc9\xe8\x0f\xc7Q\xd4\xa0qb\xff\x063f\xbb\xc7\xf7q\x9ey\xe4&gt;@\xc47]\xfcS|G\x8d\x1a\xc5\r7\xdc \x92\x80]\x88\x04\x80\xdd\x1b\xff\x01\x03\x06\xf0\xd2K/\xe1\xf1f\xf1\xdc\xeb\x1fq\xca\x99gR\xbccg\xe3 \xa4\x1e]\xd7Q,\n\x8a,s\xf35\xffc\xf2\x84\xaf\xa9V\xa3\x16/\x7f8\x8e\xa3Z\xb7\xa3\xac\xf4\xaf\xf1M\xbe\'\xf2\n\xb2\x19=|\x18O=x\'\x00\x83\x9f|\x9ek\x06\xdcH\xc9\xf62Q\x03RE\xe8\x899\xff@\xc0G\xdfK\xcfe\xc1\x9c_i|d\x0b^\x19\xf3\x15\xb5\xea\xd4\xc3\xef\xf3\xff\xe5\x81\xffO\xf1}\xe0\xc9Q\xf4\x1ap\x83\x88o\x8a\xfb\xa7\xf8\xbe\xf2\xca+\xf4\xe9\xd3G$\x01\t\x19\x9f\x00\xecZ\xed\x7f\xc7\x1dw\xf0\xcc3\xcf\xe0r{\x18\xf1\xc6\xc7\x9cz\xd6Y\x14o/5{\x8eBJ2\x0c\x03I2\x97\xf6\r\xbc\xeer\xbe\xfb\xf2\x13\n\n\xab\xf3\xca\x98\xafi\xd9\xf6\x98\xbfm\xfcw\xa5i*\xf9\x059\xbc\xf0\xf4\x93\x0c{\xf8\x1e\x00\x1e\x1f\xf5&amp;\x97^\xdd\xcb|o\x88\xc4\xf0\xb0\xd2u\x1d\xab\xd5\x8a\xaa\xc6\xe9s\xe99\xfc\xfe\xcb4\x1a\x1eq$\xaf}\xf2-5k\xd7#\xe8\xf7\xffkC\xfew\xf1}b\xd4\x9b\xfcO\xc47-\xfc5\xbe\x12\x1f|\xf0&gt;\x97]v\x99H\x02\x10E\x80\x15\x8d\xff\xd0\xa1Cy\xe6\x99g\xb0\xdb\x1d\x0c{\xf9=\xd1\xf8\xa7\x81dA\xa7\xc7\xeb\xe5\xc1\x81\xfd\xf9\xee\xcbO\xc8\xce\xcd\xe3\x85w?3\x1b\xff\x92\xff~\xc0\x9b\xcb\x8c\xca\x19p\xc7\xdd\xdct\xf7C\x00&lt;p[?\xbe\xfb\xe2\x0b\xf2\xf2sEa\xd1ad\x18\xe6RNY\x96\xb8\xed\xda\x1e\xfc\xfe\xcb4\xea\xd6o\xc8\xcb\x1f\x8e\xa3V\x9dz\x04\xfe\xa3\xf1\x87\xdd\xe3{\xe3]\x0f\x010x`?\xc6\x7f\xf1\xa5\x88o\x1a\xf8\xeb\xfdk\xd0\xabW/\xc6\x8f\x1f/\n\x03\xc9\xf0\x11\x80d\x06\xf8\xea\xab\xaf\xd2\xb7o_\x14Y\xe6\x89\x17\xde\xe2\xa2+{\x8a\xec?\rh\x9aJ^~\x0eO?4\x88\x97\x86?\x8a\xcb\xedf\xd4;\x9f\xd1\xe9\xd43(-\xde\xfb\xe4.9\xa7\x98\x93\x9b\xcd#\xf7\x0c\xe4\xad\x97\x9e\xc5\xe3\xcd\xe2\xb5\x8f\xbf\xa5\xedq\'\xe0+\x13\xc3\xc5\x87Z2\xb9\xf3fy\xb9\xb3\xff\xd5|\xf9\xd1\xbb\x14V\xaf\xc9\xeb\x9f\x8e\xa7i\xf3\x96\xbb\xcd\xf9\xef\xdd\xf72\xe3\xfb\xf0\xdd\xb7\xf1\xf6\xe8\xe7\xf0de\x9b\xf1m\xdfQ\xc47\xc5\xfd]|\xb3\xb3s\xf8\xf1\xc7\x1fh\xd7\xae]Fo\x1b\x9c\xb1\t@\xb2\xf1\xff\xf6\xdbo\xe9\xd6\xed|4M\xe5\xfe\xc7\x9e\xe3\xba\x9boa\xc76\xd1\xf8\xa7:UU\xc9/\xcc\xe1\xdd\x97G\xf3\xe0\x1d\xfd\x91\x15\x85a\xa3\xdf\xa3{\x8f\x1e\x14o\xdb\xf7\x91\x1d\xf361\xf0x\xb3\xb8\xa3_O\xc6}\xf2\x1e5j\xd5\xe1\xddq\x93\xa9]\xaf\x88P0\x94\xb1\x0f\x91\xc3!\x99\xdc=1\xf8^^\x19\xf1\x04\x1eo\x16\xaf\x8c\xf9\x9acO8\x89\xb2\x92}/\xd8\xdd\x19_/\xb7\xf7\xed\xc9W\x9f\xbeO\x8d\xdauxo\xdc\x14j\xd5\xad\'\xe2\x9b\xe2v\x8d\xafy\xff\xbeO\xbdzEL\x9b6\x95\xbau\xeb&amp;\x96vg\xde\x80xF&amp;\x00\xc9\x8co\xe1\xc2\x85t\xee\xdc\x99\xd2\xd2R\xfa\xdc|\x17\xf7\x0e}\x92\x92bQ\x01\x9c\xeaTU%\'7\x87\x9f\x7f\x98@\xff+\xcf\'\x16\x8dVTx\xef\xd8\x8f\xc6?\xc9\xd0udEA\xb1(\xf4\xebq\x1e3~\xfa\x81\x16G\xb7\xe5\x9d/~\xc4b\xb3\xa1\xa9*\x92\x94y\x0f\x91CMU\xcdy\xdd\xf7^\x7f\x85\x07n\xeb\x87\xc5b\xe1\xd9\xd7\xc6p\xf6\x85\x17Qr\x00\x05\xbb\xc9B`\xc5"\xd3\xf7\xd2\xf3\x98\xf9\xf3\x8f\x1c\xd5\xfa\x18\xde\xfe\xf2\x07,\x8a\x15M\xd3\xc4\x12\xe0\x14\xf6w\xf1=\xee\xb8\xe3\x984i\x12\x0e\x87\xa3\xe2\x98\xf7L\x92qO\xab\xe4\x89_%%%\\r\xc9\xff(--\xe5\xec\x0b.\xe5\xce\x87\x9e\xa0\xac\xd4\'6\xf8Iq\x9a\xa6\xe1\xf6\xb8Y\xb5b\x19w\xdfp5\xb1h\x94\x9e}n\xe2\xba\x9b\xcd\xe5]\x07R\xd3!\xc92\x9a\xa6\x01\x12\xcf\xbc\xf2\x1e\x8d\x9a4g\xd1\xfc9\xdc{\xf3u8\x1cN2/\x95&gt;\xf4\xb4Dr7m\xf2d\x1e\xbb\xf7V\x00\xeex\xf0I\xce\xbd\xe8"J\x0ep\xdaNN\xc4WB\xe6\x99W\xde\xa3\xe1\x11G\xf2\xc7\xbc\xdf\x18ts\x1f\x9c.\'\x19\xd8WJ+{\xc6\xb7Q\x93#\x995k\x16}\xfa\xf4\xad\xf8\\\xa6\xc9\xa8\x04 \xb94D\x92$\xae\xba\xea*\x96-[\xca\xd1\xed\x8e\xe3\xd1\x91\xaf\x11\x0e\x851\x0c2.\x03L\'\x86a`\xb1X\x88F"\xdc\xd1\xaf\';\xb6m\xa5\xf3\xe9gs\xdfc\xc3\xf1\x95\xfa\x0fJr\'\xcb2\xd1H\x84\xdc\xfcB\x9e}\xed\x03rr\xf3\x98\xf8\xd5X\x9e\x7fr\x08\xb9\xf9Y\x19_TT\x99tM\xc7\xe9r\xb2a\xdd\x1a\xee\x1ep5\x91H\x98\xcbz\xf7\xa7\xcf-\x03\x0f8\xb9K\x92e\x99H$B^A5\x86\xbf\xfa\x01\xd99\xb9|\xf7\xe5\'\xbc\xf0\xf4\xa3\xe4\xe6\x89\xf8\xa6\xba]\xe3\xfb\xcc+\x1f\x90\x9d\x9b\xcb\x07\x1f\xbc\xcfSO?\x9d\x91E\x81\x19\x95\x00$\x87\xfe\x1fx\xe0\x01\xbe\xf9\xe6\x1b\xaa\xd7\xa8\xc5\xb0\x97\xdf\xc3n\xb7\x13\x8f\xc73r\x0e(\x9d\xe8\xba\x8e\xc7\xeb\xe6\x91{na\xe1\xdc\xd94h\xdc\x94\'F\xbd\x81\x1aW\xd1\r\xe3\xa0%w\x8a\xa2\xe0\xf7\xf9hq\xf4\xd1\x0cy\xe6edY\xe6\xc5g\x862a\xdc8r\xf3r2\xee!rH\x18\x06\xb2b\xc6\xef\x9e\x1bz\xb3y\xe3z\x8e?\xe9d\xee\x7f\xecY|e\x81\x83:rg\xc6\xb7\x9c\x96m\xda\xf0\xd0\xb0\x17\x91d\x99QO\x0f\xe1\x87o\xbf%\'Wl\x19\x9c\xeav\x8b\xef\xd3/!\xcb2\xf7\xddw\x1f\x93&amp;M\xc2b\xb1d\xd4H@\xc6\xb4x\xc9\xe5~\xdf|\xf3\rC\x87\x0e\xc5j\xb5\xf2\xc8s\xaf\xd2\xa0qc\x82\x81\xa0(\xf0Iq\xaa\xaa\x92\x97\x9f\xcd\xfb\xaf\xbf\xccg\x1f\xbc\x89\xcb\xed\xe1\xc9\x17\xdf"\xaf\xa0\x1a\xd1H\xe4\xa0\'w\x16\x8b\x85\x92\xe22\xba]r1\xfdn\xbb\x17]\xd3x`\xe0\xf5\xac]\xb5\n\x97\xcb\x89\xae\xeb\x07\xf5\xe7e:M\xd3\xc8\xce\xf1\xf2\xcc#\xf73k\xdadj\xd6\xae\xcb\x13/\xbc\x05\x98\x1b\x01\x1d\xec\x91;\x8b\xc5JIq\x19\xdd/\xed\xc1u7\xde\x89\xa6\xaa&lt;0\xb0\x1f\x1b\xd7\xad\xc5\xe1\x14\xf1Mu;\xe3{)\xd7\xded\xc6\xb7W\xaf^l\xdd\xba\x15Y\x963&amp;\xbe\x19Q\x04\x98\x1c\xf6\xdf\xb4i\x13\xc7\x1cs,[\xb6l\xe6\xe6{\x86p\xeb\xfd\x0f\x88\xe5~i@\xd75\\n7\xcb\x16/\xe4\xcas\xbb\x10\xf0\xfbx\xe8\xe9\x17\xb9\xea\xfa\xfe\xfbU\xf1\xbf\xf7\x0c\x0c\x03\x9c.\'}.=\x97i\x93&amp;\xd0\xb1\xf3i\xbc\xfe\xc9\xb7\x84\xc3\x111\x9dt\x90h\xaaJv^\x0e\x13\xc7}\xce\x8dW_\x84\xc5je\xf4\xfb\xe3\xe8tZW\xcaJ+s\x8bn3\xbe\x0e\xa7\x9dk/&gt;\x9b\x99?\xffH\xa7\xd3\xce\xe2\x951_\x11\x0c\x04\xc5\x88a\xcaK\xc4\xd7a\xe7\xdaK\xcc\xf8\x9ew\xdey\x8c\x1b7.c6\t\xca\x88w\xb0\x91\x18\xfe\xbd\xee\xba\xeb\xd8\xb2e3\x9dN=\x93\x01w\xdcOY\xb1O4\xfe)\xce,\xeaT\x88E\xa3\x0c\xbe\xb5\x1f\x01\xbf\x8f\xf3.\xbe\x82+\xfb\xf4\xa7dGy%o\xe4$U\xec$\xf9\xc8\xb3/S\xbdfmf\xfc\xf4\x03\xa3\x9f}\x82\x9c\\\xaf\x98\n8\x08\x0c]\xc7\xeet\xb2q\xdd:\x1e\xbe\xfb&amp;\x0c\xc3\xa0\xdfm\xf7r\xca\x99]\x13\xbb8V\xe6C\xda\x8c\xaf\xa1\xc3\xd0\xe7^\xa6\xa0Zu~\xfe\xe1;^\x1f\xf5\x8c\xa8\x07H\x0b\x89\xf8\x1af|\x0b\xab\xd5\xe0\xab\xaf\xbeb\xe4\xc8\x91\x19S\x0f\x90\xf6\t@r\xde\x7f\xe4\xc8\x91\x8c\x1f?\x9e\xea5j1\xe4\x99\x97PU\x95\xb4\x1f\xfa\xc8\x00\xba\xa6\x91\x9d\xe3\xe1\xf9\'\x1ff\xe1\xdc\xd9\xd4o\xd4\x84A\x8f?G(\x18:$=4Y\x96\t\x87\xc2\xd4-*b\xd0\x13#\x91e\x99\xd1\xcf&gt;\xce\xaf3f\xe2\xcd\xcaB\xcf\xa0\xf9\xc4\xca`\x006\x9b\x8d\xa1\xf7\xdc\xc2\xd6\xcd\x1b\xe9\xd0\xe9Tn\xb8\xfd~JK\xfc\x87$y\x97e\x99P(D\xfdF\x8d\xb8\xef\xd1\xe7\x90$\x89\x17\x9e~\x98y\xbf\xfd\x8e\xc7\xebE\xd7E|S\xd9\xae\xf1\xbd\xf7\xd1g\x91$\x89\xfb\xee\xbb\x9f\xc5\x8b\x17c\xb1X\xd2~* \xad\x13\x80\xe4\xba\xcf%K\x96p\xdf}\xf7#I\x12\xf7\x0c\x1dN\xbd\x06\xf5\x89\x84\xc2b\x08/\xc5i\x9a\x867\'\x8bi\x93\'\xf3\xf6\xe8g\xb1X\xad&lt;\xf0\xe4\xf3\xe4\xe5\x17\x10\x8b\xc6\x0e\xd9\x10\xbc\xc5b\xa1\xac\xa4\x8cs.\xb8\x90K\xaf\xeeK4\x12\xe6\xe1\xbbn \x12\x0e!+\nb}\xe0\xfeQU\x95\x9c\xbc,&gt;z\xfbU~\xf8\xf6\x0br\xf3\xf2yh\xd8\x8b\xe8\x89]\x00\x0f\x15\x8b\xc5BiI9\xe7\xff\xaf\x07\x17\xf4\xe8E(\x18\xe4\xe1\xbbnD\xad(\x1c\x16\xf1Me\xbb\xc6\xf7\xc2\xcbz\x11\x0c\x06\xe8\xdb\xb7/\x9a\xa6U\xec8\x99\xae\xd2\xb6\x05L\x06N\xd7u\xfa\xf7\xefO0\x18\xe0\x82\x1eWs\xde%\x97RZ"\xb6\xf6Lu\xc9%\x7f\xa1@\x90G\xef\xbb\x95x&lt;N\xcf&gt;7\xd1\xa5\xeb\x19\x94\x1d\x86\xad[eE\xc1\xe7\x0b1p\xf0c4&lt;\xe2H\x16/\x98\xcb\xcb\xcf=Av\x8e\'\xa3\xaa\x8a\x0f\x16]7\x97\xfc\xad^\xb1\x92g\x1f\x1d\x04\xc0\xc0\xc1\x8fs\xc4\x91M\x0e\xd9\xe8\xce\xaedY&amp;\x18\x08s\xd7\x90\'\xa8[\xbf!\xf3~\xfb\x857_|\x96\xec\x1c/\xaa*\xe2\x9b\xea\x92\xf1\xbd\xf3\xa1\'\xa8W\xbf!\xd3\xa7Og\xc4\x88\x11(\x8a\x92\xd6\xf7o\xda&amp;\x00\xc9\xde\xffK/\xbd\xc4O?\xfdD\xed\xbaE\xdc\xfe\xe0\xe3\x84\x82\xa2\xe7\x9f\x0e4M#+\xdb\xcd+\xcf=\x</t>
        </is>
      </c>
    </row>
    <row r="268">
      <c r="A268" s="1" t="n">
        <v>266</v>
      </c>
      <c r="B268" t="inlineStr">
        <is>
          <t>color_grid</t>
        </is>
      </c>
      <c r="C268" t="inlineStr">
        <is>
          <t>What is the color of the missing part denoted with a question mark?</t>
        </is>
      </c>
      <c r="D268" t="inlineStr">
        <is>
          <t>['green', 'blue', 'purple', 'yellow']</t>
        </is>
      </c>
      <c r="E268" t="inlineStr">
        <is>
          <t>yellow</t>
        </is>
      </c>
      <c r="F268" t="inlineStr">
        <is>
          <t>There are circles with different colors arranged with a grid formation in the image. The colors in the first row are ['blue', 'yellow', 'blue'], the colors in the second row are ['yellow', 'purple', 'yellow'], and the colors in the third row are ['blue', '?', 'blue'].</t>
        </is>
      </c>
      <c r="G268" t="inlineStr">
        <is>
          <t>We observe that the circles at the corners are blue, while the circles directly adjacent to the center are yellow. Only the center circle is purple. Hence, the pattern is that the circles alternate in color depending on if they are at the corner or adjacent to the center.</t>
        </is>
      </c>
      <c r="H268" t="inlineStr">
        <is>
          <t>Based on the pattern that the circles alternate in color depending on if they are at the corner or adjacent to the center, the missing color of the part that is adjacent to the center should be yellow.</t>
        </is>
      </c>
      <c r="I268" t="inlineStr">
        <is>
          <t>b'\x89PNG\r\n\x1a\n\x00\x00\x00\rIHDR\x00\x00\x02\x00\x00\x00\x02\x00\x08\x02\x00\x00\x00{\x1aC\xad\x00\x00\x82NIDATx\x9c\xed\xddyx\x14U\xda?\xfc\xfb\x9c\xaa\xea-Kg_\x08\xb2\x04\x92\x00YXL@\x01Q\x04Q\xdc\x1d\\p\x84a\x82\n\xfe\xd4q\xc0G}u\xc6q|\x18\x1d\x05\x97\xe1\x99QGE\xc0QQ\\AA! \x82\n*"\x01\x12 \x10 \x10\x96ld\xeb$\xdd\xe9\xa5\xce9\xef\x1f\x05m&amp;a\xd5t\xa7\xd2u\x7f\xe6\xba\xbc\x9c\xa4M\xba\xbf\xb9\xab\xeeS\xa7NU\x11!\x04 \x84\x102\x1e\xda\xd5o\x00!\x84P\xd7\xc0\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92\xbb\xfa\r\x18\x91\x10\xe2\x94_\'\x84\x04\xf9\x9d\x18\x13\xe6\xdf\xb50\x7f\xfd\xc0\x06\x10X\xa2\r\x00\xa0\x94\xfa\xff\xd9\x11\xe7\xdc\xffO\xd2F\x10\xdfo\xa8\xc1\xfc\xbb\x16\xe6\xafs\xe4t\xdd\x18\xfdbZ\xb9s\xce\t!\x92$u|\x01\xe7\xdc\xe1p\x10r"|\xed_,\x16\x8b\xd5j=\xe5\x8b\xb5\x1fE)\xc5\x8d\xe1\\`\xfe]\x0b\xf3\xefF\xb0\x01t\x1a\xad\xe8\x85\x10\xb2\xfc\xf3q\x15c\xac\xa2\xa2b\xff\xfe\xfdEEE\xb5\xb5\xb5[\xb6\xfc\xa4\xaajUuUeeU\xbb\r "&lt;\xbc\x7fZ\x7f\x10\x90\x9d\x93\x1d\x1f\x17\x97\x9b\x9b{\xc1\x05\x17\xf4\xee\xdd\xdbf\xb3\xb5\xfdi\x00\x80[\xc2)\x9d9\xffb-\xff\x9f\xb6\xa8\xaaZ]UUUU\xe9\xcf\x1f\x08\x01!\xc2\xc3\xc3\xfb\xf7O\x13 \xb2\xb3s\xe2\xe2\xe21\xff\xf3\x85\xf5\xdf\x1da\x03\xe8\x04B\x08\xc6\x98\xbf\xee\x19c\xa5\xa5\xa5\x05\x05\x05\xdfn\xdc\xb8woiyyyKs\xd3/\xf8\xb1\x8ab\xea\x91\xd2c@F\xc6\xc5\x17_&lt;a\xc2\x84\xc1\x83\x07\xfb7\x06UU)\xa5\xa7;\x946\x9a\xd3\xe5\xbfq\xe3\xb7\xa5\xa5{\xcb\xcb\xcb\x9b\x9aZ~\xc1\x8f5\x9b\xe4\x1e=R22\x06\\\x84\xf9\x9f\x11\xd6\x7f\xf7\x85\r\xe0W\xd1\x86$\xdaq.cl\xf3\xe6\xcd\xcb\x96-_\xb5zUi\xe9&gt;\x9f\xd7\xd3\xf6\x95\x16[\xb8b\xb1E\xf7\xe8G%I\xb1\x84\xc7\xf7\x19\xc49\xd3\x861B\x08IV\x1c\xd5\x87\x9b\xeb*(\x95\x1a+\x0fz[[\x9cM\r\xed~W\xef&gt;}/\xbf|\xec\x8d7\xdcp\xd9e\x97EFF\xc2\xc91\x97\x91\x07D\x1d\xf3_\xbe|\xd9\xaaU\xab\xf6\x95\x96z\xbc\xbe\xb6\xaf\x8c\x08\xb7\x84\xd9\x94A\xa9v*Q{\xb8\x9230F0\xa1\xc5&amp;\x04\x10\x85\x96\x1fn:\\\xe1$\x12\xdd\x7f\xc8\xd1\xd4\xe2\xadkp\xb5\xfb]}\xfb\xf6\x1e;\xf6\xf2\x1bn\xb8\x11\xf3\xf7\xc3\xfa\xef\xee\xb0\x01\xfcB\x8c1\x7f\xe5\x1d=zt\xe9\xd2\xa5\xef\xbc\xb3d\xc7\x8e\xed\xfe\x17PJ"\xe3/HH\xcd\x8a\xef\x9b\x99\xd0\'3\xa6g\x7f\xb3-\xc2\x1a\x19K(%\x84H\xb2I\x80\x008\xb1\t\x10 \x9c\xa9\x9c1B\x88\xab\xa9\xde\xe7q5T\x1c\xa8-\xdfS[\xbe\xa7\xfa\xc0\x8e\xc6\xca\x83^\x8f\xdb\xff\x93/\xe8\xd5\xfb\xb6[o\x9d:uJNN\x8e\xff\xcd\x9cr\xb25\x84u\xcc\x7f\xc9\x92w\xb6o\xdf\xf1\xf3+\x08\xed\xd33\xe2\xc2\xac\xb8a\x83\xe2r3c\x07\xf6\x8b\x8e\x8c4\xd9c\xac@\t\x10\x00\x93\x04m\x0b\x9f\x00\xa8\x1c\x18\x07BZ\xeb\xddN\x97oWY\xe3\xb6=\xf5\xc5{\xeb\xb6\xec8\xbe\xefP\x93\xdb\xed\xf5\xbf\xb6w\xef\x0bn\xbd\xf5\xb6)S\xa6b\xfeX\xff\xdd\x1d6\x80\xf3\xa6Mtj\x05\xf7\xddw\xdf-\\\xb8\xf0\xe3O&gt;q46j\xdf\xb5ED%\xa4f\xf7\xca\xb9\xa4g\xe6E1)\xfd\xac\x91\xb1T\x929S\x99\xcf\xcb9\xe3\xcc\xa7\xedw\x84\xe0\xed~,!D\xdb\x1e\xa8,\x13Be\xc5LeY\x08\xe1q65V\x1d\xaa\xda\xb7\xfd`\xe1\xfa\x9a\xb2\xa2\xc6\xea#\xda\xebe\xc5t\xf9\xd8\xcb\xee\xbd\xf7\xde\x89\x13\'\x9aL&amp;m4d\x84\xcd\xa0c\xfe\xcb&gt;\xf9\xb8\xa1\xd1\xa1}7\xdan\xcd\xcd\x8e\xbbrt\xcf1#zd\xf6\x8b\xb2\xc5ZA\xa6\xa0r\xf02`\x9c\xfb8\x00\x08\x00\xc1\xdb\x97\xbd\x7f\xbd\t\x95)P\x02f\td\n\x02X\x93\xa7\xb4\xdc\xb1y{\xcd\xca\rG\xb6\x16\x1d?t\xf4\xc4/2\x99\xe4\xcb.\xbb\x1c\xf3\xc7\xfa\xef\xd6\xb0\x01\x9c\x87\xb6s\x9d\xeb\xd6\xad\x9b;o\xde\xda5k\xb4oQ\x02=\x06\xe4\xa5\xe6M\xc8\x18y\xad=\xa9\xb7$)L\xf5\xa9^7g&gt;!\x04!\x04\x08%\x00p.\xc7\xaa\xda\x9fD[9G\x80RI6\x99%\xc5,8w9\xea\x0el)\xd8\xffc\xc1\x91\xa2o=\xad\'\xe6(\xb2\xb3\xb3g\xcf\x9e\x9d\x9f\x9f\x0f\xff=.\x0b=\xed\xf2\x9f7o\xee\x9a5kO~\x93\x8e\xceM\xba\xe1\x8a\xde\x93\xaf\xed\xdf\xb3W$\xc8\x14|\x0c&lt;\x8c\xf9\xb8\x96?\xa1@\xcem\xa1\xb9\x96&gt;\x17 \x84 @$\x89\x80Y\x02\xb3\x0c\\4\xd7\xb5._{\xf0\x93\x82Ck7\x1es\xbaNLq\xe4dg\xcd\x9a\xfd\xa0\x01\xf3\xc7\xfa\x0f\x01\xd8\x00\xce\x956\xdb\x08\x00\xa5\xa5\xa5s\xe7\xce]\xb4h1\x80\x00\x00\x93\xd9\x92&gt;\xfa\x86\xacq\x93{\xa4_\xa8Xl&gt;\xb7S\xf5zN\xect\x089\xa7\x8a?\x1b!\xb8\x10\x82\x00PY1Y\xc2\x85\xe0\xc7\xcbKJ7\xad(^\xbb\xa4\xb9\xbeZ{\xcd\xf8\xf1\xe3\x1f}\xf4\xd1q\xe3\xc6A\x88\x1e\x11\xb7\xcb\xff\xcd\xc5\x8b\xb4A\xbc\xd5b\xfa\xed\xf5\xfd\xa6\xdf6`\xe4\xb0$\xb0\xca\xe0\xf2q\x0f\xe3B\x10Bhg,"\xd7\x0e\x17\xb8\x00\x02 )\x14\xc2\x14\x10\xb0\xa7\xa4\xee\xfd\x95\xfb_\x7f\xaf\xa4\xa2\xfa\xc4\xe9e\xa3\xe5\x8f\xf5\x1f\x1a\xb0\x01\x9c\x13UUeY\xf6z\xbd\xf3\xe6\xcd{\xe1\xc5\x17\x1b\x1b\x1a\x00\xc0\x1a\x11\x955n\xf2\x80Kn\xea\x91&gt;\x8c1\x9f\xb7\xd5)8#T\n\xe0\x00D\x08.8\x01P\xcc6\xd9lm\xac&lt;\xb8g\xe3g;\xd7\xbd[w\xf4\x00\x00\x00\x90\xe9\xd3\xf3\xff\xf6\xb7\xbf\xf5\xe8\xd1#\xc4\x86Bm\xf3\xff\xc7\x8b/\xd474\x02@L\x94u\xfam\x03\xa6\xdd\x90\x9654\x11T.\x9c^\xc6\x84$\x05\xf0\xd2!!\x80sA\x00\xa8M\x06\xabR}\xa8\xf1\xed\xcf\xf6/Z\xba\xa7\xe4@=\x00\x10\x02\xf9\xf9\xd3C&gt;\x7f\xac\xffP\x82\r\xe0,\xb4\xeb\x12)\xa5\x9b6m\xba\xe7\x9e{v\xee\xdc\t\x00\x8a\xc9\x9c1\xfa\xc6\xbc\x1b\xff_b\xff\xc1\xbe\xd6\x16\xaf\xc7E\x80\x90 .J\x13\x82\x0b\xcee\x93\xd9\x1cfo\xae\xad(\xfc|a\xf1\x9a%-\r5\x00\x90\x98\x98\xf8\xd4SO\xddu\xd7]\x10\x12C\xa1S\xe6o5+\xb7\xdf\xd0\xef\x91\x99C3r\x12\xc0\xe9e.\x95\x10\xa04x[;\xe7\x82s!\x9be\xb0\x9b\x1c\x15\xce\xf9\x8b\x8b^[RRy\xbc\x05\x00\x92\x12\x13\xfe\xf6\xd4\xd3\xa1\x9d?\xd6\x7f\xc8\xc0\x06p&amp;\xfe\x02z\xf2\xc9\'\x9fy\xe6Y\xaf\xd7\x03\x00\xbd\xb2G\x8d\xbe\xe3\x91\x0b\xb2F\xf9&lt;.\x9f\xdbE(%\xa4\x8b\xd6#\x0b\xc19\x93d\x93%\xdc^\x7f\xec\xc0wK\x9f\xdf\xbd\xe1C\xce\x05\x00L\x9e&lt;\xf9\xa5\x97^\x8a\x8d\x8d\xd5\xc6n]\xf3\xf6~\xb5\xb6\xf9?\xfb\xec3\x1e\x8f\x17\x00\xc6\x8f\xec\xf9\xd4\xc3\xc3G\x8c\xec\t.\x9f\xea\xf2QJ\x82\xb9\xeboK\x08`\x8c\xcb&amp;\t\xec\xe6\x8a\x03\x8d\x7fy\xf1\xc77?\xda\xc7\x05\x83P\xcc\x1f\xeb?$a\x038-\xad\xfa+++\xf3\xf3\xf3\x0b\n\n\x00\xc0\x12\x16y\xf1\xe4\x87\x86]{\'\x01\xf0\xb8\x9a\xbb\xb2\xf4\xdb\x12\x82s&amp;\x9b,&amp;k\xf8\xbe\xcd\xab6,|\xa2\xbe\xe2 \x00\xa4\xa7\xa7/Z\xb4h\xd4\xa8Q\xddt\x1c\xd41\xff\xe8H\xcb\xff&gt;\x98\xfb\x87\xe99\x00\xc0\x9a\xbd\xa4\xebv\xfdm\x9dh\x03\x16\x19\xc2M\x05\xab\xcb\xfe\xf8\xe4\xc6\xbd\x07\x1b!\x14\xf3\xc7\xfa\x0f=\xd8\x00NM\x1b8l\xda\xb4\xe9\xd6[o\xad\xa8\xa8\x00\x80\x1e\x19\x17^\xf5\x87\x17\xe3\xfbd\xb66\xd7\x83\x10\x84\xea\xab\xa4\x84\x10\x823Kx\x94\xbb\xa5q\xfd\xa2\'w\xad[*\x00L&amp;\xf3?\xff\xf9\x7f3g\xce\xecvS\xa2\x1d\xf3\x1f}a\xd2\xc2\xe7/O\x1f\x14\xc7\xeb[A\x00\x95\xf4\xf5Y\x84\x10\x8c\t9\xca\xe2ht?4g\xd3\x1b\xef\xef\x01\x10f\x93\xf2\x7f\xff\xfcWh\xe4\x8f\xf5\x1f\x92\xb0\x01\x9c\x82V\xfd\x0b\x16,\xb8\xef\xbe\xfb|&gt;\x1f!0\xe4\xea\xe9\x97\xfd\xfe\t*\xc9\xde\xd6\x16*\xe9\xf7\x88\x923URL&amp;k\xf8\xf6/\xde\xfc\xe6\xad\xbf\xb9\x9d\xcd\x000s\xe6\xccW_}\xb5\x1bm\x03\xed\xf2\x07\xa0\xb3\xf23\x9f\xfb\xf3(Y\xa1j\x8bW\x96u0\xea&lt;\r\xa6r\xc9$A\xb8\xe9\x8d\xff\x14?\xfc\xf4\xf7\x8d\xcd\x1e\xe8\xfe\xf9c\xfd\x870l\x00\xed\xf9\xab\x7f\xc6\x8c\x19\x00`\xb6\x85_\x9a\xff\xd7a\xd7\xdc\xd9\xdaT\xaf-r\xe8\xea7x\x16\xda\x9d\x18\xc3\xa2\xe2\x0f\x17o\xfab\xfe\xfd\x8dU\xe5\x00p\xf7\xddw\xbf\xfe\xfa\xeb\xddb\x1bh\x97\xbf=\xdc\xfc\xe2\x13#\xa7\xe7\xe7\x88\xfaV\xc1\x85\x1e\xe6|\xceL\x08\xc19Hq\xd6\x1f\xbf;6\xf5\x8f_\x96\x96;\xa0;\xe7\x8f\xf5\x1f\xda\xb0\x01\xfc\x97v\xd5o\t\xb7\xff\xe6\xf1\xb7{e\x8fv6\xd6P*u\xca\xa2\xe6\xe0\xe0\xaa\xcf\x1c\x1e\xd5\xea\xa8\xfdh\xce\x1d\xd5\x07\x8a\xa0\x9bl\x03\xed\xf2\x8f\xb5[V\xbdyu\xde\xa8\x9e\xeaq\x97$Q\xbd\xbe\xebSP}\\\xb6\x9b\xeb\xebZ\'N]\xf1c\xf1q\xe8\x9e\xf9c\xfd\x87&lt;l\x00?kW\xfd\x89\xfd\xb2\xafy\xf0\x95\x98\x94\xfe\x9e\x96F*+]\xfd\xee\xce\x1bg\xaab\xb6\xaa&gt;\xcf\x97\xaf\xfdi\xf7\x86\x8f@\xf7\xdb@\xbb\xfc\x87g\xc7\xbf\xf3\xd2\x84\xb4\xd4(\xb5\xc9\xa3\xe7i\x9f\xd3a*\x97\xacJ\xb3G\x9d\xf5\xf87\x8b&gt;\xde\x0b\xdd-\x7f\xac\x7f#\xc0\x06pB\xc7\xea\xbf\xf9\xafK\xad\x91\xd1\x1eg\x93\x9e\'=\xcfLp&amp;\xc9&amp;\xd9b[5\xff\x81\x9d_\xbd\x0f\'\xb7\x01\xed\t\x1b\xba\xda\x06:\xee\xfdW\xbfs}t\x8c\x855y\xa4n\xb8\xf7\xd7p&amp;\xa8\x89\x82U\x991\xfb\xcb\x05\x1f\xec\x81\xee\x93?\xd6\xbfA`\x03\x008\xb9\xe2\xed\xe7\xeaO\xcd\xba\xf9\xc9\xf7\xcda\x91&gt;\xb7\xb3\xfbV\xbfFpN(5Y\xc3\xbf\x98\xff\xc0\xae\xf5\x1f@\x9bq\x90~\xd6\xc6\xb5\xcb?/+\xbe`\xc9\xf5\xd1\x91&amp;\xe6\xf2u\xdf\xbd\xbf\x86s!(\x91\xc2M3f}\xb9\xe0\xc3\x9f{\x80\x9e\xf3\xc7\xfa7\x0el\x00\'\xaa\xff\xfb\xef\xbf\x1f5j\xb4\x10\xdc\x12f\xbfc\xde\xe7\xd1)\xa9\xddz\xec\xd3\x96\x10\x9cR\x89\xca\xa6w\xff\xbfk\xab\xf6\xef\x00\x80\x7f\xfc\xe3\x1f\xb3f\xcd\xd2\xc952\xfe\xfcG\x8f\x1e\xc5\xb9\x88\xb1\x9b\x7f\xfa\xec\xe6\xbe\xa9Q\xddz\xec\xdf\x96\xe0BH\x94(t\xd4\x8d\x1f\x7f\xbf\xa3\x06\xf4\x9a?\xd6\xbf\x01\x19\xbd\x01h\x07\x83555999555\x8a\xd9v\xcb\x93\xef\xf5\x188\xdc\xe3t\x84F\xf5k\x04\xe7\x92\xa2x[]\xef\xff\xf9\xa6\xba#\xa5\x02`\xcd\x9a5W\\qE\x97\x8f\x83\xfc\xf9\x0f\xce\xc9\xa9\xae\xa9\t\xb3)\xeb\x97\\\x97\x97\x97\xcc\x1c!\xb2\xf7\xd7p.@\x91\x1a\x9d\xbe\xb1\xb7,+*m\x00\x10z\xcb\x1f\xeb\xdf\x98Bg\x1b\xfbe\xb4[\x9dL\x9d:\xb5\xa6\xa6\x06\x00\xc6\xde\xf9d\xaf\xc1\x97xZ\x1aC\xa9\xfa\x01\x80P\xaaz=6{\xcc\xd5\xb3\xfee\x0e\xb7\x03\xc0\xd4\xa9S\xab\xab\xab)\xa5Z\x02]\xc5\x9f\x7fuM\r\x00\xbc\xfc\xc4\xa8\xbcQ=\xd5\xc6\x90\xda\xfb\x03\x00\xa5Dx\xd4\x98X\xcb;\xf3\xc7\xc7\xd8M\x00\xf0;\x9d\xe5\x8f\xf5oL!\xb5\x99\x9d/\xed\x18p\xce\x9c9k\xd7\xae\x05\x80!\x13\xa7\r\xbb\xeeng}uw\\\xf3pVT\x92\xdd\xcd\x8d\xc9\x03r\xc7\xdd\xfdw\x00\xa8\xae\xae\x9e:u\xea\xcf\x0fF\xef\n\xed\xf2\x9f\xf5\xbb\xaciw\r\xf6\x1dw\xc9J\x08\x96\xa5$S\xb5\xd1\x93\x9d\x9b\xf4\xfaSc\x00\xa0J\x7f\xf9c\xfd\x1b\x90q?\xbfv\x7f\xf3\x1f~\xf8a\xcc\x981&gt;\x9f/\xa9\xff\x90\xdb\x9f\xfd\x94\xab&gt;\x10\xa2\x1b\xadw&gt;_\\\xf5\xd9\xa2\x13\xd6\xbc\xf4?\xdbV\xbd\t\'\'C\xbb\xe4@\xb8]\xfe\x17\rN\xd8\xf8\xc9o\x84\xca\xa5P\x8e\x1fT\x95\xcb\xf1\xb6\xd9\x0f}5\xff\xad\x9d\xa0\xa7\xfc\xb1\xfe\xbb\xfa\xadu\r\x836\x00\xed\x01r\x8c\xb1\xac\xec\xec}\xa5\xa5&amp;k\xf8\x94\xe7\xbe\x88\xee\x91\xeas;\xf5\x7f\xad\xe3\xaf"\x04\x10Bee\xc9\xc3W\x1f?\xb4\x8bRi\xd7\xae]\xe9\xe9\xe9B\x08\x1a\xd4\xdb\xf9\x9e\xc8?;;\xab\xb4t_D\xb8i\xfb\x8a\x9bSS\xa3\xb8\xd3\xa7\xb7\x9b\xfct.!\x80\x13\x00\x85\x0e\xbf\xf6\xa3\xc2\xddu\xb2Dwvi\xfeX\xff]R\xff\xfaa\xc4\xcf\x0c\x00\xda\xe3C\x9f\x7f\xfe\xf9}\xa5\xa5\x000j\xf2C\xf1}\x07y[\x9bC\xbc\xfa\x01\x80\x10\xc1\x99$+\xe3g&gt;#\xc9&amp;\xc6\xf9\x03\x0f&lt;\x10\xfc\x03a\x7f\xfe\xa5\xa5\xfb\x00\xe0\xd9\x07\xf3R\x07\xc5\xa9\xcd\xde\xd0\xde\xfb\x83\xf6HD&amp;$Ez\xe3\xefc\xcc&amp;\x89q\xd6\xb5\xf9c\xfdwI\xfe\xfaa\xc4\x06\xa0\x1d\xfc\x1e8p`\xde\xbcy\x00\xd0s\xe0\xf0\x0bo\x98\xd1\xea\xa8\xa7R\x08N}vD\xa8\xe4q:z\xe5\x8c\x1ev\xcd\x9d \xc4\x9a5k&gt;\xfc\xf0CI\x92\x18c\xc1y\x03\xed\xf2\x1f\x93\x97|\xef\xddCX}kHN\xfdw$IDm\xf2\x0c\x1dy\xc1C\xd3\xb3\x85\x80.\xcf\x1f\xeb?\xc8\xf9\xeb\x8a!6\xb9v\xb4\x07\x96\xce\x993\xc7\xe1p\xc8&amp;\xf3%\xbf\xfb3\x08\xd0\x1epj\x10\x94\xca\xee\xe6\xc6\xe1\x93\xfe\x10\x9d\xdc\x87\x10\xfa\xf8\xe3\x8f{\xbd\xde\xa0\x8d\x83\xda\xe6o1\xcb\xffx\xecb\x00 \x06\x8a\x1f$\x892\x87\xfb\x91\xfb\x86\xa5\xf5\x89\xa2\x94ta\xfeX\xff\xc1\xaf\x7f]1\\\x03\xd0N\xf8|\xf3\xcd7K\x96,\x01\x80\xf4\x8b\xae\xee=\xf8\x12\x8f\xab)\xf4\x0f~\xdb"\x84\xa9\xde\xb0\x98\xc4\xbc\x1b\xef\x15\x82\x97\x96\x96&gt;\xff\xfc\xf3\xc1Y\x12\xd7.\xff\xdb&amp;\xa6\x0e\x1b\xdd\x935yB~\xf2\xa7-B@xYdB\xd8\xe3\xf7\x0c\xe1\\ta\xfeX\xffA\xae\x7f\xbd1\\\xd3\xd3\xfe\xc6\xe3\xc6\x8f\xdf\xb0~\xbd5"z\xf2\xd3\xcb\xa2SRU\xaf[\x17\xcf6\n:B\xc8\xd2?\xff\xa6\xfa@QLL\xcc\xee\xdd\xbb\xe3\xe3\xe3\xb5/\x06\xee7j\xf9\x8f\x1f?n\xfd\xfa\r\xb1Q\x96\x1f&gt;\xbe)55\n\xdc\xaa\xfe\xef\xf3\xdc\xb9\x04\x80\x00\xf0\x112\xe6\xe6e[\x8a\x8f\x079\x7f\xac\x7fM\xf0\xeb_o\x8c\xf5W\xd7n\x04XXX\xb8a\xc3\x06\x00\x18t\xe9\xa4\xc4\xb4!\xbeV\xa71\xab\x9f3\xd5d\x8b\x1c1\xe9\x01!D]]\xdd;\xef\xbcC\x08\t\xe8Lh\xbb\xfc\xf3\'\xa5\xf7\x1f\x9c\xc0\x9d&gt;\xa3\xed\xfd\x01\x80\x00\x08\x95\x9b#M\xff{\xff\xb0\xae\xca\x1f\xeb?\xc8\xf5\xafCF\xfc\xc3\xbf\xfc\xca+ \x84l2\x0f\x1a{\x8b\xcf\xd5L\x8c\xba\x04\x98J\xb2\xc7\xe9\xe8=\xf8\x92\xd8\x94~\x84\x90\x85\x8b\x16\xb5\xb6\xb6J\x92\x14\xe8\x83\xc2W^yY\x08\xb0\x98\xe5\xe9\x932DK\x88\xaf\xfb&lt;\x03*S\xee\xf0\x8c\xb9\xe4\x82\x01\xfd\xa2\t!\x8b\x16-\x0cN\xfeX\xff\x9a\xae\xaa\x7f]1P\x03\x10Bh\x0f\xb9\xfe\xf0\xc3\x0f\x01 c\xe4u\xc9\x19\xc3\xbcn\x971\x87?\x1a\xceTkd\xcc\x85\xd7\xcf\x14B\xec\xde\xb5k\xdd\xbau\x84\x90\x00\xcd\x84\xfa\xf3\xff\xe8\xc3\x0f\x01\xe0\xf6k\xfb\x0f\x1c\x96\xc4]^\x03\x0e\xff5\xdaA\x80-\xda\xfa\xd8\xdd\x83\x85\x10\xbbv\xed\x0eN\xfeX\xff~\xc1\xac\x7f}2\xd0\xdf^;\xb8{\xef\xbd\xf7\x9c--\x94J\xd9W\xfc\x96\xab\xaa\x91\xa6\xfbN\x81R\xc9\xe3lJ\x1fyMdl\x12!\xe4\xf5\xd7_\x87\x80\xcd\x81\xfa\xf3onqJ\x12\xbdw\xf2@\xe1\xe3\x00\x86\xfe\x03P\x89\x8af\xcf\xa4\xab\xfb\xf5L\x8a \x84,\x08J\xfeX\xff~\xc1\xac\x7f}2P\x03\x90$\xc9\xeb\xf5.~\xf3MBHr\xff\xc1=\x06\xe4z[[\x8c\xb5\xf8\xa1#m9Dtb\xfa\xc8\xeb\x84\x10\xeb\xd6\xad\xdb\xb7o_\x80\x96Ch\xf9\xff\xe7\xcd\xc5\x84\x90\xe19\t\xc3r\x93\x84\xd3+\x19u\xfeGC\x080/\x0bK\x08\xbb\xfd\xda\xd4\xe0\xe4\x8f\xf5\xff_\x82X\xff\xfad\x94\x06\xc0\x18#\x84l\xdbV\xb8k\xe7N!D\xea\xf0\t\x8a\xc5&amp;\xb8\xb1N\xf8\x9c\x12!\x84\xa9\xbe~\xc3\xaf\xa4\x94\xba\\\xae\xe5\xcb\x97\xc3\xc9\xb5"\x9d\xe8D\xfe\x85\xdb\x8aw\xee\x12BL\x9a\xd0\x87\xda\x14\xce\x0c4\xd9z:\x84\x10\xf0\xb1IW\xf4\xa5\x94:\x03\x9d?\xd6\x7f\x07\xc1\xa9\x7f\xdd2J\x03\xd0N\xec|\xfc\xf1\'B\x08[D\xd4\x80\xd17\xf8Z\x9d\xd4\xe0\xc3\x1f\x00\x00 T\xf2\xb6\xb6\xa4\x0c\x1a\xde#}\x18!d\xd9\xb2\xe5\xda\x95\xa2\x9d\xfb[\xb4\xfc?\xf9\xe4c!DL\x94\xf5\xb7\xd7\xf5\x07\xa7O\x92\x8cR~g I\x84;\xbdy\xc3\x93G\x0eK"\x84|\xba|Y\xe0\xf2\xc7\xfa\xef(8\xf5\xaf[F\xf9\x9c\xda\xf1\xef\xca\x95\x9f\x03@|\x9fA\xf6\xa4&gt;\xaa\xd7\x13\xc2w=&lt;/\x823\xc5\x12\xd63k\x94\x10\xa2\xb0\xb0p\xff\xfe\xfd\x9d~\x14,I\x92\xcf\xeb]\xf9\xf9J\x00\x18206\xb9\x8f\x9d{\x8c&gt;\x01\xed\xc7\x99\xa06e\xfc\xc5\xc9B\x88\xad\x01\xcb\x1f\xeb\xfft\x82P\xff\xbae\x88\x06\xa0=\xf6\xa8\xac\xac\xec@\xd9\x01\x00\xe8\x95s\t\x95\x15!\x0c\xf1\x07&gt;\x17\x84\x10\xe6\xf3\xf4\xca\x19E%\xc9\xe3qo\xda\xb4\t:\xf5(X\xcb\xff@YY\xd9\x81\x03\x00p\xd5%) S\xceq\xfe\xe7\x04B\x08x\xd9\x84Q=e\x89\xba\xdd\x9e\x00\xe5\x8f\xf5\x7f:\x81\xae\x7f=3J\x03\x00\x80U\xabVy=\x1e*I=\xb3Fr\xd5k\xa8s\xfdgF\x08U=\xee\x84\xd4\xac\xc8\x98$\x00\xf8\xec\xb3\xcf\xa0S\xd7Bh\xf9\xaf^\xb5\xca\xed\xf1\xca\x12\x1dwQ\n\xf88\xe6\xefG)\x01\xb7:83.%)\x02\x00V\x04&amp;\x7f\xac\xff\xd3\tt\xfd\xeb\x99!\x1a\x80\xf6\xb7\xd4\x1a{DLRLJ\x7f\xc3^\xfb~j\x84p\xe6\xb3F\xc6\xc4\xf7\xcd\x02\x80\xc2\xc2m.\x97\xab\x13\xaf\x88\xd1\xf2\xdf\xb8i\x13\x00\xa4$Fd\xf47\xe2\xbd\x1f\xce\x80\x10`&gt;n\x8b\xb1^\x98\x19\x03\x00\xdb\xb6\x15\x06"\x7f\xac\xff\xd3\np\xfd\xeb\x99!\x8a\x80R\xea\xf5zw\xef.\x01\x80\xc4~9\xb6\xa88\xae\xfap\x02\xb4-!\x04\xa5r\xca\xa0\x11\x00P]S}\xe4\xc8\x118y\xe6\xf0\xd7\xd3\xf2\xdfS\xb2\x1b\x00\xf2r\xe2\xc2bm\xcc\xc71\xfe\xb6\x84\x10 \xd1\xcb\x86\'\x03@uu@\xf2\xc7\xfa?\x83\x80\xd6\xbf\x9e\x85~\x03\xd0&amp;@+++\xcb\x0f\x1f\x06\x80\x84\xbeYT\x92\x8d\xf0\xa7=/\x84\x10\xae\xfa\xe2\xfbf\x12B=nwQQ\x11t\xd2\x06\xe0\xcf\xff\xf0\xe1r\x00\xb803\x16d\x8a\xf9\xb7C\x08\x01\x95\x0f\x1d\x14G)iu{\x02\x91?\xd6\xff\x19\x04\xae\xfeu.\xf4\x1b\x80\xf6W&lt;x\xf0\xa0\xcb\xd9\x02\x00q}\x06rU5\xc8\x04\xdf\xb9#\x84\xaa\xaa7:\xb9\xaf5&lt;\x12\x00JJJ\xa0\x936\x00\x7f\xfe\xcd-.\x00\x182 \x16\x18\x9e\x00h\x8fR\x02^5\xa3\xaf=*\xc2\n\x00{\x02\x90?\xd6\xff\x19\x04\xae\xfeu\xce(\r@k\xe9\xd6\xb0\x88\xd8\x9e\xe9L\xf5\xe0\x06\xd0\x1e!\xdc\xe7\r\x8bI\x88N\xee\x03\x00\xc5\xc5;\xa1\x93\xce\x83i\xf9\x17\x17\x15\x01\x80=\xc2\x92\x99\x1e\r\x1e\x86\xf9\xb7C\x08\x08/\x8fN\x08K\xeb\x1b\t\x00\xc5;\x8b\xa1S\xf3\xc7\xfa?\x8b\x80\xd5\xbf\xce\x85~\x03\xd0TUU\x01\x80b\xb6\x99\xc3"\x05c\x06\xbf\x05\xcd)\t!d\xc5b\t\x8f\x02\x80\xea\xeaj\xed\xb9Q\x9d\xf5\xc3\xb5\xfcmV\xc5\x1ei\x06&amp;\x0c\xb0e\x9d7!\x84l\x96c\xa3\xcc\x10\xb0\xfc\xb1\xfe\xcf \xa0\xf5\xaf[\xa1\xdf\x00\xb4\x8b\xfa\n\x0b\xb7\x01@t\x8fTkd\x0c\xc33`\xa7"\x04\xa7\x92\x1c\xd77\x0b\x00\xf6\x96\xeemll\xa4\xb4\x13&amp;\xebO\xe4\xbf\xad\x10\x00\x06\xf4\xb3\x87\xc7X\xb9\x8fa\xfc\x1dq.@\xa6\x17f\xc6\x01@\xe9\xde\xce\xce\x1f\xeb\xffl\x02T\xff:\x17\xfa\r@\xe3\xffC\x12\xc3\\\xe4\xfdK\x10\xa2\x8dz\x18\xe3R\xa7\xde&amp;^\xcb\x9fh\x93\xdd\xe8t\x08h\xf1p\xce\x02\x91?`\xfd\x9fY\xc0\xea_\xb7B\xbf\x1a\x08!n\xb7\xfb\xd8\xb1c\x00`\x0e\xb3\xe3\xf2\xe73\x10B\x98\xc3\xec\x00\xe0r9\xb5\xc4~\xfd\x08H\xcb\xbf\xe2\xd81\x00\x88\x8e4\x011\xd4\xe3\xdf\xcf\x93\x10\xd1v3\x008\x9d\xae\xce\xcd\x1f\xeb\xff\\\x04\xa2\xfeu.\xc4\xabA\x9b\xc8s\xb9\\G\x8e\x1e\x05\x80\xb8&gt;\x03\xf1"\xf8\xd3!\x84\x08\xa6\xc6\xf7\x19\x04\x00\xad.\xd7\xd1\xa3G\xe1Wo\x00\xfe\xfc\x8f\x1e=\x02\x00C\x07\xc6\x82B\x05\xde\x04\xe2T\x08!\xc0\xc4\xd0\x01\xb1\x00\xe0t\xb5vn\xfeX\xffg\x15\x88\xfa\xd7\xbf\x10o\x00\x1aB\x88\xa2(\x00 \x8cq\x7f\x8f_\xc3\x1f\x91\x96X\xa7\xf0\xe7\xaf\xe2\xae\xffl\xfc\x11\x05"\x7f\xac\xff\xb3\nD\xfd\xeb\x99!\x1a\x00\x18\xa0\x93w\xba\xceM\xcc\x7f\x0e\x00\x9d\x99?\xa2@\xe4\x8f\xce\x9dA\x123J\x03@\x08!\xd4\x8eQ\x1a\xc0\x89%\xbd\xc6\xe8\xea\xbf\x8a\x7f\xb9H\xa7\xae\x14\xd4~\x1a\xc6\x7fV\xfe\x88\x02\x91?\xfe\x01\xce.0\xf5\xaf[\x86h\x00B\x08UU\x01\x80\xca\n\xceC\x9c\x19\x95OL}j\x89u\n\x7f\xfe&amp;\xc5\x10\xf5\xf6k\xf8#\nD\xfeX\xffg\x15\x88\xfa\xd7\xb3\xd0\xdf \x85\x10\x8a\xa2D\xd9\xed\x00\xe0\xa8&gt;\xcc\x99\xcf \xbd\xfd\x17 \x94:\xaa\xcb\x01@Q\x14\xbb\xdd\x0e\x9d1\x0e\xd2\xf2\xb7\xdb\xa3\x00`\xff\xe1&amp;\xbc\x11\xd0\x99P\xb2\xffp\x13\x04 \x7f\xac\xffs\x11\x88\xfa\xd7\xb9\x10o\x00\x84\x10!DDDDFF\x06\x004\xd5\x1c\x16L\xc5A\xd0)\t!\x08\x95\xb4\r \xd2\x1e\x95\x9e\x9e\x0e\xbfz\x03\xf0\xe7\x9f\x9e\x91\x01\x00\x07\x8e4\x83\x8a\xf7\x8185!\x04Pr\xe0H\x13\x00DGEvn\xfeX\xffg\x15\x88\xfa\xd7\xbf\x10o\x00~^\xaf\x17\x00$\xc5\x0cx%\xe4\x19I\x8a\x05\x00\x18c\x8c\xb1N\xfc\xb1Z\xfe\x16\xb3\x04x%\xf0\x19Y\xcd\x12\x04,\x7f\xac\xff\xb3\nP\xfd\xebV\xe8W\x83\xf6&lt;\xbc\xc1\x83\x07\x03@c\xe5\xa1VG=\x95e&lt;\x1b\xd6\x11!\x843_\xdd\xe1\x12\x00HKK\x8b\x8c\x8c\xec\x94\xfba\xb5\xcd\xbf\xf4`SK\xbd\x8b\xc8\x14\xe3\xefH{$\xc0\xb6=\xf5\x00\xd0?0\xf9c\xfd\x9fA\x80\xea_\xe7B\xbf\x01h\x92\x93\x93\x00\xc0\xe3l\xf2\xb9[\x085\xc4]&gt;\xce\x1f\xe5\xaa\xear\xd4\x02@B|\xbc,w\xe6cC\x92\x93\x92\x01\xa0\xb1\xc9\xe3r\xfa\x88\x14\xe2\x1b\xd5/C(p\x95W\xd7\xb6\x02@||B\'\xe7\x8f\xf5\x7fv\x01\xac\x7f\xdd\n\xfd\x06\xa0\xf5\xf0\x9c\x9c\x1c\x00hu65T\x1c\x94e\x13^\r\xdf\x9e\x10\x92,\xbb\x1cu\x8e\xaa\xc3\x00\x90\x95\x95\t\'\x07\x8f\xbf\x92\x96\x7fvN\x0e\x008\x9a\xdd\xa5e\x0e0\xc9\x1c/\t\xfeoB\x00\x95\xa5\xe6:\xd7\x81\xf2f\x00\xc8\xca\xcc\x82N\xcd\x1f\xeb\xff,\x02V\xff:g\x94\x06\xd0\xa7O\x1f\xb3\xd9"\x04\xaf-/\xa1\xb2b\x84\xde~^\x84\x10\x92bvT\x1dr:\xea\x00@;g\xd8)\xfc\xf9[,f\xce\xc5\xf6=u\xf8H\xc8\x8e\x84\x10`\x96\xca\x0e5\x1d\xafw\x01@z\x00\xf2\xc7\xfa?\x83\xc0\xd5\xbf\xce\x19\xa8\x01$%\'\x03\xc0\xf1C\xbb\x05\x08\\\x08\xd1\x8e\x10\x9c\xcaJ\xed\x91\xbd\x8c\xa9\xb2\xac\x0c\x192\x04N\xdeJ\xfeW\xf2\xe7\xdf#9\t\x00\xb6\x95\xd4\x81\xc0\x85@\xedi\x0f\x03(.\xad\xf7\xa9LQ\xe4@\xe4\x8f\xf5\x7f\x06\x81\xab\x7f\x9d\x0b\xfdOH\x08\xe1\x9c[\xad\xd6\x81\x032\x00\xa0j\xff6O\x8b\x83JrW\xbf/\xbd!@\xe0\xd8\xee\x1f\x01 &amp;6&amp;55\x15:i\r\x9c?\xff\xf4\x8c\x81\x00\xf0\xc3\xf6\xe3\xde&amp;\x0f\x95C\xbf\xf0\xce\x8b\x96\xf4\x86-\x95\x00\x10\x1b\x13\x90\xfc\xb1\xfe\xcf(P\xf5\xafs\x86\xd8\x0e\xb5\xb9\xbc\xbc\xbc&lt;\x00pT\x1fi\xa88(\x9b\xcc\x80\xd3\xa0mPI\xf6\xb48\xaa\x0fl\x07\x80A\x03\x07EDDp\xdeiWl\xb5\xcd\xbf\xec\x88\xe3\xd0\xc1Fb\x96\r0\xbfz\x1e\xa8L}M\x9e\xcd;j\x01`\xe0\xa0\x00\xe6\x8f\xf5\x7fJ\x01\xad\x7f=3D\x03\xd0\xfe\x90\x13\'N\x94$\xd9\xe7\xf5T\x96n\x95\x14\xb3\x11\xce\xf0\x9c+\xc1e\x93\xb9\xfe\xd8\x01G\xf5\x11\x00\xb8\xfa\xea\x89\x94\xd2N\xcc\xc7\x9f\xbf,Kn\x8f\xba\xa9\xb0\x1aL\x12\xe6\xef\xc79\x10\xb3|\xe0@C\xd9\x11\x07\x00\\=\xf1\xea\x00\xe5\x8f\xf5\x7fj\x01\xae\x7f=3D\x03\xd0\xe6\xf2\x06\x0f\x1e\x9c\x9c\x9c\x0c\x00\x87\n\xd7\x0b\xc1\tN\x83\x9e\xc49\x97M\x96\xc3E\xdf\xfa\xbc\x1eJ\xe9\xb8q\xe3\xa0S\x8f\x7f\xfd\xf9\xf7HN\x06\x80\x15\x1b\x0e\x83\x01VX\x9f;\xce\xb90\xcb\x05\x1b\x8f\xb9=\xaaD\xe9\xe5\x01\xcb\x1f\xeb\xff\x94\x02]\xffzf\x88\x06@\x08a\x8c\xd9l\xb6\xf1\xe3\xc7\x01@MY\xb1\xab\xf18ULx9\x8c\x86\x10\xc29;\xb6{3\x10\x92\x9e\x91\x91\x99\x99)\x84\xe8\xc4g\xa2\xfa\xf3\xbf|\xdcx\x00\xf8\xa9\xb8\xae\xe5\xb8K2\xe1\xe5`\'PB\x08\xe7\xeb\x7f\xac$\x0422\xd2\x03\x97?\xd6\xff)\x05\xba\xfe\xf5\xcc\x10\r\xc0\xef\xe6\x9bo\x06\x00Gm\xc5\x81\x1f\x0bL\xd60|@\x12\x00\x80\xe0\x8a\xd9VS\xb6\xf3p\xf1&amp;\x10\xe2\xbak\xaf5\x9b\xcd\x01\xba\x0e\xfe\x96\x9bo\x06\x80#\x95M\x9f\xae9\x08a&amp;\x86W\x03\x00p\x0e\xd4\xa6\xec\xdby\xfc\xcbM\xc7\x84\x80k\xae\xbd.p\xf9c\xfd\x9fB\x10\xeb_\x87\x8c\xd2\x00\xb4\xa3\xe01c\xc6\xf4HI\x01\x80}\xdf\x7f.\x84\xc0\x83`\xd0\x8e\x7f-\xb6\xb2\x9f\xd6z\xdd.I\x92&amp;M\x9a\x04\x018\xfe\xd5\xf2\xbfd\xcc\x98\x9e)=\x08\x81\xa5_\x94\x01\x17F)\xbe3\xe2\x9c\x83U\xfet]\xb9\xb3\xd5\x1b\xe8\xfc\xb1\xfe;\nN\xfd\xeb\x96Q\xb6AB\x88\xaa\xaa\x11\x11\x11\xb7O\x9e\x0c\x00Gv\xfdp\xfc\xe0n\xc5l\xc3\xb5\x10T\x92=N\xc7\xdeo\x97\x13Brss\xf3\xf2\xf28\xe7\x9d~\xfc\xeb\xcf\x7f\xf2\xe4\xdb\x85\x80\xf5\x9b+\xcbJj\x89M\xc11\xa8$S\xb5\xc9\xf3\xf6\xa7\xfb\t!y\x81\xcf\x1f\xeb\xbf\x9d\xe0\xd4\xbfn\x19\xa5\x01\xc0\xc9AP~~\xbe\xac(^\xb7k\xcf\xb7\xcbd\x8b\xcd \xe7\xfaOGpf\xb2E\x1c)\xdat\xfc\xf0^!\xc4\x9dw\xde\x19\xb8\xf5\x0fZ\xfe\xbf\xcf\xcf7)\xb2\xd3\xe5}k\xf9&gt;b\x93\r&gt;\x0b\xc1\x98 \xe1\xa6o\xbf;Z\xbc\xb7N\x081=\xf0\xf9c\xfd\xb7\x15\xcc\xfa\xd7\'c5\x00\xceyff\xe6e\x97^J\x08)Z\xbb\xa4\xb1\xe2\xa0\xacX\x8c}*\x8cp\xd5\xb7e\xf9+B\x88\xc4\xc4\xc4\x9bn\xba)p\xa7\xbf\xfc\xf9\x8f\xb9\xf42B\xc8+\xef\x95\xd4\x1cl\xa4\x16\xd9\xc8\xf1\x13\x02\xcc\xc7\x9fzu\xbb\x10")X\xf9c\xfd\xb7\x11\xbc\xfa\xd7\'\x035\x00\xd0\xee\xb8\x020{\xf6l!\x84\xcbQW\xf2\xf5\xc7\xe6p;g\x86x\xf6[G\x823sXD\xc5\x9e\x9f\x8e\xec\xfa\x01\x00\xa6L\x99\x12\x17\x17\xc7\x18\x0b\xdc\x04h\xdb\xfc\x8f\xd7\xb9\xdeYVJ"\xcdL5\xd0\x80\xab-\xc6\x04\x8d0\xef\xd8Z\xb9\xfe\x87\n\x00\xb8#\xb8\xf9c\xfd\x07\xbf\xfeu\xc8X\r\x80R*\x84\x18;vl\xc6\x80\x01\x84\xd0\x9d_\xbd\xdf\\{LR\xcc\x86\x1d\x04\t\x01\x85+\x17\x00\x80\xd9l\xbe\xf3\xce;\x85\x10\x01\xbd\xff\x89?\xff\x01\x032(%\xaf\x7f\xb0\xc7Q\xd1B\xcd\x92Q\xe3\x07\x001oQ\x11\x00X\x82\x9b?\xd6\xbf&amp;\xc8\xf5\xafC\xc6\xfa\xb4\xfe\xfb\xa2\xfc\xe9\xb1\xc7\x84\xe0\xf5\x15e[?}\xcd\x12\x11\xc5\xb9QV}\xf9\t\xce\xcc\xe1Q\x07\xb7\xae\xdb\xfb\xdd\xe7B\x88\xdbo\xbf}\xe0\xc0\x81\x9c\xf3\x80n\x00\xfe\xfc\x1f{\xecO\x9c\x8b\xbde\x8d\xf3\x17l\xa7v\x0bc\x86;\x08`LHQ\xe6\r_\x95\xbf\xff\xf9\x01!\xc4\xe4\xe0\xe6\x8f\xf5\xdf%\xf5\xafC\xc4\x807\x86\xd5\x16\xf9\x8e\x1b7\xee\xeb\xaf\xbf\xb1\xd9c\xa6&lt;\xb7*,:\x91\xab^0\xd2\xa1\x9f\xe0\\\xb1\xd8&gt;x|\xd2\xd1\x92\x1fcbbv\xee\xdc\x99\x98\x98\x18\x9c\x11\x90?\xffo\xbe\xf9:.\xdaV\xf4\xf9\xa4\x84\x840\xf0qC=,\x92qA\xac\xca\xb8\xdb\x96\x7f\xfdcelLLqW\xe4\x8f\xf5\xdf%\xf5\xaf+\xc6\xfa\xb4~\x92$\xcd\x993G\x92\xa8\xcbQ\xb7q\xc9\xb3&amp;[\xb8\xa1\x06A\x9c\xa9V{l\xf1\xda%Gvo\x16B&lt;\xf8\xe0\x83III\xc1\x1c\xfeh\xf9S*\x1d\xafw=6o3\x8d0q#\x1d\x04\xa8*\x97b\xaco\xbf\xb7{\xc3\xe6\n!\xc4\xec.\xca\x1f\xeb\xbf\xab\xea_?\x8cx\x04\x00\x00\x8c1I\x92~\x9f\x9f\xff\x9f7\xdf\xa4\x92t\xe3c\x8b\xfb\r\xbf\xd2\xdd\xdc`\x84\xdb\xe4\n\xc1%\xd9\xe4r\xd4-yx\xa2\xcbQ\x9b\x96\x96VTT$\xcb2!$h\xa7\xbf\xb4\xfc\xf3\xf3\x7f\xff\xe6\x9b\xff\x91$Z\xb0p\xe2\xb8\t}Y\x83[2\xc0m\xa29\x17`\x92j\xebZ\x87\\\xf3Qu]kzZ\xda\x8e.\xca\x1f\xeb\xbf\xab\xea_?B\x7f{;%m2\xf4\xd9g\x9e\xb1GE\t\xce\xbez\xe3/\xee\x96F\xc9\x18wG\x11\x9c\x9b\xac\xe1\xeb\xdfx\xbc\xa5\xa1\x86s\xfe\xcf\x7f\xfe\xd3d2\x05\xf9\xf9\xd7Z\xfe\xcf&lt;\xf3lT\x94\x9d1q\xcf\x13\x1b\x9d\x8d\x1e0\x19\xe2l0\x17\x82\x86)\x7f\xf8\xeb\xb7\x95\xc7\x9d\x9c\xf3\xff\xeb\xba\xfc\xb1\xfe\xbb\xaa\xfe\xf5\xc3\xa0\r@[\x0e\x91\x94\x94\xf4\xe2\x0b/\x08\x01\x8dU\xe5\xeb^\xff\x93\xc9\x16\x11\xf2\x07\xc2\\\xf5\xd9\xa2\xe2\x0bW\xbcQ\xfa\xc3*\x00\xc8\xcf\xcf\x9f0a\x826\x1e\x0c\xe6\xdb\xf0\xe7\xff\xc2\x0b/\x02\x88\xfd\x87\x1d\x0f&lt;\xfe\x8d\x14a\n\xf9\xb3\xc1\xaa\x8f\xcbq\xb6\xc5\x8b\x8a&gt;XU\x06\x00\xd3\xbb:\x7f\xac\xff.\xc9_?\x0c:\x05\xa4QUU\x96\xe5\xdbn\xbb\xed\x83\x0f&gt;\x00\x80+f&gt;s\xe1\r3\x9d\xf5\xd5TV\xba\xfa\xad\x05\x04g\xaa%\xdc^\xb5\x7f\xc7\xd2?\xff\xc6\xe7nMM\xed[TTd\xb5Z\xbb\xea\xe0\xb7]\xfe\x8b\xfe~i\xfe\xddC\xd4j\xa7\xac\x84\xe6\xb8\x84\xa9\\\xb2\x9b\x8bw\xd4\\|\xcbrW\xab\xafo\xdfT]\xe5\x8f\xf5o@\x86n\x00B\x08\xce\xb9\xc3\xe1\xc8\xcb\xcb;x\xf0\xa0l\xb6\xde\xf2\xe4\xd2\x1e\x03\xf2&lt;\xce\x10|f\x9e\xe0\\\x92\x15\x9f\xc7\xb5\xf4\xcf\xbf\xa9;R*I\xd2\xc6\x8d\x1bG\x8c\x18\xd1\x85\xe7\xbe\xda\xe5o\xb3\xca\x1b\xde\xbd&gt;77\x899&lt;\xa1w2\x80s\x01\x8a\xe4p\xf9.\xbbyY\xd1\xbe\x06Y\x7f\xf9c\xfd\x1b\x90q?9\x00h\x9d?&amp;&amp;\xe6\xddw\xdf%\x84\xa8n\xd7\xe7/\xde\xdb\xdaT\xa7\x98\xad"\xc4\x8e\x85\x85\x00\x02\x8a5l\xf5\xbf\x1e\xac=\xbcW\x08\xf1\xdcs\xcf\x8d\x181BU\xd5.\xac\xfev\xf9;]\xeam\xf7\xafi\xa8k\x95\xac\ng!5.\x11\x028\x00\xb5)3\x1e\xfa\xaa\xa8\xb4\x1et\x99?\xd6\xbf\x01\x19\xfa\xc3\x03\x00\xa5TU\xd5\x11#F\xfc\xfb\xdf\xff\x16\x00M5G?z\xf2v\xd5\xe7\xa5\xb2)\x94\xeeS&amp;8\xb7FD\x7f1\xff\x81\xfd?\x16\x00\xc0\xb4i\xd3f\xcd\x9a\xa5\xcd\x00t\xed\x1bk\x9b?\x80(;\xdar\xe5\x1d+\\\x1e\x15L\x94\x87\xd0\xd3\x02\x18\x17r\xb4\xe5\x9e\xd9_~\xb4\xe6 \xe85\x7f\xac\x7f\x032z\x03\x00\x00Y\x96UU\x9d1c\xc6\xcc\x993\x05@uY\xf1\xda\x7f?b\xb2\xd8\x08%"$n\x96\xcb\x99j\x8bN\xd8\xb2\xfc\xd5\x9d\xeb\x96\x02@^^\xde+\xaf\xbc\xa2\x9f{\xde\xb6\xcd\x1f@l\xd9y\xfc\xbe\xc7\xbe\xa66E\x10"B\xa2\x07\xf8T.\xc7\xdb^{m\xdbk\xef\x97\x80\xbe\xf3\xc7\xfa7\x1al\x00\x00\x00\x92$\xa9\xaa\xfa\xea\xab\xaf\xde}\xf7\xdd\x00P\xf2\xcd\xb2/\xe6\xff\xc1d\x8d\xa0T\xea\xde\xe3 !\x04ca\xd1\t?-\xff\xf7\xfa7\xfe\x02\x00yyy\x05\x05\x056\x9b\r\xf4\xf4\xd4\x8bv\xf9\xbf\xb9\xbct\xc6\x1f\xbf\x94"L u\xf3\xe3\x00\x01\x8c\t%!l\xc1k\xdb\xee\xf9\xeb&amp;\xe8&amp;\xf9c\xfd\x1b\x87\xa1O\x02\xb7\xa5\x9d\x10\x93$i\xc6\x8c\x19\x0b\x16,\x00\x80\xac\xcbo\x9bp\xdfs\x82s\xd5\xeb\xee\x8e\xe7\xc4\xb4\xe1\x9b%&lt;z\xebg\xaf}\xb5\xe0q\x01\x90\x977\xbc\xa0`utt\xb4\x0eO|u\xcc\xff\xee[\x07\xbc2w\xac\xcc\x04\xf3\xa8\xdd\xf1\x9c0\xe7B\x00\x91\xa2\xcd\xaf-\xd8~\xcf_6\x02\x88\xe1\xc3\xf3V\xaf.\xe8.\xf9c\xfd\x1b\x016\x80\x9fu\xdc\x06\x92\xd3\x87\xfd\xe6\xf1\xb7l\xf6Xwsc\xf7Z\x1b\xc7\x99*+f\xd9b[\xfd\xaf\xd9\xc5k\xdf\x05\x80\xbc\xe1\xc3\x0bV\xeb\xba\xfa;\xe6?jX\xe2\x8a\xc5\xd7D\xc7Z\xd5FO\xf7Z\x1b\xcaT.\x99e\xb0\xca\xf7&lt;\xf4\xd5k\xef\xed\x06\x00=\xef\xfd5X\xff\x06\x84\r\xe0\xbft\xdc\x06\xe2\xfb\x0c\xba\xea\x0f\xffH\x19\x90\xebl&lt;N\xa9\xd4-n\x98\xc5U\x9f%"\xca\xe5\xa8[\xf3\xca\xc3\xfb~X\x05\xddg\xec\xd3!\x7f2t`\xcc\xc2\x17\xc6\r\xcdMR\x8f\xbb$\x89v\x87\xf8A\xf5q9\xca\xdcP\xd7z\xcf\xa3\x1b\xb4\x0b\xbe\xf4\xbf\xf7\xd7`\xfd\x1b\r6\x80\xf6:n\x03\x96p\xfb\xf8\x19\xcfd^~\xab\xbb\xa5QpF\xa8~\xcf\x1d\t\xc1\x05\x176{l\xc5\xde\x9f\n\xfe\xf5`\xcd!m\xec9|u\xf7\x19\xfbt\xcc?\xd6ny\xe5\xe9Kn\xbde\xa0hts&amp;$I\xbf\xfb \xc1\x05\x17B\x8a\xb5m\xdbZu\xd7C_\x15\xee\xae\x85\xee\x9f?\xd6\x7f\x08\xc3\x06p\nB\x08\xed\xc6\xb0\xf3\xe7\xcf\x9f={6\x00\x10\x80\xa1\xd7L\xbf\xf4\xf7OH\xb2\xc9\xe3j\xd2\xe7P\x883U6Y\x14K\xd8\xf6/\x16\x7f\xfd\x9f9\x1eW\x0b\x00L\x9f&gt;}\xfe\xfc\xf9\x11\x11\x11\xdd\xa8\xfa;\xe6\x0f@f\xe5g?\xf7\xf8H\xd9$\xa9M\x1e}\x1e\n\xa8*\x97-2\x84)o\xbcY\xfc\xf0S\xdf7\xb6x T\xf2\xc7\xfa\x0fU\xd8\x00N\xcd\xbf\r\x14\x14\x14L\x9f&gt;\xbd\xa2\xa2\x02\x00\x92\xd3\x86\x8c\xbd\xf3o\xbd\xb2G\xba\x9d\x0e\xe6\xf3\xea\xe7\xcc\x98\xe0\x0c\x08\xb1F\xc44V\x1d\xda\xb0\xf8\x7f\xf7nZ\x01\x00&amp;\x93y\xee\xdcgg\xcd\x9a\x05\x00\xdd\xae\xfa\xdb\xe6\x7f\xe7\xf4\xe9\xc7**\x00\xe0\xa2!\x89\xf3\x9f\x1c=bd\n8&lt;\xaa\x97\xc9\xba93\xcc\x98 \x04h\x8c\xb5\xe2\x90\xe3\x7f\xfe\xb6i\xe9\xca\x03\x00\xc2l6=\xfb\xec\xdc\x10\xc8\x1f\xeb?\x84a\x038\x13\xedR\x91\xca\xca\xca\xfc\xfc\xfc\x82\x82\x02\x00P\x14\xd3\xb0\x1b\xee\xc9\xbbafXt\xa2\xbb\xa5\x913F\xbbt5\xb1v\xc5\xa69\xcc\xceU_\xf1WK\xbf_\xfa|s]5\x00\xa4gd,Z\xb8p\xd4\xa8Q\x9c\xf3\xee{\xab\x93\x8e\xf9[L\xf2\xc33\x06\xff\xcf\x8c!\xf6\xc40ht3\xc6\xa9\xd4\x95\x0f\x92aL\x10\x00j7\x83\x8f-\xfe`\xcf\x13/l9Z\xdd\x02\x00\x19\x19\xe9\x0b\x17.\n\xbd\xfc\xb1\xfeC\x0c6\x80\xb3\xf0\xdf)p\xfe\xfc\xf9\x8f&gt;\xfa\x98\xc7\xe3\x06\x80\xd8\x94~\xb97\xde;`\xcc\x8df[\x84\xc7\xd9\xc4\x99J%\t \xa8E\xa6\x8dz\xcc\xd6\x08\x01\xe2\xd0\xb6\r[\x96\xbdR^\xb4Q\xfb\xd6]w\xdd\xf5\xfc\xf3\xcf\xdb\xed\xf6\x10\xb8\xd6\xb1m\xfe\x8f=\xf6\xa8\xdb\xed\x01\x80\x81\xfd\xa2\x1f\xbeg\xc8\x94\x1b\xd2\x94\x0834y\x18\xe3\x94\x06uRH\x00pm\xd4\x1fa\x02\x01k7\x1c~\xee\xd5mk7\x1d\xd5\xbe\x1b\xaa\xf9c\xfd\x87\x1el\x00g\xe7\x1fD\xec\xdc\xb9\xf3\x91G\x1eY\xb5j\x95\xf6\xf5\x1e\xe9\xc3\x86O\xfaC\xaf\xec\x91\xd6\xc8\x18\x8f\xb3\x99\xa9^B(\t\xf0\x91\xa6\x10\\pN%\xd9d\r\xe7\xaa\xaf\xa2\xb4p\xdb\xe7\x0b\xf7n\xfcL\xfb+feg\xcf\x9b;w\xe2\xc4\x89\xd0f\xd3\xed\xeeN\x97\xff\xc5C\x93\x1e\xbdo\xd8\x95#S\xcc1\x16h\xf6\xaa^F(\t\xf4\xf1\x00\xe7\x82s!\xcb\x14\xc2M\xe0c\xdf\x17V\xffkq\xf1{+\xf6\x03\x08\x00\xc8\xce\xce\x9a;w\x9eA\xf2\xc7\xfa\x0f\x01\xd8\x00\xce\x95\xbf\x9e\x96.]\xfa\xf4\xdf\xff\xbe\xb3\xb8X\xfbz|\xef\x01\xc3\xae\xbd+\xed\xa2\x89a\xd1\tL\xf5y[\x9d\x823B(\xa1\xa4\x13\xc7D\xda\xf2\x06B@6\xdb\x14\xb3\xd5\xe3l:\xb2\xeb\xfb\xad\x9f\xbdvx\xc77\xda\xa5\xb2\x89II\xf7\xdfw\xdf#\x8f&lt;b2\x99B\xf2\xb0\xb7m\xfe\x7f\xff\xfb\xd3\xc5\xc5;\xb5\xaf\xe7\x0c\x88\x9b5={\xd2U\xa9\x91\t6\xf0q\xe1\xf42&amp;\x08%\xb4\xf3\x02\x10\'\x97\xf7P \xd4&amp;\x83Ef\xcd\xde\xaf~\xa8xa\xc1\x8e\x82o\x8e\x02p\x00HNJ\xbc\xf7\xbe\xfb\r\x92?\xd6\x7f\xc8\xc0\x06p\x1e8\xe7\x00@)\xf5z\xbd\xf3\xe6\xcd{\xe9\xe5\x97\xab\xab\xaa\xb4o\xd9\x13z\xa6]|M\xff\xbc\t=\x06\xe6)f\x1bS\xbd\xaa\xc7\xcd\x99O\x08 \x84\xc0/(G\xed4\x1c\x08\x00\xa0T\x92Mf\xd9d\xe1\x8c\xd5\x1c\xdcu\xb0p\xfd\xde\x8d\xcb\xab\xcbN\xec\x01\xcd\x16\xeb\x1d\xbf\xbd}\xce\x9c9)))\x10\xd2\x03\x9fv\xf9\xbf\xf2\xf2K\x95U\xd5\xda\xb7z\xa7D\xdezu\xea\x8d\x13\xfa\x8c\xccM\x06\x9b\x02^\x06n\x95\xf9\xb8\x00A\x08\xa1\xe4\xbc\xaf\xfb\x17\x02\xb8\x10B\x00\x01\x90$\x02f\t,20\xb1gW\xed\xca\r\xe5\xef~z`\xdb\xae\xe3\xda\xa8\xdfj5\xdf~\xfb\x1d\x06\xcc\x1f\xeb?\x04`\x038o\xfe\n\xab\xae\xae~\xfb\xed\xb7\xdfz\xeb\xed\xe2\xe2"\xed[\x84@\xca\x80\xbc\x0b\xb2G\xf7\xca\x1e\x19\xdf7\xcb\x1a\x11M%\x89\xab\xaa\xea\xf3p\xd5\'\x848yw\xadSl\x0e\x02@{ \x9f\xb6\xc1H\x92")&amp;\xed\xf2K\x8f\xb3\xb9\xa1\xa2\xecp\xf1\xc6c\xbb7\x1f\xde\xf1\x8d\xc7\xed\xd2\xfe\x93\xa4\xe4\xe4)w\xdc1m\xda\xb4\xac\xac,\x00PUU\x92\xa4\x90\x1f\xf8\xb4\xcb\xff\xed\xb7\xdf***&gt;\xf9M::/i\xfc\xc8\x94\t#S\x06g\xc6\xd9\xa2- \x11P9x\x98\xf0q!\xc4\x89;\x0b\x11 \x1d\x06\xa7m\xf3\'\x04\xa8B\xc1$\x81"\x01\x00k\xf2\x94\x1et\xac\xf9\xee\xe8\xd7\x9b+\x0b\xbe=\xe6ry\xb4\xff\xa4Gr\xd2o\xef\x98b\xf0\xfc\xb1\xfe\xbb5l\x00\xbf\x84\xffb\x19\x00\xf0z\xbd\xabW\xaf^\xb4hq\xc1\x9a5\xee\xd6\x13\xa5I\x08D%\xf6\x8a\xef\x9b\xd9c@^|\x9f\xcc\xe8\x1e\xa9aQ\t\xb2\xc9D%\x05\x08\x01\xc19k\x7f\xbfuB\xb5\xf9S\xc2U\x1fg\xaa\xcbQ\xdbX}\xb8\xfe\xe8\xbe\x8a\x92-\xd5\x07v4T\x94\xf9\xbc\x1e\xff\x8bG\x8d\x1a=\xed\xf7\xd3\xae\xbf\xee\xba\xc4\xc4D\x00`\x8cQJ\x8dS\xfa\x1d\xf3_\xbcx\xd1\x9a5\x05.\x97\xfb\xe4Kh\xdf^\x91\xc32c/\xc9M\x1a:0vPjT\\\xbc\r\xcc\x12(\x14\x80\x80\x10\xa0\xf2\xffZ\xc9.\x04H\x14\xb4\xf3\x07*\x07\x957\xd6\xb5\x96\x96;v\xedo\xd8\xf8S\xd5\x96\xa2\xda\xd2\xb2F\x8f\xc7\xe7\x7f\xf9\xe8\xd1\xa3\xa6M\x9bv\xddu\xd7c\xfeX\xff\xdd\x1a6\x80_N\x08\xc1\x18\xf3/3\xd8\xb3g\xcf\xca\x95+\x97\x7f\xfa\xe9\x8f?ni[\xac\x00\x10\x16\x19\x1d\x95\xdc\xc7\x1c\x16\x15\xdf7S;\x7f\x15\xdfg\x10\xe7L\x1b\x87\n!$YqT\x977\xd5VPI\xaa-/q776T\x949\x1b\xaa\xdb\xdd\n33+k\xe2UW\xddt\xd3M#G\x8e\xd4\xbe\xa2=\xd1\xc2\x98k\x9cO\x99\xff\xa7\x9f.\xdf\xb2\xe5\xc7\xb6;k\x00\x88\x8d\xb6\xa5\xf5\xb1G\xd9\xcdy\x83be\x85\xda\xc3\x95\x9c\x81\xb1\x82\tm\x87!@\x10Y*?\xdcT^\xd1BdZ\xbc\xa7\xae\xae\xc1\xb3\xe7\xa0\xa3\xb2\xda\xa9\xcd\xef\xfbege^u\xd5\xc4\x1b1\x7f\x00\xc0\xfa\x0f\t\xd8\x00~-m4D\x08\xf1WaII\xc9\xe6\xcd\x9bW\xac\\\xb9ukaEEE\xbb\x8d\xe1|%$&amp;\xe5dg]u\xd5Uc\xc6\x8c\x196l\x986\xec\xd2~)\x8ez\xe0\xf4\xf9\xaf\\\xb9\xa2\xb0pkEEE\xbbfp\xbe\x92\x92\x12\xb2\xb3\xb2\xaf\xbcj"\xe6\x7fJX\xff\xdd\x1a6\x80N\xc39\xd7\x8e\x8b\xfdE\xe9r\xb9\xca\xcb\xcb\xf7\xec\xd9S\\\\\\TT\\WW\xb7\xbb\xa4DU\xd5\xa6\xa6&amp;\xd5\xe7\xed\xf8\x13b\xe3\xe2\x85\x10\xfd\xfb\xf7\x8f\x89\x8e\xce\xcd\xbd\xb0_\xbf~\x99\x99\x99iiiQQQ\xfe\xd7\xa8\xaaJ\x08\xc1\xd3\\\x1d\x9d1\xff\xa2\xe2\xe2\xe2\xba\xba\xda\x92\x92\x12\xa6\xaaMMM\x1e\xaf\xda\xf1\'\xc4\xc7\xc7\x82\x10\xfd\xfa\xf7\x8f\x8e\x8e\xc9\xbd07\x15\xf3?\x1fX\xff\xdd\x116\x80\xce\xa7m\t\xa7,S\x87\xc3\xc19\xaf\xaa\xaa\xaa:\xb9|\xc2/&lt;&lt;&lt;--M\x08\x11\x1d\x1d}\xba\x1f\x88C\x9esq\x8e\xf9\x13\xed\xc4\xe3I\x98\x7fg\xc1\xfa\xefF\xb0\x01\x04\x90hC[\x98|.\x93\x95\xda\xe1\xad8\xb9"\x02\x8b\xfe\x17\xc3\xfc\xbb\x16\xe6\xaf\x7f\xd8\x00\x82JK\xfb\xc4\x12\xe7\x0e\xb4\xcd\x03\xcb=p0\xff\xae\x85\xf9\xeb\r6\x00\x84\x102(\\&gt;\x85\x10B\x06\x85\r\x00!\x84\x0c\n\x1b\x00B\x08\x19\x146\x00\x84\x102(l\x00\x08!dP\xd8\x00\x10B\xc8\xa0\xb0\x01 \x84\x90Aa\x0</t>
        </is>
      </c>
    </row>
    <row r="269">
      <c r="A269" s="1" t="n">
        <v>267</v>
      </c>
      <c r="B269" t="inlineStr">
        <is>
          <t>circle_size_number</t>
        </is>
      </c>
      <c r="C269" t="inlineStr">
        <is>
          <t>What is the missing number of the part denoted with a question mark?</t>
        </is>
      </c>
      <c r="D269" t="inlineStr">
        <is>
          <t>[3, 5, 1, 4]</t>
        </is>
      </c>
      <c r="E269" t="inlineStr">
        <is>
          <t>4</t>
        </is>
      </c>
      <c r="F269" t="inlineStr">
        <is>
          <t>There are 6 numbered circles with varying sizes arranged in a ring with number ['?', 5, 1, 5, 4, 1] in a clockwise order.</t>
        </is>
      </c>
      <c r="G269" t="inlineStr">
        <is>
          <t>We observe that the size of the circle is related to the number in the circle. The circle with the largest value 5 seems to be the biggest and the circle with the smallest value 1 seems to be the smallest. Thus, the pattern is that the larger the number the larger the circle.</t>
        </is>
      </c>
      <c r="H269" t="inlineStr">
        <is>
          <t>Based on the pattern that the larger the number the larger the circle, the missing number of the circle denoted with a question mark should be 4.</t>
        </is>
      </c>
      <c r="I269" t="inlineStr">
        <is>
          <t>b'\x89PNG\r\n\x1a\n\x00\x00\x00\rIHDR\x00\x00\x02\x00\x00\x00\x02\x00\x08\x02\x00\x00\x00{\x1aC\xad\x00\x00\x98\x08IDATx\x9c\xed\xbdw\\\x93\xe7\xf7\xff\x7fg\'\x04B\x12\x08\x88\xd4-\xb2e#\x08\xe2\xde\x0b\xb5j\xb5\xae\xaa\xad\x1b\xabm\xb5\xb6\xb6v\xb8j\xed\xdbZg\x1d\xadU\xeb\xb6*\xeeQ\xea\x00\x04\x95\xa5\x02\x8au\xd5:X\tI\xc8\xbe\xc7\xef\x8f\xf33_&gt;\xb6\xb6j\t\xf7}\'\xd7\xf3\x8f\xcf\xe3\xfd\xa9\x10\xae\xdc\xf7u\x9d\xd7\xb9\xce9\xd7\xb98\x14Ea\x08\x04\x02\x81p=\xb8t\x0f\x00\x81@ \x10\xf4\x80\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gt;\xdd\x03@\xd0\tEQ\x18\x86\x91$i\xff\xdf\x18\x86q\xb9\x7f\xef\x16\xc0\x8fa\x18\xc6\xe1p\xec?\x06\xff\x1b\x81@\xb0\x11\x8e}\xd9#\\\x04\x92$)\x8a\xa2(\x8a\xcb\xe5&gt;\xcf\xd6\xbf\xd4\xa7\x810p\xb9\\\x0e\x87\x83\xf4\x00\x81`\x11H\x00\\\x02\xbb\xd1\xe7\xf3\xff\xcf\x9e\x0f\xc7q\x8dFSRRRSSSPP\xa0V\xabI\x92,(( \x08\xe2\xaf\x1f\x12\x1c\x1c,\x93\xc9\xf8|~\xfb\xf6\xed%\x12ITT\x94\x87\x87\x87\xbb\xbb{\xdd\x9f!\x08\xa2\xbe\xa4\x05\x81@8\x1a$\x00\xce\x0cEQ\x04A&lt;c\x8e\x7f\xff\xfd\xf7\xec\xec\xec\xdc\xdc\xdc\x82\x82\x02\xbd^o4\x1a\xdd\xdd\xdd\x85Ba\xabV\xad\xe4r9\x86a\t\t\t\x02\x81\xe0\x99\x89\xc1\xe3\xf1\xf2\xf3\xf3\xb5Z-\x8e\xe3\xd7\xaf_\xc7q\\\xa7\xd3\xf1x&lt;\x85B\x11\x14\x14\x14\x15\x15\xd5\xa1C\x87\xf0\xf0p\x81@`\xff\x15\x1c\xc7\x91\x12 \x10L\x06\t\x80\x13BQ\x14I\x92\x1c\x0e\xc7n|\xef\xdd\xbbw\xee\xdc\xb9\xb3g\xcf^\xbdz\xb5\xb6\xb6V.\x97\x87\x86\x86\xc6\xc6\xc6\x86\x87\x87\xfb\xfb\xfb\xabT*\xa9Tj\xff\xe1\xe7M\t{x\x87 \x08\x1c\xc7\x1f?~\xacV\xab\xaf^\xbd\x9a\x97\x97w\xfd\xfa\xf5\xaa\xaa*.\x97\x1b\x10\x10\x90\x9c\x9c\xdc\xa9S\xa7\xc8\xc8\xc8\xba\x83\x81\x00\x91c\xbf6\x02\x81xI\x90\x008\x15`my&lt;\x1e\xfc\xbfw\xef\xde=x\xf0\xe0\xd1\xa3Go\xdd\xba\xd5\xb4i\xd3\xe4\xe4\xe4\xa4\xa4\xa4\xa8\xa8(???0\xf7\x16\x8b\xc5f\xb3\xd9l6{\x8c\x08{~^\xf7\x99,\xb1P(\xe4\xf3\xf9b\xb1\x18~^\xadV\x17\x17\x17gggggg\x17\x15\x15\xa9T\xaa\x1e=z\x0c\x192$::\x1a~\x8b \x88\xba\x9a\x84@ h\x07\t\x80\x93\x00\x16\x1cL\xbf\xc5b\xd9\xbf\x7f\xff\x86\r\x1b\x1e&lt;x\x10\x16\x16\xd6\xaf_\xbf.]\xba4o\xde\x9c\xc7\xe3\xe18n4\x1a\xc1\xe2s\xea\xf0\n\x7f\xd1^ADQ\x14\x87\xc3\xe1\xf3\xf9\x12\x89D$\x12a\x18\xf6\xe4\xc9\x93\xdc\xdc\xdc\x03\x07\x0e\xe4\xe6\xe6\n\x85\xc2\xd1\xa3G\x8f\x1c9\xb2q\xe3\xc6\xd8_$\n\x81@\xd0\x08\x12\x00\xd6S\xd7\xf4\xdf\xbbw\xef\xbb\xef\xbe;q\xe2\x84\xa7\xa7\xe7\xe0\xc1\x83\x07\x0e\x1c\xd8\xa6M\x1b\x8a\xa2\x0c\x06\x83\xc5b\xb1\x87b\x1c\x14\x8d\x81\x8a \x0e\x87#\x10\x08\xa4R)\x9f\xcf\xaf\xac\xac&lt;r\xe4\xc8\xbe}\xfbn\xde\xbc\x19\x13\x13\xf3\xde{\xef\xc5\xc7\xc7?3f\x04\x02A\x17H\x00XL]o\xba\xb0\xb0p\xe1\xc2\x85\x85\x85\x85\x91\x91\x91\xd3\xa7OOJJ\x12\x08\x04\xb5\xb5\xb5&amp;\x93\t\x02/\r\x19\x82\x87h\x12I\x92B\xa1P&amp;\x93q8\x9c\x92\x92\x92u\xeb\xd6\x9d9sF\xa1P\xcc\x9b7\xaf\x7f\xff\xfe\xd8\xd3\x83\x05((\x84@\xd0\x05\x12\x00\xb6\x82\xe38\xd4t\x82\xe9\xcf\xc9\xc9\x19&lt;x\xf0\xcc\x993[\xb5je\xb1XjkkA\x1b\xe8M\xbd\x82\x0c`\x18\xe6\xe6\xe6\xe6\xe6\xe6V]]\xfd\xe3\x8f?~\xff\xfd\xf7*\x95\xca.\x038\x8e\xd3&gt;N\x04\xc25A\x02\xc0&gt;\xec\xe1\xfb\xf2\xf2\xf2\xa5K\x97\xee\xdd\xbbw\xd0\xa0A\xb3g\xcfn\xd1\xa2\x05\xb8\xfc\x0c,\xbe\x84\x82T\x81@ \x97\xcbkjj6o\xde\xbcn\xdd\xba\xe0\xe0\xe0/\xbf\xfc\x12\xea\x85\x08\x82@\x11!\x04\xa2\x81a\x96\x99@\xfc+P\\\xcf\xe1pV\xaf^\x1d\x13\x13S^^\x9e\x95\x95\xb5j\xd5*\x95JUYYi\xb5Z\xf9|&gt;\xd3\xac?\x86a\x90%\xa6(\xaa\xb2\xb2\x12\xc3\xb0\xf7\xde{/???::\xbao\xdf\xbe\xb3g\xcf\xd6\xeb\xf5\x90\xa0F\xee\xc8+\x03\x9b-\x82 \xa0H\xf7o\x81\x7f\x85\x04\x0c\xdd\xe3E0\x02\xb4\x03`\r\xf6\xfe\r%%%\xe3\xc6\x8d#\x08b\xcd\x9a5\t\t\t\xe0\xf5\xb3+\x8a\x82\xe38\xec\x06\xfe\xf8\xe3\x8f\x0f?\xfc033s\xe5\xca\x95\x83\x06\r\xc2\xd0V\xe0\x85\x01\x8b\x0f%X\xafV_\x0b\xc7\xb6_\xf9\xd7\x11N\x00\x12\x00v`7\x8b\x0b\x17.\xfc\xe1\x87\x1f\xa6L\x992s\xe6L\x0c\xc3\xb4Z-\xbbL\xbf\x1d\x08\nI$\x12ww\xf7\x03\x07\x0e|\xf2\xc9\'\xd1\xd1\xd1\xabW\xaf\x96\xc9d\xf6\xf4\x06\xe2\x19\xecF\xff\xafQ&gt;\xb5Z\xad\xd1h\xae]\xbb\xc6\xe5r\xef\xdc\xb9s\xe7\xce\x1d.\x97k_\xdd\x14E)\x95\xca\x98\x98\x18\x92$\x9b6m\xfa\xdak\xaf\xa9T\xaag&gt;\x1c\xc7\xf1\x86\xaf\x17@\xd0\x0b\x12\x00\x16\x00\x06\xf1\xf1\xe3\xc7\xa9\xa9\xa9\x12\x89d\xe3\xc6\x8d\x01\x01\x01\xd5\xd5\xd5\x18\xfbKh@\x06\xbc\xbc\xbc\x8cF\xe3\x07\x1f|p\xe4\xc8\x91m\xdb\xb6u\xea\xd4\t:X Kd\x07Jl\xeb\xeabEE\xc5\x95+Wrss\xaf_\xbf\xfe\xf0\xe1\xc3\xca\xcaJ\x1e\x8f\'\x97\xcbq\x1co\xdc\xb8q\x93&amp;Ml6\x1b&lt;@\xe8\x01USSSVV\xc6\xe7\xf3kkk-\x16\x8b\\.\xf7\xf2\xf2\n\x0f\x0fOJJ\x8a\x8c\x8cl\xd9\xb2\xa5\xfd\x93\xa1\x13\x14z\xfe\xae\x00\x12\x00Fc\x0f\xfb\xa4\xa7\xa7O\x9c8q\xe2\xc4\x89\x8b\x16-2\x99L\xb5\xb5\xb5u\xbb\xee\xb0\x1dP8\x85B\xb1{\xf7\xee\xe9\xd3\xa7\xcf\x981\xe3\xd3O?\xc5P8\xe8/\x8d4H\x92\xcc\xcc\xcc&lt;y\xf2dFFFyy\xb9X,\x8e\x8a\x8a\n\x0b\x0b\x0b\x08\x08\x08\r\r\xf5\xf0\xf0\xf0\xf3\xf3\xfbk\xcb?;\x90@\xaa\xae\xae\xd6\xe9t7o\xde\xbc{\xf7n~~~aaaUU\x95R\xa9\x8c\x8e\x8e\x1e8p`\xa7N\x9dd2\x19\xfc&lt;\x92a\xa7\x07\t\x00s\x81\x95\x8fa\xd8\xacY\xb3v\xed\xda\xf5\xc3\x0f?\xf4\xee\xdd\xdb9\x1c\xff\xbfBQ\x14\x8e\xe3&gt;&gt;&gt;\xb7o\xdf\x1e:t\xa8\x97\x97\xd7\xbe}\xfb&lt;==]V\x03\x9e92\x9d\x9b\x9b\xbbq\xe3\xc6s\xe7\xceq8\x9c\xb8\xb8\xb8N\x9d:u\xea\xd4\xa9q\xe3\xc6R\xa9\x14\xc30\x92$M&amp;\x13A\x106\x9b\r{\xea7\xfc\xf53!($\x10\x08x&lt;\x9eX,\x06\x9d\xb0Z\xad\x8f\x1f?\xce\xcf\xcf?u\xeaTVV\x96V\xab\x8d\x8e\x8e\x1e3fL\xff\xfe\xfd\xe1\x07P\x0f\x0f\'\x06\t\x00C\x01\xc3W[[;f\xcc\x98\xf2\xf2\xf2}\xfb\xf6\xf9\xf8\xf8TWW;\x93\xe3\xffWp\x1c\x97J\xa5"\x91h\xca\x94)\xe7\xcf\x9f?t\xe8P``\xa0\xab\xa5\x04 ,\x06_Y\xa7\xd3\xfd\xf8\xe3\x8f\xdb\xb7o7\x1a\x8d\xb1\xb1\xb1\xaf\xbf\xfez\x87\x0e\x1d\xe4r9\x9c\xee\xb6Z\xad`\x9d\xb1\x97\xb9\x9f\x07\x96&lt;\xf5\x14.\x97+\x14\n%\x12\t\x9f\xcf7\x9b\xcd\xf9\xf9\xf9\x07\x0e\x1c\xc8\xc8\xc8\xb0X,\xdd\xbbw\x9f9sf\xf3\xe6\xcd1$\x03N\n\x12\x00&amp;\x02\xd6\xbf\xa6\xa6&amp;&gt;&gt;&gt;$$\xe4\xe0\xc1\x83z\xbd\xdel6\xbb\x82\x1d\x84\x83c^^^K\x96,Y\xb8p\xe1\x993g\x12\x13\x13]D\x03\xeaz\xfd\x0f\x1f&gt;\\\xbe|\xf9\xa1C\x87\x9a6m:i\xd2\xa4\xde\xbd{C|\xbf\xb6\xb6\x16\x82\xfb\xf5\x18\x9c\xb1\x9f\xdc\xe6\xf1x \xc0f\xb39\'\'g\xf5\xea\xd5p\xb6|\xde\xbcy111\x18\n\n9\x1dH\x00\x18\x07X\xff\xb2\xb2\xb2\xbe}\xfb\x8e\x1a5j\xc1\x82\x05\xce\x1a\xf6y\x1e\xf6p\xd0\xd1\xa3G\xc7\x8d\x1b\xf7\xc3\x0f?\xf4\xef\xdf\xdf\xe95\xc0\x1e\xec*//\xff\xfa\xeb\xafO\x9e&lt;\x19\x18\x188k\xd6\xac\xa4\xa4$\x82 \xf4z\xbd\xcdfk\x80#~\x90m\xe6\xf1xpK\xc4\xed\xdb\xb7W\xae\\\xf9\xdbo\xbf\x85\x84\x84\xcc\x9b7\x0f\x9d\xdas2\\\xc5\xa6\xb0\x05\xe8\x8bp\xe5\xca\x95\xd0\xd0\xd0\xf1\xe3\xc7/X\xb0\xa0\xb2\xb2\xd2\xd5\xb6\xde\xd0N\xae\xa2\xa2\xa2o\xdf\xbe{\xf6\xec\x198p\xe0\x9a5k\xf8|&gt;\x04\xb8\x9d\x0f\x88\xf9\xc0Q\xb8\xc5\x8b\x17GGG?~\xfc\xf8\xe0\xc1\x83\xfb\xf6\xed\x8b\x89\x89\xa9\xaa\xaa\xd2h4\x90\xdam\x80i\xc0\xe5r\xf9|&gt;\x87\xc3\xd1\xeb\xf5\x95\x95\x95\xbe\xbe\xbe\xdf}\xf7\xdd\xf9\xf3\xe7\x03\x03\x03\xfb\xf6\xed;~\xfc\xf8\xf2\xf2r\x1e\x8fgo\xf2\x81`5.dV\x98\x0fD~\xaf\\\xb9\xd2\xae]\xbb%K\x96\xcc\x9b7\xaf\xa2\xa2\x02V#\xddC\xa3\x01\xd0\x80\xce\x9d;\x9f;wn\xfa\xf4\xe9k\xd6\xac\x11\x08\x04\xce\xa7\x01\xd0\xd8\x83\xc7\xe3\xa5\xa7\xa7\x07\x07\x07\x9f?\x7f~\xff\xfe\xfd?\xff\xfcs\xa3F\x8d*++\r\x06\x03\x8f\xc7\xa3\xc5\xdd\x06%\xb0Z\xad\xe0\x82|\xf1\xc5\x17YYY\x12\x89$::z\xe9\xd2\xa5\xe0\x94\xfc\xed\xd5\xa1\x08\x16\x81B@L\x01|\xc0\xeb\xd7\xafGDD|\xf5\xd5W\xef\xbf\xff~EE\x85s\xa7|_\x04\x9b\xcd\xe6\xe3\xe3s\xe1\xc2\x85\x94\x94\x94\r\x1b6\xbc\xfd\xf6\xdb6\x9b\xcdi\x1e\x0b\xc4\xb5\xf4z}ZZ\xda\x993g\xbe\xfe\xfa\xeb\xe1\xc3\x87[\xadV\xb8n\x939\xc2_\xf7\xd4^NN\xce\xf4\xe9\xd3y&lt;\xdeO?\xfd\x14\x14\x14\x84\xb2\x02\xac\x06\xed\x00\x18\x01D]\xd5ju\xaf^\xbd\x16.\\\x88\xac\xbf\x1d\xd8\x07t\xe8\xd0!##\xe3\xddw\xdf\xcd\xcc\xcc\x14\x08\x04N\xe0x\xdaK}\xce\x9e=\x1b\x1a\x1aj\xb5Z\xf3\xf2\xf2\x86\x0f\x1f^]]][[\xcb\xb4m\x1f\xb4r\x82\xdd@tttNNN\x9f&gt;}:w\xee\xfc\xddw\xdf\x81P9\xc1\x1bqM\xd0\x0e\x80~\xa0\x06C\xa7\xd3\xb5k\xd7n\xd4\xa8Q\x9f|\xf2\t\xb2\xfe\xcf\x00\xfb\x803g\xce\x0c\x1b6\xec\xf8\xf1\xe3\xed\xda\xb5cu\x1e\xd2~\xc2\xe3\x8b/\xbeX\xb5j\xd5\xaaU\xab\xdex\xe3\r\x9dNg\xb1X\x98\x9f\xe8\x86zP//\xaf\xc2\xc2\xc2\x91#G\x86\x84\x84l\xd9\xb2\xc5\xdd\xdd\x9d\xd5o\xc4eA\x02@3vO\xb0S\xa7N\xde\xde\xde\xfb\xf6\xedC\xd6\xffo\xb1Z\xad\xbe\xbe\xbe\xeb\xd7\xaf\xff\xf0\xc3\x0f\xef\xdc\xb9\xa3P(\xb0\x17+{g\x1a`(\xb5Z\xed\xd0\xa1C\xab\xaa\xaa\xf6\xee\xdd\xdb\xaaU+h\xe4\xc0\xa2\xafc\xb3\xd9\xe0\x98\xde\xc4\x89\x13\xaf\\\xb9\xb2c\xc7\x8e\xd8\xd8X\xa7\xaf\xd4r&gt;P\x08\x88f\xc0\xfa\x8f\x1f?\x9e\xcf\xe7\xef\xdd\xbb\xb7\xaa\xaa\n-\xa1\xbfE(\x14VTTL\x9e&lt;y\xd6\xacY\xc9\xc9\xc9\xf6\xb6ht\x8f\xeb\xe5\x00\xeb\xff\xf8\xf1\xe3\xf8\xf8x\x85Bq\xe5\xca\x15H\xf62-\xe6\xf3\xaf\x08\x04\x02\xbd^o\xb1Xv\xec\xd8\xf1\xf6\xdbo\xf7\xec\xd9\xf3\xec\xd9\xb3|&gt;\x1f\xc7q\xba\x87\x86x\t\x90\x00\xd0\tX\xffm\xdb\xb6\x1d?~|\xef\xde\xbd\xb5\xb5\xb5\x8e\xbb\xb0\xd7\t\x10\x08\x04UUU\x0b\x16,h\xd2\xa4\xc9\x84\t\x13x&lt;\x1e\xbbB\xcfP\xe3\x9b\x9b\x9b\xdb\xbau\xebq\xe3\xc6\xed\xde\xbd[\xa3\xd1\xb0\xf7|\x1f\x14\x83VTT|\xf0\xc1\x07{\xf7\xee\xed\xd3\xa7\xcf\xca\x95+\x9d\xb8Z\xd7)A! \xda\x80@\xf0\xad[\xb7\xa2\xa3\xa3\x8f\x1f?\x1e\x1f\x1f\xaf\xd5jYj\x0b\x1a\x0c\xb8J\x9e \x88\xd0\xd0\xd0e\xcb\x96\x8d\x1e=\x9a-\xa1g\x08\x8fdff\xa6\xa6\xa6\xaeY\xb3f\xf8\xf0\xe1\xac\x0b\xfb&lt;\x0f\x9b\xcd\xe6\xe5\xe5URR\xd2\xaf_\xbf\xb4\xb4\xb4\xf7\xde{\xcf\x99*\xb5\x9c\x1b$\x00\xf4`\x8f`\x84\x85\x85\x8d\x1d;\x16J\xfe\xd1\x9ay\x11p\x1c\xf7\xf4\xf4\xbct\xe9R\xef\xde\xbd\xf3\xf2\xf2\x02\x02\x02\xa0\xa1\r\xdd\xe3\xfa\'@\xa5233\x07\x0c\x18\xb0{\xf7\xee\xee\xdd\xbb;\xd9\xeb\xc6q\\\xa1PTVV&amp;$$\xcc\x981\xe3\xfd\xf7\xdfG\xf9\x00V\x80\x04\x80\x1e`y\xcc\x9e=\xbb\xb8\xb8\xf8\xe4\xc9\x93\x10\x05\xa6{P\xac\x01\x8a\x82\x16-Zt\xe8\xd0\xa1K\x97.1\xdc\xd6\x80\xf5\xcf\xc9\xc9\xe9\xdb\xb7\xef\xae]\xbb\xbaw\xef^^^.\x14\n\xe9\x1eW=\x83\xe3\xb8\xbb\xbb{MMMBB\xc2\xec\xd9\xb3g\xce\x9c\x89\xf6\x01\xcc\x07\t\x00\r@\xf0\'\'\'g\xc8\x90!\x85\x85\x85"\x91\x08.c\xa2{\\l\x02\xc7q\x95J\xd5\xb1c\xc7\xde\xbd{\x7f\xf8\xe1\x87\x8c\r\x04\xc1\xbb\xbe}\xfbv``\xe0\xa1C\x87\xfa\xf6\xed\xebd\xbe\x7f]p\x1c\xf7\xf0\xf0\xd0h4\xad[\xb7^\xb7n\xdd\x981c\x18\xae\xcd\x08$\x00\r\r\x04\x7fH\x92\x0c\t\t\xf9\xf4\xd3OG\x8d\x1a\x85*\x7f^\x01\x92$E"\xd1\xe3\xc7\x8f\x13\x12\x12233\x03\x03\x031\xe6\xf5\xcb\x83\x13\x1e555\x89\x89\x89\xe3\xc6\x8ds\x85@\x1f\xc4\x82.\\\xb80t\xe8\xd0\xc3\x87\x0f\'&amp;&amp;\xda\x0f= \x18\x08\x12\x80\x86\x06|\xd5\x0f?\xfc0++\xeb\xfc\xf9\xf3\xd5\xd5\xd5\xcct]\x99\x0fl\x02\xe6\xcf\x9f\x7f\xfa\xf4\xe9\xdc\xdc\\\x06n\x02\xc0\xff\x8d\x8a\x8a\x8a\x89\x89\xd9\xb4i\x93\xd3[\x7f\x00\x02t\xbbv\xed\x1a;v\xec\x83\x07\x0fT*\x15\xf3\x934.\x0b\x12\x80\x06\x05\x1a(\x96\x95\x95\xa5\xa4\xa4dee5n\xdc\xd8l6\xa3\xb5\xf1\xca\x90$)\x93\xc9\xa2\xa2\xa2\xde{\xef\xbd\xb7\xdez\x8bQ\x1a\x00\xd6\x7f\xd6\xacY999YYYj\xb5\xdauz\xe6\x80\x06\xcc\x9d;\xf7\xd7_\x7f\xbdr\xe5\n\n\x041\x16$\x00\r\nX\xa8\x81\x03\x07\xfa\xfb\xfb\xaf]\xbb\xd6E\\B\xc7A\x10\x84B\xa18p\xe0\xc0\xacY\xb3n\xdf\xbe\r\xc7\xa9\x98`d\xe1E\x1f9rd\xcc\x981\xc5\xc5\xc5\xee\xee\xeeV\xab\xd5\xa5\x94\x9e$I\xa5R\x99\x94\x94\xd4\xae]\xbb\x15+V \r`&amp;H\x00\x1a\x0e0\n\'O\x9e\x9c0aBqq\xf1\xf3.nE\xbc\x14\x10\x08\xea\xd5\xabW\xdb\xb6m\x97-[\xc6\x84M\x00\xec\xf3*++\x83\x82\x82v\xec\xd8\xd1\xa3G\x0f\xb5Z\xedj\xe6\x8f$I\xa1PX[[\x1b\x16\x16\xb6m\xdb\xb6&gt;}\xfa0\xe1\xd5 \x9e\x01\t@\xc3\x01\xd9\xb0\xe8\xe8\xe8\xa1C\x87\xce\x9b7\x0f\x95~\xd6\x0b$IJ\xa5\xd2\xfc\xfc\xfc&gt;}\xfa\xdc\xbau\xcb\xdb\xdb\x1b\xa3\xbbG\x10X\xba\x1e=z\xb4h\xd1\xe2\xfb\xef\xbfw\xd9}\x1eh\xf3\xee\xdd\xbb\xd3\xd2\xd2n\xdf\xbe-\x91H\\\'\x08\xc6\x16\x90\x004\x10`\x14N\x9c81~\xfc\xf8\xd2\xd2R\xe4\xfe\xd7#`hz\xf6\xec\x19\x12\x12\xb2b\xc5\nz=M\xf8\xeb?\xfd\xf4\xd3\'\x9f|RZZj\xb5Z)\x8arY\xab\x07\xc9\x80A\x83\x06I\xa5\xd2\xed\xdb\xb7\xa3M\x00\xd3@\x02\xd0@\xc0\xc5O\xd1\xd1\xd1\xc3\x87\x0f\xff\xf0\xc3\x0f\x91\xfb_\x8f\xc0&amp;\xa0\xa0\xa0\xa0o\xdf\xbe\xa5\xa5\xa5&gt;&gt;&gt;\x18M\x9b\x00\xd0u\xb5Z\xdd\xbau\xeb}\xfb\xf6u\xec\xd8Q\xab\xd5\xba\xb2\xc9\x83\xd6\x1dV\xab5((h\xe7\xce\x9d=z\xf4@\x1a\xc0(\\(+E#pkRVVVuu\xf5\xe4\xc9\x93kjj\x90\xf5\xafG\xb8\\\xae^\xafOLL\x8c\x8f\x8f_\xbbv-\x8d\xf7\x93@\x94\xef\xf3\xcf?\xef\xda\xb5k\xb7n\xddjjj\\\xdc\xd8q8\x1c\xab\xd5\xaaR\xa9&gt;\xfb\xec\xb3y\xf3\xe6\xa1k\x84\x99\x06\x12\x80\x86\xe3\xeb\xaf\xbf\x1e6l\x98\\.G\xed\x12\xeb\x1d\x0e\x87\x83\xe3\xf8\x8c\x193\xb6n\xddj6\x9b\xa1Qe\x03\x8f\x01\xac\x7fqq\xf1\xd6\xad[\xff\xf7\xbf\xff\xe9\xf5z\x17\xb7\xfe\x00\x9f\xcf\xaf\xaa\xaa\x9a&gt;}\xba\xd9l^\xb7n\x1d\xebz\xb8:7H\x00\x1c\x0e\xec\x82\x1f&lt;xp\xe9\xd2\xa5w\xdey\xa7\xb6\xb6\x16\xd9\x85z\x07\xaeX\xe9\xd6\xad\x9b\x87\x87\xc7\xc1\x83\x079\x1cN\xc3;\x9b\x10\xeb\xff\xe8\xa3\x8fF\x8d\x1a\xd5\xacY3\xb3\xd9\xec\xb2\xa1\xff\xbfB\x10\xc4\xe7\x9f\x7f\xbel\xd92\x8b\xc5\xc2\xe1\xa0\xc83S@\x02\xe0p\xc0\xdf\xd9\xb8qc\\\\\\\x9b6mL&amp;\x13\xb2\x0b\x8e\x00\x9aC\x8c\x193f\xdd\xbauX\x83\xe7\x00\xc0\xfd/**\xbaq\xe3\xc6\x97_~\x89\x82?u\xe1\xf1x\x1a\x8d\xe6\xf5\xd7_\x0f\r\r\xdd\xb0a\x03\x97\xcbE\xb1 \x86\x80\x04\xc0\xe1\xf0x&lt;\x9b\xcd\xb6c\xc7\x8e\x89\x13\'\xa2\xa6o\x8e\x83\xc7\xe3\xe9t\xba\x11#F\xdc\xbau\xab\xa4\xa4\xa4\x81\xad\x0c\xb8\xff\xf3\xe7\xcf\xef\xdb\xb7\xafR\xa9\xb4Z\xad\xe8E\xd7\x05btS\xa7N]\xbe|9\x9c~G\x9b\x00&amp;\x80\x04\xc0\xb1\xc0\r\xdaYYY\x04A\xa4\xa4\xa4\xa0\xb8\xb0\xe3\xe0p8\x16\x8b\xc5\xdf\xdf?::\xfa\xe7\x9f\x7f\xc6\x9e\x1e\xc8j\x00H\x92\xe4\xf1xeee\x17/^\x9c:ujmm-J\xf2?\x03\xc4\xe8\xbaw\xef\xee\xe9\xe9\xb9m\xdb6\x1a\x13\xf5\x88\xba \x01p,\xe0\xe6l\xdf\xbe=55U.\x97\xa3\x1bS\x1d\n\xb8\x99\x13\'N&lt;~\xfcxC6\xa1\x84\xb7\xfc\xddw\xdf\xf5\xec\xd9\xb3u\xeb\xd6(\xca\xf7\xb7@\x8c.--m\xfd\xfa\xf5\xa8=\x1cC@\xef\xc0\xb1\xf0x&lt;\x8b\xc5\x92\x9d\x9d\x9d\x9a\x9aj\xb1X\xd0\xa4w(&lt;\x1e\xaf\xb6\xb66%%\xc5`0\\\xbf~\xbda\xa2@`\xcb\xb4Z\xed/\xbf\xfc2y\xf2d\xd4\xdd\xefy\xf0\xf9\xfc\x9a\x9a\x9aA\x83\x06UVV\x9e?\x7f\x9e\xcb\xe5\xa2M\x00\xed\xa0\x99\xea@ \xfes\xe1\xc2\x05\x0c\xc3\xe2\xe3\xe3\r\x06\x03\xdbM\x03\xf3\x0f0\xdbl6\xa5R\x19\x19\x19\xb9c\xc7\x0e\xacA\xa2@p\xc4\xef\xe8\xd1\xa3-Z\xb4HNN\xae\xad\xade\xd4[f\xd4+\x83\xdb\x83_\x7f\xfd\xf5\xad[\xb7bOwN\x08\x1aa\xd0Lu&gt;`~\xa7\xa7\xa7GEEI$\x12\xb6\xfb;\x14E\t\x04\x02\x81@\xc0(\x03\xf7\x0cP\x00\xda\xb5k\xd7\x8c\x8c\x8c\x86\x893@\xb4g\xdd\xbau}\xfb\xf6eZ\x81#A\x10|&gt;\x9f9\xaf\x8c\xcb\xe5Z,\x96\xc1\x83\x07\x1f?~\\\xa7\xd3\xf1\xf9|F=.\x17\x84\x11\xd3\xc2Y\x81R\x87\xcb\x97/\xf7\xed\xdb\x17\xfcD\xbaG\xf4\x9f\x10\x08\x04\xd5\xd5\xd5\xd5\xd5\xd5L\x8eqs\xb9\\\xa3\xd1\xd8\xa5K\x97\xea\xea\xea\xca\xcaJGW\x9b\x80\xc6&lt;|\xf8\xf0\xe6\xcd\x9b\xa9\xa9\xa9F\xa3\x91!I~\xb8x\xce\xd3\xd3S\xaf\xd7WWW3\xe4P\x02\x97\xcb5\x18\x0cqqq2\x99\xec\xc4\x89\x13X\x03&amp;\xea\x11\x7f\x0b\x12\x00G\x01\xa6\xa1\xb2\xb2\xb2\xbc\xbc&lt;66\xd6h42\xc4\x0b{\x05\xe0\x9e\xbf\xaf\xbe\xfa*22222r\xeb\xd6\xad\x9e\x9e\x9e\xccLhC-P\xd3\xa6M\x15\nENN\x0e\xe6`\x13\x03\xbb\xba\x03\x07\x0e\xb4h\xd1"((\xc8h42\xc1\xce\x82\xe3/\x97\xcb\xd7\xae]\x1b\x1f\x1f\x1f\x19\x19\xb9o\xdf&gt;\x99L\xc6\x84WF\x10\x84H$\xea\xdd\xbb7\xc4\xe8\x10\xf4\xc2V\x93\xc4|\xc0\xee\xe4\xe4\xe4xyy\xb5h\xd1\x02\x0e@\xd2=\xa8W\x01\xac\xff\xb1c\xc7\x16-Z\xa4\xd5j\xb5Z-\x93w\x00\xd8\xd3N\xf4111\x19\x19\x19\x98\x83\x03\xcd\xf0\x1cN\x9f&gt;\xdd\xbf\x7f\x7f\x86\xd4\xb6\xdbl6\x99Lf2\x99\xc6\x8e\x1d\xfb\xee\xbb\xef&gt;z\xf4\x88Q\xaf\x8c\xcb\xe5Z\xad\xd6\xd4\xd4\xd4\xd2\xd2R\x940\xa7\x1d\xf4\xf4\x1d\x05\xd8\x823g\xce\x84\x85\x85\t\x04\x02\x96nuI\x92\x14\x8b\xc5\xe5\xe5\xe5S\xa7N\xe5\xf1xr\xb9\x9c\xc3\xe10$\xca\xf1&lt; \x10\x9f\x98\x98x\xf1\xe2E\x87\xa6\x01\xa0\xc9GmmmAAA\xe7\xce\x9di\xaf\xf2"I\x92 \x08\x1f\x1f\x9f\xdc\xdc\xdc\xae]\xbb\xfe\xfc\xf3\xcfnnnL{e\x10\xa3\x8b\x88\x88\xb0Z\xadW\xae\\\xa1\xa5i\x07\xc2\x0e\x12\x00G\x01\xb6\xe0\xca\x95+QQQ\x18\xddW\x94\xbc2\x14E\xb9\xb9\xb9\xcd\x9c9\xf3\xfe\xfd\xfbc\xc7\x8em\xdb\xb6-\xf3\xbb\xdbs8\x1c\xb3\xd9\x1c\x1e\x1e\xfe\xe7\x9f\x7fj\xb5Z\xc79\xe6\xf0\xb1\xf9\xf9\xf9p/1\xbdU^\x04A\x08\x85B\xb9\\\xbeb\xc5\x8a^\xbdz\x15\x17\x177m\xdat\xc7\x8e\x1d\n\x85\x82i\xaf\xccf\xb3\xc9\xe5\xf2\xf8\xf8\xf8\xd3\xa7Oc(\r@+H\x00\x1c\x028\x9e\x06\x83\xe1\xe1\xc3\x87QQQ,\x8d\xff\xd8l6oo\xef5k\xd6\xec\xdf\xbf\xdf\xd7\xd7w\xde\xbcyz\xbd\x9e\xeeA\xfd;Pj\xd2\xb2eK\xa1PXRR\x829,\n\x04\x96\xeb\xec\xd9\xb3\xfe\xfe\xfe\x12\x89\x84FCf\xb3\xd9&lt;==kkkG\x8d\x1a5{\xf6l\xa3\xd1\x98\x94\x94\x94\x91\x91\x91\x9c\x9c\xac\xd1h0F\x16\\\x86\x87\x87gffb\xac\xf5\x8d\x9c\x03$\x00\x0e\x01\xd6\xdb\xc3\x87\x0fE"Q\xeb\xd6\xad\x19R\x83\xf1R\x10\x04\xe1\xe9\xe9y\xe9\xd2\xa5\xf9\xf3\xe7c\x18\xf6\xc9\'\x9f4m\xdaT\xab\xd5b\x8c\xb4&amp;\xcf\x80\xe3\xb8\\.o\xd9\xb2eii)\xe6\xb0\x01\xc3;-,,LII\xa1\xab\x00\x14\xbc{\x1f\x1f\x9f\xcc\xcc\xcc.]\xba\xec\xde\xbd\x1b\xc3\xb0)S\xa6\x1c9r\xa4I\x93&amp;UUU\x0c\x0c\xb2C\x1a %%\xe5\xf1\xe3\xc7\xb4\xc7\xcd\\\x1c\xf4\xe8\x1d\x02\xd8\x82[\xb7n\xb9\xb9\xb9\xa9T*\xd6\xf5\x80\xa3(\x8a\xcf\xe7\x9bL\xa6)S\xa6\xe8\xf5\xfa&gt;}\xfaL\x9a4\xa9\xaa\xaa\x8a\xf9\xa6\x1f\x00\xb3\xd8\xacY\xb3\xeb\xd7\xafc\x0e\x13\x000d\xb7o\xdf\x8e\x8a\x8a\xc2q\xbc\xe1\r\x19|M\x1c\xc7\x97-[\xd6\xb7o\xdf\x1b7n\xc8\xe5\xf2\xcd\x9b7\xafY\xb3\x86\xa2(\x93\xc9\xc4\xccB{\x0e\x87c2\x99\x02\x02\x02l6\xdb\xfd\xfb\xf7Q\x1a\x80F\x90\x008\x90[\xb7n5i\xd2\x84!\xc5!/\x05A\x10r\xb9\xfc\xa3\x8f&gt;\xca\xcf\xcfo\xd2\xa4\xc9\xea\xd5\xabm6\x1b\xe4\x18\xe9\x1e\xda\x0b\x01\xfex\xabV\xad\x1e&lt;x\x809&amp;\xc8\x00\xc6W\xa7\xd3i\xb5\xda\x80\x80\x00Z6y\x14E\x89\xc5\xe2\xbbw\xef\xce\x9d;\xd7d2\xc5\xc6\xc6\x9e9s\xe6\xad\xb7\xde\xaa\xaa\xaa\x82\xfet\r&lt;\x9e\x17\x04DK\xa5Ryxx\xdc\xbcy\x13c\xc3\x9e\xd2YA\x02\xe0\x10`B\xdf\xb9s\xc7\xd7\xd7\x97u\x02\x80\xe3\xb8\x97\x97\xd7\xae]\xbb\xd6\xaf_\xcf\xe3\xf1\xbe\xfb\xee\xbb&amp;M\x9a@\x1d!\x8b&lt;5\x0e\x87\xd3\xbcy\xf3?\xfe\xf8\x03s\x98\x00`\x18VRR"\x93\xc9\x1a5jd\xb3\xd9\x1a^\x00 \xcf\x14\x1d\x1d\xbdt\xe9\xd2\x91#G\x9e&gt;}:,,\xac\xaa\xaa\x8a\xcf\xe73|\xc7\t\x05T\x01\x01\x01\x05\x05\x05\x18\x12\x00\xfa@Mk\x1d\x02,\xbf\xc7\x8f\x1fGDD0\xad\x06\xe3\x9f!I\xd2\xcd\xcd\xed\xf6\xed\xdb\xb3f\xcd\xa2(j\xe6\xcc\x99\xa9\xa9\xa9\x15\x15\x15b\xb1\x18\x0e\x97\xd2=\xc0\x17\x02\xae\xa2\xf5\xf3\xf33\x99L\x06\x83\xc1\xcd\xcd\xad\xde\xdf\x02\xd8\xac\xf2\xf2r\x89D"\x95J\xd5j5-\x1e7\xdc\x820m\xda4&gt;\x9fo\xb5Z\xf5z=+:Q\xc3\xebP\xa9T\x8f\x1e=\xa2{,.\r\xda\x018\x04\xb05w\xef\xde\r\x08\x08\xa0{,/\r\x9f\xcf\x9f6m\xda\x93\'O\x12\x13\x13?\xff\xfcs\x8dF\xc3\xd8`\xc2\xf3\x80\xf3\xc0-Z\xb4\xd0\xe9t\xb5\xb5\xb5\x8e\xdb\x01\xe4\xe4\xe4\x84\x86\x86\xd2\xde\x02\xc8j\xb5\x1a\x0c\x06\x1c\xc7\xd9\xf2\xa6\xe0\x89\xc5\xc6\xc6B\x92\x06\xe5\x81\xe9\x02=w\x07"\x14\n\x99s\x02\xf3E\x80\xe0\xcf\xb2e\xcbN\x9f&gt;\xadT*!\x04\xc4\xd2.F\x90\xa1\xe5r\xb9\x02\x81\xc0q\x7f\x05\xb6D\xb4?\x1f\x0e\x87\xc3\xe5ri\x1f\xc6K\x01cfBw\nW\x06\t@\xfd\x03\xdb\xdb\x9a\x9a\x9a\xea\xea\xea\xf0\xf0p\xb6h\x00\x94Nfdd,^\xbc\x18\xc3\xb0\xaf\xbe\xfa*&lt;&lt;\\\xaf\xd7\xb3\xd1;\x83\x10\x90\xbf\xbf\xbf\x87\x87\xc7\xb5k\xd70\x07D\x99\xe1\x9d\xd6\xd4\xd4xyy\xd5\xef\'\xbb\x02\x90\x07\x96\xcb\xe5V\xab\x95\x96\xf4\t\x02`\xdf\xdaf\x05`\x80,\x16\x8bB\xa1`E\r(EQ"\x91H\xadVO\x992\xc5l6\x8f\x193f\xc2\x84\t\xd5\xd5\xd5\x0eu\x9f\x1d\n$3\x84B\xa1Z\xad\xc6\x1c&amp;\x00\xc5\xc5\xc5\xd1\xd1\xd1\xecJ\xf30\x018\xad\x1d\x1a\x1a\xaaV\xab5\x1a\r\xed14\x97\x85\x05\xf9"\x96\xc2\xe1p\xc0\xcda\x85i I\xd2\xdd\xdd}\xea\xd4\xa9eee!!!\xcb\x97/\xd7\xe9tl\xf4\xfd\xebB\x92$\x1chp\xdc\x9f\xe0\xf1x(\x88\xf1\xca\xc0\x8dI\xacX \xce\n\xbbW8\xf3a\xc5\xe4\x86\x96\x0f\x9b6m\x82\xf6a\xeb\xd6\xad\xf3\xf4\xf4\xb4Z\xad\xac\x18\xfc\xbf\xe2\xe8\xfb\x00\x9c\xe3)\xd1\x02zt\xb4\x83\x04\xc0\xd5!\x08\xc2\xc3\xc3\xa3\xa8\xa8h\xee\xdc\xb9\x18\x86}\xf2\xc9\')))Z\xad\x96\x15\xd5\x84\x08\x04\xe2\xbf\x80\x04\xc0\xa5\x81\xf38\x04AL\x992\xa5\xa6\xa6\xa6O\x9f&gt;\xef\xbd\xf7^uu5\xb2\xfe\x08\x84+\x80\xd6\xb9caxj\x8b \x08\x95J\xf5\xde{\xef]\xbcx\xf1\xb5\xd7^[\xb3f\x8d\xc5b\xa1{P\xf5\x06&lt;|\x87\xc6\x19P\x08\xe8\xbf\x80\x1e\x1d\xed\xa0\x1d\x80\xa3 I\x92$I\x81@\xc0X\r\xc0q\\\xa9T\x1e&lt;xp\xe5\xca\x95u[&gt;\xb0=\xf7\x0b\xc0\xe6\x86\xc3\xe1\xd8l6\xc7\xfd\x15\x81@\xe0\xd0\xcfwb\xe0\xd5\xa0$0\xbd8\xc3Rg\x1aP\xd3\xe6\xe1\xe1!\x93\xc9\xee\xdd\xbb\'\x12\x89\x18\xa8\x01$IJ$\x92?\xff\xfcs\xe6\xcc\x99\x04A\xcc\x9c9s\xd0\xa0Aj\xb5\xda9\x82?\x14E\xc1\x15\xf6F\xa3\xb1E\x8b\x16\x98\x03\x9cM8\x02\x16\x19\x19\x99\x93\x93\x83\xaa\x18_\x16\x98~\x85\x85\x85*\x95\xca\xcb\xcb\x8b\xa5\x87\r\x9d\x00$\x00\x0e\x01.\xd2\xf2\xf0\xf0\xb8w\xef\x9eP(d\xa6u\x10\x89D3f\xcc\xf8\xe3\x8f?\xd8\xdb\xf2\xe1\x1f\xe0\xf3\xf9 \x00\xcd\x9b7\xc7\x1c\x19m`\xe6\xcbe&gt;\xa0\x9a\xc8\xf4\xd3\x8b3\xb8{\x8c\xc5f\xb3I$\x12\x06\x1a\x08h\xc6\xbb|\xf9\xf2\xc3\x87\x0f{xx\xac^\xbd\x1a\xc30h\x9c\xf0\xb7?\x0f_\xc1^\xf0N\x92$\x8e\xe3u\xeb\xdf\xb9\\.\xd3\x02Gp5&lt;\x86aV\xab\xd5q\x7fE\xa5R\x95\x96\x96"+\xf6jTWW+\x95J\xbaG\xe1\xd2 \x01p\x08`1\xc3\xc3\xc3\xf3\xf2\xf2\xdex\xe3\rFi\x00\\\xf5\x95\x95\x95\xb5`\xc1\x02\x89D\xb2e\xcb\x96\xe8\xe8h\x1c\xc7\xdd\xdd\xdd\x9f\xf7+\x90\xea\x14\n\x85`\xe5\xa5R)\x9f\xcfW\xa9T\xf6x\x91\xc5b1\x18\x0c\xcc1\x82\x14EI$\x92\xeb\xd7\xaf{yy)\x95J\x92$\xeb]\x9f\xe0\xcbFFF\x1e:t\x08C\xf9\xcc\x97\x04f\xd4\xb5k\xd7\xda\xb4i\x83a\x98#^\x10\xe2E@\x02\xe0\x10\xc0\xe2{xx\xc0\x8d\xac\xcc\x01N\xc6\xeat\xba\xe9\xd3\xa7\x9bL&amp;\x7f\x7f\xff\xfc\xfc\xfc\xec\xec\xec\x7f\xb5_p\xd1.\\\ty\xe4\xc8\x11\xadVk4\x1a\xa1\x9f\x17I\x92QQQ\x83\x06\rbN\xd7#\xfb\xd7\xe4\xf3\xf9\x02\x81\xc0\x11]\xac\xe1\x9b6i\xd2\xc4l6C\xee\x84Q2\xcfp \xfe\xf3\xf8\xf1\xe3.]\xba\xd0=\x16\x97\x06\t\x80C\xb0\xbb\x87[\xb7neT|\x00z\xfe\xdc\xbe}\xbb\xb0\xb0\x10\xc3\xb0?\xff\xfcs\xd1\xa2E/\xfb!g\xcf\x9e={\xf6l\xdd\xff\xd2\xaf_\xbf\x91#G\x1a\x0c\x06\x86d\x11\xc0\x16_\xbbv-((\x08sL\x98\x1e\xdei\xabV\xad\xccf\xf3\x93\'OZ\xb4ha\xb1X\x98\xf3\xa2\x19\x0e\xf4j\xbd\x7f\xff~XX\x18\x86\xf6O\xf4\x81\x04\xc0\x81\xf8\xfb\xfbk4\x1a\x9b\xcd\xc6\x9c\xed-\x87\xc3!\x08\xc2\xdd\xdd\xbd[\xb7n`\xb0^\xd0dC_\xa3\xdc\xdc\\\x8b\xc5\xd2\xbau\xeb\x96-[B\xaf\x088G\x96\x98\x98\xc8\xb4\xd6\x11\xe0`\xfa\xf9\xf9a\x0e\x13\x00\x92$=&lt;&lt;\xbc\xbc\xbcJKKCBBL&amp;\x13C\xf4\x8f\xe1@\x8d\xd6\xa3G\x8f\x0c\x06CHH\x08\x86\xee\x03\xa0\x0f$\x00\x0e\x01&amp;thh\xa8V\xab}\xf4\xe8\x91\xb7\xb77Cz\xdeB\xf1\xb5\xaf\xaf\xef\x91#G^|&lt;\x10Q\xd1j\xb5m\xdb\xb6}\xf8\xf0\xe1\xdbo\xbf=g\xce\x1c\xa3\xd1h\xcf\x01\xd8l\xb6\xda\xdaZ\xe6,c\x08L\xdd\xbcy\xb3o\xdf\xbe\x98\xc3\x1cL\x92$\xf9|~PP\xd0\xe5\xcb\x97\x87\x0e\x1d\x8aB@/\x08dh\x8a\x8b\x8b\xdd\xdd\xdd}}}\xd1a:\x1aA\x02\xe0\x10 \xc4\xe9\xe5\xe5\xc5\xe3\xf1n\xde\xbc\xd9\xa4I\x13F9\xc8\x14E\xd5\xd6\xd6\xbe\xd4\xcf\xf3\xf9\xfc\xda\xdaZ\xb0q\x16\x8b\x85$\xc9\xba\xb7\x0f2\xea8\x0f\x8c\xb6\xb2\xb2\xf2\xf1\xe3\xc7\x10\x02r\xe8\xd8bcc\xf7\xed\xdb\x87\xac\xd8\x8b\x03\xc2y\xe1\xc2\x85\xe6\xcd\x9b\xf3\xf9|\x82 \xd0\xce\x89.\x98\xe2\xb29\x1f$I\x8a\xc5\xe2\xe6\xcd\x9b\xe7\xe5\xe5\xf1\xf9|\xa6\xdd\xa6\xcb}%\xe0w!\xf7[\x17F\xd9&gt;\x8a\xa2\xc4b\xf1\xad[\xb70\x0c\x83+9\x1d4&lt;x \x9d:u*//w\x9a3t\r\x00\xb8GW\xaf^\x85\x0c0\xda9\xd1\x08\x12\x00G\x01\xd3:))\xa9\xa8\xa8\x88\xee\xb1\xb8\x16\x90\xe8.,,\x0c\x08\x08pss\x83\xa6\xf3\x8e\xf8C\\.\x97\xa2\xa8\xe0\xe0`\x92$sss\xdd\xdd\xdd\x99&amp;\xf3\x0c\x84\xa2(\xa1PX^^~\xed\xda\xb5\xae]\xbbb(\x01@+\xe8\xd1;\n\x98\xd6]\xbbv---5\x1a\x8dh\x93\xdb`\x80\xf4fffv\xe8\xd0\x01s\xb0\x83I\x10\x84P(LNN&gt;}\xfa4\x03\xf7y\x0c\x04nj\xbbx\xf1\xa2\x97\x97WHH\x08EQH\x00h\x04=zGa\xaf\x045\x99L7n\xdc`\xe6\x91`\xa7\x84\xc7\xe3\x19\x0c\x86\xe2\xe2b\x8808\xd4\xbe\xc0[\xee\xd5\xab\xd7\x89\x13\',\x16\x0b\x92\xf9\x7f\x0524\xfb\xf7\xef\x8f\x8d\x8d\xe5r\xb9\x04A\xd0="\x97\x06\t\x80\xa3\x80\x82K\x99L\xd6\xa2E\x8b\x8b\x17/\x8a\xc5b\'p\x0fy&lt;\x1e\xb4\xd8\xa4{ \xcf\x05*L\xca\xca\xca,\x16Kdd$\xe6\xe0\x0c0\xa8K\x9f&gt;}4\x1a\xcd\x95+W\xa4R)\xd3\xde2\xd3^\x99@ \xa8\xa9\xa99w\xee\xdc\x981c0t\x02\x80n\x90\x008\x10{\x1a\xe0\xe8\xd1\xa3N0\xd1)\x8a\xd2\xe9t\x04A0\xf9\xce\x00\x82 $\x12\xc9\x89\x13\'^{\xed5\x99L\xe6\xb8\x04\x00`\x97\xf9\xe4\xe4\xe4}\xfb\xf6\x89D"F\t\x00EQZ\xad\x96 \x08\x86\x14\xa1\xc1\x19\x94s\xe7\xceI$\x92\xc4\xc4Dh\xd9M\xf7\xa0\\\x1a$\x00\x0e\x04\xdc\xc3\xd4\xd4\xd4[\xb7n\xb1\xbdJ\x04v\xee\x9d;w\xee\xd0\xa1C\x8b\x16-\x18~\xd9\xfd\xf9\xf3\xe7\x07\x0e\x1c\x885`\x85\xc9\xb4i\xd3\xce\x9c9\xc3\xa8(\x10\xa4[\xbbw\xef\xde\xa1C\x87\xa6M\x9b2\xe1$\n\xcc\xa2={\xf6\x0c\x1d:T(\x14\xa2\xf8\x0f\xed\xa0&gt;\xe6\x8e\x05\xfc\xc1\xb8\xb8\xb8\x8f?\xfex\xc0\x80\x01555\xcc1\x10\xaf\x80\x9b\x9b\x1b\x87\xc3\xb1Z\xad\x0c\xf1(\x9f\x01\x8e\x98j4\x9a\xce\x9d;\xff\xf6\xdboM\x9b6m\x98\xf2|\x8a\xa2l6[pp\xf0\xe2\xc5\x8b\x87\x0c\x19\xc2\x9c\xb7\xcc\xe1p$\x12\t\x87\xc3\xb1X,\xb4\x0b\x00\x08REEEBB\xc2\xb9s\xe7\xa0z\ne\x80\xe9\x05=}\xc7\x02S\xbcg\xcf\x9e\xfb\xf7\xefw\x82~a\xb5\xb5\xb5z\xbd\x9e\x99\xd6\x1f\xc30\x92$\xdd\xdd\xdd\x8f\x1f?\xde\xa4I\x93\xa6M\x9b6X\x17&amp;\xa8\x05\x9a2e\xca\x86\r\x1b\x18\xf5\x96\xe1\xc4\x9f^\xaf\xa7\xdd\xfacO\xe3?\xdb\xb6m\x8b\x8d\x8d\r\x0e\x0e&amp;\x08\x02Y\x7f\xdaA/\xc0\xb1\xc0\x14\x1f9r\xe4\x993g\x1e&gt;|\xc8\xcc\xdb\xc1^\x1c\x06\x1e\xfbz\x06\x8a\xa26o\xde&lt;x\xf0`\xec\xe9\xf6\xab\x01\xe0\xf1x\x14E\x8d\x1d;\xb6\xa8\xa8(33\xd3\xc3\xc3\x839\x99\x00\xe6\xbc2\x81@\xa0V\xab7l\xd8\x90\x96\x96\xc6\xeaU\xe0L \x01p,\xd0\x94&amp;44\xb4Y\xb3fG\x8f\x1eEg\x85\x1c\x07\xdc\xc2V\\\\\xfc\xe8\xd1\xa3a\xc3\x86a\x18\xd6`q\x18h\x0c\xa7R\xa9\xde|\xf3\xcd\xb5k\xd7\x8a\xc5b\x14\xdd~\x06\x1c\xc7\xe5r\xf9/\xbf\xfc\xe2\xe7\xe7\xd7\xabW/\x94\xfee\x08H\x00\x1c\x0e\x04"&amp;L\x98\xb0e\xcb\x16\xb4\xe7u\x1c\x04A\xb8\xb9\xb9m\xd9\xb2%11\xb1Q\xa3F\x8e\xae\xffy\x068\x15&lt;o\xde\xbc\xdc\xdc\xdc\xd2\xd2R\xa9T\x8a\x9c\xdc\xba\xf0x&lt;\xb3\xd9\xbcv\xed\xda\xcf?\xff\x1cC\xed\x1f\x18\x03\xb2G\x0e\x07\xe2\x03#F\x8c\xb8w\xef\xde\x85\x0b\x17\xd0&amp;\xc0A\xc0-\xf0{\xf7\xee\x9d1cF\xc3\xdb\x17\xd8\x044j\xd4\xa8\x7f\xff\xfe3g\xce\x94J\xa5h\x13`\x07\xc7q\xa5R\xf9\xed\xb7\xdfR\x14\xd5\xb7o_\x92$\x91\xfb\xcf\x10\x90\x008\x1c0\r2\x99l\xf0\xe0\xc1\xeb\xd7\xafw\x8e\x13aL\x03\xc7qOO\xcf\x03\x07\x0e\xa8T\xaa\x0e\x1d:\xd0\x12a\x80p\xdf\xfc\xf9\xf3\x0b\x0b\x0b\xb3\xb3\xb3\x19\x95\t\xa0\x17\xe8%\xbez\xf5\xea\xa5K\x97b\xc8\xfdg\x12H\x00\x1a\x02\x88E\xa4\xa5\xa5\x9d&lt;y\xf2\xee\xdd\xbb\xa8-D\xbd\x03M\x05V\xadZ5y\xf2dP\xdc\x86\x1f\x034\xb9\xf4\xf6\xf6\xfe\xf4\xd3O\xa7N\x9d*\x16\x8b\xd1[\xc60\xccf\xb3)\x14\x8a\x8f&gt;\xfa(&amp;&amp;\xa6g\xcf\x9e\xa8\xf93\xa3@\x02\xd0\x10\x80yj\xd3\xa6M\xfb\xf6\xed\x97.]\xea\xee\xee\x8e\xe2\x03\xf5\x08A\x10r\xb9|\xff\xfe\xfdj\xb5z\xf4\xe8\xd14&amp;\x18\xe1E\xbf\xf3\xce;\x06\x83a\xd5\xaaU\xde\xde\xde8\x8e\xd32\x12\x86\x00{\xdf\x82\x82\x82m\xdb\xb6-[\xb6\x8cQ\xd7\xa3"0t\x10\xac\xc1\x80\xa9_RR\x92\x9c\x9c\x9c\x9f\x9f\xcf\x9c;\xc2\x9c\x00\x92$===\xa3\xa2\xa2&amp;O\x9e&lt;m\xda4z}L8\xf9\x91\x9b\x9b\xdb\xad[\xb7\xa2\xa2"\x1f\x1f\x1f\x8b\xc5\xe2\xb2\xc9\x7f\x92$\xe5ryDD\xc4\xe8\xd1\xa3\xe7\xce\x9d\x8b\xdc\x7f\xa6\xe1\xa2\xf3\xb2\xe1\xb1\xd7\x83\xa6\xa4\xa4,^\xbc\xd8\xc3\xc3\xc3\xc5}\xc3\xfa\x82 \x08\x85B\x01\xee\xff\xdbo\xbfM\xfb\xe1R.\x97\x8b\xe3x\xbbv\xed\xde~\xfb\xed1c\xc6\xb8r\xce\xdff\xb3yyy-X\xb0@$\x12\xcd\x9d;\x17\xc7qd\xfd\x99\x06\xda\x014\x1c\xb0\t\xb8y\xf3f\xa7N\x9d\xce\x9d;\xe7\xef\xef\xcf\xd8#\xb5,\x82$I\xa9T\xda\xae]\xbbY\xb3f\x8d\x1b7\x8e\t&gt;&amp;EQ$IR\x14\xd5\xb6m\xdb\xd1\xa3G\xcf\x9b7\xaf\xa2\xa2B(\x14\xba\xd4Z\x83\xb4\xfc\xa5K\x97\xfa\xf6\xed{\xf9\xf2\xe5\x80\x80\x00\xd4\xfa\x9f\x81\xa0\xf7\xd1p@\x808((h\xc4\x88\x113f\xcc@\x99\x80\xff\x0e\x8e\xe3^^^+W\xae\xe4p8\x0c\xb1\xfe\xd8\xd3\x1b\x92\xf9|\xfe\xa1C\x87\x16/^\x9c\x95\x95\xa5T*m6\x1b\xdd\xe3j8H\x92\x14\x89D\x06\x83a\xe8\xd0\xa1\xabW\xafn\xd3\xa6\r\xed;3\xc4\xdf\x82v\x00\r\n\xf8\x86:\x9d.""b\xd3\xa6M\x9d;w\xd6j\xb5L\xb0Yl\x04ZK\x9aL\xa6\xe8\xe8\xe8\xbd{\xf7B{a\xe6X\x19P\xa3m\xdb\xb6}\xf0\xc1\x07EEE\x12\x89\xc4f\xb31gx\x0e\x85 \x08oo\xefn\xdd\xba5i\xd2\xe4\xc7\x1f\x7f\xc4q\x9c\xd5\xadp\x9d\x18$\x00\r\r\xd8\x85\xad[\xb7\xce\x9f?\xbf\xb4\xb4\xd4j\xb5\xd2="\xb6\x82\xe3\xb8J\xa5\x1a&lt;x\xb0\x9b\x9b\xdb\xf6\xed\xdb\x19\xe2\xfe\xd7\x05\x0c\xdf\xb8q\xe3JJJ.]\xbaT]]\r\x9b\x03\xba\xc7\xe5Xl6\x9b\x8f\x8f\xcf\x9c9s\x0e\x1c8p\xeb\xd6-h\xfa\xe6\xf4\xdf\x9a\xa5 \x01\xa0\x01\xb0\x0b={\xf6\x8c\x89\x89Y\xbcxqEE\x85@ \xa0{P,\x83 \x08OO\xcf\x8c\x8c\x8c\x89\x13\'\x16\x17\x17K\xa5R\x06Z\x19\x8a\xa2\x08\x82\xe0\xf3\xf9\x03\x07\x0e$I\xf2\xf0\xe1\xc3\x95\x95\x95\xce\xed\x0b[\xadV__\xdf\xaf\xbf\xfez\xd5\xaaUEEE\x9e\x9e\x9e\xae\xa0y\xec\x05\t\x00\r@YHyyyTT\xd4\xd1\xa3G\xc3\xc2\xc2\xf4z=\xd3\xbcW&amp;\x03]\xfe\x85Ba\xdb\xb6m\xbf\xfd\xf6\xdb\xfe\xfd\xfb3\xd0\xfd\x07(\x8a\xa2(\xcab\xb1\x84\x85\x85\xbd\xf9\xe6\x9b_|\xf1\x85\x13\xeb=\xf8\xfe\xa7N\x9d\x1a4hPVVVdd$c\xdf\x0b\x02p\x89\x88$\xd3\x80\xc6a~~~K\x97.}\xfd\xf5\xd7\xa15\nR\xe2\x17\x07J?\xc7\x8e\x1d\x9b\x98\x98\xd8\xbf\x7f\x7f&amp;\xd7\x17\x82\xf3+\x91H\xae\\\xb9\xb2s\xe7\xce/\xbe\xf8\xc2\xc7\xc7\xc7f\xb39\xdf\xeb\xb6Z\xad&gt;&gt;&gt;\xa7O\x9f~\xe3\x8d7N\x9f&gt;\x8d\xac?+@;\x00\xda\x80@\xd0\xe0\xc1\x83\xe1\x92&lt;\xa7\x0f\x0e\xd4\x17\xe0f\xae[\xb7n\xc9\x92%\xc5\xc5\xc5nnn\x0c\x0c\xfe&lt;\x03\xd4\xc0h4\x9a\xf8\xf8\xf8Q\xa3F-X\xb0\xa0\xaa\xaa\x8a\xf9\xc3~q\xe0\xa5\x9c&gt;}z\xf8\xf0\xe1\xe9\xe9\xe9\xc9\xc9\xc9(\xf1\xcb\n\x90\x00\xd0\x06T\x04\x99\xcd\xe6\xe0\xe0\xe0\x8f&gt;\xfah\xf2\xe4\xc9N\x1c\x1c\xa8/\xe0V\xa9\x9b7o&amp;%%]\xb8p!**\x8a-\xf5\x85\xe0\x0ek4\x9a\xc4\xc4\xc4\x8e\x1d;\xae[\xb7\x0e.\xeab\xbb\x8f\x0c\xd3\xd8\xdb\xdb{\xfd\xfa\xf5\x1f\x7f\xfcqzzzRR\x12\xb2\xfel\x01\t\x00\x9d\x80\xf1*((HNN\xce\xca\xca\n\x0b\x0b\xd3h4h\xe5&lt;\x0fh\xf2#\x12\x89\x82\x82\x82\xde\x7f\xff\xfd\xe9\xd3\xa7\xb3\xcb\xd0\x80\x06h\xb5\xda\xce\x9d;\xbf\xf6\xdak{\xf7\xee\xc5q\xdch4\xb2\xe8+&lt;\x03\xa4\xb8\xe5r\xf9\xa2E\x8bV\xae\\\x99\x9e\x9e\x9e\x90\x90\xc0\xae\x97\xe2\xe2 \x01\xa0\x190\n\xeb\xd6\xad[\xb6lYvv\xb6T*u\x9dj\xf1\x97\x02&lt;M\x85B1p\xe0@\x99L\xb6c\xc7\x0e6\x1a\x1a\xfb~e\xe8\xd0\xa1\xf9\xf9\xf9g\xce\x9ci\xd1\xa2EEE\x05\x9f\xcfg]8\xc8f\xb3\xc9d2\x0c\xc3\x86\x0f\x1f~\xe3\xc6\x8d\x9c\x9c\x1c\x85B\xc1\xc6\x97\xe2\xca CC3&lt;\x1e\xcff\xb3M\x992e\xc0\x80\x01\x1d;v\x94\xc9d\xd05\x88\xeeq1\x0e\x1c\xc7\xbd\xbd\xbd\'M\x9at\xff\xfe}\xb0\xfel\x0c\x9e\xc0\xcb%Ir\xef\xde\xbd\xe3\xc7\x8f\x8f\x8f\x8f\xdf\xbd{\xb7\x8f\x8f\x0f\x87\xc3a\xd1\xb1p\x92$q\x1c\xf7\xf1\xf1\xb9q\xe3FTT\x94H$\xca\xcb\xcbS(\x14\xb0!\xa0{t\x88\x97\x00\xed\x00\x18\x01\xf8M\xc3\x87\x0f7\x18\x0cG\x8e\x1cQ\xab\xd5\x8c:\xd4J;\x90c\\\xbcx\xf1\xb6m\xdb\xb2\xb2\xb2\xe4r9\xab\xab\xcba7\xc3\xe3\xf1\xce\x9e=;j\xd4\xa8\xfe\xfd\xfb/_\xbe\\$\x12\xa9\xd5j\xe6o\x05l6\x9bT*\x95J\xa5\xeb\xd6\xad[\xb0`\xc1\xc7\x1f\x7f&lt;s\xe6L\xac\xce\xe6\x06\xc1"\x90\x000\x02\xbbE\xe8\xd4\xa9\x93T*=z\xf4(\xd2\x00;`\xfd\x97.]\xfa\xd5W_\xdd\xbe}[\xa9T:\x87\xad\x01\xd5\xd7h4#G\x8e|\xf0\xe0\xc1\xca\x95+\xbbv\xed\xaa\xd3\xe9,\x16\x0b3\xfdh\xb8f\xd9\xcb\xcb\xeb\xf6\xed\xdb\x93&amp;M\xaa\xa8\xa8\xf8\xe1\x87\x1fbcc\xd1Y_\xf6\xc2\xfaU\xe4\x1c\x80?\x0b\x87Eo\xde\xbc\x99\x9a\x9a\xaaT*\xe9\xba\xd9\x8aQ\x80\xf5_\xbe|\xf9\xc7\x1f\x7f|\xe6\xcc\x19\xa5R\t\xe6\x86\xeeq\xd5\x03|&gt;\x1f\x0e4\x1c?~\xfc\xbd\xf7\xde\x1b5j\xd4\xe4\xc9\x93\r\x06\x83J\xa5\xc20\x8cQ\x11!\x92$\t\x82P*\x95\xee\xee\xee\xcb\x97/OJJ\n\x0f\x0f/,,\x8c\x8d\x8d\x85X\x1c\xb2\xfe,\x05\xed\x00\x18\x048\xb6:\x9d.***,,\xec\xd0\xa1C\x1a\x8d\xc69\xbc\xddW\x80\xa2(\x084/[\xb6l\xde\xbcy\xb9\xb9\xb9\xe0l\xb21\xf4\xff\x0f\xd87\x7f\x8f\x1f?\x9e1c\xc6\xb5k\xd7\xde~\xfb\xed\xb7\xdf~[&amp;\x93\xd5\xd4\xd4\xd0n^\xc1\xeb\x97\xc9d&lt;\x1e\xef\x97_~\xf9\xdf\xff\xfeGQ\x14h\x00\x86\xc2&gt;\xec\x07\t\x00\xb3\xb0k@\xbbv\xedZ\xb7n}\xf8\xf0a\x9dNg\xb5Z\x9d\xcc\xea\xfd+\xf6\xea\xf2%K\x96,Z\xb4\xe8\xec\xd9\xb3\xe0l236\xf2\xdf\xb1\x0b\xdb\xf9\xf3\xe7\xe7\xce\x9dk6\x9b?\xfc\xf0\xc3&gt;}\xfaxxx@P\x88\xcb\xe56\xa4\xa9\xb5w1\xf2\xf4\xf4\xc4q&lt;77w\xf1\xe2\xc5\xb7o\xdf\xfe\xf0\xc3\x0f\xc7\x8f\x1f\x8f=\x8d_5\xd8x\x10\x0e\x02\t\x00\xe3\x00\r\xa0(j\xc8\x90!\x06\x83a\xd7\xae]\xd0Z\xddu\xd6\x1bXCOO\xcfy\xf3\xe6\x1d&lt;x\xf0\xec\xd9\xb3~~~\xce\xe7\xfb?\x83}+\x80aXzz\xfa\x8a\x15+\x1e?~&lt;~\xfc\xf8Q\xa3F5n\xdc\xd8b\xb1\x18\x0c\x06\x08\x7f9N\t\xc0\xees8\x1c\x89D"\x95J\xf5z\xfd\xb1c\xc7V\xacXa2\x99&amp;L\x980u\xeaT&gt;\x9f\x0faI\xe4\xf8;\x07H\x00\x98\x08\xdc\x1d\xc6\xe1p\x86\r\x1bv\xe5\xca\x95\xac\xac,__\xdf\xaa\xaa*W8\'\x8c\xe3\xb8\x9b\x9b\x9b\x9b\x9b\xdb\xc0\x81\x03o\xde\xbcy\xe9\xd2%OOO\xa7\xb7\xfev\xea\x9a\xd7\xf4\xf4\xf4\x95+W\xde\xbd{\xb7W\xaf^\xa3F\x8d\x8a\x8e\x8e\x16\x8b\xc5v%\xe0p8\xf5\x92z\xb5\xdf_\xc6\xe5r%\x12\x89\x9b\x9b\x1bEQ%%%\x07\x0e\x1c\xd8\xbe}\xbb\x87\x87\xc7\x981c&amp;M\x9a$\x14\n\xb1:;\x15\x84s\x80\x04\x80\xa1\xd8\xfd\xc1\xff\xfd\xef\x7fK\x97.\xfd\xe9\xa7\x9fz\xf7\xee]]]\x8d9\xb5\xf3\x05)\xdf;w\xee\xa4\xa6\xa6\x06\x06\x06\xee\xd9\xb3\x072\xe1N\xfc\x95\xff\x96\xbau5\xf9\xf9\xf9\xeb\xd7\xaf\xcf\xca\xca\xe2r\xb9\xbdz\xf5JMM\x8d\x8a\x8a\x023m2\x99\xccf3\x98o\xceS\xe0\x13\xfeV\x18`\xb1SO\xc10\x8c\xcb\xe5\x8aD"\xe8\xa7\x84\xe3\xf8\xcd\x9b7\x8f\x1e=\x9a\x9e\x9e\xfe\xe4\xc9\x93\x88\x88\x881c\xc6\x0c\x1c8\xf0\xafCB8\rH\x00\x18\r8\</t>
        </is>
      </c>
    </row>
    <row r="270">
      <c r="A270" s="1" t="n">
        <v>268</v>
      </c>
      <c r="B270" t="inlineStr">
        <is>
          <t>color_number_hexagon</t>
        </is>
      </c>
      <c r="C270" t="inlineStr">
        <is>
          <t>What is the missing number of the part denoted with a question mark?</t>
        </is>
      </c>
      <c r="D270" t="inlineStr">
        <is>
          <t>['7', '0', '1', '8']</t>
        </is>
      </c>
      <c r="E270" t="inlineStr">
        <is>
          <t>7</t>
        </is>
      </c>
      <c r="F270" t="inlineStr">
        <is>
          <t>There is a hexagon split into six parts with the colors ['yellow', 'green', 'green', 'yellow', 'blue', 'blue'] in an anti-clockwise order. The parts are denoted with the numbers ['?', 8, 4, 5, 3, 9] respectively.</t>
        </is>
      </c>
      <c r="G270" t="inlineStr">
        <is>
          <t>We observe that the numbers in the blue parts add up to 12. Similarly, the numbers in the green parts also add up to 12. Thus, the pattern is that the numbers in the parts of the same color add up to 12.</t>
        </is>
      </c>
      <c r="H270" t="inlineStr">
        <is>
          <t>Based on the pattern that the numbers in the parts of the same color add up to 12, the missing number of the yellow part should be 7.</t>
        </is>
      </c>
      <c r="I270" t="inlineStr">
        <is>
          <t>b'\x89PNG\r\n\x1a\n\x00\x00\x00\rIHDR\x00\x00\x02\x00\x00\x00\x02\x00\x08\x02\x00\x00\x00{\x1aC\xad\x00\x00\xa7\xb3IDATx\x9c\xec\x9dg|\x94\xc5\xda\xc6\xa7\xedf\xfbfC\x02\xa1\x894Q@\xa4XP)\n\x1a\x14\x1bJ\xef\xa8 r\x04\r\xa0H1  \x08R\xc4\xc2\xabX\x11\xa5\x08\x88XP\x88X\x02v\x05\x14\xb1@\x08\x88\xa2\x84\x96\xed\xbb\xd9\xdd\xb9g\xde\x0f\x93\xe4xP\x90\x96\xddM2\xff\xdf~8\xc4\x9c\xe4\xc9\xee\xf3\xcc=s\x97\xeb\xc2RJ\xa4\xd1h4\x9a\xaa\x07I\xf4\x05h4\x1a\x8d&amp;1\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00h4\x1aM\x15E\x07\x00\x8dF\xa3\xa9\xa2\xe8\x00\xa0\xd1h4U\x14\x1d\x004\x1a\x8d\xa6\x8a\xa2\x03\x80F\xa3\xd1TQt\x00\xd0h4\x9a*\x8a\x0e\x00\x1a\x8dFSE\xd1\x01@\xa3\xd1h\xaa(,\xd1\x17\xa0I$RJ)e\xa2\xafB\x9300\xc6\x18\xe3D_\x85&amp;a`\xfd\xfcWY8\xe7\x8c\xe9\x1d@U\x87sN)\xd5a\xa0j\xa2\x03@\x15E\x08A\x08\xf9\xe5\x97_\xfe\xf3\x9f\xff\x10B\x84\x10\x89\xbe"M\\a\x8cq\xce\x87\x0e\x1d\xda\xaf_\xbfD_\x8b&amp;a\xe8\r`\x95C\x85\xfcp8&lt;o\xde\xbc\xd4\xd4\xd4\x8f?\xfe8\xd1W\xa4I\x18M\x9b6\xfd\xe3\x8f?\xae\xbb\xee\xba\xe6\xcd\x9bK)\t\xd1E\xc1\xaa\x85&gt;\x01T9\x00\x80R\xfa\xca+\xaf\x0c\x192\x04cL)-\xbb\x07\x08!\x08\xe9\xfb\xa1r\x83\xa5\x14e\x0f=\xa54\x1a\x8d\x0e\x1c8p\xc9\x92%:%X\x05\xd1\x01\xa0j\xa1\xaa\xbe^\xaf\xb7i\xd3\xa6G\x8e\x1c\x11B\xe8\xe4O\x15\xc7h4\x02\xc0\xc7\x1f\x7f\xdc\xbe}{\xb59H\xf4\x15i\xe2\x87\x0e\xf8U\x0b!\x04\xa54\'\'\xa7\xb0\xb0P\xed\xfdU\x1f\x88\x10\xe2\xf6\xdeW\x0c\x1a|U\xcc\x1b\xa2T\xe7\x01*\'B\x08b5}\xbfe\xcf\xb8GV\x0b!\x85D\x18c\xce\xb9\x10";;\xfb\xf3\xcf?7\x18\x0c\xea\x96H\xf4\x95j\xe2\x84&gt;\x01T!\x84\x10\x18\xe3]\xbbv5o\xde\\\x08Q\xd6\x03J\x08\x16B\xd6\xae\xe9\xda\xf7\xedl\x9ajA1\x8e\xf4\x12P)\x11\x129-7vyd\xdd\x07\xdb)%\x00\x02!\x840\xa6\x84\x00\xc0\xe2\xc5\x8b\x07\x0f\x1e\xac\x0f\x01U\n\x1d\x00\xaa\x10\xea\xd9\xee\xd2\xa5Knn.30\x1e\xe3\xe7]\xd8\xd0}\xc4s\xf8\xc0Q\xc6(\xe7p\xf7\xc0\x0e\xcf&lt;}g\xa4(\xa0\x0f\x01\x95\x0f\x00ap\xd9V.\xdd\xdc\xf7\x9e\x17(%\x00\x92\x19\x0c\xe7\xb5\xbc\xfc\xa7o\xf2T\xed\xb7z\xf5\xea?\xfe\xf8cjj\xaa\x1e\x0e\xa8:\xe8\x00PUP\xab\x7fnnn\x97.]\xd4\x16OJ\xf1\xf4\x9b\xb3\xbf\xff\xea\xc7E3_\xa1\x8cJ!\x08!;&gt;\x9ar^\xb3\xba"T\xac\x1bB*\x13RJ\x891`\xdc\xec\xca\x87v\xef=\xa4z@/\xba\xe2\x9a{\x1e}ql\xb76\x01\xcfQ\xc6X,\x16\x9b4i\xd2#\x8f&lt;\xa2\x0f\x01U\x07\xfd\x90W\tTb\x97s~\xef\xbd\xf7"\x8c\x08%\x00p\xd5\rW\xb6\xb8\xac\xd9M\xfd\xaf\xab]/\x138PJ9\x87Q9+0\xc5\x08\xe9\r`\xa5B\x80\xa0.\xdb\x9c\x05\xebv\xef=\xc4\x18\x05!(e=\xff\x93S\xbd\xd69=\x86O\x94R\n!\t\xa1s\xe6\xcc\xc9\xcf\xcf\xd7s!U\x07\x1d\x00\xaa\x04j\xeck\xd1\xa2E;w\xeed\x94\x01\x07\xab\xdd2\xe0\xbe\xdeA_\xc8\xe6\xb0\x0c\xca\xee\x8d\x10\x02!)%\x1f\xe4\xfd\x94\xfb\xde6\xea\xb4\x94$\x885\x15\x1f!%1\x1b\x0bw\x17\xce\x7f~#\xc6\x18!,\x85\xe8\xd8m`\xa3\x16\x97\x1c&gt;\xf0g\x87[\x06\xd4;\xbf\x05\x08P-\xa1\x93&amp;M\xc2X\'\x06\xaa\n:\x00T~T\xed\xb7\xb0\xb00\'\'\x07c\x8c0\x12B\xdc2\xe8\xfa\xf3/l\x18)\x8e\x06|\xc1.=:_x\xc9\x05\x02\x00\x13\x82\x11\x1a\x95\xb3"\x1a(\xc6\x7f\x99\x0f\xd0Th$\x08b5=8}u\x91;\xc8\x18\x05\x10V\x87\xb3\xfb\xf0\x89\x91p\x18Ia\xb6\xd8z\xdf\xf30\x92R\x08\xa0\x94\xaeZ\xb5*77\x97R\n\x00\x89\xbepM\xb9\xa3\x03@\xe5GMxN\x980\xc1\xedv3\x03\x03\x0e\x99u\xab\xf7\x1a\xd6\xcd\xeb\xf1SF\x90D\x000l\xfc \xca\xa8\x00A\x19\xddUpp\xce\x82u\xd4e\x15\xfa\x10P\xf1\x01\x10,\xd5\x9a\xb7\xfe\xbb\xd7\xde\xf8\x92R\x02BJ)\xba\xdd9.=\xb3N4\x12\xa6\xcc\x10\xf0\xb9[\xb6\xcb\xba\xf8\xea\x1b\x01\x80\x10\x821\xbe\xf7\xde{9\xe7\xfa\x1cP\x15\xd0\x01\xa0\x92\xa3\x92?[\xb6lY\xbe|9\xa5Tu\x7f\xde&gt;\xa6_\xb5\xea.\x1e\xe5\x18cBI\xc8\x1fjuE\x8b\xeb{uV\x99_\x8c\xf1\xfc\xe77\x16\xee.$&amp;\xa3\xd0K@E\x07c\x88\xc1\xe49o\xa9,\xbf\x10\xa2\xde\xf9-\xb2z\x0f\x0f\xfa\xbd\x94\xaa1 ,\x80\xf7\x1e\xf9\xb0\xc5\xe6P\xe5\xdf\x9d;w.Z\xb4HW\x02\xaa\x02:\x00TrT\xf9w\xec\xd8\xb1\x91H\x84P\x02\x1c.\xbc\xe4\x82.=:y\x8b|\x94\x95tz\x10JB\x81\xd0\x90\xd1}m\x0e+\x80`\x8c\x14\xb9\x83\xe3\xa7\xaf&amp;v\xb3\xd4\x87\x80\x8a\x0c\xe7\xc0\xaa\xd9\x97\xbe\xb6i\xd3\x97\xf9*\xf9\x83\xa4\xec}\xcf\xc3F\x93\x19\x80\xab\xef!\x84\x84\x83\xfes/\xb8\xe8\x9a^\xc3\x84\x10J":\'\'\xc7\xedv\x13B\xf4!\xa0r\xa3\x03@eFm\xe8V\xadZ\x95\x97\x97\xc7\x18\x03\x0e\x06#\x1b6~\x10\x00\xfc\xb5\xcd\x07c\x1c-\x8eV\xaf\x95&gt;\xe0\xde\x9eRJ!\x10!d\xf9[\xdfl\xd9\xf4\x13\xb5\x9b\xf56\xb0\x82"\xa5$F\xe69\xe0\x9e\xb6`\x1d\xc6\x18!"\x04\\\xdc\xe9\xa6\x96\xed\xae\r\xfa=\xa5\xdb\x7f\x84\x10"\x94\x05=\xee\xae\x03FU\xafs.\x00g\x8c\xb9\xddnU1\xd2\x9f~\xe5F\x07\x80J\x8b\xda\xbb\xa9\xbe\x0e\x84\x10&amp;X\x08\xd1\xb1\xeb\x15\xad\xafl\x11\xf2\x87\x8ei\xf3\xa7\x94\x06\xfc\xc1n\x03\xbb\xd6\xa9_\x0b\x00(%\xd1(\x1f3u\x15\xa6To\x01+(\xc0\x05u\xd9\x16,\\_\xf0\xebaJ\t\x08`\x06c\xf7\xe1\x13\xa5\x10\xc7\xb4\xf9b\x8cc&lt;\x9aV\xbd\xe6MC\xc6\x94\xb6\x84\x96\xf4\x8c\xe9DP\xe5F\x07\x80J\x8b\x92\xfd\x99;wn~~\xbe\xc1`\xe01nO\xb5\xdd9n@\xd0\x1f"\x7f\x1f\xf4\xc5Hpa\xb2\xa4\x0c\x9f4\x18!\x04BPJ6}\xb1k\xd5\x8aOY\x9a\x1d\xb8n\x08\xa9`\x08!\x98\xdd\xb4\xe7\xfb}\x0b^\xf8\x90\x10\xa2Z?\xbb\xf4\x1d\xd1\xa0i\xabP\xd0\xff\xf7)?J\x99\xdf}\xf4\xaan\x83\x9a\xb4l\x0b\xc0)ejjD\x97\x82+7:\x00TNT\xed\xb7\xa0\xa0`\xf6\xec\xd9\x84\x10\x89\xa4\x94\xf2\xd6\xc1]\xeb6\xa8\x1d-\x8e\xfe\xe3\xa0?\xa1$\xe0\x0b\xb6\xcb\xba\xac\xf5\x95-\x04\x08L\x08\xc6\xe8\xc1\x99k&lt;\x07=\xd8\xc8\xf4*P\xb1\x90\x12aJ\x1f\x9c\xb6\xca\xeb\x0b\x13B\x00\xc0Y-\xa3\xeb\x80\x91\xc5\xc1\x00!\xff&lt;\xe5+\x91d\xcc\xd0m\xd8xB\x08\x08\xa0\x94\xe5\xe6\xe6\xaeZ\xb5J\xb7\x84Vbt\x00\xa8\x9c\xa8\xda\xef\xb4i\xd3|&gt;\x1fe\x94\xc7x\x9d\xfa\xb5\xfa\x8e\xe8\xees\xfbO&lt;\xe5/@\x8cx\xe8v\x83\x81\t\x10\x94\xd2\xbd\xfb\x8e,X\xb8\x9e\xbal\xc0u\x1e\xa0\xc2P\xd2\xfa\xf9\xc1\xf6\xd5\xeb\xb6RJ\x94\xea_\xf7\xbb\x1f\xca\xa8Y7\x1a-&gt;\x9e\xce\x0f!4\xe0s\xb7\xeep\xdd\xe5]z\x88\xd2\x96\xd0I\x93&amp;E\xa3Q}\x0e\xa8\xac\xe8\x00P\tQ\xb5\xdfM\x9b6-]\xba\x94\xb2\x92\xed\xdb\xf0I\x83\xcdV3\x808\x81\xca\x03!$\x14\x08\x9f\xdf\xb2\xf1mw\xdc\xa82\xbf\x84\xe0\x05/|\xb8{\xdb\xaf\xd4f\x12B/\x01\x15\x00\x89\x10\xa6$\x12,\x1e3}5\xc6\x08c\x02\x00MZ\xb6\xedt\xeb`\xbf\xb7\xe8\xaf\xb5\xdf\xbfC\x08\x8d\x84\x82\xbdFN\xb1:]\x9c\xc7\x18c\xf9\xf9\xf9s\xe7\xce\xd5\x95\x80\xca\x8a\x0e\x00\x95\x13\x00\xc8\xc9\xc9Q\xa3=\x02D\xeb+[\xb4\xcb\xba,\xe0\xfbw\x99OBI(\x10\xee9\xf4\x16Wz*\x80\xa0\x94x}\xe1i\xf3\xde&amp;f\xa3\xd4K@E\x008\xd0T\xeb\xf2\xe5\x9fm\xdd\xbe\x8f\x10\xaa*\xba\xdd\x86\x8d\xa7\xcc\xf0\xaf\xbbx\x8cq$\x12\xaeY\xafQV\xef\xbb\x94X8\xc6d\xde\xbcy\x85\x85\x85\xba#\xa8R\xa2\x03@e\x83sN)]\xb6l\xd9\xa6M\x9b\xd4\xdc/e\xf4\xee\x87n?\xc9\xb1^\xd5\x12Z\xa3N\xc6\x901}TK(\xa5d\xd9\x9b_\xe7\xad\xff\x8e\xa5Z\xb5@P\x92#\xa5\xa4&amp;\xe3\xd1\xdf\x8f\x8e\x9f\xf5&amp;!\xca\xea\x07\xdaf\xdd\xd6\xa6\xc3\xf5\x01\x9f\xfbx\xd9\xff\xbfB(\rz\xdd7\x0f\x19S\xa3n}u\x08(**\x9a0a\x82\x9e\t\xa8\x94\xe8\x00P\xa9P\xaa\x0f&gt;\x9fo\xea\xd4\xa9\x98`\x84\x90\x10\xe2\xfa^\x9d\xcfo\xd1(\x14\x08\x9f\xa4\xc23e\xd4\xef\tdu\xef\xd4\xa8Y}UL\x06\x10\x93\xe7\xbc%\xb8\xd0F1I\x8e\x00Al\xa6\xf9\x0b\xd7\x1f&lt;\xe4#\x84\x80\x10\x16\x9b\xe3\x96\xa1\xe3"\xc5\xc76\xfe\x1e\x0f\x8c0\x07n\xb6\xdao\xbbk\x02*\xed%[\xb6l\xd9\xd6\xad[\xd5$y9\xff\x05\x9a\xb8\xa2\x03@\xa5B\xad\xd7\xb3g\xcf.((\xa0\x94\x02\x07\x9b\xc3:dt\xdfp\xa8\xf8\x1fZ?\x8f\x0f\x00X\xac\xa6\xa1\xe3\x06J)KZB\xbf\xcc_\xb2$\x8f\xa5\xd9tKh\xd2"\x84\xa06\xf3\xce\xad{\xe6.\xfa\x80\x10,\x11\x96B\\\xd3kX\xc3\xa6\xad\x8aC\x01\x8cO\xf6\x06\xa0\x94\x05}\x9e\x0e7\xf5o\xd2\xear\x00N\x08\x8dF\xa3\xd9\xd9\xd9\x00\xa0\x0f\x01\x95\x0c\x1d\x00*\x0fj\xb3VR\xb5+\xed\xfd\x180\xaag\xf5Z\xe9\xc7k\xfd&lt;\x1e\x94R\xbf\'p\xd9\xd5m\xdau\xb9L\x80\xc0\x04c\x8c\xc7?\xba\xe6\xe8\xefG\x89\xc9\xa8W\x81d\x05cJF=\xb4"\x1a\xe5\x84P\x00\xc8\xa8]\xef\x86\x01\xa3\x02\x1e79a\xed\xf7\xefH\x84\x04\xf0&gt;\xa3\xa6R\xca\xd4l\xf0\xe6\xcd\x9b\x97-[\xa6[B+\x19:\x00T\x1e\xd4\xba\xac\xfa\xf6(\xa5\x02D\xa3f\xf5o\x1drC\xc0\x17&lt;\x1d\x83\'\x8c\x00`\xe8\xb8\x81V\xbbE\x80\xa4\x94\x1c&lt;\xe4\x9b\xbfp=\xb1\x99\xb4Jh\x12\x02 \xa8\xc3\x9c\xfb\xde\xd6\x0f\xf2~\xa2\x94\x08)\x91\x94=\xee\x9e\x94\x9a\x91\x19\xe3\xa7\x16\xfeQ\xa9@P\xb3K;v\xec6\xb0T \x88L\x9d:\xd5\xeb\xf5\xea\x96\xd0\xca\x84\x0e\x00\x95\x04\xd5\xfa\x99\x97\x97W6\xb9#\xa5\x1c:n\xa0\xc9\x9cr\x8c\xf2\xcfIB\x08\t\xf9C\x8d\x9b7\xb8e\xd0\xf5B\x08\x89\x10!x\xee\xa2\x0f\xf2\xb7\xedeZ (\xc9Pc_&lt;\x14\x1d\x95\xb3\x02#\x841\x11\x00MZ]\xde\xe1\xa6\xfe~\xf7\xd1\x13\xb7~\x1e\x0fLh8\xe0\xef&gt;|\x92\xd5\xe1\x04\xe0\x8c\xd1\x82\x82\x82\x05\x0b\x16\xa8\xb1\xb2\xb3\xfe\'h\x12\x82\x0e\x00\x95\x015\xf6\x15\x89D\xc6\x8e\x1d\x8b1V\xad\x9f\xed\xaek{\xd9\xd5m\xfc\x9e\xc0i\xfb\xbbRF}\x1e\x7f\xafa\xddj\x9dSC\x80 \x94F\xa3|\xe2\xac\xb5\x88\x10\xbd\x05L*\x04\x00u\x9a\x9f}\xf1\xc3]\x05\x07\t\xa5B\x08f0\xf6\x195U\x00?\xed\xba=\xc68\x1a-\xae\x96Y\xbb\xdb\x9d\xe3\xca&lt;#\x1f\x7f\xfcqU^\xd2;\x80\xca\x81\x0e\x00\x95\x01U\xfb]\xb1b\xc5\x96-[\xd4\xf6\xdf``CF\xf7\x11\xe2Dc_\xff\n\xc6\x98Gyz\x8d\xb4&gt;#\xbaK)\xa5\x90\x94\x92\xd5\xefn\xc9\xdb\xb8\x9d\xa5Z\xf560I\x90R\x12\x93\xd1\xbd\xbfh\xf2\xdc\xb71V\xad\x9f\xe2\xb2k\xbb5\xbb\xf4\xaa\x7f\x94\xfd9y(ea\xbf\xef\xda^\xc32\xcfi\x08\xc0)\xa5^\xafw\xda\xb4iz&amp;\xa0\xd2\xa0\x03@\x85Gm\xff\xddn\xf7\xf8\xf1\xe3\t!\xca\xf1\xf1\xb6;nlra\xa3\xbf\xab~\x9e*\x94QO\x91\xb7k\xefk\x9a_|\x01(\xcfH\x8c\xc6L[\xcd\xc3Q-\x14\x9a$\x08\x90\xc4n\xca\x99\xf5\xa6\xdb\x13R\xe1\xdf\xeat\xf5\xbagJ8\xe8?\x99\xc6\xff\x13\x03\xc0S\xcc\xd6~\xd93PI\x9a\x91-]\xbat\xf3\xe6\xcd\x8c1\xbd\x03\xa8\x04\xe8\x00P\xe1Q\xdb\xff\x9c\x9c\x9c\xc2\xc2Be\xf9\xe2JO\xed9\xf4\x96P0|J\xad\x9f\xc7E"f\xa0\x83\xee\xeb\xa5\xf4\x00\x08![\xb7\xef{\xf6\xb9\x8d\xd4i\x11z\tH4B\x08j7m\xd9\xf4\xf3\xa2\xd76\x13\x82\xa5DR\xca\xac\xdew\xd5\xac\xd7(\x1a\t\x9fj\xed\xf7\xef\x10JC~\xef\xc5W\xdf\xd0\xec\xd2\x8eB\x00!\x18\x00\xb2\xb3\xb3#\x91\x88\xae\x06W\x02t\x00\xa8\xd8\xa8\x15\xb9\xc4\xc3\xaf\xb4\xf5s\xc8\x98\xbe5jg\x9cj\xeb\xe7\xf1 \x94\xf8=\x81\xcb;_r\xf5\xcd\xed\x94J(!x\xf2\xbc\xb7\xdd\xfb\x8btKh\x12\x801\xa3c\xa6\xae\xe2\x1c\xd4\xf6?\xf3\x9c\x867\x0f\x19\x13\xf4\xba\xc9\xe9\xd6~\x8eA"$@\xf4\x1f=\x93\x19\x8c\x00\xc0\x18\xdb\xbau\xeb\x8a\x15+\xb4@P%@\x07\x80\x8a\x8d\xca\xff(\x17o5\xf9\xd5\xfc\xe2\x0bn\xe8{\xad\xcf\xed/s|&lt;s\x08%\xe1Px\xe8\xb8\x81\xf6T\x1bp \x84\xb8=\xa1\x9cYo\x12K\x8a\x80\x8a\x14\x00\xd4\\\x1b\x07\xc19p\xae\xfe\x87\xe0\x1c\x00DE\x94\xbaS\xb2?\xab\x96}\xba\xe9\x8b]\x94\x12\x00\x89\x90\xec\x97=\xc3d\xb1\x01\x00&gt;\x93\xfa\xcf_ \x84\x84C\xfeF\xcd/\xee\xd2w\x84j\t%\x84\x8c\x1f?\xbe\xa8\xa8H\x1f\x02*::\x00T`T\xebgnnnnn\xaej\xfc\'\x84\x0c\xbc\xaf\x17c\xf4\xec&gt;\x96\x18\xe3H8Z\xb7A\xad[\x07w\x95R\xaa\x96\xd0E\xafm\xde\xb9m/\xb5\x99\x92\x7f\x1b(\xa5\xe4 \x00\x04a\x94\xd9\xcc\x06\x97\xd5\x90\xe10\xa4\xdb\ri6C\xba\xdd\x90\xe1`.+5\x1b\xa5\x94\x15H\xecHJ\x89\x19\x8d\xfa\xc3\x13g\xafE\xaa\xf5S@\xb3K;^|\xf5\r!\xbf\xf7lm\xff\x15\x84\xd0p\xd0\xdfu\xc0Hg\xb5\xea\xaa\x1a\\XX8\x7f\xfe|}\x08\xa8\xe8\xe8\x00^QQ\xd9\x1e!D\xf3\xe6\xcdw\xee\xdai0\x18b\xd1X\xa7\x9b\xdbO]4\xdes\xc4s\x16\xb7\xff\xa5\xbf\x0f!\x8c0\xc6C\xbb\xdc\xf7\xc7\xbeB\x83\x81\xc5b\xfc\xda\x8eMs\xdf\x1a\x07\xfebB\x92T#HJ)@\xb2\x14\x86\xac)HH\xffA\xef\xce\x82\xc2]{\x0e\xfd\xf6\xc7Q\x8f7\x1c\x89\xc6\x0c\x06\x96\x96ji\\\xbf\xfa\x85M\xeb\x9ew^Md2\x08o\x08I\x84\x93\xf5/*\x038\xb0\x0c\xe7\x8c\x87W&gt;\xf4\xd8[\x8cQ\x10\x92`2\xfd\xb5\xbcs\x1a7/\x0e\x07\xcf\xb0\xf8\xff\x0f\xbf\x0e\xb8\xd3\x95\xb1~\xf93/\xcd\xcc\xa6\x94I)\x19\xa3;v\xech\xd4\xa8\x91R\xa0:\xbb\xbfN\x13\x1ft\x00\xa8\xa8\xa8\xed\xff\xc2\x85\x0bG\x8e\x1c\xc9\x18\x13B\x98\xad\xa6\xa7\xde\x9c]\xb7A\xadh8Z\x1e\xeb\x17pp\xb8\x1c\xebWm|t\xf4\x13\x84R\x8c$\x80\xd8\xb0\xec\xbe\xac\x1b\xdbpO\xf0_\x85\xa6\x13\x80\x948\xc5\x80\xccF\xf7\x1fE\xef\x7f\xb8\xe3\xad\xf5\xdb&gt;\xff\xa6`\xff\x01\xf7?~\xaf\xd1\xc0.k\xd3\xe0\xeeA\x1d\xfb\xf5l\x8b\xa4\x84\xe2\xd8\xd9)\xa1\x97\x0fBJld\x87\n\xbd\xcd:NV\xcd?\x9c\xf3N\xddo\xbfk\xca\xff\x05&lt;GOU\xf8\xe1\xe4\xc1\x98&lt;|\xc75\xfbv\xfe``\x86X,\xda\xb3g\xcf\x95+W\xaa[\xb1\x9c~\xa3\xa6\\\xd1\x01\xa0B\xa2\xce\xdd\x87\x0e\x1dj\xda\xb4\xa9\xc7\xe3Q\x9e_\xfd\xee\xe9&gt;r\xf2\x9dG\x0e\x161Cy=\xffB\x08\x9b\xc36\xea\xb6\x07\x7f\xf8\xe6gf`\x10\xe3\x8d\x1b\xd6\xf8a\xf3t*\x11\x96\xe2\xac\xd4\x9c\xcf\x16RJ\xc4\xe8o\xfb\x8f&gt;\xf7\xea\xa6WW~Q\xb6\xeec\x8c\x19%\x84\x94f\xc8\xa5*\x0c\xfc7\xf9s}\xa7\xe6/=}Gf\xf5T\x08G\x92vc\x0b\x1cX\xbac\xf0\x90\x85KV}a00\xce\x85\xc5n\x7fl\xf5\xb76g\x1a\x8f\x9d\x9d\xe2\xff?\xfcR\x00\xbb\xd3\xb5u\xd3\xfa\xc7F\xdd\xa6V|\x00\xd8\xb0aCVV\x96\x8e\x01\x15\x94$\xbd\xbf5\'F\x1d\xba\'L\x98\xe0v\xbb\x95\xe8\x7ff\xdd\xea\xbd\x86u\xf3z\xcef\xed\xf7\x1f\x01\x80a\xe3\x07QF\x05\x08\xca\xe8\xae\x82\x83s\x16\xac\xa3.k\xb2\t\x04\x81\x90\xc4fZ\xb7\xfe\xbbG\x9fxo\xff\x017\xa5\xc4`\xa0\x06\x03EH\xc68D\xa2&lt;\x12\xe1\x91\x08\x8fDy4\x06RJJ\t%\x841\xfa\xfeG;\xae\xbdu\xee\xd1\xa3~l\xfcw\x07\x95\x84P\xe2\xf8\xb8\xfe\xbb\xd7\xde\xf8\x92R\x02BJ)\xba\xdd9.=\xb3\xceYi\xfd&lt;\x1e\x94\xd2\x80\xcf\xdd\xb2]\xd6\xc5W\xdf\x08\xa5\x9e\x91\xaa\x01AW\x83+(:\x00T&lt;T\xeb\xe7\x96-[\x96/_\xae\x86\xf2\xa5\x94\xb7\x8f\xe9W\xad\xba\x8bGy\xb9n\xc3\x95@P\xab+Z\\\xdf\xab\xb3:\x85`\x8c\xe7?\xbf\xb1pw!1\x19E2-\x01\x94`\x19(\x1e\xd8\xfb\x8a\xba\xb5\\\x06F1B\xb1\x18\xc4b %\xaa]\xd3uy\x9b\x06\xd7wj~s\xd6EW]\xd1\xe4\x9c:iBH\x00!\x91\xe4\x1c\x8c\x06\xbac\xe7\x9f\xc3G/&amp;),\x99\xfe\xa0\xbf\x801\xc4`\xf2\x9c\xb7\x94&lt;\x83\x10\xa2\xde\xf9-\xb2z\x0f\x0f\xfa\xbd\xa7\'\xfbsJ\xbf[\x00\xef=\xf2a\x8b\xcd\xa1v\xfd%-\xc8\xba\x1a\\1\xd1q\xbb\xe2\xa1\x1e\xbc\xab\xae\xba*//\xcf`4\xc4\xa2\xb1\x0b/\xb9\xe0\xa95\xb3\x03\xde@\x1c\xd2\xd6RJf`~O`H\xe7\x91A\x7f\x881\x12\x8b\xc1\xe0\x9e\x97/~e$?\xec-\xef\xf3\xc7)\xc1\xb90d\xd8\xa7M^9e\xee\xdb\x08\xa1\x16M\xeb\xf4\xb8\xf9\xe2\xaeW7?\xbfa\r\xab\xd3\x82\x0c\x0ca\x84@\x04=\xc1O\xb7\xecy\xf8\xd17\xbf\xdc\xba\x97`,\xa4\xa4\x94\x00\x88Mk\x1eh\xdf\xa99\xf7\x87h2%\x828\x07C\x86s\xc9s\x1f\x0c\xce^\xcc\x18\x15\x02\t\x01\xe3\x9eZ\xd3\xaa}\x97\x80\xcf]\xfe\x01\x00\x01\x8f\xa5fd\xbe:w\xfc\xdb/\xcdc\xcc\x00\xc0SSS\x0b\n\nRSS\x11BI\x95\x06\xd4\xfc+ItgkN\x06\xb5\xfa\xafZ\xb5*//\x8f1\x06\x1c\x0cF6l\xfc\xa0\xd3\x93\xfc&lt;\r\x94gd\xf5Z\xe9\x03\xee\xed\xa9&lt;#\t!\xcb\xdf\xfaf\xcb\xa6\x9fh\x92\xa9\x84\x12\x8ae0r{\x9f+z\xdf|\xf1\xfb\xcb\xee\xdb\xf6\xe1\xe4\x9c\x9c\xeem.ih\xb5\x9aD$\xc6\xfd!\xee\rA0b5\x19\xbb\\\xd72\xef\xbd\x89\x9d\xda\x9d/\xa4\xa4\x04c\x8c0F\xaf\xbe\xf1%b\xc9%{\'\xa5$F\xe69\xe0\x9e\xb6`\x1d\xc6\x18!"\x04\\\xdc\xe9\xa6\x96\xed\xae\r\xfa=qX\xfd\x11B\x84\xb2\xa0\xc7\xddu\xc0\xa8\xeau\xceUV\x01n\xb7;\'\'G\x0b\x04UDt\x00\xa8H\xa8\xe3Z4\x1a\x9d4i\x12B\x08\x13,\x84\xe8\xd8\xf5\x8a\xd6W\xb68s\xd9\x9f\x93\x87R\x1a\xf0\x07\xbb\r\xecZ\xa7~-\x00\xa0\x94D\xa3|\xcc\xd4U\xc9\xa6\x0eD0FQ^\xb7V\xda\x8a%#\xaf\xbb\xa15\x162v$\x00\xc1\x88\x00\xc0\x18SB(%\x84`!d\xe4\x88\xdfh2&gt;9\xbd\x8f\xc1@\x85DR")\xd17\xdf\xfd*\xfca\x96L\xbd@\xc0\x05u\xd9\x16,\\_\xf0\xebaJ\t\x08`\x06c\xf7\xe1\x13\xa5\x10(&gt;\xf1\x1f!\x8cq\x8cG\xd3\xaa\xd7\xbci\xc8\x98R\x95P\xb2h\xd1\xa2\x9d;w\xeaDP\x85#\x89nn\xcd\xbf\xa2&lt;\xbf\xe6\xce\x9d\x9b\x9f\x9fo0\x18x\x8c\xdbSmw\x8e\x1b\x10\xf4\x87\xe2\xda\xb3\x88\x91\xe0\xc2dI\x19&gt;i0B\xa8\xc43\xf2\x8b]\xabV|\xca\xd2\xec\xc9\xe6\x19)\xa4\xe4\xfe0\xf7\x86$B\x8c\xa9\xca\xe5\xff\xac\x95\x18#\xa3\x91\x89@\xf1\x05Mj5i\x98)\xa5T\xff\xf9\xe0a_\xd0\x1f\xc64Y\xcc\xd0\x85\x10\xccn\xda\xf3\xfd\xbe\x05/|H\x08A\x08K!\xba\xf4\x1d\xd1\xa0i\xab3T\xfd&lt;U(e~\xf7\xd1\xab\xba\rj\xd2\xb2-\x00\xa7\x94q\xce\xef\xbd\xf7^]\n\xaep\xe8\x00PaP\xb5\xdf\x82\x82\x82\xd9\xb3g\x13B$\x92R\xca[\x07w\xad\xdb\xa0\xf6\xd9\x92\xfd9y\x08%\x01_\xb0]\xd6e\xad\xafl\xa1\x04\x820F\x0f\xce\\\xe39\xe8\xc1F\x96T\xab\x00FHm\xf6O\xfc\x06I)q\n\xab\xe6\xb2\x96\xfc\x7f\x10\x8a\xc68\x80\x8c\xd7\xc6\xfa\xdfQ\xae/\x0fN[\xe5\xf5\x85\x95+\x8b\xb3ZF\xd7\x01#\x8b\x83\x813W\xfd&lt;\xe5\x8bA\x921C\xb7a\xe3\t! \x80R\x96\x9b\x9b[fF\x14\xe7\x8b\xd1\x9c6:\x00T\x18\x94\xec\xcf\xb4i\xd3|&gt;\x9fj\xfc\xafS\xbfV\xdf\x11\xdd}n\x7f\xa2Z\xb0\x05\x88\x11\x0f\xddn00\x01\x82R\xbaw\xdf\x91\x05\x0b\xd7S\x97\rx\xc5\xcb\x03\x10\x8cq\x0c\xfc\x81\xe2\xb2\xaf\x98MF\x83\x81\xa2\xe4\x88e%\xad\x9f\x1fl_\xbdn+-U\xfd\xeb~\xf7C\x195\xebF\xa3\xc5\xf1/\xbd\x12B\x03&gt;w\xeb\x0e\xd7]\xde\xa5\x87(m\tUv\xa4\xfa\x1cP\x81\xd0\x01\xa0b\xa0j\xbf\x9b6mZ\xbat)e%\x9b\xac\xe1\x93\x06\x9b\xadf\x803r}9m\x08!\xa1@\xf8\xfc\x96\x8do\xbb\xe3F\x95\xf9%\x04/x\xe1\xc3\xdd\xdb~\xa56S\xc5\xd2V\x13RJ\x03=t\xc8\xbb{\xef!\x84\x90Z\xf4ke\xa6Z\x1cfU0H\xec\xe5I\x840%\x91`\xf1\x98\xe9\xab1F\x18\x13\x00h\xd2\xb2m\xa7[\x07\xfb\xbdE\xf1\xa9\xfd\xfe\x1dBh$\x14\xec5r\x8a\xd5\xe9\xe2&lt;\xc6\x18\xcb\xcf\xcf\x9f;w\xae\xae\x04T t\x00\xa80\x00@NN\x8e\x1a\xc0\x11 Z_\xd9\xa2]\xd6e\x01_ \x81\x1a\x0c\x84\x92P \xdcs\xe8-\xae\xf4T\x00A)\xf1\xfa\xc2\xd3\xe6\xbdM\xccFY\xa1\x96\x00\x88\x01I\xb5\xbc\xb0\xecS_\xa0\x98R\xa2\x02\xea\x95\x974\xc4\xd6\x14\xe0\x89\x8fdJ\xf5s\xf9\xf2\xcf\xb6n\xdfG\x08Uu\xd7n\xc3\xc6S\x96\xc8Q5\x8cq$\x12\xaeY\xafQV\xef\xbb\xa4\x94R"\x8c\xc9\xbcy\xf3\n\x0b\x0buGPEA\x07\x80\n\x80\x92z^\xb6l\xd9\xa6M\x9b\xd4\xdc/e\xf4\xee\x87nO\xf8\xf0\xadj\t\xadQ\'c\xc8\x98&gt;\xaa%\x94R\xb2\xec\xcd\xaf\xf3\xd6\x7f\xc7R\xad\x15EY3\x16\x03cu\xe7W\x1b\x7f\x98\xf1\xc4{\x84`)\xa4\x94\x88RrG\x9f+Q\x84\'\\\xe7NJIM\xc6\xa3\xbf\x1f\x1d?\xebMU\xc1\x16\x02\xdaf\xdd\xd6\xa6\xc3\xf5\x01\x9f;\xfe\xd9\xff\xbfB(\rz\xdd7\x0f\x19S\xa3n}u\x08(**\x9a0a\x02!\xc9R9\xd7\x9c\x18\x1d\x00\x92\x1d\xa5\xfa\xe0\xf3\xf9\xa6N\x9d\xaa$\xde\x84\x10\xd7\xf7\xea|~\x8bF\xa1@8\xe1b5\x94Q\xbf\'\x90\xd5\xbdS\xa3f\xf5U\x99\x1a@L\x9e\xf3\x96\xe0\xe2\xb4\xed\xc8\xe3I,\x06\xc6\x0c\xc77\x9f\xfdr\xd3\xa0\xa7C\xe1\xa8\x94\x882\x02 \xee\x19\xdc\xb1\xf9\xa5\x8dx \xf1B\xa7\x02\x04\xb1\x99\xe6/\\\x7f\xf0\x90\x8f\x10\x02BXl\x8e[\x86\x8e\x8b\x14\xc7\xaf\xf1\xf7x`\x849p\xb3\xd5~\xdb]\x13Pi\x97\xda\xb2e\xcb\xb6n\xdd\xaa\x8d\xe3+\x04:\x00$;jU\x9d={vAA\x81\xb2|\xb19\xacCF\xf7\r\x87\x8a\x93D\xae\x12\x00,V\xd3\xd0q\x03\x95\xdd\n\xa5d\xd3\x97\xf9K\x96\xe4\xb14[\xb2\xb5\x84\xfe\x15e\x12`\xac\xee|\xff\xedo\xae\xed&gt;\xef\xf0Q?!\x98Q\x12\x8b\xc1\x15m\x1a\xcc\x9a\xd6\x1b|\xe1\xc4\xaf\xfeBP\x9by\xe7\xd6=s\x17}@\x08\x96\x08K!\xae\xe95\xaca\xd3V\xc5\xa1\x00\xc6\x89\xbf\x01(eA\x9f\xa7\xc3M\xfd\x9b\xb4\xba\x1c\x80\x13B\xa3\xd1hvv6\x00\xe8C@\xf2\x93\xf8\x1bHs\x02\xd4\x96\xaa\xa4\xb6V\xda\xfb1`T\xcf\xea\xb5\xd2\xe3\xdf\xfay&lt;(\xa5~O\xe0\xb2\xab\xdb\xb4\xebr\x99\x00\x81\t\xc6\x18\x8f\x7ft\xcd\xd1\xdf\x8f&amp;\xadg\xa4JY\x1b\\\xb6\xa7\x17\xbc{c\xbf\'\xbd\xfe0!\x98\x10\x12\xe3\xd0\xb6u\xfd\xb7\x97g\x9b\x8d\x06\x0c\xc9\xa0o\x8a1%\xa3\x1eZ\x11\x8drB(\x00d\xd4\xaew\xc3\x80Q\x01\x8f\xbb\xfc4\x9fO\x15\x89\x90\x00\xdeg\xd4TJ\x99\x9a\r\xde\xbcy\xf3\xb2e\xcbtKh\xf2\xa3\x03@R\xa3VO\xd5]\xa7&lt;\xbf\x1a5\xab\x7f\xeb\x90\x1b\x02\xbe`r\xa9\xefb\x04\x00C\xc7\r\xb4\xda-\x02$\xa5\xe4\xe0!\xdf\xfc\x85\xeb\x89\xcd\x94\xf0B\xc5\xdf\x91RJL\xa8\xc5\x98=z\xf1\xa8\x89\xcb\x95\xc1\x19\xc6\x98s\xb8\xf1\x9a\x16\xb9k\x1e\xa8\xe6\xb2Bq\xb9x*\x9c\x12\x00\x82:\xcc\xb9\xefm\xfd \xef\'J\x89\x90\x12I\xd9\xe3\xeeI\xa9\x19\x991\x9e,\xe1\x1f)\xcf\xc8\xa0\xbf\xd9\xa5\x1d;v\x1b\xa8&lt;#1&amp;S\xa7N\xf5z\xbd\xba%4\xc9\xd1\x01 yQ\xad\x9fyyye\xf35R\xca\xa1\xe3\x06\x9a\xcc)qS\xfe9I\x94Jh\xe3\xe6\rn\x19t\xbdr\xd7%\x04\xcf]\xf4A\xfe\xb6\xbd,\xc9\x04\x82\x10B\x02!j1\x0c\xbd\xe7\x85\'^\xf8\x901\x821\x92\x12\x01\x88\xd1w]\xf3\xf6\xf2\xfb\xecf#\x84\xa3\tO\xaf\xa9\xb1/\x1e\x8a\x8e\xcaY\x81\x95\xe3#@\x93V\x97w\xb8\xa9\xbf\xdf}4Q\xad\x9f\xc7\x03\x13\x1a\x0e\xf8\xbb\x0f\x9fdu8\x018c\xb4\xa0\xa0`\xc1\x82\x05j`-\xd1W\xa79.:\x00$)j\xec+\x12\x89\x8c\x1d;\x16c\xacZ?\xdb]\xd7\xf6\xb2\xab\xdb\xf8=\x81\xe4\xda\xfe#\x84\x10\xa2\x8c\xfa&lt;\xfe^\xc3\xba\xd5:\xa7\x86\x00A(\x8dF\xf9\xc4Yk\x11I.=55Q5\xe3\xd1\xb5/.\xff\xcc`\xa0\x00Ri?&lt;;g\xe0\xfc\xc7\x87\x88(\x17Q\x9e\xf0\xd5\x1f!$\x00\xa8\xd3\xfc\xec\x8b\x1f\xee*8H(\x15B0\x83\xb1\xcf\xa8\xa9\x02x\x12V\xd71\xc6\xd1hq\xb5\xcc\xda\xdd\xee\x1cW*\x10D\x1f\x7f\xfcqU\xb8J\xb6\x1d\x80\xa6\x8c\xc4\xdf\xe8\x9a\x7fD\xd5~W\xacX\xb1e\xcb\x16\xb5\xfd7\x18\xd8\x90\xd1}\x84H\xcc\xd8\xd7\xbf\x821\xe6Q\x9e^#\xad\xcf\x88\xeeRJ)$\xa5d\xf5\xbb[\xf26ng\xa9\xd6$\xd9\x06\n!\x995\xe5\xc7o\n\x1e\x9e\xff\x8e\xd2|\xc6\x181JW\xbfx\xf7\xf0\x91\xd7\xc5\x8e\xf8\xb1\x94\t\xcf\xfc \xd5\xfae2\xba\xf7\x17M\x9e\xfb6\xc6\xaa\xf5S\\vm\xb7f\x97^\x15g\xd9\x9f\x93\x87R\x16\xf6\xfb\xae\xed5,\xf3\x9c\x86\xca8\xde\xeb\xf5N\x9b6M\xcf\x04$3\xc9x\'i\xd4\xf6\xdf\xedv\x8f\x1f?\x9e\x10\x820\x12B\xdcv\xc7\x8dM.l\x14O\xd5\xcfS\x852\xea)\xf2v\xed}M\xf3\x8b/\x00\x00%\x104f\xdaj\x1e\x8e&amp;\x89P\xa8\x90\x12\xa5\x18\x16\xbe\xfc1\xe7%\x05^!\xe4K\x8f\x0f\xbe\xb5_\xfb\xe8A/c$I\x12\xeb\x02$\xb1\x9brf\xbd\xa9\xfc~\x01\xc0\xeat\xf5\xbagJ8\xe8Ol\xe3\xff\x89\x01\xe0)fk\xbf\xec\x19\xa8$\x81\xc9\x96.]\xbay\xf3f\xc6X\x92\xec\x004\xc7\x90\xa4KI\x15Gm\xffsrr\n\x0b\x0b\t%\xc0\xc1\x95\x9e\xdas\xe8-\xa1`8\x19\xb2\x13\'B"f\xa0\x83\xee\xeb\xa5\xf4\x00\x08![\xb7\xef{\xf6\xb9\x8d\xd4i\x11\x89^\x02\x94\x1a(w\x07?\xfal\'\xc6\x88`$\x84\xec}\xf3%\x03\xee\xec\x14=\xe81\x18\x92ea\x15BP\xbbi\xcb\xa6\x9f\x17\xbd\xb6\x99\x10,%\x92Rf\xf5\xbe\xabf\xbdF\xe5\xea\xf8x\xe6\x10JC~\xef\xc5W\xdf\xd0\xec\xd2\x8eB\x00!\x18\x00\xb2\xb3\xb3#\x91\x88\xae\x06\'\'\xc9\xbd\x9aTI\xd4\xbaY\xe2\xb4W\xda\xfa9dL\xdf\x1a\xb53\x92\xa7\xf5\xf3x\x10J\xfc\x9e\xc0\xe5\x9d/\xb9\xfa\xe6vJ%\x94\x10&lt;y\xde\xdb\xee\xfdE\to\t\x95Rb\x03;t\xd8\xbb\xff\x80[J\x04B \x84\x86\x0f\xec b@\x92\xeb]\xc5\x98\xd11SWq\x0ej\xfb\x9fyN\xc3\x9b\x87\x8c\tz\xdd$\xf9j?\xc7 \x11\x12 \xfa\x8f\x9e\xc9\x0cF\x00`\x8cm\xdd\xbau\xc5\x8a\x15Z (9\xd1\x01 \xe9P\xf9\x1f\xe5\xb5\xad&amp;\xbf\x9a_|\xc1\r}\xaf\xf5\xb9\xcb\xdd\xf0\xfd\xac@(\t\x87\xc2C\xc7\r\xb4\xa7\xda\x80\x03!\xc4\xed\t\xe5\xccz\x93XR\x04$t\x0f(\x11"\xc4\xed\rG\xa3\x9cR\x82\x10\xb6YS\xcekP\x9dDb\t\x1f\xf8*C\xc9\xfe\xacZ\xf6\xe9\xa6/vQJ\x00$B\xb2_\xf6\x0c\x93\xc5\x06\x0089\xeb?\x7f\x81\x10\x12\x0e\xf9\x1b5\xbf\xb8K\xdf\x11\xaa%\x94\x102~\xfc\xf8\xa2\xa2"}\x08HBt\x00H.T\xebgnnnnn\xaej\xfc\'\x84\x0c\xbc\xaf\x17c\xb4\xa2&lt;&lt;\x18\xe3H8Z\xb7A\xad[\x07w\x95R\xaa\x96\xd0E\xafm\xde\xb9m/\xb5\x99\x12\xbc\r$(\x12\x8d\xc58\x00\x08\x00\x11\x8b\x81\xd5bDI#\\*\xa5\xc4\x8cF\xfd\xe1\x89\xb3\xd7"\xd5\xfa)\xa0\xd9\xa5\x1d/\xbe\xfa\x86\x90\xdf\x9b\xfc\xdb\x7f\x05!4\x1c\xf4w\x1d0\xd2Y\xad\xba\xaa\x06\x17\x16\x16\xce\x9f?_\x1f\x02\x92\x10\x1d\x00\x92\x08\xb5\xf7W\xe6J\x08#B\t\x00\\u\xe3\x95W\\s\xa9\xdf\x13\x0f\xc3\xf7\xb3\x05\xa5\xd4\xe7\xf6\xf7\x1d\xd1\xbdv\xbdL\xe0@)\xe5\x1cF\xe5\xac\xc0\x14\xc7\xcd\xb9\xf0\xef`\x8c\x10\x08\xa7\xdd|\xf5\x95M:]y\xfe\xd5W6\xb9\xbeSs\xc6(J\x9a\xc8*@P\x97m\xce\x82u\xbb\xf7\x1eb\x8c\x82\x10\x94\xb2\xfe\xa3g\nH\x9a\x18u\x12\xa8\x96\xd0\x8c\x9a\xe7t\x1f&gt;\xb1\xac%t\xce\x9c9\xf9\xf9\xf9:\x06$\x1b\xfaP\x96D\xa8\xed\xff\xc2\x85\x0bG\x8e\x1c\xc9\x18\x13B\x98\xad\xa6\xa7\xde\x9c]\xb7A\xadh8\xf1\x83\xa9\xa7\x04pp\xb8\x1c\xebWm|t\xf4\x13\x84R\x8c$\x80\xd8\xb0\xec\xbe\xac\x1b\xdbpO0\x81\x12\xd6\x98`d2\x96\xfcCJT\x1cM\x92\'@H\x89\x8d\xecP\xa1\xb7Y\xc7\xc9\xaa\xf9\x87s\xde\xa9\xfb\xedwM\xf9\xbf\x80\xe7h\xf2\x08?\x9c&lt;\x18\x93\x87\xef\xb8f\xdf\xce\x1f\x0c\xcc\x10\x8bE{\xf6\xec\xb9r\xe5Ju\x93\'\xfa\xd24%T\x98Me\xa5G\x08\x811.,,\xcc\xc9\xc9\xc1\x18\xab\xd6\xcf[\x06]\x7f\xfe\x85\r\xc3\x81p\xc5Z\xfd\x91R\t\xf5\xfa\xbb\xf4\xe8|\xe1%\x17\x08\xd5\x12\x8a\xd0\xa8\x9c\x15\xd1@1\xa6\x89LgI!y \xcc\xfda\xee\x0fC0\x92$\xab?BH\x82 V\xd3\x83\xd3W\x17\xb9\x83\x8cQ\x00au8\xbb\x0f\x9f\x18\t\x87p\x12\xb7~\x1e\x0f\x000[m\xbd\xefy\x18I)\x04PJW\xadZ\xa5\x12\x9b\xba%4y\xd0\x01 YP\xb2\xcf\x13&amp;Lp\xbb\xddJ\xf4?\xb3n\xf5^\xc3\xbay=\x15\xa3\xf6\xfb\x8f\x00\xc0\xb0\xf1\x83(\xa3\x02\x04etW\xc1\xc19\x0b\xd6Q\x975\x81\x02ARJ$\x1132fd\x08\xa1$\xc9H\x948&gt;\xae\xff\xee\xb57\xbe\xa4\x94\x80\x90R\x8anw\x8eK\xcf\xac\x93\xe4\xad\x9f\xc7\x83R\x1a\xf0\xb9[\xb6\xcb\xba\xf8\xea\x1b\xa1\xd43R\xb56\xe8jp\xf2\xa0\x03@R\xa0Z?\xb7l\xd9\xb2|\xf9r5:/\xa5\xbc}L\xbfj\xd5]&lt;\xca+\xe2\xf3\x8fJ\x05\x82Z]\xd1\xe2\xfa^\x9d\xd5:\x8b1\x9e\xff\xfc\xc6\xc2\xdd\x85\xc4d\x14\tY\x02\xa4$F\xc6\x1c\x96\x80?\xec\xf1\x04\xa9\xd9H\xad&amp;\x99\x0c\tv\x8c!\x06\x93\xe7\xbc\xa52\xe6B\x88z\xe7\xb7\xc8\xea=&lt;\xe8\xf7&amp;\x9b\xec\xcf\xa9\x80\x05\xf0\xde#\x1f\xb6\xd8\x1c*\xf3S\xd2\xdc\xac+\x01I\x83\x0e\x00I\x81*\xff\x8e\x1d;6\x12\x89\xa8\xc9\xaf\x0b/\xb9\xa0K\x8fN\xde"_\xc5\xdd\xfe\xa3\x12\xcf\xc8\xd0\x90\xd1}m\x0e+\x80`\x8c\x14\xb9\x83\xe3\xa7\xaf&amp;v\xb3\x8c\xfb!@J\x89\x8c\xec\x8f\x03\xee\x01w\xfc\xdf\xf9\x1d&amp;\x9fweN\x97\xees\xbf\xf9z7\xb1\xa6$\xd6\xc1\x98s`\xd5\xecK_\xdb\xb4\xe9\xcb|\x95\xfcAR\xf6\xbe\xe7a\xa3\xc9\x0c\xc0\x13xag\x88R\t=\xf7\x82\x8b\xae\xe95\xacT%\x14\xe7\xe4\xe4\xb8\xddnm\x19\x96$\xe8\x00\x90x\xd4\xe6h\xd5\xaaUyyy\x8c1\xe0`0\xb2a\xe3\x07%\x9b\xe4\xe7i\xa0&lt;#\xab\xd7J\x1fpoO\xe5\x19I\x08Y\xfe\xd67[6\xfdD\x13\xa0\x12\x8a%\xc6\xfd\xef~~\xe9\x9a\xaf\xfe8\xe09|\xd4\x9f\x9b\xf7\xd3u}\x16\x1c\xd8_D\x8c,Q\xeb\x91\x94\x92\x18\x99\xe7\x80{\xda\x82u\x18c\x84\x88\x10pq\xa7\x9bZ\xb6\xbb6\xe8\xf7T\xe4\xed?B\x08\x11\xca\x82\x1ew\xd7\x01\xa3\xaa\xd79WY\x05\xb8\xddnU\xe5\xd2\x87\x80d@\x07\x80\x04\xa3\xd6\x9dh4:i\xd2$\x84\x10&amp;X\x08\xd1\xb1\xeb\x15\xad\xafl\x91\xcc\xb2?\'\x0f\xa54\xe0\x0fv\x1b\xd8\xb5N\xfdZ\x00@)\x89F\xf9\x98\xa9\xab\xe2\xac\x0e$\x84$&amp;\xc3\xde]\x076\x7f\xb5\x9bR\x95\x91\xc6F\x03+\xf2\x04?\xca\xfb\t[S\x12\xd5i\t\\P\x97m\xc1\xc2\xf5\x05\xbf\x1e\xa6\x94\x80\x00f0v\x1f&gt;Q\n\x91\xc0\x96\xd9\xb3\x05\xc68\xc6\xa3i\xd5k\xde4dLiK(Y\xb4h\xd1\xce\x9d;u"(\x19\xa8\xf0\xebKEGy~\xcd\x9d;7??\xdf`0\xf0\x18\xb7\xa7\xda\xee\x1c7 \xe8\x0fU\xa0\xc6\xff\x13\x81\x91\xe0\xc2dI\x19&gt;i0B\xa8\xc43\xf2\x8b]\xabV|\xca\xd2\xecq\xf5\x8c\xa4\xd8\xed\x0bK)\x00T\x91E\n!\x08\xc1G\xdd\x01\x84\x11J\xc4\xfa/\x84`v\xd3\x9e\xef\xf7-x\xe1CB\x08BX\n\xd1\xa5\xef\x88\x06M[%\xad\xea\xe7\xa9B)\xf3\xbb\x8f^\xd5mP\x93\x96m\x018\xa5LM\xba\xe8Rp2P\x19\xee\xb0\x8a\x8b\xaa\xfd\x16\x14\x14\xcc\x9e=\x9b\x10"\x91\x94R\xde:\xb8k\xdd\x06\xb5\x93_\xf6\xe7\xe4!\x94\x04|\xc1vY\x97\xb5\xbe\xb2\x85\x12\x08\xc2\x18=8s\x8d\xe7\xa0\x07\xc73\xf7\xc2eF\x9a\x95RRv\x02 \x84\x08!3\xab;Q\x82v\xdb\xca\xf5\xe5\xc1i\xab\xbc\xbe\xb0\xf2NqV\xcb\xe8:`dq0\x90\xcc\xaa\x9f\xa7\x8aD\x921C\xb7a\xe3\t! \x80R\x96\x9b\x9b[fs\x94\xe8\xab\xab\xd2\xe8\x00\x90HT\xedw\xda\xb4i&gt;\x9f\x8f2\xcac\xbcN\xfdZ}Gt\xf7\xb9\xfd\x95oXF\x80\x18\xf1\xd0\xed\x06\x03\x13 (\xa5{\xf7\x1dY\xb0p=u\xd9\x80\xc7#\x0f@\x08\x86\xe2\xe89\x8d2\xaf\xbb\xaaY\xd9\t \x1a\xe3\xb53S;_\xddL\x06\x8bi\xdc\'-JZ??\xd8\xbez\xddVZ\xaa\xfa\xd7\xfd\xee\x872j\xd6\x8dF\x8b+M\xf8G\x08\x11B\x03&gt;w\xeb\x0e\xd7]\xde\xa5\x87(m\tUF\xa7\xfa\x1c\x90Xt\x00H\x18\xaa\xf6\xbbi\xd3\xa6\xa5K\x97RV\xb2\x15\x1a&gt;i\xb0\xd9j\x06HR\xd7\x97\xd3\x86\x10\x12\n\x84\xcfo\xd9\xf8\xb6;nT\x99_B\xf0\x82\x17&gt;\xdc\xbd\xedWj3\xc5\xa7\t\x07c\x84\xb8x\xf9\xe9;\xef\xe8se\x9d\x9a\xae\x8cj\xf6\xae\x9d/\xdc\xf0\xfa\xe8j\xe9v\x11\x838/\xb8\x12!LI$X&lt;f\xfaj\x8c\x11\xc6\x04\x00\x9a\xb4l\xdb\xe9\xd6\xc1~oQE\xaf\xfd\xfe\x1dBh$\x14\xec5r\x8a\xd5\xe9\xe2&lt;\xc6\x18\xcb\xcf\xcf\x9f;w\xae\xae\x04$\x16\x1d~\x13\x86Z\xf1;u\xea\xb4i\xd3&amp;\x83\xd1\x10\x8b\xc6Z_\xd9b\xde\xf2i\xc1JQ\xfb\xfd;RJf`~O`\xd8\xf5\xa3=G\xbd\x8c\x91X\x0c\x06\xf6h\xbb\xe4\x95\x91\xfcH\xbc\xba]\xa5\xc4\x06\x86L\x86\xe0a_\x8cCj\x86\x03!$B\t\x90\xd9\xe0\x1c\x0c\xe9\x8e\xc5\x8b&gt;\xb8}\xcc+\xb4\xa4\x1e.\x1fxjM\xcb+\xaf\r\xfa=\x95)\xffS\x06\x00w\xa6e,\x7fr\xf2\x9b\xcf\xcdf\xcc\x00\x00.W\xea\x8f?\xfeX\xbdzu\x84P\xa5\xbc\xe7\x93\x1f\xfd\xa6\'\x06%\xf5\xbcl\xd9\xb2M\x9b6\xa9\xb9_\xca\xe8\xdd\x0f\xdd\x9e\xc0\x11\xd9\xf2F\xb5\x84\xd6\xa8\x931dL\x1f\xd5\x12J)Y\xf6\xe6\xd7y\xeb\xbfc\xa9V\x88\xcf\x1f\x8e\xb1\x88q\xee\rYm\xa6\xd4T+\x84\xa2\x90\x88\xd5_JIM\xc6\xa3\xbf\x1f\x1d?\xebMU\x8d\x10\x02\xdaf\xdd\xd6\xa6\xc3\xf5\x01\x9f\xbbR\xae\xfe\x08!Bi\xd0\xeb\xbey\xc8\x98\x1au\xeb\xabC@QQ\xd1\x84\t\x13\xf4L@\x02\xd1\x01 \x01(\xd5\x07\x9f\xcf7u\xeaT\xb5\xfa\x08!\xae\xef\xd5\xf9\xfc\x16\x8dB\x81p%\xde\nQF\xfd\x9e@V\xf7N\x8d\x9a\xd5W\x05p\x001y\xce[\x82\x8b\xb8\x19\x9dc\x8c)%\x82\x83\xe0@\x08N\x88\x13\x80\x00Al\xa6\xf9\x0b\xd7\x1f&lt;\xe4#\x84\x80\x10\x16\x9b\xe3\x96\xa1\xe3"\xc5\x95\xf3\xf0\xa7\xc0\x08s\xe0f\xab\xfd\xb6\xbb&amp;\xa0\xd2\xfe\xb7e\xcb\x96m\xdd\xbaU\x1b\xc7\'\x8aJ{\xb7%3j\xed\x9b={vAA\x81\xb2|\xb19\xacCF\xf7\r\x87\x8a+I\xeb\xe7\xf1\x01\x00\x8b\xd54t\xdc@)eIK\xe8\x97\xf9K\x96\xe4\xb14[&lt;[B\x95\xd3z\xdc~\xdd_\x11BP\x9by\xe7\xd6=s\x17}@\x08\x96\x08K!\xae\xe95\xaca\xd3V\xc5\xa1\x00\xc6\x95\xf9\x06\xa0\x94\x05}\x9e\x0e7\xf5o\xd2\xear\x00N\x08\x8dF\xa3\xd9\xd9\xd9\x00\xa0\x0f\x01\t\xa12\xdfm\xc9\x89\xda\xf8\x94T\xc0J{?\x06\x8c\xeaY\xbdVzej\xfd&lt;\x1e\x94R\xbf\'p\xd9\xd5m\xdau\xb9L\x80\xc0\x04c\x8c\xc7?\xba\xe6\xe8\xefG\x13\xee\x19\x19/0\xa6d\xd4C+\xa2QN\x08\x05\x80\x8c\xda\xf5n\x180*\xe0qWD\xcd\xe7SE"$\x80\xf7\x195\x95R\xa6f\x837o\xde\xbcl\xd92\xdd\x12\x9a\x10t\x00\x887j\x8dS=p\xca\xf3\xabQ\xb3\xfa\xb7\x0e\xb9!\xe0\x0bV\xbe\xd6\xcf\x7f\x06#\x00\x18:n\xa0\xd5n\x11 )%\x07\x0f\xf9\xe6/\\Ol\xa6J\\\x02Q\x00\x08\xea0\xe7\xbe\xb7\xf5\x83\xbc\x9f(%BJ$e\x8f\xbb\'\xa5fd\xc6x\xe5\x0f\xff\xa8T \xa8\xd9\xa5\x1d;v\x1bX*\x10D\xa6N\x9d\xea\xf5zuKh\xfc\xd1\x01 \xae\xa8\xd6\xcf\xbc\xbc\xbc\xb2)\x18)\xe5\xd0q\x03M\xe6\x94J\xa0\xfcs\x92(\x95\xd0\xc6\xcd\x1b\xdc2\xe8z!\x84\xf2\x8c\x9c\xbb\xe8\x83\xfcm{Y\x02\x04\x82\xe2\x87\x1a\xfb\xe2\xa1\xe8\xa8\x9c\x15X9&gt;\x024iuy\x87\x9b\xfa\xfb\xddG+_\xeb\xe7\xf1\xc0\x84\x86\x03\xfe\xee\xc3\'Y\x1dN\x00\xce\x18-((X\xb0`\x81\x1a\x85K\xf4\xd5U-t\x00\x88\x1fj\xec+\x12\x89\x8c\x1d;\xb6d\x0c\x15D\xbb\xeb\xda^vu\x1b\xbf\'PU\xb6\xff\x08!\x84(\xa3&gt;\x8f\xbf\xd7\xb0n\xb5\xce\xa9!@\x10J\xa3Q&gt;q\xd6ZDH%\xde\x02\n\x00\xea4?\xfb\xe2\x87\xbb\n\x0e\x12J\x85\x10\xcc`\xec3j\xaa\x00\x1e\xb7\x1ax2\xa0&lt;#\xabe\xd6\xeev\xe7\xb82\xcf\xc8\xc7\x1f\x7f\\\x95\xc4*\xf1\x0e \t\xd1\x01 ~\xa8\xda\xef\x8a\x15+\xb6l\xd9\xa2\xb6\xff\x06\x03\x1b2\xba\x8f\x10\x95m\xec\xeb_\xc1\x18\xf3(O\xaf\x91\xd6gDw)\xa5\x14\x92R\xb2\xfa\xdd-y\x1b\xb7\xb3Tk\xa5\xdc\x06J)\x89\xc9\xe8\xde_4y\xee\xdb\xaa\x04-\x84\xb8\xec\xdan\xcd.\xbd\xaa\xd2\xc8\xfe\x9c&lt;\x94\xb2\xb0\xdfwm\xafa\x99\xe74T\xc6\xf1^\xafw\xda\xb4iZ%4\xceT\xad\xdb.\x81\xa8\xed\xbf\xdb\xed\x1e?~&lt;!D9&gt;\xdev\xc7\x8dM.l\x14\x7f\xd5O\xa5\x83&amp;\xa0\xf4%D\xfcs\xaf\x94QO\x91\xb7k\xefk\x9a_|\x01(\xcfH\x8c\xc6L[\xcd\xc3\xd18\x0b\x85\xc6\x07\x01\x92\xd8M9\xb3\xdeT~\xbf\x00`u\xbaz\xdd3%\x1c\xf4\xc7\xb9\xf1\xbf\xe4\xd3\x17 \xa0\xe4\xe3OH\xe6\x1d\x80\xa7\x98\xad\xfd\xb2g\xa0\x92\xd4([\xbat\xe9\xe6\xcd\x9b\x19c\x95r\x07\x90\x9c\xe8\x00\x10\'\xd4\xf6?\'\'\xa7\xb0\xb0PY\xbe\xb8\xd2S{\x0e\xbd%\x14\x0c\xc7\xad\xf5S\n\xa9\xaa\x0e\x06\xa3\xc1b\xb3\xd8\x9cV{\xaa\xcd\xe6\xb4Ym\x16c\x8a\x01!\x04\x00q\xdd\x7fI\xc4\x0ct\xd0}\xbd\x94\x1e\x00!d\xeb\xf6}\xcf&gt;\xb7\x91:-\xa2r-\x01B\x08j7m\xd9\xf4\xf3\xa2\xd76\x13\x82\xa5DR\xca\xac\xdew\xd5\xac\xd7(~\x8e\x8fR\n\x00)\x04c\x06\xb3\xc5f\xb5\xa7Z\x9d.\xab=\xd5l\xb11f\x10B\x08\x80xj\xa2\x12JC~\xef\xc5W\xdf\xd0\xec\xd2\x8eB\x00!\x18\x00\xb2\xb3\xb3#\x91\x88\xae\x06\xc7\r\xfdF\xc7\x03e\xf8\xbek\xd7\xae\xe6\xcd\x9b\x0b)0\xc6\xc0a\xf4\xcc\x11\xb7\r\xb9\xc1s\xd4\x1b\x07\x15\x04\x95i5[R\x8c\xa6\x94\xe2`\xf8p\xe1\xd1\xc3\x07\x8e\xfa\xbd\x81hq\x94\x19\x99\xcdaM\xcf\xacV\xbdf5\xab\xdd\xcac&lt;\x14\x0cc\x84\xe33\x1f\x0b\x1cR\xab9\x1f\xfe\xcfc\x1f\xae\xdd\xc4\x0cL\x008\x1d\xe6\x82/\x1fu\xba\xac(VQ\xbd0\xff\x8e\x10\x92:-\x1d\xbb&lt;\xb2\xe9\x8b]\x06\x03\x8b\xc5 \xf3\x9c\x06\x8f\xae\xf8\x1cI)\x90\xc4\xe5\x9f\x01\x14\x00\x941\xb3\xd5\x01&lt;Vt\xf8\xcf#\x07~\xf7\xbb\x8fD#\xc5\x06c\x8a\xc3\x95\x9eQ\xab\x9e\xabzMBY8\xe0\x13\x02\xe2v"\x11B\x98\xcc\xd6\xdf\xf2wL\x1et\xb5\x00N\x08\xe1\x9c/^\xbcx\xf0\xe0\xc1\xaa]"&gt;\x97Q\x95\xd1\x01 \x1e\xa8\xbb\xb9K\x97.\xb9\xb9\xb9J\xf6\xa7\xf9\xc5\x17,X5#\x12\x8a\xc4a\x9d\x15B0\xc6\xccV\xf3\xee\x9f\xf6|\xb2\xee\xb3o&gt;\xd9\xf6[\xc1\xfeP \xfc\xd7\xefI1\xa5\xd4\xaaW\xa3e\xdb\x0b\xaf\xba\xf1\xca\x0b/m\n\x9cG\xc2\xd18\x1cM\xa4\x94\x06#;z\xc8sW\xd7\xd1\x01o\x90R\xc29\xdc3\xe4\xaa\xa7\x9f\xba\x93\x17\x05(\xab\x0c\'T\xe0\xc0\xd2\xec\xab\x96n\xeeu\xf7s\x94\x12)\xb1\x100f\xfe\x8aK:\xdd\x14\xf4yH\xf9</t>
        </is>
      </c>
    </row>
    <row r="271">
      <c r="A271" s="1" t="n">
        <v>269</v>
      </c>
      <c r="B271" t="inlineStr">
        <is>
          <t>shape_size_hexagon</t>
        </is>
      </c>
      <c r="C271" t="inlineStr">
        <is>
          <t>What is the size of the missing shape denoted with a question mark if it is a triangle?</t>
        </is>
      </c>
      <c r="D271" t="inlineStr">
        <is>
          <t>['medium', 'large', 'small']</t>
        </is>
      </c>
      <c r="E271" t="inlineStr">
        <is>
          <t>medium</t>
        </is>
      </c>
      <c r="F271" t="inlineStr">
        <is>
          <t>There are 7 shapes with different sizes in the image, of which there is a missing triangle in the center. The other shapes are arranged around the center, which are ['square', 'triangle', 'hexagon', 'square', 'triangle', 'hexagon'] in anti-clockwise order. Their corresponding sizes are ['small', 'medium', 'large', 'small', 'medium', 'large'].</t>
        </is>
      </c>
      <c r="G271" t="inlineStr">
        <is>
          <t>We observe that the squares are small size, the triangles are medium size, and the hexagons are large size. Hence, the pattern is that each shape appears with a distinct size.</t>
        </is>
      </c>
      <c r="H271" t="inlineStr">
        <is>
          <t>Based on the pattern that each shape appears with a distinct size, the size of the missing triangle should be medium.</t>
        </is>
      </c>
      <c r="I271" t="inlineStr">
        <is>
          <t>b'\x89PNG\r\n\x1a\n\x00\x00\x00\rIHDR\x00\x00\x02\x00\x00\x00\x02\x00\x08\x02\x00\x00\x00{\x1aC\xad\x00\x00L\xefIDATx\x9c\xed\xddy|T\xd5\xdd?\xf0{\xce\xb93\t\x84d\x12\x90E\xc5\x8d\xb0TA\x1f\t\xf5\x91\xf6\'\x017\xf0\xb1\xb6j\x05\x04\x14\xc1\x9fT\xacP\x08[\tb\xc0$\xac\xb2$Z\xf0W\xec"K\tV\xa4\xd6\xd6\xf6\x11\xad\xcaR\x1fm-\xa1\xb5\xa0E\x08Zk\x1f\x114\xc9d#\x99\xb9\xe7\x9c\xdf\x1f\xdf\xe4:&amp;\xa0\x84\xcc\xcc\x9d\xb9\xf7\xf3\xfe\xc3\x97\x02\x86\x9b\xc9\xbd\xe7s\xee\xd9\xbeLkm\x00\x00\x80\xf7p\xa7/\x00\x00\x00\x9c\x81\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2\x9d\xbe\x00\x000\x0c\xc3\xd0Z+\xa5\x9c\xbe\x8a\x98c\x8cq\x8e~g\xa2`Zk\xa7\xaf\x01\x00&lt;Dk\xcd\x18s\xfa*\xc00\xf0\x06\x00\xe08\xea\x84\xd5\xd4\xd4\x94\x97\x97;}-\xb1\xa5\xb5\x0e\x04\x02C\x86\x0cA\x06$\x08\xbc\x01\x008LJ)\x84\xb8\xf7\xde{7n\xdc\xe8\xf4\xb5\xc4\x9c\x10\xe2\xddw\xdf\xed\xdb\xb7\xaf\xd6\x1acA\x8eC\x00\x008I)\xc59///\xff\xc67\xbe\xa1\x94\xd2Z\xbb\xf8\x91\x14B\x84\xc3\xe11c\xc6&lt;\xf3\xcc3\x14{N_\x91\xd7!\x00\x00\x9c$\xa54\x0c\xe3\xdak\xaf\xdd\xbbw\xaf\x10BJ\xc99c\xcc}]c-\xa52\x0c\x83\xbe\xc7\x9d;w\x8e\x1c9\x12\x19\xe08\x04\x00\x80c\xa8\x05\xdc\xb2e\xcb=\xf7\xdcc\x9a\xa6eY\xcc0\xdc\xfa@2\xc6h\xd8Gk\xdd\xbf\x7f\xff\x03\x07\x0ep\xce\x19c\x98\x0cp\x10\x02\x00\xc0\x194\xdaS[[;d\xc8\x90\xa3G\x8fR\xfb\xa8\xb5&gt;\xafg\xf7\x01\x97\xf6UM!w\x0c\x91S\xa3\x1fj\n\xfd\xf1\xad\xbfR\xbc\xd1K\xc0\xbau\xeb\xa6M\x9b\x86\x97\x00g!\x00\x00\x9caY\x96i\x9a\x85\x85\x85\x8f&lt;\xf2\x08u\xff9\xe7\xa6)^\xff\xcd\xc6\xaf_\xfbM\xa3\xae\xdepE\x00\x18\x86ahm\xa4\xa6\x8c\x19\xfb\xc0\xb3/\xfcA\x08A\xdb\x1d233+**\x02\x81\x00^\x02\x1c\x84\x00\x00p\x80R\x8a1\xf6\xfe\xfb\xef\xe7\xe4\xe4\xd4\xd5\xd5)\xa5\x84\xe0\x96%\xef\x19\xf3\xedM\x9bJ\x1b?9.L\xf7,\xd1\x96R\xa5\xa4\xa7\xbd\xf7\xee\x91+\xae\x1bcYR)E/\x01\xd3\xa6M[\xb7n\x1d^\x02\x1c\x84\x00\x00p\x00\xb5zc\xc6\x8cy\xf6\xd9g\xa9S\xcc\x98\x91\x19\xc8\xf8\xfb\xee\x1d={vW\xe10wW\xa7XZ\x96\xff\x9c\xae\x0f\xe5/_\xfe\xa3\x9f\xb7\xccus\xce\xf9\x9bo\xbe\x99\x93\x93\x83%\xa1N\xc1\x87\x0e\x10o\xd4\xfa\xef\xde\xbd\x9bZ\x7f)\xa5\xe0\\)=\xeb{w\x9d\xd7\xf7b\xd9\xd8\xe8\xb2\xd6\xdf0\x0c.\x84\xaa\xab\x9f=mr\xcf\x1e\xdd\xe8\xed\x871fY\xd6\x9c9sh\xf2\xc3\xe9\x0b\xf4(\x04\x00@\\\xd1&amp;\xd8\xa6\xa6&amp;\xbb\xed\xe3\x9cK\xa5\xfag_4/o\x8aU\x15\xe4\xc2=\x83?6\xc6X\xb8\xb1\xe9\x9c\x0b\xce]\xbe\xe0\x07\xcd\xdfrK\nn\xdf\xbe\x9dR\xd0\xe9k\xf4"\x04\x00@\\\xd1\xce\xaf\xa7\x9f~z\xdf\xbe}\x9cs\x1a\xfc\xd1Z?V&lt;/\xa5Kg%\xa5\xebz\xff\xcdL\xd3\x0cWV\xdfs\xcf\xe8aCs\xa4\x94Bp\xea\xf8/\\\xb80\x14\n\x19-Gb@&lt;!\x00\x00\xe2\x87\xba\xffUUU\xf9\xf9\xf9\xd4\xfa\x0b\xc1\xa5T7\x0e\x1fz\xd3\xcd\xd7\x87\x83\xb5\xee\x9e\x0e\xd5Z\x0b\xd3,\x9a\xf7}!\xb8a0\xa5\x94i\x9a\x87\x0f\x1f^\xbdz\xb5\xbd:\x08\xe2\t\x01\x00\x10?\xd4\xfd/((8v\xecX\xcb\xc2\x7f\xc34\xc5c\xc5?\xd4\x1e\x18\x03\x11B\x84\xaa\x83#n\xbav\xfc\xed\xff%\xa54\xcd\xe6\xd9\xe0\x95+WVTTP":}\x8d\xde\x82\x00\xf04w\x9f&lt;\x93h\xa8\xf5?t\xe8\xd0\x86\r\x1b\xecAp\xa5\xd4\xfdw\xdfqi\xce\xa0p]\x83\x17V\xc20.\xd4\xc9\x93\x8b\xe6&gt;\x90\x91\xdeE)m\x18\x06\xe7\xbc\xa6\xa6\xa6\xa8\xa8\x08\xb3\xc1\xf1\xe7\xfe\x1b\x0eN\x87\x86#\xb0\x07\'n\xe8\x03\x9f1c\x86eY\xf4\xc9k\xad{\xf6\xe8V\xb4\xe0\x07\xaa\xbe\x81\x0bO&lt;\x8c\x9c\xb3p}C\xbf\xff\xb8l\xde\x83\xf7\xb4\xec~\xb0\x84\x10[\xb7n\xdd\xb3g\x0ff\x83\xe3\xcc\x13\xf7\x1c\xb4E\x8d\xd1\xe4\xc9\x93?\xfa\xe8#\xbc\x07\xc4\x01\xf5\xf7_z\xe9\xa5\x97^z\xc9^\x08\xaf\x94Z\x96?\xbd[\xef^\xe1\xc6&amp;\xef$\xb10M\xab\xb2z\xde\xcc)}\xfb\\hY\x92\xde{\xa4\x94\x05\x05\x05\x18\x02\x8a3\x04\x80\x17I)\x19c\xaf\xbe\xfa\xea\xa6M\x9b6l\xd8\xc0\x18\xc3\x83\x17S\x14\xb7\xa1Ph\xc6\x8c\x19\xf6\xd2O\xa5T\xce\x15\x97N\x18\x7f\xabU\x1dt\xd3\xbe\xdf\xaf\xc4\x0cCY2%=m\xc9\x0f\x1f4\x0c\x831F\xe9\xb8g\xcf\x9e-[\xb6\xe0% \x9e0\xe8\xe69\xd4\xdfWJ\r\x1a4\xe8\xc8\x91#&gt;\x9f\xef\xaf\x7f\xfdk\xff\xfe\xfd\xb1\x1b3v\xa8\x81[\xb6l\xd9\xc2\x85\x0b\xe9\xd8\x1fj\xe6^\xdd\xfe\xe4\xb5\xa3\x86\x87\xaa\x83\xee^\xfcsJJI_ c\xf8\xa8\xbb\xf6\xbc\xb1\xcf^\x02\xd4\xb3g\xcf\x83\x07\x0ffffbp2&gt;\xf0\xc0{\x0eMEn\xd8\xb0\xe1\xd0\xa1CB\x88\xc6\xc6F\xbb[\xea\xf4\xa5\xb9\x13m|=v\xec\xd8\x9a5k\xec\xb9_)\xe5\x1d\xdf\xba~\xc4\x8d\xc3\xc2\x9el\xfd\r\xc3\xd0\x06\xd3\x96\\\xbdx\xb6i\n\xea\x94p\xce\x8f\x1d;\xb6v\xedZ,\x07\x8a\x1b&lt;\xf6\xdeB\xcf\xd5\xf1\xe3\xc7/\xbb\xec\xb2`0h\xb4\xbc\x80\xa3@G\xecDV|4MSJ\xc9\x19\xeb\xd2%\xed//o\xcb\xee{\xb1\xd5p\xd2\xb3/^\xd2\x92\xfe\xee]\xa7=\xf8\xd0\x13\x1b\x9f\x11BH\xa98g\xa6i\x1e8p\x005#\xe3\x03\x9f\xaf\xb7\xd0C\xb5`\xc1\x82\xaa\xaa*\x1a\xfao\xb54\x05\x1d\x82\xe8\xa2\x93/\xcb\xcb\xcb\xcb\xca\xca8\xa7\x15/\\*5s\xca\xf8\xbe\xffqY\xa8\xb6\xde\xcbm\x1c\x17\\\xd6\xd6\x15\xe5O\xcf\xca\xcc\xa0\x1d\xd14S\xb2p\xe1B\xdc\x8a\xf1\xe1\xdd\x9b\xcf\x83h\xf0g\xdf\xbe}\xdb\xb6m\xb3\xdf\xb2[-N\xc7\xabwti\xad\xa5\x94yyy\xa1P\x881\xc69\x93Re_|A\xde\xb4\xc9VU\xb50=\xfd\xbe\xc5\x18\x93\x8d\xa1n\xbd{\x15\xce} \xf2\x80\xa0\xed\xdb\xb7\xdbk\xa5\x9c\xbeF\x97C\xccz\x08=]#F\x8c\xd8\xbd{7=]\xd4\xcf\xa2\t\xb7@ \xf0\xce;\xef\xf4\xe8\xd1\xc30\x0c/wK\xa3\xa8m\xc5GS\x08K\xca\xa7J\x0b\'\xdf\x7fW\xd3\x89\xcfL/-\xfe9%\xad\r\x83\x19\x8a\xf3\xcb\xaf\xb9\xed\xf0\xd1\x0fi\xe2\x175#\xe3\x06\xcf\xb9W\xd8}\xab\xb6\xad?u\xbe\xaa\xaa\xaa\x16,X@%[\x9d\xbeX7\xa0\xcf6\x18\x0c\x16\x16\x16\xd2h\x9b\x10\xdc\x92\xf2\x9a\xab\x07O\x9cxG\xf8\xb3*\xb4\xfe\x86a0f()\xfd\x9d;=V4Ok\xcd\x18^I\xe3\n\x01\xe0\t\xd4\xa6\xd3\xe8\xaa\xfd\x9fZ\xeb\xb4N\xa9\xf4\xefT\x8f\xb0\xac\xac\xac\xbc\xbc\x1c\xc7rE\x05m\xf5*--\xad\xa8\xa8\xa0\x8fTk\xc3\xef\xf7\x95\x14\xce\x15\x9c#dmB\x88p\xb0\xe6\xa6o\xdf0\xfa\x96\x1b\xa4T-\xe5qXAA\x01\xcdT\xa1G\x12;\x08\x00O\xa0\xa9\xc8\xd5\xabW\x1f&gt;|\xd84M\xad5\xe7,#\xbd\xcbK\xcf\xfd\xeck\xfd.\xa1\xb1i\x9a\x7f\xcb\xcb\xcb\x93R\xe2\x91\xeb \xfa\xc0\x8f\x1e=ZRRB\xef[\xa6)\x94R\xe3n\xbd\xe9\xeb\xb9CC5\xb5\xc2\x1b\x07?\x9c)\xc6\xb4e-\xc9\x9f\xee\xf7\xfb\xec%\xa1UUU\x05\x05\x05x\t\x88)\xdc\x85\xeeG\xef\xd4\x15\x15\x15+W\xael\x99g\xe3J\xe9\xe9\xf7\xde\xf9\xcdQ7\xcf\x99:Qk\xcd\x19\x97R\x9a\xa6\xb9w\xef\xde\xb2\xb22\xcc\xbfu\x10\x8d\xff\xcc\x9f?\x9f\xd6\xda\x1a\x86\xa1\x94\xea\x9a\x15X^0S\xd6\xd61\xac\xb5\xfd"\xcey\xb8\xb6~\xc0\xe0\x81s\xa6N\xb4+\x06\xd3n\x15\xbbj\x82\xd3\xd7\xe8N\x08\x00\xf7\xa3\xc6\xa8\xa8\xa8\xa8\xa6\xa6\x86f\xd4\xa4T\x97\\t\xfe\xdc\x99\xf75\xfe\xef\xd1\xc9\x93\xc7\\s\xf5`\xab9\x15\x14c\xac\xb0\xb00\x18\x0c\xe2\xd5\xfb\xacy\xb0\xe2c\xc7\xa1f\xa4#\x10\x00.g\x9f\xb2\xb2u\xeb\xd6\x96\xb9_\xae\xb5^\xf1\xd0\x8c\xac^\xdduS\xc8\x14\xa2\xa4p\xae\xdf\xef\xd3\xbay\xe0\xa2\xa2\xa2\xa2\xb4\xb4\x94\xde\x15\x9c\xbe\xfc\xe4\xe3\xcd\x8a\x8f\x1d\x87\x9a\x91\x8e@\x00\xb8\x1f\x9d\xb3H\xcf\x8f\x10\\J\x99\xfb\x8d!c\xc7\xdd\x1a\xfe\xac\xca\x9f\xe2\x0f\xd5\xd4~=w\xe8\xb8[oRJQ\x81\x0e!DII\xc9\xd1\xa3G1\x1b|\x16&lt;[\xf1\xb1\xe3P32\xfe\x10\x00nF\x87\x8e\x95\x95\x95\xd9\'\xad\xd3B\x94\xd5\x8bgk)5c\x86a0!dm\xdd\xf2\x82\x99]\xb3\x02vs\x1f\x0c\x06\xe7\xcf\x9f\x8fW\xef\xf6\xf2x\xc5\xc7\x8eC\xcd\xc88C\x00\xb8\x16\xbdG\xd7\xd4\xd4\xd0:t\xad5=B\xe3n\xbd\xe9\xaa\xdc\xa1\xe1\xda:\xc1\xb9a\x18\x9c1\xd9\xd8x^\xdf\x8bg}\xef.\xa5\xb4hy\xf5~\xf6\xd9g\xed\x1d\x03N\x7f+I\xc3\xe3\x15\x1f;\x0e5#\xe3\x0c\x01\xe0Z\xd4\x18\xd9O\x0e\xad\xae;\xe5B\x14.L\xab*8/oJ\xff\xec\x8b\xa4R\xf4\x87\x19cs\xe6\xccijj\xc2{\xc0\x19B\xc5\xc7\xa8@\xcd\xc8x\xc2\x1d\xe9N4\x9d\x1b\xf9\xee,8WJ\x9dr!\n\xed\xc6L\xe9\xd2\xf9\xb1\xe2/\xec\xc6\xdc\xb7o\xdf\xd3O?\x8dn\xd7\x19B\xc5\xc7\xa8@\xcd\xc8xB\xa2\xba\x13u?\xc7\x8e\x1dK+(\xa8\xfb\xdf\xaf\xcf\x85o\xef}Nhmh\xa3\xedT\xa4R\xca\x97\xdee\xe4\xad\xf7\xbe\xbc\xfbM\xda(\xc0\x18\xeb\xd1\xa3\xc7;\xef\xbc\x13\x08\x04p$\xcb\x97\xb3+&gt;\x8e\x1a5\xaay\xe9\xa7\x10R\xca\x9f\xad]\xfc\x7f\xa7\xde\xdd\xf4i%\x0e~8s\xd4$I\xc6\x06]s\xdb\x91\xa3\x1f\xd2\x89@R\xca\xdc\xdc\xdc\xd7^{\x8d\x063\x1d\xbeD\xb7@\xaf\xc4\x85\xda\xae\x9f;\xc3\x85(Z\xca\xc7\x8a\x7fh\x9aB\xeb\xe6\xfe\xec\xb1c\xc7\xb0\x1b\xf3+\xa1\xe2ct\xa1fd\xdc \x00\xdc\xa6\xed:\xf43\\\x88\xc29\x0f\xd75\\\x9a3\xe8\xfe\xbb\xefh\xb5\x1b\xf3\xd0\xa1C\xc8\x80/A#f\xabW\xaf\xa6"k\xb4\x8fIk\xbd\xba`VjZ\x9a\x92\n\xafN\xed%L\x11\xae\x0e\xde9\xe1\xb6\xdco\x0c\xb1gS\x18c\xf9\xf9\xf9\x95\x95\x95\x98\x0c\x88\x16\x04\x80\xdb\xb4]\x87~\xe6\x0bQ\xb8\xe0\xaa\xbe\xa1h\xc1\x0fz\xf6\xe8f\x1f\x13mY\x16jF~\tT|\x8c\x11\xd4\x8c\x8c\x03\x04\x80\xab\x9cj\x1dz\xcbB\x94\xc1_\xbd\x10\x85vcv\xeb\xddkY\xfet\n\x12{h\x1b\xbb1O\xc7.\xb2VYY\xd9\xfc\xf1j\x1d\xc8H_\xb1h\x96!\xe5)&amp;[\xe0\xcc\x08\xce\xc3\xb5\xf5W\xe5^\x1d\xf1J\xaa8\xe7\xabV\xad:|\xf802 *\x10\x00\xae\xd2j\x1d\xbaa\x18Z\xeb\xac\xcc\x8c\xa2\xfc\xe9\xaa\xe1\x8c\x16\xa2\x08\xd3\xb4\xaa\x83\x13\xc6\xdf6\xf8\xf2\xaf\xd1\x10\x10\x85\n\xed\xc6\xc4{@+\xa8\xf8\x18S\xa8\x19\x19k\xb8;\xdd\xa3\xed:t\xea%\x15\xcey\xa0[\xef^Vc\xe8L\x96\xf10\xc3PR\xa5\xa6u*)\x9c+\x04o\xa9d\xd2\xbc\xa2\x14\xdd\xaeVP\xf11\xa6P32\xd6\x10\x00\xee\xd1j\x1d\xba\xbd\x10e\xea\xfd\x13\xac`-?\xe3\x91h!D\xa8*8|\xd4p\xda\x8di\xcf\x06\xafY\xb3\xe6\xd8\xb1c\xc8\x00\x1b}8eee{\xf7\xee5MSJ\xc9\x19\xd7Z?\x9c7%\xeb\xdc\x1e2\x14\xc6\xc2\xd9\x8e\xe3BX\xc1\xda\xa9\xf7\x8d\xef\x9f}\x91\x8a\xd8\xa5h\xdf\xe7x\x0f\xe8\x08\x04\x80K\xd8\x83\xf5v\xcf\xa8y!\xca\xa2Y\xfeN\xa9\xed=\x83\x8cq\xa1N6.\x9a\xf3@ #\x9d\x1e0\xc6Xeee~~&gt;\x1e9\x82\x8a\x8f\xf1\x81\x9a\x911\x85\x00p\x03j\x8c"\x97\xebP\x06\x8c\xbe\xe5\x86\x117\x0c\x0bW\xd7\xb4w!\n\xe7,\\\xd7\xd0o\xf0\xc0\x99S\xc6\xb7\x9ch\xd6\\\xdf\x1c\xbb1\t*&gt;\xc6\rjF\xc6\x0e\x02\xc0\r\xa8Od/\xd8\xd7Zi\xad\xfd~\xdf\x92\xfc\xe9L\xa9\xb3[\x88"LaUU\xe7M\x9b|\xc9E\xe7\xd3\xea\x0b\xfa\x8b\xec\x93\xa5\xbd\x0c\x15\x1f\xe3\r5#c\x03\xb7i\xd2\xb3\x97~\x16\x14\x14\xd0X\x04\xe7B)5g\xea\xc4\x01\x83\x07\x86j\xeb\xcen!\ncL\x85\xc2Y=\xbb\xafxh\x06\xfd\x15\xf6nL\xaa\x19iYV\xd4\xbf\x97d\x81\x8a\x8fq\x86\x9a\x911\x82\x00Hz\xf6\xd2\xcf\xaa\xaa*j\xeb\xe9\x0c\xb2\xd9\xd3&amp;\xa9\xba\xfa3\x9f\xfbmK\x98f\xb8\xb2j\xec\xb8[\xed\xdd\x98\xd4\xf0\x15\x16\x16\xd6\xd4\xd4\xd0t\\\xf4\xbe\x8f\xa4\x81\x8a\x8f\x8e@\xcd\xc8X@\x00$7\xfb\xd8\xceVK?\x97\xe5O?\xe7\x82\xf3\xc3\x8dM\x1d\\\x88\xa2\x19\xd3R\xae^&lt;\x9b^\xbd[\xd5\x97\xf7`\xb7\x0b\x15\x1f\x9d\x82\x9a\x91\xb1\x80\x00Hn\xf6\xc1\xfd\xf6\xd2O)\xe5\xe0\xcb\xbf6a\xfcmVuu\xc7\xcf \x13\x9c\x87k\xeb\xae\xfaB\xcdH%\x84X\xbdz\xf5\xe1\xc3\x87=X\xa4\t\x15\x1f\x1d\x84\x9a\x91Q\x87\x00Hb\xf6\xa6\x18\xbbt\x17cL\x08^R875\xadS\xb4\xce cB\xc8\xda\xda\xe5\x05y\xf6nL\xc30h7\xa6\xe1\xb1G\x0e\x15\x1f\x1d\x87\x9a\x91\xd1\x85\x00HV\xf6\x11\xc4vCL\x190\xfe\xf6\xff\x1a&gt;jx\xa8*jg\x90q\xc6dc\xe8\xbc\xec\x0b\x0b\xe7&gt;\xa0\xd4\x17vcz\xadf$*&gt;:\x0e5#\xa3\x0b\x01\x90\xac\xec#\x88\x0f\x1f&gt;l\x9a&amp;\xad\x8d\x0bd\xa4/\x9a\xf3\x80:\xd9\xc8x4\xbb\xa2\xdc\x14VuM\xdb\xdd\x98\xf6\xd0\x93\x17\xde\x03P\xf11A\xa0fd\x14\xe1\x96MJ\xd4\x18}\xf1\x08b\xae\x94\x9a9e|\xbf\xc1\x03\xc3u\r\x9cGs(\x9a\x19-\xbb1\xdb\xd4\x8c\xf4\xcenLT|L\x10\xa8\x19\x19E\x08\xcc\xa4D\xdd\xcf\xc9\x93\'o\xda\xb4I\x08\xa1\xb5\xd2\xda\xe8sQ\xef\xb7^\xf9ez\xe7TC\xaaX\x9cBs\xca\x9a\x91\x81@\xa0\xa2\xa2\xc2\xf55#Q\xf11\xa1\xa0fd\xb4\xa0\xdb\x92|\xda\x96\xc7\x8b\xdb\x19dZ\xca\xc7\x96\xfc\xd0\xef\xf7\xd95#\xbd\xb0\x1b\x13\x15\x1f\x13\rjFF\x0b\x02 )I)\x0b\n\n\xa8\xcd\x8d\xdb\x19d\x9c\xf3p]\xfd\xa59Wxm7&amp;*&gt;&amp; \xd4\x8c\x8c\n\x04@\x92\xb1\x8f \xb6\x87;\xe3y\x06\x19\x17B\xd5\xd5yj7&amp;*&gt;&amp;,\xd4\x8c\xec8\x04@2iu\x041\x8du\xc6\xf3\x0c2\x0f\xee\xc6D\xc5\xc7\x84\x85\x9a\x91\x1d\x87\x00H&amp;\xad\x8e \xd6Z\xeb\xb8\x9fA\xe6\xa9\xdd\x98\xa8\xf8\x98\xe0P3\xb2\x83p\xfb&amp;\x8d\xb6G\x10\x0b\xce\x95v\xe0\x0c2\xef\xec\xc6D\xc5\xc7\x04\x87\x9a\x91\x1d\x84\x00H\x1a\xad\x8e f\x8cI\xa5\xfa^ra\xfc\xcf \xf3\xc8nLT|L\n\xa8\x19\xd9\x11\x08\x80\xe4\xd0\xf6\x08b\xba\xb3\x97\xcc\x7f0%=MY\xf1&gt;\x83\xcc\xf5\xbb1Q\xf11Y\xa0fdG \x00\x92@\xdb#\x88\xa9F\xe3\x8d\xc3\x87\xde9\xfe\xb6puM\xfc\xc7"\\\xbf\x1b\x13\x15\x1f\x93\x08jF\x9e5\x04@\x12h{\x04\xf1\xe7g\x909W\x96K\x98\xa6UY=o\xe6\x94\xbe}.\xb4,I\xd3\xa1\x91\x1b\x14\x92\x17*&gt;&amp;\x1f\xd4\x8c&lt;+\xb8\x8f\x13\x1du\xff+++#\x8e n9\x83l\xb0\x93g\x90\xb9x7f\xdb\x8a\x8f\x96%\xb3\x02\x19+\n\xf2P\xf111}I\xcd\xc8\xf2\xf2r\x97\xadM\x88"\x04@\xa2\xa3\xee\xff\xda\xb5k\xe9\x08b\xfa\x95\xac\xcc\x8c\xa2\xfc\xe9\xaa\xc1\xe13\xc8\\\xb9\x1b\x93\xbe\x91\x9d;w\xda\xd3-\x9cs\xce\xd9\x0f\xa7O&gt;7\xfbBT|LXT3r\xd6\x83\x93.\xbe\xf0\xbc\xc8]\x8a\xb3f\xcd\xa2\x05\xca\xd0\x16\x02 \xa1Q\xeb\x7f\xf8\xf0\xe1U\xabVQ\xf7\x9f\x169\x14\xce}\xa0[\xef^Vc\xc8\xf1\x85(\xee\xdb\x8dI\xa1\xf5\xc2\x0b/\x18\x86A\x8d\x88R\xaaSj\xea\xddw|K5\x9c\x8c\xee9\xdb\x10E\x8c\xb1\xf0\xc9\xc6\xee\x17\xf7\xbe\xe5\x86\\{\x8f$\xe7\xfcO\x7f\xfa\xd3\xf1\xe3\xc7=[\xc2\xfa\xcb!\x00\x12\x1a\x8dE\xd0\x1e+\xbb1\xea\x9f}\xd1\xd4\xfb\xc6[\xc1\xda\x8e\x14|\x8f\x16\xf7\xed\xc6\xa4!\xb5\x07\x1f|\xd0\xef\xf7\xd3\xc5s\xce\xeb\x1bN&gt;\xbcb\x1dO\xeb\xacU\xb2\x8ek\xb9\x9eR*%#\xfd\x1f\xfb\xde\xfeY\xd9s\xd4\xf7\xa7\xdbo\xfc\xf8\xf1\xbd{\xf7\xa6\x85sN_c\xc2A\x00$.\xfb\x08b\xfb\x94\x05\xbb\xfc\xac\xbfs\xa7\xc4)?\xeb\xb2\xdd\x98\xb4\x99\xe8\xd2K/\x9d;w.u!i\x14h\xdbs/\xbe\xb5\xe7O\xbe\xf4.2\xd9"\xcd+\xb4\xd6\x9c\x17\xacX\x7f\xb2\xb1\x89\x0e\x88\xd6Zgee-_\xbe\xdc0\x0c\xb4\xfe\xa7\x84\x00HP\xd4\xf7\xb7,\xcb&gt;\x82\xf8\x0b\xe5gk\x12\xa8\xfc\xac\xfbvcR\xcfq\xfe\xfc\xf9\xd9\xd9\xd9\x94\x01\x8c\xb1P8&lt;\xb7p-\x13\x82%[\xa4y\x81\x94\xd2\x97\x99\xb1\xeb\x0f{\x9f}\xe1\x0f\xf6\xcc\x8dR\xaa\xb8\xb8\xb8W\xaf^\xf4\x9fN_c"\xc2\x87\x92\xa0\xa8\xdd\xd9\xb0a\xc3\xa1C\x878\xe7T\xf2\xc5\xef\xf7=\xb6$\x11\xcb\xcf\xbal7&amp;\r\xb5edd,^\xbc\x98\xbe\x91\xe6\x05No\xec{\xe6\xe9\xe7}]\xb3\xa4s\xabo\xa1-\xad\r.D\xe8d\xe3\xdc\xa2\x92\xc8\x82\r\x03\x06\x0c\x98:u*\xdd\x90N_c\x82\xc2\xe7\x92\x88"W1Sc\xc4\xb9PJ\xcd\x99:\xf1\xd2\x9c+\xc2u\tw\x06\x99\xfbvc\xd2\xd9\x0f\x13&amp;L\xc8\xcd\xcd\xa5\xd6\x9f\x92 \x7f\xd9\xe3U\x9f\x9c\xe0~_rE\x9a\xbb))\xcd@\xfa\x86\'\xcb\xca\xdf~\x97n6\x8a\x81\xc7\x1f\x7f\x9c\xcaec\xfc\xe7t\x12\xab\x1d\x01\x12\xb9\x8f\x91\xdaz*?;{\xda$UW\x97\x08s\xbfm\x9dr7&amp;\xe7\xbc\xa0\xa0\x80\x16\xb0&amp;]\x06\x18\x86!\x84(..\xa6\x1f\x01mx~\xff\x9f\xff.]\xbf\xd1\xcc\xca\x94V\xc2\xbd\x87y\x93\xd6\xdaL\xf5\x7f\xf6\xd1\xb1\xc5k~lo\x94\x91R\x8e\x1c9r\xe4\xc8\x91\x14\xdeN_c\xe2B\x00$\x9cV}g{4sY\xfe\xf4s.8?\xdc\xd8\x94\xb8\xdd\x99\x88\xdd\x98F\xc4n\xcc\x05\x0b\x16$\xe3"&lt;jGrss\'N\x9c\xd8R\x07Fq\xce\x1f\xfb\xe9\xb6\xc3\xfb\x0f\xfa\xbat\xa6C\x90\xc0YJ*\xde\xb9\xf3\xa2\x15\xeb\xaa\xaak\x18cT\xac\xd4\xef\xf7?\xfe\xf8\xe3\xe8\xfb\x7f%\x04@\xc2i5z\xfe\xc5\xf2\xb3\xd5\x89\\~\xd6\xde\x8d9{\xea\xddR)!\x04-\xc5\xdb\xb6m[\x92\xd6\x8c\xa4\x91\x84\x15+Vt\xed\xda\x95\x02\x8c1\x16\xac\xa9-Z\xf3c\xde)\x15KB\x1d\xa7\x94\xf2u\xe9\xfc\xee\xfe\x03O\xfebG\xcb\xea\x03\xae\x94\x9a7o\xde\x80\x01\x030\xfa\xff\x95\xf0\xe9$\x96\xb6\xebg\x92\xab\xfc,\x17\xc2\xaa\xa9\x9b?\xeb\xfe\xec\x8b/PJq\xceZ\x1dc\xe7\xf4\x05\xb6\x0f\x85V\xaf^\xbd\xe6\xcc\x99c\x8f-\x08!\xb6=\xf7\xdf\xbbw\xee\xf6g\x05\x92n\x81\x93\xfb0\xd3\x9cY\xf0\xa8eIZ\x7f\xac\xb5\xee\xd5\xab\xd7\xec\xd9\xb3\xd1\xfa\x9f\t|@\t\x84\xfa\xfe\x91+\xe8\x93\xae\xfc,cL\x86B\x99\xbd\xba?\x9c7Ek\xcd\xd8\xe75#\xed\x93\x15\x9c\xbe\xc6\xf6\xa1\x0c\x98;wn\xbf~\xfdh8Nk-\xa5\x9a\xb5xuc\xfdI.x\x92e\x9a\x8bHK\xfa23~\xb9\xed\xd7/\xef~\xd3\x1e\xa0SJ\xd9ol\x18\xff\xf9J\x08\x80\x04B}\x96\xd5\xabW\x1f&gt;|\x98\x96\x9d$c\xf9Y\xd34\xc3\x9fUM\xbc\xfb\x8e\xc8\x9a\x91\x91g\xab%\xd7{\x00%\xb1\xdf\xef_\xbat)}#\xf4*\xb0\xff\xef\xff(\xdb\xf6k33\x13KB\x1d\xa1\xb5\xc1M\xd1T[\xff\xf0\xca\'\xec\xa5\x9fR\xca\x9c\x9c\x9cq\xe3\xc6\xa1\xfb\x7f\x86\xf0\x19%\nZ\xf9s\xec\xd8\xb15k\xd6\xd8\xa3\x99IZ~Vk-|f\xd1\xbc\xefs\xde\\3\x92NW.--M\xc6\x97\x00\xba\xe61c\xc6\xd8\xabJ\xa8}yh\xc5\xbaO\xff\xf5o_jJrE\x9a;Hi\x99Y\x81U\xa5?=\xf2\xfe\x87\xa2e\xe9\xa7\x10\xa2\xb4\xb44%%\x05\xdd\xff3\x944m\x8a\xebQ\x17f\xc1\x82\x05t\x8e&amp;cF\xf2\x96\x9fm\xa9\x199\xe2\xee;nnY?#9\xe7%%%v}\x15\xa7\xaf\xb1}Z\xad+\xa7\xf6\xe5\x93\xe3\x9f\xad]\xbf\x89w\xe9\xa2\x92-\xd2\x92\x9d\xd2\xda\xd7)\xf5\xe3#\xff,\xf9\xc9V\xce\x98l\x99\x9e\xb9\xeb\xae\xbb\x86\r\x1bF\xb5\x89\x9c\xbe\xc6\xe4\x80\x00H\x08\xd4G.///++\xa3\xee?K\xf2\xf2\xb3L\x08U\xdf\xb0\xa2`V\xd7\xac\x80V\xca\xa0\xf53\xc1 \xd5\x8cL\xba\x00h\xb5\xb3\xd4\x8e\xb45\x1b\xb6\xbc[\xfe\xb6\xafKZ\xd2}GIMK\xc9\xd3:\xe7\x17\x97TV\x05Y\xcbF\x99@ \xb0h\xd1"\xeaH9}\x81I\x03\x9fTB\xd0ZK)\xf3\xf2\xf2\xe8\xd4O\xaa\xf88lh\xce\xc4\xbb\x93\xb5\xfc,g,|\xb2\xf1\xdc\xbe\x17\xcd\xfa\xde]Jk\xd1r@\xd0\xd6\xad[\xed\x1a\xebN_c\xfb\xd0\xf4oqqqVV\x16\xbd\x010f\x84B\xe1\x99\x0f?\x8a\x121\xf1$\xa5\xf4g\x06v\xbd\xb8\xeb\x17;~o\xaf\xcbRJ\xcd\x9a5+;;\x1b\xc7\xfe\xb4\x0b&gt;)\xe7\xd1\x1d\\VV\x16\xd122\xcey\xd1\xbc\xef\x0b\x9f\x99\xbc\xe3\xcbB\x98VUp^\xde\x94\xbe\x97\\([\x0e\x08\xa2\x9ckjjJ\xbaU\xa1\xf4\xe2\x92\x95\x95U\\\\\xdcrJ\xa8\x12\x82\xbf\xbc\xfb\xcd\x17\x7f\xff\x8a/#=\xe9"-I1\xc6d\xd8Z\xb4\xea\xff)\xa5\x0c\xa3y\xee\xb7O\x9f&gt;yyy\xd8\xf7\xdb^\x08\x00\x87Q_2\x18\x0c\x16\x16\x16\xda+L\xa4\x94w\xdfq\xf3\x88\x9bF\x84\x92a\xe9\xe7\xe90\xd6R3r\xfe\x83\x91\xebg\xca\xcb\xcb\x9f~\xfa\xe9d\xdc\x17F\xd7&lt;u\xea\xd4!C\x86\xb4\x9cyg0\xc6f\x16\xac\n5\x9c\xe4B$S\xa0%\'\xcb\xb2|\xdd\xb2\xb6\xfcb\xc7\xde7\xcbi\xe9\'\xf5$V\xae\\\x19\x08\x04\x0c\x1c\xfb\xdcN\x08\x00\x87\xd1\x1bkii)\xcd\x8ej\xad\xa9\xe2\xe3\xb2\x87\xf3d]\xbd\xc1\xb9Nf\\\xf0PU\xf0\xceq\xb7\xde\x90{\xb5\xbdK\x93s\x9e\x9f\x9f_UU\x95\x8c/\x01Zk\xd34\xd7\xacY\xa3["\x8ds\xfe^\xc5?7\xfcl\x9b\x99\x99\xa1p@P,i\xad\x85\xdf_}\xec\xc4\x92\xd2\x9f2\xc6\xb4n\xee-\r\x1f&gt;|\xf4\xe8\xd1\xe8\xfe\x9f\x85${\x02]\x86\xd6\xae\x1d=zt\xc8\x90!\xb5\xb5\xb5\xbae-\xf3\xf2\x853\xf2\x17\xcfV\'&gt;\xe3\xa6i\x18I\xfd\x03bZ)\xd69\xf5\xf0;\x87/\x1f~G(l\xe9\x96\xddm\xd3\xa6M[\xb7n]2&gt;\xb4t\xcdc\xc7\x8e\xa5B=T\x03\'\x90\x91~`\xcfs={vSa\x0bE\x83cDZ\x96\xff\x9c\xae\x0b\xf2\x97\xad\xf8\xd1S\xf6&lt;\xbc\xcf\xe7{\xfd\xf5\xd7srr4\xa6\x7f\xdb\x0f\x01\xe0$\xcb\xb2L\xd3\x9c4i\xd2\xe6\xcd\x9b\x85\x10Z+\xa5t\xf6\xc5\x17\xfc\xf1w\x9bM\xce\x0c\xad\x99\xe1\x86\xa6DJ\x99\x9a\x99\x917o\xc9SO?/\x04WJ\xd3\x19G\x07\x0e\x1c\xe8\xdf\xbf\x7f\xd2=\xb7v\xa1\xe6A\x83\x06I)\xa5T\xa6\xc9-K\xde3\xe6\xdb\x9b6\x95\x86N|\x9a\xc8\xe75%/\xa5\x94/\xad\xf3\xa1w\x0e_q\xdd\x18iI\xa9\x94i\x9a\x96eM\x9e&lt;\xf9\xa9\xa7\x9eJ\xc6\x9eD"@\x008\x86n\xd9\xbd{\xf7^{\xed\xb5\xf4\x9f\xf4\xeb\xa9))\x9d:\xa7j\xa9\\\xd1\xf8\xdb\x98)\xf8\xa7\x95\xd5\xf4\x1f\xf6\x81\xbd;w\xeeL\xc6G\x97\xaey\xe1\xc2\x85\xcb\x96-\xb3\xbb\xa2\xa6)\xfe\xf8\x9b\x8d_\xff\xcf+\xc3\xf5\r"\xa9"-)()\xcd\x8c\xf4\xb1w\xff\x80j~\xd1\xdbs \x10x\xe7\x9dwz\xf4\xe8a\xb4\x14s\x86vA\x008\x83\x86\xc8\xc3\xe1\xf07\xbf\xf9\xcd\xf2\xf2\xf2d\x9c\x11\xed j7w\xee\xdc\x99\x8c\x87\xb6\xd3\x8f\xaf\xae\xae.\'\'\xe7\xe8\xd1\xa3\x8c1\xaa\x1a\x96\xfb\x8d!\xbb_\xdc\x1a\x0e\xd6$f\xcd\x86\xe4%\xa5\xf4gf\xbc\xf6\xd2\x9e\xebF\xdfo/\xfd\x94R\xae[\xb7n\xda\xb4iIw\xff$\x0e\x04\x803\xe8\x96\xdd\xbcy\xf3\xa4I\x93\xda.\x8aw\xebJ\x86\xc8\x9b\x8dV\x85\xf6\xef\xdf\xff\xed\xb7\xdf\x16BP\x1b\xea\xe0\xb5\xb5\x17\r\xdfm\xd9\xb2\xe5\x9e{\xee\x89l\x92~\xb9a\xe5\xd8\xbb\xbe\x1b\xfa\xac\x12\x03A\xd1\xa2\xb5a0C\x99\xe2\x1b7\x8e\xdf\xff\xf7\x7f\xd0}B7\xcf\x81\x03\x07\xa8bsr\xdd&lt;\x89\x03\x01\xe0\x00\xfa\xccO\x9c8q\xd9e\x97}\xf6\xd9gN_\x8e\xc3\x1ey\xe4\x91\xc5\x8b\x17\'c\'\x8eb\xfb\xba\xeb\xae\xdb\xb3g\x0f\xad\xe0\xd2Z_|\xe1y\xfb^\xdd\x9e\xde9\xd5\x90\n\xadRTHK\xfa\xbbe\xfe\xa8\xe4\xa73\n\x1e\x8d\xcc\xda$}}L(\x08\x00\x07\xd0-\xfb\xe8\xa3\x8f.Y\xb2$%%\x85\n\xbf8}Q\x0e\xa0\xef:++\xeb\x8d7\xde\xe8\xde\xbd\xbbN\xb6\x03\xbc\x9a+\xc5\xef\xd9s\xed\xb5\xd7\xd2\x10\x90i\n\xcb\x92\x8bf\xdf_\xb8,\xbf\xe9\xd8\t\xd3\x87\x97\x80\x8e\xd2Zs\x9fYUU\xd3o\xe8-\xc1\x9a:{\xa5\\\xf2N %\x14\x04\x80c*++\x9b\xcf|N\xb6\x13\x92\xa3\x88\x96\xd2\xa7\xa5\xa5\xa5\xa4\xa48}-g\x83\x1a\xa0\xc9\x93\'o\xda\xb4\xc9\x9e\x99L\xef\x92\xf6\xd6\xce\xb2\xec~\x17\xcb\x93M\x9c\'S\xa4% iI\x7f\xd7\xcci?x\xf8\x89\x8d\xcf\xb4\x1c\xfa\xcfL\xd3|\xfb\xed\xb7\x93q\tY\xa2A\x00\x00\x9c=j\xf1?\xf9\xe4\x93\x81\x03\x07VWW\xdb\xfd\xd3\xbbG\x7fk\xcb\xa6\xd2\xd0\xa7\x98\t\xe8\x10\xa5\x94\xd9\xb9\xd3?\x0e\xbew\xc5uc\x94\xd2\xf6&gt;\xf9\x85\x0b\x17.Y\xb2\x04\xdd\xff\x8eC\x008\x06\x9f\xbc-\xb9F~Z\xa1fh\xd9\xb2e\x0b\x17.\xa4\x95\xe9B\x08\xc3\xd0\xafl\x7fr\xf8\r\xd7\x84\xaak\xd0H\x9d5\xa5\x94/#}\xe4w&amp;\xbf\xbc\xfbM{\x07I\x8f\x1e=\x0e\x1e&lt;\x98\x99\x99\x89\xb9\xdf\x8eC\x00\x00t\x08\xcd\xfdZ\x965h\xd0\xa0#G\x8eP\x93\xa4\x94\x1a|\xf9\xd7\xfe\xe7\xa5m\xa6\x92F\xb2\xd4rK0\xd2\x92\xfe\xae\x81_n}n\xdc\x03\xf9\x91s\xbf\x1b7n\x9c4i\x12\xba\xffQ\x81\xe13\x80\x0eA\xcd\xc8X@\xc5\xc7\xf8\xc0\x87\x08\xd0Q\xa8\x19\x19u\xa8\xf8\x18\x1f\x08\x00\x80(@\xcd\xc8(B\xc5\xc7\xb8A\x00\x00D\x01jFF\x11*&gt;\xc6\r&gt;J\x80\xe8@\xcd\xc8\xa8@\xc5\xc7x\xc2G\t\x10\x1d\xa8\x19\x19\x15\xa8\xf8\x18O\x08\x00\x80\xa8A\xcd\xc8\x0eB\xc5\xc78C\x00\x00D\rjFv\x04*&gt;\xc6\x1f\x02\x00 \x9a\xec6k\xcc\x981\x11KB\xd9\xe2\xd5?\xfe\xdf\x8a\x0fE\xaa_aI\xe8i()\xcd\x8c.+K\x9e\xac\xf8\xe0_\x9cs\xa5\xb4\xd6:%%\xc5NS\xa7/\xd0\x85\x10\x00\x00QFM\xd5\xd2\xa5K\xfd~\xbfA{\x9a8\xaf\xaa\xaeYP\\*\xd2\xd35f\x02NE)\xe5O\xefrh\xff\xc1\xb5\x1b~!8\x97R\x9a\xa6\xa9\x94\x1a?~\xbc=\x9e\xe6\xf45\xba\x10&gt;S\x80(\xa3y\xcb~\xfd\xfa\xcd\x9d;WJ)\x04\xb7,\xc99\x7f\xfa\xf9\x17\xdf\xda\xf3\xa6/\xbd\x8b\xc4\x92\xd0\xb6\xb4\xd6\x9c?\xbcb](\x146\x18\xb3g\xd4\x97/_N\xbb\xc0\x9c\xbe&gt;wB\x00\x00D\x1f\xcd\x06\xcf\x9f??;;\x9bz\xaf\x8c\xb1P(&lt;\xb7p-\x13\x82a\x14\xe8\x8b\xa4\x94\xbe\xcc\x8c]\x7f\xd8K\xf5~i\xad\xa7R\xaa\xb8\xb8\xb8W\xaf^X\xfb\x1f;\xf8X\x01\xa2\x8f:\xb0\x19\x19\x19\x8b\x17/\xa6\xf1\xeb\xe6\xea1o\xec{\xe6\xe9\xe7}]\xb3p@\x90Mk\x83\x0b\x11:\xd98\xb7\xa8\xc4&gt;\xf6\'rW\x1dZ\xff\xd8\xc1\'\x0b\x10\x13T\xeay\xc2\x84\t\xb9\xb9\xb9\xd4\xfaS\x12\xe4/{\xbc\xea\x93\x13\xdc\xef\xc3\x01ADIi\x06\xd27&lt;YV\xfe\xf6\xbb\xbc\xe5\xd8\x9f\xc8s50\xfe\x13;\x08\x00\x80\x18\x12B\x14\x17\x17S\x1fV)%\x04\x7f\xff\x9f\xff.]\xbf\xd1\xcc\xca\x94X\x12j\x18Zk3\xd5\xff\xd9G\xc7\x16\xaf\xf91\xb5\xfe4\x044r\xe4H\xd4\xfb\x8d\x03\x04\x00@\xacP[\x96\x9b\x9b;q\xe2\xc4\x96\xe3\xec\x15\xe7\xfc\xb1\x9fn;\xbc\xff\xa0\xafKg\xa5\xbc\xfe\x12\xa0\xa4\xe2\x9d;/Z\xb1\xae\xaa\xba\x861\xa6\xb5Agk?\xfe\xf8\xe3\xe8\xfb\xc7\x01\x02\x00 \x86h4c\xc5\x8a\x15]\xbbv\xa51\x1f\xc6X\xb0\xa6\xb6h\xcd\x8fy\xa7T\xad&lt;\xfd\x12\xa0\x94\xf2u\xe9\xfc\xee\xfe\x03O\xfeb\x07-\x9d\x12\x82+\xa5\xe6\xcd\x9b7`\xc0\x00\x8c\xfe\xc7\x01&gt;_\x80\x18\xa2a\x8d^\xbdz\xcd\x993\xc7\x1e\xdf\x10Bl{\xee\xbfw\xef\xdc\xed\xcf\nx\xfc\x80 f\x9a3\x0b\x1e\xb5,\xc9XsX\xf6\xea\xd5k\xf6\xec\xd9h\xfd\xe3\x03\x1f1@lQ\x06\xcc\x9d;\xb7_\xbf~\xb4\xc0Qk-\xa5\x9a\xb5xuc\xfdI.\xb87\x87\x81\xa4%}\x99\x19\xbf\xdc\xf6\xeb\x97w\xbfi\x0f\x8e)\xa5\xec\xb7%\x8c\xff\xc4\x01\x02\x00 \xb6P3\xb2-T|L\x10\xf8\x94\x01b\x0e5#[A\xc5\xc7\x04\x81\x00\x00\x88\x07\xd4\x8c\xb4\xa1\xe2c\xe2@\x00\x00\xc4\x03jF\xdaP\xf11q\xe0\xb3\x06\x88\x13\xd4\x8c4P\xf11\xc1\xe0\xb3\x06\x88\x13\xd4\x8c4P\xf11\xc1 \x00\x00\xe2\xc7\xe35#Q\xf11\xd1 \x00\x00\xe2\xc7\xcb5#Q\xf11\x01!\x00\x00\xe2\xca\xb35#Q\xf11\x01!\x00\x00\xe2\xcd\x835#Q\xf111\xe1C\x07\x88\xb7\xaf\xac\x19iYR\xbb\x8cR\xa8\xf8\x98\x80\x98v\xe9\xfb&amp;@"\xa3V\xb1\xae\xae.\'\'\xe7\xe8\xd1\xa3\x8c1\xaa\x1a\x96\xfb\x8d!\xbb_\xdaf\xd4\xd5\x1b\xdc5m"SR\xf2\xac\xc0k\xbf{\xe5\xba\xd1\xf7\xdbK?\xa5\x94\xeb\xd6\xad\x9b6m\x1aF\xff\x1d\x84\x00\x00p\x86eY\xa6in\xd9\xb2\xe5\x9e{\xee\x89l\x167&gt;Vt\xeb\xed7\x85\x82\xb5\xeeh\x16\xb5\xa1\r\xc3\x083~\xcb\x9d\x0f\xec\xff\xfb?\xa8\xb3\xaf\xb5\xee\xdf\xbf\xff\x81\x03\x07\xa8Z2\xde\x00\x9c\x82\x00\x00p\x0c-\xfc\xbf\xee\xba\xeb\xf6\xec\xd9C\xad\xbfa\x18\x8c\xb1@f\x86!\x95\xe1\x96V\x91\xd6\xfe\xd7\xd47\xd0\x7f\xd2w\xbas\xe7N\xd4\xfcr\x1c\x02\x00\xc01\xcd\x95\xe2\xf7\xec\xb9\xf6\xdaki\x08\xc8\xe9+\x8a!Z\x02kW|\xdc\xb9s\'Z\x7f\xc7!\x00\x00\x9cD\x8d\xe0\xe4\xc9\x937m\xda\xe4\xf3\xf9,\xcbr\xebx\x88n&gt;\xfd\x82\t!\xde~\xfb\xed\xfe\xfd\xfbk\x9c\xfc\xe34\x04\x00\x80\x93h\r\xcc\'\x9f|2p\xe0\xc0\xca\xcaJ\xa7/\'\x1e\x16.\\\xb8d\xc9\x12t\xff\x13\x01\x02\x00\xc0a\xd4\x14\xaeX\xb1b\xe5\xca\x95\xa6i\xbau \x88\x86\x80\xce9\xe7\x9c7\xdf|3++\xcb\xc0\xc1\x0f\t\x00\x01\x00\xe0&lt;\x1a\x1e\xa9\xae\xae\xa6\x7fw\xfarb\x82\x02 55\xb5S\xa7NN_\x0b4C\x00\x00@\\i\x1c\xfc\x900L\xa7/\x00\x00\x9ay\xa47\x86\xd6?q\xe0\r\x00\x00\xc0\xa3\xb0\x06\x0b\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08\x00\x00\x00\x8fB\x00\x00\x00x\x14\x02\x00\x00\xc0\xa3\x10\x00\x00\x00\x1e\x85\x00\x00\x00\xf0(\x04\x00\x00\x80G!\x00\x00\x00&lt;\n\x01\x00\x00\xe0Q\xa6\xd3\x17\x00\x10\x0fZk\xfa\'i\xf5\xbb,\x82\x13W\x07\xe0\x0c\xd6\xf6a\x00p\r\xa5\x94R\x8a1&amp;\x848\xf3?\xcf9\xe7\x1c/\xc7\xe0~\x08\x00p!j\xc7M\xf3\x0b/\xb8\xc7\x8f\x1f\xff\xf7\xbf\xff}\xe2\xc4\x89O?\xfd\xb4\xa6\xa6&amp;\x14\ni\xad\xfd~\x7f \x10\xe8\xd1\xa3G\xef\xde\xbd/\xbc\xf0\xc2\xce\x9d;\xdb_\xc10\x0c\xc4\x00\xb8\x1b\x02\x00\xdcCkM\xfd}\xbb\xe1~\xe7\x9dw\xf6\xee\xdd\xfb\xc7?\xfe\xf1\xef\x7f\xff\xfb\x07\x1f|\x10\x0c\x06O\xf7\xff\x9a\xa6y\xee\xb9\xe7^y\xe5\x957\xdex\xe3\xcd7\xdf\x9c\x9d\x9dm\x18\x86\x94\x92s\x8eq!p+\x04\x00\xb8\x84\x94\xd2\x1e\xe7y\xf7\xddww\xec\xd8\xf1\xfc\xf3\xcf\xef\xdf\xbf_J\x19\xf9\xc7\xe8\xcfD\xb6\xe94+@]~\xd2\xb9s\xe7\xef|\xe7;s\xe7\xce\x1d2d\x88a\x184(\x14\x8f\xef\x01 \xbe\x10\x00\xe0\x06Zk\xc6\x98R\xea7\xbf\xf9\xcd\x93O&gt;\xf9\xf2\xcb/[\x96E\xbfE\x03AJ\xa9SN\xff\xda"\xe7\x81\xe9\xff5M3//o\xc9\x92%)))\xc8\x00p%\x04\x00$=\xba\x87\xb7m\xdb\xb6f\xcd\x9a\xf2\xf2r\xfaE\xd34\xbf\xb2\xd1?\x1d\x1aD\xa2\xff}\xd8\xb0a\xcf&lt;\xf3L\xaf^\xbd\x90\x01\xe0&gt;\x08\x00Hz\xd44\xdfx\xe3\x8d\x7f\xf8\xc3\x1f\xfc~\xbf\x94\x92\xda\xee\xb6\x7f\xf2\x94k=\xbfdm\xa8i\x9a\xe1p\xf8\xf2\xcb/\x7f\xf5\xd5W\xbbu\xebf|q\xec\x08 \xd9!\x00 \xe9\xd1\xe8\xff\x9bo\xbey\xcd5\xd7\xb4\x1a\xcd7Z\xba\xf3\x8c1)\xe5\x97\xdc\xedB\x88\xb6\xff\xafa\x18&gt;\x9f/\x1c\x0e\xdfp\xc3\r;w\xee\xd4ZcN\x18\xdc\x04\x01\x00n@/\x01\xb9\xb9\xb9{\xf7\xee\x15B\xd0\xc4/\xcd\xf7FN\x02w\xed\xda\xf5\xbc\xf3\xce\xeb\xd6\xad[zz\xba\xdf\xef\x0f\x87\xc3\xc1`\xf0\xa3\x8f&gt;\xfa\xf0\xc3\x0fi\xdc_\x08\xd1\xf6\xed\x812`\xcd\x9a5\xb3g\xcf\x8e\x9cj\x06Hv\xee\t\x80\xd3\xbd\xf5\xc7B\xe4BCH\x04\x96e\x99\xa6\xf9\xfc\xf3\xcf\xdfv\xdbmB\x08{"\xd70\x8c@ 0|\xf8\xf0Q\xa3F\xfd\xe7\x7f\xfeg\x9f&gt;}\xb2\xb2\xb2Zu\xe1\x9b\x9a\x9a\xde\x7f\xff\xfdW^y\xe5\xa9\xa7\x9e\xda\xb7o\x9fa\x18\x8c}\xe1\xb9\xa0\x9fu \x10\xf8\xc7?\xfe\xd1\xbd{w\x03\x03A\x89\x07\x8f\xff\xd9qO\x00\x80\xc7i\xad\xa5\x94\x83\x07\x0f&gt;p\xe0\x00\xfd\xca\xb0a\xc3\xee\xba\xeb\xaeo}\xeb[\xbd{\xf7\x8e\xfc\x93\x91\x8dE\xe4\xc3,\xa5\\\xbf~\xfd\xbcy\xf3\xc2\xe1\xb0\xd12\xb7LL\xd3\xb4,\xeb\xd1G\x1f\x9d7o\x1e\x85M&lt;\xbe%\x80\x18sC\x00\xd0\x12\xc0\xfd\xfb\xf7WWW\xc7\xe7o\xcc\xcc\xcc\x1c&lt;x0\xfd\xbd\xf1\xf9\x1b\xe1+Q\xbb\xfc\x93\x9f\xfcd\xc6\x8c\x19\xe3\xc7\x8f\x9f2e\xca7\xbf\xf9M\xfa-\xfb\x80\x07\xfay\x9dr\x12X)E\xaf\x0e/\xbc\xf0\xc2w\xbf\xfb]\x9a0\xb0\x9f\x0e\x1a\x1a\x1a2d\xc8\x9f\xff\xfc\xe7\xb6_\x01\x1c\x84\xc7\xbfCt\xf2\xa3gu\xe8\xd0\xa1q\xfb\xd0\x86\x0e\x1dj\xff\xbd\x90P\xea\xea\xea\x0e\x1d:D\xff\xae\x94\n\x87\xc3\xf6b\xd0\xaf\xa4\x94jjj\xd2Z\x17\x14\x14\x18-S\x08\x84\x1e\xf5\x94\x94\x94\x0f&gt;\xf8@\xe3G\x9fH\xf0\xf8w\x84KF\xb2\x0c\xc3HKK\xe3\x9c\xfb|&gt;\x1eK\xf4\xf5\xd3\xd2\xd2\x9c\xfev\xe1\xd4\xd2\xd2\xd2\xfa\xf7\xefO+Ai\x1d\xe7\x99w\xd3\xe8\xcf+\xa5f\xcf\x9e\xdd\xad[7)\xa5\xfd\xffj\xad9\xe7MMM\x07\x0f\x1e4\xbe8:\x04\x89\x00\x8f\xff\xd9qO\x00\xa8/2\xbe\xb8\xb7\xb3\x83N\xf9\xf5!\x01\xe9\x96\xc1\x1c~V\xd3t\x9cs\xadufffnn\xae\xf1\xc5\x97\x00\xfa\x82\x1f|\xf0\x81\x81\x00H&lt;x\xfc\xcf\x8ek\xe7\xb2\xdc\xf4C\x823g?\xb1g\x8d^\x8d\x07\r\x1a\xf4\xdcs\xcf\xb5\xfd\xdd\xca\xca\xca\x8e|q\x88\x0f&lt;\xfeg\xc8\x85\x01\xc0\x18\xd3Z_9h@V\xd7Lm\xc9\x8e7\x07\xcc\x14U\x95\xd5\x7f=p\xa8\x83_\n\x92\x05c,\x10\x08\x9c\xf2\xb7h\x81\x10$,&lt;\xfe\xed\xe2\xda\x00\xf8\xd1\xb2\xfckn\xbe\xde\xa8\xae1D\xc7\x86\xb9\xa4223\xfe\xf8\xfbW\x86}\xe7^W\xde\x01pJ\xa7k\xe8\xfd~\x7f\x9c\xaf\x04\xda\x05\x8f\x7f\xbb\xb80\x00HCC\xa3\xaa\xad\x0b\xd5\xd5\x8b\x8e\xdd\x01R*\xbf\xe0\r\r\x8d\xd1\xba0H|Z\xeb\x8f?\xfe\xf8\x94\xbfE\'\x02A\x82\xc3\xe3\x7f\x86\\\x1b\x00\x9c3{\xee\xbe#_Gk\x83s\xce\xb9\x0b\xc3\x1fN\x89s\xce\x18\xfb\xdb\xdf\xfef|q\xb2\x97\x86\x95/\xbe\xf8b\x03\xfb\x00\x12\x1e\x1e\xff3\xe4\x9eU@\x00\x1dG\x8bG\xff\xf5\xaf\x7f\xbd\xf5\xd6[\x8c1{.\x91\xfe=55\xf5\xb2\xcb.3\x10\x00\xe0\x16\x08\x00\x80\xcfQ\x00\x94\x96\x96644\xd0\xf9\xa0\xf4\xeb\xf4Zp\xc5\x15W\\p\xc1\x05\xb4\'\xc0\xd9\xeb\x04\x88\n\xdc\xc7\x00\xcd\xe80\x89\xbf\xfc\xe5/\xeb\xd7\xaf\xe7\x9c\xb7\xaa%\xa9\xb5\x1e?~&lt;c\xac\xd5\xaf\x03$/\x04\x00\x80a\x18\x86\x94\xd24\xcdO&gt;\xf9d\xdc\xb8qMMMF\xc4\x04\x00\xed\x0e\xeb\xd1\xa3\xc7\xa4I\x93\xb4\xd68\x0e\x1a\\\x03\x01\x00\xd0\\R\xe6\xf8\xf1\xe37\xdf|sEE\x05\x1d\xfdf\xff.\xe7\\)UTT\x94\x95\x95EcD\x0e^*@\x14!\x00\xc0\xeb,\xcb\x12B|\xf0\xc1\x07\xd7_\x7f}yy\xb9]O\x86\xd0A\xd0\xa3F\x8d\xba\xff\xfe\xfbQ\r\x06\\\x06\x01\x00\x9eF\xe3\xfeo\xbd\xf5\xd6\xf0\xe1\xc3\x0f\x1c8`\x9af\xdb\xd6?;;{\xcb\x96-\x06\x16\xff\x80\xeb \x00\xc0\xa3\xb4\xd64\xee\xbfc\xc7\x8e\xeb\xae\xbb\xee\xc3\x0f?\x14B\xd8u\xc4\x8c\x96\xd6\xff\xfc\xf3\xcf\xff\xdd\xef~\xd7\xbd{w,\xfe\x01\xf7\xc1\r\r^DC\xf9B\x88\xa5K\x97\x8e\x1e=\xba\xae\xae\xae\xd5\xb2\x1f\xbb\xef\xff\xea\xab\xaf\x0e\x180@J\x89\xd6\x1f\xdc\xc7\xb5;\x81\x01N\x87\xaa\x83566\xdew\xdf}eee\xb4\xc8\'r\xd6\x97Z\xff\xab\xae\xba\xeaW\xbf\xfaU\xef\xde\xbd1\xf4\x0fn\x85\x00\x00o\xa1\xd6\xbf\xaa\xaa\xea\xbb\xdf\xfd\xee\xae]\xbbh\xd0_\x7f\xb1D\xb0eY\xb7\xdf~\xfb\xa6M\x9b\xd2\xd3\xd3\xd1\xfa\x83\x8b\xe1\xad\x16&lt;Dk\xcd\x18\xab\xae\xae\xbe\xe9\xa6\x9bv\xed\xda\xe5\xf3\xf9,\xcbj\xb5\xde_J\xb9`\xc1\x82_\xfd\xeaW\xe9\xe9\xe9T[\xc6\xd9k\x06\x88\x1d\xbc\x01\x80W\xd08\x8f\xd6z\xf4\xe8\xd1\x7f\xfe\xf3\x9f}&gt;_\xe4\x99\xcf\xb4\xfa\xb3s\xe7\xce?\xfb\xd9\xcf\xc6\x8d\x1bG\x93\x04\x18\xf7\x07wC\x00\x80WPw~\xf6\xec\xd9\xaf\xbc\xf2\xca)[\xff\xf3\xcf?\x7f\xc7\x8e\x1dW_}5\xad\ru\xf0R\x01\xe2\x03w9x\x02\r\xe5\xbf\xfe\xfa\xeb%%%4\xc7k\xff\x16\xb5\xfe\xfd\xfb\xf7\xff\xfd\xef\x7f\x9f\x9d\x9d\x1d\x0e\x87}&gt;\x9f\x83\x97\n\x107\x08\x00\xf0\x04\xda\xc3UPP`\xb4T\xfd\xa5_\xa7\xd5\x9f\xfd\xfb\xf7\x7f\xe5\x95Wz\xf7\xeemY\x16Z\x7f\xf0\x0e\x0cq\x82\xfb\xd1\xca\x9f\xfd\xfb\xf7\xef\xda\xb5+r\xbd?\xcd\xfa\x9es\xce9/\xbc\xf0\x02\xb5\xfe\x18\xf9\x01OA\x00\x80\xfb\xd1\x1a\xff\xe7\x9f\x7f\xbe\xedn^\xad\xf5\x93O&gt;\xd9\xaf_\xbfp8\x8c\xd6\x1f\xbc\x06\x01\x00\xeeG\x8d\xfe\xeb\xaf\xbfnD\x1c\xf2LG~\x8e\x1c9\xf2\xf6\xdbo\xc7\xc8\x0fx\x13\x02\x00\\\x8ez\xfd\xa1P\xa8\xa2\xa2\xc2\xf8b\x99_\xc30\xa6N\x9d\xda\xeaW\x00\xbc\x03\x01\x00\x9eP]]\xfd\xe9\xa7\x9f\x1a-\x01@\x85\xbd:u\xeat\xf5\xd5W\xd3\xa1@N_ \x80\x03\\;\xe8\xa9\x94VJ)\xa5:x\x82\xafj\x86Nb\xb2\xa2\xdd\xbf555\x8d\x8d\x8d\xf6/2\xc6\xb4\xd6\xbd{\xf7\xee\xd9\xb3\xa7\x83\xd7\x061\x82\xc7\xff\x0c\xb96\x00:wN\xe5\xe9]R\xa52D\x87\xder|R\x19\xe9]:wN\x8d\xd6\x85\x81#B\xa1P\xe4a\x9f\xb4*\xb4k\xd7\xae\xa6iRB8wi\x10}x\xfc\xcf\x90\x0b\x03\x80\xde\xf1\x7f\xf0\xd0\x8a\xac\xd5?\xd6\x96\xec\xe0\xb3\xad\xb5f\xa6\xa8\xaa\xac6Z\xfa\x92Q\xb9H\x883\xfa\xd9q\xce\xa9\xefO\x0b@SRR\x0c\xfcX\xdd\x05\x8f\x7f\xbb\xb86\x00\xfez\xe0P\x8c\xbe2$#\xa5T\xe4\x1b\x00-\x0cmhhp\xee\x8a &amp;\xf0\xf8\xb7\x8b\x0b\x03\x80P_/Z_\xad\xd5y\xf1\x90D\xe86\xe8\xd3\xa7\xcf\xab\xaf\xbe\xda\xea\xb7\x02\x81\x80\x81B\x8fn\x84\xc7\xff\x0c\xb9\'\x00x\x0b;\xa8\xa3\x9b\xd8\xb4\x96\x9c\xbe&gt;\x0e\x89L"\xd4\x10\xa4\xa5\xa5]{\xed\xb5_\xf2\x07 \xa9\xe1\xf1?;\xee\t\x80\xfa\xfaz\x9a\xb0\x8f\xe9\xdfB_\xbf\xbe\xbe&gt;\xa6\x7f\x0bD\xdd);q8\xf0\xd95\xf0\xf8\x9f\x1d\xe6\x82\x81-\x9a\x9c\xd9\xbf\x7f\x7fuuu|\xfe\xc6\xcc\xcc\xcc\xc1\x83\x07\xbbrR\x08 \xb9\xe0\xf1\xef\x087\x04\x00\x00\x00\x9c\x05\xf7\x0c\x01Q\xb1\xa7\xf8\xfc]\x18:HFvE0Z\tj\x18\x86\x10\xc2\x05\x9d80\xf0\xf8\x9f-\xbc\x01\x80\'\xd0\x89\xd0m\x7f\x1d5\xdf\xc1\xcb\xdc\xf3\x06\x00p:\xd4\xfa\x87\xc3\xe1\xdf\xff\xfe\xf7\xaf\xbf\xfe\xfa\xf1\xe3\xc7\xd3\xd3\xd3\xaf\xbc\xf2\xcao\x7f\xfb\xdb=z\xf48]6\x00\xb8\x1e\x02\x00\\\x8e\xda\xf7\xbf\xfd\xedo\xf7\xde{\xef\xfe\xfd\xfb#\x7f\xabG\x8f\x1e\x8f&gt;\xfa\xe8\xa4I\x93\x90\x01\xe0M\x18\x02\x027\xa3\xdb\xfb\xc4\x89\x13W^y\xe5\xc7\x1f\x7f\xdc\xaa\xe4\x0bU\x06\xfe\xedo\x7f{\xcb-\xb7`,\x08&lt;\x08\xbd\x1ep3)%c\xec\xa9\xa7\x9e\xfa\xf8\xe3\x8f\xfd~\xbf\xf5E\xa6i2\xc6\x96,Y\xe2\x8e%}\x00\xed\x85\x00\x007\xa3f}\xf7\xee\xddT\x00\xa0\xd5\xefJ)\xb5\xd6\x7f\xff\xfb\xdf?\xfe\xf8\xe3\xc8M\xa4\x00\x1e\x81\x00\x007\xa3Q\x9d\xe3\xc7\x8fk\xad\xdb\xb6\xef\xf4+\r\r\r\xc7\x8e\x1d3\\z\xda\x17\xc0\x97@\x00\x80\xfb}\xc9\t\x01\xf4\x8a@\x7f\x00\x01\x00^\x83\x00\x007\xa3\x96=\x10\x080\xc6\xda\x8e\xf2\xd3\x8e0\x9f\xcf\x97\x95\x95e\xe0T8\xf0\x1e\x04\x00\xb8\x19\x05@NN\xce)\x0fq\xa4-\x9d\x17]t\xd1\x85\x17^\xe8\xb2S\x1e\x01\xce\x04\xeexp3j\xd3\'O\x9e\xcc\x18\xb3\x97\xfd\x10!\x84i\x9aJ\xa9\xa9S\xa7\xfa|\xbe\xb6S\xc4\x00\xae\x87\x00\x007\xe3\x9c+\xa5.\xbf\xfc\xf2\xc7\x1f\x7f\\kmY\x96n!\xa5\x0c\x85B\xe3\xc7\x8f\xcf\xc</t>
        </is>
      </c>
    </row>
    <row r="272">
      <c r="A272" s="1" t="n">
        <v>270</v>
      </c>
      <c r="B272" t="inlineStr">
        <is>
          <t>shape_size_hexagon</t>
        </is>
      </c>
      <c r="C272" t="inlineStr">
        <is>
          <t>What is the size of the missing shape denoted with a question mark if it is a hexagon?</t>
        </is>
      </c>
      <c r="D272" t="inlineStr">
        <is>
          <t>['large', 'medium', 'small']</t>
        </is>
      </c>
      <c r="E272" t="inlineStr">
        <is>
          <t>small</t>
        </is>
      </c>
      <c r="F272" t="inlineStr">
        <is>
          <t>There are 7 shapes with different sizes in the image, of which there is a missing hexagon in the center. The other shapes are arranged around the center, which are ['square', 'hexagon', 'pentagon', 'square', 'hexagon', 'pentagon'] in anti-clockwise order. Their corresponding sizes are ['large', 'small', 'medium', 'large', 'small', 'medium'].</t>
        </is>
      </c>
      <c r="G272" t="inlineStr">
        <is>
          <t>We observe that the squares are large size, the hexagons are small size, and the pentagons are medium size. Hence, the pattern is that each shape appears with a distinct size.</t>
        </is>
      </c>
      <c r="H272" t="inlineStr">
        <is>
          <t>Based on the pattern that each shape appears with a distinct size, the size of the missing hexagon should be small.</t>
        </is>
      </c>
      <c r="I272" t="inlineStr">
        <is>
          <t>b'\x89PNG\r\n\x1a\n\x00\x00\x00\rIHDR\x00\x00\x02\x00\x00\x00\x02\x00\x08\x02\x00\x00\x00{\x1aC\xad\x00\x00HHIDATx\x9c\xed\xddy|\x15\xd5\xfd?\xfe\xb3\xcc\xdc,\x90\x15\xc4\x80\xda\xd6\x12\xc0~D?%\xd6\x05\xa1\x90\xaa\x90\xb8\x01\x96Epy(\x16\x8a\x1f*\x88\x08\x16e\x93\xad\xa2,\x06P&gt;E-\xe8\xcf\x8a\x8a\xa2\x1fD\xd4\xa0@\x80\x82\xa0\x12\xbe\n\xa8\x10Q\x0b"\x18\xc8\xce\x92\xdc;\xe7\x9c\xdf\x1f\xefd\x1aY\x14\xc8r\xef\x9dy=\x1f\xfe!\x04.\x93{3\xe75\xf3&gt;\xefs\x86\x1bc\x18\x00\x00\xf8\x8f\x08\xf7\x01\x00\x00@x \x00\x00\x00|\n\x01\x00\x00\xe0S\x08\x00\x00\x00\x9fB\x00\x00\x00\xf8\x14\x02\x00\x00\xc0\xa7\x10\x00\x00\x00&gt;\x85\x00\x00\x00\xf0)\x04\x00\x00\x80O!\x00\x00\x00|\n\x01\x00\x00\xe0S\x08\x00\x00\x00\x9fB\x00\x00\x00\xf8\x14\x02\x00\x00\xc0\xa7\x10\x00\x00\x00&gt;\x85\x00\x00\x00\xf0)\x04\x00\x00\x80O!\x00\x00\x00|\n\x01\x00\x00\xe0S\x08\x00\x00\x00\x9fB\x00\x00\x00\xf8\x14\x02\x00\x00\xc0\xa7\x10\x00\x00\x00&gt;\x85\x00\x00\x00\xf0)\x04\x00\x00\x80O!\x00\x00\x00|\n\x01\x00\x00\xe0S\x08\x00\x00\x00\x9fB\x00\x00\x00\xf8\x14\x02\x00\x00\xc0\xa7\x10\x00\x00\x00&gt;\x85\x00\x00\x00\xf0)\x04\x00\x00\x80O!\x00\x00\x00|\n\x01\x00\x00\xe0S\x08\x00\x00\x00\x9fB\x00\x00\x00\xf8\x14\x02\x00\x00\xc0\xa7\x10\x00\x00\x00&gt;\x85\x00\x00\x00\xf0)\x04\x00\x00\x80O!\x00\x00\x00|\n\x01\x00\x00\xe0S\x08\x00\x00\x00\x9fB\x00\x00\x00\xf8\x14\x02\x00\x00\xc0\xa7\x10\x00\x00\x00&gt;\x85\x00\x00\x00\xf0)\x04\x00\x00\x80O!\x00\x00\x00|\n\x01\x00\x00\xe0S\x08\x00\x00\x00\x9fB\x00\x00\x00\xf8\x14\x02\x00\x00\xc0\xa7\x10\x00\x00&gt;\xa5\x94\xd2Z\x1bc\xc2} \x106\x1c\x1f?\x80\xdfh\xad9\xe7\x9cs\xfa\xa5RJJ\x19\xdeC\x82\xb0\xc0\x1d\x00\x80\xbf8\x8e#\x84\xe0\x9c?\xfc\xf0\xc3\xfd\xfa\xf5+))\x91R:\x8e\x13\xee\xe3\x820\xc0\x1d\x00\x80_\x18c\x94R\x96e\x15\x14\x14\x0c\x1b6,77\x971\xd6\xb6m\xdb\xb9s\xe7feei\xad\x19cB\xe0\xa2\xd0G\xf0a\x03\xf8\x02\x8d\xef\x96e-Y\xb2\xa4c\xc7\x8e\xb9\xb9\xb9\x96eY\x96\xb5k\xd7\xae\xec\xec\xecI\x93&amp;\t!\x84\x10\xb8\x15\xf0\x15\xdc\x01\x00x\x1fU\xf9\x1d\xc7\x19=ztNN\x0ecLJ\xa9\x94b5\x97\xfcZ\xeb\xac\xac\xacy\xf3\xe6\xb5i\xd3\xc6q\x1c)\xa5;C\x00\x1e\x86\x00\x00\xf02c\x8c\xd6ZJ\x99\x9f\x9f?t\xe8\xd0\xcd\x9b7\x0b!\x8c1\x8c\x19\xce\x05\xa3\xff3\xc6\xb2,\xc7q\x9a5k6\x7f\xfe\xfc~\xfd\xfa1\xc6\xb4\xd6(\x07y\x1e&gt;`\x00\xcfRJq\xce\xa5\x94\xcf=\xf7\\ff\xe6\xe6\xcd\x9b-\xcb\xa2\x16 c\x98\xa6&amp;Pc\xe8\xe6@JYTTt\xeb\xad\xb7\x0e\x1f&gt;\xbc\xa2\xa2\x02\xe5 ?@\x00\x00x\x93;\xa6\x0f\x180`\xf0\xe0\xc1\x15\x15\x15\xee@\xaf\xb5\xb6\xa4xj\xfa#+_\x7f&amp;\xed\x9cfJ)KJ7-\xe6\xcd\x9b\x97\x99\x99\x99\x9f\x9foY\x96R\nE\x02\x0fC\x00\x00x\x8d\xd6ZkmY\xd6\x86\r\x1b\xae\xbe\xfa\xeaW^y\x85j\xfaZk)\x85R\xaa\xcd\xaf\x7f\xb1\xe6\xad\xe7\xffr\xdf\xc0n\xdd\xbb~\x92\xf7Z\xdf\x1e\xdd\x1c\xa5he\x00\xb5\t\xe5\xe7\xe7gff\xce\x9b7\x8f\xfe"\xcd\x16\x80\xf7`\x0e\x00\xc0S\xdcU]999\xa3G\x8fv\x1c\x87\xea\xfbR\x08\xa55c\xecO\xb7\xffq\xe6\xdf\xfe\x9a\x9c\x94XUV\xc1\x98\x89\x89\x8bc\x01{\xf6\xdc\x85\x7f\x9d4\xcbQ\x9a&amp;\x87\x85\x10\xd45\xd4\xaf_\xbf\xf9\xf3\xe77k\xd6\x8c^\'\xcc\xdf\x1b\xd47\x04\x00\x80G\xb8m\xfe\xfb\xf7\xef\x1f8p \xb5\xf9\xd3PnI\xe9(\x95\xd8\xb4\xc9\xcc)\xa3\x07\x0f\xba\xcd\x1c&gt;\x12\n\x85(\'h\xa0\xb7S\x927}\xf8\xc9\xd0\x07&amp;m\xdd\xfe%\xd5\x88\x18cT2\xc2B\x01\x0fC\x00\x00x\x81\xdb\xb4\x93\x9b\x9b;p\xe0\xc0\xfd\xfb\xf7\xd3\x85?\xe7\\\x08\xae\x94\xbe\xfa\xf2\xff^\xf8\xd4\xb4v\x17\xb7\r\x16\x97\xd2J\xe0\xda\x7f\xddq\x9c\x98\xa4\xc4\xf2\xf2\x8a\x91\x0fO\xff\xc7Ko0\xc6\xe8\x8e\x81^\x841\xf6\xe8\xa3\x8fN\x9c8\x91\xfe$n\x05&lt;\x03\x01\x00\x10\xf5\xdc:\xcf\xd4\xa9S\'M\x9a\xc4j\xda\xfc\xddf\xff\xfb\x87\xdc1c\xd2(\xdb\xb6\xaa\x0e\x1f9\xd5\xf0\xad\x94\xb2\x036\x8f\x8b{\xf9\xd5\xb7\xee{hjqi9\xbd&amp;\x16\nx\x18\x02\x00 \x8a\xb9m\xfe\x05\x05\x05\x03\x07\x0e\xdc\xb0a\x83;^[\x96t\x1c\xd5\xb2E\xf3\'\xa7\xfd\xf5\xd6\xdboQ%eZi!\x7f\xaa\x80C\xaf\x16h\x96\xb2k\xc7\xae\x81\x7fyd\xe3\xc7\x9f\n!\x981\x1a\x0b\x05&lt;\n\x9f\x1f@\xb4r\x1b7_y\xe5\x95\x8e\x1d;n\xd8\xb0\x81\xda\xfc\x19cB\x08\xc7Q\xdd3;~\xb2\xea\xd5[\x07\xf4\xac:Xl\x8c\xf9\xe9\xd1\x9f1F\xafVu\xa8\xb8m\xeb_\xe6\xbd\xf5\xfc\x84Q\xf7\xd2Z\x01\x0b\x0b\x05&lt;\nw\x00\x00Q\x89\xca&gt;\x15\x15\x15#G\x8e|\xee\xb9\xe7XM\xd9\x87\xe6{\x19c\x13F\xdd;\xe9\xe1\xfb\x98\xd6UG\x8f\x9di\xd5\x9e\xee\x15dJ\xd2{\xcb\xdf\xbfg\xd8\xf8\xfd\x85\x87\xe8e9\xe7B\x08\xa5TFF\xc6\xb3\xcf&gt;\x9b\x91\x91A-C(\x07E)\x04\x00@\x94q\xcb&gt;[\xb7n\x1d4hP~~\xfeq};\xe9\x17^0\xef\xf1\xb1\xd97]\xe7\x14\x97\x1ac\xce\xaePC=E1)\xc9\xdf\xef\xfd~\xc4\x98\xbf\xbd\xb6\xfc}Z(\xa0kf\x86\x13\x12\x12\xa6M\x9b6l\xd80\x86\'\nD-\x04\x00@4q\x87\xday\xf3\xe6\x8d\x1d;\xb6\xa2\xa2\xc2\x9d\xaa\xa5\x0c\xe8\xdb\xa3\xfb\xfcY\x13\x9a\xa7\xb5\xa8*.\xa9{\xbb\x8e\xe3\xa8\x98\xb8X,\x14\xf0*\x04\x00@\xd4\xa0A\xb6\xa8\xa8h\xe8\xd0\xa1K\x96,an\x9b\xbf%\x1dG%4\x89\x9f:\xee\xfe\xe1\xf7\xde\xc9\x82\xa1\xaa\xca\xca\xfa\x1a\x8eOg\xa1\xc0\xc2\x85\x0b;u\xea\x84\x85\x02Q\x07\x01\x00\x10\x05\xdc\xb1u\xc3\x86\r\xf7\xdcs\xcf\xae]\xbbh\xa3\x1e\xfaM\xa5T\x87\xf6\x17=7oJ\xc6U\x19\xc1\x83\xc5\x82s.\xea\xb9(\xff\xd3\x0b\x05,\xcb\x1a7n\x1c\x16\nD\x1d\x04\x00@\xa4s\xcb&gt;\x93&amp;M\x9a:u\xeaIww\x98\xfd\xd8\x98\xc4\x84\xa6Ue\x15\x96\xddP\x83\xefO,\x14\xa0|\xca\xca\xcaZ\xb4hQ\xcb\x96-\xb1P Z \x00\x00"\xd7O\xed\xee`I\xc7Q\xa9\xc9\x89O=1n\xc0\xad=\xcc\xb1c\xa1`\xa8\xa1gbO\xbdP\x80Y\x96t\x1c\xa7e\xcb\x96999\xfd\xfa\xf53\xc6\x9c\xf5\xfc34\x1a\x04\x00@\x84:\xc5\xee\x0e\x8asF\xdd8W_\xfe\xdf\x8b\x9e\xfe[\xdb\x8b\xdb\x06\x8bJ\x1a\xb3\x17\xd3q\x9c\x98\xa6MB\xc1\xd0\xd4Y\x0b&amp;\xcf\xfc;;a\xe1\xf1\x88\x11#f\xcc\x98AE*t\x07E2\x04\x00@$:\xd5C\x1c\xff\xb3\xbb\xc3\x9f\xef\x981\xf9gvwh8\xa7Z(\xe0\xaeC\xbe\xf2\xca+\xe7\xcf\x9f\x8f\x85\x02\x11\x0e\x01\x00\x10Y\xdc6\xff]\xbbv\xdds\xcf=\'\xdd\xdda\xe1\xbc)\xd97^\xa7\xca\xca\x7fvw\x87\x06=N\xa5TLj\xf2\xf7\xdf~7p\xd8\xb8\x95y\x1f\xb2\xff\x94\xa7\xaa\x17\n\xcc\x9e={\xd0\xa0A\x0c\x0b\x05"\x15*t\x00\x11\xa4\xf6C\x1c\xaf\xb8\xe2\x8a\xda\xbb;0\xc6\xdc\xdd\x1d\xb2o\xb8\xa6\xaa\xa8\xe4tvwh8\x9cs\xcb\xb2\xaa\x8a\xcbZ\x9d{N\xee\x9b\xff\x985y\xb4%%E\x17M\x02WTT\x0c\x1e&lt;x\xc0\x80\x01EEE\xf4\x9b\xe1:T8\x15\xdc\x01\x00D\x8aS\xee\xee`I\xc7Q\x96\x94\x8f\x8c\x1c&lt;i\x0c\xed\xeePiY\x91rA]\xbdP\xa0Y\xca\xbf\xd6l\xbcg\xd8\xb8\x82\xaf\xf7H)\xb46\xac\xa6E\x15\x0b\x05"\x16\x02\xc0\xb3\xea\xf7\x93E\r\xb7A\xb9=3\x9b7o\x1e:th\xed\xdd\x1dh7\xff6\x17^\xb0\xf0\xa9i\x9d\xaf\xe9\x14:T\xc2X$v\xd7\xd0B\x81\xd2\xb2\xf2Q\x8f&lt;\x8e\x85\x02\xd1\x02\x01\x00\xa7\xc5\x18\x83\x0ch \'&gt;\xc4\xb1z\xbe\xb7\xa6\xcd\xff\xd6^\xd9O=1\xae\xf9\xb9\xcd\xabJ\xca\x1a\xae\xcd\xbf\xee\x94R\xb6m\xf3\xa6M\x9e}n\xf1\xa8\xf13\xca\x0f\x1fqg\x86\xb1P 2!\x00&lt;\x88\x06\xeb\xd2\xd2RV\xe7\xfb\x00\xce\xb91&amp;666..\xae~\x0e\x0e~\xec\xb8\xdd\x1djm\xb8V\xbd\xbb\xc3\xaci\x7f\x1d&lt;h\x809|4\x14\x0cF\xfe&lt;j\xf5B\x81\xd4\xe4\x9d;v\xdds\xdfXZ(`\x8c1X(\x10\x91\x10\x00^C\x97\x93\xd3\xa7O\x7f\xfc\xf1\xc7\xdd\xdd\x02\xce\x1a\x05@\xf3\xe6\xcd7m\xda\x94\x92\x92\xc2P\x0b\xaa?nA&lt;77w\xd8\xb0a\x05\x05\x05\xc7=\xc4\xb1C\xfb\x8b\x9e\x9d7\xe5\xb2+;\x04\x0f\x15GW\'e\xf5B\x81\x903z\xc2\xcc9\xcf\xfc\x93a\xa1@\xa4B\x00x\n\x8d)\x85\x85\x85\x17_|qqqq=\xbe\xf2\xd8\xb1c\xa7N\x9d\x8a\xd3\xb5\xbe\xb8u\xf0I\x93&amp;=\xfa\xe8\xa3\x8c\xb1\xea\xdd\x1d\xa4PJ3\xc6\xee\x1b4`\xda\xb8\x11\x89\xc9\tU\xa5\r\xb8\xbbC\xc3\xa9^(\x90\x94\xf8\xde\x8a\x0f\xb0P b!\x00&lt;\x85\x06\xe8\x81\x03\x07&gt;\xff\xfc\xf3\xb6m\xd3\xe5d]^\x90\xaaI\xd4\x98\xb8}\xfb\xf66m\xda\xe0A\x80u\xe4\xee\xeePPP0l\xd8\xb0\xdc\xdc\xdcZm\xfe\x96\xe38\xa9\xc9\x89\xf3g\x8e\xbf\xf5\xb6[LYy(\xe4Do\xe2\x1ac\x94\xd21\xa9IX(\x10\xb1\x10\x00\xde\xa1\xb5\xe6\x9c\xe7\xe7\xe7w\xea\xd4)\x14\n\xb9\xcd\xe3uA% \xbas\xef\xdb\xb7\xef\x92%Kp\xa2\xd6\x05}F\x9c\xf3%K\x96\x0c\x1d:\xb4\xa8\xa8\xa8z?5\xce\xd9\x8fww\xa8:T\xec\x8di\xd2\xea\'\n\xd8\xd6\xecy\x8b\xfe:i\xb6SS\x08r\xcbA\xfd\xfb\xf7\x7f\xea\xa9\xa7\xf0D\x81\xb0@\x00x\x07\x9dT\x99\x99\x99k\xd7\xaeu\xcf.!DRR\x82Q\x9a\x9d\xe1H\xc2\x19WJ\x95\x1f&gt;\xc2\x19355\xdc\xbc\xbc\xbc\xae]\xbb"\x03\xce\x0e\xdd&lt;\x9d\xb8\xbbC\xed\x878\x8e{p\x88\x1d\xb0\xc3\xb2\xbbC\xc39\xa3\x85\x02\xb8\xbflL\x08\x00\x8f\xa0A\xf9\xb5\xd7^\xeb\xd7\xaf_\xcd\x15\x96`\x8c\xbd\xb1p\xf6\xef\xbbv\x0c\x1d&gt;"\xcf\xe4\xbc2\x8c\x19\xa3yll\xff\xbb\x1fX\xb5~\xb3\x94\xc2\x18f\x8c\xc9\xc8\xc8\xd8\xb0a\x83m\xdbt\x19\xdb`\xdf\x8d\x07\xd1\xd0\xb6u\xeb\xd6\xff\xf9\x9f\xff\xd9\xbcysMo\x8c\xa1\xd1\xbfzw\x87\x9b\xbb\xa9\x92\xb20\xee\xee\xd0\xa0N\x7f\xa1\x00z\x8e\x1b\r\x02\xc0\x0bh(q\x1c\xa7}\xfb\xf6\x05\x05\x054\xa5\xa6\x94\xba\xa3\xcf\x8d/\xfes\x9e).\xe1\xd2b\xec\x8c&gt;hn\xb4\xe6M\xe2\xbf\xf8\xf4\xf3K\xff\xd0G\xeb\xea\xddi\x94R\xcf?\xff\xfc]w\xdd\x85\x9b\x803B\xf3\x9co\xbf\xfd\xf6\xed\xb7\xdf\xee&gt;\xc4\xd1\xfdj\xdf\x9b\xbb\xe5L\x7f\xa4\xd5\x05\xad\xaaJJ\xbdQ\xf69\x95\xda\x0b\x05FO\x98QVq\x84~\xdf](p\xd3M7\xbd\xfe\xfa\xeb\x81@\xc0\xc3oBD\xf1\xe0\x85\x86\x0f\xd1\xd5\xe5\xcc\x993\xa9\x95\x90\xf2 )1a\xc2\x83\xf7\xaa\x8a\xc3!G;\xa1\x90\x13r\xce\xe4\xbf\x90R\xaa\xaa\xa4\xf47\xbf\xbd\xf8\xcfw\xf4\xa6\xd1\x9f\xfe\x951c\xc6\x14\x17\x17\xd3\xdc@\xb8\xbf\xefh\xc29o\xd2\xa4I\xed\xd1_\x08\xd1\xb4I\xfc\xacI\x0f.\xf9\xe7\xbcV\xe74\xab*)\xb3,\xcb\xdb\x03\x1f]C\x04KJ\x07\x0f\xbem\xf3\x07\xafv\xba\xe2\xb7RJwZ\x98\xb6\x0f\xb2m\x1b?Z\x8d\x06\x01\x10\xf5h^\xf1\xc0\x81\x03\xb3f\xcd\xa2\x8a\xaa\x94Bk}\xff\xa0\x01m:\\\xec\x1c9&amp;\xa5\xe0gEJ\xa9\x8f\x1e\x9d&lt;\xe6\xbe\x94\xe4D\xba@\xa3\x7fh\xf6\xec\xd9\xee%\x1b\x9c\x0e)\xa51\xa6k\xd7\xae\xed\xda\xb5\xa3GhQ\xa0Nxp\xc8\xc8\t\x0fT\x95\x96\x85\xaa\xaa"go\x9f\x06E?WUE%\xed\xda\xfd:\xf7\xd5\xbf\xb7&lt;\xb79\xfd\x00Ss\xd4\xa0A\x83\xf0\xa3\xd5\x98\x10\x00Q\x8f\x96S&gt;\xfc\xf0\xc3ta\xce9SJ\xb7\xfe\xd5\x05#\xfer\xb7SR*\xeb0\xacp\xce\x9d\xca`\xb3\xf3\xd3&amp;\x8d\xba\x97\xfe\x15\xba\t\x981c\x06\x15\x9ap\xa2\x9e&gt;*\x9a\xf5\xea\xd5\x8b1&amp;\x84\xa0\x0b\xfd/\xbf\xfaFW\x1cf\xfe\xdb\x1fM\x08\xa9C\xce\xde\xef\xbe?XTB7=J\xa9\xa4\xa4\xa4\xeb\xae\xbb\x8e1\x86\xeab\xa3\xf1\xd7\x8f\x9d\xf7Pq&amp;??\x7f\xf1\xe2\xc5t\xf9\xcf\xb90\xc6\x8c\x1b1(\xa5e\x0b\x15\x0c\xd5\xb1\xa4 \xa4t\xca*\x86\xfci@\xdb\xd6\xbft[\x18\x83\xc1\xe0\xd8\xb1cQ\x05:#\xf4Adgg3\xc6\xb4\xd6\xb4\xdak\xc5\xfb\xeb+~8\x14\x88\t\xf8\xed\x9d\xd4Z\x89\xf8\xf8e\xb9k\xab\xaa\x82T\x05b\x8cu\xe8\xd0!--\x8d~\xcc\xc2}\x80~\x81\x00\x88nt\xe3&lt;b\xc4\x88`0\xc89\x97R(\xa5~\x7fU\xc6\x9dw\xf4\x0e\x15\x95\xd4\xbd\x95\x90s\xa6\x95\n\xc4\xc7\xcd\x992\xda\x18\xc3\xf9\x7f\xda\x8dV\xae\\\xe96\x9b\xc2\xcf:n\x8cc\x8c\t!\x7f8X\xb4n\xe3\'&lt;&gt;\xdeo\xf7RR\n}\xec\xd8\x9b\xef\xacf\xd4o\xc69c\xec\xfa\xeb\xafg5=\xa3\xd08\x10\x00Q\x8c\xc6\xe2\xc5\x8b\x17\xaf_\xbf\xbef\xdb\x1f.\x84\x98&lt;\xfa\x7f\xa4m\xd5\xd7E\xa5\x942T^\x91}\xc3\xb5\xdd\xba^\xa5\x94\x96RP\x97\xde\xf0\xe1\xc3i\xa5\xb1\xdf\xae^\xcf\x0e\xf5e%%%\xd1M\x80\x94\xd5}\xb9KW\xacb\xc2_\x17\xbcZ\x1b+.n\xe7\xe7\xbb\xf2\xb7}\xc19\xd7\xda(\xa5\x02\x81\x80[\x1f\x0b\xf7\x01\xfa\x08\xde\xebhE\xa3pYY\xd9\xa4I\x93h\xffH\xba\x1e\xbf\xa3\xf7\r\x99\xd9\x99\xc1\xd2\xb2\xfa-\xa4\x1a\xa5\xe6L}(\x10\xb0\x8da\xc6h!\xc4\xce\x9d;\x17,X\x80\x99\x803\xd5\xb7o_V\xab\n\x94\x9b\xb7\xb1l\x7f\xa1\x1d\xf0Q\xeb\x8b\xd6\x8a\xc5\xc6.\x7f\x7f\x1dmtAK"222\xd2\xd3\xd3\xb1\x10\xac\x91\xe1\xbd\x8eV\xd4Z\x9e\x93\x93\xb3{\xf7nj21Z\xa7\xa6$M\x1f\xff\x80&gt;r\x94\xd7\xeb\xe8/\x84\x08\x1d&gt;\xf2\x9b\x8cK\x1f\x1cr\xa7\xd6Z\x08I\x85\xda\xf1\xe3\xc7\x97\x94\x94\xd0\t\\\x8f\xff\x9cW\xd1\xd0\xd6\xb9s\xe7\xdaU\xa0\x03\x85\xbe\xab\x02Q\xfd\xe7\x8d\x15?\xaa\xff\xf4\xee\xdd\x1b\x17\x13\x8d\x0f\x01\x10\x95\xe8z\x7f\xf7\xee\xddO&gt;\xf9du\xeb\xa7\x10\xda\x98\x07\x06\xdf\xde2\xfd\x97\xa1c\x95\xa2\xbe\xa7\xd1\x84\x94\xfa\xf0\xe1\x91\x7f\xb9\xeb\xdc\x16\xcdh\xb8\x17B\x94\x94\x94\x8c\x1f?\x9e\xee?\xea\xf7\x9f\xf3$\xaa\x02%&amp;&amp;\x9e\xac\n\xe4\x973\xb1\xa6\xfeSp\\\xfd\xa7G\x8f\x1e\x0c\xf5\x9fF\x87\xb7;*Q\xfdg\xf2\xe4\xc9eee\xd4\x99\xe3(\x95~\xe1/F\x8f\x18\xe4\x94\x94IY\xff\xdb\xc8p\xceC\x95U\xcd/8\xefoc\xee\xa3\xfbt\xba\x05Y\xb0`\xc1\xce\x9d;q\xedvFN\xac\x02\x95\xec;\xe0\x93*\x90\xd6\x9a\xc5\xc6,\xcb\xcd\x0b\x85\x1c)\x05\xea?\xe1\x85\xb7;\xfa\xd0\xdc\xef\xbau\xeb^z\xe9%\xaa\xfb\xd3M\xf4\xd4\xbf\x0e\x8dIh\xa2\x1d\xd5@Mt\xd2\xb2\x9c\xd2\xd2\xdb\x06\xf4\xcc\xb8\xf47t\xaer\xce\x1d\xc7\x19&gt;|8\xa6\x82O\x93[\x05j\xd9\xb2\xa5\xfb@\x98\x03\x85E\xf9\x9f\xee\xe0qq\xb4?\x9a\xb7\t\xc1Y0\x94\xbbf#\xab\xb5\xe7\x0f\xea?\xe1\x82\x00\x88JJ\xa9\xf1\xe3\xc7S\x0b&amp;\xb5~v\xe9x\xd9\xad\xb7\xf5\n\x95\x96\xd5e\xe5\xd7O\xe3\x8ci\xa5c\x9b4\x999\xe1\x01:u)\x8aV\xae\\\x89\x96\xd0\xd3\xe4V\x81\xbaw\xef\xce\xaa\xab@\x9c1\x96\xbbv\x13\xb3\xa41\x1e\x1f\x01\x8d1vL`\xdf\xbf\xbf\xdb\xba\xfdK\xc6\x98[\xff\xb9\xf9\xe6\x9b\x19\xea?\xe1\x80w&lt;\xca\xb8\xad\x9f\xeb\xd6\xad\xa31\xd7\x18\x16\x08\xd83\'\x8e4\x8e2g\xba\xe9\xf3\x19\x92R\x86J\xcb2\xaf\xfb}\x9f\x9b\xae\xa3#AK\xe8\x99\xa2\xb7\xe8\x9ak\xaea5O\xd0e\x8c-{wMUI\xb9\x1d\x85O\xfe:#Ji\x16\x1f\x9f\xbbfcY\xf9a\xda\xf6\xce\x18s\xe1\x85\x17^x\xe1\x85x&gt;pX\xe0\x1d\x8f&amp;t\x92\x94\x97\x97S\xeb\'=\xaaEk\xdd\xbfg\xd6\xe5]\xae\nU\x1c&gt;\xa3=\x9f\xcf\x12\xe7L\xeb\xa9\x0f\xdfg[\x96\xd6\x1a-\xa1g\x8a\xdas\xbbu\xeb\x96\x90\x90@\xf9-\x84(\xf8f\xcf\x96\xfc\xcfD|&lt;\xcd\nx\x95\xe0\x8c)\xb5t\xc5\xaa\xea_\n\xc1\x18\xeb\xd1\xa3G \x10\xc0\xedcX \x00\xa2\t5_&gt;\xf1\xc4\x13\xbbw\xef\xa6\xd93\xad\xf5y-[\xfcm\xdc\x08Uq\xb8~[?OE\x08\x11\xaa8\xdc\xee\xd2\xff\x1a3\xfc\x1ec\x8c\xdb\x12:a\xc2\x84}\xfb\xf6\xa1%\xf4gQ\xd3T\xcb\x96-\xbbt\xe9\xc2\x18\x13\xa2z"\xf4\xcdw\xd70\xdb\xf6p\x15\xc8\x18c\xc7\xc6\xec\xfbz\xcf\xfaM[\x18cZk\x9aI\xea\xdd\xbb7\xab\xd9*\x03\x1a\x19\x02 \x9a\xd0\xa4\xeb\xdbo\xbfM\x97N4p\\\xd1\xa1\xfdy\xed~\xad*\xeb\xbf\xf5\xf3\xd4\xc7!\x8cR}n\xba\xce\xb2$m=-\x84(..\xfe\xe8\xa3\x8f\xd0\x12z:\xe8-\xa2^ F\x0b\xa3\x18{k\xe5\xda\xaa\x922\x0fW\x81\xaa\xeb?y\x1b+\x0e\x1f\xa5\xfa\x8f\xd6:==\xbdC\x87\x0et/\x1b\xee\x03\xf4#\x04@41\xc6X\x96\xf5\xc0\x03\x0f\xd0\x08B\x8d\x98\xef\xad\xd9\xf8\xd1\x9a\x8dvB\xd3F\xab\x1epf\x981Ss\x9eu\x1c\xc59\xa7\xca\xcfE\x17]\x94\x95\x95\x85J\xee\xe9\xa0\xc1.++\xebGU\xa0\xaf\xf7l\xc9\xdf\xe6\xe1*\xd0I\xeb?={\xf6D\xfd\'\x8cp\xaeF\x13\xaa\xf8\xdfy\xe7\x9d]\xbat\xa19X\xce\xd9\xb1c\x95\xa3\'?\xc9-\xc9yc\xd4^\x94RvrR\xde\xaa\x7f\xbd\xf6\xd6\xfb5\xfb\x8frc\xcc\x9c9s\xe2\xe3\xe3\xb1\x95\xe3\xe9\xa0\x8b\xdf\xb4\xb4\xb4ZU n\x8cY\xfa\xcejf[\x9e\xac\x02\x19c\xec\xd8\xd8\xefv\xff\xbbv\xfd\x87s\x8e\xfaOx!\x00\xa2\x0c]bO\x992\x85\xae"\x95\xd2R\xcau\x1fnyu\xf1\xff\xd9\xc9I\xcai\xd8+)\xc3\x98\x90\xa2\xf2\xc8\x91Q\x93\x9f\xa4\x93\x96:\x91\xbaw\xef\xde\xbd{w&lt;\'\xf2\xf4\x1dW\x05\xa2\x89\x93\xbc\x8d\x1f\xeb\xa3\xc7&lt;\xf9\x1ej\xadY\\\xecG[\xb7\xd7\xae\xff\xb4k\xd7\x0e\xf5\x9f\xf0B\x00D\x19\x1ap\xbbt\xe9r\xfb\xed\xb7\xbb\x8d\x98\x8c\xb1q\x8f\xcf\xaf\xaa8",\xd9\xa0S\xb0\xcaq\xac\xe4\xe4\xc5//\xcb\xff\xec\x0b\xaa\xfcPUj\xee\xdc\xb9x\x90\xf7\x19q{\x81\xe2\xe3\xe3\x95RZ\x1b\xce\xf9\x8e/\xbf\xda\xf9\xc5WV\\\xac7W\x84q\xb6|\xe5Z\xc6\x18\xe7\xd5\xf5\x9f\xec\xecl\xd4\x7f\xc2\x0b\x01\x10}\xa8\xe42a\xc2\x84\xa4\xa4$\x9a\x83\xb5\xa4\xfc\xea\x9b=3r\x9e\xb3R\x92\xb4r~\xfe%\xce\nuq\x1c\xda\xbb\xef\x91\xe9O\xd1\xe8O%\xa9!C\x86\xb4k\xd7\x0e\xeb\xf8\xcf\x08]\x02\x9f{\xee\xb9\x97\\r\tc\x8c\x1e\x12Y\x15\x0c-\x7f\x7f-\x8b\x8d\xa5ia\xcf0\xc6\xd8\x01\xbbl\x7f\xe1{k60\xc6\x94\xd2t\x03t\xed\xb5\xd72\xd4\x7f\xc2\ngl\xf4\xa1\xca{\xeb\xd6\xadi6XJ\xa9\xb4\x16\x9c?\xf9\xecK\xdf\x7f\xf5\xad\x8c\x8d\xd5\rs\x17\xa0\x95\x12M\x9b\xcc~\xfa\x85\x1f\n\x8b\xe8\xa4\xd5Z\xa7\xa4\xa4L\x992\x05s\xbfg\x81&gt;\xbb&gt;}\xfa\xb0\xeaP\xd7\x8c\xb17V\xac\xd6\xc7\x8eI\xe9\xa97Sk\xcd\xe3\xe3\xd7m\xfc\xe4@a\x91\x10\x92~\'--\xadk\xd7\xae\x0c\x0b\x80\xc3\no}T\xa2K\xef\x11#F\xb4n\xdd\x9a\xa6a\xb9\x10\xc5%e\x0fO\x99#\x13\x9a\x9a\x06\xb8\xa7\xd6Z\xdb\tMvn\xdd1k\xc1\x8bB\x08\xad\x155\xa1N\x992%%%\x05s\xbfg\xe1\xb8ePT\x05\xca\xdf\xf6\xc5\xce\xcfwY\xde\xdb\x17Hp\xea\xff\x11\xa2\xba\xfc\x95\x9d\x9dMMP\xf8\xc9\t#\x04@T\xa2*PRR\xd2\xc4\x89\x13\xddmy\x84\x10\xaf,{\xef\x93u\x9b\x02\x89\t\xf5\xdfJh\x0c\xb7\xacq\xd3\x9f\n\x06C\x9cs\xce\x05M\xe2\r\x192\x04\xc5\x9f\xb3Ce\xb4\xf4\xf4\xf4\x8c\x8c\x0c\xba\x85\x92R\x86B\xce\xf2\xf7\xd7y\xa9\n\xe4\xd6\x7fr\xf36\xb2Z\xf5\x1fw\x02\x1c\xc2\x08\xe7m\xb4\xa2\xd9\xe0\xdbn\xbb\xadvKh0\x18z`\xe2L\xa5u\xfd^T)\xa5\xec\xa4\xc4\xf7\x96\x7f\xf0\xfa\xdb\x1f\xd0\xdes\x94@s\xe7\xce\xb5,\x0b\xd3\xbfg\xed\xb8\xa5\xb0\x9e\xac\x02\x9d\xaa\xfe\xd3\xb9sg\x86\xfaO\xb8\xe1\xdd\x8fnR\xca)S\xa6\xd0Y\xa4\x94\xb6\xa4\xfc\xd7\xe6\xad/\xbe\xb8\xd4n\x96\xe28\xf53\x1bl\x0c\x13R\x06\x8f\x1e\xbb\x7f\xc2\x0c\xce\xb91h\xfd\xac7\xa7\xaa\x02}\xb9}\xa7\xa7\xaa@\x9c\xbf~B\xfd\'11\x11\xf5\x9f\xb0C\x00D1\xb7%\xf4\xce;\xef\xa4\x81X\x1b\xcd9\x9f\x9a\xf3\\\xc9\xfeBYO\x0f\x18\xd1JYI\t\x0b\xfe\xf1\xf2\xae\xdd\xff\xa6\xba\xbf1&amp;\x10\x08\xa0\xf5\xb3\xee\xdc*\x10\xb5\xc3\xbbU\xa0\xdc\xb5\x9b\xbcQ\x052\xc6\xd8\xb6u\xf8`\xd1\xfbk71\xd4\x7f"\x0f\x02 \xbaQ)f\xfa\xf4\xe9\xa9\xa9\xa9\xc6\x18c\x98\x94b\xf7\xb7{s\x9e~\xdeJI\xae\xfb\xba0c\x8c\x15\x1b(\xfa\xee\xc0\xc4\x99\x7f\xa7\xceE\x1a\xb3F\x8f\x1e\x8d\xd6\xcfzA\xef!\r\x88\xee~\xda\xab\xff\xf5\x11sB\xf4\xa8\x80\xa8\xa6\xb5\xe1\xb1\xb1\x9f\xed\xd8Yx\xb0\x88\x9e \xa4\xb5n\xd5\xaa\x15\xea?\x11\x02\x1f@t\xa3\xe18--\xed\xc1\x07\x1f\xacn\tUZ\x081\xe7\xb9\x97\x0b\xb6\xee\xb0\x9b\xc6\xd7\xb1\x8c\xa0\x95\x16\xf1\xf1\x13\xa6?URZN\xa7\xab1&amp;--m\xe4\xc8\x91\x18\xfd\xeb\x05\xddBeffRw/] \xaf\xfd\xf0\x93}_\xef\xb5cb\xa2}kUc4\x0b\x04\xdexg\xb5\xaay\x84\x1cc\xec\xf2\xcb/G\xfd\'B\xe0\x04\x8ez\x94\x01\xa3F\x8dj\xd3\xa6\r=\x95\x85s^V^1y\xd6\xdfE\\\x9c\xa9C\x19Akm7\x8d\xffb\xeb\xf6g\xfe\xb9\xd4}\x08\xb0\xd6\xda\xbd\xe1\xc0\t\\w\xb4\x96\xbb}\xfb\xf6\xe9\xe9\xe9\xf4\x96J)+\x0e\x1f\xcd\xcd\xdb\xc8\xa2\x7fc8\xdb\xb6\xaaJ\xcah\x01\xb0[\xd1\xea\xd5\xab\x17\xab\xd9\xfd\x02\xc2\x0b\x01\x10\xf5\xa8n\x10\x08\x04\xa6M\x9b\xc6j\x1e:(\xa5|\xf9\xcdw\xf3\xde[c\'%\x06\x83!\xa5\xf4\x99\xff\xa7\xb4\xd2\\\xca\xfb\xc7?\xe18\x8a\x96\xefk\xad/\xbb\xec\xb2\xfe\xfd\xfb\xe3\xf2\xbf\x1e)\xa5bbbz\xf6\xec\xc9jUE\x96\xaeX\xc5\x94\x8a\xea"\x90RZ\xc4\xc7o\xc9\xff\xac\xe0\xeb=B\x08c\x98R*!!!;;\x9b\xd5l\x86\x01\xe1\x85s\xd8\x0bh6\xb8o\xdf\xbe]\xbbv\xadi\xcb1J\xe9\t3\xfe\x97K\x11\x97\x9a\x1cHJ8\xe3\xff\x9a6\x8d\xf9E\xab\xdcwV\xbf\xbfv\x93\x94B)MI3k\xd6\xac\x98\x98\x18\\\xfe\xd7\xa3\xe3\x1e\x8cNU\xa0\xf5\x9b\xb6\xec\xfbz\x8f\x1d\x1b\xc5U c4\xb3\xed7\xdf]C\xf3\xdb\x94m]\xbatIKK\xc3\xca\xc1\x08\xe1\xd9\xa7O\xf8\x8d;:w\xea\xd4)\x14\n\xd1\x15\xfa\xfaM\xf9\x13\'\xce\xca\xbc\xa6S\xe8\xf0\x91\xb3\xb8`\xd7R\xfe\xe5\x91\xe9\x9c3\xda\xaf\xf1\x84\x8c\x81\xfaAU\xa0\x0e\x1d:\xa4\xa7\xa7\xef\xda\xb5\x8b\xc6J\xaa\x02\xdd3\xf8vu\xac\xc4\xb2\xa2\xf2\xdd\xa6\xfa\xcf[5\xf5\x1f\xce\x05\xab\xe9\xff\xc1\x1dd\x84\xc0S\xbc\xbd\x83\xc6\xe5\x81\x03\x07&gt;\xff\xfc\xf34^\xd7\xe3S\xda\x85\x10\x96em\xdf\xbe\xbdM\x9b68{\xeb\x9d\xe38\x96e=\xf4\xd0C3f\xcc\xa0\xb5uJ\xa9\x1b\xae\xfb\xfd\x8a\xa5\xcf\x86\xca\xcaE\x14\xc6\xadR:\x90\xd8t\xe3\xba\xcd\x9d{\x0e\xa4\x9fCcLBB\xc2\xae]\xbb\xd2\xd2\xd2p\x07\x19!p\x1a{\x07\xf5\xd8=\xf6\xd8c\xee\x0c\xad{\xeb}vdM\xdb\x06m=4z\xf4\xe86m\xda\xd0Tp\xb8\xbfW\xafq\xab@\xf4!\xbaU\xa0\xefv\xff\xdb\x8e\x8d\x8d\xc6\xab4c4\xb3\xad\xa5\xef\xac6\xc6\x08\xc1Q\xff\x89L8\x93\xbd\x83Vi\xb9-\xa1\xb6m\xd3\x937\xce\x1a\xe3\\\x08a\xdb6c\x0c\xad\x9f\r\xca\xad\x02\xd1\xea\n\xb7\x17\xe8\xa3\xad\xdbY\\l4&gt;fYJ\xa9\x8f\x1e\xcb\xdb\xf81\xab\xd5\xf0\xe3\xd6\x7f\xc2ydP\x0bNfOq[B\xd3\xd3\xd3\x83\xc1\xa0\xaa\x0f\xa1PH)\x85\xd6\xcf\x86\xa6\x94\n\x04\x02\xd4!#\x84\xa0\xb7y\xf9\xca\xb5,\n\xdfo\xad\x8d\x15\x17\xbb\xf3\x8b\xafv|\xf9\x15\xe7\\k\xa3\x94\x8a\x8f\x8f\xef\xd6\xad\x1bC\xffO$\xc1$\xb0\xa7P\x01!\x10\x08\xcc\x981c\xee\xdc\xb94\x13P\x97\x17t\x17\x9a\xf5\xef\xdf\x1f\x9b\xfe7(J\xd6k\xaf\xbd6\'\'\x87\x1e\xb5\xc6\x18{o\xcd\x86\xb2\xfd\x85\x89\tM\x94\x13M\xcb\xa6\xb4V,6v\xf9\xfbk\xab\x82!wJ\xe3\x92K.9\xf7\xdcsq\x13\x19Q\x10\x00^C\xc5\x84^\xbdz\xd1r\x1b\x88\x164,v\xed\xda5--\xed\xc0\x81\x03\x9cs!\xe4\x81\xc2\xa2u\x1b?\xb9\xf9\x96\xebuiY\x14]8K)\xf4\xb1co\xacX\xcd\x183FS\xffO\x9f&gt;}\xa4\x94\x8e\xe3 \x00"\x07&gt;\t\x0fr\'\x12\xeb\x8bR*\x1a\xe7!\xa3\x0b\xad\xe0\xab\xbdN\x8a\xc6\xc9\xa5+V\xb1\xa8Z\x0f\xa6\xb5\xb1\xe2\xe2v~\xbe+\x7f\xdb\x17n\xfd\'\x10\x08\xf4\xe8\xd1\x83a\xff\x9f\x08\x83\x0f\xc3\x9b\xea\xd2\xfcs\x92v )\xa3\xa8\xfe\x10\xed\xdc\x99R\xda\x07"7oc\xd9\xfeB\xbb\x9e\xf6vm\x045\xf5\x9fu\xa1\x90#\xa5\xa4\xde\x84\x8c\x8c\x8c\xf4\xf4t\xd4\x7f"\r&gt;\x0c\x80HA\x83c\xe7\xce\x9d\xa9W\x921FU\xa0\xb5\x1b?\xe1\xf1\xf1\xd1\xd2&lt;#\xa5\xfcq\xfd\xe7G\xeb\x9c\xc3}t\xf0#\x08\x00\x80HAU\xa0\xc4\xc4\xc4\xac\xac,V\xab\n\xf4\xe6;\xab\xa3\xa5\nT\xdd\xff\xf3y\x01\xea?Q\x01\x9f\x07@\xc4\xe9\xd7\xaf_\xcdD\x8ea\x8cm\xf8\xf8\xffU\x95VD\xc5\x86\x10Zk\x16\x13\xb3q\xcb\xa7\xa1\x90C\xf5Cc\xcc\xef~\xf7;\xd4\x7f"\x13&gt;\x0f\x80\x08BCd\xc7\x8e\x1d\x93\x93\x93\xa9\x19T\x08\xf1\xd5\xb7{\xb7\xe4o\x13\xf1q\x91\xbf;\xb4\xe0\x8c)\xf5\xe6\x8a\xd5\xf4K\xaa\xfft\xef\xde\x1d\xf5\x9f\xc8\x84\x00\x00\x88 t\xe1\x9f\x9c\x9c\xdc\xb1cGV3\x99o\xb4y\xf3\xdd\xd5\xcc\x0e\xd0S\xe3#\x961\xc6\x8e\x8d\xd9\xf7\xf5\x9eu\x9b\xb60\xc6\xa8\x85L\x08\xd1\xbd{wV\x13\x06\x10Q\x10\x00\x00\x91\x85\xb6\x82\xe8\xd7\xaf_\xcd/\x15c\xec\xad\x95k\xabJ\xcal;\xa2\x17\xee(\xa5Y||n\xde\xc6\x8a\xc3G\xa9sLk\x9d\x9e\x9e~\xd9e\x97\xd1\x86\xb2\xe1&gt;@8\x1e\x02\x00 \xb2\xd0@\x99\x95\x95\x95\x90\x90\xa0\x942\x86\t!\n\xbe\xde\xb3%\xff3\x11\xd9\xcf\x08\xa3\xfa\xcf\xd2\x15\xab\xaa\x7f)\x04c\xacg\xcf\x9e\x81@\xa0\x8e+\xd2\xa1\x81 \x00\x00"\x0b]8\xa7\xa5\xa5u\xe9\xd2\x85\xb9U c\xde|w\r\xb3\xed\x88\xad\x02\xb9\xf5\x9f\xf5?\xae\xff\xf4\xee\xdd\x9b\xa1\xfe\x13\xa9\x10\x00\x00\x11\x87\xe6KiE\x18\xab]\x05*-\x93\x964\x11\xc9q\x94\x89\x8f;\xb1\xfe\xd3\xa1C\x07\x83\xfaO\xa4\x8a\xe8\x92"\x80?\xd5\xae\x02UTTp\xce\xa9\n\xf4\xc9\x96\xcf:]\xd3\xc9\x94\x1f\xe62\xe2.\xdd\xa4\x14\xdc\xb0\xa5o\x7f@\xbf\xa4\xb6\x1f\xaa\xff\xd0\xe3n\xc2{xpR\xf8T\x00"N\xed*\xd0\x8a\x15+\x84\x10\x9cs\xc7q\x96\xbf\xbf\xfe\xbf~\xf7\xdf\xc1C\xc5\x916\x9e\x1ac\xa4-K\xf7\xec\xdf\xf8\xc9\xa7\xacf\x1e\x1b\xf5\x9f\xc8\x87GB\x02D"\xbaj~\xfe\xf9\xe7\x07\x0e\x1c\xe8n\xeb\x1d\x1b\x13\x88\x8b\x8b\xd0\x07\x84q\xc6\xb5\xd1\xe5\x15G\x8c1t\xf9\xdf\xb6m\xdbm\xdb\xb6\xd9\xb6\x8d\x00\x88X\x91u\x1d\x01\x00\x84Zh\xae\xbe\xfa\xea@ \x10\n\x85\xe87+\xab\x82\x95U\xc1\xb0\x1e\xd7i\xa1\x00\xe8\xd4\xa9\x13\xf5\xff`\x02 b!\x00\x00"\x11\x8d\xa1\xe9\xe9\xe9\x19\x19\x19\x9b7o\xb6,K\xa9(x&amp;L\xed\xbb\x13\xaa\xff@$C\x00\x00D(\xad\xb5eY\x7f\xfc\xe3\x1f7m\xda\xe48\x0e\xfb\xf1\xf0\x1a\xc9\x1c\xc79\xe7\x9cs\xdc6\xd6p\x1f\x0e\x9c\x12\x02\x00 B\xd1\xd0\xd9\xabW\xaf\xd9\xb3gWUU\x85\xfbpN\x17=\xf6\xab_\xbf~\xb4\x90\r\xf5\x9fH\x86I`\x80HW^^N\xf5\x9f\xa88[\xa9N\xd5\xb4i\xd3HkU\x82\x13E\xc7\x8f\x14\x80o\x19c"\xbf\xf4\x0fQ\n\x01\x00\x10\xe9\xa2\xf4$EnE&gt;\x04\x00\x00\x80Oa\x82\x1e\x00\xc0\xa7\x10\x00\x00\x00&gt;\x85\x00\x00\x00\xf0)\x04\x00\x00\x80O!\x00\x00\x00|\n\x01\x00\x00\xe0S\x08\x00\x00\x00\x9fB\x00\x00\x00\xf8\x14\x02\x00\x00\xc0\xa7\x10\x00\x00\x00&gt;\x85\x00\x00\x00\xf0)\x04\x00\x00\x80O!\x00\x00\x00|\n\x01\x00\x00\xe0S\x08\x00\x00\x00\x9fB\x00\x00\x00\xf8\x14\x02\x00\x00\xc0\xa7\x10\x00\x00\x00&gt;\x85\x00\x00\x00\xf0)\x04\x00\x00\x80O!\x00\x00\x00|\n\x01\x00\x00\xe0S\x08\x00\x00\x00\x9fB\x00\x00\x00\xf8\x14\x02\x00\x00\xc0\xa7\x10\x00\x00\x00&gt;\x85\x00\x00\x00\xf0)\x04\x00\x00\x80O!\x00\x00\x00|\n\x01\x00\x00\xe0S\x08\x00\x00\x00\x9fB\x00\x00\x00\xf8\x14\x02\x00\x00\xc0\xa7\x10\x00\x00\x00&gt;\x85\x00\x00\x00\xf0)\x04\x00\x00\x80O!\x00\x00\x00|\n\x01\x00\x00\xe0S\x08\x00\x00\x00\x9fB\x00\x00\x00\xf8\x14\x02\x00\x00\xc0\xa7\x10\x00\x00\x00&gt;\x85\x00\x00\x00\xf0)\x04\x00\x00\x80O!\x00\x00\x00|\xcaj\xd0Ww\x1c\xa7A_\xdf\',\xaba?&amp;\x80\x86\x80\xd3\xbf^4\xe8\xe9\xcf\x8d1\r\xf7\xea\x00\x00\x10\xb1\x1a0[*++\xe7\xcc\x99SYY\xd9p\xff\x84\x1f\xc4\xc6\xc6\xde\x7f\xff\xfd\xb1\xb1\xb1\xe1&gt;\x10\x803\x80\xd3\xbf^4\xf4\xe9\xdf w\x00\xc6\x18\xceyqqq\xb3f\xcd\xea\xfd\xc5}\xa8\xa8\xa8(55\x95\xde\xd5p\x1f\x0b\xc0\xcf\xc0\xe9_\xbf\x1a\xf4\xf4o\xc8\xea\x12\xe7\xe7\x9csNII\t\xe7(4\x9d\rz\xdfRRR0\xeeC\xd4\xc1\xe9_G\x8ds\xfa7\xf8$\xb0\xe38\xeeO\x80eI\xc68c\x861\x8ch\'E\xef\x8cq\x1c\xc5j~\x020\x93\x06Q\n\xa7\xff\x19\n\xc3\xe9\xdf\xa8\xed%\xf4\x8d\x01\x80\x0f\xe1\xf4\x8f@\x8d\x11\x00\x14e\xb1\xb11\xc3\xff4 &gt;&gt;V+\xcdP\xd38)c\x84\x14G\x8fV\xce\xfd\xc7\xcb\x95\x95U\xb8w\x06\x0f\xc0\xe9\x7f\xba\xc2q\xfa7\xde\x1d@\\l\xcc\xf4\xb1\xc3\xf99\xa9,\x18\xc2O\xc0\xc9\x19\xc3\x02\xb69X\xfc\xecKoTVV\x85\xfbh\x00\xea\rN\xff\x9f\x17\x8e\xd3\xbf\xf1\x02\xc0\x18Sx\xa8\xa4\x99\xd1NH\xe1\x07\xe0\xa4\x8ca\x96-\x8b\x8a\xcap\xe1\x0f\x1e\x83\xd3\xffg\x85\xe5\xf4o\xd49\x00\xcb\x92\x96e1\xc3\xd0\xd6rR\xc6\x18\xcb\xb2,K\x86\xfb@\x00\xea\x1fN\xff\x9f\x16\x96\xd3\x1f{\x01\x01\x00\xf8\x14\x02\x00\x00\xc0\xa7\x10\x00\x00\x00&gt;\x85\x00\x00\x00\xf0)\x04\x00\x00\x80O!\x00\x00\x00|\n\x01\x00\x00\xe0S\x08\x00\x00\x00\x9fB\x00\x00\x00\xf8\x14\x02\x00\x00\xc0\xa7\x10\x00\x00\x00&gt;\x85\x00\x00\x00\xf0)\x04\x00\x00\x80O!\x00\x00\x00|\n\x01\x00\x00\xe0S\x8d\xfa&lt;\x00\x80p\xa1\x87l\x98\x1a\xc7}\x95\xd7\x12\x8e\xa3\x03\x08\x0f\x04\x00x\x99\xd6Zk\xcd9\x97R2\xf6\xf3\x8f"\xa1?/\x84\x10\x027\xc7\xe0}\x08\x00\xf0 \x1a\xc7-\xcb\xaa=\x94\x17\x16\x16\xee\xdb\xb7\xef\xe0\xc1\x83\x87\x0e\x1d*//\x0f\x06\x83\xc6\x98@ \x90\x94\x94\xd4\xa2E\x8b\xf3\xcf?\xff\x17\xbf\xf8E||&lt;\xfdy\xad5c\x0c1\x00\xde\x86\x00\x00\xef0\xc6\xd0\xf5\xbe;\xee\x7f\xfe\xf9\xe7\xeb\xd7\xaf\xff\xd7\xbf\xfe\xb5m\xdb\xb6o\xbf\xfd\xb6\xac\xac\xecT\x7f\xd7\xb2\xac\x96-[\xfe\xf6\xb7\xbf\xed\xd6\xad\xdb\r7\xdc\xd0\xbauk\xc6\x98RJ\x08\x81\xba\x10x\x15\x02\x00&lt;B)%\xa5\xa4R\xcf\x17_|\xb1t\xe9\xd2e\xcb\x96m\xdd\xbaU)U\xfb\x8f\x9dX\x0b\xa2Y\x01\xc7q\xf6\xee\xdd\xbbw\xef\xde\xe5\xcb\x97\x8f\x193\xa6G\x8f\x1e\xa3F\x8d\xba\xec\xb2\xcb\x18cT\x14j\xdc\xef\x06\xa01 \x00\xc0\x0b\x8c1RJ\xad\xf5[o\xbd\xf5\xcc3\xcf\xbc\xff\xfe\xfb\x8e\xe3\xd0\x97,\xcbb\x8ci\xadi\xa0?.\x0f\\\xb5\xe7\x81\x8f\x1e=\xfa\xca+\xaf\xbc\xfe\xfa\xeb#F\x8c\x98:ujLL\x0c2\x00&lt;\t?\xd3\x10\xf5\xa8\xabg\xf1\xe2\xc5\x97_~\xf9-\xb7\xdc\xf2\xee\xbb\xef:\x8eC\x13\x00\x9cs\xc7q\x1c\xc7\xa1\x00\xf8\xe9\x17\xd1Z+\xa5\x1c\xc7\xa1Ic\xa5\xd4\xcc\x993\xbbu\xebv\xe0\xc0\x01!\x04\xcd\n\x00x\t\x02\x00\xa2\x9e1\x86s\xbeh\xd1\xa2\xfc\xfc\xfc@  \xa5\xa4q\xff\xc4A\x9f\xa6\x07\xe4\x8f\x9dX\xe5wo\x14l\xdb^\xbf~}\xf7\xee\xdd\x0f\x1d:\xc49\xff\xe9\x08\x01\x88:\x08\x00\x88z4.O\x992EJ\xe98\x8eR\xaa\xf6HM\x97\xf3\x96e\xd1\x08N\x97\xf9\xb5QNP\x12\x1c\xf7\xb2\xa1P\xc8\xb6\xedm\xdb\xb6\r\x180\x80\xfe.2\x00\xbc\x04s\x00\x10\xf5\xa8\xfa\x7f\xd5UW]}\xf5\xd5\xeb\xd7\xaf\xa7\xea\r\xab\x99\xef\xa5Q\x9e\xfedjjj\xabV\xad\x9a5k\x96\x90\x90\x10\x08\x04B\xa1PYY\xd9w\xdf}\xb7g\xcf\x1e\x9a3\xa0\x97\xaa=\xcaS\x06|\xf0\xc1\x07999#G\x8e\xa4\xa9\xe6p|\x97\x00\xf5\x0f\x01\x00^@\x93\xb4\x0f&gt;\xf8\xe0\xfa\xf5\xeb\x19c\x96e\xd1\xad\x00c,))\xa9k\xd7\xaeYYYW\\q\xc5\xaf\x7f\xfd\xeb\x94\x94\x94\xe3\n&gt;UUU\xdf|\xf3\xcd\xaaU\xab\x16-Z\xb4e\xcb\x16\xc6\xd8q\xd5\x1ej\x06\x9d:u\xea\x1dw\xdcq\xce9\xe7P\xc5\xa9q\xbf?\x80\x06\x81\x12\x10x\x81eY\xc6\x98\x1bo\xbc\xb1}\xfb\xf64\x91\xcb\x18\xfb\xfd\xef\x7f\xff\xf7\xbf\xff}\xfb\xf6\xed\xcb\x96-\x1b:t\xe8\xef~\xf7\xbb\xd4\xd4T\xcey\xed*\x90\xd6:&amp;&amp;\xe6\xa2\x8b.\xfa\xcb_\xfe\xb2y\xf3\xe69s\xe6\x04\x02\x01\xf6\xe3&gt;QJ\x97\x92\x92\x92\x17^x\x81s~\xaa&gt;"\x80\xa8\x83\x00\x00\x8fPJY\x965|\xf8\xf0\xd8\xd8\xd8\x81\x03\x07n\xd8\xb0a\xdd\xbauC\x86\x0c9\xff\xfc\xf3\xb5\xd6\xee\x9c\xb01\xa6\xf6&lt;\xb0\x10\x82\x8a\xfb\x8e\xe3\x08!\x86\x0f\x1f\xbet\xe9R\x9a08n\xad\x00\xe7|\xc9\x92%4[\x10\xc6o\x13\xa0\x1e!\x00\xc0#\xa8\xdf\xff\xb6\xdbn\xfb\xf4\xd3O\x17.\\x\xf5\xd5W\xd3\xf2.\x1a\xf1\xdd\xae\xd0\x13\xab7\xd4\x1aD\x7f=\x18\x0c\xdet\xd3Mc\xc6\x8c9\xae\xf1\x9f\xc2c\xdb\xb6m{\xf6\xec\xa1{\x88\xc6\xfc\xd6\x00\x1a\x08\x02\x00&lt;\xa5I\x93&amp;m\xdb\xb6\xa5\xda\x0e\xe7\x9c\xae\xe5O\xf3\xef\xd2\x9f\xd7Z\x8f\x1c9\xb2Y\xb3fJ)\xf7\xefR\x8aTUU\xed\xd8\xb1\x83\xd5\xf4\x1d\x01D;\x04\x00x\n\xd5sN\xec\xe9&lt;MT\x11JNN\xee\xd2\xa5\x0b\xab\xe9#r\xbf\xc4\x18\xfb\xf6\xdbo\x19\x02\x00\xbc\x02\x01\x00\x9eB\xf5\x9c\xba\xbc\x02\xcd\x13\xb4o\xdf\xfe\xa4_-..\xae\xcb\x8b\x03D\x14\x04\x00\xc0\xf18\xe7III\'\xfdR(\x14j\xe4\x83\x01h8\x08\x00\x80\x938\xd5@OM\xa2\x00\xde\x80\x00\x008\x9e1f\xff\xfe\xfd\'\xfdR\xb3f\xcd\x1a\xf9`\x00\x1a\x0e\x02\x00\xe0G\xa8[\xf4\xd3O?e?\x9e\xec\xa5\xd6\xcf_\xfd\xeaW\xec4\x1e-\t\x10\x15\x10\x00\x00\xffA\xcd\xa3{\xf7\xee\xfd\xf8\xe3\x8fk\xf7\xfb\xd3\xff\xc7\xc6\xc6\xfe\xd7\x7f\xfd\x17C\x00\x80W \x00\x00\xfe\x83\x02 \'\'\xe7\xe8\xd1\xa3RJ\xf7\x0e\x80n\x0b.\xbd\xf4\xd2\x0b.\xb8\x80\xd6\x04\x84\xf78\x01\xea\x05~\x8e\x01\xaa\xd1cd&gt;\xf9\xe4\x93\xa7\x9f~Z\x08q\xdc\x9e?\xc6\x98\x01\x03\x06`/ \xf0\x12\x04\x00\x00c5[\t\xfd\xf0\xc3\x0f\xfd\xfb\xf7\xaf\xaa\xaab\xb5&amp;\x00huX\x8b\x16-\xee\xba\xeb.\xec\x05\x04^\x82\x00\x00\xa8~\xa0|aa\xe1\r7\xdc\xb0{\xf7nz*\x80\xfbUz\x1e\xe4\xe4\xc9\x93SRR\xa8F\x14\xc6C\x05\xa8G\x08\x00\xf0;\xc7q\xa4\x94\xdf~\xfb\xed\xb5\xd7^\x9b\x9f\x9f\xef&gt;O\x86\xd0\xa3\x05\xb2\xb2\xb2\xfe\xfc\xe7?\xe3i0\xe01\x08\x00\xf05\xaa\xfb\x7f\xfc\xf1\xc7]\xbbv\xdd\xbe}\xbbeY\'\x8e\xfe\xad[\xb7~\xf1\xc5\x17\x19\x9a\x7f\xc0s\x10\x00\xe0S\xf4\xe4w\xcb\xb2\x96.]z\xcd5\xd7\xec\xd9\xb3\x87\x1e)\xec\xfe\x01\x1a\xfd\xcf;\xef\xbc\x15+V\xd0\x83\xc0\xd0\xfc\x03\x1e\x83\x1fh\xf0#*\xe5K)\xa7M\x9b\xd6\xa7O\x9f\xc3\x87\x0f\x1f\xd7\xf6\xe3^\xfb\xaf^\xbd\xba]\xbbv\xf4T\xc80\x1e0@C\xc03\x81\xc1w\xe8a/\x95\x95\x95\x7f\xfa\xd3\x9f\x16/^\xec&gt;\x14\xcc\xfd\x034\xfa_~\xf9\xe5o\xbc\xf1\xc6\xf9\xe7\x9f\x8f\xd2?x\x15\x02\x00\xfc\xc5}\xc0\xef\x1f\xff\xf8\xc7\xbc\xbc&lt;*\xfa\xbb\x1d\x9f\xb4\x9b\xb4\xe38\xb7\xdcr\xcb\x0b/\xbc\x90\x90\x90\x80\xd1\x1f&lt;\x0cw\xb5\xe0#\xf4h\xdf\xd2\xd2\xd2\xec\xec\xec\xbc\xbc&lt;\xdb\xb6\xe9\x99\x91\xf4U\xba\x15PJ=\xfc\xf0\xc3o\xbc\xf1FBB\x02=[&amp;\xbc\xc7\x0c\xd0pp\x07\x00~Au\x1ecL\x9f&gt;}&gt;\xfa\xe8#\xdb\xb6k\xef\xf9L\xdd\x9f\xf1\xf1\xf1\xff\xf8\xc7?\xfa\xf7\xefO\x93\x04\xa8\xfb\x83\xb7!\x00\xc0/\xe8r~\xe4\xc8\x91\xabV\xad:\xe9\xe8\x7f\xdey\xe7-]\xba\xf4\xca+\xaf\xa4\xde\xd00\x1e*@\xe3\xc0O9\xf8\x02\x95\xf27l\xd8\xf0\xe4\x93O\xd2\x1c\xaf\xfb%\x1a\xfd\xdb\xb6m\xfb\xce;\xef\xb4n\xdd:\x14\n\xd9\xb6\x1d\xc6C\x05h4\x08\x00\xf0\x05Z\xc35~\xfcxV\xf3\xd4_\xfa}\xea\xfel\xdb\xb6\xed\xaaU\xab\xce?\xff|\xc7q0\xfa\x83\x7f\xa0\xc4\t\xdeG\x9d?[\xb7n\xcd\xcb\xcb\xab\xdd\xefO\xb3\xbe\xcd\x9b7\x7f\xfb\xed\xb7i\xf4G\xe5\x07|\x05\x01\x00\xdeG=\xfe\xcb\x96-;q5\xaf1\xe6\x99g\x9ei\xd3\xa6M(\x14\xc2\xe8\x0f~\x83\x00\x00\xef\xa3A\x7f\xc3\x86\r\xac\xd6&amp;\xcf\xb4\xe5g\xf7\xee\xddo\xb9\xe5\x16T~\xc0\x9f\x10\x00\xe0qt\xd5\x1f\x0c\x06w\xef\xde\xcd~\xfc\x98_\xc6\xd8\x90!C\x8e\xfb\x1d\x00\xff@\x00\x80/\x94\x96\x96\x1e:t\x88\xd5\x04\x00=\xd8+..\xee\xca+\xaf\xa4M\x81\xc2}\x80\x00a\x80\x00\x00\x8f\xa3\x11\xbf\xbc\xbc\xbc\xb2\xb2\xd2\xfdMj\n:\xff\xfc\xf3\xcf=\xf7\xdc\xb0\x1d\x19@\xb8!\x00\xc0\x17\x82\xc1`\xed\xcd&gt;)\x00RSS-\xcb\xa2\xfd!\xc2wh\x00a\x83\xb6\x07\xf0\x05\x1a\xe5\x85\x10\x9cs\x9a\x150\xc6\xc4\xc4\xc4\xb8_\n\xf7\x01\x02\x84\x01\x02\x00|Ak]\xfb\x0e\x80\x1aC\x8f\x1e=\x1a\xbe#\x02\x08?\x04\x00x\x1c]\xdd\xff\xfa\xd7\xbf^\xbdz\xf5q_JJJbx\xd0#\xf8\x18\x02\x00&lt;\x8e\xc6\xf7&amp;M\x9a\xfc\xe1\x0f\x7f\xf8\x89?\x00\xe0C\x08\x00\xf0\x85\xe3\x9e\xf9E\xb0\xe13\xf8\x1c\x02\x00|\x01\xcd\xfe\x00\'\xc2\xe5\x0f\x00\x80O\xe1\x0e\x00\xfc\xc2}"\x18u\x822\xc6\xa4\x94\x98\x00\x00?C\x00\x80/\xd0\x8e\xd0\'V\x81\xf0\xccw\xf03\x04\x00x\x1f\x8d\xfe\xa1P\xe8\x9dw\xde\xd9\xb0aCaaaBB\xc2o\x7f\xfb\xdb\x9bo\xbe\xb9E\x8b\x16\xf4\xd5p\x1f#@\x18 \x00\xc0\xe3h|\xff\xf4\xd3O\x07\x0e\x1c\xb8u\xeb\xd6\xda_j\xd1\xa2\xc5\x13O&lt;q\xd7]w!\x03\xc0\x9f\x10\x00\xe0eT\xf1/,,\xbc\xfe\xfa\xeb\xf7\xef\xdf\x7f\xdc#_\n\x0b\x0b\xef\xbe\xfb\xeef\xcd\x9a\xddt\xd3M\xa8\x05\x81\x0f\xe1\xaa\x07\xbcL)\xc59_\xb4h\xd1\xfe\xfd\xfb\x03\x81\x80\xf3c\x96eq\xce\xa7N\x9d\x8a\xed\x80\xc0\x9f\x10\x00\xe0e4\xac\xaf]\xbb\x96\x1e\x00p\xdcW\x95R\xc6\x98m\xdb\xb6\xed\xdf\xbf\x9f\xb6\x87\x0b\xc71\x02\x84\r\x02\x00\xbc\x8c\xaa:\x85\x85\x85\xc6\x98\x13\xc7w\xfa\x9d\xa3G\x8f\x1e8p\x80\x9d\xf0\xb00\x00\xcfC\x00\x80\xf7\x9d\xb8\t\x84\x8bn\x11\xe8\x0f \x00\xc0o\x10\x00\xe0e4\xb2\'%%q\xceO\xac\xf2\xd3\x8a0\xdb\xb6SRR\x18v\x85\x03\xffA\x00\x80\x97Q\x00ddd\xd0C`\x8e\xfb*m\x06\xf7\xcb_\xfe\xf2\x17\xbf\xf8\xc5I\xff\x00\x80\xb7\xe1\'\x1e\xbc\x8c\xc6\xf4\xbb\xef\xbe\x9bs\xee\xb6\xfd\x10)\xa5eYZ\xeb!C\x86\xd8\xb6}\xe2\x141\x80\xe7!\x00\xc0\xcb\x84\x10Z\xebK.\xb9d\xee\xdc\xb9\xc6\x18\xc7qL\r\xa5T0\x18\x1c0`\xc0\x88\x11#\xb4\xd6X\x04\x00&gt;\x84\x00\x00\x8f\xa3\x0c\xb8\xef\xbe\xfb\xd6\xacY\xd3\xabW\xafV\xadZ5i\xd2$%%\xa5S\xa7N\x0b\x17.\\\xbcx\xb1{[\x10\xee#\x05hlX\t\x0c\xdeG\x19\x90\x99\x99\x99\x99\x99YQQQ^^\x1e\x13\x13\xd3\xbcysV\xb3T\x18\xa3?\xf8\x13\x02\x00|A\x08A\xab\x82\x13\x12\x12\x12\x12\x12X\xcd\xee\xd0\xa8\xfc\x80\x9f!\x00\xc0/h\xac\xa7\t\x00w\x1e8\xdc\x07\x05\x10N\x08\x00\xf0\x17\x14|\x00\\\x98\x04\x06\x00\xf0)\x04\x00\x00\x80O!\x00\x00\x00|\n\x01\x00\x00\xe0S\x08\x00\x00\x00\x9fB\x00\x00\x00\xf8\x14\x02\x00\x00\xc0\xa7\x10\x00\x00\x00&gt;\x85\x00\x00\x00\xf0\xa9F]\t\xec8\xcaq\x1c\xc7QX\x89yR\xc60\xc6\x99\xe3`cz\xf0 \x9c\xfe?-,\xa7\x7f\xe3\x05\x00\xe7\xbcE\xf3\x14~N\xaa\x15\x0c1\xfc\x08\x9c\x941,`\xb7\xe0\x02{\x15\x80\xc7\xe0\xf4\xffy\xe18\xfd\x1b/\x00\x8eUV\x8d\x9967&gt;&gt;V+\x8d\x9f\x80\x933FHq\xf4h\xe5\xb1\xca\xaap\x1f\n@}\xc2\xe9\xff\xf3\xc2q\xfa7F\x00\x18c\x18c\x95\x95UO&lt;\xfd|#\xfcs\x9eA\xef\x1b@T\xc3\xe9\x7fv\x1a\xe7\xf4o\xd49\x00\xcb\x92\x8cq\xc6\x0cc\xb8\x048)zg\x0c\xa6\x01\xc0{p\xfa\xff\x9c0\x9c\xfe\r\x1b\x00\x96e\xd1\xf3\xf6~\x9cf\xf8\xf8O\x85\xde\x19nY\x16c\x8c\xde7\xfa\x7f\x80\xa8\x83\xd3\xff\x0c\x85\xe1\xf4o\xc0W7\xc6\x1c&lt;x\xb0\xe1^\xdf\'\x0e\x1e&lt;\x88Z\x10D\x1d\x9c\xfe\xf5\xa2\xa1O\xff\x06\t\x00\x9a\xc5\x8e\x8f\x8f\x9f&gt;}zeeeC\xfc\x13\xfe\x11\x1b\x1b\x1b\x1f\x1f\xcfj\xdeU\x80\x08\x87\xd3\xbf\x1e5\xf4\xe9\xcfqu\t\x00\xe0O\r[`r\x1c\xa7A_\xdf\'0\r\x00\xd1\x08\xa7\x7f\xbdh\xd0\xd3\x1fw\x00\x00\x00&gt;\x85\xbd\x80\x00\x00|\n\x01\x00\x00\xe0S\x08\x00\x00\x00\x9fB\x00\x00\x00\xf8\x14\x02\x00\x00\xc0\xa7\x10\x00\x00\x00&gt;\x85\x00\x00\x00\xf0)\x</t>
        </is>
      </c>
    </row>
    <row r="273">
      <c r="A273" s="1" t="n">
        <v>271</v>
      </c>
      <c r="B273" t="inlineStr">
        <is>
          <t>color_hexagon</t>
        </is>
      </c>
      <c r="C273" t="inlineStr">
        <is>
          <t>What is the missing color of the part denoted with a question mark?</t>
        </is>
      </c>
      <c r="D273" t="inlineStr">
        <is>
          <t>['green', 'orange', 'purple', 'red']</t>
        </is>
      </c>
      <c r="E273" t="inlineStr">
        <is>
          <t>green</t>
        </is>
      </c>
      <c r="F273" t="inlineStr">
        <is>
          <t>There is a hexagon split into six parts with the colors ['purple', 'orange', 'green', 'purple', 'orange', '?'] in an anti-clockwise order.</t>
        </is>
      </c>
      <c r="G273" t="inlineStr">
        <is>
          <t>We observe that a orange part is opposite another orange part, and a purple part is opposite another purple part. Thus, the pattern is that the colors in opposite parts are the same.</t>
        </is>
      </c>
      <c r="H273" t="inlineStr">
        <is>
          <t>Based on the pattern that spatially opposite parts have the same color, the missing color of the part which is opposite a green part should be green.</t>
        </is>
      </c>
      <c r="I273" t="inlineStr">
        <is>
          <t>b'\x89PNG\r\n\x1a\n\x00\x00\x00\rIHDR\x00\x00\x02\x00\x00\x00\x02\x00\x08\x02\x00\x00\x00{\x1aC\xad\x00\x00}\nIDATx\x9c\xed\xddyxU\xd5\xb9?\xf05\xec3\'9\t\x08\x04\x05\xd4\x10\xa4"\x97`(\x05E&amp;e\xaa(X\x05\xab\x0c\x17\xa7+\x08\xd5\x06\xc1!j\x82\x10\xf9\tV\x84\xaa\xdc*\x17+VA\x94jE\xd0B\x18\x92\x10\xc3 % 2\x85\x08J\x98\x02\x929g\xde\xeb]\xbf?VrD\x14\x052\x9ca\xbf\x9f\xa7\xcf}n[\xab\x873\xecw\xed\xb5\xde\xfd~\xa9\x94\x92 \x84\x102\x1e\x16\xea\x17\x80\x10B(4\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d4/\x00\x85\x92\x94RJ\x19\xeaW\x81B\x86RJ)\r\xf5\xab@!C\xf1\xf7oX\xba\xaek\x1a\xae\x00\x8cN\xd7u\xce9\x96\x01c\xc2\x02`P\x00\xc0\x18;p\xe0\xc0\xe4\xc9\x93\x19c\x00\x10\xeaW\x84\x9a\x95\xa6i\xba\xae?\xf4\xd0Cc\xc6\x8c\t\xf5kA!\x83\x0b@\xc3Q%\xdf\xe3\xf1\xcc\x9b7/&gt;&gt;&gt;\'\'\'\xd4\xaf\x08\x85L\x97.]\x8e\x1f?&gt;l\xd8\xb0\xae]\xbbJ)\x19\xc3CAc\xc1;\x00\xc3\x11Bp\xce\xdfy\xe7\x9d\xfb\xee\xbb\x8fR\xca9\x0f~\x07(\xc5\xdf\x7f\x94\xa3\x84\x80\x94\x84\xd4}\xe2\x9cs\xbf\xdf?~\xfc\xf8\x7f\xfc\xe3\x1f\xb8%h@X\x00\x8cE\x9d\xfaVUUu\xe9\xd2\xe5\xcc\x993\x00\x80\x9b?\x06g6\x9b\x85\x10999}\xfb\xf6U\x8b\x83P\xbf"\xd4|\xb0\xe0\x1b\x0b\x00p\xce322JKK9\xe7DJJ\t!LJ\xf8]\xca\xad}~\xfb\x07\x8f\xb7\x86Q\xbc\x04D\'\x90`1\xdb\xbe;\xb6w\xd5\x86\xff\x95\x12\x08!\x94R]\xd7\x01 --m\xf3\xe6\xcd&amp;\x93IJ\x89\x07\xc2\xc6\x81w\x00\x06\x02\x00\x94\xd2\x83\x07\x0fv\xed\xda\x15\x00\x82=\xa0\x94R)\xa53\xb6\xd5\xf3\x7f\xfe\xd8f\x8b\x13B\xc7K@\xd4\x91\x84\x10\x00\xb0\xdb\xe2^\xfe\xbf\xfb\xf7\x15of\x94A}\r`\x8c\t!\x96,Y2a\xc2\x04\xbc\t0\x14,\x00\x06\xa2~\xdbC\x87\x0e\xcd\xce\xce6iZ@\xd7\x7f\xdb\xa9\xcd\xa9J\xd7\xb13\xb5\x8cq!\xc4\x8d\xa9#\xc7\xfea\x86\xcb]\xc9\x18^\x02\xa2\r\x80p\xd8\x9c[w~\xfa\xee\xbff2\xca$\x91&amp;\x93\xa9O\x9f&gt;999\xea\xec\xb7u\xeb\xd6{\xf7\xee\x8d\x8f\x8f\xc7\x87\x03\x8c\x03\x0f\xfd\x8cB]\xfd\xb3\xb3\xb3\xb3\xb3\xb39\xe7 \x81Q\xfa\xbf\x8f\r\xfc\xf3\x1d\xdd\xa5$\x94HJ\xd9\xd6]\xab\x8f\x9d8`\xb3\xc6\x10B\x18e\xf8\xaf\xa8\xf9\x17\xa5L\xe3&amp;\x7f\xc0\xf3\xef\xbc\xbf\x13B\x18gR\xca\x01\x03\x06\xbc\xfb\xee\xbb\x97]v\x99\x94\x92s^ZZ\xfa\xca+\xaf`O\xb0\xa1`\x010\x04\xb5\xb1\xab\xeb\xfac\x8f=F\t\xe1\x8c\n\x01\x7f\xec\x7fM\xcf\xff\xbab\xe2\xf0n\xc9\x97;u\x01\x9c1\x00\xf1\xd1\xda\xf9\x8cr\\\xfeE\x19\t\xc2asf\xe7\xbfs\xa6\xfc(g\x1c\x004M{\xfe\xf9\xe7\xaf\xb8\xe2\x8a\x8c\x8c\x0c\xb5\x19\xc89\xff\xcb_\xfeR\\\\\x8c5\xc08\xb0\x00\x18\x82z\xec\xeb\xcd7\xdf,**\xe2\x1a\xd7\x85p:\xcc\x19c\x7f\xe7w\xf9c\x1c\x96\xe7\xc7\xf5&amp;\x84H\x02\x8c\xb2\x83\x87\xb7\xef&gt;\x90k\xb3\xc6\x02\x88P\xbfj\xd48\xa4\x94&amp;\x93\xe5t\xd9\x91\xbcm\x1fPJ)\xa3\x000a\xc2\x84^\xbdz\x9d9sf\xc2\x84\t)))\xea\x06\xd1\xef\xf7?\xfb\xec\xb3\xeaL(\xd4\xaf\x1a5\x07,\x00\xd1O\x9d\xfd\x96\x96\x96fdd\xa8\xcd]\x009\xe5\xf6\x94k\xafi\xe3\xf5\xeb.\x97o\xec\x90.7u\xbd\\\x08\xe0\x9c\x12B&gt;^\xfbW\x9f\xdf\xcd\x18\xc7k@t\x90\x12,f\xfb\xca\xf5\x0b\xdd\x9ej\xc68\x00\xc4\xc7\xc7gff\xba\xddn\x00\x88\x89\x89\xc9\xca\xca\x92R\xaa\x1a\xb0b\xc5\n\xb5I(\x04\xae\x00\xa2\x1f\x16\x80\xe8\xa7\x9e\xf0LOO\xaf\xa8\xa80i\\\x17\xe2\xea\xc4\xb8\xc7G\xf5\xf0V{5\xc6$!B\xc0K\x0f\xde\xa4q&amp;\x008\xe3\xdf\x97\x95d\xe7\xbf\xe3\xb09%\xde\x04D&gt;\x90`\xb7\xc5\xed)\xca\xdf\xf1u6\xa3\x8c\x10\t\x00\xe9\xe9\xe9\xed\xda\xb5\xf3x&lt;&amp;\x93\xa9\xa2\xa2b\xd8\xb0a#F\x8c\x10B0\xc6(\xa5\x8f=\xf6\x98\xae\xebx\x1f`\x04X\x00\xa2\x9c\xda\xfc\xd9\xb1c\xc7\xfb\xef\xbf\xcf9\x07\x00)I\xd6\x7f\xdf\xd0\xb2\x85=\xa0\x0bJ\tg\xd4\xe3\xf6\xdf\xd0\xbd\xfd\x83\xc3\xae\x03\x90\x94\x12Ji\xde\xb6\x0fN\x97\x1d1i\x16\xbc\x04D:J\x88\x10\xfa\xe7\xb9\x8b\xa5\x04\xc6\x19\x00\xa4\xa4\xa4&lt;\xf2\xc8#UUU\xea\xb9_u8\x94\x95\x95\xe5t:\xd5M@QQ\xd1\x9bo\xbe\x89\'\x01F\x80\x05 \xca\xa9\xe3\xdfi\xd3\xa6\xf9|&gt;\xce\xa8.\xe0\xa6\xae\x97\x8f\x1d\xd2\xc5U\xed\xd5x\xdd\xa7\xcf\x18\xf3\xbb\xfd3\xc7\xf7\x8e\x8f\xb1\x08\x10\x9cq\xb7\xa7\xfa\xd3\xf5\xffk\xb5:\xd4\xe3B(B\t\x101\xf6\x84\xcd\x85+\x0f\x97\xecb\x8c\xab\xc3\xde\x17^x\xc1f\xb3\x05wx\x18c555\xdd\xbau\x9b8q\xa2\xda-\xa4\x94fddTTT0\xc6p\x05\x10\xdd\xb0\x00D\xb3\xe0\xaen^^\x9e\xa6i\xba\x10f\x13\x7f\xe9\x81\x9b\x84\x80\xb3\x7f\xd6\x94\x12\x9f_o\xd3:6sL/)\x89$@)\xdb\xb9w}\xd1\xe1/\xad\x16\x07`\r\x88L\x92H\x8d\x9b*kN\xaf\xcb_B)e\x8c\n!F\x8e\x1c9t\xe8\xd0\xca\xca\xca\xb3\x9f\xf6\xd24\xad\xaa\xaa*--\xed\xea\xab\xafV\x13\x81***\xd4\x89\x11\xde\x04D7,\x00QK\xad\xddT_\x07!\x84Q\x02 \xef\xee\xdb\xe9\x86\xd4\xf6\x1e\xb7\x9f\xb3\x1f\xb5zr\xce&lt;\xb5\xbeGFt\xebtE\xbc\x10\xc0\x19\xd3E`\xe5\xba\xd7\x19\xe3\xc1\xc1a(\xb2\xa8\'\xbf6\x14,=Sq\\\xed\xe7\x98\xcd\xe6\x8c\x8c\x0c!\xc49\xcfyQJ\xfd~\x7f\xdb\xb6m\x9fx\xe2\tu\x97\x10\xec\x19\xc3\x8d\xa0\xe8\x86\x05 j\xa9\xb1?/\xbf\xfcrqq\xb1\xc9\xa4\x05t\xd1"\xd6:\xfb\xfe&gt;~\x97\xff\xa7S\x7f)!\x02\xa4\xd5j\x9a\xf7?\xfd\x08!R\n\xc6\xf8\xa1#\xbb\xb6\xedZ\x1dc\x8b\xc7\x96\xd0\x88#%X\xcd\x8e\xa3\'\xf7\xe7o_A)Sk\xf9)S\xa6\xa4\xa6\xa6\xd6\xd4\xd4\xfc\xf4\x0b\xa0iZYY\xd9}\xf7\xddw\xe3\x8d7\xaa\x9b\x80\xba\xa7F\xf0(8\xaaa\x01\x88N\xea\xec\xf7\xd0\xa1Cs\xe7\xcee\x8c\xa9)\xa0\x8f\x8eL\xe9\xd0.\xde\xe7\xd7\x7f\xf69\x7f\xce\xa8\xab\xd6w{\x9f\xa4[\xaeo/@2J\x08\xa1\xab7\xbeQU[\xc6\xb9&amp;\xf1&gt; \xa2HB\x18\xe3+\xd7/\xf4xk\xd5\xa8\x9f\xd6\xad[\xa7\xa5\xa5\xd5\xd6\xd6\x9eo\xd4\x8f\x94\xd2d2=\xf3\xcc3\xea\xaf\xd74-;;{\xc5\x8a\x15\xd8\x12\x1a\xc5\xb0\x00D\'u\xf6;k\xd6\xac\xea\xeaj\x8d\xf3\x80.:\xb5\x8b\x7f\xf2\xee\x9e\x9e\x1a/\xe7\xbf\xf4\xa1\x0b\x90\xaf&lt;\xdc\xcfl\xe2 \x813VVqbC\xc1{\x0e;\xde\x04D\x12\x00\xe1\xb0\xc6\xed+.\xd8\xbd?W\xb5~J)333;t\xe8\xe0\xf5z\xcf7\xe7\x87s^QQ1|\xf8\xf0\xbb\xef\xbe;\xd8\x12\xfa\xec\xb3\xcf\xfa\xfd~\xbc\x0f\x88VX\x00\xa2\x90:\xfb\xdd\xb4i\xd3\xd2\xa5K5\xce\x85\xd0\t!\xf3\x1e\xeag\xb7\x9b\x84\x90\xbf0\xe6\x811\xeav\xfb\xbb\xfd&amp;1\xed\x8e\xee\xf5-\xa1,\x7f\xfb\x8a\x92\xe3\xfb,f;^\x02"\x05c\xdc\xebw\xaf\\\xbf\x90\x10\xca8\x17B\xdcx\xe3\x8d\x0f&lt;\xf0@YY\xd9/G\xbep\xcekkk\xb3\xb2\xb2\x12\x12\x12\x02\x81\x80\xa6i\xc5\xc5\xc5/\xbf\xfc2\x9e\x04D+,\x00\xd1I\x08\xa1\x8e\xfb\x18\xa3\x02\xe4-\xd7\xb7\xbf\xbdO\x92\xab\xd6\xc7\x7fm\xcc\x0fg\xcc\xef\xf6O\xbd+\xb5M\x82\x1d\x008c\x1eo\xed\x9a\xbc\xb7\xcc&amp;+\xb6\x84F\x04\x01\xc2n\x8b\xdb\xb6k\xf5\xb1\x93E\x8c1)\x81s\xfe\xcc3\xcf\xa8Y\xff\xbf\xfc\xbf\xa5\x94z&lt;\x9e\xe4\xe4\xe4\xc9\x93\'\xab\xbf\x9816o\xde\xbc\xd2\xd2R\xec\x08\x8aJX\x00\xa2\x8d\xae\xeb\x9c\xf3e\xcb\x96m\xda\xb4\xc9\xa4i\xba\x10\x1ag\xaf&lt;\xdc\xef\xc7\x9d\x9f\xe7\xa5ZB\x13\xdb\xc4\xcd\x1a\x7f\x03H)\t0\xcaw\xecY\xb7\xa7(\xdfn\x8b\xc3\x96\xd00\'\xa54i\xe6\xf2\xca\x93\x9f\xe5,\n\x0e\xfa\x1f5j\xd4\xf0\xe1\xc3+**.d\xd0\xbf\xda\x08\x9a&gt;}zRR\x92\xba\t(//OOO\xc7g\x02\xa2\x12\x16\x80\xa8\xa2\x1a\xf8\xaa\xab\xabg\xce\x9c\xc9(%D\x02\xc8\x07\x87]\xd7\xads\x1b\x8f\xdb\xcf\xd8\x05M\xf9\xd48\xf3\xd4x\xc7\r\xbe\xf6\xfa\xe4V\x00\xc0\x18\x95\x12&gt;\xcf],\x84N\t\xce\t\rkR\x82\xd5\xe2\xd8\xb8yiMm\x19c\x1c@8\x9d\xce\xf4\xf4t\xb7\xdb}\x81\x81\xef\xea\xc1\xe0\xd8\xd8\xd8\xe7\x9e{\x8e\xd4\xf7\x92-[\xb6\xac\xb0\xb0P=I\xde\xc4\x7f\x02\xd4\xac\xb0\x00D\x15\xd5\xfc3w\xee\xdcC\x87\x0eq\xce\x85\x80\xf8\x18\xcb\xcc\xf1\xbd\xfd\x9e\xc0\x05\xfe\xfe\x15!\xa4\xddn\x9es\x7f\x1f)\x89$\x821~\xb8d\xd7\xe6\x1d\x9f8\xecN&lt;\r\x0e[ \xc1b\xb1\x1f9\xb67g\xebrJ\x19\xa5\x04\x00&amp;N\x9c\x98\x92\x92R[[{\xe1_\x00M\xd3*++\xc7\x8f\x1f\xafZB\xd5\x94\xd0\xb4\xb44!\x04\xde\x04D\x19,\x00\xd1C-\xd6\xd4\xa9\x1dg\\J\x00)3\xc7\xf4j\xd3:\xf6|\xad\x9f\xe7\xc39u\xd5x\x07\xfd\xee\xaa?\xdc\xd8Q\x08\xc9(\xa1\x94\xae\xcey\xa3\xbc\xf2\xa4\xa6\x99\xf1*\x10\x9e(!\x8c\xf2\x8f\xd6\xce\x17"\xc0\x19\x13B\\y\xe5\x95iii\xc1\xb1?\x17E\xd7\xf5\xd9\xb3g\xab\x07\x024M\xcb\xcf\xcf_\xb6l\x19\xb6\x84F\x19,\x00\xd1C]\x97U\xdf\x1e\xe7T\x00\\\x9f\xdc\xea\x91\x91)\x9eZ\xdf/\xb7~\x9e\x0f\x08\xf9\xe2\x03}\x9c\x0e3H`\x8c\xd5\xd4\x96o\xdc\xbc\xd4j\xc1\x01A\xe1\x08@\xd8\xac\xb1\xbb\x0f\xe4\x1e&lt;\xbc\x9dR&amp;\x89\x94R&gt;\xff\xfc\xf3\x89\x89\x89\xaa\x8f\xf3\xa2\xfenj@\xd0\x80\x01\x03&amp;L\x98\xa0\x06\x041\xc6f\xce\x9cYUU\x85-\xa1\xd1\x04\x0b@\x94P\xad\x9fyyy\xc1\'w\xa4$s\xee\xefc\xb5h\xbf\xdc\xfay&gt;\x8cQ\x8f\xdb\xdf\xb9S\xeb)\xb7\xa7\x00H\x95\x19\x99\xb3uy\xc9\xf1}8 (\xdc\xa8\xc7\xbe\xfc\x01\xcf\xc7k\xffJ\x08\xe1\xf5\xad\x9f\xe3\xc6\x8d\xfb\xd5\xd6\xcf\xf3\xe1\x9c\xd7\xd4\xd4dff\xc6\xc7\xc7\xab\x8d\xa0C\x87\x0e-X\xb0@\x1d,7\xf6\x9f\x00\x85\x06\x16\x80h\xa0\x1e\xfb\xf2\xf9|\xd3\xa6M\xab\x1b\xfb\x05\xf2\xce&gt;\xc9\x83~w\xd5\x85\xb4~\x9e\x0f\xe7\xcc[\xed}|T\x8f\xa4\xb6N\x01\x923&amp;D\xe0\xb3\x9cE\x94\xe2\xd7&amp;\xbcH\x106k\xec\xa6m+\xbe/+Qg\xbff\xb3y\xf6\xec\xd9j\xac\xff\xa5\xfd=)\xa5^\xaf\xb7]\xbbv\xe9\xe9\xe9\xc1\xcc\xc8\xf9\xf3\xe7\xab\xe3%&lt;\r\x8e\x0e\xf8K\x8e\x06\xea\xecw\xf9\xf2\xe5;v\xecP\xab?\xb3\x89\xcf\x1c\xdf[^X\xeb\xe7\xf9PJ\x02\xbah\xd9\xd2\x91\xfe\xc7\x9eRJB\x80Q\xf6\xd5\xfe\x9c}\xc5\x05v\xcc\x8c\x0c\x1bRJM3WT\x95\xfe;\xef-\xb5W\x03\x00w\xdey\xe7\x80\x01\x03~v\xec\xcf\x85\xd34\xad\xba\xbaz\xd2\xa4I\xc9\xc9\xc9\xea&amp;\xa0\xaa\xaaj\xd6\xacY\xf8L@\xd4\xc0\x02\x10\xf1\xd4\xf2\xbf\xa2\xa2\xe2\xe9\xa7\x9ff\x8cQ"\x01d\xda\x1d\xdd\xbb^\xd3\xc6}\xc1\xad\x9f\xe7\xa3q\xe6\xaa\xf2L\x18v\xddM]/\xd7\xeb2#\xe9\xca\xf5\x0b\x03\x01/fF\x86\t)\xc1j\x89\xf9,g\x91\xc7[\xc3\x18\x17BOHH\xc8\xca\xca\xaa\xa9\xa9\xb9\x90\xc6\xff_\xa6\xeb\xba\xddn\x9f3g\x0e!D\r\x08Z\xbati~~\xbe\xa6i\xb8\x11\x14\x05\xb0\x00D&lt;\xb5\xfc\xcf\xc8\xc8(--\xe5\x8c\xe9B\xb4I\xb0O\xbd+\xd5\xef\xf1\xf3\x06\xac\xfe\x82$!\x9a\xc6f\x8c\xed\xc5\x18U\xff\xacc\'\x8br\xb7}h\xb3\xc6bfd\xc8\x81\x04\xab\xc5q\xf0\xdb\xed[\nW\xaa\xd6O)\xe5\xe4\xc9\x93\x93\x93\x93\x7fa\xec\xcf\x85S\xab\xfe\x11#F\x0c\x1c8P\xcd\x91\x16B\xa4\xa5\xa5\xf9|&gt;&lt;\r\x8e\x02X\x00"\x9b\xba"\xab\x0c?\xce\x98\x94u\x89\x8f\x89m\xe2.\xb6\xf5\xf3|8\xa3\xae\x1a\xef\xa0\xdeI\xf7\x0e\xe8,@rF(\xa5k\xf2\xde\xaa\xa8*\xc5\xcc\xc8\x90\xa3j\xea\xe7\xba\xd7\x00\x04\xe7L\x08\x91\x9c\x9c&lt;}\xfa\xf4\x0b|\xee\xf7\x02\t!^z\xe9%\xb3\xd9\xacn\x02\n\x0b\x0b\x97/_\x8e\x03\x82\xa2\x00\x16\x80\xc8\xa6\xf6\x7fT\x8a7\xe7L%&gt;\xde\xff\xfb\xae\xaej\x8fvI\xad\x9f?\x8b2\xe6\xf7\xf8_\xbc\xbfO\x8bX\xab.\x801\xe6\xf1\xd6|\x96\xb3\xc8l\xb6aKh\x08\x01\x08\xbb-n\xeb\xceU\x87\x8e\xfc\x90\xf88g\xce\x9c\x98\x98\x98\x9f\xa6\xbe\\2\xd5\x12\xfa\xdb\xdf\xfev\xca\x94)\xc1\x96\xd0\xa7\x9f~\xba\xbc\xbc\x1co\x02"\x1d\x16\x80\x08\xa6Z?\xb3\xb3\xb3\xb3\xb3\xb39\xe7\x02\x803:cL/\xae\xb1\xc6\xfdU2J|&gt;\xbd}\xbb\xf8GG\xa6HY\xd7\x12\xba\xa5pe\xc9\xf1}\x16\x8b\x1d[BCB\xb5~z}\xae\xcfs\x17\x13BT\xe2\xe3\xc0\x81\x03G\x8c\x18QUU\xd5\x88\xcb\x7fR\xdf\x12\x9a\x96\x96\xd6\xbauk\xf5\xad+--}\xe5\x95W\xf0&amp; \xd2a\x01\x88Tj\xed_\x17\xdbD\x08gT\x08\xf8c\xffk\x06\xdd\x90\xe4\xaa\xf1\xf2\x86\x9d\xfd\xfe\x14\xe7\xccS\xe3}\xf2\xee\x9e\xc9\x97;u\x01\x9c1\x00\xf1\xd1\xda\xf9\x8c^j\x93)j\x18\t\xc2asf\xe7\xbfs\xa6\xfc(g\x1c\x004M\x9b;wnS\x9c\xcd\xaa\x96\xd0\x0e\x1d:dff\x02\x80j\t\xfd\xcb_\xfeR\\\\\x8c5 \xa2a\x01\x88Tj\xf7_\x05\xb7r\x8d\xebB8\x1d\xe6\xe7\xc6\xf4\nx\x03\xb4\xb1\xaf\xfeDeF\niw\x98\x9f\x1f\xd7\x9b\x10"\t0\xca\x0e\x1e\xde\xbe\xfb@\xae\r[B\x9b\x9d\x94\xd2d\xb2\x9c.;\x92\xb7\xed\x03J)e\x14\x00&amp;L\x98\xd0\xa3G\x8f\x06\xb6~\x9e\x8fJ\x8a\x1f7n\\JJ\x8a\xba\tPq\xd3\xb8\x0b\x14\xd1\xb0\x00D$\xb5\x15[ZZ\x9a\x91\x91A)\xa5\x84\x00\xc8)\xb7\xa7\\{Mk\xaf\'\xc0\x1ai\xf3\xf7\x1cj@\xd0\xd8!]n\xeaz\xb9\xa8k\t%\x1f\xaf\xfd\xab\xcf\xef\xc6\x96\xd0f&amp;%X\xcc\xf6\x95\xeb\x17\xba=\xd5\x8cq\x00\x88\x8f\x8f\xcf\xcc\xcct\xb9\\\x8d\xbb\xf9s6!DLLLVV\x96\x94R\xd5\x80\x15+V\xd4m?bKhd\xc2\x02\x10\x91\xd4\xd8\xe7\xf4\xf4\xf4\x8a\x8a\n\x93\xc6u!\xaeN\x8c{|T\x0fo\xf5\xaf$&gt;6\xf4\x9fK\x88\x10\xf0\xd2\x837i\x9c\t\x00\xce\xf8\xf7e%\xd9\xf9\xef8lNl\tm6 \xc1n\x8b\xdbS\x94\xbf\xe3\xebl\x95\xf8\x08\x00\xe9\xe9\xe9\xed\xda\xb5k\x94\xd6\xcf\xf3QQ\x01\xc3\x86\r\x1b1bD03R5 \xe0}@\x84\xc2\x02\x10y\xd4\xe6\xcf\x8e\x1d;\xde\x7f\xff}\xf5P\xbej\xfdl\xd9\xc2\x1e\xd0E\x93\xfd\xfc\t!\x843\xeaq\xfbo\xe8\xde\xfe\xc1a\xd7\xd5gF\xd2\xbcm\x1f\x9c.;\x82-\xa1\xcd\x86\x12"\x84\xfey\xeeb)\x81q\x06\x00)))\x8f&lt;\xf2\xc8\xa5M\xfd\xbc\xb8\x7f4\xa5\xba\xaegee9\x9dNu\x13\xa0Z\x90\xf1$ Ba\x01\x88&lt;\xea\xf8w\xda\xb4i&gt;\x9f\x8f3\xaaZ?\xc7\x0e\xe9\xe2\xaa\xf66b\xeb\xe7\xf90\xc6\xfcn\xff\xcc\xf1\xbd\xe3c,\x02\x04g\xdc\xed\xa9\xfet\xfd\xffZ\xad8%\xb49\x08\x101\xf6\x84\xcd\x85+\x0f\x97\xfc\xd0\xfa\xf9\xc2\x0b/\xd8l\xb6f\xd8\x87Q-\xa1\xdd\xbau\x9b8q\xa2\xda\x87\xa4\x94fddTTT`dX$\xc2\x02\x10a\x82{\xafyyy\x9a\xa6\xe9B\x98M\xfc\xa5\x07n\x12\x17\x18\xf9\xd8`*3\xb2M\xeb\xd8\xcc1\xbd\xa4$\x92\x00\xa5l\xe7\xde\xf5E\x87\xbf\xc4)\xa1MM\x12\xa9qSe\xcd\xe9u\xf9K\xea\xa6\xfe\t1r\xe4\xc8\xa1C\x87VVV6\xdd\xee\xff\xd94M\xab\xaa\xaaJKK\xbb\xfa\xea\xabUT@EE\x85:\x8b\xc2\x9b\x80\x88\x83\x05 \x92\xa8\x15\x96\xea\xbe \x840J\x00\xe4\xdd};\xdd\x90\xda\xde\xe3\xf67z\xeb\xe7\xf9p\xce&lt;\xb5\xbeGFt\xebtE\xbc\x10\xc0\x19\xd3E`\xe5\xba\xd7\x19\xe3\x84\xe0\x1a\xb0\t\x01\x08\x87\xcd\xb9\xa1`\xe9\x99\x8a\xe3j\xd7\xc5l6gdd4\xe2c_\xbf\x8aR\xea\xf7\xfb\xdb\xb6m\xfb\xc4\x13O\xa8\xfb\x8f`7\x1an\x04E\x1c,\x00\x91De~\xbd\xfc\xf2\xcb\xc5\xc5\xc5&amp;\x93\x16\xd0E\x8bX\xeb\xec\xfb\xfb\xf8]\xfe\xa6\xe8\xfc;\x1fJ\x88\x00i\xb5\x9a\xe6\xfdO?B\x88\x94\x821~\xe8\xc8\xaem\xbbV\xc7\xd8\xe2\xb1%\xb4\x89H\tV\xb3\xe3\xe8\xc9\xfd\xf9\xdbWP\xca\xd4\x8a{\xca\x94)\xa9\xa9\xa9M\xd4\xfay&gt;\x9a\xa6\x95\x95\x95\xddw\xdf}*3R\xa5\x86=\xf6\xd8cx\x14\x1cq\xb0\x00D\x0cu\xf6{\xe8\xd0\xa1\xb9s\xe72\xc6\x88\x94R\xcaGG\xa6th\x17\xdfXc\x7f.\x1cg\xd4U\xeb\xbb\xbdO\xd2-\xd7\xb7\x17 \x19%\x84\xd0\xd5\x1b\xdf\xa8\xaa-\xe3\\\x93x\x1f\xd0\x04\xd4\xa3\xbf+\xd7/\xf4xkU*K\xeb\xd6\xad\xd3\xd2\xd2jkk\x9bg\xf3\xe7G/FJ\x93\xc9\xf4\xcc3\xcf\xa8W\xa2iZvvv0\x8c\xa8\x99_\x0c\xbadX\x00"\x86:\xfb\x9d5kVuu\xb5\xc6y@\x17\x9d\xda\xc5?ywOOM\xd3\xb6~\xfe\x02\x01\xf2\x95\x87\xfb\x99M\x1c$p\xc6\xca*Nl(x\xcfa\xc7\x9b\x80\xc6\x07 \x1c\xd6\xb8}\xc5\x05\xbb\xf7\xe7\xaa\xd6O)efff\x87\x0e\x1d\x9a\xb4\xf5\xf3|TK\xe8\xf0\xe1\xc3\xef\xbe\xfb\xee`K\xa8\x8a#\xc5\xfb\x80\x08\x82\x05 2\xa8\xb3\xdfM\x9b6-]\xbaT\xe3\\\x08\x9d\x102\xef\xa1~v\xbb\xe9\xd2\x12\x1f\x1b\x8e1\xeav\xfb\xbb\xfd&amp;1\xed\x8e\xee\xf5-\xa1,\x7f\xfb\x8a\x92\xe3\xfb,f;^\x02\x1a\x17c\xdc\xebw\xaf\\\xbf\x90\x10\xca\xea\x13\x1f\x1fx\xe0\x81KN|l8\xceymmmVVVBBB \x10\xd04\xad\xb8\xb8\xf8\xe5\x97_\xc6\x93\x80\x08\x82\x05 b\x08!\xd4q\x9fJ|\xbc\xe5\xfa\xf6\xb7\xf7IjH\xe2c\xc3q\xc6\xfcn\xff\xd4\xbbR\xdb$\xd8\x01\x803\xe6\xf1\xd6\xae\xc9{\xcbl\xb2bKh#\x12 \xec\xb6\xb8m\xbbV\x1f;Y\xc4\x18\x93\x128\xe7\xcf&lt;\xf3\x8c\xc9d\na\xa1\xa5\x94z&lt;\x9e\xe4\xe4\xe4\xc9\x93\'\xab\x97\xc1\x18\x9b7o^ii)v\x04E\n,\x00\x11@\xa5\xf1-[\xb6l\xd3\xa6M&amp;M\xd3\x85\xd08{\xe5\xe1~\xcd\xd5\xf9y^\xaa%4\xb1M\xdc\xac\xf17\x80\x94\x92\x00\xa3|\xc7\x9eu{\x8a\xf2\xed\xb68l\tm\x14RJ\x93f.\xaf&lt;\xf9Y\xce"5\x8aY\x081j\xd4\xa8\xe1\xc3\x877\xee\xd0\xffK\xa06\x82\xa6O\x9f\x9e\x94\x94\xa4n\x02\xca\xcb\xcb\xd3\xd3\xd3\xf1\x99\x80H\x81\x05 \xdc\xa96\xbb\xea\xea\xea\x993g2J\t\x91\x00\xf2\xc1a\xd7u\xeb\xdc\xc6\xd3\xe0\xc4\xc7\x86\xd38\xf3\xd4x\xc7\r\xbe\xf6\xfa\xe4V\x00\xc0\x18\x95\x12&gt;\xcf],\x84N\t\xce\tm\x04R\x82\xd5\xe2\xd8\xb8yiMm\x99\n|w:\x9d\xe9\xe9\xe9n\xb7\xbb9;\x7f~\x96z0866\xf6\xb9\xe7\x9e#\xf5]j\xcb\x96-+,,\xc4\xe0\xf8\x88\x80\x05 \xdc\xa9\xe6\x9f\xb9s\xe7\x1e:t\x88s.\x04\xc4\xc7Xf\x8e\xef\xed\xf7\x04B\xfe\xfbW\x84\x90v\xbby\xce\xfd}\xa4$\x92\x08\xc6\xf8\xe1\x92]\x9bw|\xe2\xb0;\xf14\xb8\x81@\x82\xc5b?rlo\xce\xd6\xe5*\xf1\x11\x00&amp;N\x9c\x98\x92\x92R[[\x1b\x0e_\x00M\xd3*++\xc7\x8f\x1f\xafZB\xd5\x94\xd0\xb4\xb44!\x04\xde\x04\x84\xbf\xd0\x7f\x81\xd0/PK*u\xb6\xc6\x19\x97\x12@\xca\xcc1\xbd\xda\xb4\x8em\xfe\xd6\xcf\xf3QSB\x07\xfd\xee\xaa?\xdc\xd8Q\x08\xc9(\xa1\x94\xae\xcey\xa3\xbc\xf2\xa4\xa6\x99\xf1*\xd0\x10\x94\x10F\xf9Gk\xe7\x0b\x11\xe0\x8c\t!\xae\xbc\xf2\xca\xb4\xb4\xb4f\x18\xfbsQt]\x9f={\xb6z @\xd3\xb4\xfc\xfc\xfce\xcb\x96aKh\xf8\xc3\x02\x10\xd6\xd4\xd5Su\xd7qN\x05\xc0\xf5\xc9\xad\x1e\x19\x99\xe2\xa9\xf5\x85\xaa\xf5\xf3|@\xc8\x17\x1f\xe8\xe3t\x98A\x02c\xac\xa6\xb6|\xe3\xe6\xa5V\x0b\x0e\x08\xbat\x00\xc2f\x8d\xdd} \xf7\xe0\xe1\xed\x942I\xa4\x94\xf2\xf9\xe7\x9fOLLT\xdd\x96\xa1~\x81u\xd4\x80\xa0\x01\x03\x06L\x980!\x98\x199s\xe6\xcc\xaa\xaa*l\t\rs\xe1u\x11AgS\xad\x9fyyy\xc1\xe7k\xa4$s\xee\xefc\xb5h\xa1j\xfd&lt;\x1f\xc6\xa8\xc7\xed\xef\xdc\xa9\xf5\x94\xdbS\x00\xea2#s\xb6./9\xbe\x0f\x07\x04]\x1a\xf5\xd8\x97?\xe0\xf9x\xed_\t!\xbc\xbe\xf5s\xdc\xb8q!l\xfd&lt;\x1f\x95\x19\x99\x99\x99\x19\x1f\x1f\xaf6\x82\x0e\x1d:\xb4`\xc1\x02ud\x1d\xeaW\x87\xce\x0b\x0b@\x98R\x8f}\xf9|\xbei\xd3\xa6\xd5\x8d\xfd\x02yg\x9f\xe4A\xbf\xbb*\xb4\xad\x9f\xe7\xc39\xf3V{\x1f\x1f\xd5#\xa9\xadS\x80\xe4\x8c\t\x11\xf8,g\x11\xa5\xf8\x1d\xbb\x14\x12\x84\xcd\x1a\xbbi\xdb\x8a\xef\xcbJ\xd4\xd9\xaf\xd9l\x9e={\xb6\x1a\xbe\x1f\xeaWw.\x95\x19\xd9\xae]\xbb\xf4\xf4t5 \x88s&gt;\x7f\xfe|up\x85\xa7\xc1a\x0b\x7f\x9caJ\x9d\xfd._\xbe|\xc7\x8e\x1dj\xf5g6\xf1\x99\xe3{\xcbP\xb7~\x9e\x0f\xa5$\xa0\x8b\x96-\x1d\xe9\x7f\xec)\xa5$\x04\x18e_\xed\xcf\xd9W\\`\xc7\xcc\xc8\x8b$\xa5\xd44sEU\xe9\xbf\xf3\xdeR;*\x00p\xe7\x9dw\x0e\x180\xa0\x99\xc7\xfe\\8M\xd3\xaa\xab\xab\'M\x9a\x94\x9c\x9c\xacn\x02\xaa\xaa\xaaf\xcd\x9a\x85\xcf\x04\x84\xb3p\xfc&amp;!\xb5\xfc\xaf\xa8\xa8x\xfa\xe9\xa7\x19c\x94H\x00\x99vG\xf7\xae\xd7\xb4q\x87A\xeb\xe7\xf9h\x9c\xb9\xaa&lt;\x13\x86]wS\xd7\xcb\xf5\xba\xccH\xbar\xfd\xc2@\xc0\x8b\x99\x91\x17EJ\xb0Zb&gt;\xcbY\xe4\xf1\xd60\xc6\x85\xd0\x13\x12\x12\xb2\xb2\xb2jjjB\xdb\xf8\xff\xcbt]\xb7\xdb\xeds\xe6\xcc!\x84\xa8\x01AK\x97.\xcd\xcf\xcf\xd74\r7\x82\xc2\x13\x16\x80p\xa4\x96\xff\x19\x19\x19\xa5\xa5\xa5\x9c1]\x886\t\xf6\xa9w\xa5\xfa=~\x1e\x96\xab\xbf I\x88\xa6\xb1\x19c{1F\xd5\x9f\xe2\xd8\xc9\xa2\xdcm\x1f\xda\xac\xb1\x98\x19y\x81@\x82\xd5\xe28\xf8\xed\xf6-\x85+U\xeb\xa7\x94r\xf2\xe4\xc9\xc9\xc9\xc9!\x19\xfbs\xe1\xd4\xaa\x7f\xc4\x88\x11\x03\x07\x0eT\x13\xaa\x85\x10iii&gt;\x9f\x0fO\x83\xc3SX_M\x8cI]7U\xd2\x1egL\xca\xba\xc4\xc7\xc46q\xe1\xd3\xfay&gt;\x9cQW\x8dwP\xef\xa4{\x07t\x16 9#\x94\xd25yoUT\x95bf\xe4\x05\xa2j\xea\xe7\xba\xd7\x00\x04\xe7L\x08\x91\x9c\x9c&lt;}\xfa\xf4\x90?\xf7{\x81\x84\x10/\xbd\xf4\x92\xd9lV7\x01\x85\x85\x85\xcb\x97/\xc7\x01A\xe1\t\x0b@\xd8Q\xfb?*k\x9bs\xa6\x12\x1f\xef\xff}WW\xb5\xa7\x19\x12\x1f\x1b\x8e2\xe6\xf7\xf8_\xbc\xbfO\x8bX\xab.\x801\xe6\xf1\xd6|\x96\xb3\xc8l\xb6aK\xe8\xaf\x02\x10v[\xdc\xd6\x9d\xab\x0e\x1d\xf9!\xf1q\xce\x9c9111\xcd\x99\xfar\xc9TK\xe8o\x7f\xfb\xdb)S\xa6\x04[B\x9f~\xfa\xe9\xf2\xf2r\xbc\t\x08C\x11pA1\x14\xd5\xfa\x99\x9d\x9d\x9d\x9d\x9d\xcd9\x17\x00\x9c\xd1\x19czq\x8dE\xcao\x87Q\xe2\xf3\xe9\xed\xdb\xc5?:2E\xca\xba\x96\xd0-\x85+K\x8e\xef\xb3X\xec\xd8\x12\xfa\x0bT\xeb\xa7\xd7\xe7\xfa&lt;w1!D%&gt;\x0e\x1c8p\xc4\x88\x11UUU\x11\xb1\xfc\'\xf5-\xa1iii\xad[\xb7V\xdf\xe7\xd2\xd2\xd2W^y\x05o\x02\xc2\x10\x16\x800\xa2\xd6\xfeu\xe1J\x84pF\x85\x80?\xf6\xbff\xd0\rI\xae\x1ao\xb3%&gt;6\x1c\xe7\xccS\xe3}\xf2\xee\x9e\xc9\x97;u\x01\x9c1\x00\xf1\xd1\xda\xf9\x8c\x86_\xfbj8\x91 \x1c6gv\xfe;g\xca\x8fr\xc6\x01@\xd3\xb4\xb9s\xe7F\xd6\t\xaaj\t\xed\xd0\xa1Cff&amp;\x00\xa8\x96\xd0\xbf\xfc\xe5/\xc5\xc5\xc5X\x03\xc2\r\x16\x800\xa2v\xffU\xbc*\xd7\xb8.\x84\xd3a~nL\xaf\x807@#\xe7\xeaOTf\xa4\x90v\x87\xf9\xf9q\xbd\t!\x92\x00\xa3\xec\xe0\xe1\xed\xbb\x0f\xe4\xda\xb0%\xf4&lt;\xa4\x94&amp;\x93\xe5t\xd9\x91\xbcm\x1fPJ)\xa3\x000a\xc2\x84\x1e=z\x84m\xeb\xe7\xf9\xa8\xa4\xf8q\xe3\xc6\xa5\xa4\xa4\xa8\x9b\x00\x15d\x8d\xbb@\xe1&amp;\x92\xbeU\xd1Mm\x98\x96\x96\x96fddPJ)!\x00r\xca\xed)\xd7^\xd3\xda\xeb\t\xb0\xb0\xdf\xfc=\x87\x1a\x104vH\x97\x9b\xba^.\xeaZB\xc9\xc7k\xff\xea\xf3\xbb\xb1%\xf4gI\t\x16\xb3}\xe5\xfa\x85nO5c\x1c\x00\xe2\xe3\xe3333].W\xa4l\xfe\x9cM\x08\x11\x13\x13\x93\x95\x95%\xa5T5`\xc5\x8a\x15u\x1b\x9b\x11uC\x13\xdd\xb0\x00\x84\x0b5\xf69==\xbd\xa2\xa2\xc2\xa4q]\x88\xab\x13\xe3\x1e\x1f\xd5\xc3[\x1d\xb2\xc4\xc7\x06\x92\x84\x08\x01/=x\x93\xc6\x99\x00\xe0\x8c\x7f_V\x92\x9d\xff\x8e\xc3\xe6\xc4\x96\xd0s\x80\x04\xbb-nOQ\xfe\x8e\xaf\xb3U\xe2#\x00\xa4\xa7\xa7\xb7k\xd7.\xcc[?\xcfGE\x05\x0c\x1b6l\xc4\x88\x11\xc1\xccH\xd5\xda\x80\xf7\x01\xe1#"\xaf,\xd1Gm\xfe\xec\xd8\xb1\xe3\xfd\xf7\xdfW\x8f\xce\xab\xd6\xcf\x96-\xec\x01]D\xe0\xcf\x9f\x10B8\xa3\x1e\xb7\xff\x86\xee\xed\x1f\x1cv]}f$\xcd\xdb\xf6\xc1\xe9\xb2#\xd8\x12z\x0eJ\x88\x10\xfa\xe7\xb9\x8b\xa5\x04\xc6\x19\x00\xa4\xa4\xa4&lt;\xf2\xc8#\xe16\xf5\xf3\xa2\xa8\x03\xad\xac\xac,\xa7\xd3\xa9n\x02Ts3\x9e\x04\x84\x0f,\x00aA\x1d\xffN\x9b6\xcd\xe7\xf3qFU\xeb\xe7\xd8!]\\\xd5\xde\x88h\xfd&lt;\x1f\xc6\x98\xdf\xed\x9f9\xbew|\x8cE\x80\xe0\x8c\xbb=\xd5\x9f\xae\xff_\xab\x15\xa7\x84\xfe@\x80\x88\xb1\'l.\\y\xb8\xe4\x87\xd6\xcf\x17^x\xc1f\xb3E\xf4n\x89j\t\xed\xd6\xad\xdb\xc4\x89\x13\xd5\x0e\'\xa54##\xa3\xa2\xa2\x02#\xc3\xc2D\x04_\\\xa2Fp\x874//O\xd34]\x08\xb3\x89\xbf\xf4\xc0M"\xe4\x91\x8f\r\xa62#\xdb\xb4\x8e\xcd\x1c\xd3KJ"\tP\xcav\xee]_t\xf8K\x9c\x12\xaaH"5n\xaa\xac9\xbd.\x7fI\xdd\xd4?!F\x8e\x1c9t\xe8\xd0\xca\xca\xcaH\xdc\xfd?\x9b\xa6iUUUiiiW_}\xb5\x8a\n\xa8\xa8\xa8P\xa7\\x\x13\x10\x0e\xb0\x00\x84\x98Z\x07\xa9\x1e\tB\x08\xa3\x04@\xde\xdd\xb7\xd3\r\xa9\xed=n\x7f\x04\xb5~\x9e\x0f\xe7\xccS\xeb{dD\xb7NW\xc4\x0b\x01\x9c1]\x04V\xae{\x9d1NH\xa4\x17\xb8F\x00 \x1c6\xe7\x86\x82\xa5g*\x8e\xab\xbd\x11\xb3\xd9\x9c\x91\x91\x11\x11\x8f}\xfd*J\xa9\xdf\xefo\xdb\xb6\xed\x13O&lt;\xa1\xeel\x82}n\xb8\x11\x14\x0e\xb0\x00\x84\x98\xca\xfcz\xf9\xe5\x97\x8b\x8b\x8bM&amp;-\xa0\x8b\x16\xb1\xd6\xd9\xf7\xf7\xf1\xbb\xfc\x91\xd5\xf9w&gt;\x94\x10\x01\xd2j5\xcd\xfb\x9f~\x84\x10)\x05c\xfc\xd0\x91]\xdbv\xad\x8e\xb1\xc5\x1b\xbc%TJ\xb0\x9a\x1dGO\xee\xcf\xdf\xbe\x82R\xa6\xd6\xc5S\xa6LIMM\x8d\xb8\xd6\xcf\xf3\xd14\xad\xac\xac\xec\xbe\xfb\xeeS\x99\x91*5\xec\xb1\xc7\x1e\xc3\xa3\xe0p\x10\r\xdf\xb0\xc8\xa5\xce~\x0f\x1d:4w\xee\\\xc6\x18\x91RJ\xf9\xe8\xc8\x94\x0e\xed\xe2\xc3\x7f\xec\xcf\x85\xe3\x8c\xbaj}\xb7\xf7I\xba\xe5\xfa\xf6\x02$\xa3\x84\x10\xbaz\xe3\x1bU\xb5e\x9ck\xd2\xc0\xf7\x01\xea\xd1\xdf\x95\xeb\x17z\xbc\xb5*;\xa5u\xeb\xd6iii\xb5\xb5\xb5\x91\xbe\xf9s6)\xa5\xc9dz\xe6\x99g\xd4\x9fQ\xd3\xb4\xec\xec\xec`\xccQ\xa8_\x9d\xa1a\x01\x08%u\xf6;k\xd6\xac\xea\xeaj\x8d\xf3\x80.:\xb5\x8b\x7f\xf2\xee\x9e\x9e\x9aHm\xfd\xfc\x05\x02\xe4+\x0f\xf73\x9b8H\xe0\x8c\x95U\x9c\xd8P\xf0\x9e\xc3n\xdc\x9b\x00\x00\xe1\xb0\xc6\xed+.\xd8\xbd?W\xb5~J)333;t\xe8\x10\xa1\xad\x9f\xe7\xa3ZB\x87\x0f\x1f~\xf7\xddw\x07[BU\xd0)\xde\x07\x84V\xb4]e"\x88:\xfb\xdd\xb4i\xd3\xd2\xa5K5\xce\x85\xd0\t!\xf3\x1e\xeag\xb7\x9b\xc2-\xf1\xb1\xe1\x18\xa3n\xb7\xbf\xdbo\x12\xd3\xee\xe8^\xdf\x12\xca\xf2\xb7\xaf(9\xbe\xcfb\xb6\x1b\xf3\x12\xc0\x18\xf7\xfa\xdd+\xd7/$\x84\xb2\xfa\xc4\xc7\x07\x1ex \x0c\x13\x1f\x1b\x8es^[[\x9b\x95\x95\x95\x90\x90\x10\x08\x044M+..~\xf9\xe5\x97\xf1$ \xb4\xb0\x00\x84\x92\x10B\x1d\xf7\xa9\xc4\xc7[\xaeo\x7f{\x9f\xa4\xf0L|l8\xce\x98\xdf\xed\x9fzWj\x9b\x04;\x00p\xc6&lt;\xde\xda5yo\x99MV\x03\xb6\x84\n\x10v[\xdc\xb6]\xab\x8f\x9d,b\x8cI\t\x9c\xf3g\x9ey\xc6d2Ee9\xa4\x94z&lt;\x9e\xe4\xe4\xe4\xc9\x93\'\xab? cl\xde\xbcy\xa5\xa5\xa5\xd8\x11\x14BX\x00BCe\xe6-[\xb6l\xd3\xa6M&amp;M\xd3\x85\xd08{\xe5\xe1~\x91\xdf\xf9y^\xaa%4\xb1M\xdc\xac\xf17\x80\x94\x92\x00\xa3|\xc7\x9eu{\x8a\xf2\xed\xb68C\xb5\x84J)M\x9a\xb9\xbc\xf2\xe4g9\x8b\xd4\xc0d!\xc4\xa8Q\xa3\x86\x0f\x1f\x1e)C\xff/\x81\xda\x08\x9a&gt;}zRR\x92\xba\t(//OOO\xc7g\x02B\x08\x0b@\x08\xa8f\xb8\xea\xea\xea\x993g2J\t\x91\x00\xf2\xc1a\xd7u\xeb\xdc\xc6\x13\xc6\x89\x8f\r\xa7q\xe6\xa9\xf1\x8e\x1b|\xed\xf5\xc9\xad\x00\x801*%|\x9e\xbbX\x08\x9d\x92\xa8\xfdS\xff\x94\x94`\xb586n^ZS[\xa6\x02\xdf\x9dNgzz\xba\xdb\xed\x8e\x8e\xce\x9f\x9f\xa5\x1e\x0c\x8e\x8d\x8d}\xee\xb9\xe7H}\xff\xdb\xb2e\xcb\n\x0b\x0b18&gt;T\xa2\xf6\xdb\x16\xceT\xf3\xcf\xdc\xb9s\x0f\x1d:\xc49\x17\x02\xe2c,3\xc7\xf7\xf6{\x02Q\xfc\xfbW\x84\x90v\xbby\xce\xfd}\xa4$\x92\x08\xc6\xf8\xe1\x92]\x9bw|\xe2\xb0;\rr\x1a\x0c\x12,\x16\xfb\x91c{s\xb6.W\x89\x8f\x000q\xe2\xc4\x94\x94\x94\xda\xda\xda\xe8\xfe\x02h\x9aVYY9~\xfcx\xd5\x12\xaa\xa6\x84\xa6\xa5\xa5\t!\xf0&amp; $\xa2\xf9\xdb\x16\x9e\xd4\xc2G\x9d\x80q\xc6\xa5\x04\x902sL\xaf6\xadc\xa3\xa9\xf5\xf3|\xd4\x94\xd0A\xbf\xbb\xea\x0f7v\x14B2J(\xa5\xabs\xde(\xaf&lt;\xa9if#\\\x05(!\x8c\xf2\x8f\xd6\xce\x17"\xc0\x19\x13B\\y\xe5\x95iii\x11=\xf6\xe7\xa2\xe8\xba&gt;{\xf6l\xf5@\x80\xa6i\xf9\xf9\xf9\xcb\x96-\xc3\x96\xd0\x90\xc0\x02\xd0\xdc\xd45N\xf5\xc0qN\x05\xc0\xf5\xc9\xad\x1e\x19\x99\xe2\xa9\xf5E_\xeb\xe7\xf9\x80\x90/&gt;\xd0\xc7\xe90\x83\x04\xc6XMm\xf9\xc6\xcdK\xad\x96\xe8\x1f\x10\x04 l\xd6\xd8\xdd\x07r\x0f\x1e\xdeN)\x93DJ)\x9f\x7f\xfe\xf9\xc4\xc4D\xd5\x13\x19\xea\x17\xd8\xe4\xd4\x80\xa0\x01\x03\x06L\x980!\x98\x199s\xe6\xcc\xaa\xaa*l\tm~F\xb9\xe2\x84\t\xd5\xfa\x99\x97\x97\x17|\nFJ2\xe7\xfe&gt;V\x8b\x16}\xad\x9f\xe7\xc3\x18\xf5\xb8\xfd\x9d;\xb5\x9er{\n@]fd\xce\xd6\xe5%\xc7\xf7E\xf7\x80 \xf5\xd8\x97?\xe0\xf9x\xed_\t!\xbc\xbe\xf5s\xdc\xb8qQ\xd9\xfay&gt;*32333&gt;&gt;^m\x04\x1d:th\xc1\x82\x05\xea0&lt;\xd4\xaf\xceX\xb0\x004\x1f\xf5\xd8\x97\xcf\xe7\x9b6mZ\xdd\xd8/\x90w\xf6I\x1e\xf4\xbb\xab\xa2\xb5\xf5\xf3|8g\xdej\xef\xe3\xa3z$\xb5u\n\x90\x9c1!\x02\x9f\xe5,\xa24\x9a\xbf\x90\x12\x84\xcd\x1a\xbbi\xdb\x8a\xef\xcbJ\xd4\xd9\xaf\xd9l\x9e={\xb6\x1a\x91\x1f\xeaW\xd7|Tfd\xbbv\xed\xd2\xd3\xd3\xd5\x80 \xce\xf9\xfc\xf9\xf3\xd5\x91\x18\x9e\x067\xa7h\xfe\xbd\x85\x1bu\xf6\xbb|\xf9\xf2\x1d;v\xa8\xd5\x9f\xd9\xc4g\x8e\xef-\xa3\xb7\xf5\xf3|(%\x01]\xb4l\xe9H\xffcO)%!\xc0(\xfbj\x7f\xce\xbe\xe2\x02{\x94fFJ)5\xcd\\QU\xfa\xef\xbc\xb7\xd4\xbe\x07\x00\xdcy\xe7\x9d\x03\x06\x0c\x88\x9a\xb1?\x17N\xd3\xb4\xea\xea\xeaI\x93&amp;%\'\'\xab\x9b\x80\xaa\xaa\xaaY\xb3f\xe13\x01\xcd\xccX_\xbb\x10R\xcb\xff\x8a\x8a\x8a\xa7\x9f~\x9a1F\x89\x04\x90iwt\xefzM\x1bwT\xb7~\x9e\x8f\xc6\x99\xab\xca3a\xd8u7u\xbd\\\xaf\xcb\x8c\xa4+\xd7/\x0c\x04\xbcQ\x99\x19)%X-1\x9f\xe5,\xf2xk\x18\xe3B\xe8\t\t\tYYY555\xcd\xd9\xf8\xafV\xdc\x00 \xce\xa2\xa2\xdb\x9b\xed5(\xba\xae\xdb\xed\xf69s\xe6\x10B\xd4\x80\xa0\xa5K\x97\xe6\xe7\xe7k\x9a\x86\x1bA\xcd\x06\x0b@3Q\xcb\xff\x8c\x8c\x8c\xd2\xd2R\xce\x98.D\x9b\x04\xfb\xd4\xbbR\xfd\x1e?7\xd8\xea/H\x12\xa2il\xc6\xd8^\x8cQ\xf5\xfe\x1c;Y\x94\xbb\xedC\x9b56\xca2#A\x82\xd5\xe28\xf8\xed\xf6-\x85+U\xeb\xa7\x94r\xf2\xe4\xc9\xc9\xc9\xc9\xcd3\xf6G\x05\xf3\xaa9&lt;\x16\x8b%666&gt;&gt;&gt;!!!!!\xc1\xe9t\xda\xedvuK\xda\x9cW^\xb5\xea\x1f1b\xc4\xc0\x81\x03\xd5\xeck!DZZ\x9a\xcf\xe7\xc3\xd3\xe0f\x83otsP\xdd\x0e\x07\x0f\x1e\xec\xda\xb5\xab\x04\xa0\x94\xe8\x02\x16\xfd\xf9\x96\xff\xb9\xa3{M\xa5;\xa23\xbf\x1aH\x08\x88\x89\xb7\x8f\xcb\xfal\xe9\xc6\x03&amp;\x8d\xeb\x02\xac\x96\x98\x8cGW8lN]\x04\xa2fg\\J\xb0Yc\xe7-~\xe0\xd0\x91]j\x85\xdb\xb1c\xc7\xed\xdb\xb7\xab\xf5x\x93\xfe1\xd5\xea\xdeb\xb18\x1c\x0e)eeeeii\xe9\xc9\x93\'\xab\xaa\xaa&lt;\x1e\x0f\xe7&lt;&amp;&amp;\xa6m\xdb\xb6\xed\xdb\xb7\xbf\xec\xb2\xcb\x84\x10555*\xba\xab\xe9^\xd2\xd9\xaf\xcd\xe1p\xec\xd9\xb3\xa7O\x9f&gt;\xba\xae3\xc6t]_\xb2d\xc9\x84\t\x13T\xbbD3\xbc\x06\x83\xc3\x02\xd0\x1c\xd4\xb7y\xe8\xd0\xa1\xd9\xd9\xd9f\x93\xe6\x0f\xe87u\xbd&lt;\xe7\xe5\xd1&gt;_\x80E\xcb5\xee\xd2\x80$&amp;\x13;U\xe6\xee&gt;yiE\xadO\xf5\x81\xf4\xf9\xed\x9d\xe3\xee\xc8t\xb9+\x19\x8b\x86K\x00\x80p\xd8\x9d[\n?\xfd\xc7\xc73\x18\xe3\x94\x12!\xc4?\xff\xf9\xcf\x91#G6C\xe6\x97\xddn7\x99L\xdf}\xf7\xdd\xc6\x8d\x1b7l\xd8PXXx\xec\xd81\xb7\xdb}\xf6_c2\x99\xda\xb5k\xa7\xfa\x91n\xbe\xf9f\x9f\xcf\xe7\xf77S\x1c\x85\xae\xeb\xadZ\xb5z\xfc\xf1\xc7\xe7\xcf\x9fo2\x99\xd4@\xec\xbd{\xf7\xc6\xc7\xc77[\x1d22,\x00MN]\xfd\xb3\xb3\xb3\x87\x0e\x1d\xca9\'D\x12)\xd7\xbcp\xc7-\xaa\xf9\xc7x\xbb\xff\xe7\xd0\x05\xc4\xc6\xdb\x9f\x7f\xeb\x8b\x99\xefm\xd38\x13@(\xa5OM|\xf7\xf2\xc4d\x9f\xdf\xc3"\xbc/H\x12B\t\xa1\x94\xce^x\xef\x99\xf2\xa3\xea\xe9\xa7\x81\x03\x07\xae]\xbb\xb6\xba\xba\xbaI/\xb2\xea\xdeb\xcf\x9e=\x7f\xff\xfb\xdfW\xaf^}\xe6\xcc\x99\xe0\x7f\xc5\x18\x0b\xfe\xa3\x01\xe0\xecs\xd7\xd1\xa3G\xcf\x9b7\xef\xb2\xcb.s\xb9\\\xcd\xb0\x06WQ\x01\x15\x15\x15={\xf6&lt;s\xe6\x0c\xe7&lt;\x10\x08&lt;\xfb\xec\xb3/\xbc\xf0\x02\xde\x044\x03,\x00M+x\xe6\xd6\xb5k\xd7\x83EE&amp;\x93\xe6\x0f\xe8c\x06v^\x9ay[m\xa5\xdb8O~\xfd\x02u\x89\x94\x84\xa6Lz\xf7\x9b\x13U\x1a\xd7t\xa1_\x93\xd4\xf3\xcf\xf7\xbd\xe1\xf5\xd5Fzc(\x80\x88u\xb4\xf8d\xddk\xff\xce\xfd?\xce\xb8$\x921\xb6y\xf3\xe6\xff\xfa\xaf\xffr\xb9\\MW\x00\x00 &amp;&amp;f\xcb\x96-\x03\x07\x0eT\xff\t\xe7\\]O\x7f\xba\xd7\xafi\x9a\xba\x0e\xa8\xefj\x97.]V\xaf^\xdd\xaaU+\x9f\xcf\xd7\x0c\xf7\x01\xea&amp;`\xe1\xc2\x85\x7f\xfa\xd3\x9f\xd4+\xe1\x9c\xef\xd9\xb3\'99YM\xcdj\xea\x17`d\xf8\xe66-u\xb6\xa9BP\xb9\xc6u!\x9c\x0e\xf3scz\x05\xbc\x01j\xf8\xb5\xbfB\xd5\x80 \x87\xf9\xf9q\xbd\t!\x92\x00\xa3\xec\xe0\xe1\xed\xbb\x0f\xe4\xda"\xbc%TJi2YN\x97\x1d\xc9\xdb\xf6\x01\xa5\x942\n\x00\x13&amp;L\xe8\xd1\xa3GS\xb7~RJ\xddnwJJJ\xb7n\xddL&amp;\x93\xc5b\x01\x00\xbf\xdf\xef\xf7\xfb\x85\x10V\xab\xb5e\xcb\x96m\xdb\xb6m\xd9\xb2\xa5\xdayW\xd3x\x00\xc0d2\xed\xdb\xb7\xef\xbf\xff\xfb\xbf\xd5\xdf\xa4\xe9^a\x90J\x8a\x1f7n\\JJ\x8aZ\xf5\xab\x88l&lt;\nn\x06X\x00\x9a\x90:\xfb---\xcd\xc8\xc8P\xdb\x99\x00r\xca\xed)\xd7^\xd3\xda\xeb1\xfa\xee\xff\xd9\xd4\x80\xa0\xb1C\xba\xdc\xd4\xf5rQ\xd7\x12J&gt;^\xfbW\x9f\xdf\x1d\xd1-\xa1R\x82\xc5l_\xb9~\xa1\xdbS\xcd\x18\x07\x80\xf8\xf8\xf8\xcc\xcc\xccf\xd8]Q\xa37\x13\x12\x12\xa6L\x99\x12\x08\x04|&gt;\x9f\x94\xf2\xfa\xeb\xafOOO\xff\xf4\xd3O\xb7m\xdbVXX\xb8}\xfb\xf6\x1d;vl\xd9\xb2e\xc1\x82\x05\x9d:uR\x8b\x95@ `2\x99\xbe\xf8\xe2\x8b\xa5K\x97\xc6\xc7\xc77O_\x90\x10"&amp;&amp;&amp;++Ku+q\xceW\xacX\x91\x9d\x9d\x8d\x03\x82\x9a\x1a\xd6\xd8&amp;\xa4\xbe\xca\xf7\xdf\x7f\xff\x92%K\xcc&amp;-\xa0\xebW\xb5\x89\xdb\xfe\xfa\x18\x87ES\xa9X(H\x80\xb4\xd9L_\xee;\xd9o\xfa?AJJ\x98\x00\xf1\xfb\x01\xffs\xc7\xe0Gk\\\xe5\x91x\x1a\x0c\x12\xec\xd6\xd8}\xc5\x9b\x17\xbe\xfb\x18%\x842*\x84\x98;w\xee\xf4\xe9\xd3\x9bg\xf0\x83\xdaK\xf1z\xbd\x83\x07\x0f\xfe\xcdo~3i\xd2\xa4\x9e={\xc6\xc6\xc6\x06\x02\x81@ \xa0\x96\xfc\x94RM\xd3l6\xdb\x993g\xee\xbd\xf7\xde\xf5\xeb\xd7\xab\xbcF\x00\xe8\xdd\xbb\xf7\x86\r\x1b\x9amB\xb5\x10\xc2\xe9t\x8e\x1a5\xea\xd3O?5\x99L\xba\xae_s\xcd5{\xf6\xecQ\xaf\x07O\x83\x9b\x08\x16\x80\xa6\xa2\x96\xff\x85\x85\x85\xaa\xc5\x8d\x12\xa9\x0bx\xef\xc9\xa1c\x87]WS\xe51r\xeb\xe7\xf9\xa8\x96\xd0I/g\xbf\xf9\xd9\xd7\x1a\xe7\x02\xc0f\x8dM\x7fdi\\\xcce\x91\xd8\x12*%\x98M\xb6\xf9\x7f\x7f\xf8pI]\xebg\xb7n\xdd\xf2\xf3\xf3u]o\xc6\xd7 \x19cn\xb7\xfb\xb2\xcb.\xa3\x94\xd6\xd4\xd4\xa8\x8e\xfb\xb3/\xa9RJ]\xd7\x9dN\xe7\x89\x13\'z\xf6\xecYQQ\xa1\n\x80\xc3\xe1\xf8\xcf\x7f\xfe\xd3\xae]\xbb\xe6\x99R\x07\x00v\xbb\xbd\xb8\xb8\xb8_\xbf~j\x7fL\xd7\xf5\xd7_\x7f}\xca\x94)x\x1a\xdct\xf02\xd4T\xd4\xf2j\xda\xb4i&gt;\x9f\x8f3\xaa\x0b\xb8\xa9\xeb\xe5c\x87tqU{\xf1\xea\xff\xb3\x18c~\xb7\x7f\xe6\xf8\xde\xf11\x16\x01\x823\xee\xf6T\x7f\xba\xfe\x7f\xad\xd6\xc8\x9b\x12*@\xc4\xd8\x136\x17\xae&lt;\\\xb2\x8b1\xaez\x01^x\xe1\x05\x9b\xcd\xd6\x9c{\x1a\xc1KyMM\x8d\x1a\xb7\xa9i\x1a\xe7&lt;\xb8\xacVC)\xccfsuu\xf5UW]5p\xe0@U3(\xa5.\x97\xeb\xf8\xf1\xe3fs3\xcd\xe8VSB\xbbu\xeb6q\xe2D\xb5x\xa2\x94fddTTT`dX\xd3\xc1+Q\x93\x08\xeec\xe6\xe5\xe5i\x9a\xa6\x0ba6\xf1\x97\x1e\xb8IDq\xe4c\x83\xa9\xcc\xc86\xadc3\xc7\xf4\x92\x92H\x02\x94\xb2\x9d{\xd7\x17\x1d\xfe2\xb2\xa6\x84J"5n\xaa\xac9\xbd.\x7fI\xdd\xd4?!F\x8e\x1c9t\xe8\xd0fh\xfc?\x87z\xc2\x961\xf6\xcb\xff\\u\xc1\xbd\xf2\xca+\x83\xff\x96\x10\xe2\xf1x\x9a\xf3$V\xd3\xb4\xaa\xaa\xaa\xb4\xb4\xb4\xab\xaf\xbeZE\x05TTT\xa8\xf33\x1c\x10\xd4D\xb0\x004&gt;\xf5\x83Q\x9d\x0c\x84\x10F\t\x80\xbc\xbbo\xa7\x1bR\xdb{\xdc~l\xfc\xff\x05\x9c3O\xad\xef\x91\x11\xdd:]\x11/\x04p\xc6t\x11X\xb9\xeeu\xc68!\x11S:\x01\x84\xc3\xe6\xdcP\xb0\xf4L\xc5q5\xf4\xcdl6gdd\xa8\xed\x97\xe6\x7f=\x17\xfe\x0f\xf5\xfb\xfd\xea\xffQ\xdf\xe1fN\xa8\xa7\x94\xfa\xfd\xfe\xb6m\xdb&gt;\xf1\xc4\x13\xea\x9e)\xd8A\xa7\xde\xc6f{%\xc6\x81\x05\xa0\xf1\xa9\xcc\xaf\x97_~\xb9\xb8\xb8\xd8d\xd2\x02\xbah\x11k\x9d}\x7f\x1f\xbf\xab\x99\x9e\xae\x8c\\\x94\x10\x01\xd2j5\xcd\xfb\x9f~\x84\x10)\x05c\xfc\xd0\x91]\xdbv\xad\x8e\xb1\xc5GDK\xa8\x94`5;\x8e\x9e\xdc\x9f\xbf}\x05\xa5u\x07\xaaS\xa6LIMM\r\xe7\xa9\x9f\xaak\xa8\xa8\xa8H\xfd[\xf5|V\xabV\xad\x9ayT\xb5\xa6ieee\xf7\xddw\x9f\xca\x8cT\xcf\xcd=\xf6\xd8c\xd8\x12\xdaD\xc2\xf4\xeb\x18\xb9T/\xdd\xa1C\x87\xe6\xce\x9d\xcb\x18SO\x82=:2\xa5C\xbbx#$&gt;6\x1cg\xd4U\xeb\xbb\xbdO\xd2-\xd7\xb7\x17 \x19%\x84\xd0\xd5\x1b\xdf\xa8\xaa-\xe3\\\x93a\x7f\x1f\xa0R_V\xae_\xe8\xf1\xd6\xaa\xc9\x16\xad[\xb7NKK\xab\xad\xad\r\xdb\x93L!\x84\xc3\xe1\xd8\xbf\x7f\x7fAA\x81\xba\xd4\xaa\xed\xa0\xab\xae\xba\xaa\xd9fB\x04\xa9\xda\xf3\xcc3\xcf\xa8wO\xd3\xb4\xec\xec\xec`\x80Rs\xbe\x12#\xc0\x02\xd0\xc8\xd4\x8fg\xd6\xacY\xd5\xd5\xd5\x1a\xe7\x01]tj\x17\xff\xe4\xdd==5^|\xee\xf7\xc2\t\x90\xaf&lt;\xdc\xcfl\xe2 \x</t>
        </is>
      </c>
    </row>
    <row r="274">
      <c r="A274" s="1" t="n">
        <v>272</v>
      </c>
      <c r="B274" t="inlineStr">
        <is>
          <t>venn</t>
        </is>
      </c>
      <c r="C274" t="inlineStr">
        <is>
          <t>What is the missing number of the part denoted with a question mark?</t>
        </is>
      </c>
      <c r="D274" t="inlineStr">
        <is>
          <t>['0', '8', '1', '3']</t>
        </is>
      </c>
      <c r="E274" t="inlineStr">
        <is>
          <t>1</t>
        </is>
      </c>
      <c r="F274" t="inlineStr">
        <is>
          <t>There are 3 overlapping circles containing the numbers [7, 8, '?']. The overlapping part between the first and second circle contains the number 15. The overlapping part between the second and third circle contains the number 9.</t>
        </is>
      </c>
      <c r="G274" t="inlineStr">
        <is>
          <t>We observe that the circles with 7 and 8 overlap to form the part 15, where 7 + 8 = 15. Hence, the pattern is most likely that the numbers in the overlapping parts are the sum of the numbers in the corresponding circles.</t>
        </is>
      </c>
      <c r="H274" t="inlineStr">
        <is>
          <t>Based on the pattern that the numbers in the overlapping parts are the sum of the numbers in the corresponding circles, the missing number of the circle where the overlapping part is 9 should be 1.</t>
        </is>
      </c>
      <c r="I274" t="inlineStr">
        <is>
          <t>b'\x89PNG\r\n\x1a\n\x00\x00\x00\rIHDR\x00\x00\x02\x00\x00\x00\x02\x00\x08\x06\x00\x00\x00\xf4x\xd4\xfa\x00\x00\x9fXIDATx\x9c\xec\xddu\x9cTU\x1b\xc0\xf1\xdf\xbdwrgf\x9b\x8e\xa5\x11\x10$\x14\x05%LT\x0c\x0c\x14\x03E\x94\xb4\xbb\xc0\xc4V\x14E\xc5BT\x0cDT\xb0\x00\x15P\x10D\x94\x14)\xe9\x8e\xad\xe9\xb8\xf1\xfeqg\x96\x10}\x89]\xd8\x999\xdf\xcf\xc7W_v\xd9\xbd3\xcf\xdc{\x9es\xces\xce\x91\x0c\xc30\x10\x04A\x10\x04!\xad\xc8G\xfb\x02\x04A\x10\x04A8\xf2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H$\x00\x82 \x08\x82\x90\x86D\x02 \x08\x82 \x08i\xc8r\xb4/@8:\x0c\xc3\xd8\xeb\xbf\xf7\xfc\xff\xfb~=A\x92\xa4\x7f\xfc\xf7\xbe\xff\x16*\x87D\xfc\xf6\x8d\xed\xfe\xe2\xba\xa7}c,\xe2[9\xed\x19\xdf=\xff\xbd\xef\x7f\xefI\xdc\xbf\xc2\xbe$\xe3\xff=\x11\x84\xa4\x95\x08\xad\xae\xebe\xff\x9dx\xa8\xcbr\xf9\x0f\xfeh\x9a\xf6\x8f\xdf\xb3g#"\x94\xafD\xe3\xbeg#\x9f\x88mE\xbc\xe7\x89\xcf\x91a\x18e?\xbf\xa2~\x97\xf0\xef\xf1\xad\x88\xfb\xd70\x8c\xfd&gt;\'\xc4\xfd\x9b\xdaD\x02\x90B\xf6}@+\x8a\xf2\x9f\xdf\x1f\x08\x04\xf0\xf9|\x94\x96\x96\xe2\xf7\xfb\xf1\xfb\xfd\x84B!\x82\xc1 \xaa\xaa\x12\x8d\xc6\xd0u\x1d\x8bE\xc1j\xb5b\xb5\xd9\xc8p:\xc9\xc8p\xe1v\xbbp\xbb=dgg\xe1r\xb9p:\x9d\xff\xfa{\xf6|\xb8Td\x03\x95\xca\x12q\xd5u\x1d0\x1b\xde\xffj\x04\x02\x81\x00\xb1X\x8c\x9d;wRTTD$\x1a%\x1a\x89R\\\\\x84\xcf\xe7CUU"\xd1(\x86a`\xb3Z\xb1Z\xadddd\x90\x93\x93CFF\x06\x16\x8b\x85\xac\xac,\xaaW\xaf\x8e\xcdf\xc3\xe3\xf1\xfc\xe7\xb5\x89\xf8\x1e\x9e}\x1b\xfb\xff\x17_M\xd3\x08\x06\x83\x94\x96\x96\xe2\xf5z\xf1\xf9\xfd\x04\x03\x01\x82\xc1\x10\xa1P\x08MS\x89F\xa3\x18\x06XmV,\x16\x0b\x0e\xbb\x1dgF\x06\xae\x8c\x0c\xdcn7\x1e\x8f\x87\xac\xacl\\\xae\x0cl6\xdb\x7f^\x9b\xa6i\xc0\xee\x84O\xc475\x88\x04 \x89\xed\xd9\xe0[,\xff\x9c\xcd1\x0c\x83\xed\xdbw\xb0~\xfd:\xd6\xacY\xcb\xea\xd5\xabY\xb3v\r\x1b7nd\xdb\xd6\xad\xec\xd8\xb1\x9d\xd2\xd2R"\x91\xe8!_CF\x86\x93\xec\xec\x1cj\xd4\xa8A\xf5\xea\xd5\xa9W\xaf&gt;\xf5\xeb\xd7\xa3Q\xa3F\xd4\xabW\x8f\xbau\xeb\x92\x93\x93\xb3\xdfk\xd7u]4\x18\xffb\xcf\x06\xff\xdf\x929\xbf\xdf\xcf\xa6M\x9bX\xbf~=\xcb\x96-c\xd3\xa6M\xacX\xb1\x82\xc2\xc2"6lX\x8f\xcf\xe7\xc3\xeb\xf5\x1e\xd6u\xb8\\.\\.\x17\xb5k\xd7\xa6J\x95*\xd4o\xd0\x80\x82\x82\x02\x9a6iBAA\x01\xf5\xeb\xd7\x17\xf1=\x04\x07\x12\xdfH$\xc2\xb6m\xdbY\xb7.~\xef\xaeY\xc3\x9a5k\xd8\xbcy3\xdb\xb6ne\xd7\xae]x\xbd^\xd4x\xe3|\xb0$\xc0\xed\xf1\x90\x97\x97Wv\xff6h\xd0\x90z\xf5\n\xcc\xfb\xb7~}j\xd7\xaa\x85\xdb\xed\xfe\xc7\xdf\x15\xf1M\r"\x01H"{&gt;4\x14E\xf9\xc7M\xb7i\xd3&amp;\xfe\xfa\xeb/\xe6\xcf\x9f\xcf\x82\x05\x0bX\xbat)\xabW\xaf&amp;\x1c\x0e\xef\xf7\xe7)\x16+\x9e\xcc,\xb2\xb2sp{2q{&lt;8\x9d\x198\x9cf\x0f\xd0j\xb5!+2\xaa\xaa\xa1\xaaQb\xd1(\xe1P\x88`0@\xc0\xe7\xc3\xe7+\xa5\xa4\xb8\x08\xbf\xcf\x07\x86\xbe\xdf\xdf\x91\x95\x95E\x93&amp;Mh\xd9\xb2%m\xdb\xb6\xa3m\xdb64m\xda\x94\xdc\xdc\xdc\xbd\xbe/\xf1@\xf9\x7f=\x9fT\xb6g\x0f\x7f\xdf\x06!\x1c\x0e\xb3r\xe5*\x16-^\xc4\x82\xf9\xf3Y\xb8p!\xcb\x97/g\xeb\xd6\xad\xff\xfa\xf3,V\x1b.\xb7\x1b\x97\xdbMvv.\x9e\xac\x1c\x14E\xc1b\xb5\xa2\xc82\x16\xab\rI\x92P\xd5\x18\x9a\xaa\xa2\xaa*\xba\xae\x11\xf0\xfb()*\xc2\xe7+%\x14\x0c\x12\x0e\x05\xff\xf5wdgg\xd3\xb4iS\x9a7oN\xdb\xb6mi\xdb\xb6-\xcd\x9a5\xfbGR \xe2\xbb\xf7H\xc9\xbe\t\xbb\xaa\xaa\xac]\xbb\x96\xc5\x8b\x970\x7f\xfe\x1f,\\\xb8\x90\xbf\xfe\xfa\x8b\x8d\x1b6\xa0\xe9\xfb\xbf\xb7lv\x07\x99Y\xd9e\xf7o\x86\xcb\x8d\xd3\x99\x81\xdd\xe9DQ\x94x\xaf\xde\x8c\xaf\xaa\xaaD#a\xf3\xfe\r\xf8\xf1\xfb\xbcxKK)-)"\x14\x0c\xfc\xeb5W\xadZ\x95c\x8e9\x86V\xad\x8e\xa3m\xdb\xb6\xb4n}\x1cM\x9a4\xc1\xe5r\xed\xf5}\x89\xe9\xbft\x8eo2\x12\t@%\xf7_\x0f\x8d\r\x1b60w\xee\\f\xce\x9c\xc9\xec\xd9\xb3Y\xbcx1\xb1Xl\xaf\xef\xf1deS\xb7^C\n\x1a4\xa2N\xbd\x06\xd4\xaeS\x8fj5k\x91\x9b_\x95\xac\x9c\\\\.\x0fv\x87\x03\x9b\xcd\x86\xd5fC\x92d$\t\x12\xb9\x85$A\xe2\x13b\x18\xe6?\xba\xa6\x11\x8dE\x89F"D\xc2!\xfc&gt;/%E\x85\x14\xee\xdc\xc1\xd6\xcd\x1b\xd8\xbcq\x1d\xeb\xd7\xfc\xcd\x86\xb5\xab\xd9\xb8~-\x91ph\xafk\xca\xc9\xce\xa6u\xdb\xb6\x9cr\xf2\xc9t\xea\xdc\x99\xb6m\xda\x90\x97\x97\xb7\xd7\xf7\xa8\xaa\x9a\x16\x0f\x93\x7fk\xf4UUe\xe9\xd2\xbf\xf8\xe5\x97Y\xfc&lt;s&amp;\xf3~\xfb\x8d5k\xd6\xfc\xe3\xefge\xe7P\xb7~Cj\xd5)\xa0\xa0a\x13\xaaU\xafI\xed\x82\x06\xb8=\x1e\xf2\xab\xd6\xc0\xe5v\xa3X,f\xc3\xe0p"AYp\xcb\xf2G\x03\x8c\xc4\x7f\x00\xd1H\x94P(@,\x1a%\x1a\x8d\xb0s\xfbV\xfc&gt;\x1f\xdb6od\xdb\xe6\x8dl\\\xbf\x96\x8d\xeb\xd6\xb0a\xfdjvl\xdd\xf2\x8fk\xca\xcb\xcb\xa3u\xeb\xd6\x9c|\xf2\xc9t\xee\xdc\x99\xb6m\xdb\xee\x95\x10$\x86\x94\xd39\xbe\x86a\xb0b\xc5\nf\xcf\x9e\xc3\xcc\x99?\xf3\xeb\xaf\xbf\xb2|\xf9\xf2\x7f\xfc\xfd\xfc\xaa\xd5)\xa8\xdf\x90\x82\x86\x8d\xa9SP\x9f\x9au\xeaQ\xb5Z\rr\xf2\xaa\x90\x95\x9d\x83\xd3\xe5\xc2f\xb3c\xb3\xdb\xb1Z\xacH\xb2\xb4;\xae\x92\xd9\xcb\xdf\xf7\xfe\xd5T\x95h4B4\x12!\x1c\n\xe2--\xa1\xa4\xa8\x90];\xb7\xb1e\xe3z6o\\\xcf\xba\xd5+\xd9\xb0n\r\x9b7\xacG\xd7\xf7\x1ea\xa8Y\xb3&amp;\xc7\x1f\x7f&lt;\xa7t\xea\xc4)\xa7\x9cB\xab\x96\xadp\xb92\xf6zm\xe9\x12\xdfd\'\x12\x80J*\xd1c\xda\xb3\xd1\xd74\x8d\x05\x0b\x160u\xea\xf7L\x992\x99\xb9\xbf\xfeJ$\xba{\xf8&gt;3+\x9b&amp;\xcd[rl\xebv4o\xd9\x9az\x8d\x8e\xa1F\xad:d\xe7\xe4\xe2p:P\x94\xf8\x03@\x03M\xd3\xd1\xe2=\xbe\xc4\xef2?\n\xc6\x1e\r\xc2\xde\xa4=\xfe\xc7\x1c\xf63opEQP,\x16\x14EB\x8e?\xe3\xd4\x18\x04\x03~\x8a\x0bw\xb2i\xc3:\xd6\xac\\\xce_K\x16\xb0t\xd1\x1f\xac\xf8\xebO\xd4\xd8\xee\xeb\xce\xcb\xcb\xa3S\xa7Nt\xeb\xd6\x8dSO=\x95\xa6M\x9b\x96}-\xf10\xd9\xdf\x88G\xb2\xfa\xb7F\xa1\xb0\xb0\x90\x993g2e\xca\x14f\xcc\x98\xf1\x8f\x06!\'7\x9f&amp;\xcd\x8e\xa5E\xeb\xb6\x1c\xd3\xe28\xea5jB\x8dZu\xc8\xca\xc9\xc3\xb9O|u\xdd@Uc\xe8\x9a\x8ea\xe8e1\x8e_\xc1^\xff\xa2\xecm\xdd]\x11.+\n\xb2$!\xc92\x16\x8b\x15E\x91\x91e\x90\x15\xd05\x88FT\xbc\xa5\xc5\xec\xdc\xbe\x95\xf5k\xfef\xe5_KX\xb6d!+\x96-a\xc3\xda\xd5{]w\xd5\xaaU9\xe5\x94S8\xeb\xacnt=\xb5+M\x9b4\xd9\xeb\xbdH\xb5\xf8\x02es\xe6{\xc6\xd7\xe7\xf31g\xce\x1c&amp;O\x9e\xc2\x0f?|\xcf\x92%K\xf6\xfa;\xd5j\xd6\xa6Y\x8bV\xb48\xae-M[\xb4\xa2^\xc3\xa6T\xa9^\x83\xcc\xacl\xecv+\xb2\x0c\xban\xfe\xa3\xaa\x1a\x9a\xa6\xee\x15\xdf\x03\xbb\x7fw\x17\xf6%\x1ahY\xb1`\xb1X\x90e\xca&gt;C\xb1\x98\x8e\xdf\xe7\xa3p\xc766\xac[\xc3\xdf+\x96\xf2\xd7\xe2\x05,[\xb2\x90\xbfW\xfc\xb5\xd7\xcf\xadS\xa7\x0e]\xbat\xe1\xcc3\xcf\xa4K\x97.\x14\x14\x14\x94}-q]b\x9a\xa0r\x12\t@%\xb2\xe7\x9c`"s\xd6u\x9d_\xe7\xcee\xe2\x97_\xf2\xcd7\xdf\xb0t\xe9\xd2\xb2\xefw{\xb2h}\xfc\x89\x9c\xd0\xb13\xad\xda\xb5\xa7a\x93\xe6\xe4W\xa9\x86\xddi\xc1\xd0\xcd\x9b8\x16\x8b\xa2\xc5b\xe60\xa2a\x945\xe0\xfb\x16\xf2\x1c\xca\xcd\xb9\xfb\xa3c\xc4{\x17FYwC\x92%d\xd9\x1cn\xb6\xd9\xecX,\xe6C)\x18\x08\xb3m\xf3&amp;V-[\xc2\x82\xdff3o\xceL\x96,\xf8}\xaf^F\xc7\x8e\x1d\xb9\xf0\xc2\x0b9\xef\xbc\xf3h\xde\xbcy\xd9\x9f\xef\xef\xa1\x9aL\x12\x8d\xdd\x9eI]QQ\x11?\xfc\xf0#\x93\xbe\x9a\xc4\x0f\xdf\x7f\xcf\xf6\xed\xdb\xcb\xbe\x96\x93\x97O\xebv\'\xd2\xee\xa4Sh\xd9\xb6=\r\x1a\x1fC^\x95j8\x1c\nz\x05\xc7\xf7\x1f\xcb\xca\x0c\xc3lT\x0c\x03$\tY\x96P\x14k\xbc8\xd4\x82\xa2\x80\xaaBiI1\x1b\xd7\xada\xd9\x92\x85\xcc\x9f;\x8b\x05\xf3\xe6\xb0f\xd5\x8a\xb2\x9f\xa5\xc82\x1d\xe2\xf1\xed\xde\xbd;\xcd\x9a5+\xfbZ*\xc6\xd7\xe7\xf31c\xc6\x0c&amp;N\x9c\xc8\x94)S\xd8\xb4iS\xd9\xd7\xaa\xd5\xacM\xbb\xf6\x1d9\xbeC\'Z\xb4&gt;\x9ez\r\x1a\x93\x9d\x9b\x8b\xd5*\xa1i\x10\x8b\xa9\xc4\xa21\xb3\xa1/\x8b\xaf\xb4WC\x0e\xec5\xaas\xb0\xd7\xbb\xfb\xdf\xe6=\x9c\xf8\x0cI\x92\x99\xd8[\xad6\xac6+\x8a\xc5L\xfc\xfc&gt;?[6\xaeg\xd9\x9f\x8b\xf8\xe3\xd7\x99\xfc1\xf7\x17V\xfe\xb5;\x91\xb1\xdb\xedt\xe9\xd2\x95\x1e\x17\xf5\xe0\xecn\xdd\xa8_\xbf~\xd9\xd74M\xab\xb0\x15H\xc2\xa1\x11\t@%\xb0\xbf\x07\xc7\x8a\x15+\xf8\xec\xb3\xcf\x18?~&lt;\x8b\x16-*\xfb\xf3\x82\xfa\x8d\xe8\xd0\xe5tN&gt;\xf5LZ\xb6&gt;\x81j5kc\xb3\xcb\xa81\x88D\xc2\xa8\xb1(\xba\xa6\xef\x95\xe9\x1f\xbd\xcc;\x91\x18$z\'\x12\x8a"c\xb5\xd9\xb1\xdbm\xc8\n\x84\x02Q6\xae[\xcd\xc2\xdf\x7f\xe5\x97\x19\xdf3\xe7\xe7i\x14\xee\xdc\xdd\x08v\xed\xda\x95^\xbdzq\xdey\xe7Q\xabV\xad\xb2?O\x0c1&amp;C\xaf"\xd1\x0bJ4l\xba\xae\xf3\xd3O?\xf1\xf1\xc7\x9f\xf0\xf57_\xb3u\xcb\xeea\xf4\xc6\xc7\xb4\xe0\xa4\xce\xa7\xd1\xb1\xcb\x19\xb48\xae\x1dU\xab\xd7\xc4f\x93\x88\xc5 \x12\x8e\xc7W\xaf\x1c\xf1\xddk\x89Zb\xe5\x89\xc5\x8a\xddn\xc7fW0\x0c(-.\xe5\xef\x95\xcb\xf8}\xce\xcf\xfc2\xfd{~\xffu&amp;\xd1H\x04\x00Y\x96\xe8\xda\xf54z\xf5\xba\x9c\xee\xdd\xbbS\xb3f\xcd\xb2\x9f\x9d\xcc\xf1\x05\x98={6\x9f|\xf2\t\x93&amp;Mb\xfd\xfa\xf5e\x7f~l\xebv\x9crZ7:t:\x8d\xa6-Z\x91\x9b_\x05E\x81hT\'\x1a\t\xa3\xaa*F%\x8a/\x18\x18z&lt;\xc6\xf1bE\x9b\xdd\x81\xddnA\x92\xc0\xe7\r\xb2n\xf5J\xe6\xcf\x9d\xc5\xac\xe9S\x99;k\x06\x01\xbf\x0f\x00\x9b\xcd\xc6Y\xdd\xba\xd1\xeb\xf2^\x9c}\xce\xd9\xe4\xc5\xeb~\x12\x1d\x9dd\x89o*\x13\t\xc0Q\xb4\xef\x83#\x14\n\xf3\xddw\xdf2f\xcc\x18\xbe\xf9\xe6\x9b\xb2!\xdb\xba\xf5\x1br\xfa\xd9\x17\xd0\xf5\xac\xee\xb48\xae\x1d9y\xd9\xe8:\x84C\x11\xa2\xd1\x08F|\xd4@J\x92\x1b\xaal\x08\xdc0\x90\x15\x05\xbb\xdd\x81\xddi\xc5\xd0a\xfb\xd6\xad,\x987\x87i\xdfM\xe4\xe7\x1f\'S\xb8s\x07`\x16\x13^t\xd1\xc5\\s\xcd5\x9czj\xd7\xb2\x9f\xa5\xaaj\xa5\x1d&gt;\xde\xb7\xc7\xb3i\xd3&amp;\xc6\x8f\x1f\xcf\x07\x1f\x8ce\xc1\x82\xf9e\xdf\xd7\xf8\x98\x16\x9cv\xf6\xf9t&gt;\xe3\\\x9a\xb5jMV\xb6\x07M5\x0b\xffb\xd1\xa8\x19_Y\x8a\xd7gT\xbe\xd7\xb9\xa7\xddI\x81\x0eHX,\x16\xec\x0e\'6\xbbL4\xac\xb2n\xcd\xdf\xfc\xf6\xcbOL\x9f&lt;\x919?O\'\x121\x0bTsss\xe9\xd1\xa3\x07\xbd{_C\xd7\xae]\xca~^2\xc5w\xfb\xf6\xed|6a\x02\xef\xbf\xff&gt;\xbf\xcd\x9d[\xf6}-\xdb\x9e\xc0\x99\xdd/\xe2\x94\xaeg\xd2\xe8\x98cqy\x1c\xa81\x08\x87\x82\xa8\xb1\x18\x06FYl+\xe3\xeb\xdc\x97\xa1\xeb\xe8\xf1\xe4@Q\xcc\xf8\xda\xed\nj\xcc`\xf3\xc6u\xcc\x9b\xf33\xd3\xbe\xfb\x8aY\xd3\xa7\x96%\x035j\xd4\xe0\xd2\x9e=\xb9\xfa\xaa\xabh\xdf\xbe}\xd9\xcf\xaa\xcc\xf1M\x07"\x018\n\xf6m\xf8\xb7l\xd9\xc2\xd8\xb1c\x19=z4+V\x98\xc3\xa5\x9e\xac,N\xebv&gt;\xe7^t9mO&lt;\x99\xdc\xbc\x1cT\x15B\xc1\x00\xaa\x1ac\xf7&lt;|\xf2\xdf8\x899L\x90\xb0\xd9l83\x9cH\x12l\xdd\xbc\x859?\xfd\xc0w\x13\xc73\xe3\xfbo\xcd\x9e\x11\xe6\x14\xc1\xf5\xd7_O\xcf\x9e=\xcb\xd6\xa7W\xa6\x1e\xe3\xbe\xd7\xf2\xfb\xef\xbf3z\xf4h&gt;\x197\x8e\xe2\xa2"\x00\xaaT\xad\xcei\xe7\x9c\xcf\xd9\x17\xf6\xe4\xb8v\'\x91\x95\xe3!\x165\x08\x05\x83hj,&gt;\xcc^9^\xcfa1\x0ct\xc3\x88\'12\x0e\x87\x13\x87\xd3J,\xa6\xb3v\xd5\n~\xfa\xfe\x1b&amp;O\x9a\xc0\xc2\xdf\x7f-\xfb+\'\x9fr\n\xd7\xf7\xed\xcb\xa5\x97^Z\x16\xdf\xca\xd4P\xec\xdb\xf0/^\xbc\x98w\xdf}\x97\x0f?\xfc\x90\x9d;w\x02P\xbbn=\xba]p)g\x9dw1\xcdZ\xb5\xc1\xe5v\x10\rk\x84\xc3A4UK\x9a\x84\xee@\x98\xcf3\x1dI\x92\xb1\xd9\xed8\x9dvt\x1d6\xae[\xc3\xcc\x1f\xa70y\xe2x~\x9d5\xbd\xec\xfb\xcf&lt;\xf3L\xfa\xf5\xeb\xc7\x05\x17\\\x80\xddn\x07*W|\xd3\x89H\x00\x8e\xa0}\x1b\xfe\x95+W\xf2\xe6[o1\xe6\xddw),,\x04\xa0\xc5qm\xb9\xf0\xb2\xab9\xe3\xdc\x8b\xa8S\xbf\x1e\x86\x0e\xc1\x80\xd9\xe8\x9b=\x84\xd4xh\xfc\x9b=\x0b\xe4l6;\x19.\x07\xaa\xaa\xb3\xf2\xaf%L\x994\x81\x89\x9f~\xc0\xa6\r\xeb\x00\xa8_\xbf&gt;\xfd\xfb\xf7\xa7o\xdf\xbeT\xadZ\x158\xba\x0f\x92}\x1b\x86i\xd3\xa61r\xe4H\xbe\xf8\xe2\x8b\xb2\xefiw\xd2)\\\xd0\xf3*N;\xfb|j\xd4\xae\x85\x96H\xeab1\xa44\xa8\x9aN${\x92\xb4;\x19\x08\x06\xc2,\x9c7\x87\xaf\'|\xcc\x94\xaf&amp;PRl&amp;I\r\x1b6\xe4\x86\x1bn\xa84\xf1\xdds\x13&amp;\x80\x9fg\xce\xe4\xd5\x91#\x19?~|\xd9|z\x973\xce\xe1\x82\xcbzs\xca\xa9g\x92_5\x9fXT\'\x14\x0c\x98\x9f\x8d\xb4\x88o\xbc\x8e\t\xb0;\x1c83\xecD\xc2*\x7f.\xfc\x9do\xbf\x1c\xc77\x13&gt;a\xe7\x8em\x00\xb4hq,\x03\x06\xf4\xa7w\xef\xdedgg\x03\x95+\x91O\x07"\x018\x02\xf6\x9d\xe3_\xbe|9\xaf\xbc\xf2\n\xef\x8ey\x97P\xd0\\"w\xfa9\x17\xd0\xf3\xea\x1b\xe8\xd0\xe5t\xdc\x9e\x0c\x82\xc1\x08\x91\xf8\xfa\xfdt\xbd!\xf6,\x8atfd`wX\xd8\xb5}\x17\xd3\xa7|\xcd\xa7\x1f\xbc\xcd\xfc\xb9\xbf\x00P\xbdzu\x06\x0c\x18\xc8\xa0A\x03\xa9V\xad\x1apd\x1f$\xfb&amp;v\xdf\x7f\xff=\xc3\x87\x0fg\xf2\xe4\xc9\x00X\xadV\xce:\xffb.\xbd\xfa\x06N\xe8\xd8\x19\xa7\xd3F\xc0\x1f&amp;\x1a\r#!!+2{\x94\xe2\xa7\r#\xb17\x80\xa2\xe0r\xb9Q\xac\x12\xeb\xd7\xacc\xf2\xc4O\x99\xf0\xe1\xbb\xacYe\xae\x82\xa8Q\xa3&amp;\xfd\xfb\xf7c\xd0\xa0A\x95"\xbe\xd3\xa7Og\xf8\xf0\x17\xf9\xfa\xeb\xaf\x00p\xb939\xff\xd2+\xb8\xf8\x8aki\xd5\xf6D,V\x99\x80?H,\x1aM\x8bF\xff\xdf\x98\xf7\xaf\x19\'g\x86\x1b\x9bMf\xcb\xa6-|\xff\xf5\xe7\x8c\x1f\xfb\x0e\xcb\x96,\x04\xa0\xa0\xa0\x80\xc1\x83\x07\xd3\xaf_\xbf\xb2\xe5\xa2\x89\x95!B\xc5\x12\t@\x05\xdb\xf3\x83\xbcn\xdd:^|\xe9%\xdez\xf3MB\xa1\x10\x8ab\xe1\x82\x9eWry\x9f\x01\xb49\xa1\x03\x92$\x11\xf0\xfb\xd1T\x15Y\x0c\x87\xedE\xd7u\x0c]\xc7j\xb3\xe1rg\x10\nE\x98\xf3\xd3\x0f|\xf8\xf6\xab\xfc\xf4\xc3w\x80\x99\x08\xdct\xd3\xcd\xdcx\xe3\xe0\xbdz\x14\x15\xf5 \xd97\xb1\x9b5k\x16O?\xfd4\xdf|\xf3\r\x00.\xb7\x87\x1e\x97_M\xcf\xde7\xd0\xe2\xb8\xb6\xe8:\x04\xfc\xbe\xf8CQ\xc4wO\xbann$cw8\xc9p\xd9)\xdaU\xcc\x8f\xdfM\xe4\xe3\xd1\xaf\xb3\xe8\x8f\xdf\x003\xbe7\xdex#7\xdex\xe3\x11i(\xf6\x8d\xef\x9c9sx\xe6\x99g\x988q"\x00yU\xaa\xd2\xb3\xf7\r\\\xdc\xebZ\x1a6mB,\xaa\x13\x08\xf8\xc5\xb2\xb7\xfdH\xdc\xbf6\xbb\x03\x97\xdb\x81\xb7\xd4\xcf\xcf?|\xc7G\xef\xbc\xca\xdc_~\x02\xa0n\xdd\x02n\xbb\xedV\xfa\xf5\xeb\x87\xdb\xed\xdek\xd33\xa1b\x88\x04\xa0\x82$z\xae\x92$QRR\xc2\xcb/\xbf\xccK/\xbdDqq1\xb2\xacp\xf1\x15\xd7p\xd5\xf57rl\xdbvh\xaaN\xc0\xef\xffG%\xb1\xf0O\xbb{\x15\nn\x8f\x07M\xd3\x99;k\x1ac^{\x91\x19\xdf\x7f\x0b@\x83\x06\r\xb8\xf7\xde{\xe9\xdb\xb7/\x16\x8b\xa5Bz\x8b{6&lt;\xcb\x97/\xe7\xc9\'\x9f\xe4\x83\x0f&gt;\x00 \xc3\xe5\xe6\xd2\xab\xae\xe3\x8a\xbe\x03i\xd2\xac9\x91\x88J0\x10@\x02d\x11\xdf\xffd\x18\x06\xba\xa6a\xb1Zqg\xba\x08\xfa\x83L\x9b&lt;\x89\xf7F\xbd\xcc\x82ys\x00s\xea\xe7\xee\xbb\xef\xe6\x86\x1bn\xc0j\xb5V\xc8\xf2\xb2=\xe3\xbbj\xd5*\x9e|\xea)\xc6\xbc\xfb.\x00\xb9\xf9U\xb8\xb2\xef .\xbd\xeaz\xea\xd6\xafK0\x18%\x1c\n\x96\xed\x8b!\xfc\xbbD|\x15\x8b\x05\xb7\xc7M4\x12e\xe6\xb4)\xbc7\xea%\xe6\xfc&lt;\r\x80f\xcd\x9bs\xdf}\xf7qM\xef\xde\x80\x98\x16\xa8H"\x01(g\xfb\xf6\x1a\xde\xff\xe0\x03\x1e\x7f\xec1\xfe\xfe\xfbo\x00\xce\xedq\x19}o\xbc\x93\xd6\'\xb4\'\x16\xd5\x08\x04\xfcbm\xec!J&lt;\xf8\xdd\x9eL\x0c]g\xd6\xf4)\xbc\xf5\xf2\xb3\xcc\x9d5\x03\x80\x0e\x1d:\xf0\xe8\xa3\x8fr\xe6\x99g\x96}\xff\xe1&amp;X{\xce\x03{\xbd^\x9e\x7f\xfey^z\xe9%|&gt;\x1f\x8a\xa2p\xf1\x15}\xe83\xe86\x8eiy,\xe1`\x8cP0\x90\xd6\xc3\xc0\x87*\x91\xe8)\x8a\x82;\xd3C(\x18b\xeaW\x13xg\xe4\xf3,[b.\x8b=\xf1\xc4\x13y\xe4\x91G8\xfb\xec\xb3\x01\xb3&gt;`\x7fgb\x1c\x8c=\xe3\xeb\xf3\xf9\x18&gt;|8/\x0c\x1f\x8e\xcf\xeb%\xc3\xe5\xe6\xca\xbe\x83\xb8\xf2\xfa\xc1\x144\xa8G\xd0o\xee\x84)+\xe6\xa6X\xc2\xc1I4\xecn\x8f\x87X,\xc6\x8c)_\xf1\xf6+\xcf\xb1`\x9eY\x10\xda\xb5kW\x1e}\xf4Q:w\xee\\\xf6\xfd\xa2\x83T\xbeD\x02P\x8e\xf6\xfc\x80\xce\x9f?\x9f\xfb\xef\xbf\x9f\xa9S\xa7\x02\xd0\xfe\xe4.\x0c\xbc\xe3\x01N9\xf5,4M#\xe0\x17\r\x7fy\xd15\r$\tOf&amp;\xd1h\x94\xc9\x13\xc73j\xf8\x93e;\x96\xf5\xe9s\x1d\x8f&gt;\xfa\x08u\xeb\xd6\xfdG!\xd7\xc1\xd8\xb3\x81\x990a\x02C\x86\x0ee\xf9\xb2e\x00t=\xf3\\\x06\xde\xf9 \xc7\x9f\xd4\x91H$F(\x100{-"\xbe\x87-\xd1Pdfy\xf0\x96z\xf9\xfc\xa31\xbc\xfd\xf2\xb3l\xdb\xba\x19\x80\xab\xaf\xee\xcdc\x8f=J\xfd\xfa\xf5\xf7:M\xefP~O\xe2\xfe\xfd\xfc\xf3/\x182d\x08\xcb\x96\x99\x9f\xa1\x1e\x97\xf7\xa6\xdf-\xf7pL\xcbc\t\x06"\x84C!Q\xb5^N\x12\xf1\xf5dz\x08\x05\x83|\xf5\xd9\xc7\xbc\xf1\xd2Se;J\x0e\x188\x90\x87\x1fz\x88\x1a5j\x1c\xd6\xfd+\xfc\x93H\x00\xca\xc1\x9e\xbd\xfeP(\xc4SO=\xc5\xb3\xcf&gt;K$\x12\xa1f\xed\x02\x06\xdf=\x84\x1e\x97\xf7\xc6f\xb5\xe3\xf5\x96\x8a\x86\xbf\x82\xec\xd9P\x14\x17\x153\xf6\xad\x91\xbc\xf3\xcas\xf8\xfd&gt;\xaaT\xad\xca\x13\xc3\x86\xd1\xaf_?\xe0\xe0z\x8b{\xceE\xae_\xbf\x9e\xfb\xee\xbb\x8fO&gt;\xf9\x04\x80FM\x9bs\xe3\xddC9\xa7\xc7e\x00\xf8}^1\x14\\A4M\xc5b\xb1\x92\x99\xe5b\xd3\x86M\xbc3\xf2y&gt;z\xe75b\xb1\x18\xf9\xf9\xf9&lt;\xfa\xe8\xa3\x0c\x1e&lt;\x188\xbc\xf8\xde\x7f\xff\x03|\xfc\xf1G\x00\xb4i\xdf\x91\x9b\xef}\x98N\xa7\x9dE,\x1a#\x10\x08\x88\x86\xbf\x82$\x12\xb0\xcc,7;\xb6\xef\xe0\xbdQ#\x18\xf3\xda\x8b\x84\xc3!j\xd5\xaa\xc5\x13O&lt;\xc1\xb5\xd7^\x0b\x94\xcfh\x8f \x12\x80\xc3\x96\xd8\xd1\n\xcc"\xb0\xdbn\xbb\x8d?\xfe\xf8\x03\x80\xabn\xb8\x91Aw&lt;@\x8dZ5)-\xf1\x89\x82\x96#DSU,6\x1b\x99\x99\x19,[\xf2\'#\x9ez\x88\xa9_\x9bK\xf1\xbaw\xef\xce\x8b/\xbeH\xe3\xc6\x8d\x0fhnq\xcf^\xe1\x981c\xb8\xef\xfe\xfb\xd9\xbem\x1bv\xbb\x9d&gt;\x03o\xe7\x86[\xee&amp;\'/\x97\xd2\x12/` \xcb"\xbe\x15)\x91l;\x1c\x0e2\xdc\x0e\xe6\xcd\x9e\xcd\x8b\xc3\x1e,\x9b\xf69\xeb\xac\xb3x\xf1\xc5\x17i\xde\xbc\xf9^u8\xfff\xcf\xf8\xbe\xfb\xee\xbb\xdc\x7f\xff\xfdl\xdf\xbe\x9d\xac\xec\x1c\x06\xdf5\x94+\xfa\x0e\xc4\xe1p\xe2-\x15\x89\xfb\x91\xa2\xa9*V\xbb\x1d\x8f\xc7\xc9\xe2\xf9\x0bx\xe9\xc9\xa1\xcc\x98j\x16\xd6^t\xd1E\xbc\xf0\xc2\x0b\xd4\xaf__\xd4\x06\x94\x03\x91\x00\x1c\x86D\x16\x1a\x8b\xc5\x186l\x18\xc3\x86\rC\xd7u\x9a\xb7l\xc3=\x8f&gt;K\xa7\xd3\xcf0\x97{E\xc2("[=\xa2\x12\r\x85\xcb\xedBQ,L\x1c\xf7\x01\xc3\x87=\xc8\xb6-\x9b\xc8\xcd\xcd\xe5\xd9g\x9f\xe5\xfa\xeb\xaf\x07\xfe}n1\x11\xdf\xed\xdb\xb7s\xfb\xed\xb7\xf3\xf1\xc7\x1f\x03\xd0\xee\xa4\x93\xb9\xef\xb1\xe7iw\xd2I\xf8\xbc\xe6r/\x11\xdf#+\x11_Of\x16\x9a\x16\xe3\xa3w^g\xe4\xb3\x8fRZRLVV\x16O&gt;\xf9d\xd9h\xc0\xfe\xe2\xbb\xe7\xa8\xdd\xd6\xad[\xb9\xe3\x8e;\xcaFu\xce&lt;\xef"\xee\x1c\xfa\x14M\x9a5\xa5\xb4\xc4/\xe6\x9e\x8f\x82D|\xdcn\x0f\x92\x04\x9f}\xf4./=1\x84];\xb6S\xa5J\x15\x9e{\xee\xb9\xb2\xd1\x00\x11\x9fC\'\x12\x80C\xb0\xe7\x90\xe1\xb2e\xcb\x180p 3\x7f\xfe\x19\x80\x1bn\xbe\x9bAw\x0e\xc1\x93\x99\x89\xb7\xa4D,\xe7;\xca\x12[\x0eg\xe7f\xb1q\xfd\x06\x9e\x7f\xf4^\xbe\x9e`&gt;\xe8\xaf\xbe\xfaj^z\xe9%\xf2\xf2\xf2\xf6\x1aR\xdc\xb3\xe7\xf8\xddw\xdf1\xf8\xc6\x1bY\xb7v-v\xbb\x83\xc1w=H\xdf\x1b\xef\xc2j\xb3\xe1\xf3z\xc5p\xf0Q\xa6\xc77\xd8\xc9\xce\xf1\xb0b\xe92\x9e\x1az\'?\xc7\x97\x85\xf6\xec\xd9\x93\x97_~\x99\xea\xd5\xab\xffk|\xbf\xf9\xe6\x1bn\xbc\xf1F\xd6\xaf_ONn\x1ew=\xfc4\x97^\xdd\x17U\xd5\x08\x06\x02b\x98\xf9(K\xcc\xf9g\xe7d\xb2n\xcd\x1a\x9e{\xf8\x1e&amp;O\x9a\x00@\x9f&gt;}\x18&gt;|8999bJ\xe0\x10\x89\x04\xe0 \xed\xf9\xf0\xf8\xf0\xc3\x0f\xb9\xf9\xe6\x9b)..\xa6~\xa3&amp;\x0c}\xfae\xba\x9c\xd5\r_i\xa0l\xc72\xa1rPU\x15\x87\xd3\x89\xddn\xe7\xb3\xb1\xef\xf0\xccCwSZRL\xd3\xa6My\xfb\xed\xb79\xe5\x94S\xd04s-z\xe2A\xf2\xd0C\x0f\xf1\xf8\xe3\x8f\x03\xd0\xbcU\x1b\x1ezv$\xedO\xeeHi\xb1\xe8\x15V6\xaa\xaa\xe2r\xb9\x90d\x99\xf7F\xbd\xc4\x88\'\x1f"\x14\nR\xbf~\x03\xdez\xebMN?\xfd\xf4\xbd\x8e\xd8\xd6u\x9d\xa1C\x87\xf2\xe4\x93O\x02\xd0\xe9\xb4n&lt;\xf8\xd4\x08\x1a7kJI\x91\x17\x10\x85f\x95\x89\xaa\xaa832\xb0Z\xad\x8c{\xefM\x9e}\xf8\x1e\xfc&gt;/\xcd\x9a7\xe7\x9d\xb7\xdf\xa6C\x87\x0ebJ\xe0\x10\x88\x04\xe0 $\x1e\xfa\xaa\xaar\xf7\xddw\xf3\xd2K/\x01p\xfe\xa5Wr\xff\x13\xc3\xa9R\xb5\x1a%\xc5%\xa2WXI\x19\xf1\x1d\xddr\xf2\xb2X\xb6\xe4O\x1e\xbek0\xbf\xcf\x99\x89\xcdf\xe3\xf9\xe7\x9f\xe7\xe6\x9bo\x06`\xeb\xd6\xad\xf4\xeb\xd7\xaflC\x9f^}\x06p\xf7\xa3\xcf\xe0vg\xe2--\xc5bQH\xc7\x9d\xfb*;39\x87\xec\xdcL\xfe\x98\xf3+\x0f\xdd9\x88eK\x16\xa2(\nO&gt;\xf9$\xf7\xdcs\x0f`\x1e\xcat\xc3\r\xfd\x982e2\x92,s\xcb\xbd\x8f0\xe0\xb6\xfb\xe2\xc7U\x8b^\x7fee\x8e\x06\x18\xe4\xe4f\xf1\xe7\xc2E&lt;|\xd7`\x16\xfc6\x1b\xbb\xdd\xce\xf0\xe1\xc3\x19&lt;x\xf0a\xad\x02IG"\x018@\x89!\xa6\xcd\x9b7\xd3\xa7O\x1f~\xf8\xe1\x07l6\x1bw?\xfa,}\x06\xdeJ(\x14"\x1a\x8e\x88\xb9\xe0$\xa0\xaa*n\xb7\x9bX,\xca\x0b\x8f?\xc0{\xa3F\x000h\xf0`z^z)\xd7_\x7f=k\xd7\xae\xc5\x93\x99\xc9\x83O\x8e\xa0g\xef&gt;\xf8\xbcbT\'Y\xa8\xaaJff\x16&gt;_)O&gt;p;\x9f\x7f&lt;\x060\x87\x8c/\xbf\xfcr\xfa\xf7\xef\xcf\xc6\x8d\x1b\xa9U\xa7\x80\xc7_|\x83\xae\xdd\xbaQR\xe4\x13\rG\x92PU\x15\xb7\xc7C4\x1c\xe6\xb9\xc7\xeec\xec[#\x01\x180`\x00/\xbf\xfc26\x9bM\x8c\xd0\x1d \x91\x00\x1c\x80D\xe3\xff\xdbo\xbfq\xc5\x15W\xb0f\xcd\x1a\xea\x144\xe0\xa9\x91\xa3\xe9\xd8\xa5\x0b\xc5\x85\xa5e\xc7\xf1\n\xc9A\xd74d\x8bBf\xa6\x9bO\xdf\x1f\xcd\x8bO\x0ce\xc7\xb6-e_o\xd9\xe6x\x1e~\xeeU\xda\xb6oO\xd1.Q\xcb\x91l4M\xc3j\xb5\x92\xe1\xca`\xcc\xa8\x11\x8cz\xe1I\nw\xed(\xfb\xfa\xa9\xdd\xcec\xc8S#\xa8[\xbf\x01%\xc5%\xa2\xd7\x9fd\x12\x05\x9c\x9eL\x17\xe3\xde\x1b\xcd\xe3\xf7\xddB(\x18\xe0\xd4SO\xe5\xc3\x0f?\xa4F\x8d\x1a\xa2.\xe0\x00\x88\x16\xeb\xffH|\x88&amp;L\x98\xc0\x19g\x9c\xc1\x9a5k\xe8\xd0\xe94&gt;\xf8j:\xedO\xeeBa\xa2q\x10\x8d\x7fR\x91\x15\x05]\xd3)*,\xe6\xfa\x9b\xfarF\xf7\x1ee\xbd?\x87\xd3\xc9-\xf7?\xc6)\xa7\xb6g\xfb\xd6\x9d(\x16\x8bh\xfc\x93\x8cb\xb1\x10\x8bE\xf1y}\x0c\xbe\xf3V\xda\x9f\xdc\xa5,\x86n\x8f\x87~\xb7\xdcK\xd3\x16\r(\xdc\xb9K4\x12IHQ\x14t]\xa7\xb8\xa8\x84^}\xfa2\xe6\xf3\xa9\xd4\xad\xdf\x90\xe9\xd3\xa7\xd3\xa5K\x17\x16-Z\x84\xc5bAU\xd5\xa3}\xa9\x95\x9ah\xb5\xfe\xc5\x9e\xcb\x84F\x8e\x1c\xc9\xa5\x97^\x8a\xcf\xe7\xe3\x92+\xaf\xe3\x8dO\xbe&amp;\xbfju\xbc%\xa2\xe7\x90\xac\xccU\x1c2\x99Y\xd9\xdc=\xe8v&gt;z\xe75\x00\xea5lB8\x14\xe2\xde\xc1\xd7\xf2\xc5\'\x93\xa8V\xb3\x8ax\x88$!]U\xb1\xd9\xecXmV\x06]\xdd\x9b\xef&amp;\x8e\xc7f\xb3\xd3\xf8\x98\x16\xf8}&gt;\x06\xf7\xee\xc1\xd7\x13\xbe\xa2j\x8d|\x11\xdf$%I\x12\x8ab\xa1pW\tm\xdaw\xe4\x83\x89\xd38\xa1cgV\xadZ\xc5\xe9\xa7\x9f\xc1\xf7\xdf\x7f/\x92\x80\xffC$\x00\xfb\xb1\xe72\xbf\x87\x1f~\xb8\xac8\xec\xa6{\x1e\xe2\xe9WG\xa3\xeb:\x91pH\xcc\xf7\'\xa9D%\xb8\xd5f\xe3\xbe\x9b\xae\xe3\xbdQ/!\xcb2\x8f\x0e\x1f\xc5W3\x7f\xa7\xdb\x05\x97R\xb4k\'\xb7\\\xd7\x93\t\x1f\x8e%\xafJ6\x9ax\x88$\rM\xd3\xb0;\x1c\xc4bQn\xba\xe6\x12&amp;}:\x96\x0c\x97\x8b\xe1o}\xc4\x173~\xa3\xdb\xf9\x97PRT\xc8\xcd}D|S\x81\xc5b\xc1[RB~\xd5\xea\xbc5\xee\x1b\xce\xbd\xe82\n\x0bwq\xfe\xf9\xe73~\xfcx\x91\x04\xfc\x07\x91\x00\xec#QE\xaa(\n\xb7\xdf~;\x8f=\xf6\x18\xb2,\xf3\xc8\xf3\xafq\xc7\x90G\xf1\x96\x96\xc6w\xff\x13\x05&amp;\xc9H\xd7\xcd\xb9aI\x82\xdb\xae\xbf\x82/&gt;~\x0f\x97\xdb\xc3\xc8\xf7&amp;pe\xdf~h\x9a\xcc\x88\xd1\xe3\xe8\xdd\xeffb\xd1(w\x0f\xba\x86\xf7G\xbdNn\x95l4M&lt;D*;M\xd3pfd\xe0\xf7y\x19x\xc5\x05\xfc\xf4\xfd\xb7T\xa9V\x83\xb7?\xfd\x8en\x17\\\x84\x1a\xd3\x19\xf1\xee\xa7\xf1\xf8F\xf6\x8e\xafh$\x92\x96b\xb1\x10\x0e\x85\x90$\x99\xe1o}L\xef~7\x13\x89D\xb8\xfc\xf2\xcby\xe7\x9dwD\x12\xf0/D\x11\xe0\x1e\xf6\xec\xf9\x0f\x1a4\x88Q\xa3Faw8x\xea\x95\xd1\\\xd4\xeb\n\nw\x8ab\xb0df6\xfe6t]\xe3\xd6\xbe\xbd\xf8\xe9\xfbo\xc8\xcd\xab\xc2\x88\xd1\xe3\xe8x\xea\xa9f\xb1_|\x1dqf\xb6\x87\xe1\x8f?\xc4k\xcf\x9b\xfb\x00&lt;\xf0\xc4\x8b\xdcp\xf3m\x14\x15\x96\x8a\xea\xe2J\xcal\xfc\x9d\x94\x16\x151\xf0\xaa\x0bY&lt;\xff7\xea\xd4k\xc0k\x1f|\xc11\xc7\xb6\xa2\xa4\xb8\x18EV@\x92\xc8\xcc\xf20\xfc\xf1\xa1\xbc\xf6\xc20@\xc47U$\xf6i\xc9\xcc\xf20|\xd8P^{\xde\x8c\xefk\xaf\xbd\xc6\xa0A\x83Da\xe0&gt;D\x02\x10\xb7g\xe3\xdf\xbf\x7f\x7f\xdez\xeb-2\\n\x86\xbf\xf5\x11g\x9d\x7f&gt;\x85;\xc5|\x7f2\xd3u\x1d\x8b\xd5\n\x86\xceM\xd7^\xca\xcc\x1f\'S\xa5Zu^\x1b;\x916\'\xb4\xa7\xb8\xa8\x18\x8b\xc5\n$F\x81trr\xb3x\xf5\xb9\xa7y\xe1\xf1\xfb\x01\xb8\x7f\xd8p\xfa\xdfz;\x85\xbbJP\x14\xf1Y\xa8L\xca\x1a\xff\xe2"\xfa]~\x1eK\x17\xfdA\x83\xc6\xc70\xea\xe3I\x14\xd4o\x14\xdf\xbf\xc1\x8c\xd9\xde\xf1}\x8a\x17\x1e\x7f\x00\x10\xf1M\x15\xff\x16\xdf\x91#Gr\xe3\x8d7\x8a$`\x0f"\x01`\xef\xc6\x7f\xf0\xe0\xc1\xbc\xfe\xfa\xeb\xb8=\x99\xbc\xf4\xce8N;\xfbl\nw\xedn\x1c\x84\xe4\xa3\xeb:\x8aEA\x91en\xb9\xee2\xa6O\xf9\x9a\xaa\xd5k\xf2\xc6\xc7\x938\xb6u;J\x8a\xff\x19\xdf\xc4g"7?\x8bQ\xc3\x9f\xe7\xd9\x87\xef\x06`\xe83\xafp\xdd\xe0\x9b(\xdaY"j@*\t=&gt;\xe7\xef\xf7{\xe9\x7f\xf9y,\x9e\xff\x1b\x8d\x8ei\xc1\x9b\x9f|E\xcd\xdau\xf1y}\xffx\xe0\xff[|\x1fzf$}\x06\xdf(\xe2\x9b\xe4\xfe-\xbeo\xbe\xf9&amp;\xfd\xfa\xf5\x13I@\\\xda\'\x00{V\xfb\xdfu\xd7]\xbc\xf0\xc2\x0bd\xb8\xdc\x8c\x18\xfd)\xa7\x9fs\x0e\x85;\x8b\xcd\x9e\xa3\x90\x94\x0c\xc3@\x92\xcc\xa5}w\xdcp%\xdfM\x1cO~\x95j\xbc\xf9\xc9\xd7\xb4l{\xfc~\x1b\xff=i\x9aJ^~6\xaf&gt;\xf7\x0c\xcf?v\x1f\x00O\x8d|\x97\xcb\xaf\xedc~6DbxT\xe9\xba\x8e\xd5jEUc\xf4\xbb\xbc;\x7f\xfc:\x8b\x06\x8d\x8f\xe1\xed\xf1\xdfR\xa3V]\x02&gt;\xdf\x7f6\xe4\xfb\x8b\xef\xd3#\xdf\xe52\x11\xdf\x94\xf0\xcf\xf8J|\xf4\xd1\x87\\q\xc5\x15"\t@\x14\x01\x965\xfe\xc3\x86\r\xe3\x85\x17^\xc0nw\xf0\xfc\x1bcE\xe3\x9f\x02\x12\x05\x9dn\x8f\x87\x87\xef\x18\xc4w\x13\xc7\x93\x95\x93\xcb\xab\x1f|n6\xfeE\xff\xff\x01o.3*e\xf0]\xf7r\xf3\xbd\x8f\x00\xf0\xd0\xed\x03\xf8\xee\xcb/\xc9\xcd\xcb\x11\x85EG\x91a\x98K9eY\xe2\xf6\xeb{\xf1\xc7\xaf\xb3\xa8S\xaf\x01o|&lt;\x89\x9a\xb5\xeb\xe2\xff?\x8d?\xec\x1d\xdf\x9b\xeey\x04\x80\xa1w\x0c`\xf2\x97\x13E|S\xc0?\xef_\x83&gt;}\xfa0y\xf2dQ\x18H\x9a\x8f\x00$2\xc0\xb7\xdez\x8b\xfe\xfd\xfb\xa3\xc82O\xbf:\x86K\xae\xee-\xb2\xff\x14\xa0i*\xb9y\xd9&lt;\xf7\xc8\x10^\x1f\xfe\x04\x19.\x17#\xdf\xff\x9c\xce\xa7\x9fEq\xe1\x81\'w\x899\xc5\xec\x9c,\x1e\xbf\xef\x0e\xc6\xbc\xfe"nO&amp;o\x7f\xfa-mO&lt;\x19o\x89\x18.&gt;\xd2\x12\xc9\x9d\'\xd3\xc3\xdd\x83\xaee\xe2\xb8\x0f\xa8R\xad\x06\xef|6\x99\xa6\xcd[\xee5\xe7\x7f`?\xcb\x8c\xefc\xf7\xde\xce{\xa3^\xc2\x9d\x99e\xc6\xb7}G\x11\xdf$\xb7\xbf\xf8fee\xf3\xe3\x8f?\xd0\xae]\xbb\xb4\xde68m\x13\x80D\xe3\xff\xed\xb7\xdfr\xc1\x05\x17\xa2i*\x0f&gt;\xf9\x127\xdcr+\xbbv\x88\xc6?\xd9\xa9\xaaJ^\x95l&gt;xc\x14\x0f\xdf5\x08YQx~\xd4Xz\xf4\xeaE\xe1\x8e\x83\x1f\xd91o\x13\x03\xb7\'\x93\xbb\x06\xf4f\xd2\xf8\xb1T\xafY\x9b\x0f&amp;M\xa7V\xdd\x02\x82\x81`\xda&gt;D\x8e\x86Dr\xf7\xf4\xd0\xfbys\xc4\xd3\xb8=\x99\xbc\xf9\xc9\xd7\x9cpr\'J\x8a\x0e\xbe`ww|=\xdc\xd9\xbf7_}\xf6!\xd5k\xd5f\xec\xa4\x19\xd4\xacSW\xc47\xc9\xed\x19_\xf3\xfe\xfd\x90\xbau\x0b\x985k&amp;u\xea\xd4\x89/\xedN\xbf\x01\xf1\xb4L\x00\x12\x19\xdf\x92%K\xe8\xd2\xa5\x0b\xc5\xc5\xc5\xf4\xbb\xe5\x1e\xee\x1f\xf6\x0cE\x85\xa2\x028\xd9\xa9\xaaJvN6?\xff0\x85AW_H4\x12)\xab\xf0\xdeu\x08\x8d\x7f\x82\xa1\xeb\xc8\x8a\x82bQ\x18\xd0\xeb|f\xff\xf4\x03-\x8ek\xcb\xfb_\xfe\x88\xc5fCSU$)\xfd\x1e"G\x9a\xaa\x9a\xf3\xbac\xdfy\x93\x87n\x1f\x80\xc5b\xe1\xc5\xb7?\xe1\xdc\x8b/\xa1\xe80\nv\x13\x85\xc0\x8aE\xa6\xff\xe5\xe73\xe7\xe7\x1f9\xb6\xf5\xf1\xbc7\xf1\x07,\x8a\x15M\xd3\xc4\x12\xe0$\xb6\xbf\xf8\x9ex\xe2\x89L\x9b6\r\x87\xc3Qv\xcc{:I\xbb\xa7U\xe2\xc4\xaf\xa2\xa2"z\xf6\xbc\x8c\xe2\xe2b\xce\xbd\xe8r\xee~\xe4iJ\x8a\xbdb\x83\x9f$\xa7i\x1a.\xb7\x8b5\xabVp\xef\x8d\xd7\x12\x8dD\xe8\xdd\xeffn\xb8\xc5\\\xdeu85\x1d\x92,\xa3i\x1a \xf1\xc2\x9bci\xd8\xa49K\x17\xcd\xe7\xfe[n\xc0\xe1p\x92~\xa9\xf4\x91\xa7\xc5\x93\xbbY\xd3\xa7\xf3\xe4\xfd\xb7\x01p\xd7\xc3\xcfp\xde%\x97Pt\x98\xd3vr&lt;\xbe\x122/\xbc9\x96\x06\x8d\x8f\xe1\xcf\x85\xbf3\xe4\x96~83\x9c\xa4a_)\xa5\xec\x1b\xdf\x86M\x8ea\xee\xdc\xb9\xf4\xeb\xd7\xbf\xeck\xe9&amp;\xad\x12\x80\xc4\xd2\x10I\x92\xb8\xe6\x9akX\xb1b9\xc7\xb5;\x91\'^~\x9bP0\x84a\x90v\x19`*1\x0c\x03\x8b\xc5B$\x1c\xe6\xae\x01\xbd\xd9\xb5c;]\xce&lt;\x97\x07\x9e\x1c\x8e\xb7\xd8W.\xc9\x9d,\xcbD\xc2ar\xf2\xaa\xf0\xe2\xdb\x1f\x91\x9d\x93\xcb\xd4\xaf&amp;\xf0\xca3\x8f\x92\x93\x97\x99\xf6EE\x15I\xd7t\x9c\x19N6mX\xc7\xbd\x83\xaf%\x1c\x0eqE\xdfA\xf4\xbb\xf5\x8e\xc3N\xee\x12dY&amp;\x1c\x0e\x93\x9b_\x95\xe1o}DVv\x0e\xdfM\x1c\xcf\xab\xcf=AN\xae\x88o\xb2\xdb3\xbe/\xbc\xf9\x11Y99|\xf4\xd1\x87&lt;\xfb\xdcsiY\x14\x98V\t@b\xe8\xff\xa1\x87\x1e\xe2\x9bo\xbe\xa1Z\xf5\x9a&lt;\xff\xc6X\xecv;\xb1X,-\xe7\x80R\x89\xae\xeb\xb8=.\x1e\xbf\xefV\x96,\x98G\xfdFMyz\xe4h\xd4\x98\x8an\x18\xe5\x96\xdc)\x8a\x82\xcf\xeb\xa5\xc5q\xc7\xf1\xe8\x0bo \xcb2\xaf\xbd0\x8c)\x93&amp;\x91\x93\x9b\x9dv\x0f\x91#\xc20\x90\x153~\xf7\xdd\xd8\x97\xad\x9b7rR\xa7Sy\xf0\xc9\x17\xf1\x96\xf8\xcbu\xe4\xce\x8co)-\xdb\xb4\xe1\x91\xe7_C\x92eF&gt;\xf7(?|\xfb-\xd99b\xcb\xe0d\xb7W|\x9f{\x1dY\x96y\xe0\x81\x07\x986m\x1a\x16\x8b%\xadF\x02\xd2\xa6\xc5K,\xf7\xfb\xe6\x9bo\x186l\x18V\xab\x95\xc7_z\x8b\xfa\x8d\x1a\x11\xf0\x07D\x81O\x92SU\x95\xdc\xbc,&gt;|\xe7\r&gt;\xff\xe8]2\\n\x9eym\x0c\xb9\xf9U\x89\x84\xc3\xe5\x9e\xdcY,\x16\x8a\nK\xb8\xa0\xe7\xa5\x0c\xb8\xfd~tM\xe3\xa1;\x06\xb2~\xcd\x1a22\x9c\xe8\xba^\xae\xbf/\xddi\x9aFV\xb6\x87\x17\x1e\x7f\x90\xb9\xb3\xa6S\xa3V\x1d\x9e~u\x0c`n\x04T\xde#w\x16\x8b\x95\xa2\xc2\x12z\\\xde\x8b\x1bn\xba\x1bMUy\xe8\x8e\x01l\xde\xb0\x1e\x87S\xc47\xd9\xed\x8e\xef\xe5\\\x7f\xb3\x19\xdf&gt;}\xfa\xb0}\xfbvdYN\x9b\xf8\xa6E\x11`b\xd8\x7f\xcb\x96-\x1c\x7f\xfc\tl\xdb\xb6\x95[\xee{\x94\xdb\x1e|H,\xf7K\x01\xba\xae\x91\xe1r\xb1\xe2\xaf%\\}^W\xfc&gt;/\x8f&lt;\xf7\x1a\xd7\x0c\x1ctH\x15\xff\x07\xce\xc00\xc0\x99\xe1\xa4\xdf\xe5\xe71k\xda\x14:v9\x83w\xc6\x7fK(\x14\x16\xd3I\xe5DSU\xb2r\xb3\x99:\xe9\x0bn\xba\xf6\x12,V+\xa3&gt;\x9cD\xe73\xbaQR\\\x91[t\x9b\xf1u8\xed\\\x7f\xe9\xb9\xcc\xf9\xf9G:\x9fq\x0eo~\xf2\x15\x01\x7f@\x8c\x18&amp;\xbdx|\x1dv\xae\xefi\xc6\xf7\xfc\xf3\xcfg\xd2\xa4Ii\xb3IPZ|\x82\x8d\xf8\xf0\xef\r7\xdc\xc0\xb6m[\xe9|\xfa\xd9\x0c\xbe\xebAJ\n\xbd\xa2\xf1OrfQ\xa7B4\x12a\xe8m\x03\xf0\xfb\xbc\x9c\x7f\xe9U\\\xddo\x10E\xbbJ+x#\'\xa9l\'\xc9\xc7_|\x83j5j1\xfb\xa7\x1f\x18\xf5\xe2\xd3d\xe7x\xc4T@90t\x1d\xbb\xd3\xc9\xe6\r\x1bx\xec\xde\x9b1\x0c\x83\x01\xb7\xdf\xcfigw\x8b\xef\xe2X\x91\x0fi3\xbe\x86\x0e\xc3^z\x83\xfc\xaa\xd5\xf8\xf9\x87\xefxg\xe4\x0b\xa2\x1e %\xc4\xe3k\x98\xf1\xadR\xb5:_}\xf5\x15/\xbf\xfcr\xda\xd4\x03\xa4|\x02\x90\x98\xf7\x7f\xf9\xe5\x97\x99&lt;y2\xd5\xaa\xd7\xe4\xd1\x17^GUUR~\xe8#\r\xe8\x9aFV\xb6\x9bW\x9ey\x8c%\x0b\xe6Q\xafa\x13\x86&lt;\xf5\x12\xc1@\xf0\x88\xf4\xd0dY&amp;\x14\x0cQ\xa7\xa0\x80!O\xbf\x8c,\xcb\x8cz\xf1)~\x9b=\x07Of&amp;z\x1a\xcd\'V\x04\x03\xb0\xd9l\x0c\xbb\xefV\xb6o\xddL\x87\xce\xa7s\xe3\x9d\x0fR\\\xe4;"\xc9\xbb,\xcb\x04\x83A\xea5l\xc8\x03O\xbc\x84$I\xbc\xfa\xdcc,\xfc\xfd\x0f\xdc\x1e\x0f\xba.\xe2\x9b\xcc\xf6\x8c\xef\xfdO\xbc\x88$I&lt;\xf0\xc0\x83\xfc\xf5\xd7_X,\x96\x94\x9f\nH\xe9\x04 \xb1\xees\xd9\xb2e&lt;\xf0\xc0\x83H\x92\xc4}\xc3\x86S\xb7~=\xc2\xc1\x90\x18\xc2Kr\x9a\xa6\xe1\xc9\xced\xd6\xf4\xe9\xbc7\xeaE,V+\x0f=\xf3\n\xb9y\xf9D#\xd1#6\x04o\xb1X()*\xa1\xfbE\x17s\xf9\xb5\xfd\x89\x84C&lt;v\xcf\x8d\x84CAdEA\xac\x0f&lt;4\xaa\xaa\x92\x9d\x9b\xc9\xb8\xf7\xde\xe2\x87o\xbf$\'7\x8fG\x9e\x7f\r=\xbe\x0b\xe0\x91b\xb1X(.*\xe5\xc2\xcbzqQ\xaf&gt;\x04\x03\x01\x1e\xbb\xe7&amp;\xd4\xb2\xc2a\x11\xdfd\xb6g|/\xbe\xa2\x0f\x81\x80\x9f\xfe\xfd\xfb\xa3iZ\xd9\x8e\x93\xa9*e[\xc0D\xe0t]g\xd0\xa0A\x04\x02~.\xeau-\xe7\xf7\xbc\x9c\xe2"\xb1\xb5g\xb2K,\xf9\x0b\xfa\x03&lt;\xf1\xc0m\xc4b1z\xf7\xbb\x99\xae\xdd\xce\xa2\xe4(l\xdd*+\n^o\x90;\x86&gt;I\x83\xc6\xc7\xf0\xd7\xe2\x05\xbc\xf1\xd2\xd3de\xbb\xd3\xaa\xaa\xb8\xbc\xe8\xba\xb9\xe4o\xed\xaa\xd5\xbc\xf8\xc4\x10\x00\xee\x18\xfa\x14\x8d\x8fir\xc4Fw\xf6$\xcb2\x01\x7f\x88{\x1e}\x9a:\xf5\x1a\xb0\xf0\xf7_y\xf7\xb5\x17\xc9\xca\xf6\xa0\xaa"\xbe\xc9.\x11\xdf\xbb\x1fy\x9a\xba\xf5\x1a\xf0\xcb/\xbf0b\xc4\x08\x14EI\xe9\xfb7e\x13\x80D\xef\xff\xf5\xd7_\xe7\xa7\x9f~\xa2V\x9d\x02\xee|\xf8)\x82\x01\xd1\xf3O\x05\x9a\xa6\x91\x99\xe5\xe2\xcd\x97\x9ea\xc5\xd2\xc54:\xa6\x057\xdd\xf3\x10\xde\x92\xa3\xb3\xa2C\x92$\xd4X\x8c\xec\x9c\x1c\x1ex\xe2E\x14E\xe1\xdd\xd7\x863\x7f\xeeo\xb8&lt;\x1e1\x15p\x90\x0c\xc3\xc0n\xb3\xf3\xcc\xc3wS\\\xb8\x93S\xbb\x9d\xc7\xe5\xd7\\Oq\x91\xf7\xa8\x14gI\x92D4\x12!\xbfjU\xee}\xf4y$I\xe2\x8d\x97\x9eb\xe9\xa2%\xb8\xdc\xae\x94\x1f*Nu{\xc6\xf7\x9e\xc7\xcc\xf8&gt;\xf2\xc8#\xac^\xbd\x1aEQR6\xbe)\xd9\x12&amp;\xf6u\xde\xb8q#C\x87\x0e\x05\xcc\xdd\xc2\xaaU\xafN4\x1c\x11\xdb\xb5&amp;9]\xd7q\xbb\xdd,\xfac&gt;cF\xbd\x88,+\xdc\xff\xf8\x0bx2\xcd\xc2\xac\xa3U}\xaf(\n\xa5\xc5%\x9c\xda\xedl.\xb9\x</t>
        </is>
      </c>
    </row>
    <row r="275">
      <c r="A275" s="1" t="n">
        <v>273</v>
      </c>
      <c r="B275" t="inlineStr">
        <is>
          <t>color_number_hexagon</t>
        </is>
      </c>
      <c r="C275" t="inlineStr">
        <is>
          <t>What is the missing number of the part denoted with a question mark?</t>
        </is>
      </c>
      <c r="D275" t="inlineStr">
        <is>
          <t>['2', '6', '5', '1']</t>
        </is>
      </c>
      <c r="E275" t="inlineStr">
        <is>
          <t>1</t>
        </is>
      </c>
      <c r="F275" t="inlineStr">
        <is>
          <t>There is a hexagon split into six parts with the colors ['green', 'purple', 'orange', 'green', 'orange', 'purple'] in an anti-clockwise order. The parts are denoted with the numbers [8, 9, 6, 2, 4, '?'] respectively.</t>
        </is>
      </c>
      <c r="G275" t="inlineStr">
        <is>
          <t>We observe that the numbers in the green parts add up to 10. Similarly, the numbers in the orange parts also add up to 10. Thus, the pattern is that the numbers in the parts of the same color add up to 10.</t>
        </is>
      </c>
      <c r="H275" t="inlineStr">
        <is>
          <t>Based on the pattern that the numbers in the parts of the same color add up to 10, the missing number of the purple part should be 1.</t>
        </is>
      </c>
      <c r="I275" t="inlineStr">
        <is>
          <t>b'\x89PNG\r\n\x1a\n\x00\x00\x00\rIHDR\x00\x00\x02\x00\x00\x00\x02\x00\x08\x02\x00\x00\x00{\x1aC\xad\x00\x00\x96\xafIDATx\x9c\xec\x9dy\x9c\x8d\xe5\xfb\xc7\xef\xe59\xfb:cM\xda,Q\xe1\xfb\x8dvE\xdb\x97RiC\xd6\xa8\x94V\r\xb2o!E\xf66\xf9Q!\x8c\x88(\x91\xc9\x92\xa5EYJ\x08cI\x96\x86a\xce\x9c}{\xee\xeb\xfe\xfdq\x9f9\rI\x06\xe7\x9c\xe7\xcc\xb9\xdf\xaf\xf9\xe3\xdb|\x87y&lt;\xe7y\xee\xeb\xba\xaf\xeb\xba?\x1f\xcc9G\x12\x89D"\xc9&lt;H\xaa/@"\x91H$\xa9A\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x06\x00\x89D"\xc9Pd\x00\x90H$\x92\x0cEI\xf5\x05HR\t\xe7\x9cs\x9e\xea\xab\x90\xa4\x0c\x8c1\xc68\xd5W!I\x19X\xbe\xff\x19\x8b\xaa\xaa\x8a"3\x80LGUUJ\xa9\x0c\x03\x99\x89\x0c\x00\x19\n\x00\x10Bv\xee\xdc\xf9\xfc\xf3\xcf\x13B\x00 \xd5W$I*\x8a\xa2\xa8\xaa\xda\xb5k\xd7\xf6\xed\xdb\xa7\xfaZ$)C&amp;\x80\x19\x87\x08\xf9\xc1`p\xdc\xb8qN\xa7s\xf5\xea\xd5\xa9\xbe"I\xca\xb8\xfa\xea\xab\x0f\x1f&gt;|\xcf=\xf7\xd4\xabW\x8fsN\x88l\nf\x16r\x07\x90q0\xc6(\xa53f\xcc\xe8\xd2\xa5\x0b\xc6\x98R\x1a\x7f\x06\xe4\xfb\x9f\tp\x0e\xf1\x97\x9eR\x1a\x89D:u\xea4s\xe6LY\x12\xcc@d\x00\xc8,D\xd7\xd7\xedv_}\xf5\xd5\xc7\x8f\x1f\x07\x00Y\xfc\xc9p\xf4z=cl\xf5\xea\xd5\xb7\xddv\x9bH\x0eR}E\x92\xe4!\x03~f\x01\x00\x94\xd2\xc1\x83\x07\x17\x14\x14\x88\xdc_\xcc\x81\x00\xc0\xff\x1e\xb9\xfd\xfev\xcd|\x1e?\xa1r\x1fP&gt;\xe1\x00F\xb3\xf1\xb7\x9f\xf3?\x1c3\x1b8p@\x84`UU\x01 \'\'\xe7\xbb\xef\xbe\xd3\xe9t\xe2\x91H\xf5\x95J\x92\x84\xdc\x01d\x10\x00\x801\xde\xbd{w\xbdz\xf5\x00 &gt;\x03\x8a\t\xe6\xc0+V\xc9\x9e\xb9f\xb2\xcdaQ#*&amp;r\t(\x87\x00\x03\xab\xc3\xfa\xe2\xc3}\x7f\xfcf3\xa1\x04\x18 \x840\xc2\x84\x12\xc6\xd8\xf4\xe9\xd3;w\xee,7\x01\x19\x85\x0c\x00\x19\x84x\xb7\x9b7o\x9e\x97\x97\xa7(:U\x8d^Y\xb3\xbe\xab\xf8x\xe1\x89\x02\xaaP\xa6\xaa-\x1e\xbb\xbb\xcf\xd8\x97\xdcE\x1e\xaaP$\x9f\x8b\xf2\x04FLe\xf6,\xfb\xb2y+\xde|\xe5mB\t0\xae(J\xfd\xab\xae\xdf\xf2\xebw\xa2\xf7S\xb9r\xe5\xed\xdb\xb7;\x9dNy8 s\x90\x01 S\x10\xab\x7f^^^\xf3\xe6\xcdE\x8a\x07\xc0\xdf\x1e\xb5p\xeb\x8e\x1f\xffo\xc6\xeb\x94*\x9c\x03&amp;x\xf2\x17ck\xd6\xbd,\x18\x08\xc9\x86p\xb9\x82#\x84\x11\xc6\xb8k\xf3\x97\x0f\x1f(\x103\xa0\xd7_\xdbd`\xcf\xb7;\xbfp\x87\xc7\xebR\x14%\x1a\x8d\x0e\x1c8\xf0\xb5\xd7^\x93\x9b\x80\xccA\xbe\xe4\x19\x81(\xec\xaa\xaa\xda\xbd{w\x840!\x941v{\xe3\xfb\x1a\\s\xc3\xfd\xcd\xdbW\xabz\x19c*!\x84\xa9\xec\xfd\xd7&gt;\x92=\x80\xf2\x07c\xcc\x9ee\xcb\x9d\xbc\xe0\xf0\x81\x02\xaaP\x00\xa0Ty\xa2\xfd+U\xab\\\xda\xb9m\x0e\xe7\x1c\x80\x13B\xc7\x8c\x19\x93\x9f\x9f/\xcf\x85d\x0e\xf2U\xcf\x08\xc4\xb1\xaf)S\xa6\xec\xda\xb5KQ(c\xaa\xc5l\xeb\xd8\xa6\xbb?\xe0\xb5\x98\xed\x9d\x1e{\x19!$\xc6\xc07\x7f\xbbu}\xde\x06\xab\xdd\xca\x98\\\x02\xca\t\x9cs\x83I\x7fp\xdf\x91\xcff,\xc5\x18#\x84\x01\xe0\x9e\xbb\xda\\ue\xc3\xa3\xc7\x0e5\xbf\xb3M\xad\x1a\xd7\x0001\x12:p\xe0@\x8cea S\x90\x01\xa0\xfc#z\xbf\x05\x05\x05\x83\x07\x0f\x8e\xbf\xff-\xef\xedte\xcd\xfa\x91H\xc8\xef\xf74\xbf\xb3U\xbd\xab\xaeg\x8c\x11B\x10FSF\xce\x08\xfa\x83\x94\x12\xd9\x06(\x1f\x00\x03\x93\xd94\xed\xcd\x8f\xbd\xc5&gt;J)0\xb0Z\xec\x9d\xdb\xe6\x84\xc2\x01\xce\xb9\xd9dy\xaaCo\xce\xb9\x88\x01\xf3\xe7\xcf\xcf\xcb\xcb\xa3\x942\xc6R}\xe1\x92\x84#\x03@\xf9G\xa4\xf6\xfd\xfb\xf7w\xb9\\\x8a\xa2cL\xadZ\xb9z\xeb\x07\x9f\xf6x\x8b\tQ\x10\xe2\x8c\xb1\xae\x9d\xfaR\xaa\x88!\xd1C\xfb\x8f\xe4N^`\xcf\xb2\xc9%\xa0\x1c\x00\x0clN\xeb\xf7+\x7fZ\xfd\xf9zB\t\xe7\x9cs\xe8\xd0\xfa\xa5\xca\x15\xabE"!EQ\xbc\xbe\xe2\x1b\x1a\xdd\xd1\xf8\xc6f"\x03\xc0\x18w\xef\xde]UU\xb9\x0f\xc8\x04d\x00(\xe7\x88\xe2\xcf\xa6M\x9brss)\xa5b\xfa\xb3K\xbb\x9e\x15\xb2*\xabj\x04cL\x08\r\x04\xbc\xd76\xb8\xe5\x9e\xbb\xda\x00\x80\x10\x88\xfcl\xc6\xd2\x83\xfb\x0e\xeb\x8dz\xb9\x04\xa4=\x18\xa9Q6s\xd2&lt;\x00 \x98\x00@\xad\x1a\xd7&lt;\xd4\xa2\xb3\xcf\xef)\xe9\xf4b\xc6\xd8S\x1d\xfbX\xcc6\xd1\xfe\xdd\xb5k\xd7\x94)Sd\' \x13\x90\x01\xa0\x9c#\xda\xbf\xbdz\xf5\n\x87\xc3\x84P\xc6\xd4zW]\xdf\xec\xceVnO\x11\xa5\xb1c\x80\x84\xd0@\xc0\xd7\xb9m\x8e\xd5b\x07\xc6(\xa5\xdeb\xdf\x07o\xce\xb2\xd8\xcc ;\x01\xe9\x0cS\x993\xdb\xb1\xf4\x93\x15\xdb6\xfe\x16\x0f\xffOu\xe8m4\x98\x18c\x08a\x84\x10!$\x10\xf0\xd6\xaeQ\xaf\xe5\xbd\x9d\xe2\x19\xc0\xe0\xc1\x83].\x17!Df\x00\xe5\x1b\x19\x00\xca3"\xa1\x9b?\x7f\xfe\x9a5k\x14EaL\xd5)\xfa\xae\x9d\xfa\xc6_~\x01\xc68\x12\tU\xaeX\xadC\xeb\x97\xc4\xe90B\xc8\x9a\xa5\xdfm\xfev\xab\xd9f\x96i`\x9a\xc29W\xf4\xca\xf1\xa3Es\'/\x88\x9f\xf7\xbe\xf5\xa6\xe674\xba\xc3\xeb+.=\xe8I\xa9\xe2\xf1\x16\xb7n\xf9\xf4EU/eLU\x14\xc5\xe5r\x89\x8e\x91\xfc\xf4\xcb72\x00\x94[D\xee&amp;\xe6:\x10B\x18\x13\x00hrK\x8b\x86\r\x1a\x07\x02\xdeS\xc6\xfc)\xa5&gt;\xbf\xf7\xc1{;U\xafv\x85\xa8\x05G#\xea\xd4Q3)\x95\'\xc2\xd2\x15\xa62\xbb\xd36o\xea\xa2#\x7f\x1c%\x94\x00\x80\xa2\xe8\x1e\x7f,G\xa4\xf9\xa5\x7f\x12c\xac\xaa\x91\x8a\x15\xaa\xb4}\xf8\xb9\x92\x91\xd0\xd8\xcc\x98,\x04\x95od\x00(\xb7\x88\x8e\xee\xd8\xb1c\xf3\xf3\xf3u:\x9d\xaaFmV\xe7\x93\x1d{\xfb\x03^B\xfe~\xcc\x07\x03\xa8F\x83\xf9\x99\xce\x03\xe2\x7f\xf6\xd7\x9f~[\xfe\xe9*G\xb6\x9d\xa9\xb2\x1b\x9cf\x00\x80\xd9f\xce\xdf\xb6o\xf1\xcce\x84\x101\xfa\xf5\xc8\xfdO\xd4\xa9\xd5\xe0\xef\xe1\x1f!D\xa9R\xec.\xba\xf7\xee6\xf5\xae\xba\x8e1\x95RE\x9c\x1a\x91\xad\xe0\xf2\x8d\x0c\x00\xe5\x13\xd1\xfb\xdd\xbbw\xef\xe8\xd1\xa3\t!\x9c#\xce\xf9C-\x1e\xbf\xa4Z\x8dH$t\xda\x83\xfe\x84P\x9f\xdf\xd3\xf8\x86f\xd76\xb8EL\x8eb\x8c?\x1a?\xe7\xc41\x97\xa2W\xe4*\x90fpD)\x9d\xf6\xe6\xc7~o\x80\x10\x02\x8ce9+\xb6j\xd95\x10\xf4\x9f.\xfc\xc7\xfe\x8cBu\x1d\xdbt\x17?O\xa9\x92\x97\x977\x7f\xfe|9\x12Z\x8e\x91\x01\xa0|"z\xbf\xc3\x87\x0f\xf7x&lt;\x94*\xaa\x1a\xad^\xed\x8a\xb6\x8f&lt;\xe7\xf1\xba\xce|\xca\x1f\x80=\xdbe\x90\xa2\xe8\x00\x80PRp\xf0\xd8\xbc\xa9\x8b\x1cN\x9b\xdc\x04\xa4\x11\x8c1\x9b\xd3\xbaa\xf5\xa6\xf5\xcb7\x94\x8c~\xf2\xcem{T\xa9T\xfd\x9f\xc2?B\x88\x10\xea\xf5\x15\xdf|\xdd]w\xdc\xfa\x00\x83\xd8H\xe8\xc0\x81\x03#\x91\x88\xdc\x07\x94Wd\x00(\x87\x88\xde\xef\xda\xb5kg\xcf\x9eM\xa9"\xd2\xb7g:\x0f0\x99,\x0c\xd8)\xf5\xdf\xd2\x10B\x02A_\xdd\xda\xff}\xe4\xfe\'D\xa5\x98\x10\xb2x\xe6\xb2\x9d\xbf\xee5YM\x1c\xe4\x12\x90\x1ePJ\x03\xfe\xd0\xb47?\xc6\x18\x13L\x18c\xf5\xae\xba\xae\xc5\xff\xday\xbc\x7f\x8d~\x9d\x16Bh0\x18x\xb2c\x1f\x9b\xd5\xa9\xaaQEQ\xf2\xf3\xf3\xc7\x8e\x1d+;\x01\xe5\x15\x19\x00\xca\'\x8c\xb1\xc1\x83\x07\x8bv.\x00\xbb\xb6\xc1-\x8doh\xe6\xf3y\xe8?n\xffc\x10B\x03A_\xab\x96]\xb3\x9c\x15\x811B\x88\xdf\x1b\x98\xf5\xd6&lt;\xa3\xc9(\x97\x80\xb4\x80\xa9\xcc\xe6\xb4\xe6-X\xb5g\xfb~B\x88\xe8\xe8vl\xdd]\xa1\xff^\xc7\xc3\x18\x87#\xc1K\xaa\xd5x\xa8\xc5\xe3B,\x1cc2n\xdc\xb8\x82\x82\x029\x11T.\x91\x01\xa0\xbc\xa1\xaa*\xa5t\xce\x9c9k\xd7\xae\x15\xe7~)U\x9e\xed2\x08\xe0\xacj8b$\xb4J\xa5\xea\x9d\xdb\xf6\x88\x8d\x84R\xf2\xcd\x92o\xbf[\xf1\xa3\xcdi\x95\xc7\x024\x0e\xe7\\o\xd4\x1f=T8}\xfc\\L\xc4\xe8\'\xbb\xbd\xf1\xfd7\xdfp\xb7\xd7W\xfc\xcf\xd5\xff\xbf\xa0\x94z\xbc\xae\xb6\x8f&lt;W\xad\xeaeb\x13PTT\xd4\xbf\x7f\x7fy&amp;\xa0\\"\x03@\xb9B\x8c\xf0{&lt;\x9ea\xc3\x86aL\x10BB\xf6\xabN\xad\x06\x81\xa0\xef,\x15\x9e)U\xbc\xbe\xe2\xff\xdd\xfeh\xad\x1a\xd7\xc4\x8f\x8f~&lt;i\x9e\xaa2)\x13\xafq\x80\x81\xd9j\x9a?m\xb1\xebx1!\x14\x00,f[\x87\xd6/\x85B\xc1\xb3\xd6\xf7\xc6\x8c\xa9f\xb3UH\x04\x8ay\xb09s\xe6l\xde\xbcY\x1c%K\xe8\xf5K\x92\x8c\x0c\x00\xe5\n1\xfc3z\xf4\xe8\xbd{\xf7RJ\x19S\xad\x16G\xe7\xb69\xc1P\xe0l\xb2\xbf8\x8c\xb1R\x1aa\x9cR\xbam\xe3o_\xe6~m\xcf\x92\xdd`\xed\x02\x00f\xabi\xe7\xcf\xf9\x0b?\\B\x08A\x1c\xc5U\xff\x82A\x9fH\x08\xce\x06J\x15\xaf\xd7]"\x11\xa8\x12B#\x91HNN\x0ecLn\x02\xca\x192\x00\x94\x1fD\xb2V\xd2\xb5\xa3\xa2\x80\xd3\xa1\xf5\x8bB\xf6\xabL\xc9;\xa54\xae\x11\x06\xc0\xc4H\xe8\xf4\xf1\xb9G\x0f\x17J\x81 -C(\x99\xfc\xdaG\xd1\xa8*z?q\xd5\xbf3\xf7~OK\\"P\x9c\r^\xb7n\xdd\x9c9s\xe4Hh9C\x06\x80\xf2\x83X\x97\xc5\xdc\x1e\xa5\x14\x80\xfdM\xf6\xabL\xfc\xa5\x11\x06\x00\x84R\xd7\xf1\xe2\xf9\xd3\x16\x9b-&amp;\xd9\t\xd0 \xc0\xc0j\xb7\xac\xcf\xdb\xb0\xf9\xdb\xad\xa2^\x7f\x8a\xea_\x99\xfe6!\x10t\xb2D \x196l\x98\xdb\xed\x96#\xa1\xe5\t\x19\x00\xca\tb\xf4s\xcd\x9a5\xf1\x93;\x7f\x97\xfd*\x13\xa7j\x84qD\x08Y\xf8\xe1\x92]\xbf\xee\x91\x02A\x9a\x83#\xa2\x90P &lt;e\xe4\x0c\x84\x10!b\xf4\xf3T\xd5\xbf2QZ"\x901UQ\xe8\xde\xbd{\'N\x9c(\xfe\xf2\x0b\xfd\x0f\x90\xa4\x06\x19\x00\xca\x03\xe2\xd8W8\x1c\xee\xd5\xab\x17\xc6Xl\xffO+\xfbU&amp;Jk\x84\x010BH4\xaaN\x9f0W\xd4\x97%\xda\x811f\xb5Y\x16}\xbc\xf4\xd0\xfe#\xa2U{Z\xd5\xbf2q\x8aD\xa0\xf0\x8c\x9c0a\x82h/\xc9\x0c\xa0| \x03@y@\xf4~\xe7\xce\x9d\xbbi\xd3&amp;\x91\xfe\xff\x93\xecW\x998E#L\x8c\x18\xad\xff\xea\x87\r\xab7\xd9\x9cV\x99\x06j\x041\xfay\xec\xc8\xf1Yo\xcd\x8f\xab~\xfe\x93\xea_\x998Y"P\xa5\x94\xba\xdd\xee\xe1\xc3\x87\xcb3\x01\xe5\x06\x19\x00\xd2\x1e\x91\xfe\xbb\\\xae~\xfd\xfa\x9d\x8d\xecW\x998Y#,&amp;\x0f0\xed\xcd\x8fC\xc1\xb0\x14\n\xd5\x08\xc0\xc0l5O\x9f\x90\xeb\xf3\xf8\t\xa5\x8c\xb13\xaa\xfe\x95\x89\x93$\x02\x19c\x94*\xb3g\xcf^\xb7n\x9d\xa2(2\x03(\x07\xc8\x00\x90\xf6\x88\xf4\x7f\xf0\xe0\xc1\x05\x05\x05\xc2\xf2\xe5,d\xbf\xcaD)\x8d0\xe0\x84\x90=\xdb\xf7\x7f6\xfdK\xab\xdd"\x97\x80\x94#T?\xb7|\xb7u\xd9\xbc\x95\xa24\xf7\xaf\xaa\x7fe\xe2d\x89@F\x08f\x8c\xe5\xe4\xe4\x84\xc3a\xd9\r.\x07\xc8\x00\x90\xde\x88\xd5\xbf\xc4\xc3\x8f\x9e\xa5\xecW\x99(\xad\x11\x16\x1b\t%x\xd6\xdb\xf3\x8f\x1d9.GB\xb5\x00\xa5t\xea\xa8\x99Le\xa2={\x96\xaa\x7fe".\x11\xc8\x18S\x14e\xf3\xe6\xcds\xe7\xce\x95\x02A\xe5\x00\x19\x00\xd2\x1bQ\xff\x11.\xde\xe2\xe4\xd7Y\xca~\x95\x89\xd2\x1aa\x8c1B\xa8\xcf\xe3\x9f&gt;!\xd7d6\xa6\xddH(\xe7\x1c\x00\x18cLe1T\xc6\x18\x88I\xa7\xf4\x82\xa9\xcc\xe6\xb0-\xfft\xe5\xaf?\xfdV\xd2\x98\xe5g\xa3\xfaW&amp;N+\x11\xd8\xaf_\xbf\xa2\xa2"\xb9\tHwd\x00Hc\xc4\xe8g^^^^^\x9e\x18\xfc?{\xd9\xaf2q\x8aF\x98\x18\t]6o\xe5\xce\xad{\xccVS\xba\xa4\x81\x00\x00\x0c\x14E\xb1\xd8\xcc\x8e,\xbb\xb3\xa2\xc3\x91mwf;\x9c\x15\x1dv\xa7\xd5d1a\x82\x19ci#z\xca\x11Uh\xc0\x17\x989\xf1\x13\x84\x90h\xcc\x9e\xbd\xea_\x99(-\x11(\xba\xc1\x05\x05\x05\xe3\xc7\x8f\x97\x9b\x80tG\x06\xf0tET{\x00\xa0^\xbdz\xbbv\xed\xd6\xe9t\xd1h\xe4\xce\xdbZ\x0e\xed\xfb~q\xf1\xf1\x0b\x98\xfe\xc7\x7f\xa1\xb0\x0b\x7f:\xe7\x9e#\x05\x07\x14EQU\xb5a\xe3\x06\xe3r\x87\x0b\xcb\x91\x0b\xfd\xeb.$\xe2^Ylf\x8cq\xe1\x9f\'\xf6\xef:pp\xef\xe1\xe3G\x8bB\xc10!\xd8b\xb3T\xa9^\xe9\xb2Z\x97\\V\xeb\x12G\xb6-\x1c\x8a\x84\x82aJ5\xfd/B\x081\x95eUr\xfe\xdf\x1b3fN\x9aG\x15\xca\x81cL\xde\x1b\xf3y\x8d\xcb\xea\x06C\x17\xfe\x13aLu:*~\xf6\xe5G\x13\xdf\x1fH\xa9\xc29W\x14\xbam\xdb\xb6Z\xb5j\x89\xf1\xb0\x0b\xfb\xeb$\xc9\xe1\x82/\x13\x92$!\x84\x1f&amp;O\x9e\xbck\xd7.a\xf8^v\xd9\xaf2\x81\x19S\xed\xf6\xacN\x8f\xbd&lt;zRO\xf1\xceo\xfev\xeb\xfa\xbc\r\xb75\xbf\xd9\xeb\xf6iv\xc5\x04\x00\x9d^\xa7\xd7\xeb~Z\xf3\xf3\xb2OV\xfc\xfc\xc3\xaf\xae\xe3\xee\xd3\xfed\xf5+\xaa\xdd\xf2\xbf\xeb[&lt;\xf6\xbf\x1au/\xf3\xba}\x08!\xcd\x8a\xdfq\xce\r&amp;\xfd\xc1}G&gt;\x9b\xb1\x14c\x8c\x10\x06`\xf75k[\xa7V\x83s&gt;\xf9uf\xe2\x12\x81K\xf2\xe6\xec\xdd\xbfCQt\xc2nz\xde\xbcyr\x13\x90\xbe\xc8\x1d@Z"^\xb9c\xc7\x8e]}\xf5\xd5\xc5\xc5\xc5\xc2\xf3\xab\xdd\xa3\xcf?\xff\xe4\x90\x13EG\x15E\x97\xb8\xdfk\xb5\xda\xbb\xf7{t\xdbo?)\x8a\xa22\xb5\xfa\xe5\xd5\xa6.\x9b \xeaB\x17\xa8\xe6|!\x01\x06F\xb3\xb1\xb8\xc8\xfd\xee\xb0\x0fV\x7f\xb1^|\x93\x10B\x15*\xea\xd7b\x85\x07\xe0jT\x15\xff\xaf\xd9bj\xff\xe2\xa3\xed\x9f{4\x14\x0c\x8b\x16K\xaa.\xfe\x0c0\x959+8^}\xfe\xcd\x95\x8b\xd6*\x8a\xc2\x18X\xcc\xd6\x0f\xdf^!\x8c\\\x12t\xcd\x8c1\xbb\xcd\xf9\xc3\xc6\x95\xfdGt\x11\x1df\xc6\xd8\xf2\xe5\xcb\x9b5k&amp;\xaa\x91\x89\xf8\xa5\x92\x84\xa2\xd1\xacMrfD\x02\xde\xbf\x7f\x7f\x97\xcb%D\xff\xcfG\xf6\xabL\xc45\xc2\xc4\x16\xe4\xd0\xfe#\xb9\x93\x17\xd8\xb3l\x1a\x1c\t\xe5\xc0\r&amp;C\xe1\x9f\xc7{&gt;6x\xf5\x17\xeb\t!\x94\x12\xaaP\x00\x88F\xa2\x91p$\x1a\x89F\xc2\xd1H8\xaaFU\x8c1\xa5\x84R\x1a\xf0\x07\xa7\x8d\x9e5\xa6\xcf;\x06\xa3!\xd5\xff\x82\xd3\x03\x0clN\xeb\xf7+\x7fZ\xfd\xf9\xfa\x12\xc7G\xe8\xd0\xfa\xa5sP\xfd+\x13\xa5%\x02\xe3\x87B\xc4\x00\x82\xec\x06\xa7)2\x00\xa4\x1fb\xf4s\xd3\xa6M\xb9\xb9\xb9b\xf6\xe3|d\xbf\xca\xc4\xe94\xc2\xf0g3\x96\x1e\xdcwX\x83#\xa1\x98`5\xaa\xbe\xfa\xdc\x9b\x7f\xec=\xa4(\n\x00\x00\xe7Le\x16\x9b\xf9\xb6{n\xee\xdc\xa3\xedK\xc3\xba&gt;7\xe8\x89VO=P\xf7?\xb59\xe7b\x16\x08c\xac\xe8\x94e\xf3V\xce~g\xbe\xcdae\x1a\x1cs\xc2H\x8d\xb2\x99\x93\xe6\xc5\xdd\x1a\xceO\xf5\xafl\xbf;.\x11(\xb2\xfe\x92\x11d\xd9\rNKd\xdcN?\xc4\x8bw\xfb\xed\xb7\xafY\xb3F\xa7\xd3G\xa3\x91zW]\xff\xd6\xa8\x05&gt;\x9f\xfb\x02\x9d\xfc:\x13\x9csE\xd1y}\xc5O\xbet\xb7?\xe0\xa5\x94\xaa\xaaz\xf7CM^}\xbf\xaf\xab\xb0\x98*Z\xa9\x030\x06\x8el{\xee{\x9fN~m\xba\xa2PUe\x84`\x00\xde\xec\xd1;\x9e\xe8\xd9\xee\xa2K\xabPJ9\xe7\x08#\x8cp(\x18\xde\xf2\xdd\xd6I\x83\xff\xef\xf0\xef\x7f\x8a\x08\x8a1\xd6\x19tS\x97M\xb8\xe8\x92\xca\x91p\xa2\x8a*\xe7\x00SYVE\xe7\xc2\xe9_\x8e\xef\xff\x9e\xf8\'\x00\xc0\x1b\x83\xa7\xdft\xdd]\x1e\xef\xb9\xeb&gt;\x9d=\xaa\x1a\xad\x90]\xe5\xbd\x0f\x87\xe7.xO\xec&gt;\x9dN\xe7\xde\xbd{\x9dN\'\xd2p\xd7DrZ\xe4\x0e \xcd\x10\xab\xff\xfc\xf9\xf3\xd7\xacY#z\xbf\xe7/\xfbU&amp;N\xd1\x08\x13\xc5\xa85K\xbf\xdb\xfc\xedVM\xa9\x84RJ\x02\xbe\xe0\xf2\x05\xdf`\x8c\xc5\x01f\x00\xde\xe2\xb1\xbb\x87\xbc\xfbJ\x85*\xd9^\xb7\xaf\xb8\xc8\xedvy\xddE\x9e\xe2\x13\xeep(|\xf3]\xd7\x8f\x99\xf5j\xc5\xaa\x15\xc4\x1f\xc7\x18\x85\x83\xe1\xb5\xcb\xbe\xd3\x94\x192\xe7\\\xd1+\xc7\x8f\x16\xcd\x9d\xbc .\xfbs\xfe\xaa\x7fe\xa2\xb4D\xa0\xb0\np\xb9\\\x83\x07\x0f\x96\x02A\xe9\x88\x0c\x00\xe9\x84\xd8\xae\x89\xe9\x0b\x84\x10\xc6\xe4B\xc9~\x95\x89\x935\xc2\x18!$\x1aQ\xa7\x8e\x9a\xa9\x1du \x0e\\\xa7\xd7\x15\x1c&lt;zp\xefa\xce9G\x1c\x00l\x0ek\x97\x9e\xed\x02\xde@8\x14\xa11\x08\xa5\x94*\x94\x10r\xa2\xd0uY\xedKZ?\xdd2&gt;\xd4\x881\xda\xb1i\x17c\x0ck\xa6\xbb\xcdTfw\xda\xe6M]t\xe4\x8f\xa3\x84\x12\x00\xb8 \xaa\x7fe\xe2\x14\x89@\x11\\\xa7L\x99\xb2k\xd7.Y\x08J;d\x00H\'D\xdfu\xec\xd8\xb1\xf9\xf9\xf9:\x9dNU\xa3\x17N\xf6\xabL\x9c\xa4\x11&amp;\xae\xea\xd7\x9f~[\xfe\xe9*G\xb6]\x0b\x9e\x91\x1cq\xaaP\xd7\xf1\xe2h$\x8a1&amp;\x18#\x84j]sE\xc5*\xd9\x91p\xf4\xb4\x13\xab\x8a\xa2\x04\x03\xa1\xfa\xd7]\x851f\x8cq\x848G\'\n\x8b#\xe1(&amp;\x9a\x08\x00B\xf6\'\x7f\xdb\xbe\xc53\x97]p\xd5\xbf2q\xb2D\xa0J\xa9\xa2\xaaj\xf7\xee\xdde+8\xed\x90\x01 m\x10\xbd\xdf\xbd{\xf7\x8e\x1e=\x9a\x10\xc2/\xb4\xecW\x998Y#\x0cD9\xe2\xa3\xf1sN\x1cs)\xfa\x0b|\x0e\xf9\xdc\xc0%\xc3\xb2q\xacv\xcb\x19VI\x8c\x10\x07n4\x1b\x15\xdd_\xa1\x14\x18\xe3\xa0\x99IP\x8e(\xa5\xd3\xde\xfcX\x9c\xbc\x03\xc6.\xb4\xea_\xd9\xae\xe6/\x89@\xc6(U\xf2\xf2\xf2\xe2fDI\xbf\x18\xc99"\x03@\xda f\xd2\x87\x0f\x1f\xee\xf1x\xc4\xe0\x7f"d\xbf\xcaD\\#\x0c\x00\x08%\x05\x07\x8f\xcd\x9b\xba\xc8\xe1\xd4\x82q&lt;\x06\x00\x8b\xcd\x123GD\x08!\xe4vy\x19\x83\x7f\xaa\x94p1\xe3\xe4\r\xa8Q\x86K\x96|\x9b\xc3\xaa3(Z(k0\xc6lN\xeb\x86\xd5\x9b\xd6/\xdfP2\xfay\x81U\xff\xcaDi\x89@\x06\xb1\x91PaG*\xf7\x01i\x84\x0c\x00\xe9\x81\xe8\xfd\xae]\xbbv\xf6\xec\xd9\x94\xc6\xa4\xd8/\xb8\xecW\x998\xadF\xd8\xe2\x99\xcbv\xfe\xba\xd7d5\xa5VQ\x07c\x1c\x8d\xa8U.\xae\x94U\xc9\x81\x10\x12\x9d\x89\xbd;\xf6\x1f\xfb\xb3P\xaf\xd7\xc3\xe9\xae\r\x183\x98\xf4[\x7f\xfa\xad\xa4\x07\x80\x11B5\xaf\xbeB\xa7\xd3\xc4\x86\x86R\x1a\xf0\x87\xa6\xbd\xf91\xc6\x98`\xe1\xf8x\xe1U\xff\xcaDi\x89@U\x8d*\x8a\x92\x9f\x9f?v\xecX\xd9\tH#d\x00H\x1b\x18c\x83\x07\x0f\x16MW\x00\x96 \xd9\xaf2QZ#\x0c\x18#\x84\xf8\xbd\x81Yo\xcdK\xf9\xe4\x0c\xc6(\x1aU\xb3+9\xaf\xbd\xa5\x01\x12\x8e\xe6\x94\xf8\xbd\x81Yo\x7fj\xb1\x9b\x11\xe7\xa7\\\x1eS\x99\xc9j:v\xb8p\xd1\x8c/E\x02\xcb\x11\xc7\x187\xb9\xf7\xe6HDMy\t\x88\xa9\xcc\xe6\xb4\xe6-X\xb5g\xfb\xfe\xb8+C"T\xff\xca\xc4)\x12\x81\x9c#\x8c\xc9\xb8q\xe3\n\n\n\xe4DP\xba \x03@\x1a \xa4\x9e\xe7\xcc\x99\xb3v\xedZ1yM\xa9\xf2l\x97A\x00)\xae\xb4\x88\x91\xd0*\x95\xaawn\xdb#6\x12J\xc97K\xbe\xfdn\xc5\x8f6\xa75\xb5J\xd1\x18#5\xaa&gt;\xd2\xe5~B\tG\x9c\x03\'\x84|\x99\x9b7m\xf4\xc7\x8el\xbb\xc1\xa0g*\xe3\x9cs\xe0LeV\x87%\x12\x8a\x8c\xe8&gt;\xfe\xd8\x91\xe3\x08#B00\xb8\xeb\xa1&amp;\rn\xb8:\xe8O\x90\xb6\xd2\xd9"\x1c\x1f\x8f\x1e*\x9c&gt;~.&amp;b\xf4\x93\xdd\xde\xf8\xfe\x9bo\xb8\xdb\xeb+NE\xf5\xff/(\xa5\x1e\xaf\xab\xed#\xcfU\xabz\x99\xd8\x04\x14\x15\x15\xf5\xef\xdf_T\xdeRxa\x92\xb3D\x06\x00\xad#*\x12\x1e\x8fg\xd8\xb0a\x18\x13\x84\x10\x00\xdcsW\x9b:\xb5\x1a\x04\x82\xbe\x94\xab0\xc65\xc2j\xd5\xb8&amp;~0\xf5\xe3I\xf3T\x95\xa56q&amp;\x84\x04\xfc\xa1z\xd7\xd5m\xfb\xec\xc3\xc0\x80R\xca9`\x82?\x1a\x9f;\xe4\x99Q\xc7\x8e\x1cwVp(:Eo\xd4;\xb2\xed\xdb~\xfa\xad{\xab\x01[\xbe\xddJ\x08\xa1\x84\xa8*\xbb\xfc\xcaK_\x1c\xfaT0\x90\x82\xf2\xfa)\x00\x03\xb3\xd54\x7f\xdab\xd7\xf1bB(\x00$X\xf5\xafL`\xc6T\xb3\xd9\xda\xe9\xb1\x97Q\xc9&lt;\xd8\x9c9s6o\xde,\x8d\xe3\xd3\x82\x94?@\x92\x7fA\x0c\xff\x8c\x1e=z\xef\xde\xbd\xc2\xf2\xc5jqtn\x9b\x13\x0c\x05R\x9b\xfd\xc5a\x8c\x99M\x96\xa7:\xf4\x16S\xe1\x94\xd2m\x1b\x7f\xfb2\xf7k{V\x8a\xbb\xc1\x94\x12\xaf\xdb\xf7\xe4+\x1d\xeely\x9b\xaa\xaa\xe2v\x11BV/Y\xdf\xed\xfe^\xef\x8f\x9c^t\xccuh\xff\x91\xd1\xbd\xdez\xb9\xf5\xc0\xbd;\xf6+\nE\x08\xa9*\xab}M\x8d7&gt;\x1ad\xb5[\x84FP\n\xff\t\x00`\xb6\x9av\xfe\x9c\xbf\xf0\xc3%\xc2\xf1\x11\x00Z\xde\xdb\xe9\xca\x9a\xf5\x83A\x9fH\x08R\x0b\xa5\x8a\xd7\xebn~g\xabzW]\xcf\x98J\x08\x8dD"999\x8c1\xb9\t\xd0&gt;\xb2_\xafi\xc4\xea\x9f\x9f\x9f_\xaf^=\x91S3\xa6v\xeb2\xb0\xdd#\xcf%H\xf5\xf7\xdc\x00`\x16\x8b}\xc8\x1bO\x7f\xbb!O\xd8\x85;+8\xa6.\x9b`sZS\xbb\x86\x8a\xfd\x93N\xafL~m\xfa\x82\x0f\xbf\x10\xdf\x8cw)\xc5\x12\x1f\n\x86\x11B\x98`\xd1\xb8\xbe\xb7\xcd\xdd\xcf\r~\xc2l6\x86\x82a\x92j\x8dk\x00\xb0\xd8\xcc\xbd\xda\r\xd9\xfc\xedVqc\xabT\xba\xf8\xbd\xb1_\x18\xf4&amp;a\xcf\x99\xda\xcb\x13\x00\x80\xc9d\xd9\xbesS\xaf\xc1m9\x07B\x88\xaa\xaa3g\xce\xec\xd4\xa9\x93T\t\xd58\xa9\xcf $g@\x84g1]\'&lt;\xbf\x92(\xfbU&amp;\xfe\xd2\x08\x03\x00B\xa9\xebx\xf1\xfci\x8b\xcd\x16S\xaa;\x01\x18\x00"\xe1\xe8K\xc3\xba\x0e\x98\xd8\xe3\xd2\x9a\x17\x13"T\xa01\xa5\xc4\xe7\xf1\x0b\xef\x17q\x8e\xe1?7]\xf3\xc6\xf4A\xbd\xdf|A\xaf\xd7\x85B\x1aX\xfd\x19X\xed\x96\xf5y\x1b6\x7f\xbb56\xcf\x9a,\xd5\xbf2q:\x89@2l\xd80\xb7\xdb-GB5\x8e\x0c\x00\xdaEdOk\xd6\xac\x89\x9f\xaf\xe1\x9c?\xd5\xa1\xb7\xd1`J\x9a\xf2\xcfY"\x96\x80\xda5\xea\xb5\xbc\xb7\x930\xd7%\x84,\xfcp\xc9\xae_\xf7\xa4\\ \x08c\xccT\x16\tE\x1e\xea\xdc\xa2\xd5S-\xa9\xa2 \x848\xe2\x9c#E\xa1\x84`\xa1\xf7\x891\xbe\xfa\xda:\xd7\xde\\\x1f\x13"\xf4\x8dSx\xcd\x08!\xc4\x11QH(\x10\x9e2r\x06BH\x18\xbe\xd7\xbb\xea\xfafw\xb6\xd2\xd4\xe6O@\x08\r\x04|\x9d\xdb\xe6X-v\xc6TE\xa1{\xf7\xee\x9d8q\xa2\xb8\xecT_\x9d\xe4\x1f\x91\x01@\xa3\x88,5\x1c\x0e\xf7\xea\xd5\x0bc,F?\x93,\xfbU&amp;Jk\x84\tw\xe2hT\x9d&gt;a\xae\xa8\\\xa7\x10\x00pd\xdb\xff\xd8w\xf8\xf9\x96\xbd\xc7\x0f\x98\x1c\x8d\xaa\x18c\x8c0\x00\xa8*\x03\xe0"\xd3g*\xcb\x9d\xbc\xb0\xfd\xad\xcf~1\xfb+\x93\xd9\xa8\xd3\xebR\xbbwa\x8cYm\x96E\x1f/=\xb4\xff\x88h\xa8&amp;Y\xf5\xafL\x9c"\x11\x08\xc0\t\xa1\x13&amp;L\x10\x8d+\xd9\r\xd6,2\x00h\x14Q\xfd\x9f;w\xee\xa6M\x9bD\xfa\x9f|\xd9\xaf2q\x8aF\x98(\xbe\xaf\xff\xea\x87\r\xab7\xd9\x9c\xd6T\xa5\x81\x9cs\x9b\xc3\xbah\xc6\xd2\x17\x1f\xee\xb7q\xdd\xcf\x18cB\xb0pPhp\xc35\xf7\xb4\xba\xd3\xe6\xb0\x02\x031\xc0J()*t\x8d\xef?yP\xd7\xd7]\xc7\xddf\xab)Uf\x00b\xf4\xf3\xd8\x91\xe3\xb3\xde\x9a\x1fW\xfdL\xbe\xea_\x998Y"P\xa5\x94\xba\xdd\xee\xe1\xc3\x87\xcb3\x01ZFV\xe8\xb4\x88X@\xddn\xf7\xd5W_}\xec\xd81B\xa8\xaaF\xdb&lt;\xf4\xcc\x0bO\r-v\x9f\xd0\xda\xf6\xbf4\x00`4\x9az\x0ezl\xdbo\x1bE\xd3\xb2\xe6\xd5\x97\xbf\xbb\xe8M\xa6\xb2\xe4{F\x02p\x9b\xc32u\xd4\xccY\xef|\x8a\x10\xa2\x94\x02\x07\x0e\xbc\xe6U\x97w\xee\xd1\xf6\xe6\xbb\xae7\x18\xf5\x87\x0f\xfc\x99\xb7\xe0\x9bE3\x96\xba\x8e\x17\xe3\x18\x881\xa8zI\x95\xd7?\x1cxY\xedK\x82\xbe`\xf2\x9b\x01Le\xce\x8a\xce\xd1\xbd&amp;-\x99\x93G\x15\x05\x18\xb3Z\x1c\xef\x8f\xff2\xdbY)q\x8e\x8f\xe7\x0f\x00\xb3Z\x1c\xeb7,\x1f\xf2\xc6\xd3\x84P\x8c1B|\xf5\xea\xd5\xb7\xddv\x9b\xec\x06k\x13-\xa6\x12\x12\x91\xfe\x0f\x1e&lt;\xb8\xa0\xa0\x80\x10\xca\x98\x9aR\xd9\xaf2QJ#\x0c8!d\xcf\xf6\xfd\x9fM\xff\xd2j\xb7$y\x13\xc0\x18\xd8\x9d\xd6\xf9S\x17\xcfz\xe7SJ)!X\xac\xfe\xad\x9f~\xf0\x9d\xcfF7iqK$\x1cq\x17y*T\xcaz\xb2W\xfb)_\x8e{\xf0\xf1{\x85\xb9\n\x00\xa7\n-8x\xb4\x7f\x97\xd7N\x1c-J\xbe\xd3\x99P\xfd\xdc\xf2\xdd\xd6e\xf3V\x8a\x02Z\nU\xff\xca\xc4\xc9\x12\x81\x8c\x10\xcc\x18\xcb\xc9\xc9\t\x87\xc3\xb2\x1b\xacMd\x00\xd0\x1cb\xf5/q\xda\xa3)\x97\xfd*\x13\xa55\xc2\xc4\x9c"&amp;x\xd6\xdb\xf3\x8f\x1d9\x9e\xcc\x95\x94\x037\x99\x8d\xbb\xb6\xee\x99\xf2\xc6LB\x08p@\x08s\xe0/\x0cy2\xe7\xb5n\x9cso\xb1\x17cL\x15\x1a\x8d\xaa\xc5\'\xdc\x8el{\xef\xd1/\xbe\xfa~\x1f\x93\xc5\xc49\x07\x06T\xa1G\x0f\x1f\x1b\xdf\xff=EI\x81\xc9\x01\xa5t\xea\xa8\x99Le\xa2\x89\x9ar\xd5\xbf2\x11\x97\x08d\x8c)\x8a\xb2y\xf3\xe6\xb9s\xe7J\x81 m"\x03\x80\xe6\x10\xed_\xe1\xb5-N~\xa5\\\xf6\xabL\x94\xd6\x08c\x8c\x11B}\x1e\xff\xf4\t\xb9&amp;\xb31imU\xce\xb9N\xaf\xccyo\x81\xf0\x03\x10-\xdf\x07;\xdd\xdb\xe1\x85\xd6E\xc7\\\x9c\xf3\xf8J*\xc2\x80\x1aU\x8b\n\x8b\xff\xf7\xf0\xedC\xdf}E\xa7\xd7a\x8c\x81\x01\xa5\xe4\x87U\x9b6\xac\xde\x94\xccA&amp;\xa62\x9b\xc3\xb6\xfc\xd3\x95\xbf\xfe\xf4[I\xfb\x94\xa7V\xf5\xafL\x9cV"\xb0_\xbf~EEEr\x13\xa0Ad\x00\xd0\x16\xa2T\x9a\x97\x97\x97\x97\x97\'\x06\xff\xb5 \xfbU&amp;N\xd1\x08\x13#\xa1\xcb\xe6\xad\xdc\xb9u\x8f\xd9jJ\xc2J\xca9\xd7\x19t\x7f\xfeq\xf4\xc7o6\x8b\xff\x14\x83@\x9d\xba\xb7\xf1\xba}\x84\x92\xbf\xef\xa20\xc6\x8a\x8e\x1e?z\xa2I\x8b[Z=\xf5\x00\x00`\x82\x85\xe5\xfd\xaa\xcf\xd7QJ\x92t\xef9\xa2\n\r\xf8\x023\'~\x82J\x0e1hA\xf5\xafL\x94\x96\x08\x14\xdd\xe0\x82\x82\x82\xf1\xe3\xc7\xcbM\x80\x06\x91\x01@C\x88\xdc_\x98+!\x84\t\xa1\x8ciE\xf6\xabL\x94\xd6\x08cL%\x840\x95\xbd\xff\xdaG\xc9\xe9\xa6r\xe0\x06\x83\xfe\xf7\xfc\x83~o \xd6\xd5E\xa8\xe1\xad\r*]T!\x12&gt;\xd3\xf9)\x85*~\x8f\xff\x9e\xd6w\xea\r:`\xc0\x11\xe7\x9c\xef\xd9\xb1\xdf\xef\r\x9c\xd6D\xec\x82\xc3\x18\xb3g\xd9r\'/8|\xa0\x80*\x14\x004\xa2\xfaW&amp;N\x91\x08\x14#\xa1c\xc6\x8c\xc9\xcf\xcf\x971@k\xc8\x00\xa0!D\xf5_\xd8\xab*\neL\xd5\x92\xecW\x998I#L\x8c\x84n\xfev\xeb\xfa\xbc\rV\xbb5\xd1\xb3\x95\x1c!B\xc9\xf1\x82\x13\x08!Lb\x86\xbe\x97\xd6\xac\xfe\xaf\xf7\x10c\xac\xaa,\xbbrV\xa5\x8b*\xa2\x92j\x8b\xc7\xe5\r\xfaC\xc2\x83%\xb1\x97\xcd\xb9\xc1\xa4?\xb8\xef\xc8g3\x96b\x8c\x85\xa7\x8dvT\xff\xca\xc4\xc9\x12\x81\x8cR*\x8c\xace\x15Hk\xa4\xd3SU\xbe\x11\xc6\x8a\x05\x05\x05\x83\x07\x0f\x8e\xbf\xff\x9a\x92\xfd*\x13\'k\x841B\x08\xc2h\xca\xc8\x19A\x7f\x90\xd2d\x1c\rS\xa3j\xec\x7fq\x84\x10R\x14\x05\xa1\x7f+\xa1c\x84DW\xa0T\xaf\x15\x80\'g\xcd\x02\x06&amp;\xb3i\xda\x9b\x1f{\x8b}\x94R``\xb5\xd85\xa5\xfaW&amp;N\x96\x08d\x94\xd2\xf9\xf3\xe7\x8b\xc2\xa6&lt;\x1b\xac\x1d\xd2lY)\xc7\x884\xb9\x7f\xff\xfe.\x97K\x88\xfeW\xad\\\xbd\xf5\x83O{\xbc\xc5i\xd1\xfb=-\x8c\xb1\xae\x9d\xfaR\xaa\x08\xa1\xe0C\xfb\x8f\xe4N^`\xcf\xb2%t\t\xc0\x08q\xce\xcd6\xf3_\xff\x8dP\xe1\x9f\xc79\xe2g\x0e&lt;\x9csB\xb0\xdf\x1b(*t\xa1X\xe0@\x16\x9b\xd9`\xd4\'\xda\x19\x18\x18\xd8\x9c\xd6\xefW\xfe\xb4\xfa\xf3\xf5%\x8e\x8f\xd0\xa1\xf5K\x95+V\xd3\xfe\xe8\xd7i\xa1\x94z}\xc574\xba\xa3\xf1\x8d\xcdD\x06\x10\x1fm\x90\xfb\x00\xed \x03\x80&amp;\x10\xc5\x9fM\x9b6\xe5\xe6\xe6\x8a\xd9\x0fm\xca~\x95\x89\xd3i\x84\xe1\xcff,=\xb8\xefpbGB1b*\xbb\xa8ze\x84\x10\x07\xce\x01\x10B\x9b\xd6\xff\xe2s\xfb\xa9B\xcf\xf0{\x99\xca\xccV\xd3\xd6\r;|\x1e\xbf(\xb9`\x8c\xab]V\xd5b7\'&lt;i\xc5H\x8d\xb2\x99\x93\xe6\xc5=\x15\xb4\xaa\xfaW&amp;\xfe\x92\x08\x14\xd3\r%\xc3\xcd\xb2\x13\xa0\x15d\x00\xd0\x04\xa2\xfd\xdb\xabW\xafp8,N~iV\xf6\xabL\x94\xd6\x08\x03\xc6(\xa5\xdeb\xdf\x07o\xce\xb2\xd8\xcc\x89\x1b\t%\x98\x84\xc3\x91Kk_R\xb9Z%T\xe2\xf6~\xf8\xf7?\x17~\xb4$\xbbR\x16c\xc0\x18\xf0Ru\x1d\xd1\xa8T\xa3\xaa\xc5j..\xf2|\xfc\xd6&lt;\x8c\x11G\\\xec$\xae\xbb\xed\xbf\xca\x19\xc3\xc6\xf9\xc3T\xe6\xccv,\xfdd\xc5\xb6\x8d\xbf\xc5\xc3\xbf6U\xff\xca\xc4\xa9\x12\x81\x08c\x8c\x07\x0f\x1e\xecr\xb9\xa4e\x98F\x90\x01 \xf5\x88\xe4h\xfe\xfc\xf9k\xd6\xacQ\x14\x851U\xcb\xb2_e\xe2\x14\x8d0Q\xe6Z\xb3\xf4\xbb\xcd\xdfnM\xe0p=FjT\xcd\xae\xe8\xbc\xfd\xfe\xc6\xe27\x02\x00!\xf8\xa3qs\xe6\xfd\xdf"g\xb6\xdd\xe6\xb0\xe8\xf4:B0B\x08cD\x15j4\x1b\xb2+9\x8b\x8e\x17\x0fyf\xd4\x1f{\x0fa\x8c\x11G\x00\xdc\x91e\xbb\xe3\x81[\x03\xfeP\xe2z\xb0\x9csE\xaf\x1c?Z4w\xf2\x82\xb8\xec\x8f\x96U\xff\xcaDi\x89@\xc6TEQ\\.\x97\xe8r\xc9M\x80\x16\x90\x01 \xc5\x88&lt;H\xccH \x840&amp;\xda\x97\xfd*\x13\'k\x841BH4\xa2N\x1d5\x93\xd2\x04\x9e\xb0%\x84\x04\xfc\xc1\xd6][fWr2\x95\x11J\x008c0~\xc0\xe4&gt;\x8f\x0f\xfb\xe6\xcbo\x8f\x1d9\x1e\x8dD\x11B\x00\xdc\xef\r\xe4\xff\xba\xf7\xc3\xb1s\xba\xdd\xd7s\xcbw\xbfb\x82\x81sJ\t\xe7\xfc\x89W:T\xa9V)\x1aN\xa0\xfc\x0eS\x99\xddi\x9b7u\xd1\x91?\x8e\x12J\x00@\xe3\xaa\x7fe\xe2\x14\x89@\xa1\x0e"\xe6\xdcd!H\x0b\xc8nL\x8a\x11\xe9\xff\xeb\xaf\xbf&gt;p\xe0@\x9dN\xa7\xaajZ\xc8~\x95\x89\x935\xc2\x08\xc6\x981\xd6\x7fBN\x8b\xc7\xee.&gt;\xe1\xa6JB\x92\\``\xb1[~Z\xb3y\xc0\x93#\xd5\xa8J\x15*\x8aN\xe2\x817\x9a\x8dY\x15\x1c\x06\xb3\x813\xf0\xba}E\x85\xc5\xe2O\x89i%\x0e\x9cs\xfe\xd0\xe3\xf7\xe6\xbc\xf6\xac\xcf\xebO\\\x18\x06\x00\xa3\xd9xh\xdf\x91\x17\x1e\xea\x13\xf4\x870!LU\xd3B\xf5\xafL\x94\x96\x08\xd4\xe9\xf4\xd1h\xa4Y\xb3f\xcb\x97/\x97\nq)\'\xed\x13\xcc\xb4F\xf4~\xf7\xee\xdd;z\xf4hB\x08O\x1f\xd9\xaf2q\xb2F\x18\x88B\xc7G\xe3\xe7\x9c8\xe6R\xf4\x89:\xe1L(\xf1y\xfc7\xdc\xde\xe8\xf5\x0f\x07V\xba\xa8"S\x99\x18\xf2\xd1\xe9u\x8aBC\x81\xd0\x9f\x07\x8f\xfe\xbe\xeb\x8f\x03{\x0e\x15\x15\x16c\x1c\xfb&gt;\x00\x00\x03\x8c\xd1\xe3/?\xd6}\xc43\x01\x7f0\xb1\x9f\x02G\x94\xd2io~\xec\xf7\x06\x08!\xc0X\xfa\xa8\xfe\x95\x89R\x12\x81\x8cQ\xaa\xe4\xe5\xe5\xc5m\x8eR}m\x19\x8d\x0c\x00\xa9D\xf4~\x87\x0f\x1f\xee\xf1x(UT5\x9a^\xb2_e"\xae\x11\x06\x00\x84\x92\x82\x83\xc7\xe6M]\xe4p&amp;\xd08^\x98\xc2\xdf\xd0\xb4\xe1\xbb\x8bF?\xfa\xe4\xfd\x8el;c\x10\x8dD\xd5\xbf\xfdF\xce\xb9\xf8&gt;\xc6\xf8\x86\xdb\x1bN\xf8\xe4\xb5\xae}:\x06\xfd!\xf1\x01%\xe8\xf2\x18c6\xa7u\xc3\xeaM\xeb\x97o(\x19\xfdL\x1b\xd5\xbf2QZ"\x90Al$T\x18\x9d\xca\x91\xd0\xd4"\xef~\xca\x10\xfb\xdf\xb5k\xd7\xdey\xe7\x9d\xe2\x83\x00`\xc3\xfbO\xbd\xf5\xa6\xe6^\x9f;]\x84_\xce\x1e\xc6T\xa7\xa3\xe2\xbb\x1f\xbc:o\xd1\xffQE\xe1\x00&amp;\x8b\xf1\xed\xcfF_R\xa3Z$\x18\xc1$Q\xeb\x1d0\xd0\x19t&amp;\xb3\xf1\xc8\x81\x82M\xeb\x7f\xd9\xfa\xe3\xf6\xdfw\x1f&lt;q\xb4(\xe0\x0f2\x150F\x8a^\xe7\xcc\xb6W\xbb\xac\xea5\x8d\xea^\xdf\xe4\xda:\xff\xa9\x85\x11\xf2\xfb\x82I\x90\x7f\xc0\x84\xbc\xf4H\xdf\xbd;~\xa7\x94\xaa\xaaZ\xef\xaa\xeb\xc6\xbf6/\x1c\x0e\xa4\xdd\xb9\xbf\x7f\x85s\xaeS\xf4\'\x8a\x8f=\xdb\xf3&gt;\x9f\xdf\xad(J4\x1a\x1d9r\xe4\x80\x01\x03d!(\x85\xc8\x00\x902\xc4\xe6\xf7\xce;\xef\\\xbbv\xad(\x8c^\xdb\xe0\x96\xb1\xc3r\xfd\xe5\xa2\xf7\xfbw8\xe7\x8a\xa2\xf3\xfa\x8a\xbb\xf5lQ\xec&gt;!\x96\xbc;[\xde6lJ\xbf\xe2\xe3\xc5\t\xea\x04\xc4\x7f5\x00\xd7\x1bt&amp;\xb3\x91#\x14\n\x84\x02\xde@(\x18\x16Z\xa1\x06\xa3\xc1d5Ylf\x9dN\x89\x84\xa3\xc1@\x08!\x9e\xe8\x8f\x80\xa9\xccY\xd1\xb1\xf0\xa3%\x13\x06\xbcO)\xe5\x1c!\xc4_\x1f4\xfd\x86\x86\xb7\xfb\xfc\xee\xf2U\xff\x89\xc1\x98\x9a\xe5\xac4u\xe6\x1b\x1f\xcf{K\x88Ege9\xb7o\xdf^\xb9re$\xba/\x92\xa4#ozj\x10R\xcfs\xe6\xccY\xbbv\xad8\xf7\x9b\x8e\xb2_e\xe2\x14\x8d0\xe1\xc2\xf8\xcd\x92o\xbf[\xf1\xa3\xcdiM\xa8R4\xc6\x98R\xa2FU\xb7\xcb\xebqy\xd5\xa8j\xb2\x98*T\xce\xba\xe8\xd2*U\xaaWvT\xb0+\n\r\xf8\x02\xc5E\xee` D\x08N\xf4b$\x1c\x1f\x8f\x1e*\x9c&gt;~.&amp;b\xf43-U\xff\xcaDi\x89@U\x8d*\x8aRTT\xd4\xbf\x7f\x7fy&amp; \x85\xc8\x00\x90\x02\xc4p\xba\xc7\xe3\x196l\x98\xd8\xec\xa7\xaf\xecW\x998Y#,v\xe4\xf5\xe3I\xf3D\xf1=\xd1\xbf]\x84\x01JccH\xd1\xa8\x1a\tG\xa3\x91\xa8\x1aU9pB\x880\x0eK\xf4e \x84\x80\x81\xd9j\x9a?m\xb1\xebx1!\x14\x00\xd2V\xf5\xafL\x9c$\x11(\xd4A\xe6\xcc\x99\xb3y\xf3fi\x1c\x9f*\xca\xf1\xd3\xa6]\xc4\xf0\xcf\xe8\xd1\xa3\xf7\xee\xdd+,_\xac\x16G\xfa\xca~\x95\x89\x935\xc28\xa5t\xdb\xc6\xdf\xbe\xcc\xfd\xda\x9e\x95\xc0n\xf0\xdf\xc1\'\x93\xcc\x81{\x000[M;\x7f\xce_\xf8\xe1\x12\xe1\xf8\x98\xd6\xaa\x7fe\xe2d\x89@\x95\x10\x1a\x89Drrr\x18cr\x13\x90\x12\xca\xf3\xd3\xa6MD\xe2\x93\x9f\x9f?v\xec\xd8\xb8\xe3c\x87\xd6/\xa6\xaf\xecW\x99(\xad\x11\x16\xf3\x8c\xc4x\xfa\xf8\xdc\xa3\x87\x0b\x93\xef\xbe\x9b*\x08%\x93_\xfb(\x1aU\t!\x00\xac\x1c\xa8\xfe\x95\x89\xb8D\xa08\x1b\xbcn\xdd\xba9s\xe6\xc8\x91\xd0\x94 \x03@\xb2\x11k\x9c\x98\x81\x13\x9e_\xe5B\xf6\xabL\xfc\xa5\x11\x06\x00\x84R\xd7\xf1\xe2\xf9\xd3\x16\x9b-\xa6\xa4yF\xa6\n``\xb5[\xd6\xe7m\xd8\xfc\xedVQ\xfb.\x07\xaa\x7fe\xe2t\x12\x81d\xd8\xb0an\xb7[\x8e\x84&amp;\x1f\x19\x00\x92\x8a\x98x[\xb3fM\xfc\x14L\xf9\x90\xfd*\x13\xa7j\x84qD\x08Y\xf8\xe1\x92]\xbf\xeeI\xa6\xfbn\n\xe0\x88($\x14\x08O\x199\x03!$\x0c\xdf\xcb\x87\xea_\x99(-\x11\xc8\x98\xaa(t\xef\xde\xbd\x13\'N\x147$\xd5W\x97Y\xc8\x00\x90&lt;\xc4\xa9\xa2p8\xdc\xabW/\x8c\xb1\xd8\xfe\x97\x1b\xd9\xaf2QZ#L\xf8\x1eG\xa3\xea\xf4\tsEM\xbc\xbc\xc2\x18\xb3\xda,\x8b&gt;^zh\xff\x11\xd1\xf6,7\xaa\x7fe\xe2\x14\x89@\xe1\x199a\xc2\x04\xd1\x12+\xcf\x19\x80\xf6\x90\x01 y\x88\xde\xef\xdc\xb9s7m\xda$\xd2\xff\xf2$\xfbU&amp;N\xd1\x08\x13cQ\xeb\xbf\xfaa\xc3\xeaM6\xa7\xb5\\\xa6\x81b\xf4\xf3\xd8\x91\xe3\xb3\xde\x9a\x1fW\xfd,O\xaa\x7fe\xe2d\x89@\x95R\xeav\xbb\x87\x0f\x1f.UB\x93Lf=v)D\xa4\xff.\x97\xab_\xbf~\x84\x10\xe1\xf8\xf8\xc8\xfdO\xd4\xa9\xd5 \xf9\xef?\xe7\x1c\x84\xea\r0\x00\xe0&lt;\x05\xaf\x1c\xa5J\xb1\xbb\xe8\xde\xbb\xdb\xd4\xbb\xea\xba\xb8c\xd4\xb47?\x0e\x05\xc3\t\x15\nM\x15\xc0\xc0l5O\x9f\x90\xeb\xf3\xf8\t\xa5\x8c1\x9b\xd5\xf9d\xc7\xde\xfe\x807\xb9\xa3_\xfc\xe4O\x9f\x010\xce\xe1_\xcc\xd2.&lt;\x18@5\x1a\xcc\xcft\x1e\x80b\xa5Qe\xf6\xec\xd9\xeb\xd6\xadS\x14\xa5\\f\x00\xdaD\x06\x80$!\xd2\xff\xc1\x83\x07\x17\x14\x14\x08\xcb\x97\xe4\xcb~\x01\x07\x06\x0c#\xac\xd7\x1b,\x16\x9b\xd5\xea\xb0Y\x1d\x16\x8bM\xaf7"\x84\x18cI\x8f\x04\xa54\xc2\x80\x13B\xf6l\xdf\xff\xd9\xf4/\xadvK9[\x02\x00\xc0l3o\xf9n\xeb\xb2y+E\x99+\xc9\xaa\x7f\x9cs\x06\x0c\x80aL\xf4:\x83\xd9l\xb5Z\x1c6\xab\xd3juX,v\x83\xc1D0\x15\xd9@\xa2\xaf$\xce\xc9\x12\x81\x8c\x10\xcc\x18\xcb\xc9\xc9\t\x87\xc3\xb2\x1b\x9c4\xe4\x8dN\x06B\x02s\xf7\xee\xdd\xf5\xea\xd5\x03\xe0\x18c\xc6\xd4\x9cgG&gt;|\xdf\x13\xc5\xee\xe3I\xe8\xfe\t\x8fY\x93\xd1\xa2\xd3\xe9\xbd&gt;\xf7\xd1\xc2\xc3\xc7O\x14\xf8\x03^\x84\xb8\xd9d\xadT\xb1Z\xd5\xca\xd5\xad\x16{$\x12\x0e\x86\x03\x04\x93\xa4\x8d\xa30\xa6:\x1d\x15\x86\x8fy~\xe5\xda\xc5\x8a\xa20`\x16\xaby\xfa\xcawlN\xab\x1aU\xcb\xcdT\x0c\x00X\xed\xd6\x97\x1e\xe9\xfb\xebO\xbf)\x8a\xa2\xaa\xacz\xb5\xcb\xa7\x8c_\xca9G\x88\'\xb4\x00\x08\x00\x1cq\xbd\xce`4\x98\x10B^\x9f\xbb\xc8u\xac\xc8u\xcc\x17\xf0F"!\x8c\x89\xd9d\xa9\x90U\xb9r\xa5\x8b\x1d\xf6l\x00\xe6\x0f\xf8bg#\x12\x0f\x00\x98\x8c\xe6}\x07v\xbe\xd0\xe7A\xd1\nRUu\xfa\xf4\xe9\x9d;w\x96\x02A\xc9A\x06\x80d \x9e\xe6\xe6\xcd\x9b\xe7\xe5\xe5\t\xd9\x9fd\xca~\x01\x80\xa2(&amp;\xa3\xe5\xb7\xdd[\xbe\xfef\xe1\xa6_\xd6\xffy\xf4\x8fh4\x12\xff\x01\x9dN_\xad\xeae74\xbc\xfd\x7f\xb7?re\xcd\xfa\xfe\x80W\xd4d\x12}a\xe8o\x1aa\x84R\xa6\xaa\xf7\xb7o\xd6g\xccK\xee"OB\x05\x82\x92\x06S\x99=\xcb\xfe\xd5\xfc\x15o\xf4\x98D)\x15\x15\x98\xa4\xa9\xfe\x19\x0c&amp;\x85*\x05\xc7\x0en\xde\xfa\xdd\xa6\x9f\xd7\xe5\xef\xfd\xf5\xd8\x89?\xc3\xe1`\xe9\x9fQ\xa8R\xa9b\xb5zW]\xf7\xbf\xdb\x1fi\xf4\x9f[#\xd1H4\x1aI\xce\x03PZ"PQt\x00\xacr\xe5\xca\xdb\xb7ow:\x9dI\x8bC\x99\x8c\x0c\x00\tG\xac\xfeyyy\xcd\x9b7\x17I\r\xe7\xc9\x93\xfd\x02`F\x839\x10\xf4}0\xfb\xcd\xa5_\x7f\xc2\x98*\xbeO\x08\x11\xb1G\xa8\x90\x8ao\xea\xf5\xc6\x07\xef\xed\xf8x\xdb\x1e:E\x1f\x89\x84\x92S\x9b*\xad\x11F\xa9\xc29`\x82\'\x7f1\xb6f\xdd\xcb\x82\x81\x04z1&amp;\t\x8e\x10F\x18\xe3\xae\xcd_&gt;|\xa0@Q\x14UU\x93\xa9\xfa\xb7\xff\xc0\xae/\xbf\xce\xfd\xfe\xa7\x15nOQ\xfc\x9bb\x08\r!\x1co\t\xc4\xff\xaf;n}\xe0\xf9\xa7\x86\xd8m\xd9\xe1p2\xce\xa5\x9f"\x11(TB\x07\x0e\x1c\xf8\xdak\xaf\xc9M@\x12\x90\x01 \xb1\x88\x11\x17\x00\xa8W\xaf\xde\xae]\xbbu:]4\x1a\xb9\xf3\xb6\x96C\xfb\xbe_\\\x9c\xf0\xe2\x0f\x00\x18\r\xa6c\xc7\x8f\x0c\x1d\xf5\xcc\xde\xdf\x7fC\x18QB\x11\xc2\x88sVJu\xae$\x18pQy\xbf\xbaN\xc3\xa1}&amp;;\x1d\x15\xc2\xe1\xe4\xac\xbf\\H3&lt;\x9ds\xcf\x91\x82\x03b\x89l\xd8\xb8\xc1\xb8\xdc\xe1\xc2&amp;%\xf1\x17\x90@\x98\xca\xb2*9\xff\xef\x8d\x193\'\xcd\xa3\n\xe5\xc01&amp;\xef\x8d\xf9\xbc\xc6eu\x83\xa1\x04\xfe\xeb8\x07\xa3\xd1\xb2}\xe7\xa6\x9c\x01\xad\xc4w(\xa1\x98\x08\xe1\xa9Sk\xfd\x94*H\xe8\x91"\x0e\x00\x97_z\xe5\xa8!3\x9c\x8e\x8a\xd1h2\xce\xa6\x89M\xc0g_~4\xf1\xfd\x81\x94*\x9csE\xa1\xdb\xb6m\xabU\xab\x96\x18\x0fK\xf4\x05d2\xf2\xe6&amp;\x16\xd1\xfb\x15&amp;\xa8\x8aB\x19S\x93&amp;\xfb%r+\x9f\xdf=\xe0\xb5\'\xf6\xfe\xfe\x9b\xa2(\xa2\xf7\xc8\x98\xca\x80\x99\x8c\xe6jU/\xab^\xed\n\xbb-\x0b\x00\x18S9p\x8c\xb1\xa2(;vm\x1e0\xa2K \xe8W\x14]R\xf2\x83\x934\xc2\xc4;\xbf\xf9\xdb\xad\xeb\xf36X\xedV\x96\xceg\x839\xe7\x06\x93\xfe\xe0\xbe#\x9f\xcdX\x8a1\x16\xa3_\xc9Q\xfd\xc3\x18\x87\xc3\xc1ZW\\]\xf3\xf2\xab\x14\xaa\xe8tz\x00P\xd5\xa8\xaaF\x01@\xaf3\xd8mY\x15\xb2\xab\xd8mY\x04\x13\xf1H\x88\xd5_Qt\xbf\xff\xb1\xfb\xf5\xf1/\'\xee\</t>
        </is>
      </c>
    </row>
    <row r="276">
      <c r="A276" s="1" t="n">
        <v>274</v>
      </c>
      <c r="B276" t="inlineStr">
        <is>
          <t>rectangle_height_number</t>
        </is>
      </c>
      <c r="C276" t="inlineStr">
        <is>
          <t>What is the missing number of the part denoted with a question mark?</t>
        </is>
      </c>
      <c r="D276" t="inlineStr">
        <is>
          <t>[2, 1, 3, 4]</t>
        </is>
      </c>
      <c r="E276" t="inlineStr">
        <is>
          <t>2</t>
        </is>
      </c>
      <c r="F276" t="inlineStr">
        <is>
          <t>There are 7 rectangles in the image with varying lengths and numbers inside them. The numbers from left to right are [1, 2, 1, 3, 3, 2, '?']. The lengths from left to right are ['short', 'medium', 'short', 'long', 'long', 'medium', 'medium'].</t>
        </is>
      </c>
      <c r="G276" t="inlineStr">
        <is>
          <t>We observe that the short rectangles are denoted as 1, the medium rectangles are denoted as 2, and the long rectangles are denoted as 3. Hence, the pattern is that the number in each rectangle corresponds to its length.</t>
        </is>
      </c>
      <c r="H276" t="inlineStr">
        <is>
          <t>Based on the pattern that the number in each rectangle corresponds to its length, the missing number of the rectangle with a question mark should be 2.</t>
        </is>
      </c>
      <c r="I276" t="inlineStr">
        <is>
          <t>b'\x89PNG\r\n\x1a\n\x00\x00\x00\rIHDR\x00\x00\x02\x00\x00\x00\x02\x00\x08\x02\x00\x00\x00{\x1aC\xad\x00\x00IuIDATx\x9c\xed\xddy|T\xd5\xdd?\xf0\xef9\xe7N\x92\x99$3\x93\x8d\xc8\xe6\x82D@\xd9\xf7]DY\xac-jED\x01\x17\x84\xb8\xf7\x17\xdajk\xb5\x05\xb4\xd6\x05Zkk[\xcb\x8eT\\\xb1\xb6\xda\n\x82\x0b \xca\xaa\xb2%\x80,\xa2\x10\x08Yg\xc923\xf7\x9e\xf3\xfb\xe3B\xca\x83\x82,I\xe6\xde\xb9\x9f\xf7\xeby\xbd\x9e6\xa1\x93oN\xce=\x9fs\xcf=\xf7^\xa6\x94"\x00\x00p\x1e\x1e\xef\x02\x00\x00 &gt;\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i\xf1.\x00\xa0\xd1)\xa5\xce\xe2\x7f\xc5\x18k\xf0J\xce\x8e\xdd\xeb\x07\xcbB\x00@\x02RJI)\x95R\x8c1\xc6\x18\xe7gs\xa6\xdb \x1frv\xec^?\xd8\x05;\xbb\xc9\x05\x80\x05\x99C\x1e\x11\t!\x8e\xffz \x10\x90R2v\xba\xbd\xdd\x9c;\xfb\xfd\xfe\xe3\xbfh\x0e\xa6\x9c\xf3\xc6\x9bY\xdb\xbd~\xb0\x1d\x04\x00$\x02\xa5\x94a\x18\x9av\xf4\x8c6\x14\n\xad_\xbf~\xdd\xba\xb5\x9f}\xf6yEEEQQ\x91n\xe8\xa7\xffi\x8c\x98"\xd5\xf6\xe2\xb6~\xbf\xbfg\xcf\x9e\xdd\xbbw\xef\xdd\xbbw\xcb\x96-\xcd\xef\xea\xba\xce9o\xd8\t\xb5\xdd\xeb\x07\x9bB\x00\x80\xed\x19\x86aN\x99\xa3\xd1\xe8\xd2\xa5K_|\xf1\xc5\x8d\x1b7\xee\xdf\xbf\xbf\x01\x7fDFFF\xcf\x9e=\xc7\x8c\x193j\xd4\xa8f\xcd\x9a\x11\x91\xae\xebB\x88\x06\x99M\xdb\xbd~\xb0/\x04\x00\xd8\x98\xd9{\x19c\x81@`\xf6\xec\xd9\x8b\x16-\xda\xb2eK\xfdw\xd3\xd2\xd3Z\x9d\xdf2\'7\xa7M\xdeE\x99\x99~]7Ng\xbcS\xa48\xe3\xb1X\xacpkQUe`\xff\xde\xaf++*\xeb\xbf\xdb\xbcE\xf3q\xb7\x8c\x9b4iR\xbbv\xed\x88HJy.Si\xbb\xd7\x0fv\x87\x00\x00\xbb\xaa\x9f8\xcf\x9f?\xff\x99g\x9e\xd9\xb1c\x87\xf9\xf5V\xad[\xf6\x1f\xd2o\xe8\x88!\x97v\xee\x90{^NjZ\x9a\x10B\x08~f\x1d]\xa9XL\x8f\xd4E\xca\x8e\x94\xed\xda\xf1\xe5\xea\x0f\xd6\xacZ\xb1zG\xe1.\xf3\x9b\x99\x99\x99\x0f&lt;\xf0\xc0\x94)S|&gt;\x9f\xae\xeb\xf5K7\x8e\xaa\x1f\x12\x00\x02\x00l\xc9\x1c=\x8b\x8b\x8b\'N\x9c\xb8l\xd92\xf3\x8b\xed/m7\xf1\xbe\xdbF\x8e\x1a\x91\xd3,K)UW\x17\x89Ec\xd2\x90\x8a\xd4\x99\xf7s\xc6\x19c\x9c\xb9\\\xae\xe4\x94dM\xd3B\xc1\xe0\xda\x8f\xd7\xcf\xfe\xd3\xbcU\x1f|l\xfe\x8bv\xed\xda\xcd\x9d;w\xc0\x80\x01\xe6\x15\xda3ZN\xb1{\xfd\x90\x18\x10\x00`?\xe6\xa4u\xd9\xb2e\x13\xef\x9cX|\xb0\x98\x88\xda\xe4\xb5\xb9g\xca\xe4\x1f\xddp\x8d/\xc3\x17\x0e\x86c\xb1\x18\x115\xc8\x8e\x17\xa5\x94\x94\x8a\x94\x12\x9aHMK\x95\xd2X\xb9\xe2\xe3\x17\x9e\x9d\xb5f\xe5\xa7D\x94\x9c\x9c\xf4\xd4SO\x17\x14\x14\x9c\xd1\x18j\xf7\xfa!a \x00\xc0f\xcc\xd1s\xf6\xec\xd9\xf9\xf9\xf9\xe6Wn\xcb\x1f\xff\xf3\xdfL\xc9\xc9\xcd\tT\x06\x0c\xdd\xe0\xa2\xb1v:\x1a\x86\xc1\x18\xf3\xfa\xd2\r\xdd\x98\xf7\xb7\x17g&gt;\xfel8\x14&amp;\xa2\xc9\x93\'\xcf\x9a5\xcb0\x8c\xd3\x19\xb2\xed^?$\x12\x04\x00\xd8\x89\xb9rR?z\xfa3|\xbf\xfd\xc3\xb4\x1b\'\x8c\x0eV\x05\xa3\xd1h\xd3\xace\x9b\xc3hVN\xd6\xc6O7\xfd\xfc\x9e_\x14n\xddA\xc7\xc6\xd0\xef\x9dG\xdb\xbd~H0\x08\x00\xb0\x8d\x13F\xcf\x9c\xdc\x9cY\x8b\xff2\xe8\x8a\x01\x87\x0f\x95h\x9a\xd6\xc4\xc3V,\x16\xf3g\xf8\xcbK\xcbo\x1f=\xf9\xf3\r_\xd0q\xf3\xe8\x13n\xe3J\x98\xfa!\xf1 \x00\xc0\x1e\xcc\x81i\xc5\x8a\x15\xc3\x86\r#\xa2\xcc\xac\xcc\x7f\xaf|\xe3\xc26\x17VUV\xb9\\\xae\xb8\x94\xa4\xebFrJ\x92\x10\xe2\x96\x1f\xde\xfa\xe9\xeauD4m\xda\xb4\xa9S\xa7~\xe7\xbe\x1a\xbb\xd7\x0f\t\t\x01\x006`nW/))\xe9\xd2\xb5\xcb\x91\x92#^\x9fw\xc1\x92\xd9\xbd\xfa\xf5\x0cT\x064W&lt;\x87*\xc30\x92S\x92C\xc1\xd0\xf8Qwl\xdb\xbc\x9d1\xb6l\xd9\xb2a\xc3\x86\x9d0\x8f\xb6{\xfd\x90\xa8p\x0f\x08\xd8\x80\xf9\xa4\x84\t\x13&amp;\x94\x1c.!\xa2\xc7\xff0u\xd0\x15\x03\xaa*\xab\xe2;z\x12\x91\x10\xa2\xae\xb6.;\'\xeb\xf9\x05\x7f\xf4g\xf8\x14\xa9\t\xb7N8|\xf80c\xcc|\xaa\x8f\xc9\xee\xf5C\xa2B\x00\x80\xd5\x99\xb3\xd1\xc5\x8b\x17/_\xbe\x9c\x88n\xbe}\xcc\xd8\xdbn&lt;|\xa8$^+\'\'\xd04\xad\xaa2\xd0\xa1c\xbbi\xcf\xfc\x9a\x14\x95\x1c.y\xf8\xe1\x879\xe7\xf5\xe7\xd6v\xaf\x1f\x12\x18\x96\x80\xc0\xd2\x94RJ\xa9\xaa\xaa\xaa&gt;}\xfa\xec\xdd\xbb\xf7\xfc\x0b[\xbf\xb3\xfa\x9f\xc9\xc9\xc9\xe6V\x96xW\xf7?\x86n\xf8\xb3\xfcw\xdex\xd7\xbb\xff^\x96\x9c\x9c\xbcz\xf5\xea\x9e={\x9a\x8fb\xb6u\xfdxPDb\xc3_\x17,\xcd\xdc\x9c&gt;\x7f\xfe\xfc\xdd\xbbwK)\xef\x9e29\'7;\x1a\x8dZj\xf4$"\xc6Y,\x1a\x9b\xf2\xab\x07\x92\x93\x93#\x91\xc8\xd4\xa9S\xcd\xa1\xdf\xee\xf5\xc7\xbb.h\\\x08\x00\xb0.\xa5\x94\x10\xa2\xb6\xb6v\xfe\xfc\xf9\x8c\xb1\x8b\xf3\xda\\\x7f\xd3\xb5U\x15\x01\x0b\xeeQ\xe1\x9c\x87C\xe1\xce\xdd;]s\xfdH"Z\xb5jUQQ\x91\x10\x82sn\xeb\xfaq% \xb1!\x00\xc0\xba\xcc\xfb\x92V\xacX\xb1}\xfbv\xa5\xd4\xe4\x9f\xdc\xe9\xf3{u\xfd\x0c\x9e\x8c\xdf\x948\xe7\x91H4\xff\xffM\xf2x\xdc\xd5\xd5\xd5s\xe6\xce1\xbfh\xd7\xfa\xe7\xcc!"\x04@bC\x00\x80\xd5-X\xb0\x801\x96\xdb&lt;\xf7\x07\xd7\x8d\x08\x05\xc3\x96\xdd\x9e\xc89\xaf\x0eWw\xee\xde\xb1\xef\xa0&gt;\x8c\xb17^\x7f#\x1c\x0e\x13\x919\xfd\xb7_\xfdo\xbcQSS\xa3i\x1a\x16\x82\x12\x18\x02\x00,\xca\\\xff\t\x04\x02\xeb7\xacWJ\r\xbab@N\xb3\xecX,f\xb5\xd5\xf3\xe3)\xa5\x18\xe3\xc3\x7f8L)u\xf0\xe0\xc1\xc2\xc2B]\xd7\xd7\xad[g\xcb\xfa\x8b\x0fn\xde\xbc\x99p\x12\x90\xd0\x10\x00`Q\xe6\xb8\xb3q\xe3\xc6\x03\xdf\x1c \xa2\xa1#\x87X\x7f"*\x84\xa8\xab\xa9\xed\x7fy\xdf4o\x9aa\x18\xabV\xad\xda\xbaukqq1\xd9\xb1~\xddxw\xe9\xbbt\xec\xad5\x90\x90\x10\x00`Q\xe6\xb8\xb3~\xc3z"\xf2\xa4y.\xed\xdc!R\x1b\xb1\xf8\xaeD\xc6X$\x12m\xd5\xba\xc5Em.$\xa2\xcd\x9b7\xafY\xb3\x86\x88&lt;\xa9\xb6\xac\x7f\xe3\x86\x8dDd\xf1\x9a\xe1\\\xe0O\x0b\x16e.\x95l\xda\xb8\x89\x88\xce\xbf\xa0u\xf3\x16\xb9\x16_?1I)\xdd\x1ew\x87N\xed\x88h\xcb\x96-\xff}\xf7\xbfD\xd4\xfa\x82V\xf6\xaa\xff\xd2N\xed\x89\xa8\xa8\xa8(\x1c\x0e\xe3\xa6\xb0\x04\x86\x00\x00\x8b2\xf7\xa1\x97\x96\x96\x12QVvfjZ\xaaa\x18\xf1.\xea\xfb)\xa5\xb8\x10\xe7\xb58\x8f\x88***\xbe\xfe\xfak\xb2m\xfdU\x81\xaa\xda\xda\xdaxW\x04\x8d\x08\x01\x00Vd\xde\x83\x1a\x08\x04v\xed\xdaEDy\xed\xdb\n\x9blGa\x8c\x19\xba\x9e\xd7\xbe-\x11\x95\x94\x94\xec\xd9\xbd\x87lX\x7f\xdb\xf6\x17\x13Q0\x10,**"\\\x07N\\\x96\xbb!\x05\xa0\x9eR*\xa6\xc7\x88(#3\xc3F\x0b\x11J\xa9\x8c\xcc\x0c"\xd2u\xdd\x1c:mZ\xbf\x94\xd2\xb2w-@\x83\xc0\x19\x00X\x9a\xb9hn\xbba\xc8,\xb8\xfe\xedZ6\xad\x9f\x8e\xb5?$*\x04\x00\xd8\x80\xed\x86\xa1\x13\n\xb6{\xfd\x90\xa8\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de\x058\x82R\xea,\xfeW\x8c\xb1\x06\xaf\x04\xa0\xe9\xd9\xbd\xff\xdb\xbd\xfeS@\x004\n\xa5\x94\x94R)\xc5\x18c\x8cq~6gZ\r\xf2!\x00M\xcf\xee\xfd\xdf\xee\xf5\x9f&gt;\x04@C2\xff\xe4D$\x84\x10B\xd4\x7f=\x10\x08H)\x19c\xa79\x950\xe7\x0e~\xbf\xff\xf8\x0f1;\x13\xe7\xdc\x163\x0bp \xbb\xf7\x7f\xbb\xd7\x7f\x16\x10\x00\rC)e\x18\x86\xa6i\xe6\x9f&lt;\x14\n\xad_\xbf~\xdd\xba\xb5\x9f}\xf6yEEEQQ\x91n\xe8\xa7\xffi\x8c\x98"\xd5\xf6\xe2\xb6~\xbf\xbfg\xcf\x9e\xdd\xbbw\xef\xdd\xbbw\xcb\x96-\xcd\xef\xea\xba\xce9\xb7\xe6\x84\x02\x9c\xc9\xee\xfd\xdf\xee\xf5\x9f5\x04@\x030\x0cC\x08\xa1iZ4\x1a]\xbat\xe9\x8b/\xbe\xb8q\xe3\xc6\xfd\xfb\xf7\x9f\xe3\xc7\x96\x95\x96\x11\xd1\xd2\xa5K\x89(##\xa3g\xcf\x9ec\xc6\x8c\x195jT\xb3f\xcd\x88H\xd7u!\x84\xa5f\x13\xe0Lv\xef\xffv\xaf\xff\\ \x00\xce\x89yJ(\x84\x08\x04\x02\xb3g\xcf^\xb4h\xd1\x96-[\xea\xbf\x9b\x96\x9e\xd6\xea\xfc\x969\xb99m\xf2.\xca\xcc\xf4\xeb\xbaq:\x7foE\x8a3\x1e\x8b\xc5\n\xb7\x16UU\x06\xf6\xef\xfd\xba\xb2\xa2\xb2\xb2\xb2r\xf9\xf2\xe5\xcb\x97/\xff\xcd\xd4\xdf\x8c\xbbe\xdc\xa4I\x93\xda\xb5kGDRJ\x8bL%\xc0\x81\xec\xde\xff\xed^\xff\xb9C\x00\x9c=s\xe2@D\xf3\xe7\xcf\x7f\xe6\x99gv\xec\xd8a~\xbdU\xeb\x96\xfd\x87\xf4\x1b:b\xc8\xa5\x9d;\xe4\x9e\x97\x93\x9a\x96&amp;\x84\x10\x82\x9f\xd9N\x02\xa5b1=R\x17);R\xb6k\xc7\x97\xab?X\xb3j\xc5\xea\x1d\x85\xbb\x0e\x15\x1f\x9a9s\xe6\xbcy\xf3\x1ex\xe0\x81)S\xa6\xf8|&gt;]\xd75\r\x7fGhjv\xef\xffv\xaf\xbfA`\xe08Kf\xef)..\x9e8q\xe2\xb2e\xcb\xcc/\xb6\xbf\xb4\xdd\xc4\xfbn\x1b9jDN\xb3,\xa5T]]$\x16\x8d\x85\x02!E\xea\xccw\x921\xce\x18\xe3,\xbbYv\xcb\xf3[\x0e\xfb\xc1U\xa1`p\xed\xc7\xebg\xffi\xde\xaa\x0f&gt;\xae\xa8\xa8\x98&gt;}\xfa+\xaf\xbc2w\xee\xdc\x01\x03\x06\x98W\xa8\xe2~:\t\xcea\xf7\xfeo\xf7\xfa\x1b\n\x02\xe0l\x98\xa1\xbdl\xd9\xb2\x89wN,&gt;XLDm\xf2\xda\xdc3e\xf2\x8fn\xb8\xc6\x97\xe1\x0b\x07\xc3\x95\x15UDd^\xf1\xe7\xe2\x9cN\xf1b\xb1X$\x12%\xa5\x84&amp;\xae\x18&gt;\xe4\xf2\xab\x06\xad\\\xf1\xf1\x0b\xcf\xceZ\xb3\xf2\xd3\x9d;w^y\xe5\xd0\xa7\x9ez\xba\xa0\xa0\xc0\xdc\xbd\x80\x0c\x80&amp;`\xf7\xfeo\xf7\xfa\x1b\x10\x96\x8f\xcf\x98\xd9{f\xcf\x9e=r\xe4H\xb3\xf7\xdc\x96?\xfe_\x1f\xbe&gt;a\xf28\xc6XeY\xa59\xb9h\xa8+&lt;\x8c1!\xb8\xd0\x04\x11\x05\x03\xc1\xeap\xcd\xd0\x11\x97\xbf\xfc\xce\x8b\xd3\x9e\xf9uZzZ$\x12\x9d2eJ~~&gt;\xe7\xdc\xdcgv\xee?\x11\xe0\x14\xec\xde\xff\xed^\x7f\xc3B\x00\x9c\x19s\xaf\xd8\xec\xd9\xb3\xf3\xf3\xf3\x89\xc8\x9f\xe1{~\xfe\xb3\xcf\xfc\xf5\xc9\x94\x94\x94\xf2\xd2r"\x12Z#^\xd9\x17Bp\xce\x03U\xc1\xea\xea\x9a{\x7fv\xd7k\xef\xbeti\xa7\xf6Dd\xd6#\x84P\xea,\xceU\x01N\x97\xdd\xfb\xbf\xdd\xebop\x08\x803`N\r\xea{ONn\xce\xfc7f\x8f\xbdmLiI\xa9\xd9\xb1\x9a\xa6\x0c\xb3\x1b\x1d9|\xa4s\xf7N/\xbf\xb3\xa8[\xaf\xaet\xac\x0f\x99\xf3\x88\xa6)\x03\x9c\xc6\xee\xfd\xdf\xee\xf57\x06\x04\xc0\xe92{\xcf\x8a\x15+\xcc\xde\x93\x99\x95\xf9\xcf\xf7_\xed\xd5\xaf\xe7\xe1C%.\x97\xab\xe9\x17\xef\\.W\xa0*\x98\x9a\x9e\xfa\xe6\x8aW\xfb\r\xeaCD\xb3g\xcf\x9e&gt;}\xba\x10B\xd7\xcf\xe0\xa6\x15\x80\xd3a\xf7\xfeo\xf7\xfa\x1b\t\x02\xe0\xb4H)\x85\x10%%%\xe3\'\x8cg\x8c\xf9\xfc\xbe\xb9\xaf\xbdpa\x9b\x0b\x03\x95\x01\x97\xcb\x15\xaf\xaa4MD#Q)\xe5\xdf\xfe\xf1\xe7\x8e].#\xa2\xe9\xd3\xa7/_\xbe\\\xd34\xc30\xe2U\x15$\x1e\xbb\xf7\x7f\xbb\xd7\xdfx\x10\x00\xa7\xc5\xbcS|\xc2\x84\t%\x87K\x88\xe8\xf1?L\x1dt\xc5\x80\xaa\xca*\xcd\x15\xe7mTB\x88\xba\xda\xba\xec\x9c\xac\xe7\x17\xfc\xd1\x9f\xe1S\xa4&amp;\xdc:\xe1\xf0\xe1\xc3\x8c1\xac\x05A\x03\xb2u\xff\xc7\xf1{2\x08\x80\xefg\x9e&lt;.^\xbcx\xf9\xf2\xe5Dt\xf3\xedc\xc6\xdev\xa3y\xe6\x18\xef\xd2\x88\x884M\xab\xaa\x0ct\xe8\xd8n\xda3\xbf&amp;E%\x87K\x1e~\xf8a\xce9\xae\x06CCq\xb9\\\xf6\xed\xff8~O\x01\x01\xf0=\xcc\xa7\xb9VTT&lt;\xf6\xd8c\x9c\xf3\x0b\xdb\\\xf0\xab\xdf\xfe"P\x19\xb4\xd4\xcd\xb7.\x97\xab\xbc\xb4b\xcc\xad\xa3\xaf\x1e5\x82\x88^~\xf9\xe5\r\x1b6\xe0\x820\x9c;s\x18*//\xb7i\xff\xc7\xf1{j\x08\x80\xefa\x18\x06\xe7|\xfe\xfc\xf9\xbbw\xef\x96R\xde=erNnv4\x1a\xb5\xda-W\x8c\xb3X46\xe5W\x0f$\'\'G"\x91\xa9S\xa7\x9e\xfe\xd3k\x01N\xc6\xbc 9w\xee\\\x9b\xf6\x7f\x1c\xbf\xa7\x86\x008\x15\xa5\x94\x10\xa2\xb6\xb6v\xfe\xfc\xf9\x8c\xb1\x8b\xf3\xda\\\x7f\xd3\xb5U\x15\x01KM\x1fL\x9c\xf3p(\xdc\xb9{\xa7k\xae\x1fID\xabV\xad***\x12B\xe0$\x00\xce\x85\xcb\xe5\x92R\xda\xb7\xffs\xceq\xfc\x9e\xea\xe76\xea\xa7\xdb\x9d\xf9\x8c\x8e\x15+Vl\xdf\xbe])5\xf9\'w\xfa\xfc^\xcbn\xb2\xe4\x9cG"\xd1\xfc\xff7\xc9\xe3qWWW\xcf\x993\x87\x88\x10\x00p.\xbc^\xef\xea\xd5\xabw\xec\xd8a\xbf\xfe?w\x8e\xf9E\x1c\xbf\xa7\xfa\xa1\x8d\xfa\xe9\x89a\xc1\x82\x05\x8c\xb1\xdc\xe6\xb9?\xb8nD(\x18&gt;\xfe-?\x96\xc29\xaf\x0eWw\xee\xde\xb1\xef\xa0&gt;\x8c\xb17\xdex\xa3\xa6\xa6F\xd34,\x04\xc1Yc\x8c\x99\xd3g\xfb\xf5\xff\xd7\xdf\x08\x87\xc3Dd\xd7\xfa\x9b\xe4\xf8E\x00\x9c\x94\xb9\xfe\x13\x08\x04\xd6oX\xaf\x94\x1at\xc5\x80\x9cf\xd9\xb1X\xccj\xab\x87\xc7SJ1\xc6\x87\xffp\x98R\xea`\xf1\xc1\xcd\x9b7\x13N\x02\xe0\x1c\x1c&lt;xp\xc3\x86\r\xb6\xec\xff\x07\x0f\x16\x16\x16\xea\xba\xben\xdd:[\xd6\xdf$\xc7/\x02\xe0\xa4\xccv\xdf\xb8q\xe3\x81o\x0e\x10\xd1\xd0\x91C\xac?\x91\x16B\xd4\xd5\xd4\xf6\xbf\xbco\x9a7\xcd\xd0\x8dw\x97\xbeK\xc76r\x00\x9c)M\xd3&gt;\xfd\xf4\xd3]\xbbv\x91\x1d\xfb\xbfa\xacZ\xb5j\xeb\xd6\xad\xc5\xc5\xc5d\xc7\xfa\x9b\xe4\xf8E\x00\x9c\x94\xd9\xee\xeb7\xac\'"O\x9a\xe7\xd2\xce\x1d"\xb5\x11\x8b\xbf~\x8b1\x16\x89D[\xb5nqQ\x9b\x0b\x89h\xe3\x86\x8dDd\xf1\x9a\xc1\xb2\x92\x92\x926n\xdc\xa8\xebz\x8a;\xc5\x8e\xfd\x7f\xf3\xe6\xcdk\xd6\xac!"O*\x8e\xdf\xeff\xe9\xe6\x88/\xf3Tq\xd3\xc6MDt\xfe\x05\xad\x9b\xb7\xc8\xb5\xf8\xf9\xa3IJ\xe9\xf6\xb8\xcd\xa7\x0c\x16\x15\x15\x85\xc3a\xdc\x14\x06g\'\x1a\x8dn\xdc\xb8\x91\x88Z\x9f\xdf\xca^\xfd\xbfC\xa7vD\xb4e\xcb\x96\xff\xbe\xfb_"j}\x81\xcd\xeao\xb2\xe3\x17\x01pR\xe6&gt;\xdc\xd2\xd2R"\xca\xca\xceLMK\xb5\xc5\x03v\x94R\\\x88\xf3Z\x9cGDU\x81\xaa\xda\xda\xdaxW\x04v%\xa5\xac\xac\xac$\xa2\xecf\xb6\xec\xff\x15\x15\x15_\x7f\xfd5\xe1\xf8=9\x04\xc0wSJq\xce\x03\x81\x80\xb9\x00\x9a\xd7\xbe\xad\xb0\xc9v\x1a\xc6\x98\xa1\xebm\xdb_LD\xc1@\xb0\xa8\xa8\x88p\x1d\x18\xce\x96\xb9e\xfe\x92\x0e\x97\xd8\xab\xff\xe7\xb5oKD%%%{v\xef!\x1c\xbf\'g\xb9\x1b",E)\x15\xd3cD\x94\x91\x99a\xa3\x85\x14\xa5TFf\x06\x11I)-\xbb\xeb\x19l\xc4\xa6\xfd_\xd7us\xe8\xb4i\xfdMp\xfc\xe2\x0c\xe0{\x98\x8b\x86\xb6\x1bF\xeb\x0b\xb6\xfe\xa2\'X\x9fM\xfb\x7f\xfd\x9b\xd6mZ?5\xfe\xf1\x8b\x008-\xb6\x1bFmW0X\x99\xed\xba\xd3\t\x05\xdb\xbd\xfe\xc6\x83\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i\xf1.\xe0\xb4(\xa5\xce\xe2\x7f\xc5\x18k\xf0J\x9c\t\xed\x0f\x90\x90,\x1a\x00J))\xa5R\x8a1\xc6\x18\xe3\xfcl\xceT\x1a\xe4C\x9c\t\xed\x0f\xe0\x04\xd6\n\x00s\xc8 "!\x84\x10\xa2\xfe\xeb\x81@@J\xc9\x18;\xcd\xa9\xa89\xf7\xf4\xfb\xfd\xc7\x7f\x889\x18q\xce13=\x19\xb4?\x80\xa3X%\x00\x94R\x86ah\x9af\x0e\x19\xa1Ph\xfd\xfa\xf5\xeb\xd6\xad\xfd\xec\xb3\xcf+**\x8a\x8a\x8atC?\xfdOc\xc4\x14\xa9\xb6\x17\xb7\xf5\xfb\xfd={\xf6\xec\xde\xbd{\xef\xde\xbd[\xb6li~W\xd7u\xce9&amp;\xa4\xc7C\xfb\x038\x90%\x02\xc00\x0c!\x84\xa6i\xd1ht\xe9\xd2\xa5/\xbe\xf8\xe2\xc6\x8d\x1b\xf7\xef\xdf\x7f\x8e\x1f[VZFDK\x97.%\xa2\x8c\x8c\x8c\x9e={\x8e\x193f\xd4\xa8Q\xcd\x9a5#"]\xd7\x85\x10\x98\x8d\x12\xda\x1f\xc0\xa9\xe2\x1c\x00\xe6\x92\x82\x10"\x10\x08\xcc\x9e={\xd1\xa2E[\xb6l\xa9\xffnZzZ\xab\xf3[\xe6\xe4\xe6\xb4\xc9\xbb(3\xd3\xaf\xeb\xc6\xe9\x8c\x17\x8a\x14g&lt;\x16\x8b\x15n-\xaa\xaa\x0c\xec\xdf\xfbueEeee\xe5\xf2\xe5\xcb\x97/_\xfe\x9b\xa9\xbf\x19w\xcb\xb8I\x93&amp;\xb5k\xd7\x8e\x88\xa4\x94N\x9e\x8a\xa2\xfd\x01\x9c,\x9e\x01`N&lt;\x89h\xfe\xfc\xf9\xcf&lt;\xf3\xcc\x8e\x1d;\xcc\xaf\xb7j\xdd\xb2\xff\x90~CG\x0c\xb9\xb4s\x87\xdc\xf3rR\xd3\xd2\x84\x10B\xf03\xdb\x89\xa2T,\xa6G\xea"eG\xcav\xed\xf8r\xf5\x07kV\xadX\xbd\xa3p\xd7\xa1\xe2C3g\xce\x9c7o\xde\x03\x0f&lt;0e\xca\x14\x9f\xcf\xa7\xeb\xba\xa6Y\xe2L\xa8\x89\xa1\xfd\x01\x1c.n\x07\x9e9\xfa\x14\x17\x17O\x9c8q\xd9\xb2e\xe6\x17\xdb_\xdan\xe2}\xb7\x8d\x1c5"\xa7Y\x96R\xaa\xae.\x12\x8b\xc6B\x81\x90"u\xe6;\x11\x19g\x8cq\x96\xdd,\xbb\xe5\xf9-\x87\xfd\xe0\xaaP0\xb8\xf6\xe3\xf5\xb3\xff4o\xd5\x07\x1fWTTL\x9f&gt;\xfd\x95W^\x99;w\xee\x80\x01\x03\xcc+\x9c\x8eZ\x8e@\xfb\x03@|\x02\xc0\x9c\xf4-[\xb6l\xe2\x9d\x13\x8b\x0f\x16\x13Q\x9b\xbc6\xf7L\x99\xfc\xa3\x1b\xae\xf1e\xf8\xc2\xc1peE\x15\x11\x99;F\xb88\xa7%\x82X,\x16\x89DI)\xa1\x89+\x86\x0f\xb9\xfc\xaaA+W|\xfc\xc2\xb3\xb3\xd6\xac\xfct\xe7\xce\x9dW^9\xf4\xa9\xa7\x9e.((0w\xbf8d\x0cB\xfb\x03\x00\xc5\xe5N`s\xf4\x99={\xf6\xc8\x91#\xcd\xd1\xe7\xb6\xfc\xf1\xff\xfa\xf0\xf5\t\x93\xc71\xc6*\xcb*\xcd\xc9iC]!d\x8c\t\xc1\x85&amp;\x88(\x18\x08V\x87k\x86\x8e\xb8\xfc\xe5w^\x9c\xf6\xcc\xaf\xd3\xd2\xd3"\x91\xe8\x94)S\xf2\xf3\xf39\xe7\xe6&gt;\xc5s\xff\x89\x16\x87\xf6\x07\x00SS\x07\x80\xb9\xd7p\xf6\xec\xd9\xf9\xf9\xf9D\xe4\xcf\xf0=?\xff\xd9g\xfe\xfadJJJyi9\x11\t\xad\x11w\x86\x08!8\xe7\x81\xaa`uu\xcd\xbd?\xbb\xeb\xb5w_\xba\xb4S{"2\xeb\x11B(u\x16k\x1dv\x82\xf6\x07\x80zM\x1a\x00\xe6\xd4\xb2~\xf4\xc9\xc9\xcd\x99\xff\xc6\xec\xb1\xb7\x8d)-)5\x07\xa6\xa6)\xc3\x1c\x86\x8e\x1c&gt;\xd2\xb9{\xa7\x97\xdfY\xd4\xadWW:6\x06\x99\xf3\xd0\xa6)\xa3\xe9\xa1\xfd\x01\xe0xM\x17\x00\xe6\xe8\xb3b\xc5\ns\xf4\xc9\xcc\xca\xfc\xe7\xfb\xaf\xf6\xea\xd7\xf3\xf0\xa1\x12\x97\xcb\xd5\xf4\x8b\xbf.\x97+P\x15LMO}s\xc5\xab\xfd\x06\xf5!\xa2\xd9\xb3gO\x9f&gt;]\x08\xa1\xebgp\xd3\x93]\xa0\xfd\x01\xe0\x04M\x14\x00RJ!DII\xc9\xf8\t\xe3\x19c&gt;\xbfo\xeek/\\\xd8\xe6\xc2@e\xc0\xe5r5M\r\xdf\xa6i"\x1a\x89J)\xff\xf6\x8f?w\xecr\x19\x11M\x9f&gt;}\xf9\xf2\xe5\x9a\xa6\x19\x86\x11\xaf\xaa\x1a\x03\xda\x1f\x00\xbe\xad\x89\x02\xc0|\xd2\xc0\x84\t\x13J\x0e\x97\x10\xd1\xe3\x7f\x98:\xe8\x8a\x01U\x95U\x9a+\xce\x1b\xc0\x85\x10u\xb5u\xd99Y\xcf/\xf8\xa3?\xc3\xa7HM\xb8u\xc2\xe1\xc3\x87\x13o;\n\xda\x1f\x00N\xd0\x14\x01`.&gt;,^\xbcx\xf9\xf2\xe5Dt\xf3\xedc\xc6\xdev\xa3\xb9\xf2\xd0\x04?\xfd{i\x9aVU\x19\xe8\xd0\xb1\xdd\xb4g~M\x8aJ\x0e\x97&lt;\xfc\xf0\xc3\xc7?\xc5,\x01\xb8\\.\xb4?\x00\x9c\xa0\xd1\x03\xc0|\x1apEE\xc5c\x8f=\xc69\xbf\xb0\xcd\x05\xbf\xfa\xed/\x02\x95AK\xdd\xfc\xe9r\xb9\xcaK+\xc6\xdc:\xfa\xeaQ#\x88\xe8\xe5\x97_^\xbf~}\xfd\xa31m\xcd\xdcTS^^\x8e\xf6\x07\x80\x134z\x00\x18\x86\xc19\x9f?\x7f\xfe\xee\xdd\xbb\xa5\x94wO\x99\x9c\x93\x9b\x1d\x8dF\xadv\x8e\xcf8\x8bEcS~\xf5@rrr$\x12\x99:u\xea\xd1\xa7\x1f\xdb|S\xa2yAu\xee\xdc\xb9h\x7f\x008A\xe3\x06\x80RJ\x08Q[[;\x7f\xfe|\xc6\xd8\xc5ym\xae\xbf\xe9\xda\xaa\x8a\x80\xa5\xa6\x9f&amp;\xcey8\x14\xee\xdc\xbd\xd35\xd7\x8f$\xa2U\xabV}\xf9\xe5\x97iiiv\x9f\x84\xba\\.)%\xda\x1f\x00\xbe\xadq\x03\xc0|\xc6\xcb\x8a\x15+\xb6o\xdf\xae\x94\x9a\xfc\x93;}~\xafe7\xf9q\xce#\x91h\xfe\xff\x9b\xe4\xf1\xb8kjj\xe6\xce\x9d\x9b\x92\x92b\xf7\x01\xc8\xeb\xf5\xae^\xbdz\xc7\x8e\x1dh\x7f\x008AS\\\x04^\xb0`\x01c,\xb7y\xee\x0f\xae\x1b\x11\n\x86-{}\x8fs^\x1d\xae\xee\xdc\xbdc\xdfA}\x18c\xaf\xbf\xf1zIIIrrR\xbc\xeb:\'\x8c1s\xfa\x8f\xf6\x07\x80\x134b\x00\x98\xeb?\x81@`\xfd\x86\xf5J\xa9AW\x0c\xc8i\x96\x1d\x8b\xc5\xac\xb6\xfa|&lt;\xa5\x14c|\xf8\x0f\x87)\xa5\xbe\xf9\xfa\xebM\x9b6\xb9=\x9ex\x17uN\x0e\x1e&lt;\xb8a\xc3\x06\xb4?\x00|[#\x06\x80y\xf2\xbeq\xe3\xc6\x03\xdf\x1c \xa2\xa1#\x87X\xffz\x9e\x10\xa2\xae\xa6\xb6\xff\xe5}\xd3\xd2\xd2b1}\xe9\xd2\xa5II6\x9e\x81j\x9a\xf6\xe9\xa7\x9f\xee\xda\xb5\x8b\xd0\xfe\x00\xf0-\x8d{\x06@D\xeb7\xac\'"O\x9a\xe7\xd2\xce\x1d"\xb5\x11\x8b\xbf\xfe\x891\x16\x89D[\xb5nq\xe1\xc5\x17\x10\xd1\x86\x8d\x1b\xf4\x98ND6\xdd\x8c\x92\x94\x94\xb4q\xe3F]\xd7S\xdc)h\x7f\x008A#\x0e\x07\xe6R\xc3\xa6\x8d\x9b\x88\xe8\xfc\x0bZ7o\x91k\xf1\xf5\x07\x93\x94\xd2\xedq\x9bO\xa9,*,*))!"\x9b\x8e?\xd1ht\xe3\xc6\x8dD\xd4\xfa\xfcVh\x7f\x008A\xe3\x06\x80R\xaa\xb4\xb4\x94\x88\xb2\xb23S\xd3Rm\xf1\x80\x17\xa5\x14\x17\xe2\xbc\x16\xe7\x11Q(\x14\xaa\xab\xab\x8bwEgOJYYYID\xd9\xcd\xd0\xfe\x00p\xa2\xc6\n\x00\xa5\x14\xe7&lt;\x10\x08\x98\x0b\xd0y\xed\xdb\nM\xb3\xc5\xa3\xde\x19c\x86\xae\xe7\xb5ok\xfeg\xebO\x99O\xcd\xdc\xf2\x7fI\x87K\xd0\xfe\x00p\x82F\xbf\x11,\xa6\xc7\x88(#3\x83sn\x8b\x01\x88\x88\x94R\x19Y\x19t\xec2F\x02@\xfb\x03\xc0\xb75\xfa%As\x06g\xd9\x9b\x8fN\xc6v\x05\x9f\x9a\xed~\x1d\xdb\x15\x0c`GM\xb4\'\xc4v\'\xf2\xb6+\xf8\xd4l\xf7\xeb\xd8\xae`\x00;\xb2\xf4\xa6@\x00\x00h&lt;\x08\x00\x00\x00\x87B\x00\x00\x008\x14\x02\x00\x00\xc0\xa1\x10\x00\x00\x00\x0e\x85\x00\x00\x00p(\x04\x00\x00\x80C!\x00\x00\x00\x1c\n\x01\x00\x00\xe0P\x08\x00\x00\x00\x87B\x00\x00\x008\x14\x02\x00\x00\xc0\xa1\x10\x00\x00\x00\x0e\x85\x00\x00\x00p(\x04\x00\x00\x80C!\x00\x00\x00\x1c\n\x01\x00\x00\xe0PZ\xbc\x0bp\xa8\x13\xdev\x8b\x17`5\xa5o\xbfj\xd8^\xedo\xf7\xfa\xc9\xfe\xfd\xdf\xee\xf5\xd7\xb3w\x00HCJ%\xcd\xff\xcc\x88\tM\xc4\xb7\x9eSSJI)\x89Hp\xa1i\x1a\xe7\x9c1\xa6\x942\xa4a\xe8\x864$c\x8c\x0b;\x9d\x93\xd9\xa8\xfd\x8f6\xbe"\xce\xb9\xd0\x04\xe7\x9cq\xc6\x88\xa4R\xd2\x90\x86a\x98\x7f\x1a\xf3\x8f\x12\xefb\xbf\x83\xdd\xeb\'\xfb\xf7\x7f)\xa5\x92\x8a\x18\x13\x82\x1f\xab\x9f\x94")\xa5a\x18\x86a\x10\x91\xe0\x82,\xda\xfc\xdf\xcd\xae\x01\xa0\x14Iix\xbd\xe9\xae\xe4$RD\x8c\x94\x94\xc1@\xe8\xdb\x93#+0\xbb~RR\x92\'\xd5\xc3\x18UW\xd7\x84\x02\xa1\x9a\x9aZ=\x16s%\xb9&lt;\x9eT\x9f?\xdd\xedq\xeb1=\x1c\xaeVRY\xf900\xd9\xa8\xfd\xcd\xe36)\xd9\xe5\xf6\xa4\x0b\xc1\xeb\xea"\xe1`\xb8\xa6\xba\xa6\xae.\xa2\x94JNNr{\xdc\xe9\xbet\xb7\xc7-\rYS]\x13\x8b\xc5\x84\xb0P\x92\xd9\xbd~\xb2y\xffWJIC\nM\xa4\xa6\xa5&amp;%%\x19\xba^]]\x13\x0c\x04\xebj\xebb\xb1\x98\xa6in\x8f\xdb\xeb\xf3z}^)e8\x146\x0c\xc3j\xed\x7f\n\xb6\x0c\x00)%g,3+\xf3\x9d7\xff\xfb\xc5\xa6\xcd\x9cs%Uj\x9ag\xfc\xa4q\xc9\xc9I\xe6,\xc3:\x0c\xddH\xf1\xa4\xb8\xdd\xee\xe2\x03\xc5\xff}k\xe9\xc7\x1f\xad)\xda\xba\xf3p\xf1\xe1\x9a\x9a\x1a\xc3\x90B\x88\xb4\xf4\xb4\x16\xad\x9aw\xeb\xd9\xe5\xca\xab\x87\xf6\x1b\xd4\xc7\x95\xe4\n\x05CV\xeeCvi\x7f\xf3\xd0u\xa7\xba\xdd\xee\x94C\xc5%\xef/\xfd\xf0\x93U\xeb\n\xb7\x14\x1d.&gt;\x1c\xa8\n\xc4b:)%4--=\xed\xbc\x16\xb9\x97u\xee0h\xe8\xc0\x81C\xfag\xe5d\x05\xaa\x02d\x81\xf3z\xbb\xd7o\xb2u\xff\x97R&amp;\'\'{R\xdd\xc1@h\xd3\xba\xcf\xd6\xae^\xff\xc5\xa6\xcd\xfb\xf7~]v\xa4\xac\xb6\xb6N\x1a\x06\xe3\xdc\xe3q\x9f\xd7\xf2\xbc\x8e\x9d/\xbd\xf2\xea\xa1\x83\xaf\x1c\xe8\xf5y\x83\x81\xa0E\xea\xff^\xf6\x0b\x00]7\xdc\xee\x14.\xf8\x13\x8f&lt;\xf5\xe7\x19\x7f\xad\xffzrr\xf2\x98[oLIIVJY\xa4\xebK)\x19c\x99\xd9\x19_\xee\xd8\xf3\xe2\xac\x7f\xfc\xeb\x8dw\x8e\x1c&gt;\xf2\xed\x7fV\x1d\xae.9T\xf2\xf9\x86/\xe6\xfdma\xaf~=~\xfaH\xc1\x90a\x83\xaa*\x03\x9c[h\x1eT\xcf.\xed/\xa5t\xb9\\\xa9\xfe\xd4\xa2m;^Y\xf8\xda;o\xfe\xb7\xf8\xc0\xa1\xef\xfc\x97\xe1P\xf8p\xf1\xe1/6n~i\xde+\x17^|A\xfe\x03w\x8e\xbb\xf3\xe6h$\xaa\xebz\x1c\xff\x04v\xaf\x9f\xec\xdf\xff\x95T\x9eT\xf7\xc1\xaf\x8b\xdfz\xed\xedw\xde\xfcO\xe1\xd6\x1d\xdf\xf9\xcfj\xaak\xcaJ\xcb\xb7}\xb1\xfd\x95\x17_\xbf\xac\xcb\xa5\x0f\xfe\xe6\xa7\xc3\xaf\xb9*P\x15\xff\xfaO\x87\xcd\x02@\xd7u\x7f\x86\xaf\xf8\xc0\xe1\x07\xef{\xf8\xa3\xf7Vr\xce\xebW\xe22\xb33\xac0\xee\xd4SJyR=\x86n\xfc\xf9\x99\xbf&gt;?\xf3\x05sR&amp;\x840\x0b\x96R\x99\x18c\x9cs\xa5\x94"%\xa5\xdc\xf0\xe9\xa6\x9b\x7f8\xe1\x97\xd3\x1f|\xe0\xa1{\x83\x81\xa0\xd5\xfa\x90]\xda_)\x95\xe2N\tV\x05\x9f\x9e6\xf3\xa5y\xaf\xd4T\xd7\x10\x11\x17\\\x08\xc1\x88\xc9c\x88\x88s.\x04\'bRI%\xd5W{\xf6\xff\xaa\xe07k&gt;\xfa\xe4\x0f\xb3fh.\xcd\xd0\x8d\xb8\xfcRv\xaf\x9f\xec\xdf\xff\rCz}i\xaf\xbe\xf8\xc6c\xbf\xfc\x9dY&lt;\x11i.\x8d3n\x96\xaa\xa4""\xc6X\xfd\xc5\x18%\xd5\xf6\xcd\x85\xb7\xdf0\xe9\x91\'~y\xef\xcf\xee\nV\x06-\xb5\x96\xf5\x9dl\x13\x00J*\xa5TvN\xd6G\xcbW\xfd\xec\xee_\x1c\xf8\xfa\xa0\xa6\t\xc3\x90\xba\xae\x1f\xbd\x94\xa4\x1b\xf1\xae\xf1\x7f\x94R\x9a\xa6\xed\xfdr\xef\xa3S\xa6\xadY\xf9)\x11\tM\x90"\xa5T,\x16;\xe1\x1f\x9b\x97\x8f\xcc\x85\x14!\x84R\xea\xa9\xa934M\xdc\xf7\xf3\xbb+\xcb\xab,re\xd5F\xed\xaf\xa4JNI\xde\xb7\xfb\xab\xf1\xd7\xddQ\xfcM1\x11\tM0b\x86a\xc4\x8c\xff5&gt;\xe7\x9cH\xd5\x8f\xa4\x8c3R\xc48\x13B\xfc\xe7\xad\xa5\xb1\x98&gt;\xeb\xe5\xbf\xc6\xe5\x97\xb2{\xfd\x94(\xfd_)\xcai\x96\x13\xa8\n\xb8\\."\x92R\xea1\xfd;\xfe\x9dAtl\xc1\xcd\x1c\xf1\x9fx\xe4\xa9\x9cf\xd9c&amp;\x8c\xae\xaa\xac\xb2\xf8Z\x90=\x02\xc00\x8c\xa4\xa4$\xb7\xc7\xfd\xfc\xcc\x17~\xf7\xe8\xd3\x86a\x08M\x18\x86\xb4\xe0%\xc7z\x9aK\xfb\xf9=\x0foZ\xf7\x99\xcb\xe5\xd2\r\x9d\x942\x0cIDy\xed\xdb\x0e\xbcb\xc0e\x9d;\xe4\xe4\xe6\xb8\\Z0\x10\xda\xbe\xb9\xf0\x9d\x7f\xfew\xdf\xee\xaf\x18g\x86a\x98\xc7\xf0\x93\xbf\x99\xd1{@\xaf\xae=:WW\xd7\xc4\xfd&lt;\xc0^\xed\xcf\x18\x8b\xc5b\xcd\xce\xcbi\x96\x9b}\xe8\xc0!M\xd3t]7K\xcdk\xdfv\xd0\x15\x03\xba\xf4\xec\xdc\xa2esO\xaa\x87\x88\x82\x81\xe0\xae\xa2/\xdf\xfd\xf7{kW\xaf#"R\xa4K\xdd\xe5\xd2\xde\xfb\xcf\x8a\x85\x7f_\x94\xff\x93I\x95\x15\x95M|\x0c\xdb\xbd~\x93\xdd\xfb\xbf\x10&lt;\x1c\n_y\xf5\x15\x83\x86\x0e\\\xfd\xc1\xc7\xe6\x17\xb3s\xb2z\xf5\xef\xd9\xa5G\xe7\x0b\xdb\\\xe0\xf3{\x85\x10\xd5\xd55{v\xed}\xff\xdd\x0f?]\xbd\x96\x88\x94\xa1\xcc\xddM\x8f\xfd\xf2\x89\x81W\xf4\xf7g\xfa\xf5\x98n\x9d3\xe3o\xb3A\x00\xe81\xdd\xebO\x0fT\x85~v\xf7/\xfe\xf5\xfa\xdb\xc4H\x08aNm\x92\x92\x93\xa2\x91h\xbc\x0b\xfc\x0e\xe6\xe1\xfa\x9b\'\x1f\x1ew\xed\x1d\xb55\xb5J*\x83T\xb7^]\xef\xfd\xe9]\x97_5\xc8\xeb\xf3J%\xa5!\x89\x14c\xfc\xfa\x9bF=\xf0\xd0=\xbf\x7f\xfc\xb9\xbf\xffi\x0e\xe7\\JI\x82\x0c\xc3\xf8\xd33\x7fY\xb8dN\xdc\xc7X\xfb\xb5?#\xc30\xbc&gt;\xefss\xff\xf0\xa3\xcb\x7f\x1c\xac\n\x12\xd1\xd0\x11C&amp;\xde{{\xef\xfe=\xcd\xdd\x1a\x86aHC\x12\x11\x17|\xc8\xb0\xcb\'\xdew\xfb\xcb\xf3_}t\xca4s\xa85\x0c\xc9\x18\xfb\xfbssn\xb8\xf9\xfa\xe4\x94d\xc3\x90Mz\x08\xdb\xbd\xfeD\xe9\xff\xe6oq\xc7\xdd\x13V\x7f\xf0q\xbf\xc1}G\xdfr\xfd\xe5W\rj\xde\xb2\xb9\x10\xc20\x0c\xa5\xa4R\xc4\x19\x13\xa3\x86\xdf]0\xf9\xf5\x7f,y\xf8\'\x8fF\xa2Q\xa5\x14\xe7\xbc\xa2\xbc\xf2\x9f\xaf\xfe\xeb\x81\x07\xef\xad(\xab\xb4\xc8I\xfcw\xb2\xfa\x12\x95R*+\'k\xeb\xe7\xdb\x7f&lt;l\xcc\xbf^\x7f[\x08!\xb80\xcf\x19\x1f~\xfc\xa1\xbcvm\xe9\xe8\xb9\xb0\xb5p\xcek\xaak\xfa\x0e\xea\xfb\xe4s\x8f\x1b\x86\xe1v\xa7L}\xfa\x91%\xcb^\xbe\xe6\xfa\x91J\xa9\xf2\xb2\x8a\xaa\x8a\xaa` \x14\n\x84\x03U\x81\xb2\xd2r\xa5\xe8\x89\xe7\x1e\x1b7\xf1f)\xa5\x10\xdc\xbcz\xb6\xfa\x835_\xee\xd8\xe3v\xa7\xc8\xf8\x1d\x04\xf6m\xffP0\xd4\xee\xd2K\x1ey\xfc\x17\xed;\xb6[\xb0d\xf6\x8b\xff\x9c7d\xd8`\xa5TEYEUeU8\x14\xae\xa9\xa9\xa9\xa9\xa9\t\x87\xc2\x15\xe5\x15\xa1\xaa\xd0\xe4{\'\xfe\xea\xb7\xbf\x90R2\xce\xa4\x94\xc4X\xf1\x81C\x1b\xd7~\xe6\xf6\xb8U\x93\xefkJ\x80\xfa\x13\xa0\xff\x0b!\xaa\xab\xab{\x0f\xe8\xf5\xe6\x8aW\x17\xbf\xbd\xf0\x96;\xc6\xfa3\xfc\x81\xaa@EYE\xa0*\x10\n\x84\xc3\xa1p \x10*/\xab\x0cT\x05n\x9f|\xebC\xd3~\xa6\xa4\xe2\x9c\x11\x11cl\xe5\xf2\xd5\xb1h\x8cq\xebN\xff\xc9\xe2\x01\xa0\x94r%\xb9\x16/xu\xf4\xf0\xb1\xbb\n\xbf4\xcfd\r\xc3HNN\xfe\xf3\xfcg\xef\x99\x92_UY\x15\xef\x1aOJ\x08Q^V\xf1\xe3\x9b\xaf\xfb\xf5\x93\xbfZ\xf8\xe6\xdc\x07\x1e\xba/\x1a\x8bUU\x06\x88H\xd3\x84\x10B\x08n^\xd6\xd34M\x1a2P\x19\xf8\xc9C\xf7z}\xe9\xe6\x992\xe3,R\x17\xd9\xf2\xf9\xd6\xe4\x94\xe4\xa6?\x80M\xb6n\x7fM\xd3\x02\x95\x81\xeb\xc7^\xfb\xe6\xf2W\x87\xfd\xe0\xaaP0\x14\x0c\x04\x89Hhf\xd3\xff\x8f\xa6i\\\xf0\x92#Gn\xb9\xe3\xa6\x0b\xda\\ \r\xc99\x17\x9c1\xc6\n\xb7\x15i.-.\x03\x90\xdd\xebO\x80\xfeODJ\xaa\xa4\xa4\xa4\x9e}zD\xea"\x95\xe5\x95\xba\xae\x0b!\x8e\xfe\t\x047\xaf\xc0\x9b\xbfNiY\xe9\x8fo\xbe.+\'\xcb\xac_)\xb5\x7f\xdf\xd7\x81\xaa\xa0\xa6\tk\xae\x94\x9a\xac\x1b\x00\xd2\x90i\xe9i\xef\xbf\xfb\xe1O\xf3\x1f\xac\xad\xad\xe3\x9c\x9b\xa7\xc6\xad\xceo\xb9\xf8\x9d\x17\xc7\xdezc\xc9\xa1\x92H$JD\x8a,\xda\xbeB\xf0` xw\xc1\xe4&gt;\x03z\x95\x1c:\xc2\x18;\xd9j,\x17&lt;\x12\x89\xb4h\xdd\xa2K\xf7\xceDtto\r\xd1\xfe\xbd_\x9b\x97\xc5\x9a\xb4n"J\x88\xf6\xa7cW#\xcd=y\xa7X\ng\x8c\x99\xbfo\xf7^]\xe8\xd8\x05=s\xbaM*\x9e\xb7v\xda\xba~[\xf7\xffzJ\xa9\xea\xeaj\xc6\x98\xd0\xc4\xc9V\xf3\x19cRJ\x9f\xcfw\xc1E\xad\x89\xc8l\xf1p(\\W\x17a\xd6;?&gt;\x9eu\x8b\xe3\x82W\x87\xab\x07_9\xf0\xf2+\x07)\xa5\x84&amp;\x0c\xdd\x180\xa4\xdf\x9b+^\xeb\xdd\xbfgyY\x05c\xfc\xe8Ey\xeb\x8e?\xc49\x0fT\x05jjj\xb5\xd3X\x07\xd44\xd1\xf2\xfc\x16Df\x07bD\x14\x0e\x85\xc9\xbc\xd1\xb6\xc9%F\xfb\x13\x91\x94\xf24\xaf\x822\xc6\xfc\x19~\xa2\xff\xb5\xb7\x15.\xdf\xd9\xba~\xfb\xf6\xff\xe3\x9d\xce"\xa7RD\x8c\x18\xe3t\xac\\f\xe1\xc7r\xd4\xb3n\x00\x10\x91\x94*9%\xf9\xd9\xd93Z\xb6n\x19\x8b\xc6\xee\xb8\xe7\xb6E\xff\x9c\x97\xd3,+X\x15t\xb9\\JI\xeb\xdctz\n\xe6\t\xfbi\xfe\xe3\x13\xfe\xa5\xe6r\x11Q\xbc\x86\xd8\xc4h\xff\xd3=\x08\x19)\xa5B\xc1\x90\xf9\xdf\x14\x11c\x94\xd3,\x9bX\x9c\x03\xce\xee\xf5\xdb\xb7\xff\x9f\x01EB\xf0\x9a\xea\x9a\x92C%d\x86\x01\x91\xcf\xefu{R\xa4!Y\xbc\x03\xec\x14,\xbd\x0b\x88sV[]{^\x8b\xdcg\xfe\xf2\xbb=\xbb\xf6\xdc\xf5\xff&amp;\x05*\x83\x864\xcc\xab\xeaJ\x91\rz\xc6\x99\x90RU\x94W\x12\x99\xab*\x8a\x88\xb2s\xb2\x94R\xf1\xea@\x8ej\x7f\xceymM\xed\xb6\xcd\x85D\xa4\xa42\xf7\x80t\xe8\xd4A\x8f\xe9\xdc\xda\xd7\xf1Lv\xaf\x9f\xac\xd7\xffO\x9fa\x18\xdet\xef\xea\x0f\xd7\x1c\xfc\xa6\xb8\xfe"p\x9b\xb6\x17y}\xdeP0d\xc1]\x12\xf5,\x1d\x00D$4\x11\xa8\n\xf6\xbf\xbc\xef\x90a\x83+\xca+\xeb\xef\x1b\x8cw]\rO\x08Q\x1d\xae\xde\xb3s/\x11\x997I\x12Q\xdbK\xda\xe8\xbaA\xf1;\x91tH\xfbG\xa3\xb1\x9cfY\xef\xbd\xb3bg\xe1.s\xdb\x86R\xd4\xea\x82V\xdd{w\xad\xa9\xae\xb1\xf8F\x0e\xb2\x7f\xfdd\xd5\xfe\x7f:\xa4\x94B\x13zL\xff\xfd\xe3\x7fTJ\x99\xab@J\xa9a\xd7\\%\x84PRYy\x9d\xc5\xc2\xa5\x1d\xc39\xaf\xab\xad3\xaf\x83Y\x7fM\xed\xecH)S\xdc)\xbb\nw\xed\xdd\xbd\x8f1f\x1e\x02\x19Y\x19\x1d:\xb5\xaf\xab\xab\x8b\xef\x0c.a\xda_\xa9\xa3#K=sC\xbd\xae\x1bY\xd9\x99\xc5\x07\x0eM\xff\xe5\x13D\x8a\x113/&lt;\xe6\xff\xe4\xce\xcc\xacL]\xd7-2\x03\xb5{\xfd\xa7`\xe5\xfe\x7fj\xe6\xbe\xd5\xf4\xf4\xb4_\xfe\xe4\x91\x8dk7\x99\x93}\xc30.\xba\xf8\xc2Q\xa3\x7f\x18\n\x86\xb8\xb5\xef\x04\xb6A\x00\xd0\xd1\x07\x9eX\xba\x1d\xcf\x914dJJ\xf2+\x8b\xde0\x0c\x83sn\xee\x1c\x18r\xd5\xe0\x96\xad[D#\xd1\xb8\x0f\xbb\x89\xd1\xfe\x9c\xb3\xfa\xad\x93B\x08\xcd\xa5\xb9=\xee\x8cL\xbf?\xc3\xf7\xc9\xaa\xb57\xfd`\xfc\x9e]{9\x17\x9c\xf3X,6\xec\x9a+o\x9d&lt;.P\x15\xb0\xce/n\xf7\xfaO\xc1\xe2\xfd\xffd\xcc;\xe4]II?\x99\xf4\xb3W\x16\xbe.\x84\xa8\xdf\x11\xf7\xf8\x1f\xa6y}\xe9\xba\xae[\xb5\xf6\xa3\xac\xbe\x04\xe4\x04\xe6\x06\xbe\xcd\x9fm}\xe3\xa57\xcd\xfdd\xe6J\xcb\x84\xc9\xb7\xc4\xac}\x1f\xb9\xbd\xe8\xba^\xbf\xa3D\x1a\xb2\xae.r\xa4\xe4H\xd1\xd6\x1d\xcb\xde^\xfe\xde\x7fV\x10\x91\xe6\xd2\xcc}M#G\r\xff\xe3\xec\x99\xdf~jM|\xd9\xbd\xfe\x93\xb1i\xff\xd7u=\xdd\x9b^Y^\xf9\x93;\x7f\xbar\xc5\xea\xfa\xed\xaaR\xca\'\xfe\xf8\xd8\x95#\x87X\xe7A^\xa7\x80\x00\x88?\xc6\x88q6\xed\xa1\xc7\xebj\xeb\xcce\x16\xc30\xae\xbd\xf1\x87}\x07\xf6\xae\xaa\xb4\xc7\x0c\xce\xca\xcc\xad\xf4\xa1`\xe8\x8e\xd1\xf9\x81\xaa\x00\xe3L)\xa5\xebF8\x14\x0eT\x06\x8e\xdf\xc8\xa4\xc7\xf4\xe6-\x9b\xdf3e\xf2\xad\xf9\xe3c\xb1\x98\x1e\x8b\xf3\xe3\x94Mv\xaf\xff{\xd9\xb1\xff\xeb\xba\xe1\xcf\xf0o\xdf\\x\xcf\xad\x0f\xec\xd9\xb5\xd7\x9c\xfbK)9\xe7O\xff\xe5\x89[\'\x8f\xaf(\xaf\xb0\xfe\xe8O\x08\x80\xb8\xd3u=\xa7Y\xce\xef\x1e}\xea\x93\x95k\x85\x10\xe6C}\xfd\x99\xfe_L\x7f\xb0\xae6b\xd9\xe9\x8f\xcd0\x92R\xee\xda\xf1\xa5\xf9\\\xe5\xe3\t!\x88\x91\xe0b\xf0U\x83F\xdfr\xdd\xc8Q#|\xe9\xbeC\x87\x0e\x11;\xfa\x00KK\xb0{\xfd\'g\xc7\xfeo\xe8\x86\xdf\xef]\xbbz\xdd\x9dc\xef\xae\xaa8\xfa\xbcOiH\x7f\x86\xef\x8f\xb3g\x8e\xbcvDEY\x855s\xeb\xdb\x10\x00\xf1\xa4\xc7\xf4\xecfY\xaf\xbc\xf8\xda\x1f\x9fz^\x08!\xa5\xe4\x82\x1b\xba1}\xc6\xaf/\xba\xf8\x02[\x9cB\xda\x88\'\xd5c.(\x1f\xdb\xc5tt=\xc5\xbc\x98\xba\xf7\xcb\xbdo\xbe\xfc\xaf\x1d\x85\xbb\x86\\9\xb8G\xdf\xee\xba\xae\xd7\xd6\xd4Z\xea0\xb6{\xfd\xdff\xc7\xfe/\xa5LMO\xdd\xb6\xa5\xf0\x8e\x1b\xf3\xeb\xdf\xfce\x18F\xfb\xcb\xda\xfde\xe1s\x1d:\xb6//-\xd74\xdb\x8c\xab68CLTzL\xcf\xcc\xce\xf8`\xd9G\x0f\xde\xf30\xe7\xcc\xbc\xe1\xd3\xd0\x8d;\xef\xbbc\xcc\x84\xd1\xd6\xec\xfd\xf6\xa5\x94\n\x07\xc3\xba\xae\xc7b1\xfd(\xe3\xe8\xff3\xa4\xae\x1b{\xbf\xdc\xf7\xde\x7fV\xfc\xf1w\x7f\xfe\xf1\xb0\x9b\xf2o\xb9\xf7\xab=\xfb\xbd&gt;\xaf\xf9\xd8;+\xb0{\xfd\xdff\xcb\xfe\xaf\x88s\x1e\xa9\x8b\x14L\xfay0\x10\x14\x9aP\xa4\x0c\xc3\xe8\x7fy\xbf\xd7\x97-\xcek\x7fqey\xa5\x8dF\x7f\xc2\x19@\xbc\xe81\xdd\x9f\xe9\xdf\xb4\xee\xf3\xbb\xc7\xdf\x1f\x89D8gBp]\xd7G\x8e\x1a&gt;\xf5\xe9G\x02V]\xfa\xb4#\xf399\x9eT\xcf\xbc\xd7\xff\x1e\x8b\xe9\x8cH\x11\xe9\xba^\x1d\xaa.=R\xb6\x7f\xdf\xd7\xdb\xbe\xd8\xb6\xe5\xf3m\xe6\x8a9\xe7\\\xd7\xf5w\xff\xb5\xec\xd3\xd5\xeb\xfe\xb2\xe0\xb9!W\r\n\xc4\xfb\xfd\xaev\xaf\xff;\xd9\xb4\xff\x1b\xd2\xc8\xc8\xcc\x98\xff\xb7\x85E\xdbv\x08M(\xa9\xa4\x94\xfd\x06\xf7]\xb8d\x8e\x10"\x1c\xac\xd6\\6\x1bQmVnb\xd0u\xdd\x97\xe1+\xda\xb6\xe3\x8e\x1b\xf3\x03UA\xf3\xbd\x8a\xban\xf4\x1d\xd8\xfb\xcf\xf3\xfe\x10\xa9\x8b(\xa5lq\xf3\x8e]\x98\xd7Q\x07_9\xf0\xb85efn5!R\xb55u{w\xef{\xf5\xc5\xd7\xe7\xfdu\xa1\xf9\x823!xUEU\xfe-\xf7\xbe\xf5\xc1\xeby\xed\xdb\xd6\xd6\xd4\xc6\xf7j\xaa\xdd\xeb?\x81}\xfb?c,\x1a\x8d\xfe\xfb\x8dw\x18c\x8c1\xa9d\x8bV\xcd\xff\xb2\xe0\x8f\x9aK\xab\xad\xa9\xb5\xe2)\xcb\xf7\xb1P\xb7p\x08]\xd7\xbd^\xef\x9e]{n\xbd~biI)\xe7\x9cq\xa6\xebF\x97\x1e\x9d\xe7\xbc\xf2\x02\x17"\xee\xef\xf2NHJ\xa9P \x1c\xa8\n\x1e\xfb\xbf@UeUEYEEYe\xa4.\xd2&amp;\xef\xa2\'\xfe\xf8\xd8\x827f\xa7{\xd3\x19c\x86!5M\xab\x0eW?\xf6\xcb\',\xf2\xb7\xb0{\xfd\xf5\xec\xdb\xff\xcd\xa7\xa3\x97\x1d)\xfbr\xc7n\xa5\x94\xf9\x86\xcbI\xf7Olu~\xcb\xeap\xb55OY\xbe\x97\x15\x1b:\x81\xe9\xba\xee\xf5\xa6\x7f\xb5o\xff\xf8k\xef(&gt;pH\x08\xc183t\xa3c\x97\xcb\x16.\x99\x93\x9a\x96\x1a\xa9\x8bX\xb3\xf7\'\x00\xf3\xe9\xf3\xff\x87&amp;\x84&amp;\x18gu\xb5u\x87\x8b\x0f\xff\xe0\xda\x91\xbf\xfa\xedC\xe6;U\x0cC\xe7\x9c\x7f\xfc\xe1\'_l\xd8\xecI\xf5X\xe1\xb1wv\xaf\x9fl\xde\xff\x95R\x9a\xd0*\xca*\x82\x81\x10\x11\x19\x86!\x84\xe87\xa8OM\xb5\xd5/\xb6\x9f\x82E\xdb:!\xe9\xba\x91\x9e\x9e\xf6\xcd\xd7\x07&amp;\\{\xc77\xfb\x0f\x98\x1b\xf8\x0c\xdd\xe8\xd4\xb5\xe3\xa2\xb7\xe6\xf92|\xb5\xb56\xeeI\xb6\xc69w\xb9\\\xa5\xa5e\xd7\xde\xf8\xa3\x96\xad[HC2\xc6\xcc\x1d\xf7k\xd7\xacKII\x96\xd2\xd2\x1b*mQ\x7f\x02\xf4\x7f\xc6Ymm\xc4\x1c\xfa\x19ci\xde\xb4\xcc\xecL\xc30\xac\xb9]\xf5t \x00\x9a\x88\xa1\x1bi\xe9\xa9\xc5\x07\x0f\x8f\xbf\xf6\x8e\xaf\xf6\xee\xaf\xef\xfd]{t\xf9\xc7\xbf\x17\xf83\xfd\xd6\xdf\xb4\x97\xd8\xcc\xfb\x8f\xbc&gt;o\x87\x8e\xed\x89\x8e&gt;\xd8\x9d\x88\xf6\xed\xfeJJe\xfd\x03\xdc\xe2\xf5\'F\xffgD\x86a\x1c}\'\xb3\x94\x91\xda\x88\xb9\x11(\xdeu\x9d=\\\x04n\n\x86ax\xd2&lt;G\x0e\x1f\x99p\xdd\x1d{\xbf\xdcW\xdf\xfb\xbb\xf5\xea\xba\xf0\xcd9\xe9\xdet[\xf4~\'\xe0\x9c\xa5\xa5\xa7\x1d\xfd/\x8a\x88(\x1c\</t>
        </is>
      </c>
    </row>
    <row r="277">
      <c r="A277" s="1" t="n">
        <v>275</v>
      </c>
      <c r="B277" t="inlineStr">
        <is>
          <t>rectangle_height_color</t>
        </is>
      </c>
      <c r="C277" t="inlineStr">
        <is>
          <t>What is the missing color of the part denoted with a question mark?</t>
        </is>
      </c>
      <c r="D277" t="inlineStr">
        <is>
          <t>['purple', 'blue', 'red', 'green']</t>
        </is>
      </c>
      <c r="E277" t="inlineStr">
        <is>
          <t>red</t>
        </is>
      </c>
      <c r="F277" t="inlineStr">
        <is>
          <t>There are 7 rectangles in the image with varying colors and lengths. The lengths from left to right are ['short', 'long', 'long', 'medium', 'medium', 'short', 'medium']. The colors from left to right are ['green', 'yellow', 'yellow', 'red', 'red', 'green', '?'].</t>
        </is>
      </c>
      <c r="G277" t="inlineStr">
        <is>
          <t>We observe that the yellow rectangles are of long length and the green rectangles are of short length. Hence, the pattern is that the color of each rectangle corresponds to its length.</t>
        </is>
      </c>
      <c r="H277" t="inlineStr">
        <is>
          <t>Based on the pattern that the color of each rectangle corresponds to its length, the missing color of the part denoted with a question mark should be red.</t>
        </is>
      </c>
      <c r="I277" t="inlineStr">
        <is>
          <t>b'\x89PNG\r\n\x1a\n\x00\x00\x00\rIHDR\x00\x00\x02\x00\x00\x00\x02\x00\x08\x02\x00\x00\x00{\x1aC\xad\x00\x00?\x00IDATx\x9c\xed\xddy|T\xd5\xfd?\xfe\xf79\xf7\xcedf\x92If\x08IXE!a\x13\r&amp;,B\x10W\x16kU\\\x8a `\xfbAA\xab\xd8Ox\xf8\xe9\xe2\xe7\xe7\xb7\x88\xb6\xb5\x08\xf6\xd3Z\xfb\xd1\x12\x01\xc1J\xf9T\xadU\xdaBH\xac,.\x90\x04eM\xc2";1!\xebd\x9b\xcc\xcc\xbd\xe7\xfc\xfe\xb8\x92\x07R\x81$d2ss_\xcf\xbf`\x12&amp;oN\xee9\xafs\xcf=\xf7\x0e\x93R\x12\x00\x00X\x0f\x8ft\x01\x00\x00\x10\x19\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d4H\x17`\tR\xca\x0e\xfc+\xc6X\xa7W\xd21f\xaf\x1f\x00\xbe\x15\x02 ,\xa4\x94B\x08)%c\x8c1\xc6yG\xce\xb4:\xe5M:\xc6\xec\xf5\x03@[\xb0\x8eM\xee\xe0[\x19C\x1e\x11)\x8ar\xee\xeb&gt;\x9fO\x08\xc1X[[\xdb\x98;{&lt;\x9es_4\x06S\xcey\xf8f\xd6f\xaf\x1f\x00\xda\x05\x01\xd09\xa4\x94\xba\xae\xab\xea\xd7gT\r\r\r\x05\x05\x05;vl\xff\xfc\xf3\xcfkjjJJ\x8auMk\xc7\xdb1FR\x0eJM\xf5z\xbc\x99\xa3Fgdd\x8c\x193\xa6o\xdf\xbe\xc6\x175M\xe3\x9cw\xee\x84\xda\xec\xf5\x03@\x07 \x00:\x81\xae\xeb\xc6\x949\x18\x0cn\xdc\xb8q\xcd\x9a\xd5EE\x85\xc7\x8f\x9f\xec\xc4\x1f\xd1\xc3\x9b\x909j\xf4\xf4\xe9\xd3\xef\xba\xeb\xee\xe4\xe4d"\xd24MQ\x94N\x99M\x9b\xbd~\x00\xe8\x18\x04\xc0e1Z\x8f1\xe6\xf3\xf9rrr\xde|s\xcd\x9e={[\xbf\x1a\x1f\xe7\x18\xd0\xcf\x9d\x92\xe4\x1c1\xd0\xe3\xed\xe1\x90\x9ah\xcbp\'%1\xceB!\xbd\xa8\xb8\xa6\xae.p\xe8\xb8\xaf\xba\xb6\xb9\xf5\xab}z\xf7zp\xd6\xecG\x1eyd\xc8\x90!D$\x84\xb8\x9c\xa9\xb4\xd9\xeb\x07\x80\xcb\x81\x00\xe8\xb8\xd6\x89\xf3\xaaU\xab^|qIi\xe9\x01\xe3\xf5\x01\xfd\x12n\x1d\xdf\xe7\xbb\xb7\x0c\xc8\x1c\x9e\xd87%V\x89\xb5\x91\xc2Ia\xd4\xbe\x96\x96\x14\x12\x14\xd0\xab\xaa\x9aw\x1f\xac\xdd\xb8\xed\xd4\xc6\xad\'\xf7\x95V\x13I"\xea\xd1\xc3\xfb\xe4\x93?Z\xb8paBB\x82\xa6i\xadK7\x96\xaa\x1f\x00.\x13\x02\xa0\x83\x8c\xd1\xb3\xac\xacl\xee\xdc\xb9\xb9\xb9\xb9\xc6\x8b\xd7\x0e\xed\x99=\xf7\x9a\xfb\xa6\x0e\x8cOr\x91\x94\xd4\xa2SH\x17B\nI\xd4\xfev\xe6\x9c1\xc6\x98\x8dS\x8cB*\xd7\x1a\x82\x1fm/{)gw\xee\xd6\x93\xc60:d\xc8\x90\x15+Vdee\x19Wh\xdb\xb5\x9cb\xf6\xfa\x01\xe0\xf2!\x00:\xc2\x98\xb4\xe6\xe6\xe6&gt;&lt;w\xee\xe9\xb22"\x1a:\xd0\xfb\x93\x1f\x8e\x9cug\x9a=!\x86\x1a\x83zH\'b\x8c\xd3\xe5\x8fjR\x92\x10R\x92T\x15N\xb16\x122o\xcb\xc9\x17_\xfb"\xff\x93SD\x14\x13c\xff\xf5\xaf\x97dgg\xb7k\x0c5{\xfd\x00\xd0)\x10\x00\xedf\x8c\x9e999\xf3\xe7\xcf\'""\xf6\xe4\xf7\xaf~\xfe\xbf\xaeOHr\x92/\xa0\xeb\x82s\x1e\x8eqL\x12\t]2F&lt;&gt;\x86t\xf1\xfb\x95{~\xbe\xac\xb0\xae1@D\xf3\xe6\xcd[\xbe|\xb9\xae\xebm\xd9di\xf6\xfa\x01\xa0\xb3 \x00\xda\xc7X9i\x1d=\x13=\x8e\xff\xfd\xc5\r\xd3\xbf7\x8c\xea\x03ZPWT\xde\x05\xa3\x97n\x0c\xa3\x89\xce/\x8a\xca\x1f\xf9\xaf\x7f}^\\M$\x8d1\xf4\x92\xf3h\xb3\xd7\x0f\x00\x9d\x08\x01\xd0\x0e\xdf\x1c=Y\x9f$\xe7\xdf\x96O\x1d}C\xffPy\x93\xaa\x86e\xd6|\x11ZH\xa8\x1eGmu\xf3\x9d?\xf8\xc7\'_T\x12\x89\xd6y\xf4y\xb7qu\x9b\xfa\x01\xa0s!\x00\xda\xca\x18\x98\xf2\xf3\xf3\'M\x9aDD\xc9=\x9cE\x1f\xdc\xd7\xff\xca\x04\xad.\xa0\xda"\xb3\x91Q\xd7\x84\x12\xa3j\n\xbb\xfd\xc1\x0f\xf2?;MD\xcf&gt;\xfb\xec\xa2E\x8b\xbeu_\x8d\xd9\xeb\x07\x80N\x87\x00h\x13c\xbbzEE\xc5\xc8\xf4\xf4\x8a3g\xbc\xf11\x1b\xdf\xf8\xce\xe8\xd1\xbd5_@U#\xb9\x8d]\xe8\x92\xc7(\xd5\r\xc1\xa9\xb3\xd7\x17\xed\xabb\x8crss\'M\x9at\xde&lt;\xda\xec\xf5\x03@8\xe0\x1e\x9c61\x9e\x940g\xce\x9c\xf2\x8a\n"Z\xfe\xfc\r\xa3o\xe8\xaf\xd5Ex\xf4$"\xae0\xbdEO\xec\xe9\xfc\xcb+\x93zxbH\xca\x87\xe6\xcc)//g\x8c\x19O\xf51\x98\xbd~\x00\x08\x07\x04\xc0\xa5\x19\xb3\xd1\xb5k\xd7\xe6\xe5\xe5\x11\xd1\xe33\x87\xdd7cx\xa8\xbc)R+\'\xe7QT\xa6\xd5\x05\xae\x1a\xd6\xf3\xb5g\xb3$QyE\xc5\xd3O?\xcd9o=\xb73{\xfd\x00\x10&amp;X\x02\xba\x04)\xa5\x94\xb2\xae\xaen\xec\xd8\xb1G\x8e|9\xe8\x8a\xf8\x9d\x7f\xff\x9e+F\xe1\xba\x8c\xaa\xbd*\x9a.T\x8f\xe3\x81\x877\xfce\xc3\x11G\x8c}\xeb\xb6m\xa3F\x8d2\x1e\xc5l\xea\xfa\xf1\xa0\x08\x80\xf0A\xef\xba\x04cs\xfa\xaaU\xab\x0e\x1f&gt;,\x84|\xe6\xb1\xeb\xdcI.\x19\xd4\xa3j\xf4$"\xce\x98\x0c\x89_,\x1c\xe5\x88QZ\x02\x81E\x8b\x16\x19C\xbf\xd9\xeb\x8ft]\x00\xdd\x19\x02\xe0b\xa4\x94\x8a\xa2\xf8\xfd\xfeU\xabV2\xc6\x86\x0e\xf2&gt;p\xcf`Q\xd7\xa2Dz\xe9\xfc\xdfq\xceDc0\xed\xda\xe4\x19w\x0c"\xa2\xad[\xb7\x94\x94\x94(\x8a\xc297u\xfd\xb8\x12\x00\x10&gt;Q7\x10D\x15\xe3\xbe\xa4\xfc\xfc\xfc\xfd\xfb\x8b\xa5\x94O\xcfK\x8fI\x88\x91\x9a\x88\xb2\xd9\xf3\xd7\x18g2\xa0\xffl~z\xac\xcb\xde\xd4\xd4\xfc\xfa\xeb\xaf\x13\x11\xe7\xdc\xa4\xf5\xafx\xfdu"B\x00\x00\x84\x0f\x02\xe0\xd2\xdexc\x15c\xaco\x8a\xfb\xbe\xef\x0c\x92\rA\xaeDi\xa3q\xceDSp\xc8\xb5\xc9\xb7\\\xdf\x871\xf6\xce;\x7fill$"c\xfao\xba\xfa\xdf~\xe7/\xcd\xcd\xcd\xaa\xaab!\x08 L\xa2t,\x88\x06\xc6\xfa\x8f\xcf\xe7+,(\x90RN\xb9\xa1ol\x92K\x84\xa2n\xf5\xfc\\R\x92d\xec\xbe\xc9WJ)\xcbN\x7fU\\\\\xaciZ\xc1\x8e\xed&amp;\xad\x7f\xf7\xee\xdd\x84\x93\x00\x80\xb0A\x00\\\x901\xee\x14\x15\x15\x9d&lt;u\x9a\x88\xee\xbae\x00I"\x8a\xe2\xe1\x93HQ8k\xd1&amp;\x8d\xef\x1b\x1f\xe7\xd0t}\xeb\xd6\xad{\xf7\xee=]VN\xe6\xac\x7f\xe3\x86\rt\xf6Sk\x00\xa0\xd3!\x00.\xc8\x18w\n\x0b\n\x88(\xce\x15\x939&lt;\x91\x02\x1a\xef\x8a\xa7\xa5u\x1cc$\x03zJ?\xf7\xe0\xab\x12\x88h\xcf\xee]\x9f|\xf2\t\x99\xb6\xfe\xc2\xa2B"\xc2NP\x800A\xd7\xba \xe3\x99\x94E;\x8b\x88h\xe0\x15\xf1I\xbd\xe3dt\xaf\x9f\x18\x84\x10\x8a\xd36rX\x0f"\xda\xbdg\xf7\x86\x7f\xfe\x83\x88\xae\xea\xef6W\xfd\xd7\r\xefAD%%\xc5\x8d\x8d\x8d\xb8)\x0c L\xf0\xc8\xad\x0b2\xf6\xa1WVV\x12Qr\xa2#&amp;\xd6.\x1a\x02,\xbag\xd0d|r\x17g\xfd{\xc5\x12QuM\xb5\xd0\x05\x99\xb6~_]\x9d\xdf\xef\x8f\x8b\x8b\x8btQ\x00\xdd\x13\xce\x00\xbe\x9dq\x0f\xaa\xcf\xe7;t\xf0\x00\x11\x8dH\xf3\x90b\x8e\xfb\x92\x18c\xa4\x8b\x11i^":SQy\xf8\xcb\xc3d\xc2\xfa\xafN\xf5\x12\x91\xaf\xbe\xb1\xa4\xa4\x84p\x1d\x18 &lt;p\x06p1R\xcaP(DD=\xbd\x0e\xe2\xcc\x0c\xe3\'\x11\x11I\xea\xe9u\x10\x91\xa6iB02m\xfdB\x08M\xd3"]\r@\xb7\x853\x80K0\xae\x04h\x9aY\xc6\xce\xaf\x19\x05\xb7~\xba\x96I\xeb\xa7\xb3\xed\x0f\x00\xe1\x80\x00h\x13\xd3\x8dB\xe7\x15l\xf6\xfa\x01 \x1c\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5\xd2\x05\x00\x84\x9d\x94\xb2\x03\xff\x8a1\xd6\xe9\x95t\x8c\xd9\xeb7\xbbn\xdc\xfe\x08\x00\xe8\x86\xa4\x94B\x08)%c\x8c1\xc6yG\xcet;\xe5M:\xc6\xec\xf5\x9b\x9du\xda\x1f\x01\x00\xdd\x87\xd1\xe5\x88HQ\x14EQZ_\xf7\xf9|B\x08\xc6X\x1b\xa7r\xc6\xdc\xcd\xe3\xf1\x9c\xfb&amp;Fg\xe6\x9c\x87ofg\xf6\xfa\xcd\xce\x82\xed\x8f\x00\x80\xee@J\xa9\xeb\xba\xaa\xaaF\x97khh(((\xd8\xb1}\xfb\xe7\x9f\x7f^SSSR\\\xaci\x1a#j\xe3\x99\xbc\xd1\xd5SSS=^\xef\xa8\xd1\xa3322\xc6\x8c\x19\xd3\xb7o_\xe3\xab\x9a\xa6q\xce;wBg\xf6\xfa\xcd\xee\xdb\xdb\x7f\xc7\x8e\xaf\xdb\xbf\xa4D\xd7\xf5\xf6\xbe\xe7\xa0A\x83&lt;\x1e\xcf\xa8Q\xa3\xa2\xb9\xfd\x11\x00`z\xba\xae+\x8a\xa2\xaaj0\x18\xdc\xb8q\xe3\x9a\xd5\xab\x8b\n\x0b\x8f\x9f&lt;y\x99o[UP@D\x1bss\x89\xc8\x9b\x900j\xf4\xe8\xe9\xd3\xa7\xdfu\xf7\xdd\xc9\xc9\xc9D\xa4i\x9a\xa2(\x9d2\x9b3{\xfdfw~\xfb\xafYSTTt\xfc\xf8\xf1\xcb|\xdb\xca\xcaJ"\xda\xb8q#\x11y\xbd\xdeQ\xa3FM\x9f&gt;\xfd\xae\xbb\xee\x8a\xaa\xf6G\x00\x80\x89\x19\xa7\xe4\x8a\xa2\xf8|\xbe\x9c\x9c\x9c7\xd7\xac\xd9\xb3wo\xebW\xdd\x0eG?\xb7;\xd9\xe9L\xf5x\xbc\x0e\x87&amp;D\x1b{\x1bc,\xa4\xeb\xfbkj\xea\x02\x81\xa3&gt;_mss\xad\xcf\x97\x97\x9f\x9f\x97\x9f\xff\xf3\x9f\xff|\xd6\xec\xd9\x8f&lt;\xf2\xc8\x90!C\x88H\x08q9S9\xb3\xd7ov\xe7\xb7\xff\x9bo\xee\xd9\xb3\xa7\xf5\xabn\xb7\xfb\x8a+\xae\xe8\xd5\xab\xd7\xe0\xc1\x83{\xf4\xe8\xa1iZ\x1b\xc7k\xc6X(\x14\xda\xb3gOmm\xed\x97_~YSSS[[\x9b\x97\x97\x97\x97\x97\xb7h\xd1\xa2\x07\x1f|0z\xda\x1f\x01\x00feL\xdc\x88h\xd5\xaaU/.YRz\xe0\x80\xf1z\xbf\x84\x84\x1b\xfa\xf4\xb9m\xc0\x80\x11\x89\x89\xc9\xb1\xb1q6\x9b\xca9o\xe7TKJ\xa9\t\xd1\xa2\xeb\x95\xcd\xcd\x07jk\xb7\x9e:\xf5\xd1\xc9\x93%\xd5\xd5_\x95\x97/[\xb6l\xe5\x8a\x15O\xfe\xe8G\x0b\x17.LHH\xd04MU;\xd2\x8f\xcc^\xbf\xd9}\xa3\xfd_|\xb1\xb4\xb4\xd4x\xfd\x8a+\xae\xb8\xe9\xa6\x9b\xa6N\x9d\x9a\x9e\x9e\xde\xabW/\xb7\xdb\xad\xaaj\x07\xa6\xea\xa1P(\x10\x08TTT\x94\x94\x94|\xf8\xe1\x87yyy\xfb\xf7\xef/++[\xb6l\xd9\xca\x95+\x9f|\xf2\xc9hh\x7f+\xfe\xe2\xa1\x1b0zoYY\xd9\xdc\xb9ssss\x8d\x17\x87\xf5\xec9\xef\x9ak\xee\x1880\xc9\xe5\x92R\x06t=\xa8\xeb\r\xc1\xa0\xec\xd0N&gt;\xc6\x18g,\xc9\xe5\xea\xefvO\xbd\xf2\xca\xfa`\xf0\xd3\xb2\xb2\xd7v\xef\xde|\xf2dMm\xed\xe2\xc5\x8b\xd7\xad[\xb7b\xc5\x8a\xac\xac,\xe3\na\xbb\xc6\x08\xb3\xd7ov\xdf\xda\xfeW_}\xf5\x82\x05\x0b\xa6M\x9b\x96\x9c\x9c,\xa5lii\t\x06\x83&gt;\x9f\x8f:\xdc\xfe\x9c\'\'\'\x0f\x180\xe0\x8e;\xee\xa8\xaf\xaf\xdf\xb6m\xdb\xef~\xf7\xbb\xfc\xfc\xfc\x9a\x9a\x9a(i\x7f\x04\x00\x98\x8f1i\xca\xcd\xcd\x9d;wnYY\x19\x11\xa5z\xbdO\x8c\x1c9--\xcd\x13\x13\xd3\x10\x0c\xd6\xfa\xfd\xc4\x18?;\x08\x12\x11u\xb4w\x85\x84\x08\xe8\xba\x94R\xe5\xfc\xb6+\xae\xb8\xb9\x7f\xff\xcd\'O\xfe\xfe\x8b/&gt;&gt;u\xea\xc0\x81\x03\xb7\xder\xcb\xaf\x97,\xc9\xce\xce6v\x8f\xb4\xb1\x0f\x9b\xbd~\xb3km\xff\x87\x1f~\xf8\xf4\xe9\xd3D\x94\x96\x96\xf6\xd4SO}\xef{\xdf\xf3z\xbd\xf5\xf5\xf5\xd5\xd5\xd5\xc6\xf0\xcd\x18;w\'O\x07\x18\xe7\x01RJUU\xa7N\x9d:i\xd2\xa4\xbc\xbc\xbc\x97^zi\xf3\xe6\xcd\x07\x0e\x1c\xb8\xf5\xd6[\x7f\xfd\xeb_G\xb0\xfd\xad\xbb\xfc\x07&amp;e\xf4\xde\x9c\x9c\x9c\xa9S\xa7\x96\x95\x95\x11c\xff1b\xc4?\xef\xbb\xef?F\x8c`D\xd5~\xbf.\xa5\xc2\xb9\xd2IS*F\xa40\xa6rND\xbe`\xb0)\x14\xbau\xc0\x80w\xef\xba\xeb\x17\x13&amp;\xb8cb\x02\xc1\xe0\xc2\x85\x0b\xe7\xcf\x9f\xcf97\xf6\xf9u\xfb\xfa\xcd\xee\xdc\xf67F\xff\xc7\x1e{l\xdb\xb6m\x8f&gt;\xfa(c\xac\xaa\xaa\xaau;P\xe7\xb4?c\xc6\x15f"\xaa\xab\xabkll\x9c:u\xea\x86\r\x1b\x96-[\xe6v\xbb\x03\x81@d\xdb\x1f\x01\x00fbt\xce\x9c\x9c\x9c\xf9\xf3\xe7\x13\x91\xc7\xe1x\xed\xb6\xdb~{\xcb-\x0eE\xa9\xf2\xfb\x89H\xe5&lt;|\x93(\x851\xce\x98/\x10h\n\x85~\x94\x91\xf1\xde\xddw_\xdd\xb3\'1f\xd4\xa3(\x8a\x94\xf2\xe2}\xd8\xec\xf5\x9b\xddy\xed\xef\xf5z\xd7\xacY\xf3\xea\xab\xaf:\x1c\x0ec\xd3N\xc7\x96\xfb\xdbHQ\x14\xcey]]]SS\xd3SO=\xb5i\xd3\xa6k\xaf\xbd\x96\x88"\xd8\xfe\x08\x000\rc\xdd\xf6\xeb\xde\xcbX\xb2\xcb\xf5\xd6w\xbe3k\xf8\xf03\xcd\xcd\xba\x94jW\xed\xa60\x86\xd1\x8a\xe6\xe6\x91\xc9\xc9\xef\xdcuWfr2qnTe\xcc\xe3\xbak\xfdf\xf7\x8d\xf6\'JIIy\xef\xbd\xf7\xe6\xcc\x99s\xe6\xcc\x19#\x18\xba\xa6\x0c#\x06\xce\x9c9\x93\x99\x99\xb9a\xc3\x861c\xc6\xd0\xd9\x0c\xe8\xfa\xf6G\x00\x809\x18\xbd7??\xdf\xe8\xbd\x89\x0e\xc7\xdf\xef\xbdwl\xef\xde\xe5MM\xb6p\xce\x9a/\xc4\xc6y]K\x8b\xdbn_\x7f\xef\xbdY\xbd{\x13QNN\xce\xe2\xc5\x8b\x15E\xd14\xed\xdf\xbf\xdf\xec\xf5\x9b\xddy\xed\xdf\xb3g\xcf\xcd\x9b7\x8f\x1f?\xfe\xcc\x9936\x9b\xad\xeb\x17\xdfm6[]]\x9d\xdb\xed\xfe\xe8\xa3\x8f&amp;N\x9cH\x11j\x7f\x04\x00\x98\x80\x10BQ\x94\x8a\x8a\x8a\xd9\xb3g3\xc6&lt;\x0e\xc7\x9a\xdbo\x1f\x98\x90P\x17\x08\xd8"\xb7\x8dZ\xe5\xdc\xb8\xbe\xfa\xfa\x94)\xd7$%\x11c\x8b\x17/\xce\xcb\xcbSU\xf5\xbc\x1bG\xcd^\xbf\xd9\xb5\xb6\xff\x9c9s\x18c^\xaf\xf7\x9dw\xde\x194hPmm\xad\xcdf\x8bTU\xaa\xaa\x06\x02\x01!\xc4\xda\xb5kG\x8e\x1cID]\xdf\xfe\x08\x000\x07]\xd7\xe7\xcc\x99SQQAD/\xdcp\xc3\xc4\xfe\xfdk\x03\x81.[6\xb9\x10\x851\xbf\xae\xf7t:\xff8i\x92\'&amp;FJ9g\xce\x9c\xf2\xf2r\xc6\xd8\xb9\xe7\xf2\xc6\x93\x06\xcc[\xbf\xd9\xb5\xb6\x7fyy9\x11\xfd\xf6\xb7\xbf\xbd\xf1\xc6\x1b#;\xfa\x1b\x14E\xf1\xfb\xfdIIIo\xbe\xf9\xa6\xd7\xeb%\xa2\x87\x1ez\xa8+\xdb\x1f\x01\x00&amp;`\xb3\xd9\xd6\xae]\x9b\x97\x97GD\xb3\x87\r\x9b5|\xb8\xb1r\x12\xe9\xba\x88\x88T\xc6\xea\x02\x81\xe1={\xfe"+\x8b\x88***\x9e~\xfai\xcey\xeb\xd5&lt;c\xf1\xc1\xbc\xf5\x9b\xddy\xed?w\xee\xdc\x87\x1ez\xc8X\xf9\x89tiDD\xaa\xaa\xd6\xd5\xd5\x8d\x181\xe2\xa5\x97^\x92R\x96\x97\x97we\xfbG\xc5!\x08p!F7\xa8\xae\xae~\xee\xb9\xe78cW%$\xfc|\xfc\xf8\xba\x96\x96\x88\xcf\x9d\xcfe\xe3\xbc\xba\xb9\xf9\xc1a\xc3\xee\x184\x88\x18\xfb\xf3\x9f\xff\\XX\xd8\xba\xb1\x8f1VSSc\xd2\xfa#]\xda\xe5\xfaF\xfbs&gt;p\xe0\xc0_\xfe\xf2\x97&gt;\x9f/\xaan~\xb6\xd9lUUU\xdf\xff\xfe\xf7\xa7M\x9bFD]\xd9\xfeQt\x14\x02\xfc;\xe3\x82\xd8\x8a\xd7_?|\xf8\xb0\x90r\xc1u\xd7%\xbb\\A]\x8f\xb6\x1b\x96\x18cA!~&lt;j\x94CQ\x02\x81\xc0\xa2E\x8b\x8cGr\xea\xba\xce9_\xb5j\x95I\xeb\x8ft]\x97\xeb\x1b\xed/\xc4SO=\x95\x92\x92\x12\x0c\x06\xa3\xed\x967\xc6X0\x18|\xe6\x99gbbb\xba\xb2\xfd\x11\x00\x10\xd5\xec6\x9b\x10b\xd5\xaaU\x8c\xb1T\xaf\xf7\xbe\xc1\x83k\xa3l\xfal\xe0\x8c5\x06\x83\xe9\xc9\xc9\xdf\x1d4\x88\x88\xb6n\xd9RRRbl\xf8\xf3\xfb\xfd\xabV\xae4i\xfd\xa6&gt;\t\x90R\x1a\x8b\xec\xc6\xf13x\xf0\xe0\x993g\xd6\xd6\xd6F\xd5\xf4\xdf\xc09ohh\xc8\xc8\xc8\xb8\xf7\xde{\x89h\xeb\xd6\xad]\xd3\xfeQw \x02\x9c+&gt;&gt;~\xdb\xb6m\xa5\x07\x0eH)\x7f\x98\x9e\x9e\x10\x13\xa3E\xeb\x90\xc4\x19\x0b\xe8\xfa\xe3\xe9\xe9.\xbb\xbd\xa9\xb9\xf9\xf5\xd7_\'"\xcey~~\xfe\xfe\xe2b\x93\xd6o\xea\x000\x9e\xb1\x93\x9f\x9f\xbf\x7f\xff~)evv\xb6\xc7\xe3\x89\xdaM\xae\x9c\xf3\x96\x96\x96\x85\x0b\x17\xba\\\xae\xa6\xa6\xa6\xaei\x7f\x04\x00D7\xc6\x8c\xe9[/\xb7\xfb\x8eA\x83\x1a\x82A%\xfa\xa6\xcf\x06\xceXS0\x98\x9e\x9c&lt;\xbeO\x1f\xc6\xd8;\x7f\xf9Kcc#\x11\x19\xd3\x7f3\xd6\xdf\xdc\xdc\xac\xaa\xaa\xd9\x17\x82\xdex\xe3\r\xc6X\xef\xde\xbd\xef\xb9\xe7\x9e\xfa\xfa\xfa\xcb|\xb6O\xf8p\xce\x9b\x9a\x9a222&amp;N\x9c\xc8\x18{\xe7\x9dw\xba\xa0\xfd\xa3\xf4X\x040\x9c&gt;}\xbap\xc7\x0e)\xe5\xc4\xbe}\x93]\xaeP\xf4\xad\x9e\x9fK\x12q\xc6n\xbf\xf2J)\xe5\xe9\xaf\xbe*..\xd64m\xc7\xf6\xed&amp;\xad\x7f\xf7\xee\xddd\xda\x93\x00c\xfd\xc7\xe7\xf3\x15\x16\x16J)o\xbd\xf5\xd6\xe4\xe4\xe4P(\x14m\xab\xff\xe72.Y\xdfy\xe7\x9dR\xca\xb2\xb2\xb2.h\x7f\x04\x00D/\x9b\xaa|\xf6\xd9g\x07\x0f\x1d"\xa2I\x03\x06\x10u\xfc\xa1\x98]C\xe1\xdc\xafi\x13\xfa\xf6u;\x1c\xba\xaeo\xdd\xbau\xef\xde\xbde\xe5\xe5d\xce\xfa7l\xd8@\x1dz\x12r40\xc6\xcd\xa2\xa2\xa2\x93\'O\x12\xd1\xd4\xa9S\xa3\xff?b\\\xb1\xb8\xf9\xe6\x9b\xe3\xe3\xe35M3&gt;M\x0cg\x00`Q6\xbb\xbd\xa8\xa8H\xd3u\xa7\xcdvubb\x8b\xa6\xb5\xf7sQ\xba\x18#\n\xe8z_\xb7\xfb\xaa\x84\x04"\xda\xbdk\xd7\'\x9f|BD\xb111f\xac\xbf\xa8\xb0\x90\x88L\xfa\x91a\xc6\xb8YXXHDqqq\xe9\xe9\xe9---Q\xfe\x7fa\x8c\x05\x02\x81\xfe\xfd\xfb\x0f\x1a4\x88\xce\x16\x1f\xd6\x9a\xa3\xba9\xc0\xe2\x82\xc1\xa01\x06\xf5\x8f\x8b\xeb\x1d\x17\x17\xe5\xeb\'\x06!\x84\xcbf\xbb\xbaG\x0f"\xda\xb3{\xf7\x86\x7f\xfc\x83\x88\xfa\xbb\xddf\xac\xbf\xa4\xb8\xb8\xb1\xb1\xd1\xa47\x85\x19K=EEED4`\xc0\x80\xbe}\xfbF\xf9\xfa\x8fA\x08\xe1r\xb9\xae\xb9\xe6\x1a"*))\tw\xfb#\x00 z\t!j\xeb\xea\x88(\xd1\xe9\x8c\xb3\xdbu3\x0cC\x92Ha\xacwl,\x11\xd5TW\x9f8q\x82\x88\x12\x1d\x0e3\xd6_WW\xe7\xf7\xfb#]Q\x07\x19\xfb\xe8\x8d\x87&lt;\'%%\xc5\xc5\xc5\x99\xe2\x01GRJ\xcey\xdf\xbe}\x89\xc8\xe7\xf3\x85\xbb\xfd\x11\x00\x10\xd5\x8c-\xf3C{\xf4PMr_\x12cL\x13b\xb0\xd7KD\x15\x95\x95\x87\x0f\x1f&amp;\xa2\xc1\x1e\x8f\x19\xeb\xafol,))!\x13^\x076\x86Q\x9f\xcfw\xf0\xe0A"\x1a:t\xa8\xf1\xb4\xfdH\xd7ui\x8c1]\xd7\x87\x0e\x1dJD&gt;\x9f/\xdc\xed\x1fu7D\x00\xfc\xbb\x1e\x0e\x07g\xcc\x04\xdd\x97\x88\x88$Q\x0f\x87\x83\x884M\x13\x8c\x91i\xeb\x17BD\xed\xae\xf9\xb6\x90R\x1a\xf5\'&amp;&amp;\x9ah!KJ\x99\x98\x98H]\xd2\xfe8\x03\x00\x13\xd0L\xd2u[\x19\x05\xb7~\xd2\xb7I\xeb\'\xf3\x7fJ\xf0\xd7\xedo\xb6\x18k-8\xdc\xed\x8f\x00\x00\x130\xdd \xc4.\xfa\xd7\xe8g\xba\x82/\xcet1\xd6e\x05#\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j\xa4\x0bh\x13)e\x07\xfe\x15c\xac\xd3+\x01\x80\xf6B\xff\x8dZQ\x1a\x00RJ!\x84\x94\x921\xc6\x18\xe3\xbc#g*\x9d\xf2&amp;\x00\xd0^\xe8\xbff\x11]\x01`\xfc\xca\x89HQ\x14EQZ_\xf7\xf9|B\x08\xc6X\x1b\xa7\x12\xc6\xdc\xc1\xe3\xf1\x9c\xfb&amp;\xc6\xc1\xc49\xc7\xcc\x02 \x1c\xd0\x7fM\'Z\x02@J\xa9\xeb\xba\xaa\xaa\xc6\xaf\xbc\xa1\xa1\xa1\xa0\xa0`\xfb\xf6\xed_|\xf1yuMMII\xb1\xa6\xe9\xed}\xcf\xd4A\xa9\x1e\xafg\xf4\xa8\xd1\x19\x19\x19c\xc6\x8c\xe9\xdb\xb7\xaf\xf1\xba\xa6i\x9csL(\x00:\x0b\xfa\xafIEE\x00\xe8\xba\xae(\x8a\xaa\xaa\xc1`p\xe3\xc6\x8dk\xd6\xac.,*:q\xfc\xc4e\xbemuU5\x11\xe5n\xcc%"\x8f\xd73*s\xd4\xf4\x07\xa6\xdf}\xd7\xdd\xc9\xc9\xc9D\xa4i\x9a\xa2(\x98M\x00\\&amp;\xf4_\xf3\x8ap\x00\x18\xa7\x84\x8a\xa2\xf8|\xbe\x9c\x9c\x9c5o\xae\xd9\xbbgo\xebW]q\xce\x1e\xbd&lt;\xf1=\xe3R\x06$\xc6%8u]0\xba\xf4\xef[\x92d\x8c\xe9\x9a~\xea`Es\xbd\xbf\xf2TmC]c]m]~~~~~\xfe\xa2\x9f\xff|\xd6\xac\xd9\x8f&lt;\xf2\xc8\x90!C\x88H\x08\x81\xa9\x04@\xc7\xa0\xff\x9a]$\x03\xc0\x988\x10\xd1\xaaU\xab\x96\xbc\xb8\xe4@\xe9\x01\xe3\xf5\x9e\xbd\xbdCF_5"+\xad\xdf\x90\xde\x9e\x9e\xee\x18\x97]Q8\xe3\x9c\xa8={\t$\xe9\x9a\x1e\nj\xf5\xd5MeG\xce\x94\x16|Y\xfc\xd9\x97\xa7\x0e\x97\x7f\xf5U\xf9\xb2e\xcbV\xac\\\xf1\xa3\'\x7f\xb4p\xe1\xc2\x84\x84\x04M\xd3T5*\xce\x84\x00L\x04\xfd\xb7\x1b\x88X\xc3\x19GOYY\xd9\xdc\xb9ssss\x8d\x17\xfb\xa5\xf6\xbae\xe6\xf5#o\x1e\x16\xdf#\x8eH\x86\x02\x9a\x16\xd2\xfd\x8d\x01c\xa6\xc1\xdas\x041"b\x8c3\x16\x9f\x18\x9b\xd8{p\xfa\x8dC\xfd\x8d-\x07w\x1e\xcb\x7f\xeb\xd3\xe2\xed_\xd6\xd6\xd4.^\xbcx\xdd\xbau+V\xac\xc8\xca\xca2\xaeP\xe1t\x12\xa0\x8d\xd0\x7f\xbb\x87\xc8\x04\x80\x11\xda\xb9\xb9\xb9s\xe7\xce-++#\xa2^\x03\x92&amp;?\x945z\xca5.\xb7\xc3\xdf\x14h\xf25\x13\x11\xe3\xc6\xf6/Fm8s\xbc\xe0\xcf\n\xe9\xa1\xa0NRr\x85_\x935\xf8\xeaq\xa9\xc5\xdb\x0f\xe7\xae\xfe\xb8\xb4\xf0\xc8\x81\x03\x07n\xb9\xe5\x96%K\x96dgg\x1b\xbb\x17p\x0c\x01\\\x12\xfao\xb7\x11\x81\x000\x8e\x9e\x9c\x9c\x9c\xf9\xf3\xe7\x13\x11#v\xe3\xf7F\xdf\xfd\xf8m\xf1\x89q\xcd\xf5\xfe\xc6\xbaf\xce9W:m]\xef\xec\xcc\x80\x11Qs\xa3\x9f\x88\x8d\xc8\x1a&lt;\xfc\xfa\xd4\x7f\xad\xdb\xfe\xc1\xab\xff\xf27\xb5,\\\xb8\xb0\xb8\xb8x\xf9\xf2\xe5\xba\xaec\x93\x19\xc0\xc5\xa1\xffv\']\x1d\x00\xc6^\xb1\xd6\xa3\'6\xde5\xf3\xa7w\x8c\xbf\xeb\xba\xe6\x86\x96\x86\x9a&amp;E\xed\xccC\xe7\xdf\x19\xd7\x8b\x9a\xeb\xfd\x8c\xb1\xa9?\xb8!u\xe4\x80\xd5\xcf\xbdw\xea`yNN\x0e\x11-_\xbe\x1c\xf3\x08\x80\x8b@\xff\xedf\xba\xf4\x02\xba\xb1nx\xf6\xe8a\t\x89q\x0b~;k\xc2\xb4\xcc\xfa\xeaF\xa1\x0bE\xed\xa2b\xb8\xc2\x19guU\rW\x0e\xef\xbb\xf0\x7f\x7fp\xd5\x88~\x8c\x98Q\x15\xe7\xdc8\x86\x00\xe0&lt;\xe8\xbf\xddO\xd7\x05\x80q\xf4\xe4\xe7\xe7\x1bs\x07\xb7\xc7\xf9\x93\x95\xf3RG\x0e\xa8\xab\xacW\xd4\x08\xec\xe7UU\xa5\xb9\xc1\xef\x8c\x8d\xf9\xc9\xcay\x833\xaf$\xa2\x9c\x9c\x9c\xc5\x8b\x17+\x8a\xa2iZ\x17\x17\x03\x10\xe5\xd0\x7f\xbb\xa5.\n\x00!\x84\xa2(\x15\x15\x15\xb3g\xcff\x8c\xc5\xc6;\x1f\xff\xcd\xac\xe4\xfe=\x9a\xea\xfd\x8a\xaa\\\xfa\xdf\x87\x07Wx(\xa4I!\xe7/y\xe0\x8a!\xbd\x89\xd8\xe2\xc5\x8b\xf3\xf2\xf2TU\xd5\xf5v\xdf\xb8\x08\xd0]\xa1\xffvW]\x14\x00\xc6\x9d\xe2s\xe6\xcc\xa9\xa8\xa8 \xa2\x19?\xf9\xee\xb0\xb1\x83\x1a\xeb\xfd]v\xdax!\x9c\xf3` \xe4\xee\x11\xfb\xc8\x0b\xd3c\xe3\x1dR\xca9s\xe6\x94\x97\x97c\x19\x11\xe0\\\xe8\xbf\xddRW\xfc\xfe\x8c\x93\xc7\xb5k\xd7\xe6\xe5\xe5\x11\xd1\x84i\x99\x13\xa6e\xd4U6\xa8\x91\x9b;\x9cKQxS\xbd\xbf_j\xca\xf4\xff\xfa\x0e\x11UTT&lt;\xfd\xf4\xd3\xe7&gt;\x85\n\xc0\xe2l6\x1b\xfao\xb7\x14\xf6\x000\x9e\xe6ZSS\xf3\xdcs\xcfq\xce\x93\xfb%\xde\xfb\x9f\x93\x9b\xeb\xfd\\\x89\xa2\x88VU\xa5\xa1\xb6)\xeb\xae\x8c\x8c[\x86\x13\xd1\x9f\xff\xfc\xe7\x82\x82\x82\xd6G\x1b\x02X\x96\xf1\xb0\x87\xea\xeaj\xf4\xdfn)\xec\x01`l\xce]\xb5j\xd5\xe1\xc3\x87\x85\x10\x93\xbf?!!1.\x14\xd2\xa3\xee\x1c\x8d1=\xa4\xdf1\xfff{\x8c-\x10\x08,Z\xb4\xa8\xedO\xaf\x05\xe8\xae\x8c\x0b\xaa+V\xac0i\xffE\x17\xbe\xb8\xf0\x06\x80\x94RQ\x14\xbf\xdf\xbfr\xd5J\xc6X\xef+\x93\xc6\xde~m\x93\xcf\xaf\x84s\xb3p\xc7p\xceZ\x9a\x03W\x0e\xebcL"\xb6n\xddz\xe8\xd0\xa1\xb8\xb88L"\xc0\xcal6\x9b\x10b\xd5\xaaU\xe8\xbf\xddRx\x7f\x91\xc63:\xf2\xf3\xf3\x8b\xf7\x17K)o\x9d5\xde\x15\xef\xd0\xf5h\xfd\x950\xa6\x05\xb5\xdb\xe6d\xc58\xed\xcd\xcd\xcd\xaf\xafx\xdd\xe1p\xe0\x00\x02+\x8b\x8f\x8f\xdf\xb6m[ii)\xfao\xb7\xd4\x15I\xbe\xea\x8dU\x8c1orB\xc6-\xc3[\x1a\x03\x9cG\xd9\xc9\xe3Y\x9c\xb3\x96\xe6\xe0\x95\xc3\xfb\x0e\xc9\xb8\x8a1\xf6\xf6\xdboWTT\xd8cb"]\x17@\xc40\xc6\x8c\xe9\xbfI\xfbo\x0c\xfa\xefE\x851\x00\x8c\xf5\x1f\x9f\xcfg\\\x90\x196f`B\xcf8-\nW\x0f\xcf!\x891F\xd7\xde4TJy\xf2\xc4\xc9\x9d;w\xba\x9c\xceH\x17\x05\x101\xa7O\x9f.(\xdca\xe2\xfe\xebrE\xba\xa8\xa8\x16\xc6\x000N\xbe\x8a\x8a\x8aN\x9f:MDWOH\x93\x92(\x8a\x8f\x1e"\xe2\x9c\x82-\xa1!\xa3\xafr\xc6:4M\xdb\xb8q\xa3\xddn\x8ftQ\x00\x91\xa1*\xcag\x9f}v\xe8\xe0!B\xff\xed\xa6\xc2{\x06@D\x05\x05\x05D\xe4p\xc5\xf4\x1f\xdc;\x14\x08E\xf7\xf1C\x8c1-\xa8\'\xf6\xf2$\xf7\xefAD\x85\x85\x85!M#"l%\x00\x0b\xb2\xdb\xedEEE\x9a\xa6\xdb\x1d6\xb3\xf6\xdfP(\xd2EE\xb50\x06\x80q\xaaX\xb4\xb3\x88\x88z\xf6\xf1z\x93\xe2\xf5\x90\x1e\xe5\x07\x10\x11\t!b\x9c\xb6\xbei)DT\\\xbc\xdf\xb8\xf5\xb1}\x1ff\x04\xd0-\x04\x83\xc1\xa2\xa2""J\xec\xed1u\xff\xc5f\xd0\x0b\to\x00H)+++\x89\xc8\xed\x8du\xc4\xc6\x08!/\xe7\xa3!\xba\x86$b\x9cy\x93\x13\x88\xa8\xa1\xa1\xa1\xa5\xa5%\xd2\x15\x01D\x86\x10\xa2\xb6\xb6\x96\xd0\x7f\xbb\xafp\x05\x80\x94\x92s\xee\xf3\xf9\x0e\x1e&lt;HD\xbd\xaeJ\xe2\x8a9\xee\xabb\x8c\t]\xf4\x1a\x98DD\x0c\x9f/\x01\xd6f&lt;S\xa1\xcf\xa0\x14\xf4\xdfn)\xec7\x82\x19kpq\x1e\x17\xe3\xcc\x04\x87\x0f\x11\x11IIq\x1e\x17\xe1\xcc\x11\x80$\xa1\xffv_a\xbf\x0f\xc0H`\xa1\x99\xecv\x0c\xd3\x15\x0c\x10&gt;\xa6\xeb\x0e\xa6+8R\xba\xea\x96n\xd3\x9d\x87\x99\xae`\x80\xf01]w0]\xc1\x11\x12u\xcf\xf4\x00\x00\x80\xae\x81\x00\x00\x00\xb0(\x04\x00\x00\x80E!\x00\x00\x00,\n\x01\x00\x00`Q\x08\x00\x00\x00\x8bB\x00\x00\x00X\x14\x02\x00\x00\xc0\xa2\x10\x00\x00\x00\x16\x85\x00\x00\x00\xb0(\x04\x00\x00\x80E!\x00\x00\x00,\n\x01\x00\x00`Qj\xa4\x0b\x00\x000\x07y\x8e\xd6\x17\xd99"X[\xc7 \x00\x00\x00.F\x08!\x84P\x14\xc5n\xb7\xdb\xedvEQ8\xe7\xc6G\xde\x1a_\r\x06\x83\x81@@\xd34\xc6\x18\xe7fZVA\x00\x00\x00|\x0b)\xa5\xae\xeb\xaa\xaa\xba\xddn\xbb\xdd\xde\xd8\xd8XVVv\xe2\xc4\x89\xf2\xf2\xf2\xaa\xaa*\xe3\xd3\x86cccSRR\xae\xbc\xf2\xca\xab\xae\xba*111\x14\n544p\xf3|\x14%\x02\x00\x00\xe0|R\xca\x98\x98\x18\x97\xcb\xe5\xf3\xf9\xb6n\xdd\x9a\x9b\x9b\xbbe\xcb\x96C\x87\x0e\xd5\xd5\xd5\xfd\xfb7\xdbl\xb6\x01\x03\x06\xdc|\xf3\xcd\x0f&gt;\xf8`VVV \x10hii1&gt;N9\xca!\x00\x00\x00\xbeAJ\xa9(\xca\xc9\x93\'\xff\xfa\xd7\xbf\xfe\xdf\xff\xfd\xdf\x9e={.\xfe\xfd\xa1P\xe8\xf0\xe1\xc3\x87\x0f\x1f\xce\xc9\xc9\x991c\xc6/\x7f\xf9\xcb~\xfd\xfa\xd5\xd7\xd7G\x7f\x06 \x00\x00\x00\xbeA\xd7u\xaf\xd7\xfb\xc2\x0b/,Y\xb2\xa4\xf5E\xc6\xd8\xc0\x81\x03\x87\x0c\x192h\xd0\xa0\xa4\xa4$\xa7\xd3)\xa5\xac\xab\xab;z\xf4\xe8\xae]\xbbJJJ\x88HQ\x94u\xeb\xd6}\xfa\xe9\xa7\xeb\xd6\xad\xcb\xcc\xcc\x8c\xfe\x0c@\x00\x00\x00|\x03\xe7\xdc\xef\xf7\xcf\x981c\xe9\xd2\xa5B\x88\xe1\xc3\x87O\x9b6m\xca\x94)\xc3\x86\r\xf3x&lt;6\x9b\x8d\x88\x8c+\xc0\x8c1]\xd7\xeb\xeb\xeb\x8b\x8a\x8a^~\xf9\xe5\xbf\xff\xfd\xef6\x9b\xed\xc4\x89\x13w\xdf}\xf7\xe6\xcd\x9b\xaf\xbc\xf2J\xbf\xdf\x1f\xcd\x97\x85\x11\x00\x00\x00\xdf\xc09oii\x19&lt;x\xf0\xcf~\xf6\xb3\xb4\xb4\xb4{\xee\xb9\'!!!\x10\x08\xf8\xfd~\x9f\xcfw\xee\x1eP"b\x8c)\x8ar\xe3\x8d7\xdez\xeb\xad\xaf\xbd\xf6\xda\x7f\xfe\xe7\x7f\xda\xed\xf6\xca\xca\xca\'\x9exb\xc3\x86\r\x91\xfa/\xb4\x11\x02\x00\x00\xe0|\x8c\xb1\x96\x96\x96g\x9f}\x961\xd6\xd8\xd8XYYi\xec\xed\xb9\xd0\x92N}}\xbd\x94\xf2\xf1\xc7\x1f\x97R.X\xb0@U\xd5\xcd\x9b7\xff\xe3\x1f\xff\xb8\xfb\xee\xbb\xeb\xea\xea\xa2v!(z\xcfM\x00\x00"\x881\xe6\xf3\xf9\xea\xea\xea\x84\x10\xaa\xaa^|s\xa7\xa2(\x8a\xa2TVV\xfe\xf0\x87?\xbc\xf5\xd6[\x8d{\x02\xd6\xae]\x1b\xe5\xfbA\x11\x00\x00\x00\xdf\xce\x18\xd6\xdb8\x88\x1b\xdf&amp;\xa5|\xf8\xe1\x87\x8d?\x14\x14\x14TVV\xdal\xb6\xf3V\x8d\xa2\x07\x02\x00\x00\xa0s(\x8a\xe2\xf7\xfb322bcc\x89\xa8\xbc\xbc\xfc\xd4\xa9Sv\xbb\x1d\x01\x00\x00\xd0\xfdi\x9a\xe6\xf5zSRR\x8c?WWW+\x8a\x82\x00\x00\x00\xe8\xe6\x8c\x07\x04\xd9l6\x97\xcbe\xbc\x12\x08\x04\xa2y\x1bh\xf4V\x06\x00`.RJ\xc6\x98\x10"\x14\n\x19\xaf\xa8\xaa\x1a\xb5\xd3\x7fB\x00\x00\x00t"\xceysssmm\xad\xf1g\x8f\xc7\xa3\xebz\xd4\xee\x05B\x00\x00\x00t\x0e)\xa5\xddn?q\xe2Duu5\x11y\xbd\xde&gt;}\xfa\x84B!\x04\x00\x00@7\'\x84p8\x1c\xff\xfa\xd7\xbf\x8cY\xff\x88\x11#z\xf7\xee\x1d\x0c\x06\x11\x00\x00\x00\xdd\x99q\xf9\xb7\xaa\xaaj\xd5\xaaU\xc6_\xef\xb9\xe7\x1e\xbb\xdd.\x84\x88ti\x17\x84GA\x00\x00t\x02M\xd3\x92\x93\x93\x9fz\xea\xa9\xa3G\x8f2\xc6\xfa\xf7\xef\xff\xc0\x03\x0fD\xf9\x03Aq\x06\x00\x00p\xb9B\xa1Prr\xf2\xea\xd5\xab\xff\xe7\x7f\xfe\xc7\xb8\xf5\xf7\xb9\xe7\x9eKJJ\x8a\xe6\xf5\x1fB\x00\x00\x00\\\x0e)\xa51\xf7\xff\xd3\x9f\xfe4o\xde&lt;\x9b\xcd\x16\n\x85~\xf0\x83\x1f\xcc\x9e=\xbb\xb6\xb6VU\xa3z\x95\x05\x01\x00\x00\xd0AB\x08\xc6XRR\xd2o~\xf3\x9b\x87\x1ez\x88\x88\x82\xc1\xe0w\xbf\xfb\xdd\xdf\xff\xfe\xf7\xc6\x87\x03G\xba\xc0K\x88\xeat\x02\x00\x88Z\x9a\xa6\xc5\xc6\xc6\n!~\xf8\xc3\x1f\xbe\xf6\xdak\xc6\xdc\xff{\xdf\xfb\xde\xca\x95+u]\xd7u=\xfa\x03 \xda\xeb\x03\x00\x88B\xc63\x7fN\x9e&lt;y\xfb\xed\xb7\xbf\xf6\xdak\x8a\xa2\x84B\xa1\xec\xec\xec7\xdf|S\xd34M\xd3\xa2\x7f\xf4\'\x9c\x01\x00\x00\xb4\x97\xa6i=z\xf4\xd8\xb6m\xdb\xacY\xb3\xca\xca\xca\x88\xc8f\xb3\xbd\xf2\xca+\x8f&gt;\xfahmm\xad\x94\xd2\x14\xa3?!\x00\x00\x00\xda\xc5\xf8\xc8\xf8\x0f?\xfc\xf0\xbe\xfb\xeekll$\xa2\xd4\xd4\xd47\xdex#++\xab\xb2\xb2RQ\x14\xb3\x8c\xfe\x84\x00\x00\x00h;!Dll\xec\xbe}\xfb\x1ex\xe0\x81\xa6\xa6&amp;"\xca\xca\xcaZ\xb7n]rr\xf2\x993g\x8c\xcf\x8b7\x11\x04\x00\x00@[q\xceu]\x7f\xf4\xd1G\xeb\xea\xea\x88\xe8\xfa\xeb\xaf\xff\xe0\x83\x0fbbb|&gt;\x9f\xe9F\x7f\xc2E`\x00\x806\xd2u=&gt;&gt;\xfe\xddw\xdf-((\xe0\x9c\xf7\xea\xd5\xebO\x7f\xfa\x93\xd3\xe9lnn\x8e\xf2\xfd\xfe\x17\x82\x00\x00\x00h\x13\xe3Y\xff\xc6G\xbd\x0b!\xfe\xfb\xbf\xff{\xd0\xa0A\r\r\r&amp;\x1d\xfd\t\x01\x00\x00\xd0\x16\xc6\xb3\xde\xbe\xfa\xea\xab]\xbbvI){\xf5\xeau\xef\xbd\xf7\xfa|&gt;\xf3\x8e\xfe\x84\x00\x00\x00h\x8b\xf3\x9e\xf5\x7f\xfd\xf5\xd7\xa7\xa4\xa4D\xf3\xb3\xfe\xdb\x02\x01\x00\x00piRJUU\xcf\x9c9\xa3\xeb:\x11\r\x1b6,\xca?\xee\xb1-\x10\x00\x00\x00m\xc2976\xff\x10Q\xef\xde\xbd\x8dO\x00\x8ehE\x97\xcb\xc4\xabW\x00\x00],\x10\x08\x18\xf7y\xc5\xc7\xc7G\xf3\'\xbd\xb4\x11\x02\x00\x00\xa0M\x18c\xc1`\xd0\x18\xf7\xbb\xc1\xf4\x9f\x10\x00\x00\x00m\xc19oll\x9c2e\xca\xfb\xef\xbfOD\xc3\x86\rkjj2\xd1S\x1f\xbe\x15\x02\x00\x00\xe0\xd2\x18c\xa1P\xa8_\xbf~\xa9\xa9\xa9D\xe4\xf7\xfb\xcd\xbe\x05\x88\x10\x00\x00\x00md,\x01\xb5\xb4\xb4\x10\x11\xe7\xdc\xec\xa3?!\x00\x00\x00\xda\x8e1\x16\xcd\x1f\xf2\xde^\xe6^\xc0\x02\x00\xe8bR\xcan\xb0\xff\xc7\x80\x00\x00\x00h+!\x84\xddnw8\x1cRJ\xb3\xdf\x05F\x08\x00\x00\x806b\x8c\xc5\xc5\xc5\x95\x95\x95\x1d9r\xc4f\xb3\xd9\xedv\xb3g\x00\x02\x00\x00\xe0\xd2\x8cg\x01\xfd\xf4\xa7?\x1d=z\xf4\xd8\xb1c\xef\xbc\xf3\xce\xca\xcaJ\x9b\xcdf\xea\x0c@\x00\x00\x00\\\x82\x10"..\xee\xb3\xcf&gt;\xfb\xdd\xef~W__\x1f\x08\x04\xb6l\xd9\xf2\xea\xab\xaf\xc6\xc5\xc5\x19\x8f\x062)\xec\x02\x02\x00\xb8\x04\xe3Ip\xa5\xa5\xa5\x8a\xa2\x18\xbb?\x19c%%%\xba\xae\x9bz3(\xce\x00\x00\x00\xda\xc4\x98\xefs\xce\x15E\x11B\xb8\\.\xb3\xdf\tl\xee\xea\x01\x00\xba\x00\xe7\xbc\xa9\xa9i\xe2\xc4\x89)))\xc1`0\x10\x08H)\xef\xbb\xef&gt;S\xaf\xff\x10\x96\x80\x00\x00.\xc9\xb8\x07\xb8W\xaf^\x1f|\xf0\xc1\xea\xd5\xab\x9b\x9b\x9b\'O\x9e|\xe7\x9dw644\x98\xfa\xbe0\x04\x00\x00\xc0\xa5q\xce\x9b\x9b\x9bG\x8c\x18\xf1\xca+\xaf\x18\xf7\x82\xd5\xd7\xd7\x9b\xfa\x02\x00!\x00\x00\x00\xda\x88s\xee\xf7\xfb\x9b\x9a\x9a\x8cq\xdf\xd4s\x7f\x03\x02\x00\x00\xa0\xad8\xe7f\xbf\xf0{\xae\xee\xf3?\x01\x00\x80vA\x00\x00\x00X\x14\x02\x00\x00\xc0\xa2\x10\x00\x00\x00\x16\x85\x00\x00\x00\xb0(\x04\x00\x00\x80E!\x00\x00\x00,\n\x01\x00\x00`Q\x08\x00\x00\x00\x8bB\x00\x00\x00XT\x17\x05\x80\xe9\x1e\x99d\xba\x82\x01\xc2\xc7t\xdd\xc1t\x05GJx\x03\xc0xf\x1e\x11i!\x9dL\xf5\xc1\x99Z\xc8\xdc\x8f\xf9\x06\xe8D\xe8\xbf\xddU\xb8\x02\x801&amp;\xa5\x8c\x8f\x8fOKK#\xa2S\x07\xcbuMp3\xc4\xb2\x94RQ\xf9\xa9\x83_\x11\x91\t\xca\x05\x08\'!$\x11\x9d&lt;P\x86\xfe\xdb-\x85\xf1\x0c\xc0\xf8\x14\xcd\x9e={\x12Qs\xbd?\x14\xd4\xccr^&amp;\xa5l\xa8i""\x9b\xcd\xd6\x9d\x9e\xfc\x07\xd0^6\x9b\x8d\x88\x1a}\xe8\xbf\xddS\x18[\xc7X\xfcI\xbf6\x9d\x88\xce\x9c\xac\xf6U5(6.e\xb4\x9fIr\xc6\xb4\x80~\xea`9\x11\r\x192\xa4W\xaf^D\x84\xc9\x04X\x90\xc3\xe1\xc8\xcc\xcc$\xa2\xcaS\xe6\xee\xbff\x89\xae\xae\x17\xc6\x000\x1a}\xd4\xa8QD\xd4\xd4\xe0\xff\xeah\xa5-\xc6\x16\xe5\xc7\x8f\x94R\xb5)\xbe\xea\x86\x8a\x13\xd5D\x94\x9e&gt;\xd2\xe9p\x10\x11\x8e\x1f\xb0 M\xd3222\x18\xa3\x96\xa6\xa0Y\xfb\xaf\xd3\x19\xe9\xa2\xa2Z\x18\x03\xc08\xf9\x1a7n\x9c\xb7\x87WJY\xb2\xe3K\xaeD\xfb\x0cBJ\xb29lG\xf6\x9e\xaa\xafi\xe4\x9cO\x9e&lt;\xd9\xec\x1f\xfa\x0c\xd0a\xa1Ph\xfc\xf8\xf1\xfd\xfa\xf73o\xff\xd54-\xd2EE\xb5\xf0\x9e\x01\x08!z\xf7\xee\x9d\x9e\x9e\xce\x18\xdb\xff\xf1!\x7fC\x8b\xa2D\xf5\x92\x9c\x94RQ\xf8\xee\xcd\xa5D\x94\xd83q\xc2\x84\tM\xcd\xcd\x91.\n 2$QZZZ\xc6u\x99\xe6\xed\xbf\xcd\xe8\xbf\x17\x15\xde_\xa7q\x19`\xc6\x033\xa4\x94\xe5\'\xaa\x0e\x14\x1du\xc4\xc6\x18\xfb\n\xa2\x90\x94\xd2nW+O\xd7\x16o?LDS\xa7N\xed\xd7\xaf_\xa0\xa5%\xd2u\x01D\x8c\xaa\xaa\x0f&lt;\xf0\x80y\xfbo\x0b\xfa\xefE\x857\x00\x8c\x0fM\xbe\xff\xfe\xfbSRR\xa4\x94\x9b\xd6|,\x84\x8c\xda\xe5t!\xa4#.f\xcb\xdb\x05\xbe\xea\x06EQ\xe6\xcf\x9b\x1f\xe9\x8a\x00"\xac\xb1\xb1q\xda\xb4iIII\xe8\xbf\xddRx\x03\x801\xa6iZbb\xe2\xec\xd9\xb3\xa5\x94\x07??\xb6\xef\x93\x83N\xb7C\xe8"\xac?\xb7\x03\x8c\xe9C\xd5\xe9\xbam\xef\x151\xc6\xd2\xd3\xd3\'L\x98P__od\x18\x805\xf9\xfd~\xa7\xd3\xf9\xe0\x83\x0f\xa2\xffvKa_\xd1\xe3\x9cK)\xe7\xcf\x9f\xef\xf1x\x88h\xe3\xaamB\xc8(\xdc\x95%t\xe9t;&gt;\\\xfbiCm\x13\x11\xfd\xf8\xc7?n\xbd\x8d\x19\xc0\xb2\x14E\x91R&gt;\xf6\xd8c&amp;\xed\xbfQXjT\xe9\x8a\x00\x10B\x0c\x1e&lt;8;;[Jy\xe8\x8bc\xf9\x7f\xfa\xc4\xdd#V\xd3\xa2hw\x8d\xae\x8b\xd8xGi\xe1\xd1\x7f\xad\xdbND\x13\'N\x9c1c\x06c\x0c\xd3\x07\xb08\xce9cl\xe8\xd0\xa1\xe8\xbf\xddRW\\\xd3\xe7\x9c\xeb\xba\x9e\x9d\x9d=p\xe0@"Z\xff\xc7\x8f\x0e\xef:\x11\x17\xef\xd4\xa3\xe3DRJi\xb3\xab\xfe\xa6\xc0\x9f~\xf1\xbe\x16\xd2\x15Ey\xe9\xa5\x97\xa2|\xbb\x1b@W\xd24\r\xfd\xb7[\xea\x8a\x00`\x8c1\xc6\x12\x12\x12\xd6\xae]\xab\xaaj\xc0\x1f\\\xb5\xe8\xdd\x86\xdaf\x9b]\x8d\xf8\x1a\x8b\x94RJ\xb2\xc5\xa8\x7f\xfa\xe5\x07\xa7\xbf\xac\x90R.[\xb6,33\x13\xdb\xff\x01ZI)\xd1\x7f\xbb\xa5.\xda\xd5\xcb9\xd74m\xec\xd8\xb1K\x97.\x95R\x96}y\xe6\xe5\'\xd7p\x85\xdb\xec\xb6\x08^P2\x8e\x1eO\x92{\xed\x0b\x7f/\xd8\xb8\x87\x88\xee\xbf\xff\xfe\xec\xeclM\xd3p\xf2\x08\xd0\n\xfd\xb7\xbb\xea\xba\xdb:TU5N$\xe7\xcd\x9bGD\xc7\x8aO\xff\xee\x89\xd5\xfe\xc6\x16\xa7\xdb\xa1Gb=Q\xe8BQ\x15gl\xcc\x1b\x8b\xfe\xba\xf5\xddB"\x1a=z\xf4\xf2\xe5\xcb\x85\x108z\x00\xce\x83\xfe\xdb-u\xe9}}\x8a\xa2\x08!\x96/_n\x1cC\xa5\x85G^^\xb0\xa6\xfcX\x95\xbbG\x9c\xd0\x85\xec\xaa\x1bL\xa4\x94\xba&amp;\x9cn\x87\x1e\xd2W\xfe\xfc\xdd\x8f\xfe\xb2C\x081z\xf4\xe8\xdc\xdc\\\xaf\xd7Kxt\x14\xc0\xb7A\xff\xed~\xba4\x00\x8c\x8b\x01\xba\xae\xb7\x1eC\xc7K\xcb^\xfc\x8f\x9cO?\xf8&lt;6\xdeiw\xda\xc3}\x18I)u](\xaa\x12\x9f\x18wd\xcf\xc9\xa5\x8f\xac\xd8\xfe\x8f]D4z\xcc\xd7G\x8f\x10\x02\xcf\x8f\x05\xf8V\xe8\xbf\xddOW7\x16c\xcc\xd8\x18\xba|\xf9\xf2g\x9f}\x96\x88\x1a}\xcd+\x9ey\xe7\x8f?\xfd\xbf\xb2/+b=.\xbb\xd3&amp;t!t\xd1\x89\xd7\xf1\x8d\x1d\xc1B\x17\xaa\xaa\xb8\xbd\xb1M&gt;\xff\xdb\xff\xb3\xe1\xa5\xf9\xabN\x1e\xfc\x8a\x88\xa6O\x9f\x9e\xbb\x11G\x0f\xc0\xa5\xa1\xffv3j\xd7\xffH\xe3\x04M\x08\xb1h\xd1\xa2\xeb\xaf\xbf~\xee\xdc\xb9eee\x85\x9b\xf6\xee\xd9r s\xf2\x88[\x1f\xbc~\xc0\xb0&gt;D,\x14\x08\x85\x82\x9a\x14R\x1a\x0f\xe3g\x8cH\xb6\xed\xb9\xfc\xc6\xb7I\xe3C\xec\x18c\x8aM\xb1;l\\\xe1\xd5\xa7k\xff\xb9r\xeb\xc7\xef\xed\xac\xab\xaa\'"\xbb\xdd\xb6d\xc9\x8b\xd9\xd9\xd9F=8z\x00.\t\xfd\xb7;\x89@\x00\xd0\xd9sIM\xd3\xa6L\x99RXX\xf8\xcc3\xcf\xbc\xb5\xf6\xad@ \xf8\xe9\xfa\xcfw\xe6\xed\x1fv\xfd\xc0ko\x182d\xd4U\xde^\tv\x87\x8ds.t]\x8av\x7f(\x8b\xa2r)\xa4\x16\xd4}\xd5\x8d{?&gt;\xb8w\xdb\x81\xe2\xcf\xbe\xac\xad\xf4\x19_\x9d4i\xd2\xf3\xcf??v\xecX\xe3vA\x1c=\x00m\x84\xfe\xdbmD&amp;\x00\xbe\xfe\xd9\xaa\xaa\xebz\x9f&gt;}V\xae\\\xf9\xe8\xa3\x8f\xfe\xea\x85_\xe5m\xda\xe4\xf7\xb7\xec\xda\\\xb2ks\x89+\xce\xd9\xeb\xaa\xa4\xdeW\xf5\xec\xd1\xcb\x932 1\xd6\xe3\x12\x9ah\xe31\xc4\x18\xd3C\xfa\xa9C\xe5\r\xb5M\xa7\x0f\x9d)?V\xe9\xabnh\xfd\xea\xf8\xf1\xe3\x17,X0s\xe6L"\xd2u\x1d{\x06\x00:\x00\xfd\xb7\x1b\x88d\x00\xd0\xd9\'\x8d\x08!\xc6\x8e\x1d\xfb\xfe\xdf\xde\xdf\xb7o\xdf\xea\xd5\xab\xdfy\xe7\xedc\xc7\x8e77\xfa\x8f\xec=qd\xef\x89\xce\xfaYI\xc9I\xb7O\xbd}\xf6\xec\xd9\x93&amp;M\xa2\xb3\x8f\xaa\xc6\xd1\x03\xd0a\xe8\xbff\x17\xe1\x00 c\x8dOQ\x84\x10R\xca\x11#F,]\xbat\xf1\xe2\xc5\xbbw\xef\xde\xb4i\xd3g\xdb?+--\xad\xaf\xaf\xaf\xad\xa9\xed\xc0;\xc7\xb9cc]\xb1\xc3\x86\x0f\x1f9r\xe4\xcd7\xdd\x9c\x95\x95\x95\x98\x98Hg\xaf)\xe1\xd0\x01\xb8|\xe8\xbf\xa6\x16\xf9\x000\x18KxB\x08!\x84\xcb\xe5\x1a7n\xdc\xb8q\xe3\x88\xc8\xef\xf7755\x15\x17\x17w\xe0\xde\xee\xd4\xd4\xd4\xf8\xf8\xf8\x84\x84\x84\xd6W\x8c7Q\x14\x05G\x0f@\'B\xff5\xa9h\t\x00\x03\xe7\xdcx|\xb41\xa1\xe0\x9c;\x9dN\xa7\xd39q\xe2\xc4\x0e\xbf\xa7qP\x1a\x97\x89p\xdc\x00\x84\x0f\xfa\xaf\xe9DW\x00\x18\xce}\x8e\xab\xb1\x9b\xb8c\xcf\x9c2\xf6*\x18\x07eg\xd6\x07\x00\x17\x86\xfek"\xd1\x18\x00\xe726\x1d#\xf9\x01\x</t>
        </is>
      </c>
    </row>
    <row r="278">
      <c r="A278" s="1" t="n">
        <v>276</v>
      </c>
      <c r="B278" t="inlineStr">
        <is>
          <t>grid_number_color</t>
        </is>
      </c>
      <c r="C278" t="inlineStr">
        <is>
          <t>What is the missing color if the part denoted with the question mark has the number 8?</t>
        </is>
      </c>
      <c r="D278" t="inlineStr">
        <is>
          <t>['orange', 'green', 'red', 'blue']</t>
        </is>
      </c>
      <c r="E278" t="inlineStr">
        <is>
          <t>red</t>
        </is>
      </c>
      <c r="F278" t="inlineStr">
        <is>
          <t>There is a 3x3 colored grid of numbers. The first row has number-color pair [(3, 'orange'), (1, 'blue'), (8, '?')], the second row is [(1, 'blue'), (8, 'red'), (3, 'orange')], and the third and final row is [(4, 'green'), (8, 'red'), (4, 'green')].</t>
        </is>
      </c>
      <c r="G278" t="inlineStr">
        <is>
          <t>We observe that the grid cells with number 3 is orange in color, the grid cells with number 1 is blue in color, the grid cells with number 4 is green in color, and the grid cells with number 8 is red in color. Thus, the pattern is that the grid cell with the same number will have the same color.</t>
        </is>
      </c>
      <c r="H278" t="inlineStr">
        <is>
          <t>Based on the pattern that the grid cell with the same number will have the same color, the missing color of the part with 8 should be red.</t>
        </is>
      </c>
      <c r="I278" t="inlineStr">
        <is>
          <t>b'\x89PNG\r\n\x1a\n\x00\x00\x00\rIHDR\x00\x00\x02\x00\x00\x00\x02\x00\x08\x02\x00\x00\x00{\x1aC\xad\x00\x00|2IDATx\x9c\xed\xddw\x9c\x14E\xda\x07\xf0\xa7\xaa\xba\'\xcffv\x97]\x96\x9c\x97 9\nH\x06\x05\x11\x13\xa8\x889\xeb\x99sN\'w\xe6,&amp;PDQ\x10A\x05\xc9Ar\xce9\xc3\xc2\xe60y\xba\xbb\xaa\xde?\x1a\xf6\xe5\x14\x950\x1b\x86y\xbe\x87\xf7a\xd3l3\xdd]\xbfJ]E\xa4\x94\x80\x10B(\xf6\xd0\xaa&gt;\x00\x84\x10BU\x03\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R\xaa\xfa\x00\xfe\x9f\x94RJY\xd5Gq^!\x84\x10B*\xff\xf7\xe2\xa9\x8c\xb8*9\x95\xe6I\xc4S\x19A\xe6I\xac\x92\xbb\xf2\x94H\xd5\x9e])\xa5\x10BJI)\xa5\x14\x9b#\x15\x82s^\t\xef\xb0\x10B\x08A\x08a\x8cU\xdco\x89eRJ\xce9!\x84RZq%\x88\x19\xdex*+T\xf9-YUU\xb4rU\x16\x00f\xb9\x7f\xf2\x15\xe6\x0f\x86r\xf3\xf2\xf3\x0b\x8a\x08!\x80\x95\x8es#\x01(%M\x1a6\x88\x8bs\xd1\x93\xae0\xceyd\x8b\x8f\xe3\x85\x05\xa5\'\xff\x96\xa0\xdf\xb7w\xefn=\xacAu\xa9\xe8D/\x02R\xb8\xe3\x12j\xd5\xce\xb2\xd9\x9d\xe5\x9f\xe5\x9c\x03@d\x0bh3`\x14\xe5\xff{\x05\xc2\xe1pII\xc9\x81\x03\x07"\xf8[b\x16!DJY\xa7N\x9d\xa4\xa4$\xab\xd5Z\xfey\xc30\x18cU\x15\x03U\x10\x00B\x08\x02@(\x05\x80\xa2\x92\xd2E\xbf/\x9f3w\xce\x9e\x1d[\x8as\x0f\xf1\x90/\xc1&amp;\x85\x04\x00\x0c\x80sB\t\t\xe9&lt;D\xddNw|ZV\x83\x0e\x1d\xbb\x0c\x1c\xd0\xafM\xabl\xf3\xab\x91\x8a\x01\xceyy\x19\xb4w\xd7\x8e9\xb3g-[\xb1b\xef\xc1\x9c\xa22_YP0\xabC\n~\x8e\xbf\x02Q\xcaD\xc8\x1b\xe7\xb0\xd4\xac\x91\xd0\xb4a\xbd\x9e=z\xf4\xea\xdd7\xadf\x06\x9c\xa8\xad\x9f{\xc3\xceLq\xf3T\x86B\xa1U\xabV\xcd\x9c9s\xd3\xa6M\x05\x05\x05\xe1p\xd8\xedv\x9b\x85W\x04\xfe11\xcc|\x0f\xbd^\xaf\xd5jMIIi\xdd\xba\xf5\xa0A\x83:v\xech\xb3\xd9\xa0\x02jf\xa7{T\x95y^O\xbe\xceV\xac^\xf7\xc9\'c\xd7-\x9b\xd3 Qtm\x9c\xdc\xb6QZ\xa3\xac\x14\xb7\xc3\x96\x10\xef\xc4\xea\x7f\x04\x10\x10\x86\xc8-\xf2\x94x\x83[\xf6\xe7\xaf\xd8ql\xcd~?\x89\xafs\xf1eW\xdez\xd3\xe8\xa4\x84x\xf8\xdf\xe2\xfbL\t!\xccr\'\x1c\x0e}?\xf1\xebo\xbe\xfb~\xdb\xa1"{FvF\xd3viu\x9a\xba\x12k\xb8\x13\x92U\xabM\n\x89\x8d\x80s"\x81P\x12\xf2y\x02&gt;OI\xde\xe1\xdc\xfd\xdb\xf2v\xad\x11\x85\xfb\xba\xb4iz\xd3\x8d7\xf4\xe9?\x08\xcc\x1a\xd59\xf4$\x94_\x06{\xf7\xee\xfd\xe8\xa3\x8f\x16-Z\x94\x90\x90\xd0\xa1C\x87\xb6m\xdb6o\xde\xdc\xedv\xa7\xa6\xa6V\x9f&gt;\xeb\xa8&amp;\xa5\xcc\xcf\xcf\xf7z\xbd\xdb\xb7o_\xb7n\xdd\xaaU\xabJKK{\xf4\xe8q\xe7\x9dw6l\xd8\x10\xce\xed\x96&lt;;\x95\x17\x00\xe5E\xc6\xaa5\xeb\x1f\x7f\xfc1\xa5l\xcf\xa0\x0bj\\\xd1\xabyVF2(\x0c4\xc3\xd0\x0c.\xa4ap,2"\x82\x00\xb1\xa8\x8cQJ,\n\xa8\xd4\xf0\x06\x97o9\xf4\xcd\xfc\xedkr\xa0\xff\xb0k\x9f~\xfc\x11\x87\xc3n\x18\xc6\xc9M\xfe\xd3T\xfeSc?|\xef\xbdO\xbe\x0c\xb9\xeb4\xeevi\xc3\xb6\x17\xba\xe2\x93\xa5\xe0\x86\x16\xe2\xdc\xe0\x86!\xa5\xa8\x80\x7fV,\xa2\x94Q\xc6\x14\xd5\xa2\xa8V\tP\x9a\x7ft\xfb\x8a\xd9\x87\xd6\xceJS\xbc\xcf?\xf3T\xffA\x17\xc3Y\x95\x1d\xe5\r\x88#G\x8e&lt;\xf6\xd8c{\xf6\xec\xe9\xd9\xb3\xe7\xc8\x91#\xb3\xb3\xb3-\x16\x0b\xe7&lt;\x14\nq\xceu]\xaf\x98\x7fV,RU\x951f\xb3\xd9\x18c\x9a\xa6m\xdb\xb6m\xe2\xc4\x89\x8b\x16-j\xd0\xa0\xc1\x981c\xb2\xb2\xb2\xce1\xce\xcfT%\x05\x80Yd\x04\x02\x81;\xef\xb9\x7f\xe3\xe2\xe9O\\\xd1\xe2\xca\x8b\xb2\xa9\xddf\xf8C!\xcd\x90R\x9a\xa3!@\xb0\xf0\x8f$s\x12\x87\x90 \xa5d\x8c:\xec\x16\xb0\xaa\x87\x0e\xe6\x8d\xf9v\xc5\x82\xbd\xf2\xf9W\xc6\\u\xf90\xf3\x028\xfd\x0b\xce,hV\xadXv\xd7\xdd\xf7\x14\xab\x19]G&lt;X\xbbi\x1b\xa1\xeb\xe1\xa0\x8f\x1b:!\x04\x085\':T\xdc\xbf+\x16I)\xe1\xf8\xdc*E\xb1\xd8\x9cn\xce\xf9\xae5\x0bV\xfe\xf0V\xc7\x06\xc9\x1f~&lt;6#3\xf3\x8c\xe2\xbc\xbcB\xf6\xe2\x8b/~\xf3\xcd7\xa3G\x8f\xbe\xed\xb6\xdbRRR\x02\x81@0\x184\xbfZ\xdd\xa6\xac\x9c\x07\xca\'V\x99\xef\xb0\xddnw8\x1c\x85\x85\x85\x9f~\xfa\xe9\xf8\xf1\xe3G\x8e\x1c\xf9\xdcs\xcf\xc1Ig\xa7\xa2UF\x00\x98\xd7\xe5\x9a\xf5\x1bG\x8f\x1a5\xb0\x81\xfe\xf2m}\xedN[\xc0\x13\xe4B\xb0\xff\x19;D\x15KH)\x84\xb4[U\xc5e[\xb1~\xdf]o\xcf\xeb&lt;\xe4\xa6\x0f\xdfy\x1dN\xef\x82+\xaf0\xbe\xf3\xc6\x7f^~\xfb\xd3\x8e\xd7&gt;\xd5\xba\xe7P=\x1c\x0c\x07|\x84P\x82\x93\xb8*\x8f\x94B\x00\x80\xdd\x15/\xa5\xf8}\xf2\'9\xbf\x7f\xfd\xd1\xbbo\x0e\x1er\xe9if\x80\x99\xe2\xc5\xc5\xc5W_}\xb5\xaa\xaa\xef\xbf\xff~\xfd\xfa\xf5\xcb\xca\xca4M\xab\xc2\x01\xc9\x18d\x0e\xbc\xab\xaa\x9a\x90\x90\xb0\x7f\xff\xfe{\xee\xb9\'\x1c\x0eO\x9a4)99\xb9r\xba\x83*\xfc\xa6\xd5u]Q\x94\xef&amp;\xfft\xf9\xc0\x9e\xaf]\x91\xf9\xc6c\xc3\x88\x04_\xa9\x9f\x10P\x18\x96\xfe\x95\x8a\x12\xa20\xaa\xe9\x86\xb7\xd0\xdb9\xbb\xf6\xf2\x8f\xae\xf7o\x9a\xd2\xf5\xc2\x9e\xfe@\x90R*\xc4\xdf\xf5\xd8\x94\x97\xfe\xa3F^\xf5\xea\xe7\xd3\xafz\xf5\xa7\xd6=\x86\xf8J\n\xb4P\x802\x05K\xff\xcaE\x08e\x84\xb2\xa0\xaf,\x14\xf0\xf5\xbe\xee\xc1\xeew\x7f8\xe2\xb6\x07_\x1f\xf3\xaa\xa2(\x86a\xfc\xfd\x0f\x9b\xd3N\xb6m\xdb\xd6\xa1C\x87\x1e=z\xcc\x981#--\xad\xa0\xa0\xc0\x9c\x02\x84\xa5\x7fe"\x84(\x8a"\xa5,((HMM\xfd\xf5\xd7_{\xf5\xea\xd5\xb1c\xc7\xad[\xb72\xc6\xfe\xf1TF\xe0\x00*\xb4\x05`\xd6G\xbe\xfen\xca\x7f\x1e\xbbe\xc6k\xc3\xb32\x92=\xc5&gt;E\xa1x\x89U9.$\xa3\xc4\x9e\x12\xf7\xc6\xa7\xb3\xbe\xdfn\x9f;g\x96\xdb\xe5\xfc\xabv@y\xe9\x7f\xcdU\xc3W\x17:\xaf~\xec\xfd\xa0\xb7T\xd7B\x94U\xa3\x07\tc\x960t\xbb;A\xd7\xb5\xaf\x9f\xbc\xea\x91\xd1\x83\x1f}\xf2\xd9\xbfi\x07\x98\xf5\xca\xcd\x9b7_v\xd9e\xef\xbd\xf7\xde\xa0A\x83\n\n\n\xf0)\x9c\xea\xc0|\x92\xa6F\x8d\x1a\xb3f\xcd\xba\xfb\xee\xbb\xa7L\x99\xd2\xbau\xeb\x8an\x07T`\x00\x98\x87\xfe\xdd\xe4\x9f^y\xe8\xc6\xb9\xaf_\x99\x9a\xe8\xf2zC\xaa\x82\xd7Yu!%p.\xdc\xe9\to\x7f&gt;g\xd2v\xdb\x9c\xd9\xbf\xd9m\xb6?\xcfE+\x9f\x1e~\xdd\xc8\xabV\xe6\xdbF&lt;\xfe\x81\xa70\x17\x08\x10\x82\xa7\xb2\xba\x10\x9c\xab\x16+U\xd4q\x8f\r\x7f\xfc\xa6!\x0f=\xf6\xd4)3\xc0\x0c\xf8m\xdb\xb6\r\x1b6\xec\xc3\x0f?\xec\xdb\xb7o^^\x9e\xc5b\xa9\x92cF\xa7\xa4iZZZ\xda\xbcy\xf3\xee\xb8\xe3\x8e\xa9S\xa7\xb6h\xd1\xa2B\xc7\x03**\x00\xcc\x83^\xbfi\xcb\x90&gt;]V\xbe{UF\x8d\x04\x9f/\xa80,2\xaa\x1d\xdd\xe0q\x99\xc9O\xbd6e\x03\xcf\xfeu\xdad\xdd0\xd4\xff-8\xcc\xa2\xe4\xa9\xc7\x1e\xfa|\xf6\x96\xdb_\x9fZ\x92w\x84R\x8ac\xbc\xd5\x8d\x14\x82\xa9*S\xd4\x0f\xef\xe8\xf1\xedGc\x86^v\xc5\x1f*\x8f\xe6\xc0c(\x14\xba\xe0\x82\x0b\xc6\x8c\x193|\xf8p,\xfd\xab\'3\x03~\xfa\xe9\xa7\x87\x1f~x\xc3\x86\r\x0e\x87\xa3\xe2\xe6\x05UH\x00\x9c\xb8\xd4\xc2\xed;t\xfc\xcf\x95YCz\xb7\xf4\x16\xfb\x14\xac\xfbWW\x06\x17\xee\xe4\xb8~w}\xd6\xf7\x86g\x1f{\xe8\xbe\x93\x0b\x0e\xf3\xef\xbf\xfd:\xfd\xaa[\x1e\xbc\xed\x83\x05\\\xd7\x85\x14\xd8M\\=\t\xc1m\x0eW\xfe\xa1\xdd3\xff}\xed\x9a\x15Kje\xd59\xf9113\xc8\x87\x0f\x1f^\xbf~\xfd\xd7_\x7f\x1dK\xff\xea\xcc\xcc\x80G\x1f}t\xd7\xae]?\xfd\xf4S\xc5u\x04UH\x00\x98\x87;\xea\xa6\xdb\x93\xf3\xe6\xbf\xfd\xd4\x95\x9e\xbc\x12U\xc1EE\xaa/)\x81)\xd4\x1b\xd4\xda\xdd5\xf1\xa7\xd9\xcb.h\x95m&gt;\xafgv\xfd\x17\x17\x15\xb6n\xdb\xbe\xd7\xfd\x9fe6l\x15\x0ex\x08\xc5SY}\t\xc3\x88KI_\xf4\xc3G\xca\xae\x9f\x17,Z\xca\xc5\xf1\x82\xc3\xbc%?\xf9\xe4\x93/\xbf\xfcr\xf9\xf2\xe5EEE\xb8\xceO5\xc79ONN\xee\xd6\xad\xdb\xa8Q\xa3\xee\xbc\xf3\xce\n\xca\x80\xc8\xd7\xca\xcd\xce\x9f\xb5\xeb7\xad\x9e=\xe9\xdfw\x0f\n\x16y\x14,\xfd\xab7B@\xd3\x8c\x94\xd4\xf8\xa7\xafh\xf1\xc8c\x8f\x97W\xf0\xcd\xc7\xd3\xff\xfd\xf2\x8b\xeef}\x1a\xb4\xee\x1a\xf4\x95b\xe9_\xcdQE\xf1\x14\xe5\xf5\xb8\xe2\xf6\xcd\xb9\xda\x8f?|\xcb\x183\xd7\x1d#\x84x\xbd\xde\xd7_\x7f\xfd\xddw\xdf\r\x87\xc3\xd8\x86\xab\xfe\x08!\xe1p\xf8\xddw\xdf}\xf3\xcd7\xbd^o\x05\xad\xc6\x11\xf9\x175\x03\xa0\xc7E}\xefj\xcfG\\\xdc\xc1[\xea\xc3\xae\xff\xa8 \x84p\xc6;\xbb\xdd\xf1\xc5\x83c\xbe\xba\xfc\xd2\x8b5MSUu\xe7\xf6\xad\xdd\xfb\x0f\xbb\xf6\xf5Y\x84\xe2\n}\xd1AJa\xb5;\x0f\xef\xdc\xb8\xfe\x8b\x077n\\o\xb1X\r\xc3PU\xf5\xa1\x87\x1e\xf2z\xbdc\xc7\x8e\xcd\xcf\xcfWU\xb5\xaa\x0f\x13\xfd3]\xd7SSS\xef\xb8\xe3\x0e\xbb\xdd\xfe\xd6[o\x9d\xdds\xfb\x7f/\xc2E\xb3Y\xfa\xafZ\xb7\x91\xe7m\xbd\xa2_\xeb\x80\xc7\x8f\xa5\x7f\xb4\x90@@\xc2\xc3\xc3/\xf8l\xec\'\xe6g\x08!c?\xfe\xa8N\xd7\xe1\xee\xc4\x14a\xe0z\x00\xd1\x81\x10\x1a\xf2\xfb\xea\xb7\xea\x12p\xd7\x9b\xfe\xe3dsUg\x8f\xc73\x7f\xfe\xfc\x07\x1f|\xd0\xef\xf7G\xbc\x10A\x15DQ\x14\x9f\xcf\xf7\xe0\x83\x0f.\\\xb8\xb0\xac\xac\xcc\xec\x95\x8d\xec\xaf\x88|\x00\x00\xc0;\xef\xbewY\xc7\x0c\xc5n\xe3\x02\xeb\x8cQ\x83Q\x12\xf4\x05/\xbe0;o\xe7\x8au\x1b\xb7X,\x96\xe2\xa2\xc2\x1fg\xceo\xdb\xef\xaa\xa0\xaf\x94b\x97q\xf4 \x84\x08Ck\xd1\xfb\xaa\x0f?\x1ek\xd6\xc9&amp;L\x98P\xaf^\xbd\xa6M\x9b\x06\x02\x01\xec\xff\x89\x16\x84\x90`0\xd8\xb8q\xe3\xfa\xf5\xebO\x980\x81\x10b.\x03\x1eA\x91\x0c\x00)\xa5\xa2(%\xa5\x9e\r\xcb\xe6\x8e\xec\xdb\xca\xf0\x05\x19V\xff\xa3\x8a\xc1\x85\xc5\xed\x18\xd0\xba\xc6\xa7\x9f\x7f\t\x00?\xfe\xf0\x9dH\xa8\x97Z\xbb\x91\x1e\x0e\x01\xae\xd2\x14=\x08\xa5A\xbf\xb7i\xc7\xde\xdb\x0e\x97l\xdb\xbc\x11\x00\xbe\xfd\xf6\xdbk\xae\xb9\xc60\x0c,\xfd\xa3\x0b\xa5\xd40\x8ck\xaf\xbdv\xd2\xa4I\xe6\x87\x11~\xfd\x08\xbe\x96Y\xfd_\xb4dy\x83\x04\x9eQ+9\xa4\x19x\xadE\x17J\x89\x08j\xc3\xba7\xde\xb8z\x99\x940\x7f\xc1\xa2\x06\x1d\xfaK\x8e\xa5F\xf4\x11\xdcp\xb8\xe2\x13\xea\xb7]\xb2x\xa1\xcf\xef\xf7\xf9|=z\xf4\xf0\xfb\xfd8\xf9\'\xbaPJ\xfd~\x7f\xf7\xee\xdd\x83\xc1\xe0\xa1C\x87(\xa5\x91\xed\x05\x8ap\x0b\x00\x00~\xfb\xed\xb7\x0b\x9b\xd5 \x15\xd0]\x85*\x1a%$\x1c\xd2Z7\xca\x94\xde\xa3\x9b6o\xdd\xb9?\xa7n\xcb\xceZ\xd0\x0f\xf8\xd0o\xb4!\x84p]\xab\xdd\xb2\xfb\x8a\xd5\xeb\xe6\xcf\x9bW\xa7N\x9d\xd4\xd4TM\xd3\xaa\xfa\xb8\xd0\x19\xd34-55\xb5n\xdd\xba\xf3\xe7\xcf\x87\x13\xf5\xecH\x89\xe4\x8dm.(\xb6{\xfb\xe6vMjJ\r\xab\x8dQ\x89\x0bisZ\x9bd8\'N\x9c\xc8-q\xf1)5u]\xc3S\x19}\x08\xd5\xb5`z\xbd\xa6\x87r\x0bg\xfc\xf2s\xbbv\xed\xb1B\x16\xbd\xa4\x94\xadZ\xb5Z\xb3f\r\x9c\xa8gGJ\xc4\x02\xc0|\xe6P3xi\xc1\xd1\x86\x99)\\3p\xa9\xcfh$\xa5\x04J\x9b\xd5N\x9e&lt;\xf9{K|\x9a\xd5\xee\xc4m\x1d\xa3\x11!\xc4\xd0\xf5\x84\xd4\x9a\x05\x9e\xf0\xc2\x05\xf3[\xb5jUiK\xcc\xa3\xc82\xbb}\x9a6m\xbao\xdf&gt;\x88\xf4\xf6\x0c\x91\x0c\x00\x008z\xf4\x18\x0fy\xdc.\x1b\x8fh;\x05U*!\xd2\x12\x9d\x85\x05\xf9\x16W"fx\xf4\x92RX,vM\xb2\xc2\xa2\xa2\xd4\xd4T\xdc\xd8+z\x19\x86\x91\x92\x92RXX\xa8\xebzd\x87\x01"\\#8\x96\x9b\x1fg\xe5\x89\tN\x83\x0bl\x00D#B\x08\x18\xa2I\xad$\x8f\xc7\x13\x97^\xcf\xfc\\\x15\x1f\x13:+R\x08\xab\xdd\xc1\x1c\xc9\x01\x9f\xa7n\xbdz\xf8\x00p\x942\x1f\t\xae[\xb7\xae\xa6i\x11?\x89\x11\x0e\x00EQ\x00\x08\xe0\xf4\xff(gpA\x08\x91\xa2\xc2\xf7\xa3@\x15JJ\t \xcd\xa9\x84X\xfaG/B\x88a\x18\x7f^\xaa\xfd\xdcE8\x00p\xa0\xe9\xfc@\x88y*\xb1\xc88O`\xe9\x1f\xed*\xe8\x0c\xe2\xa0\x1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94R\xd5\x07P\xddI\tBJ)%!\x84\x10\xa0\x84\x00\x80\x04\x90B\n)\x01\x80QB\x08\xa9\xea\xc3DgCJ\tR\x00\x00!\x14\xf0$F\t)\xa5\x10\xe2\xc4-I(=^\x8b\x15B\x08!\xcc\xcf\xe0-y\x9a0\x00\xfe\x12\x17\x12\x00\xac*S\xad\nP\nBHCh:\x17R\xaa\x8c\xaa6\x06\n\x05\x00\x1e2\x82\x9aQ\x9e\r(ZH\xc1\x99bQm\x0e\x00\xd0C\x01!\x0c\x00&lt;\x83\xd5\x9aY\xc4[,\x16\x97\xcbe\xb1X8\xe7\xba\xae\x87\xc3a!\x04c\xcc\xe1pX,\x16!D \x10\x08\x85B\x8c1\x8c\x81\x7f\x84\x01p\nBH\x00p9,\xc0Hn\xbew\xf5\xae\xbc5\xbb\xf2w\xe6\x94\xe4\x16\x05|!\x8d\x0biQX\xa2\xcb\xda\xa0f|\xfb\xc6i=Ze6\xc8J\x14\x1a\x0f\x84t\xc6\xb0K-:\x08n\xd8\xdc\x89\xde\x82\x9c\xbdk\xe6\x02@\xcd\xc6m\x1dqI\x82\x1b\xd8\x0e\xa8\xb6\x08!f\xb9\x9f\x97\x97\xb7|\xf9\xf2\xd5\xabW\xef\xd8\xb1\xe3\xc8\x91#&gt;\x9f\xcf0\x0c\x8b\xc5\x92\x90\x90\xd0\xa0A\x83.]\xba\xf4\xec\xd9\xb3N\x9d:\x1e\x8f\xc70\x8c\xf2\xf6\x01:%\x0c\x80\xff!%\x08!\\N+\x00,\xdetd\xdc\x9cm\xb3\xd6\x1c&lt;Z\xe4\xff\x9b\x1fItY\x87v\xae\xff\xf8\x88\x0eM\xeb\xa5\xf8&lt;A\xcc\x80jNJ\x01\x00\x8e\xf8\x94\x03\x1b\x16\xcd\xf9\xf0\x91\xe2\xa3\xfb\x00\xe0\x8a\xe7&amp;\xc6\xb5\xe9\x1d\x0ex\xb0\xceXmq\xce\x97/_&gt;i\xd2\xa49s\xe6\xec\xdd\xbb\xf7\x94\xdf3w\xee\xdcO&gt;\xf9\xa4f\xcd\x9a\xa3G\x8f~\xf0\xc1\x07].\x97\xdf\xefg\x8cU\xf2\xa1F\x11\x0c\x80\xff\'%(\n\xb1\xd8\xed\xcb7\x1dy\xf5\xdb\xd53V\x1d0{\xf9\x01\xa0~\xcd\xf8\xa6Y\x89u\xd3\xe2\x92\xdc6\x95\xd1@\xd88R\xe0\xdb|\xb0p\xd3\xbe\xc2\x12_x\xfc\xdc\xed?-\xdf\xfb\xfe=\x17]\xd7?\xdb\xe7\r1\x8a\x85H5%\xb8\xa1X\xed\x8c)\xcb\'\xbd\xb5\xf4\xdb\xffpCgL\x15R\x10\xaa\x00\xc8\xaa&gt;:tj\x9c\xf3\x84\x84\x84\xef\xbf\xff\xfe\xdak\xaf-\xffd\x8d\x1a5\x1a7n\\\xbbv\xed\xe4\xe4dUU\xfd~\xff\xe1\xc3\x87\xb7n\xddz\xe8\xd0\xa1c\xc7\x8e\xbd\xf6\xdak3f\xcc\x988qb\xfd\xfa\xf51\x03\xfe\x06\x06\xc0qR\x02\xa5\xa4\xc4\xa7\xfd\xf7\x8be\xefM\xdb\xa0\x19\x02\x00j\xd5p]ya\xe3a]\xeb\xb7\xac\x97\x92\xe8\xb6\x81r\xd2P\xa1\x10\xc1\x80\xb6vw\xfe\xdb?\xae\x9f\xb2dO\x99_\x1b5f\x96\x10\xf2\xfa\x81\xd9&gt;O\x08\xdb\x01\xd5\x90\xe0\x86\xcd\x95\xe8-\xca\x99\xfb\xf1\x13{V\xcd\x02\x80\xb8\xd4,o\xe1Q)8\x96\xfe\xd5\x19\xa54\x18\x0cv\xee\xdc\xd9\xe5r1\xc6\x86\x0e\x1dz\xc9%\x97\xb4o\xdf&gt;==\xddj\xb5\x9aC\xbeRJ\xc30\n\x0b\x0b\xe7\xcd\x9b7f\xcc\x98-[\xb6l\xda\xb4i\xe8\xd0\xa1\x0b\x17.LHH\xd0u\x1d\xdbv\xa7\x84\x01p\x9c\x94\xd2bQ\xf6\xed)}c\xca:\x00HMp\xdc7\xec\x82\x9b\x07e\xa7\xa7\xc6\x81\xce\xc3a\xc3\x17\xd0\xa4\xfc\xffb\x82\x10\xc2(\xe9\xde"\xb3\xfb\x05Y\x1fLY\xff\xaf\x8f\x16\t)\xefxg~\xbbFiMj\'\x86\xc3\x06\x8e\tW\x1fR\n\x00\xe2HH\xd9\xbbj\xf6\x9c\x8f\x1e+\xcb?\x0c\x00\xed\x86\xdc\x92\xde\xa8\xcd\xafo\xdeS\xd5G\x87\xfe\x01!D\xd7\xf5\xf4\xf4\xf4\xf1\xe3\xc7\xd7\xabW\xafM\x9b6\x86a\x04\x83\xc1P(\x14\x08\x04\xca\xefJB\x88\xc3\xe1\xb8\xe6\x9ak.\xb9\xe4\x92\x9bn\xbai\xea\xd4\xa9\xfb\xf6\xed{\xf2\xc9\'\xc7\x8f\x1f_\\\\\x8c\x8d\x80S\xc2\x8a\xeaq\x94\x92@P\xefrA\xd6\x0b\xd7w\xbe\xb4K\x83\x95\xef\x8f|jt\x97$\xa7\xd5[\x1a\xf0\x054.$\xa3Da\xb4\xfc\x8f\xd9\xcf\xe3\x0bh\xde\xb2\xe0\xdd#\xda?sMG)eP3^\xfdv\x95\xa22\x89\x15\xcajCpCQm\xaa\xd5\xfe\xfb\xd7\xff\x9e\xf2\xd2\xa8\xb2\xfc\xc3LQ{\x8e~f\xf0\xfd\xefq]\xc3\xba\x7fT \x84\x84B\xa1K.\xb9\xa4I\x93&amp;\x05\x05\x05\xa5\xa5\xa5f\xa5\x9e1\xa6\x9c\xc0\x18\xe3\x9c\x17\x16\x162\xc6\xc6\x8d\x1b\xd7\xb2eKJ\xe9\x0f?\xfc\xb0i\xd3&amp;\x87\xc3!\x84\xa8\xea\x7fDu\x84\x01\xf0\xff\x18%Ao\xe8\xf1\xab\xdaO}\xee\xe2\xda)Noi\xc0\xe0\xd2,\xeb\xff\xaa6\xcf(a\x94\x06K\x02\x0f]\xd1\xb6^z\x1c!0c\xd5\x81#\xc7\xcal\x16\xcc\x80jAJiw\'\xf9\x8as\xa7\xbct\xdd\xb2\xef\xde\x90\x82\xc7\xa7\xd5\xbe\xfc\xd9o:^~O\xc8W\xc6u\xad\xaa\x0f\x10\x9d.B\x88\xc7\xe3\t\x06\x83fY\x7f\xca{\x92\x10\xa2\xaaj0\x18t\xbb\xdd\x0f&lt;\xf0\x80\x10"\x1c\x0e\xcf\x9b7\xcfn\xb7c\x00\x9c\x12\x06\xc0\x1f\x19B\x06\xc2F0l(\xec\xb4zq\x08\x01\x83\x0bW\x9c\xfd\xe2\x8e\xf5\xa4\x84R\x7fx\xc3\xbeB\xc5\xa2\x08L\x80\xaa&amp;\xa5d\x8a\xba{\xc5\x8c\x89\x8f\x0f=\xb0~!\x004\xe8\xd0\xff\x9a\xd7\xa6\xd7i\xdd#PVH(\xc5y\xff\xd1\x851v:\xd3:\x15E\xf1\xfb\xfd]\xbbv\x8d\x8f\x8f\x07\x80\x8d\x1b7J\xbc\x19\xff\x02\x8e\x01\xfc\x11\x018\x8b\xf1"\t\xb2E\xddd\xf3\xef\x07\xf2&lt;@\x89\x94\x12\x1f,\xaaBR\n\xd5\xe6\xcc\xd9\xbej\xea\xab7\x00\x00eJ\xd7\x11\x0fv\xbe\xe2~nh!_\x19ex\xe5\x9f\xcf\x0c\xc3HIIIKK+++\xcb\xcb\xcb\xc3\x07\x02\xfe\n\xde\x06\x11@\x08!R&amp;\xb8\xac\xe6\x87\xfe\x90\x8e\xcf\x13U9B\xa8\x1e\nd4i\xd7\xbc\xc7\xf0C[\x96\r\xfe\xd7;\xf5\xda\xf7\tz\x8a\x01\x802&amp;\x04\xaf\xea\x03D\x15\xc5\x9c\x14\xc4\x18\xb3Z\xad\x00\xa0\xeb:\xb6\x00\xfe\n\x06@\xa4\x10M?^\xa6\xd8-\n\xe0\x05WMHy\xd1\xcd/h!\x7fb\xcdz\x81\xd2B\xac\xf8\xc7\x02)%\xa5\xd4\x9c)\x04\x00v\xbb\x1d\xe7\x80\xfe\x15\xbc\x1f"@J\t\x84\x1c\xc8\xf3\x9a\x1ff\xd5p\x83\x90x\xcdU9B\x88\xa1k\xaa\xcdiq\xb8\x83\xbeR,\xfdc\x87\xa2(yyy\x05\x05\x05\x84\x90\xcc\xccLUU\x85\x10\xd8\x0b\xf4gxKD\x00!\x04\x0c\xbeh\xf3\x11\x02\xe0\xb2[.\xa8\x9f\xc25\x8e\xe5\x7fu@\x08\x91\x82\x0b\xc1)\xc5i\xe0\xb1\x82s\xeep8\xd6\xacYSVV\x06\x00\xed\xda\xb5\xc3.\xa0\xbf\x82\x91x\xae\x0c.\\N\xcb\xcam\xc7~\xdf|T\x02\xf4i\x93U\xafVbP\xc3\x07\xc1\xaa\r\x82\xebu\xc7\x16B\x88a\x18\x9f|\xf2\t\xa5411\xb1O\x9f&gt;\x81@\x00\x1f\x04;%\x0c\x80s\xa2\x1b\xc2nU\x82a\xe3\xbe\x8f\x16\xea\x9c3J\x9f\x1c\xd1\x81s\x81\xe5\rBUB\xd3\xb4\x94\x94\x94\xf7\xdf\x7f\xff\xf7\xdf\x7f\x17B\xdct\xd3M\r\x1a4\x08\x06\x83X\t8%\x0c\x80\x7f \xe5\x1f\xff\x08)\xb9\x90\x06\x17RB\\\xbc\xdd\x1b2\xae|\xf1\xd7U;\xf3\xa4\x84Wn\xec\xd2!;#\x18\xd0(\xae\x07\x87P\xe5\x92R\xea\xba\x9e\x96\x96\xf6\xc3\x0f?&lt;\xf9\xe4\x93\x00\xd0\xa4I\x93\xc7\x1e{\xcc\xe3\xf1`\xf5\xff\xaf\xe0\x18\xc0?`\xec\x7fj\x0e\xe6\x12@Ta\xa0\x90p@\xfb\xe9\xf7\xddO}\xb1t\xdb\xa1b\x00x\xf6\xdaN\x8f\x8d\xec\xe8\xf7\xe1Jp\x08U6\xf3A\xdf\xd4\xd4\xd4\xcf?\xff\xfc\xee\xbb\xef\x0e\x87\xc3\xc9\xc9\xc9\x13\'Nt\xbb\xdd&gt;\x9f\x0f\x03\xe0\xaf`\x00\xfc\x03\x7fH\x97\xf2\xf8\x03]\x12@7x\xa9?\xbc\xef\x98g\xd9\xf6c?.\xd9\xb3\xfdP1\x00\xb4\xa8\x9b\xfc\xe2\xe8.\x97\xf5h\xec\xf7\x85\xb0\xeb\x1f\xa1J\xc69\xb7Z\xadV\xab\xf5\xa9\xa7\x9ez\xf5\xd5W\x01 33s\xf2\xe4\xc9-[\xb6,--U\x14,\xe5\xfe\x12\xbe5\xa7&amp;%(\x8cx\x03\xfa\x80\xa7~*\xf2\x04\xcdGK\x00 \xac\xf32\x7f8\x106\x00 \xc9m\xbbi`\xf6\x15\x176\x1a\xd0\xae\x0ee\xa4\xac4`Q\xb1\xa2\x81P\xa5\xe2\x9c\xbb\\\xae\xa2\xa2\xa2;\xef\xbc\xf3\xe7\x9f\x7f\x06\x806m\xda|\xf3\xcd7\r\x1b6\xc4\xd2\xff\x1f\xe1\xbb\xf3w\xb8\x90kw\xe7\xff\xd5\x82\x91V\x95i:\xdfw\xb4l\x953\xb7M\xc3\x1a\xf1\xf1v\x9f/\x8c[\xc4#Ti8\xe7qqq;w\xee\xbc\xea\xaa\xabv\xec\xd8\x01\x00#F\x8cx\xef\xbd\xf7\x9cN\'\x96\xfe\xa7\x03\xdf\xa0S#\x04\x84\x946\x0b\xfb\xe2\xa1\xbe\xa1\xb0\x01\x04@\x82\x04\x08\xeb\xbc\xc4\x17\xca)\xf4\xef=V\xb6i\x7f\xe1\x84y;&amp;\xcc\xdb\x01\x00=Zf&gt;ty\xdb\xa1\xdd\x1b\x06\x03\x9a\x94\xf8\x14\x18B\x15N\x08\xe1p8\xf6\xee\xdd;x\xf0\xe0#G\x8e0\xc6^y\xe5\x95\x87\x1f~\xd8\xe7\xf3\xf9\xfd~,\xfdO\x07\xbeG\x7fIJ\xb0\xa8\xf4\xc6\xc1-\x81\x12\x90\xf2\xf8\xf2&gt;\xf2\xf8\x7f\xa0\xf3\x82\xd2\xe0\xfa}\x05\x13\xe7\xef\xfcf\xfe\x8e\xc5\x9bs\x16o\xce\xb9\xf3\x92Vo\xdf\xd5\x93s!\x05\xae\x06\x84P\xc5\xa2\x94\xea\xba~\xddu\xd7\x1d9rDU\xd5O&gt;\xf9\xe4\xc6\x1bo,,,4\xf7\t\xa8\xea\xa3\x8b\x0e\x18\x00\x7fGJ\xf0z\x82\xa7\xfc\x12\xa5$\xdei\xe9\xdf\xben\xffN\xf5\xee\x1a\xd2\xea\xcew\xe7\xaf\xdb\x93\xff\xd1/\x9b&lt;\x01\xed\xab\xc7\x06\x86B\x1a.\x05\x8aP\xc5\xe1\x9c\'\'\'\xbf\xf5\xd6[\xeb\xd6\xad\x03\x80\x97^z\xe9\xc6\x1bo\xcc\xcb\xcb\xb3X,U}h\xd1\x04\',\xfe\x83\x93w\x01;\xf9\x0f%\xc4\xe0\xd2\xe7\x0f{\xcb\x82\x1d\x9b\xd5\x9c\xf3\x9f\xcb\xdb7J%\x04\xbe\x99\xbf\xe3\xb3\x19\x9b\x1d.\x9b\xc1q\x03\n\x84*\n\xa5\xd4\xef\xf7\x7f\xfb\xed\xb7\x94\xd2\xce\x9d;\xdf\x7f\xff\xfdEEE\xaa\xaaV\xf5qE\x19\x0c\x80\xb3G\x08\x98\xfbDz\xbc\xa1$\x97u\xdc\xc3\xfd\x9d6\x95\x122f\xd2\x1a\xaf7\xa4*\x0c\xd7\x1fA\xa8"\x08!\xacV\xeb\x81\x03\x07\xb6o\xdf.\x84\xb8\xfe\xfa\xeb-\x16\x8b\x10\x02\xc7\xde\xce\x14\x06@\x04\xa8\n\xf5\xfa\xc2\xd9\x8d\xd3\x86ui \xa4\xdc\x97[\xb6l\xebQ\x9bM\x11\x02#\x00\xa1\xc8\x93R\xaa\xaaz\xe4\xc8\x11s\xb0\xb7}\xfb\xf6\xa1P\x08\x17\xfb&lt;\x0b\xf8\x96E\x08\x01)d\xffv\xb5\x01\x80\x00\xac\xde\x99\x07\n\xc35\x08\x11\xaa \x8c\xb1\xa2\xa2"BHRRRjj\xaaa\x18X\xfd?\x0b\x18\x00\x91A\t!\\\xd4I\x8b\x03\x00\tp\xb8\xd0\xfb\x17\x0f\x0f \x84"\x80R\x1a\x08\x04\xa4\x94n\xb7\xdbf\xb3\xe1\x9e\xefg\x07\x03 r\xa4\xb4[\x14s)\x88\xa0\xc6AJ\xac\x90 T\x11\xcc\xb6\xb5Y\xe83\xc6\x18\xc3\xd6\xf6Y\xc2i\xa0\x91!\x01\x80\x10\x7fH\x17R\x82\xb9+$\xc16\x00B\x15\x821\xe6\xf1x\x06\r\x1a\xb4j\xd5*UU\xcd\x00\xc0.\xa0\xb3\x80\x01\x10\x19RJ\xc9\xe8\x81&lt;\x8f\xf9a\xedT\x17&gt;\x06\x80P\x05!\x84p\xce\x13\x12\x12j\xd4\xa8!\xa5\x0c\x87\xc3U}D\xd1\n\x03 b\x08\x81\xf9\x1b\x0e\x9b\x7fo\xd70\x15\x0c\xac\x92 TQ\xccm\xbft]\x07\x00\x9c\xffs\xd60\x00\xfe\xc7\xd95$\xb9\x906\xabz\xf0H\xc9\xcf+\xf6\x13Bj\xa5\xb8:5\xab\x19\x0e\xeb\xb8-\x0cB\x15\n\xbb\xfe\xcf\x11&amp;\xe7\xff\xb0\xa8L\x08\xc9\xc5\x19\\WBH\x02\xa0\xda\xd5G?[R\xea\x0fK)o\x1e\xd0&lt;1\xc9\xa9\xe9\x1c\x8b\x7f\x84*\x88\x94\x921\x96\x98\x98\x98\x90\x90\x00\x98\x04g\x0b[\x00\xc7\x11\x00.eN\x91\xbfNZ\x1cP\x12\x0e\xe9\xba!\xa4\x94\xc7\x97w\xfe\xdfv\x81\x94 AJ\tRJ\x87MeV\xe5\x89\x8f\x17}\xbfx7\x004\xccH\xf8\xd7\xf0\xb6a\x7f\x98a\xb3\x14\xa1\x8aa&gt;\x08\xe6\xf7\xfb\x7f\xfb\xed7\xab\xd5\xda\xb3gO\xc6\x18\xe7\x1c;]\xcf\x14\x06\xc0qR\x82Ea\xd7\x8d\xf9--\xc11\xba\x7f\xf3\xae\xcdk&amp;\'8\x80\x120\x84ap\x83K!\xe4\x89\xc9&gt;\x841\xa22F-\x0c\x08\xd9s\xb0\xf8\xa9qK\xbf_\xb4\x1b\x00\xdc\x0e\xcb\xc4\'\x06\xc6\xbb\xac\xfe\x80\xc6\xb0\xff\x07\xa1\x8aa\x0e\x02_u\xd5U\xbf\xff\xfe;\x00\\\x7f\xfd\xf5c\xc7\x8e\xf5\xf9|\x18\x00g\n\x03\xe08\t\xc0(\xe4\x14\xfa\x96l9:e\xc9\x9e\xba\xe9q]\x9b\xd5\xec\x96\x9d\xd1\xb2^J\x9dTw\x82\xcb\xea\xb0*\x8c\x10\t\xc0\xb9\xf4\x85\xf4\xbc\xd2\xc0\xa6\xfd\x853V\x1d\x98\xb6lo\xa9?\x0c\x00u\xd3\xe2&amp;&lt;&gt;\xb0C\xb3\x9a&gt;/n\x0b\x1c5\xb0\xc8\x88:B\x08\x97\xcb\xb5r\xe5\xca\xdf\x7f\xff]Q\x14!\xc4\x94)S\x9e}\xf6\xd9\xd4\xd4T]\xd7\xf1\x84\x9e\x11\x0c\x80rRHr\xef\xa5\x17|2c\xf3\xce\xc3%\x07r=\x07r=\x13\x17\xec\x04\x80D\x97\xb5F\x82#\xdea\xb1Y\x98\x94\x10\x08\x1b%\xbe\xd0\xb1\xe2@H3\xcc\x9f\xb4[\x95\xebz7}\xfe\xfa.\x19)N,\xfd\xa3\x88\x94\xc7G{\xb0\x079\xba\x98S\x80\xcc\xbf\x98S\x80p%\xb8\xb3\x83\x01p\x1c!D3\xf8\x03W\xb6\xbby@\xf6\xef[\x8f\xce^{p\xf9\xb6c\xbbsJK\xfd\xe1\x12_\xb8\xc4w\x8a\x89\xc6\x0e\xab\xd2\xa4Vb\xff\xf6uF\xf6j\xd2\xbaq\xaa\x1e2|~\rK\xffh!\xa5T,v{\\\x12\x000E\x05\xcc\x80(A\x08\t\x04\x02-[\xb6l\xda\xb4\xa9\xb9\rd\xbf~\xfdj\xd5\xaa\x15\x08\x04p&gt;\xe8\x99\xc2\x00\xf8\x7f\x04\xc0\xe7\x0b[Uvq\xe7\xfa\x17wk\xa0\x07\xb5#\x85\xfe\xfd\xb9e\x87\x0b|\x05e\x01\x8f_\xd3\x0cA\x088\xacj\x92\xdbZ\'5\xaeAF|\xbd\xf48\x9b\xd3*5\xee\xf3\x86)\x01\xec\xf7\x8f\x16\x942-\xe8k\xd4i`\xfd\xb6\x17\x01\x80b\xb1k\xe1 \xc1\xe2#\x1a\x98\x03\x00\x0e\x87c\xea\xd4\xa9?\xfe\xf8\xa3\xddn\xbf\xf2\xca+q1\xb8\xb3\x83\x01\xf0?\x18%\\J\x9f?,\xa5T\x18\xad]\xc3]/#\x1e(=\xbe+\xa4\x89\x10\x90\x12\x84\x14:\x0f\xeb\xdc[\x16\xa4\x94`\xd1\x1f}\xa4d\x8a\xcaT+\x00H)\xb0\x05\x10E(\xa5\xe1p\xb8V\xadZO&gt;\xf9\xa4\x94\xd2\xeb\xf5b\xef\xff\xd9\xc1\x00\xf8#\x02fE\x9e\x00@X7\x84v\xea\x0ebB\x08!@\tQ\xb0\xcf\'jI)A\x18\x00\x80;8G\x1dB\x88\xa6i\x05\x05\x05\x00\xc0\x18\xc3\xd2\xff\xec`\x00\xfc\x1dB\x08#\x80\xbb\xfb\x9e\xcf\xb0\xe0\x88Z\x84\x10E\xc1\x12\xec\x9c`\xed\x15!\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E&gt;\x00\x08!@"\xfe\xaa\xa8RQB\x00\x80\x10\xac\x1fD=r\xfcT\xe2=\x19\xdd\x08!\x15q\x12#|\x87SB\xc2:7\x0c\x81\x17\\\x14#\x10\x08\xeb\x94R#\x1c\xa8\xeaCA\xe7\x82H!\xb8\x1e\x06 \xa1P\x08o\xc9\xe8E\x08\t\x87\xc3\x86aD\xfc$F,\x00\xcc#k\xd4\xa8~@8\n\x8a\xbd\x16\xc6\xa4\x8c\xd4k\xa3\xca#\xa5\x04U\xd9z\xb0(9%\xa5\xec\xd8^ \x04\x00OdT\xa2\x8c\x85\x82&gt;\x08\x95$$&amp;\xed\xdd\xb3\xc7f\xb3I\xbc\'\xa3\x90\x94\xd2f\xb3\xed\xd9\xb3\'!!\xc1n\xb7s\xce#\x18\x03\x91l\x01H)\x9d\x0e\x873&gt;\xb1\xc4\x13 \x8c\xe0\xb5\x16\xbd\nJ\x03\xd9\xd9-y\xc8\xcf\r\x1d\xb0\xe6\x18\x9d\x08\xa5\xc1\x80\xcfeS\x1b4h\x90\x9b\x9bK)\xc5\x00\x88FRJBHaaazzz\xb5n\x01\x08!,\xaa\x92\x96\xd5`\xe3\x9e\\fU\xf1j\x8bF\x84\x10\xa9\x1b\xeb\xf7\x16\xdc|\xf3-Z\xe9Q\xbf\xb7\x941\xa5\xaa\x0f\n\x9d1)\xa5j\xb1\x16\x1c\xde\x97\x91\xe4\xb8x\xe8\xa5+V,g\x8c\xe1-\x19\x8d\xa4\x94\x94\xd2u\xeb\xd6egg\x9b\x1fF\xf0\xc5#\xdc\x02\x00\x80\x0e\x9d\xba\xac\xdc\x91\x0b\n^m\xd1G\x02XUVP\xe8\xc9\xf3\xb3\xc1\x83\x07&amp;9h\xfe\xa1\xdd\xaa\xd5&amp;\xa5\xa8\xeaCCgH\n\xd5b?\xbakC\xd3\x06\xf5\x06_|\xc9\xd6\xad[\r\xc3\xa0\x14G\xf5\xa3\x0f\xa5\xd40\x8c\x1d;vt\xef\xde\xdd\xfc0\x92/\x1e\xc9\xd7\xa2\x14\x00\x86\x0c\x1e\xb4lO\x99\xe6\r(\x0c\xaf\xb6(#\x84P\x1d\xb6\xb9k\xf6\xd4\xa8\xdb&lt;)1\xa1C\x9b\x96\xbbV\xcd\xb5\xd8\x9dR`\x00D\x19)A\x82&lt;\xbciQ\x8f\x0b\xbb\xb7\xc8\xce.))\xd9\xb6m\x9b\xddn\xc7jYt\x91R\xda\xed\xf6\xed\xdb\xb7\x17\x15\x15u\xed\xda\x15\xaay\x00\x08!\x9a7m\x08\xf1\xb5Wl:`\xb5[\x05^m\xd1E\x020\xf2\xe3\xd2\xbd\x17\x0f\xb9\x14\x00.\x1dvY\xde\xb6%\xe1\x80\x9f`\xcd1\xcaH\xd5j\xcb;\xb4\xc7\x1a8\xd6\xa9\xdb\x85\x00\xd0\xbau\xeb\xe9\xd3\xa7;\x1c\x0e\xceyU\x1f\x1b:\x03\x9cs\x87\xc31}\xfa\xf4\x16-Z\xd8l\xb6\x88\x9f\xbe\x08\xdf\xd8B\x08EQ\xae\x1cy\xfd\xb8\xd9[\xa8]\x15\x02\x03 jH\tV\xabz\xf8@\xde\xaeR\xfb\xa8\x91W\n!\xba\xf5\xb8\xa8Q\x8au\xcf\x86\xa56\xa7\x1b{\x81\xa2\x88\xe0\xc2\xee\x8a\xdb\xb4p\xea\xa0\x8b\xba\xd6HM\x03\x80\xbb\xee\xba\xeb\xe7\x9f\x7f\x0e\x87\xc3\xd8\x0b\x14](\xa5\x9a\xa6\xfd\xfc\xf3\xcfw\xdcqG\x85\xbc~d_\xce\x1ch\xba\xfd\xe6\xd1\xcb\x0f\x1a\x87\xf7\xe5\xda\xac*\xb6\x01\xa2\x05\xe7B\x8dw\xbe;yy\x9fK\xae\x8c\x8fsk\x9aF\x08\xb9\xe3\xb6[VN\xfb\xd4bu`/P\x14\xa1\x8c\x05|\x9e\xfd\xcb\xa7\xddw\xff\x03\x00`\x18F\x97.]\xecv\xfbO?\xfd\x94\x98\x98\x88\x8d\x80h\xc19OHH\x986m\x9a\xd5j\xed\xd6\xad\x1b\xe7\x9c1\x16\xd9_\x11\xe1\x000\xe7\x02\xc5\xb9]\xc3\xae\xb9\xf5\xa5\xaf\x7fW\xddv\xce\xb1\xe0\x88\x02BJ\x8bM=\xbc\xff\xd8/[\x02\xf7\xdds\xa7\x94\xc2b\xb1\x08!.\xbb\xf2\xaaT\x99\xbf}\xe5&lt;\xbb+\x1e3 *\x08n\xb8\xe2\x93\x97M\xfdt`\xe7\xec&amp;\xcd\xb2\x858\xfeT\xe6C\x0f=\xf4\xd6[o\xe9\xba\x8eO\x84E\x0bB\x88a\x18o\xbe\xf9\xe6C\x0f=TA\xbf"\xf2\xedAs$\xe0\xb9\'\x1f\x9d\xb3[\xacZ\xb3\xdb\x1dg\xe7XpT{\x9c\x0bk\x82\xf3\xfewf^y\xc3=\xf5\xeadq.\xcci\xe3N\xa7\xeb\xc5\xe7\x9e\x9e=\xf6i\xa6\xaa\xf8DX\xf5\'\xa5P\xad\xf6\xa2\xbc\xc3;f}\xf6\xef1\xff5\x87|\x19c\x9c\xf3!C\x86\xc4\xc5\xc5\xbd\xfd\xf6\xdb\xc9\xc9\xc9\xba\xaeW\xf5\x91\xa2\x7f\xa0\xebzrr\xf2\xbb\xef\xbe\xebr\xb9\x86\x0e\x1dZ\x11\xd5\x7f\x00 \x151+\xc0&lt;\xd6\xc9?\xfd\xfc\xe2}\xd7\xae\xfa\xf4f\xa1\xe9 \xf1q\xa2\xea\xcb0\x84;\xd9\xfd\xdd/\xab\xc7\xcc\xf3\xaeZ\xb1\x8cRJ)5\xeb\x89\xe6\xa9\xbc\xfa\xf2a;E\x9d\xa1w\xbd\\\x92\x9f\xc3\x14\x0b&amp;A\xb5%8\x8fKJ\xfd\xf4\xe1K\x1f\xbd~\xc0C\x8f&gt;Y^j\x08!\x00`\xff\xfe\xfd\xbd{\xf7\xfe\xe5\x97_\x1a6l\xe8\xf7\xfb+\xa2@A\x11\xc19w:\x9d\xfb\xf6\xed\x1b4h\xd0\xbcy\xf3\x1a4h\x00\x91\x9e\xffc\xaa\x90\x11!\xb3\xc6q\xc5\xb0!\x17\x0e\xbf\xfd\x96\x97\x7fp\xd4\x887\xb0#\xa8\xba2\xb8p\xbal\xfb\x0e\xe4=\xf2\xd5\x86\x89\x13\'\xaa\xaaz\xf2\xb2Sf{\xee\xb3/\xc7\xfb7\xff\xbai\xc9\x8c\xb8\xa4TnhU{\xc0\xe8\xafp]KL\xcb\x9c\xf1\xf9\xcb\x9d\xeb\xd8N.\xfd\x01\xc0l\xcf5h\xd0\xe0\xdf\xff\xfe\xf7\xc8\x91#)\xa5\x8a\xa2\x08l\x9aWKB\x08\xc6\x18cl\xc4\x88\x11\xaf\xbe\xfaj\xa3F\x8d\xccg\xc1*\xe2wUH\x0b\x00\x00\xa4\x94\xe6\xf5\xd7\xadg\xef\xcb\x1bx\x1e\xbam`Yn\xb1E\xc1\x1aG\xf5\xc2\xb9\xb0ZUM\x8anw\x8e{\xe0\xd5\xcfF_{\xb5a\x18\x8a\xa2\xfc\xef\xf7p\xc6\xd8\xea\x95\xcb\xfb\r\xbd\xfa\x8a\x97&amp;\'\xa7\xd7\x0exK\x99\xa2V\xd51\xa3S\xe2\xba\x96P#c\xed\xfc\xa9\xbb\xa7\xbe\xbaj\xe5\x8a\xf8\xf8\x84?\xaf\x1fi\x9e\xdc\xbb\xef\xbe;//o\xf2\xe4\xc9EEEP1\xf5Jt\xd6\xccTNNN\xbe\xf2\xca+SRR&gt;\xfa\xe8\xa3?\xdf\x92\x11TQ\xe7\x9e\x10b\xce\x08\x9a=\xf3\xd7\xefw\xd8\xdf\xfa|v|f\xb2\xc1\x05&gt;\x19P}\x18\x86p9m\x9a\x10\x17\xdd7\xe1\xc6G\xdf8e\xe9\x0f\'\xdas\x1d:u\x99&lt;\xfe\xe3\xa9/\x8c(:v\xc8\x9dX\x83\x1b\xd8\x89\\}Hn\xe8I5k\xaf[\xf0\xd3\xae\x1f_\x9d7{Vbb\x12\x9cj\thEQ\x0c\xc3\xf8\xe0\x83\x0f\\.\xd7\xc8\x91#\x93\x93\x93\x15E\xc1IA\xd5\x07\xe7\\Q\x94\xe4\xe4\xe4k\xae\xb9\xc6n\xb7Wt\xe9\x0f\x15\xba!\x8cy\xfd\xb9\x9c\x8eysg\x7f\xbf\xdd\xf6\xe4\x7f\xa6\xba\x93\xdd\x16\x95awP\x95\x93R\x1a\x86p\'\xbb\xf6\x1e+\xee~\xf7\xf8k\x1e\x18\xf3\xaf\xbbo\xfb\x9bK\x8d1f\x18F\xdf\x81\x83\'}\xfe\xde\x8f/\\\xbd{\xfd\x92\x84\x1a5\x05\xe7\xf8p@\x95\x13\x82\x03\x90\xc4\xd4\xcc\x05\x93&gt;\xd85\xf5\xdf\xf3\xe7\xcc\xaa]\xb7\x1e\xe7\xfc\xaf\xea\xf5f\x9c\x8f\x1b7\xcef\xb3\r\x192\x84\x10\x12\x17\x17\x87c\xc2\xd5\x81\xae\xebqqq\x94\xd2\xa1C\x87\xaa\xaa\xfa\xd5W_U\xd0\xc0\xef\xc9*\xb6\xf5g\xf6 \xbb\x9c\x8e\xf9sgo\xd4\x9b\xf5\xbfg\\Y \xecNvs!9&gt;#V\x15\xa4\x04\x83\x0b\x8b\xaa\xb8\xd3\xe2\'\xceX\xd7\xff\xa9\x99\xf7\xbe\xf8\xf1\xfd\x7f[\xfa\x9b\xcc\xcac\xdf\x81\x17O\xfd\xe6\xb3u_&gt;&lt;{\xfc\x7f\xdd\xc9\xa9\x16\x9bSp\x03W\x17\xa8\x12R\n\xc1\rg\\\xa2\xa2Z\'\xbet3\xdf\xf8\xc3\x829\xb3\xcd\xd2\xffoJ\rB\x08\xa5\x94s\xfe\xe5\x97_6i\xd2\xa4S\xa7N\xeb\xd6\xadKMM\x05\x00\xc30*\xf1\xf0\xd1\xff3\xdf\xf9\xd4\xd4\xd4\xf5\xeb\xd7w\xea\xd4\xa9Q\xa3F\xe3\xc7\x8f\x17B\x94\xcf\xc5\xa88\x155\x06p2\xf3_\x02\x00\xaf\x8cy\xeb\xeb\x0f^~\xe8\xd2\xe6\xb7\x0e\xef\x04@\x82\xbe\xa0\xc1\x05\xa5\x84\xe2\x0c\xa1\n&amp;%\x08)\xa5\x94v\xab\xaa\xc4\xd9\x0f\x1d\xc8\x7f\xfc\x93y;\x83\xe9_}\xf5uv\xb3\xc6\xa7\xdf\xcc4\xbf\xb3\xa8\xb0\xe0\xc6\xd1\xd7\xaf:\xe0\xeb{\xf3\xb3\xf5Zt\n\xfa=z(\x00\xe6\x0ebx*+\x98\x94R\nA(\xb19\xdc\x8a\xc5\xb6q\xe1\xb4\x95\x93^\x1f5\xa4\xc7\x1b\xef\xbcO\x08\x11\x82S\xfa\xcfuF)\xa59\xd28m\xda\xb4\x87\x1ezh\xf8\xf0\xe1O&gt;\xf9dBBBYY\x99\xa6i\xe64\xb0J\xf8\xb7\xc48!\x84\x10\xc2b\xb1\xc4\xc7\xc7\x97\x95\x95\xbd\xfa\xea\xabS\xa6Ly\xfd\xf5\xd7\x87\r\x1bf\xb6\xe1*\xe1\x89\x8d\xca\x08\x008\xe9\x82[\xb3n\xc3\xb3\xcf=\x1f&gt;\xb4\xf2\xde\xa1-\x07wij\x89s@P\x0b\x864\x83Ksr!&gt;\xa5\x12A\xe6\xc9\xa5\x84XT\xa6:\xac@\xc8\xc1C\xf9c\x7f^7s\x8b\xff\xe2\xaboz\xe1\xe9\xc7)cg\xda\xc9X^\xc1\xfc\xec\xe3\x0f\xde\xfd\xe8\xf3pJv\xc7\xa17g6lA)\r\x07|\x86\x1e\x96B\x02HB\x08\xe0\xd6\xa0\x11#\xa5\x94@\x08%T\xb5\xda,v\x97\x16\n\xec\xdd\xb4|\xed\xf4O\xeb:\x83O=\xf1h\xff\x81\x17K)\xcft\xae\x88y\xeasss\x9fz\xea\xa9M\x9b6]w\xddu#F\x8cHKK3\x0c\xc3\xef\xf7\xeb\xba~\xfc\xfa\xc10\x88\x1cs\x8c\x97\x10\xa2(\x8a\xcb\xe5R\x14%//o\xd2\xa4I_\x7f\xfdu\xcb\x96-_y\xe5\x95\x9a5kVt\xbf\xff\xc9*)\x00L\xe5e\xc7\xa4\xc9?}\xff\xed\x84\xdc]+/j\x96pI\x97Fm\x1aeX\x9d6\xa0\x00B\x82\x81\xdd\xca\x11B\x00\xcciW\x06\xcf-([\xb8~\xff\xcf\xab\x0e\xee*\xb5\xf5\x1c8\xfc\x9e\xbbn\xaf[;\x0bNj\x9c\x9d\x91\xf2\xb2\xc6SV\xf6\xd1\x07\xefN\x9a\xfaK\x91\x88\xab\xd3\xae\x7f\xc3\xb6=\x92\xd2\xb3\x14\xd5J\x08\xe1\x86\x8e#\x04\x91B)\xa3L\x91R\x86C\x81\xfcC\xbbw\xaf\x9e\x9b\xbbeq\xd3t\xe75W_~\xc3\xcd\xb7\xc1Iw\xd6\x99*\xff\xc1\xa5K\x97~\xfa\xe9\xa7\x9b7o\xee\xd8\xb1\xe3\xa0A\x83:w\xee\x9c\x92\x92b^\x1b\x9a\x86\x13\x7f#\xc6b\xb1\x00\x80\x10\xa2\xa8\xa8h\xc5\x8a\x153g\xce\\\xb9re\xcb\x96-o\xb9\xe5\x16s\xb5\xe7J\xe8\xf7?Y\xa5\x06\x00\x9c\x08@\xf3\xc2Z\xbdn\xe3\x97\xe3\xbe\xda\xba~\xa5\xf4\x1e\xad\x9fjoQ7%%\xde\xde\xb8V\x12\x17\x02\xab\x8e\xe7B\x02PB\x02a}\xcb\x81\xa2"Op\xcb\xc1\xe2c&gt;\x9aV7\xbb\xff\xc0\xc1#\xaf\xbe&lt;91\x01N\xd4\xfe\xce\xe5\xb7\x94_\xa9\xe1p\xe8\x97i?N\x992u\xe3\xce\x03\xba\x1a\x9f\x90\xd9\xc8\x9d\x94\x9eX\xb3\xae\xdd\x9d(\x84\x81\xed\x80s#)S&lt;\xf9G\xbc\xc5\xf9%\xc7\xf6y\xf3\xf6\xc7\xabF\xc7\xd6\xcd\xae\xbdnT\xf7\x9e\x17\xc1Im\xeb\xb3\xff\x05R\x9a\x93O\x00`\xdf\xbe}\xe3\xc6\x8d[\xb9r\xa5\xa7\xac,33\xb3u\xebV\x89\x89\x89\xd9\xd9\xcd\t\xc1\xdd\xc4\xce\x15! %l\xdd\xba\xb5\xb4\xb4t\xc3\xc6\x8d999qq\xf1\x1d;v\xbc\xf1\xc6\x1b\xeb\xd7\xaf\x0f\x00\x95\xd6\xed\xf3?dU\xd04M\xd3\xc2\xe5\x1f\xaeY\xb7\xe1\x89\xa7\x9e\xa9S\xb7&gt;&gt;\x9a\x18Y\xe953\xfa\xf4\xed\xf7\xf9\x97\xe3=^\x7f\xf9\xbb\x1d\n\x858\xe7\x119\x8fB\x88P(T\xfe!7\xb4\x1f\xa7N\xbe\xea\x9a\xab\xea4\xac[\xd5\xff\xf4\xf3\x0b\x81\xfa\x8d\xeb\xdf\xf7\xc0\xbd\x8b\x17/,\x7f\xb7u]\x0f\x87\xc3\xa7:-g\xc30\x8c\x93O\xe5\xc1\x83\x87\xc6\xbc\xfeV\xa3\xe6\xadUG|U\xff\xe3\xcf+\x8a=\xaeQ\xb3V\xaf\xfd\xf7\xcd\x03\x07\x0f\x95\xbf\xdb\xa1P\xc80\x8cH\x9d\xca3R\xd9-\x00yRu\xa3\xa8 \xff\xc7\xc9\x93\x16\xff\xbet\xc7\xfe\x1cCuY\xe2k\xaa\x0ew\\z}\x89\xd5\xc6s%\t\xa1F8\xe8\xc9\xdd\xc7\xc3~\xc3\x93\x97h\'\x1d\xdb\xb4\x1a4xp\xcf\xde\xfd\xcc\xef8\xf7\x96\xe6\xc9\x15\x96\xd5\x1b6L\x996m\xdd\xd2\xa5z~~*\x90\x04E\xc9\xb4\xdb\x13\xad\x16\x8e\xd5\xc6s#%\xa8\x8c\x1e\xf1\xf9\x8b5-\xdf0J\x18M\xa8[\xb7K\xcf\x9eW\x0f\x1f^/+\x0b\x00\xcc-\xc2\xcf\xb1\x9b\xbe\xbc9\x18\x0ek\x93\x7f\xfay\xe1\xc2\x85{\xb7\xad\xb3\t_\xddd\x8b\xcb\xca\x9a\xd6\x8a\xc3\x81\xb9\x88\x90\x12v\xe4x|!~\xa0(\x1c"\xee\xfa\xcd\xdb\xf4\xea\xd5\xeb\x8a\xcb\x86\xd8\xacV0\xcf\x02c\x95&lt;\x8d\xa2j\xc6\x006o\\\xff\xf5W_M\x9b\xbdHs\xd6\xaa\xd7\xbeo\x9d\xec\x8e\xf1)5\xadv\x07\xe0$\x92\x88\x92\x00\x9c\x1bAoY\xfe\xe1\xdd{\xd7\xce/\xdc\xb5\xb2~\xa2z\xf3\r\xd7]}\xcd(\x8b\xd5z.M\xce\xf2S\xf9\xc3\xb4i_|\xfai\xe1\x86\r\x1d\\\xae~\xf5\xea5OMMt:-\x95~\x1d\x9f\xff\xa4\x0c\xeaz\x81\xd7\xbb\xfe\xd8\xb1Y\x07\x0e\xec\x04h\xd9\xa7\xcf\x8d7\xde\xd8\xb3kW8\x878/\x1f\x04\xca9z\xec\xcb\xaf\xbe\x99\xfe\xc3\x844V\xdc\xef\x82\x9a\xbd\xdb\xd6k\x90\x91hw\xda\x00G\x80#N\x88\xa0?\xb4\xefh\xc9\xfcu\xfbgo8\x96\xcb\x93\x86^q\xdd\x8d\xd7_[+\xb3&amp;\x9c\xed\xb0\xdcY\xab\xbc\x000k\x19\x85\x05\x05c^}\xf1\x9b\xe9\x0bjw\x1e\xd6\xb2\xd7\xb0\xd4\xac\x86\x82\x1bZ(\xc0u\rW&amp;\xa9\x00\x92\x10B\x99\xa2Zm\x16\x9b#\x14\xf0\xef\xdf\xbcr\xfdo\xe3\x93\x8d\xbc\xc7\x1f\xfe\xd7\xe5W\x8d\x843/;\x84\x10\x94\x10 d\xde\xe2\xc5\xaf\xbe\xfc\xb2\xdc\xbc\xf9\xc6\xec\xec^\r\x1a$\xb9\\A]\x0fj\x9a!\x84\x90\x12\x8b\xff\xc8\x92\x00\x94R\x95R\x87\xc5be\xecHi\xe9\x8c\x1d;&amp;\xec\xdd\xdbt\xd0\xa0g\x9ez\xaai\xa3Fg\x11\xe7\xe6-)\x84x\xfd\xed\xf7\'~\xf6^\xcf\x06\xec\xe6\x8b\xdb\xb4j\x92\t\x8c\xc9\xa0\x16\xd2t\xce\xa5\xc4\x85\xff"\x8f(\x8c\xd8,\n\xb1[\x81\xf3\xcd;s&gt;\xffu\xfd\xc2\xbd|\xe4\xcd\xf7&lt;r\xff=g11\xef\x9c\x0e\xa5\x12\x02\xc0\xecl\xa2\x94\xfe&lt;\xed\xc7{\x1f|\xdc\xd5\xa4W\xdf\xeb\x1fu&amp;$\x87|\x1e]\x0b\x11Bp\xfexE\x93RH!)\xa5V\x87K\xb5\xdaw\xaeY\xb0h\xfc+\xbdZf~\xfe\xe5W\xee\xb8\xb8\xd3\xcf\x80\xe3\xdf)\xe5\xdd\x0f?&lt;\xff\x8b/\x1ei\xd3\xe6\x8aV\xad\xb8\x94\x9eP\xc8\x10\x82\x12|\xa4\xa3bIs\xd4WJ\x8b\xa2\xc4Y\xada\xc3\xf8p\xd9\xb2o\x8e\x1e\xbd\xf7\x85\x17\xee\xbb\xfdv\x00\x90R\x9ef\x06\x98\xa5\xcc\xd6\xed;\xaf\x1fu]=5\xf7?w\xf6\xa9_?]\xfa\xc3\xfe\x90\x06\x00\x94\xe0\x84\xec\x8a%\xa54\x9f\x85u\xda,\xc4i\xdd\xbf/\xef\xd1\x8f\xe7\xee\r\xa7}\xf5\xf5\x84\x16\xcd\x9bVZ\x06Tx\x00\x94\x97\xfeO&lt;\xf2\xc0\'\xdf\xcd\x18t\xff\xfb\rZu\xf6\x96\x14pC\xa7\x14;\n*\x9b\x94B\nas\xc51\xa6\xce\xfa\xe2\xd5\xe0\xd6_\xc7}\xf1y\xa7\x</t>
        </is>
      </c>
    </row>
    <row r="279">
      <c r="A279" s="1" t="n">
        <v>277</v>
      </c>
      <c r="B279" t="inlineStr">
        <is>
          <t>size_grid</t>
        </is>
      </c>
      <c r="C279" t="inlineStr">
        <is>
          <t>What is the size of the missing part denoted with a question mark?</t>
        </is>
      </c>
      <c r="D279" t="inlineStr">
        <is>
          <t>['large', 'medium', 'small']</t>
        </is>
      </c>
      <c r="E279" t="inlineStr">
        <is>
          <t>large</t>
        </is>
      </c>
      <c r="F279" t="inlineStr">
        <is>
          <t>There are circles arranged in a grid formation with varying sizes in the image. The sizes in the first row are ['large', 'medium', '?'], the sizes in the second row are ['medium', 'small', 'medium'], and the sizes in the third row are ['large', 'medium', 'large'].</t>
        </is>
      </c>
      <c r="G279" t="inlineStr">
        <is>
          <t>We observe that the circles at the corners are large size, while the circles directly adjacent to the center are medium size. Only the center circle is small size. Hence, the pattern is that the circles alternate in size depending on if they are at the corner or adjacent to the center.</t>
        </is>
      </c>
      <c r="H279" t="inlineStr">
        <is>
          <t>Based on the pattern that the circles alternate in size depending on if they are at the corner or adjacent to the center, the size of the missing part that is at the corner should be large.</t>
        </is>
      </c>
      <c r="I279" t="inlineStr">
        <is>
          <t>b'\x89PNG\r\n\x1a\n\x00\x00\x00\rIHDR\x00\x00\x02\x00\x00\x00\x02\x00\x08\x02\x00\x00\x00{\x1aC\xad\x00\x00c=IDATx\x9c\xed\xddy\\\x14G\xda\x07\xf0\xa7\xba{f\x18\xee\xe1\x10\xaf\xf5\x16PD\x04\xc5#\x1a#\xde\xac\xb9v5\x9aC\xa3\x185\xbe&amp;f11\x87\xd9\xec\xe6\xde\x1cj4y\xa3I\xc4\xa8\xd1\x18}M\xb2\xabQWQ\x89\x89g\x94\x88\x06P\x14QD\x91K\xe5\x1a\xce\x99\xae\xaa\xf7\x8f\n\xb3\xac\'*0G?\xdf\xcf\xfb\xd9O\xdea\xc0\x9e\x9e\xa7\xebW]]]M8\xe7\x80\x10BH{${o\x00B\x08!\xfb\xc0\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R\xec\xbd\x01Z\xc49\xbf\xee\xeb\x84\x90f\xde\x12\x84\x90\x96a\x004-^\x0f\x00H\x92d\xfb\xdfk1\xc6l\xffK\xeai\xc6\xedE\x08i\x08\xb9Qo\x14\xdd1\xd1\xdc3\xc6\x08!\xb2,_\xfb\x06\xc6XYY\x19!\xbf\xef|\xf1\x1fnnnF\xa3\xf1\xbao\x16\x7fJ\x92$\x0c\x03\x84P#\xc2\x00h4\xa2\xd1\xe7\x9c+\xca\x7f\xce\xab(\xa5yyyYYYii\xa9\x97/_NN\xfeUU\xd5\xc2\x82\x82\x82\xc2\x02\x02\x84\x83\xd8\xf9\x04\x80{zxv\xe9\xda\x85s\x08\x0f\x0f\x0f\x08\x08\xe8\xd3\xa7\xcf\x1f\xfe\xf0\x87\xf6\xed\xdb\xbb\xbb\xbb\xd7\xffk\x00\x80I\x80\x10j\x14\x18\x00\x8d\x80sN)\xb5\xb5\xfb\x94\xd2\xcc\xcc\xcc\xc4\xc4\xc4}\xfb\xf6eff\xe6\xe4\x9c+/7\xdf\xc1\x9f5\x18\xf4\xad[\xb7\x0e\t\t\xe9\xdf\x7f\xc0\xc8\x91##""la\xa0\xaa\xaa$I7\x1aJB\x08\xa1\x86\xc0\x00\xb8+\xa2K.\xc6y(\xa5\x87\x0e\x1d\xda\xb8q\xe3\xb6m\xdbN\x9f\xce\xac\xad\xb5\xd4\x7f\xa7\x97\x97\x87\x87\x87{\xf7\xe0\x0e\x92"\xfbxy\xf4\xec\x19\xcc)\x13\xddx\xce9Qt9\xe7r\xcf\xe7\x16\x10Y\xce\xca:_^^q\xa5\xb8\xf4\xaa\x7f\xabc\xc7\x0e11C\x1fz\xe8\xa1!C\x86x{{C\xdd9\x07\x9e\x10 \x84\xee\x0c\x06\xc0\x1d\xa2\x94\xdaZ\xde\xdc\xdc\xdc\xf5\xeb\xd7\xaf]\xbb\xf6\xd8\xb1c\xffy\x07!\x1d\xda\xb7\xe9\x1d\xd9-*"\xa4O\xaf\xd0n!\x9d\xbc}&lt;}\x02M \xc9 \x11\x00\x1d@\xfd=O\x00T`\x14\x08\xa9\xbe\\RYY}&lt;\xf3\xdc\xd1\xd4\xcc\xb4\xf4\xd3\xc9G\x8e\x9f\xce\xca\xa9\xa9\xa9\xb5\xbd\xb5}\xfb\xf6\xe3\xc7\x8f\x9f8qb\xcf\x9e=m\x1bs\xdd\x8b\r\x08!t\x13\x18\x00\xb7M\x0c\xf4\x8b\x06\xf7\xc0\x81\x03_~\xf9\xe5\xbf\xfe\xf5\xcf\x92\x92R\xf1S\x93\xc9\xbbOT\xd8\xa8a\xfd\x07\xdf\xdb\',\xb4\x83{\x80\x1f\x80\x02\xa0B\xad\x05(cV+\x00p\x0e\x9c3\x80\xfa\xddv\xfe\xfb\x84\x1f\x0e\x92N\x01Y\x02\x83\x1e\x88\x02\xc0i\xb99\xf3\xcc\x85C\xc9\xa9[\x12\xf7\x1d9r\xe2\\\xceE\xf1\x0bz\xbd~\xc8\x90!\xb3f\xcd\x8a\x8d\x8d\xd5\xeb\xf5\xe2l\x00c\x00!\xd4p\x18\x00\xb7\xa1\xfeX\x7fRR\xd2\x87\x1f~\xb8c\xc7\x0e\xdbO\x07\xdd\x13\xf9\xd0\x031\x8f\x8e\x1b\xd5\xb6S[\x90t\xc0\xacP]K\xad*\xe7\xdc6\x9f\xb3!c5\xe2\x1ba\x8cs\xce\t\x01Y\x91\xc1`\x00\x9d\x1e\x80\x99\x0b\x8b7n\xdd\xfd\xcf\x8d?\xee\xfc\xf1`ee\xb5x\x7f\xcf\xf0\xf0\xf89s\xe2\xe2\xe2\xe0\xbf\xcfK\x10B\xe8\xe60\x00\x1aJ\x8c\xb6\x03@ff\xe6\x07\x1f|\xb0j\xe5J\xc69\x00\x18\x8dn\x8f\x8f\x8f\x9d:\xe5O\xf7\x0c\x88\x00\x83\x11j\xabYM-c\x9cHDj\x8cY\xfc\xe2t\x81qN\x00d\xbd\x0e\xdc=\x80\xb3\x93\xe9\x99\xff\xf7m\xe2\xb2\xe5\xdf\xe6\xe5_\x12o\x1b&gt;|\xf8+\xaf\xbc2l\xd80\xc0\x11!\x84P\xc3`\x004\x88\xaa\xaa\x8a\xa2X,\x96\x0f?\xfcp\xd1\xa2\x8f\x8a\x8bK\x00\xc0\xcf\xe435\xeeO\x93\x1f\x1b\xd3\xa3O\x040+\xaf\xa8\xa2\x94\xc9r\x13v\xc0\x7f\xbf\xbd\x00@\xf20\x82\xceX\x98s~\xcd\xfam+V~\x9fq*\x1b\x00\x08!qqqo\xbf\xfdv\xeb\xd6\xad\xf1T\x00!tK\x18\x00\xb7 \xee\xcb\x95$i\xff\xfe\xfd3g\xceLOO\x07\x00\xa3\xc1\xf0\xd8\xa3\xb1/=?5\xa4g\x18X+ie5\x01"\xc9\xcd7)\x931\xc6\x18W\xdc\xf4`\xf4.+*X\xfc\xe9\xd7_$|\x9b_p\x19\x00Z\xb6\x0cz\xfb\xedw\xa6M\x9b\x06x*\x80\x10\xba)\x0c\x80\x9b\xb15\xa0o\xbc\xf1\xc6\xfb\xef\xbf\'fv\x0e\x8f\xe9\xf7\xce[\xb3\xfb\r\xea\x07\x96j\xb5\xa2J\x92\xed6\x1f\x9fsNU\xaa\x18\xf4\xe0\xe1\x9dw6\xfboo.Y\xb5f\x93\x18\x98z\xf4\xd1G?\xfd\xf4S\x7f\x7f\x7fq\xeeb\x97\xcdC\x0898\x0c\x80\x1b\x12\xad\x7f~~~\\\\\\bb"\x00\x98|\xbd\xde\xfc\xfb3\xb3\x9f\x9d\x08\x12\xa1\xe5f\xe2\x18\xb7b\xfd~i\xda\xe8\x06n\x1e\x89\x9bw\xfd\xe5\x85\xf7O\x9d\xce\x01\x80\xe0\xe0\xe0\x15+V\x0c\x1c8\x10\xcf\x03\x10B\xd7\x85\x01p}\xa2\xe3\xbc\x7f\xff\xfe\xf1\xe3\xc7\xe7\xe5\xe5\x01\xc0\xa0\x01\xbd\xbeLx;8,\x94\x95\x95\x02\xe7\xcd9\xe0\xd3\x10\x9csJ\x99b\xf2)\xbbR:w\xee\x07\xcbW\xfd\x0b\x00\x0c\x06\xfd\xc7\x1f\x7f\xf2\xf4\xd3O\xe3%\x01\x84\xd0\xb5\x1c\xab\x15s\x10\xa2\xf5OHH\x88\x89\x89\x11\xad\x7f\xfc\xb3O\xec\xde\xb928\xb8\x83ZrE\x92\x9au\xb8\xbf\x81\x08!\x8a"\xd3\x922\x1f\xa3&gt;a\xe5\xfb\t\x9f\xbd\xe1\xeb\xedY[k\x999s\xe6\xcc\x993eY\x16\xb7/\xd8{3\x11B\x0e\x04\xcf\x00\xaefk\xfdg\xcc\x98\x01\x00&gt;^\x1e\x1f-xi\xea\x8c\x89\xdc\\\xc2)s\xc0\xa6\xff*\x9csF\x99l\xf2?\xbc\xef\xd0\xa4)\xafd\x9e\xb9\x00\x00\xd3\xa7O_\xb6l\x19\x9e\x07 \x84\xea\xc3\x00\xf8/W\xb5\xfe\xfe&amp;\xefm?|\x16=\xa8\x9fZ|YVd\'j:U\xab\xaa\xf8z\x17\x17\x15\xc7\x8e\x99q8\xe5\x04`\x06 \x84\xae\xe1\xe8\xfd\xd9\xe6tU\xeb\xdf7\xaa\xfb\xc1\xfd\xeb\xa2\xef\x89T\x8b/+:\xc5\xb9\x1aME\xa7\xd02\xb3\x9f\xc9k\xd7\xaeUS\'&gt;\x08\x00\xe2s\xe1X\x10B\xc8\x06\xcf\x00~wm\xeb\xbf\xfd\xdf\t\xa6@_Zf\x96\x9dv\x1a%\xa3L\xd2\xeb\xc0\xe86#n^\xc2W\x1b\xa1\xee&lt;@&lt;a\xc6\xb9"\r!\xd4\xe80\x00\x00\xeaf|\xdaZ\xff\xe8\xc8n\x89\xdb\x96\x9bL^\xb4\xb2ZV\x9c{\x02%c\x8cK\x92\xec\xe9qU\x06\xe0\xdcP\x84\x10\x06\xc0\xef\xad\xff\xc1\x83\x07\x07\r\x1a\xc4\x18\xf3\xf3\xf5\xfe\xf5\xc0\xba\x8e!\x1dhY\x85\xb3\xb7\xfe\x02g\x8c\xcb2\xd1\xe9\x06\xde\xfb\xf8\xc1\xe4t\x00X\xb4hQ||&lt;\xde#\x86\x90\xc6i=\x00\xc4`HQQQDD\xcf\xc2\xc2"\x0fw\xe3\xee\xc4\x84\xe8{\xa2h\x99\xd95Z\x7f\x811\x06:]\xa9\xb9*f\xe8\x93\xa9\'\xce\x00\xc0\x8e\x1d;F\x8c\x18\x81\xe7\x01\x08i\x99\xd6/\x02\x8b\xa5~&amp;M\x9aTXX\x04\x00K&gt;z9zP\x7f\xb5\xb4\xdc\x95Z\x7f\x00\x90$\x89\xd7Z\xfc\x02M_\xafz\xdf\xcf\xe4\r\x00O&gt;9\xa9\xb0\xb0P\x92$\xb1\x07\x10B\x1a\xa4\xe9\x00\x10c o\xbd\xf5\xd6\xce\x9d;\x01 \xfe\x7f\x1e\x9d\xfc\xf4$k\xf1eE\xe7\x82\x03#\xb2"\xab\xa5\xe5\xe1\xd1\x91\xcb&gt;y\r\x00\n\n\n\'M\x9aD\x88\xd6O\x01\x11\xd22\xed\x1e\xffb}\xff_~\xf9e\xf0\xe0\xc1V\xab\xb5\x7f\x9f\x1e\xfb\xf6|\xcd\xad\xaa\x0c\xdc\x85\xa7\xc7\xa8\xaa\xaa\x98\xfc\xe7\xcc\xfa\xdb\xe2\xcf\xd6C\xdd\xc5\x00\x1c\x08BH\x9b4\x1a\x00ba}Jixxxff\xa6\x97\x97\xc7\xb1\x83\xeb;\x05w`\x95\xd5\x8e\x7f\xaf\xef\xdd\xe0\x9c3B@Q\xfa\x0e\x98\x90\xf2[\xa6\xa2H\xe9\xe9\xc7\x83\x83\x839\xe7\x8e\xb0\xb0]S\xe3\xf5\\\xf5#R\x8f]\xb6\r\xa1\xe6\xe7\xfa\xc7\xfcu\x89\xc7\xe7.X\xb0 33\x13\x00\xde\x7f\xfd\x99Na\xa1\xaa\xb9\xd2\xb5[\x7f\x00 \x84\x00e\xb2N\xb7|\xc9\xdf\r\x06\x1d\xa5\xec\xb9\xe7\x9es\xf9\x81 \xb1`*\xa5\x94\x10"I\x92,\xcb\xca5dY\x16\xf7HSJUU\xc5K#H\x0b\\\xfc\xc8\xbf.1\xf3\xe7\xec\xd9\xb3\xbd{\xf7.++\x1b&lt;0\xf2\xe7\x9f\xbe\xa6\x95\x95\xb2\x06\xba\xc0\x82\xaa\xaa\x8a)\xe0\xb5\xb9\xef\xbe\xbbp%\x00l\xd8\xb0\xe1\x91G\x1eq\xc9\x81 q\xdb\xb3\xedsQJ/^\xbcx\xe6\xcc\x99\x9c\x9c\x9c\xf3\xe7s\x08!\x9c\x03\x00\xf7\xf55\x85\x87\x87\xb7l\xd9\xb2C\x87\x0eF\xa3\xb1\xfe\xef\xe2\xca\x19\xc8\x85i1\x00DK7y\xf2\xe4\xd5\xabW\xbb\xb9\x19\xf6\xef\xfc2\xaa\x7f/VQ\xe5\xf2\xdd\x7f\x1b\xce9\x93\xe5\xca\xaa\x9a&gt;\x03\x1e=\x93}\xa1K\x97\xaeiii\x8a\xa2\xb8\xd2\x00H\xfd\xbb\x9d\x0b\x0b\x0b\xf7\xef\xdf\xbfu\xeb\xd6\xe4\xe4\xc399\xe7\xcb\xcb\xcb\xaf\xfb+\x06\x83\xbeM\x9b6QQQc\xc6\xdc\xdf\xbf\x7f\xff\xd0\xd0P\xf1\xbaKF#B\xa0\xc1\x00\x10\x07\xf3\x9e={\x86\x0e\x1dJ)\x9d\xfc\xd8\x98U\xdf|LK.;\xefz\x0fwFU\xa9b\xf2[\xfd\xc5\xda\xc93\xdf\x00\x80w\xdf}\xf7\xd5W_u\x8d\x96N\\\xe0\x11\x1f$55u\xc9\x92O\xb7l\xd9*\x96\xf5\xae/0\xd0\x1f8\xe3\x00\x84Heef\x8b\xc5R\xff\xa7\x1e\x1e\xee#F\x8c\x985\xeb\x99\xa1C\x87\x8a\x05\x94\x00@\x0b\x97I\x90\xa6h.\x00\xc4\x91&lt;|\xf8\xf0\xdd\xbbw\xfb\xfb\xf9\xfc\xf2\xf3\x9aN];@M\xad$\xb9H\xcf\xb7\x818\x00\x07\xb0\x02\x19\x1c\xf3dr\xca\t??\xbf\x13\'N\x04\x06\x06\x82\xb8N\xe0\xb4\xc4\xe4.\x00HOO\x7f\xf9\xe5\x97w\xed\xdaek\xd9\xdb\xb7k\xdd\xa7OXTDH\x9f\x88P\x93\xc9\xbbK\xe7v \x06\xfae\xa5 \xaf0\xffRq\xda\x89\xb3\xa9i\x99\xc9G\x8e\xa7\xa5g\xda\xfe`DD\xc4{\xef\xbd\x17\x1b\x1b\x0bx*\x80\\\x8e\xb6\x02@\x1c\xc0\xbf\xfe\xfak\xdf\xbe}9\xe7sgO\x9c\xff\xc9[jq\x91KN\xfc\xbf%\xaaR\xd9\xe4\xbb\xfd\xfb\xed\xb1\xe3\xfe\x02\x00\x0b\x17.|\xfe\xf9\xe7\x9dz}\x08\xb1\xf1f\xb3\xf9\xaf\x7f\xfd\xeb\xf2\xe5\t\xd5\xd55\x00\xe0nt{d\xec\xc8??&lt;|\xc8\xa0(\xef\xa0\x00\x00\x19@\x05\xc6\xa0\xd6\x02 \xa2\x8e\x83N\x01E\x01\x90\x0185\x9b\x0f\x1d9\xbeq\xf3\xee\xb5\xeb\xb6\xe6\xe5_\x12\x7f966v\xf1\xe2\xc5\xc1\xc1\xc1N\xbd\x7f\x10\xba\x8a\x16\x03`\xea\xd4\xa9+W\xaets\xd3\xa7\xec]\x1b\xda3\x84Wk\xae\xfb/p\x00N\xa0Fe\xbd\xfb\x8f?\x95\x99\xd3\xbd{\xf7\xe4\xe4d777p\xce\x93\x00\xd14\xa7\xa4\xa4L\x9f&gt;=%%\x05\x00\x8cn\x86\xc7&amp;\xc4\xce\x99=\xa9G\xef\x1e\x00\x1c\xaa\xaa\xa8\xc5\xca9\x10B\x80\x80T\xef3\x8ay\xa1\x9csB@\x96e\xf00\x82d(\xbcp\xe1\xf3\x84\r_$|\x9b_p\x19\x00\x02\x02\x02\x96,Y2~\xfcx\\K\x15\xb9\x0c\r\x8di\x8a\xd9 \xf9\xf9\xf9\xdf}\xf7-\x00&lt;6nt\xb7&gt;\x11\xac\xaaZ\x9b\xad?\x00\x10\x00n\xa5\xee\xbe\xbe\xf3\xe6L\xe1\x9c\x1f?~&lt;))\x89\x10\xe2\x8c3 E\xeb\xbfb\xc5\x8a\x98\x98\x18\xd1\xfa\x8f\x1e~O\xf2\x81u_\xae\xfa\xa0G\xcf`ZRJK\xcb\xb8JeY\x16\x13&gt;eI\xaa?\xf1_\x92$Y\x96\x14E\x96e\x99\x030s\xa5Zr9(\xc0\xf4\xfa[s\x8e%\x7f?\xfb\x7f\x1e\x93\x08\xb9|\xf9\xf2\x84\t\x13\xe6\xcc\x99#I\xd2u\xef$@\rd\xbb\x15C\xcc\xb3\xc2=iG\x1a\n\x00J)\x00\xac[\xb7\xcel\xae\x90ey\xd6\xb4q\x9cY\xeb\x06\x014J\x92%^U1\xf6\xcf#\xdb\xb6\t"\x84$$,\x03\'\xec\xfe\xdb\x9e\xe5\xf0\xd4SO\x95\x97\x97\x1b\xf4\xbaE\x1f\xcc\xdd\xb6-!,&lt;\x98\x96\x94\xb2\xaajY\x91e\xb9\xa1\x0ft#\x00\x92$)\x8a\xc2\xadV\xb5\xa4\xb8\x85\xbf\xcf\'K\xdf\xfc\xf7\xa6%mZ\x06\x00\xc0\xe2\xc5\x8bg\xcc\x98!\xd6P\xc2\x96\xab\xe1Ds\xaf\xaa\xaa\xb8\x1b\xc3\x96\xbb\xe2?8\xe7\xe2G\xb8K\x9b\x99\x86\x02@\x96e\x8b\xc5\xf2\xd5\xaaU\x84\x90\xbe\xbd\xc3\xa2\xfaG\xf0\x8a*Y3S?\xaf\x8b\x10Bk\xad\x1e\x81\x01\x8f\x8d\x1d\xc99OJJ:}\xfa\xb4s\xad\x10w\xd5\x93|\xfc|\xbd\x92\xb6/\x8f\x7f\xe9iVY\xc5*\xaadE\xbe\xe3\xa9;\x84\x90\xba\x18(\x19\xf5\xc0\xd0\xe4C\x1b\xa2#\xbbC\xbdg\xaba\x83\xd5\x10\xa2q\x17\xcd\xbd\xb8\xe1\x0e\x00\xccfsaa\xe1\x85\x0b\x17\n\n\n\xccf\xb3\xd8\xd5"\xa4EG\r5\x0f\xad4\x7f\xa2\xdfq\xf4hJZz:\xe7|\xec\x831\x92\xc1\x9dQ\xa7i\xe6\x9a\x0e!\x04\x98u\xecC\xc3$I\xaa\xac\xac\xda\xb8q#\xd4\xcd\x95r|\x94REQ\xbe\xfa\xea+\xd1\xfaw\x0f\xe9\xb8k\xc7\xca\x811\xfd\xd5\xe2+\x92D\x1a\xe5\xc6\x0eB\x88\xa2\xc8jqi\xabV-\x12\xb7\'&lt;&lt;\xe6&gt;\x00HHH\x989s\xa6\xa2(\xd8Z\xdd\x1c\xe7\\4\xee\x00\x90\x92\x92\xb2p\xe1\xc2q\xe3\xc6\xf5\xea\xd5\xabk\xd7\xae]\xbbv\r\r\r\x15\xff\x11\x1d\x1d\xfd\xf4\xd3Oo\xd9\xb2E\\\xa5\xc3\xbd\xdal\xb4r\x11X\xf4\x13_~\xf9\xa5\x0f?\x9c\xefg\xf2I?\xbc\xa1\xd5\x1f\x82x\xad\xd5\xe9\x86;\x9a\x02\xe3\x1c\x0c\x86\xfbb\x9e\xdc\xff\xcbo\xf7\x0c\x18\xb0g\xef^p\x869\xefb\xc6gZZ\xda\x80\x01\xfd++\xab\xfcM\xde\xbbw\xac\x08\xef\xd3S-\xbe\xa2\xe8t\x8d\xfe\xcfQ\x95\xca\x1e\xc6\x9a\x1a\xcb\xe0!\x93\x92\x8ff\x00\xc0\x8a\x15+\xe2\xe2\xe2pn\xe8\x8d\x88\xd6?//o\xcd\x9a5\xeb\xd7\xaf?v\xec\xd8-\x7f\xa5w\xef\xde\xff\xf8\xc7?F\x8e\x1c\x89{\xb5y8\xfaA\xdeXdY\xb6Z-[\xb6l\x05\x80^=\x83[u\xfa\x03\xab\xb1`\xeb/0\xca$\x83qxL_\xce\xf9\x91\x94\x94\xac\xac,\xc7\x1f\x05\x12\x17\x0f\xcdf\xf3\xc4\x89OTVV)\x8a\xbc\xe5\xbbO\xc2\xfb\x84\xab\xc5W\x14}\xe3\xb7\xfe\x00 +2\xab\xaav\xd3+\x89\xdb\x12:uhC\x08\x99={vjj\xaa\xed61T\x9f8\xe7^\xbbvmxx\xf8+\xaf\xbc"Z\x7f\x9dNg0\x18\xf4z\xbdm\xf1%Y\x96u:\x9dN\xa7\x13\xaf\x1c9rd\xd4\xa8Q\x8b\x17/\xc6\xf3\x80\xe6\xa1\x89\x00\x10\xf3\xf6\xce\x9c9{\xf6\xec\x19\x00\x18=\xfc\x1e\x90\x14\xc64q\xea\xd3\x10\x84\x10`\x96\x911\xfd\x15Y\xae\xa9\xa9\xd9\xbf\x7f?8\xfc(\x90\xb8\xd7w\xde\xbcy\xa9\xa9i\x000\xff\xed\xbf\xf4\x1f:\xc8Z\\\xa2\xe8t\xd0d_\xac$\xcb\xb4\xba\xd6\xd4\xc2\xff\x9b\x15\xef\xea\x14\xb9\xb2\xb2r\xca\x94)\xe2F3\x8d\x9cI\xdf\xae\xb6m\xdb\x16\x17\x17\xeb\xf5z\x9dN\'\xcb\xb2\xd5j\xad\xad\xad\xb5X,\xe2\x92\xafX\x91\xd7j\xb5Z\xadV\xf1\xff\xca\xb2,\xcb\xf2\x9c9s6l\xd8\x80\x19\xd0\x0c\xb4\x12\x00\x00\xb0}\xfb\xb6\x9a\x9aZE\x96\x87\xdd\x17\r\x0c\x07\x7f\xfeC\x92\x08T\xd7DDvk\xd3\xa6\x05\x00l\xde\xfc\x038\xf6\\ \xd1R\x9c:uj\xd9\xb2e\x84\x90\xe11}\xe3_\x9c\xa6\x96\x15\xeb\x9a\xfe\x86&gt;Y\x91\xd5\x92\xb2~1\xf7\xbe\xfaB\x1c\x00\x1c=zt\xdd\xbau\x8e\x7f\xc2\xd4\xfc\xc4\x89\xd1}\xf7\xdd7z\xf4h\x8b\xc5"\x9a\xf8\xa0\xa0\xa0G\x1eyd\xe1\xc2\x85\x9b7o\xde\xbbw\xef\xc1\x83\x07w\xee\xdc\xb9x\xf1\xe2\xa1C\x87\x8aS:q]\x9d\x10\xf2\xec\xb3\xcf^\xb9rE\xcc\xb8\xb5\xf7Gqe\x9a\xb8\x06 \xc6\x13\xc7=2\xee\xfb\xef\xbeo\xff\x87V\xc7\x8f|\xe7\xe1\xee\xc6)s\xe46\xae\x99Q\xcad\x1f\xaf\xb1\x0f\xcf\xfa\xe7\x0f\xbb;\xb4o\x7f\xfc\xc4\twwwq(\xda{\xd3\xaeC\x9c\xd2\xc5\xc6\xc6&amp;&amp;&amp;\xba\xb9\xe9\x7f;\xb0&gt;8&lt;\xb8\xd9\x96\xf3\x13\xcfT`D\xea\xd9\xfb\xcf\x99Y\xe7\x83\x82\x82RSS\xfd\xfd\xfd\xc1\xb1S\xb3\xf9QJ%I\xda\xb9s\xe7\xa8Q\xa3\x86\r\x1b6e\xca\x94\xd8\xd8X\xb1\xa3\xae\xb5~\xfd\xfa\xa9S\xa7\xd6\xd6\xd6\x8a\xfbuTU\xfd\xf8\xe3\x8f\x9f{\xee9\xbc\xf5\xbaIi\xe2\x0c@\x92$\x8b\xc5r2#\x03\x00\xa2{\x87y\x04\xf8Q+\xc5c\xb5&gt;\xce9\x10y\xc8\xa0\xde\x00PXTx\xe1\xc2\x05p\xd4a\r\xd1\xfagdd$%%\x01\xc0\x84?\x8f\x0c\x8e\xecA\x9b\xf1Y\x0e\x84\x10\xaeR\x9d\xa7\xe7\xbc9S\x18c\xf9\xf9\xf9\x1b7n\xc4\xf9\x8b\xd7\x12\xd3:\x87\x0c\x19r\xe4\xc8\x91]\xbbvM\x9c8\xd1\xdf\xdf_&lt;n\x81\xd6\xa3\xaa\xaa\xaa\xaa\x8f&gt;\xfa\xe8\xfc\xf9\xf3\xc5\x85}\xd1\xf3\xd8\xbau+8\xc3d\x04\xa7\xe6\xfa;W\xb4\x17\xf9\xf9\xf9\xe7\xcf\x9f\x07\x80\xde\xbdB\x81(\x8e\xd9\xb4\xd9\x11!\x04\xb8\x1a\x19\x11*IRuuMjj*8j\x00\x88\xd6a\xf1\xe2\xc5\xaa\xaa\x1a\x8dn\xf3\xe6\xc6qk-i\xde\xdb\xb9eEf\x15\xe5\x13\x1e\xbf\xbf{hGB\xc8\xc7\x1f/VU\x15g\xad\\\x97^\xaf\x8f\x8a\x8a\xb2\r\xef\x88\xa7\xf1\xc8\xf5(\x8a"I\x12\xa54...((H\xe4(\xe7&lt;++\xcbb\xb1\xe0(P\x93r\xfd\x00\x10\xd5\x93\x9d\x9dm6W\x00@\xaf\x9e!\x00\xd8\xfd\xbf\x9a$\x11\xa8\xb5\x84ti\xef\xeb\xe3\x05\x00\'Of\x80C\x06\x80hA\n\x0b\x0b7m\xdaD\x08\x8c{hhHd8\xab\xa8j\xe6~"\x01`Vj\xf0\xf6~\xe1\xd9\x89\x9c\xf3\x13\'2~\xfe\xf9g&lt;\t\xb8\x11\xd1\t\xbb\xc9\xcd\xd8\x92$I\x92\xe4\xee\xee\xde\xa5K\x17\xa8\x1bI+++\xab\xae\xaen\xd6\r\xd5\x1e\xad\x04@ZZ*\x00\xf8x{\x85u\xeb\x04\xb5\xb5\x18\x00W!\x84p\x8b\xd5\xd4:\xb0k\x97v\x00\x90\x96\x96\x0e\x0e9\xa2-Z\xd8\x83\x07\x0f\x16\x15\x15q\x0e\x8f\x8e\x1d\xc59\x03{l\xa7,K\xbc\xa6j\xcc\xe8{}}\xbc\x18c\xe2\xca\xb9\x03F\xa6#hH&lt;\x8b]W\xbf\xe4\xf0Yl\xcd\xc0\xf5\x03@(((\x00\x00ww7\x1f\x1f/\xa0\x14\xeb\xeaZ\x9cs\xc5\xa0\xf7\xf7\xf3\x01\x80\xc2\xc2B\xc7\xbc\x02,6i\xcb\x96-\x84\x90\xb6m\x82\x06\xdd\x1bE\xaa\xab\xec\xb2\x9c\x1f!\x84\xd7X\x82:\xb6\x1d&lt;0\n\x00\x92\x92~\xb4X,8\ntg\xc4\xa37\xadV\xeb\xc5\x8b\x17m/\x9aL&amp;www;n\x95\x16\xb8~\x00\x88\xdeGJ\xcaQ\x00\x08\r\xe9\xe0\x19hbV\xd5\x01\x9b6\xbbc\x8c\x03QzG\x84\x02@f\xe6\xa9\xd2\xd2R\x07\x1c~\x15\xd7\xf3\x0f\x1c8\xc09\x1f\xd07\xdc;(\x90Z\xec6\xa3\x97q\x0e\x922"\xa6/\x00de\x9d\xce\xce\xcev\xd2\xb5T\xedN\xec\xb4\xe4\xe4\xe4s\xe7\xce\x89\x03\x96\x10\x12\x1a\x1a*\x16\xdb\xc0\xa3\xb5\xe9\xb8~\x00\x08\xbf\x9f`\xe2\xa4\x82[ \xa27m{\xa4\xa2C\x11C\xc9yyy\xb9\xb9\x17\x00 *"\x14@\xb6cB\x89+\xe7\xbdz\x86H\x92TSS\xeb\xc8W\xce\x1d\x99-2_y\xe5\x15\xb1\xf7\xc4=\x01c\xc7\x8e\x05\xdc\x9fM\xcc\xf5[CBHMMM\xde\xc5\x8b\x00`\xf2\xf5\x06 XP7\xc6M\xbe\xde\x00PYY)N\xc6\x1d\xea\xf0\x13\x1bs\xfe\xfc\xf9\xdf\xaf\xe7\x87\x07\xdb\xf7z\xbe\xb8r\x1e\xdc\xa5\xbd\x8f\xb7\x17\x00df\x9e\x02\x07\xdbc\x8eO\xb4\xfe\xb2,\xcf\x9a5k\xef\xde\xbdb\xdc\x9fR\x1a\x12\x12\xf2\xc8#\x8f\x88k\xfe\xf6\xdeFW\xe6\xe2\x01 \x06\xb2\xab\xaa\xaar/\xe6\x02@d\xcf`\x90t\x1c\x17\x81\xb8\x1eB\x08\x00\x8d\x8c\x08\x01\x80\xca\xca\xaa\xdc\xdc\\p\xc8\xe6,;\xfb,\x00\xe8t\xba\x80\x00\x130;_\xce\xe1\x94\xb9{\xb9\xfb\xfaz\x02@vv68\xe4\x95s\x87%\xee\x14#\x84L\x9f&gt;\xfd\xb3\xcf&gt;\xb3\xb5\xf5\x84\x90/\xbe\xf8\xc2h4\x8as&gt;\xfbn\xa4ks\xf1\x00\x10\x08!:\x9d\x0e\x00T\x15\xc7go\xc1\xb6\x8btM\xb0\xa0\xe6]\x12i\x94\x95\x95\x05\x00&amp;_\xef\xae\x9d\xdbA\xad=W\xf4#\x84pU\xf5\x0c0u\xed\xdc\x0e\x00\xb2\xb2\xce\x00\x06@\x83\x89\xfb\xf3KJJ\x1ex\xe0\x81\xe5\xcb\x97+\xca\xefw\xe7PJ\x97-[v\xdf}\xf7\xe1\x82\xa0\xcd@+\xf7X\xd7M2\xb3\xf7v8&lt;\xdb.r\xc0\xbe\xbf\xa0\xd7\xeb\xa1\xee\tS\xf6\xde\x16\x00\x00\xa8\xdb\x12\xb1a\xa8!D\xe3\x9e\x91\x911n\xdc\xb8\x13\'N\x88\xd6_\\yZ\xb5j\xd5\xe4\xc9\x93q\x05\x88\xe6\x81\xbb\x189+\xc7\x89(\xc7\xd9\x12\xa7 \x1a\xfa_~\xf9\xe5\x81\x07\x1e\xb8|\xf9\xb2h\xfd)\xa5\x01\x01\x01_\x7f\xfd\xf5\xa8Q\xa3\xb0\xf5o6Z\xd9\xcb\xe2\xc4\x1c\x0f\xd4[\xb2\xed"\x87\x1d\xcaPU\x15\x00$\x89\xe8\x14\x05\x1c\xe1\x0b\x95$\x9d\xa2@\xdd\x86\xa1\x9b\x13\xab\xfdddd\x8c\x193\xa6\xb8\xb8X\x0c\xf2PJ{\xf5\xea\xb5~\xfd\xfa\x90\x90\x10l\xfd\x9b\x93&amp;\xae\x01p\xceU\xaa\x02\x80\xde\xf1\xc6\xb5\x1d\x8dm\x179ls\xe6\xef\x1f\x00\x00\x15\x15U\x17.\x16\x82^g\xc7P\xe7\x9c\x13Y\xae.5\xe7\xe6\x15\x01\xc0\x8d\xd6\xb9D6\xe2\xcb\xaa\xad\xad}\xe2\x89\'\x8a\x8b\x8b\x95\xba\xe0\x1c9r\xe4O?\xfd\x84\xad\x7f\xf3s\xfd\x00\xe0\x9c\xebt:\x1fo\x1f\x00\xc8\xca\xbe\x00\x1c\xef+\xb9\t)+\xfb\x02\x00\xe8t:\x1f\x1f\x1fp\xb0\xf3\x00\xb11=z\xf4\x00\x80\xca\xaa\xea\xfc\x82K\xa0(\xf6=\x07 \xb2TS^\x91\x97\x7f\x19\x00z\xf4\x08\x03\x87\x7f\x90\x8e}\x89i?\xdf|\xf3\xcd\xd1\xa3G\x15E\x11\x0f\x84\x19&gt;|\xf8\x0f?\xfc\xe0\xe3\xe3#\x9e\xf0l\xefm\xd4\x16\x17\x0f\x00B\x08\xe7\xdc\xcb\xcb+88\x04\x00\xced_\x04\xae:R\x9b\xe6@8\xe7\x00\xd2\x99\xb3\xb9\x00`2\xf9\x06\x07\x07\x83C\x06@\xcb\x96AF\xa3\x1b\x00\x9c:\x9d\x03 \xdb\xf7\x0c\x00\x0c\xbas\x17\xf2+*+\x01\xa0m\xdb?\xd8kK\x9c\x85\xb8\rs\xcd\x9a5\x84\x10ql\xb6k\xd7n\xc3\x86\r\x06\x83\x01\xe7\xfc\xd8\x85\x8b\x07\x80\x8dxn\x9f\x9b\x9b\x1e\x88V&gt;\xf2\x9d1\xba\x19\x00@,\xd4n\xefm\xb9\x9a\x08\x80\x8e\x1d;\x05\x05\x05\x01\xc0\x91c\'\x01\xb8\x1d\x13\x8a1\x0e\x92&gt;-\xfd\xb4\xc5bU\x14%**\n\xf0V\xf3\x1b\x13\x0b\xfe\x98\xcd\xe6\xe3\xc7\x8f\xdb\xee\xf8}\xe9\xa5\x97L&amp;\x93\xd5j\xc5\xd6\xdf.\\\xbfX\xc5)yDD\x04\x00df]\xa8\xb8\\B\x14|\x1e\xc0u\x88\x85\r\x8e\xa6e\x02@\x97.]\xbd\xbd\xbd\x1dm=8q\x8f\xa8\xd1h\x8c\x8c\x8c"\x84\x1c&lt;\x9cf1\x9b%\xc5n\r\x87\x98X\xb0{\xdf\x11\x00h\xdd\xbau\xd7\xae]\xc1\xc1\xce\x99\x1c\x8a8\xe8\n\x0b\x0bKJJ\x00@&lt;Aa\xd8\xb0ax\xbb\xaf\x1d\xb9~\x00\x08\xadZ\xb5\x04\x80\xd2Rs\x95\xb9\x8a4\xd7\xa3\xa3\x9c\x0b\x91\x80Q\xb5\xf0R1\x00\x04\x06\x06*\x0e\x19\x93b\x93\x1ex\xe0~\xceyfV\xce\xd1\xc3i`4Rj\x87aw\xce\xb9\xa4\xd7\x95\x17\x16\xed\xda}\x18\x00bb\x86xzz\xe2\xcae\xb7T]]-\xa6\x81\x12B|||Z\xb4h!\x86\x83\xec\xbd]\x1a\xe5\xfaM\xa1\xa8\xad\xf0\xf0\x9e\x00PVn\xce\xcc\xca\x01\x83\x9e\xe1j\x10\xff\x8ds.)\x8a\xb9\xa8\xf8\xcc\x99\\p\xe0\xeb\x99b\x80\xe5\xde{\x07{xxPJ\xbf\xdf\xbc\x9b\xc8\x06\xbb\x04\x15\xa3\x9c\xb8\xbb\xef\xdb\x9b\x92{\xb1\x10\x00F\x8e\x1c\x058\xcf\xb8\x01lO\x82d\x8c\xd5\xd4\xd4`\xdf\xdf\xbe\xb4\x12\x00\x1d:tpssc\x8c\x1dK\xcd\xc4GB^\x8bs\x0en\x86\xb3g/\\\xba\\\x0c\x00\xe2\x9a\xb9\x03\x12\xcf\x0e\xec\xd2\xa5KLL\x0c\x00\xacY\xbf\xf5\xca\x85\x0b\xb2\x9b\xbe\xf9\xbfP"\x01\xa8t\xd1\xd2\xb5\x84\x90V\xadZ=\xf8\xe0\x83\x00\x80\xcd\xd9M\x88#\xb1K\x97.?\xd6ILL\xf4\xf0\xf0\x00\x1c7\xb3\x1f\r\x05@\xebV\xad\x00\xe0h\xea)\xfb^9tL\x8cq\x90\x94\xb4\xe3YVU\xd5\xe9t\xbdz\xf5\x02\xc7\xbe\x9e\x19\x1f\x1f/\x11RPx\xe5\xd3\xcf\xd6\x11\xa3g3\x8f\x02Q\xca\x88\x97\xe7O\x89{w\xed&gt;\xcc9\x9f&gt;}\x06\x8e\xff\xdc\x92\xd89\x9e\x9e\x9e1u\x06\r\x1a\x84\xf3&gt;\xed\xcbq\x8f\xf0\xc6"\x9e\xd1a4\x1a\x83CB\x00\xe0\x97\xe44\x8b\xd9,aO\xed\xbf\x89\x86\xeb\xa7}G\x00\xc0\xdf\xdf\xafS\xa7N\xe0\xa8\xfd2Y\x969\xe7\xf7\xddw_h\xb7PB\xc8\x92\x84oK\xf2\xf2\xa4\xe6&gt;\t\xe0\x84\x90\xb7&gt;\\N\x081\x18\x0c\x93\'?\t\x8e\xba\xbb\x1c\r\xe7\xdcj\xb5\xd6\xd6\xd6\xd6\xd6\xd6\x8a\xb9y\xc8\x8e\\?\x00\xa0n,;::\x1a\x00\xcef_&lt;w:\x87\x18\rx\x19\xa0&gt;I\x96\xadf\xf3\xa1_\x8f\x03@\xb7n\xdd\xbd\xbc\xbc\x1cy%^\xc6\x98\xa2(\x8b\x16-\xe6\x9c_\xba\\\xf2\xb77&gt;\x95\x9a\xf1$\x80\xaaT\xf65}\xbbz\xe3O{\x8fp\xce\xe7\xce\x9d\xdb\xa9S\'q\x8bS\xf3l\x80S\x137f\x1a\x0c\x06\x83\xc1\xa0\xd7\xdba\xec\x0e\xd5\xa7\x89\x92\x15\rYll\xac\xa2(5\xb5\xb5\xfb\x0f\xfd\x06\x8a\xde\x01\xafp\xda\x0bc\x9c\x18\rgN\x9d;{\xee"\x00\xfc\xf1\x8f\xb1\x92$9\xf2\xfe\x91e\x9916r\xe4\xc8\x91#F\x00\xc0\xd2\xe5\xdf\xed\xfca\x87b\xf2Q\xadM\xbe|\x05cL2\x1a\n\xcf]x\xf6\xc5\xf9\x9c\xf3\x16-\x02\x9f\x7f\xfey1\xc3\xbd\xa9\xffi\x17 v\xd4\xb1c\xc7\x16.\\\xf8\xee\xbb\xef\xfe\xf8\xe3\x8f\x0e\xdb\xc9\xd0\x08MT\xad88#""\xc4e\x80\xcd\xdb\xf6\x02gXx6\x8c1\xae\x18\x12\x93\x0e\xd6\xd4\xd4\xca\xb24t\xe80p\x86\x01\r\xce\xf9\xd2\xcf&gt;\xf3\xf33q\xce\x9f\x9c\xfe\xf7\xa2\xf3y\x8a\x97\x07U\x9b\xf0\xfe5\xce8\x97$b0L\x9a:\xaf\xe8R1\x00,Y\xb2\xd4\xcf\xcf\xcf\x91\xcf\x96\x1c\x87\xd8KK\x96,\xe9\xd3\xa7\xcf\xdc\xb9s_{\xed\xb5a\xc3\x86M\x9f&gt;\x9d1\xe6\xc8\xbd\r\xd7\xa6\x89\x00\x107\x10\xb9\xbb\xbb\x0f\x1d6\x0c\x00~=\x9aQq\xb9X\xb6\xeb:b\x0eE"@8\xdd\xbd\xf7\x08!$$$$,,\xcc\xf1\xef\xcd\x11\xe7(\x9d;w^\xb6,\x01\x00\n\x8a\xae&lt;\xf0\xa7gKK\xcaewc\x13\xdd\xc3\xcc\x19g\x12\x91==f\xc4\xcd\xdb\xb9\xfb0\x00\xc4\xc7\xc7\x8f\x1b7\x0e\xd70h\x08\xd1\xf7/++{\xed\xb5\xd7(\xa5z\xbd^Q\x14Y\x96\x97/_~\xf0\xe0A1\xb9\xcb\xde\xdb\xa8E\x9a\x08\x00\x9bG\x1e\x19\x07\x00\x17r\x0b6m\xfa\x11\x8c\x1e\x14/\x03\x000\xc6%\x0f\xe3\xe9\xdfN\xee\xda}\x88s&gt;f\xcc\xfdba\x16{o\xd7\xad\xc9\xb2\xac\xaa\xea\xd8\xb1c\xe3\xe3\xe3\x01\xe0p\xca\x89\xb8\xa9\xaf\x9ak,\xb2\x9b[\xa3\x9f\x070\xcaD\xeb\xff\xee\xdf?I\xf8j#\x00\x0c\x180`\xc1\x82\x058\xf4\xdf@\xa2\xb3\x95\x9d\x9d]VVF\x08\xb1X,\xaa\xaa\x12B$I\xfa\xed\xb7\xdf\x00o\xa1\xb0\x13\xad\xd4\xae\xed\x06\xa2\xb6m\xdb\x10\x02\xeb\xbf\xdf\x01\xc0$\xc0\x9a\x03\xc6\x18\xe8\x8c\x9b\xb6\xfeTYU-\xcb\xf2\xd8\xb1c\xc1\x19\xc6\x7f\x04\x91\x01\x8b\x16-\x9a&gt;}:\x00l\xdc\xfa\xf3\xf0\xa1O\x16\x97\x9ae_o\xd5\xaa6V\x9b\xa2\xaa\xaa\xe4f\x10}\xff\xd7\xde\xf9\x0c\x00\xa2\xa3\xa3\xb7l\xd9"I\x92x\xa4m\xa3\xfc+Zp\xddS%LP;\xd2\xca\xae\'\x84\xa8\xaa\xea\xe5\xe5\xf5\xe8\x84G9\x87\xdd{\x7f=\x9b\x9eI&lt;\x8c8\x17HV$\xb5\xd2\xbcf\xfd\xbf\t!\xd1\xd1}\xa2\xa3\xa3\xc5\x9d\xfa\xf6\xde\xae\x06!\x84\x88\x0b\xc2\xcb\x96-\x13\x19p8\xe5\xc4\x80A\x8f\xef\xff\xe9\xb0\xe2\x17@\x08QUz7)@)e\x94)&amp;\xbf\xfc\xc2K\xa3G\xc4\x89\xbe\x7ftttbb\xa2\x9f\x9f\x9f\xa3\xad\x95\xe4\xc8\xc4\xda\x9f\x1d;v\x0c\x0c\x0c\xe4\x9c\xeb\xf5z\x9dN\'F\xff\xfb\xf4\xe9\x03\x18\x03v\xa2\xa1\x9d.*lJ\\\x9c^\xa7\xab\xac\xac^\xbdn+\xd1\xb9sm_}\xa2\x94\x11O\xcf\xbd\xbb\x0f\xa5\x1d\xcf\xe2\x9cO\x9d\xfa\x94\x83\xcf\xff\xb9\x96XIF&lt;I\xfc\xe9\xa7\x9f\x06\x80\xcc3\xe7\x87\x8d\x9e\xfe\xe6k\x0b,\x84(&amp;_"\x81\xaa\xd2\xdb:\x1b\x10O(d\x8c\xc9&gt;^\x92\xb7\xe7\xfa5\xff\x8a\x1e\xf0Xb\xd2/\x000p\xe0\xc0\xc4\xc4D\x93\xc9$\x9el\xd5T\x9f\xca\xe5\x88\xdbq&lt;==\x17,X\xa0\xd7\xeb-\x16\x8b\xd5je\x8c=\xff\xfc\xf3}\xfa\xf4\xc1\x9di/DSCo\xa2\xceF\x8c\x18\x91\x94\x94\x14\x10\xe0\x9b\x9e\xfc]`\x0b?\xb0\xaa\x9a\xed\xc71\xc6\xb8\x9bq\xe4\xa8\xa9?\xfe\x9c\xdc2((-=]&lt;\xd6\xca\xe9v\x88\xed\x91\xe2\xcb\x97/\x7fq\xee\xdc\xd2\xb22\x00\x08\x0f\xeb2\xe7\xb9IOL\x18\xa3\xf7\xf1\x86\x9a*Vca\x9c\x13B$\x89\xc0\x7f\x7fFq\x140\xce9\xe3\x04@\xd6\xeb\xc0\xc3\x1d(\xdd\xb9c\xdf\x82\x8fV\xed\xd8uP\xbc-&gt;&gt;~\xfe\xfc\xf9\xe2I&amp;\xd8`\xdd\x01q\xcet\xfc\xf8\xf1\xc4\xc4\xc4\xea\xea\xea{\xef\xbdw\xf0\xe0\xc1x"eG\xda\n\x001a\xe3\xdf\xff\xfe\xf7\x981c\x00`\xe1\xbb\xf1\xcf\xbf:[-\xbe\xa4\xe8\xb4x?:\xa5L\xf6\xf1L\xd9{\xa4\xcf\x90\'9\xe7/\xbc\xf0\xc2\x82\x05\x0b\x9c\xfa\x99|\xe2\xfbMIIy\xe6\x99Y\xbf\xfcrH\xbc\xd8\xb3G\xf0\xecY\x8f\x8d\x1e1\xb0m\xe7\xb6@\x14\xe0*\xd4Z\x802fUA4;\x1c$E\x06Y\x02\xbd\x1ed\x05\x00\xca\x0b/\xfd\xb4?e\xe9\xe7\xeb\x13w\x1e\x10\x7f\xa4M\x9b6\x1f}\xf4\xd1\xf8\xf1\xe3\xa1\xae\x15\xb3\xcb\x07t\x01We\'\xeeL\xfb\xd2V\x00\x88\x0f[SS\x13\x15\x15\x95\x99\x99\xd9\xb5s\xbbC\xfb\xd6zy\x18\x89&amp;Wq\xa1\x8c\xc9\x9e\x9e\x8fN\x88\xdf\xf0\xcf\x9d\x06\xbd&gt;\xe5\xe8\xd1\xd0\xd0Pg\xbf\xa7Id\x80\xaa\xaa\xabW\xaf~\xe3\xf5\xd7/\xe4\xe6\x8a\xd7M&amp;\x9f\xfb\xee\xed=dp\x9f\xc8\xf0\xe0\xee\xc1\x1d&lt;&lt;\x8c\xc6\x00\x13p\x0e\x1c@\x92h\x99\xb9\xbc\xa2*\xeb\xdc\xc5\xe3\x19g\xf6\x1d8\x9a\xb4\xfb\xf0\xb9\x9c\x8b\xe2\x17\x8dF\xe3\x0b/\xbc0{\xf6\xec\x16-Z\x889?\x1a,\x95\xc6e\x9b\xf8/.\xe1\xd8{s4M[\x01\x00u\r\xc4\xea\xd5\xab\'O\x9e\x0c\x00o\xbc2\xfd\xf5\xf7^VK.;o\xb7\xf7\xceP\xcad\x1f\xaf\x9f\xfe\xfds\xcc\xfd3\x01`\xca\x94)+W\xaet\x8d)\xed\xb6&gt;fQQ\xd1\xa6M\x9b\x96.]z\xec\xd8\xb1\xfao\xf0\xf7\xf3\xf5\xf6\xf6\xe8\xdc\xb9\x1d0\x06\x1c@\x91\x0b\xf2\x8a\n/\x15_\xbaT\x02\xf5&amp;\x86\xb5o\xdf..n\xea\x84\t\x13BCC\xa1\xaer\x9a\xf7\xa3 \xd4\xb44\x17\x00\x00 &amp;\xb9\x0f\x1b6l\xcf\x9e=\x01\xfe\xbe\xa9\x877\xb4h\x19\x08V\xab\xa4\xa5\x9e\x1de\x8c\x18\x8d\xc3\x86O\xf9y_\x8a\xbf\x9f_ZzzPP\x90\xb3w\xffml\x97\x04\x00\x80R\x9a\x94\x94\xb4}\xfb\xb6]\xbb\x9223O\xd5\xd6\xdeb\x01\xb2N\x9d:\x0e\x19\x123d\xc8\x90\x87\x1ez\xc8\xdb\xdb\x1b\xea\x1ee\x8e\x1d\x7f\xe4z4\x1a\x00\xb2,\xef\xd9\xb3g\xe8\xd0\xa1\x94\xd2)\x8f\xdf\xbfr\xed"\xb5\xe4\x8avN\x02TUUL\xfe_}\xfe\xf5\x94\xffy\x13\x00\xde}\xf7\xddW_}\xd5\xf5z\xb8\xf5c\x00\x00(\xa5\x99\x99\x99\x19\x19\x19\xe9\xe9\xe9\xe7\xcf\xe7\xe4\xe4\x9c\x17m:\xe7\xdc\xd7\xd77&lt;&lt;\xbc]\xbbvaaaaaa\xee\xee\xee\xb6_\x117+\xd9\xed3 \xd4\x94\xb4\x18\x00P\x97\x01qqq\xabV\xad\x92e9q\xe3\xff\x0e\xbb?\x86\x96\x94\xcb\xf6{\xc0l\xb3a\x8c\x83^w\xb9\xa8\xb8W\xff\xf1\x85E\xc5\xc1\xc1]\x7f\xfb-UQ\x14W}2\x9f\x88\x01\xcey\xc3\x03\x9eR*\x16\xc3p\xc9\x1d\x82\x90\x8dF\x03@\\\x83***\xea\xd6\xad[iii\x97Nm\x8f\xfd\xfa\xbd\x9b^\'i\xe0j\xb0\xaaR\xc5d\x9a\xf0\xe7Y\x1b\xfe\xb5\x0b\x00\x12\x13\x13G\x8e\x1c\xe9z\xdd\xffk\xf1z\xaeJ;\xf1"\x00\x88\xfe\xbe\xcb\xd7\x00B\x82F\xcfm%I\xe2\x9c\xb7l\xd9r\xe1\xc2\x85\x00\x90u6\xf7\xb9\xe7\xde\x91=\x9a\xfb\xc1R\xcdO\xb5\xaa\x8a\xc9o\xe5\xd25\xa2\xf5\x9f:5N#\xad?\xd45\xee\xb2,\x8be\xc8\xa4z\xc4\x8b\xe2ul\xfd\x91vh\xf4\x0c@\x10s\xde\'L\x98\xb0a\xc3\x06\x00X\xb1\xe4\xefq\xb3\x9eT\x8b/\xbb\xeam\x01T\xa5\xb2\x8fW\xda\x91\xe3\x03b\x9e\xac\xaa\xaa\xee\xd8\xb1Sjj\xaa\xd1ht\xd5\xc1\x1f\x84\xd0\xcdi:\x00\xc4\xe8pYYYtttvv\xb6\xbb\xbb\xdbO\x89\xcb\xfb\x0c\x88\xa4ef\xd7\xbb\x18\xc0\x18\x03\x9d\xae\xac\xa2j\xc8\xd0\xc9\xa9\xc7\xcf(\x8a\xbco\xdf\xbe~\xfd\xfa\xe1M\xad\x08i\x96\xa6\x8f|\xd1\xf3\xf5\xf3\xf3\xfb\xe6\x9bo\x08!\x95\x95\xd5\x13\x9ex\xb1\xe4R\xb1ltc\xae5\x16\xc49g@$w\xe3\x8c\xe9\xaf\xa5\x1e\xcf\x02\xe0\xf3\xe7\xcf\xef\xd7\xaf\x9f\xaa\xaa\xd8\xfa#\xa4YZ?\xf8%IRU\xb5_\xbf~\x9f}\xf6\x19\x00\x9c\xcd\xc9\x1b\xf5\xc7\x19U5\xb5\xa0\xd79\xd7\x9ah7G\x19S||fN\x9d\xf7\xdd\x0f\xbb\x01`\xf2\xe4\xc9\xf1\xf1\xf1N\xbd\xea\x03B\xe8\xeei=\x00\x00@Q\x14UUg\xcc\x98!\xd6\x92LN9\xf1\xcc\xac7%w#\'\x12w\x89\xc5\xa2\xad\xaa\xaa\xf8\x06|\xf1\xf1\xca/V\xfe\x0b\x00\xa2\xa3\xa3\x97.]\xeaDk&gt;#\x84\x9a\x08\x06\x00@\xddsE&gt;\xff\xfcs\xb1\xa6\xfc\xaau[gLyE\xf6\xf2\x00\xd9\xc9\xd6F\xbe\x1a\xe7\x94R\x9d)0\xe1\xd3\x953\xe3\xdf\x83\xba\xb5\xec\xc5\x8dNx\xe1\x17!\x8d\xc3\x00\x00\xa8[\x94J\xac)/2 \xe1\xab\x8d3\xe2\xe6QE\x91t\xba&amp;}\xcex\xd3a\x8cQ\x0e\xb2\xaf\xef\x17\x9f\xac\x981\xfb\x1d\x00\xe8\xdb7\x1a\xd7\xb2G\x08\xd9hz\x16\xd0Ul+\x07\xcc\x981#!!\x01\x00\x06\xf6\xeb\xb9y\xd3RS\x0b?\xb5\xa4\xdc\xb9\xe6\x86R\x95\xcanz0\x1agN\xfb\xeb\x17_~\x0f\x00}\xfb\xf6\xdd\xbe};\xb6\xfe\x08!\x1bl\x08\xfeC\xdc(T\xff&lt;`\xff\xa1\xd4a#\x9f:\xfa\xebq\xc5/\xa0\x11\x9f1\xdb\xd4T\xab*\xfbz\x97\x94WM\xf8\xf3\xb3\xd8\xfa#\x84n\x04\xcf\x00\xaev\xedy\x80\xbf\xc9{\xe9\xff\xfem\xfc\x13\x0fss\x19s\xec\x9bf9\xe3\x8c3\xd9\xd7\xefh\xf2\xb1i\xd3^KI=\x05\xd8\xfa#\x84n\x00\x9b\x83\xab\x89\xf3\x00\xf1\x9c\xf1E\x8b\x16\x01\xc0\x95\x92\xf2\t\x13_\x9c3\xfb\r*\xcb\xb2\x97\xa7\xaa:\xe8\xa9\x80jU\x89A\'\xfb\x9a\x96\x7f\xbev\xe8\xf08\xd1\xfaO\x9d:u\xd7\xae]\xd8\xfa#\x84\xae\x85g\x00\xd7\'V\x07\x93$)11\xf1\xa9\xa7\xa6^\xbc\x98\x07\x00\xfd\xa3\xc3\x17\x7f\xf4J\xbfA\xfd\xa0\xb2\\\xb5X\x1cg\x12\xfd\xef\xab\x16\xfb\x98\xf2\xce\x9d\x7f\xe1\xa5\xf9\xeb\xbf\xdd\x0e\x00\x06\x83\xe1\xfd\xf7\xdf\x8f\x8f\x8f\x87k\x9e\xc3\x87\x10B\x80\x01ps\xe2V\xa9\xfc\xfc\xfc\xb8\xb8\xb8\xc4\xc4D\x00p3\xe8_\x9c3\xe5\x85\xe7\'\xfb\x04\xb6\x00s\x19U\xa9\xa4\xc8v\x9cMI)#\x00\x92\xaf\x17\xd4ZW~\xf5\xaf\xbf\xbf\xb9$7\xaf\x08\x00BBB\xbe\xfc\xf2\xcb\x81\x03\x072\xc6p\xa9\x1f\x84\xd0ua\x00\xdc\x82m\xa5\xcc\xc5\x8b\x17\xcf\x9b7\xaf\xa6\xa6\x06\x00\xba\x85t|\xf1\x85\xb8\x89\x13\xc6\xe8\xbc=\xc1l\xa6*\x95\xe4f]C\x98\x030\xd1\xeb\xf7\xf6\x04\x0e;\x13\xf7\xce\x9f\xbfr\xe7\xee_\xc4O\xa7M\x9b\xb6`\xc1\x02\x1f\x1f\x1f\xbc\xd7\x17!t\x13\x18\x00\xb7f\xebD\xa7\xa7\xa7\xbf\xf4\xd2K\xdb\xb6m\x13\xaf\x0f\xe8\xdb\xf3\x95\x97\xa7\x8f\x1a\xda\xd7\xe0k\x82\xca\n\xd5b%\x84\xc8r\xd3\x8e\xb40\xc6\x18\xe3\x8a"\x83\x97\x07X\xac\x07\x7fI\xfd\xdf%k\xd7m\xf8}\x93\xc2\xc3\xc3?\xf8\xe0\x83\xd8\xd8X\xc0g\xd8"\x84n\x05\x03\xa0\xa1l\xed\xe9\xfa\xf5\xeb\xff\xf1\x8f\x7f\xa4\xa5\xa5\x89\xd7{\xf6\xe8\x1a?{\xe2\xd8\x87Gx\xb7\x08\x00f\xe5\x15U\x94\xd2\xdf\x9f*\xd2H\xe7\x04\x1c\x803\xc6\x18\x97\x08\x91&lt;\xdc@g\xa4\x95\xe6\x1f\xf7$/\xfc\xe8\xab\xc4]\x07\xc4{Z\xb5l9\xeb\x99g^z\xe9%\xbd^\x8f\xc3&gt;\x08\xa1\x86\xc0\x00\xb8\rbY\x08I\x92,\x16\xcb\x87\x1f~\xb8t\xe9\x92\xfc\xfc\x02\xf1\xa3\xf6\xedZ\x8f\x1f;\xe2\xe1\x07\x87\xdesO$\xe8\x8d\xc0,P]K\xad\xaax\xf8\x94H\x83\xdb\xfa\xb78\xe7\x8cs\xce8! +2\x18\x0c\xa03\x00\xd0\x93\xbf\x9d\xdc\xb2m\xef7\xff\xb7\xed\xe8\xb1\x0c\xf1N\xa3\xd1\xf8\xd8c\x8f\xbd\xf5\xd6[m\xda\xb4\x01\xec\xf8#\x84\x1a\x0c\x03\xe0\xb6\xd9Z\xd8\xc2\xc2\xc25k\xd6\xacY\xb3&amp;55\xd5\xf6\xd3A\x03\xa3\x86\xc7\xf4\x1b\x19\xd37""\xd4\xdd\xdf\x17@\x06\xaeB\xad\x85[\xac\x9cq\xc69\x00\x17\x0bQ_\xf5g\xeb\xbe\x08N\x88D\x08H:\x1d\x18\xf4 +\x00@\xcd\xe6\xcc\xd39;v\x1f\xfay\xcf\x91\xc4]\x07\xaa\xaa\xaa\xc5\xaf\xb4n\xd5\xea\xf1\'\x9e\x98&lt;yr\x8f\x1e=\x00@UU|\xa0\x15B\xa8\xe10\x00\xee\x84\xedf1\x00\xb0X,\xdb\xb7o_\xb9r\xe5\x8e\x1d;\xaa\xaa\xaal\xef\xe9\xd8\xb1mT\xaf\xd0{\xef\x89\x8c\x8c\x08\xe9\xde\xb5C@\xcb\x00p3\x00\x88K\xb2\x1c\xe0\xda\xf5\x85\xa4\xba\xdb2TP\xd5\xd2\xa2\xe2\xcc3\xb9\xc73\xce\xec;p4\xf9\xc8\xf1\xcc\xd39\xb5\xb5\xb5\xb6\xb7\x0e\x1a4p\xf2\xe4)\x0f&lt;\xf0@PP\x10\x00PJ\xf1I\xb6\x08\xa1\xdb\x85\x01p\xe78\xe7\x94R\xdb4\x9b\x93\'On\xd9\xb2e\xd3\xa6M\xc9\xc9\xc9\xf5\x1bk\x00\xf0\xf7\xf3\xed\xda\xa5\x9d\xaf\xc9;\xbaW\xa8\xa2(&gt;^\x1e=#B8\xa5\x04\x88\xf8;DQr\xce\xe5\xe6\\( \x8a\x9c\x96\x9ay\xa5\xb8\xec\xe4\xe9s\xf9\xf9\x97\xae\xfa\x17\xc3\xc3{\x8c\x1e=\xfa\xe1\x87\xfft\xcf=\xf7\x88W\xc4\x13]p\x8e?B\xe8\x0e`\x00\xdc-q6 \xee\x1f\x16\xafddd\x1c:th\xcb\x96-)))yy\x17kk-w\xf3\xf7[\xb6\x0c\n\x0f\x0f\x1f5j\xf4\xe0\xc1\x83\xa3\xa2\xa2\xc4i\x87\xf8G\xb1\xd7\x8f\x10\xba\x1b\x18\x00\x8d\x861&amp;\xc6\x85l\x8drUUUNN\xce\xc9\x93\'\xd3\xd2\xd2\xd2\xd2\xd2\xae\\\xb9\x92\x91q\x82RZ^V^k\xb9N*\x04\x06\x06\x00@\xe7\xce]L&amp;S\x9f&gt;\xbd;u\xea\x1c\x16\x16\xd6\xb5kW___\xdb{TU\x15\x8bW7\xcbgB\x08\xb92\x0c\x80\xc6\'\x92\xe0\xba\xcdtYY\x19c\xac\xa0\xa0\xa0\xa0\xa0\x80\x10\xa8\xbf\xef===\xbbv\xed\xca97\x99L7\xfa\x83\xd8\xe5G\x085"\x0c\x80&amp;\xc4\xeb\x11\x13\xf3\x1b2X/\x86w\xc4\xf7\x82\x8d&gt;B\xa8\xe9`\x004+\xb1\xb7E$\\\xfbS\x11\x0f\xd8\xdc#\x84\x9a\x07\x06\x00B\x08i\x14N\x1fD\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R\xec\xbd\x01\xda\xc2\xeb\xb9\xeaG\xa4\x1e\xbbl\x1bBM\r\xeb\xdf\xd1\x90k\xbf\t\xd4\xe88\xe7\x8c1\x00\x90e\xf9\x96o\xa6\x94r\xce%I\x92$&lt;?C\xae\x00\xeb\xdfaa\x004-\xc6\x18\xe7\xdcV\xf7\x94\xd2\x8b\x17/\x9e9s&amp;\'\'\xe7\xfc\xf9\x1cB\x08\xe7\x00\xc0}}M\xe1\xe1\xe1-[\xb6\xec\xd0\xa1\x83\xd1h\xac\xff\xbb\x92$a\x9f\x089)\xac\x7f\x07\x87\x01\xd0T\x18c\xb6\xf3\xd9\xc2\xc2\xc2\xfd\xfb\xf7o\xdd\xba59\xf9pN\xce\xf9\xf2\xf2\xf2\xeb\xfe\x8a\xc1\xa0o\xd3\xa6MTT\xd4\x981\xf7\xf7\xef\xdf?44T\xbcN)mH\xd7\t!\xc7\x81\xf5\xef\x140\x00\x1a\x9f8\xe1\x15%\x9b\x9a\x9a\xbad\xc9\xa7[\xb6l\xcd\xcb\xcb\xbb\xeam\x81\x81\xfe\xc0\x19\x07 D*+3[,\x96\xfa?\xf5\xf0p\x1f1b\xc4\xacY\xcf\x0c\x1d:T\x96eq\x06\x8d\'\xc5\xc8\xf1a\xfd;\x11\x0c\x80F\xc6\x18\x13e\x9a\x9e\x9e\xfe\xf2\xcb/\xef\xda\xb5\xcbV\xd9\xed\xdb\xb5\xee\xd3\',*"\xa4OD\xa8\xc9\xe4\xdd\xa5s;`\x0c\x00@V\n\xf2\n\xf3/\x15\xa7\x9d8\x9b\x9a\x96\x99|\xe4xZz\xa6\xed\x0fFDD\xbc\xf7\xde{\xb1\xb1\xb1\x80]!\xe4\xf0\xb0\xfe\x9d\x0b\x06@cRUUQ\x14\xb3\xd9\xfc\xd7\xbf\xfeu\xf9\xf2\x84\xea\xea\x1a\x00p7\xba=2v\xe4\x9f\x1f\x1e&gt;dP\x94wP\x00\x80\x0c\xa0\x02cPk\x01\x10\x83\x9b\x1ct\n(\n\x80\x0c\xc0\xa9\xd9|\xe8\xc8\xf1\x8d\x9bw\xaf]\xb75/\xff\x92\xf8\xcb\xb1\xb1\xb1\x8b\x17/\x0e\x0e\x0e\x16\xff\x84\xfd&gt;"B7\x84\xf5\xeft0\x00\x1a\x8d(\xcd\x94\x94\x94\xe9\xd3\xa7\xa7\xa4\xa4\x00\x80\xd1\xcd\xf0\xd8\x84\xd89\xb3\'\xf5\xe8\xdd\x03\x80CU\x15\xb5X9\x07B\x08\x10\x90\xea]\xda\x12\xf3\xe28\xe7\x84\x80,\xcb\xe0a\x04\xc9Px</t>
        </is>
      </c>
    </row>
    <row r="280">
      <c r="A280" s="1" t="n">
        <v>278</v>
      </c>
      <c r="B280" t="inlineStr">
        <is>
          <t>shape_size_hexagon</t>
        </is>
      </c>
      <c r="C280" t="inlineStr">
        <is>
          <t>What is the size of the missing shape denoted with a question mark if it is a square?</t>
        </is>
      </c>
      <c r="D280" t="inlineStr">
        <is>
          <t>['medium', 'large', 'small']</t>
        </is>
      </c>
      <c r="E280" t="inlineStr">
        <is>
          <t>small</t>
        </is>
      </c>
      <c r="F280" t="inlineStr">
        <is>
          <t>There are 7 shapes with different sizes in the image, of which there is a missing square in the center. The other shapes are arranged around the center, which are ['pentagon', 'square', 'hexagon', 'pentagon', 'square', 'hexagon'] in anti-clockwise order. Their corresponding sizes are ['large', 'small', 'medium', 'large', 'small', 'medium'].</t>
        </is>
      </c>
      <c r="G280" t="inlineStr">
        <is>
          <t>We observe that the pentagons are large size, the squares are small size, and the hexagons are medium size. Hence, the pattern is that each shape appears with a distinct size.</t>
        </is>
      </c>
      <c r="H280" t="inlineStr">
        <is>
          <t>Based on the pattern that each shape appears with a distinct size, the size of the missing square should be small.</t>
        </is>
      </c>
      <c r="I280" t="inlineStr">
        <is>
          <t>b'\x89PNG\r\n\x1a\n\x00\x00\x00\rIHDR\x00\x00\x02\x00\x00\x00\x02\x00\x08\x02\x00\x00\x00{\x1aC\xad\x00\x00P\xcfIDATx\x9c\xed\xddy|T\xd5\xdd?\xf0\xb3\xdc\x99,\x90L\x02\x08\xb8\xd4\xfa\xb0Z\xa5&gt;\x0f\xa1.}P\x16\xab$.\x8f\xd2\x07P@-\xd8\x07\xc5*\xb2\xa3(\x04dS\x10\x90\x80\xc8\xcf\x85\nH\x05\x15\xb0\xa5B\x15\x04$\xa0\x88\x0b\xe1\xa5\xe2B"hi\x15\x0cK2I\x08I\xe6\x9es~\x7f|\x931"(\x90\x99\xb9w\xe6~\xde\xaf\xbe|\x95-\xb9\x99\x99\xef\xf9\x9e\xef9\xdf{.7\xc60\x00\x00\xf0\x1e\xe1\xf4\x05\x00\x00\x80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n\t\x00\x00\xc0\xa3\x90\x00\x00\x00&lt;\xcar\xfa\x02\x00\xe04\x18c\x9c\xbe\x84\x93\xe2\x9c;}\tpz\xb8\x9b?O\x00\x10G\x8c1\xc8\x01\xf1\x05\x15\x00@\xdc0\xc6h\xad\xcb\xcb\xcb\x99\x9bJ\x01\xce\xb91F\x08\x11\x08\x04\x9c\xbe\x168=\xa8\x00\x00\xe2\x83\xd6Z\x08q\xf3\xcd7o\xd9\xb2EJ\xa9\xb5v\xfa\x8a\xbe\'\x84\xe0\x9c\xafZ\xb5\xaaK\x97.J))\xa5\xd3W\x04\xa7\x04\t\x00 \x0e\xd0\xa8\xba~\xfd\xfa\xec\xecl\xa7\xaf\xe5\xa4\xbat\xe9\xb2i\xd3&amp;\xc6\x18\x12@\xbc@\x02\x00p;c\x0c-\xfet\xe8\xd0\xa1\xb0\xb0P\x08\xa1\xb5v\xcfj;\x8d!RJ\xdb\xb6_x\xe1\x85;\xee\xb8\xc3\xb6m\xcb\xc2\xf2r\x1c@\x02\x00p;\x9a\xfe?\xf5\xd4SC\x86\x0c\x91R*\xa5h\xd9\xdd\xe9\xeb\xfa\x01!\x841\xa6U\xabV\x05\x05\x05\x8d\x1b7\xe6\x9c\xbb\'E\xc1\xc9\xb8\xeec\x04\x00\xf5\xd1Z\x7fqq\xf1E\x17]\x14\x0c\x06\xa9\x1a`\x8c\xa5$%%\xa7$\x1b\xad\x99\xc3\xc3,/\r\x96QB\xa2\xe4\xf4\xf0\xc3\x0fO\x9b6\r;\x01q\x01\t\x00\xc0\xd5h$\xbd\xf3\xce;\x17/^\x1c\xde\xfbm\xde\xacI\xfe\xdf\x17\x9d\xd54C\x87\x94\x83\x13m\xa5\x94?#0{\xf6\xd3S\xf3\x16\xd2\xb5\t!\xa4\x94\xbbv\xedj\xdb\xb6-\xfd\xd2\xa9k\x83S\x81\x04\x00\xe0^\xb4\xd6_PP\xd0\xb9s\xe7P(\xa4\xb5\xa6Y\xf6\xf3s\x1e\xb9\xf3\xde\x01\xfa\xd0\x11aY\x8c9\x17\xc2\x861!j\x94\xfa\xf5\x95=\x8b\xf6\xee\xa3e\x1f\xa5T\x9f&gt;}^y\xe5\x15\x14\x01\xee\x87\x04\x00\xe0^4\x86v\xeb\xd6-??_J\xc9\x98QJ_uE\xd6[k_P\x95\xc7\x84\x0b\x16\xd9\x95RI\x19\x817\xd6n\xb8\xae\xff\x10)\x85R\xb5)j\xf3\xe6\xcd]\xbbvE\x0ep9\x14h\x00.E\xa3\xe7\x8a\x15+h\xf4WJ1\xc6\xa5\x14\x93\xc7\xfcIZ\x163\x86\xbb\x80eY\xa1\xb2\xf2\x9c\xeb\x7fwm\xd7+\x94\xd2R\n\xba\x1fx\xd4\xa8Q\xd5\xd5\xd5\xdc}\x9b\xd5P\x1f\x12\x00\x80\x1b\xd1\xb8YSS3n\xdc8\xfa%\xe5\x80~\xbf\xbf\xae[N\xf7\x9a\xd2\xa0\xabf\xd6F\xa9\xb9S\x1e\xb0,iL\xed\rk;v\xecx\xe9\xa5\x97\xa8c\xd5\xe9\xab\x83\x93B\x02\x00p#Z\xee\x9f5kVQQ\x91eY\xd4\xfc\x13HO\x9b0\xea\x1e}\xec\x18\x17.\x1a\xfd\x85\x10\xa1\x8a\xca_u\xecp\xf7\xed\xbd\xe8\xb2)\x07\x8c\x1d;\xb6\xa4\xa4\x04E\x80\x9b!\x01\x00\xb8\x0e\r\xa0{\xf6\xec\x991c\x86\x10B)%\xa5\xd0Z\x0f\x1b\xd4\xafm\xc7\x8bC\x15\x95B8\xbf\xfa_\x9f\x90BWVN\x1e;$3#\x9d\x86{\xce\xf9\x81\x03\x07rssQ\x04\xb8\x19\x12\x00\x80\xeb\xd02\xfa\xe4\xc9\x93\xcb\xca\xca8\xe7\x9c3\xa5\xf4\x7f\xfc\xf2\xdc\xe1\xf7\r\xb4KJ\xa5\xe5\xa2\xe9?\xe1\x9c\xdbU5M\xcfk9i\xd4=\x94\xbd\x94RB\x88g\x9eyf\xf7\xee\xdd\xc8\x01\xae\x85\x04\x00\xe0.\xb4\xf7\xbbe\xcb\x96\x17_|\xb1\xee\xbe_a\x8c\x99\xfe\xf0\xd0\xcc\x16g\xe9\x9a\x10wA\xf3\xcf\x8f\t)\xed`\xf9\xe0\xbb\xfbg]\xf2+\xca\x01\x9cs\xdb\xb6\x87\x0e\x1d\x8aU \xd7B\x02\x00p\x1d\xa5Tnn\xaeR\x8a1&amp;\xa5PJu\xf9m\xa7[\xfa\xde\x1c:R"\xddz\xc6\x0e\xe7L+\xe5OI\x9e5a\x04U0\xe1\x03\xec\xd6\xaf__\xd7\xc5\x04\xee\x82\x04\x00\xe0"4h.[\xb6\x8c\xce|VJ\x19\xc3\xfc~\xdf\xac\x89#\x8dR\xc6\x95s\xff0)e\xa8\xb4\xac\xdb5W\xf5\xbe\xf1\x1a\xfaA(\x13\x0c\x1d:\xd4\xb6m\xd4\x01.\x84\x04\x00\xe0\x164\\\x06\x83\xc1I\x93&amp;\xf1\xba\xd3u\xb4\xd6}o\xce\xb9\xb4\xcb\x15\xa1\xf2\n\xe9\xfe\x93\x158\xe7ZO\x1d;\xc4\xef\xf7\xd1\x19\xa6B\x88\xdd\xbbw?\xf3\xcc3\xd8\tp!\xd7\x7f\x9e\x00&lt;\x836N\xf3\xf2\xf2\xf6\xec\xd9C\xd3g\xa3u\x93\xcc\xc0c\xb9\xc3Ty\x05wS\xe3\xff\xc9\x08!j\xca+\xdaw\xbcx\xd4\xe0;\xb4\xd6BH:\xcd"77\x17-\xa1.\x84\x04\x00\xe0\n\xd4A\xbfw\xef\xde9s\xe6\xd0\xe2\x8f\x14B\x1b3\xe2\xae\xdb\xceis\x81\xaa\xaar\xc3\xc1\x0f\xa7BH\xa9+\x8e\x8e\xbco@\x8b\xe6Mi\xb8\x17B\x94\x94\x94\xa0%\xd4\x85\x90\x00\x00\\\x81\xd6\x7f\x1e|\xf0\xc1`0\xc8\x18\xe3\x9c+\xad\xdb\xfc\xc7\xf9c\x86\x0f\xb2K\x82B\xbat\xef\xf7\xc78\xe7\xa1\xaa\xeaf\xbf8\xf7\xd1\xb1C\x8ek\t\xdd\xb1c\x07r\x80\xab \x01\x008\x8f\xb6L\xf3\xf3\xf3W\xae\\Y\xff\x91/S\x1f\xbc7)\xad\x91\xb6U\x9c\xcc\xfekI\xcb\xb2KK\xfb\xf7\xeb\xd9\xf1\xd7\x17\xd2\xe8O-\xa1\xa3F\x8d\xc2*\x90\xab \x01\x008\x8c\xe6\xfe\xd5\xd5\xd5\xe1\xf1\x91Z?\xaf\xedz\xc5\xad\xfdz\x86J\xcb\\x\xe7\xd7O\xe3\x8ci\xa5\x93\x1b\xa5\xcc\x994ZJ\x11n\t\xcd\xcf\xcf_\xb1b\x05ZB\xdd\x03\t\x00\xc0a\xb4N\xf2\xd2K/\x85WH\x8ca\x96%\xe7Ny\xc0\xd8\xb6\xd3Ww\x86\xa4\x945%\xc1\xae\xd9]\xfb\xfd\xfe\xbapK(cl\xdc\xb8q555\xa8\x03\\\x02\t A\x98\xd8r\xfa\xc7M\x1c4\xfd?r\xe4\xc8\xd8\xb1ci\xf4\xa7\xd6\xcf\xbbo\xef\xf5\xab\x8e\x1dB\x15\x95\xf1\xfbP-.\xa4&gt;V5a\xd4=\x81\xf44\xfa\xd8X\x96UTT4k\xd6,\xec\x04\xb8D\xbc~\xb6\xe08\xd1?\xf8\xfd\x07\x9c\xfeq\x13\x07M\xff\x9fx\xe2\x89\x03\x07\x0e\xd0\x0b\xab\xb5\xce\xccH\x9f&lt;v\x88\xae\xac\x142\x8e#T\x08\x1e\xaa\xa8l\xdb\xf1\xe2a\x83\xfai\xadi]K\x081{\xf6\xec\x03\x07\x0e \x07\xb8\x01\n\xb1\x04QUUu\xec\xd8\xb1hW\xd6\xf4\xf5\x85\x10\xe9\xe9\xe9H\x03\rG=\xf2\x85\x85\x85\x97\\r\x89m\xdb\xf4\xda*\xa5\xe6M}\xe0\xfe\xe1\x83j\x0e\xbb\xf1\xdc\xb7\xd3b\x8caR\x94WV]\xfa\xbb[\xf7\xfe\xf3\xdf\x9c3\xce\x85Rj\xc0\x80\x01\x8b\x17/\xc6\xf3\xc2\x1c\x87\x04\x10\xf7l\xdb\xb6,k\xc6\x8c\x193f\xcc\x88\xcd\xf6Z \x10\xd8\xb9sgFF\x06-_D\xfb\xdb%0\x1a\x01\xb3\xb3\xb3\xe9\xb4\x1cZ\'i\xdb\xea\xfcO\xde\xfe\x9b\xd0\x9a\x19\x96\x00\xaf\xaem\xdbIg5]\xfc\xec\x8bw\x0e\x9fhIi\xd7\xed\x07\xbc\xf5\xd6[]\xbatA\x0epV\xdc4\x17\xc3O\xab\xac\xac,))\x89\xcd\xf7\xa2\xb9jl\xbeW\x02\xfb\xf1YiR\n\xad\xcd\xdc\xc9c\xfc\xa9)5\xc1\xb2\xc4\x18\x19-\xcb\n\x1d.\xb9\xe3\x8e^\x7f^\xfe\xb7\xb7\xdf\xdb)\xa5`\x8ci\xadsss7m\xda\xe4\xf4\xd5y]\x1c\xaf0B}RJ\xce\xb9\xcf\xe7\xa35z\x11i\xe1/K\xdf\xc5\xe9\x1f7\xeeQ\xf1T\xff\xb4d)\xa5R\xba\xf7\x8d\xd7\xe4\xfc\xcf5\xa1D\x19\xfd\x891L\n1g\xd2h\xbf\xdfg\xcc\xf7\xe7]/[\xb6\x0c-\xa1\xceB\x02H\x10\xc7u\xe9\xe8HC\x17Pd\xd1\xdeo\xf8y)\xc6hc\x8c\xdf\xef\x9b:v\x88\xb1\xedDX\xfa\xa9GJQSV\xfe\x9b.W\xf4\xbd9\x87\xda\x9c(\xffM\x9a4)\x18\x0cF{\xe3\n~\x02\x96\x80\x12SrRRJJRD\xe2\x8a3\xa6\x8d)+?\x8a(\x8d\x14\xda\xec\xa5\xe3q8\xe7th\x9aRj\xd4\xe0\x81\xed;^\\s\xe8\x88k\x0f\xfd?c\\JU^\xf1X\xee\xb05\x1b\xb6\x94\x96\x96\x19\xc6\xa4\x94{\xf6\xec\xc9\xcb\xcb\x9b8q"\xedc9}\x8d^\x84\x17=\xd1X\x96e\xdb\xf6\xd0\xbb\xfa\x8d}xh\xcd\xa1#\r\x8c+c\x8c\xf4Y%G\x82Y=\xfa\x06\xcb*0Y\x8b\x08\x9a\x05\xd3\x01\x99\xd4\xf5o\x8ci\xd1\xbc\xe9\xc8\xfb\x06\xe8\x8a\xa3"\x81\x16\x7f\xc2\x04\xe7\xaa\xaa\xea\x9c6\x17\x8c\xb8\xeb\xb6\xdc\xc7\x17XRRK\xe8\x9c9sn\xbf\xfd\xf6V\xadZQI\xe4\xf4ez\x0e\x12@bJMI\xc9l\xd6D\x19\xdd\xd0\xb9\xa41\xcc\xe7\x13\x8c\xa1\xdb\'Rh\xa4\x0b\x1f\x91O\x0b\xe2J\xa9G\xc7\x0ei\xf6\x8bs\xab\x0f\x1dN\xd4\xb9\xb0\x90\x96]\x12\x1c3|\xd0\x92\x15k\xbe\xfcj\x1f\xed\'\x05\x83\xc1\xc9\x93\'/Y\xb2\x84\xf2\x81\xd3\xd7\xe89x\xc5\x13\x93R\xda\x84B\xa1\x90m7\xec\x7f\xa1\x90M_\xc7\xe9\x1f(q\x98\x1f&gt;$\x8b\xee\x87\xca\xba\xe4W\xfd\xfb\xddl\x97\x96&amp;\xde\xe2O\x18\xe7L\xdb*)\xad\xd1\xd4\x07\xefet\xdc\xa9RR\xca\x17_|q\xeb\xd6\xad\x96ea78\xf6\x90\x00\x12\x13\xe7\x11\xbe7\xd8\xe9\x1f(A\xd0\x90\xb7b\xc5\x8ap\xeb\'\xad\xaa\xcd\xca\x1d\x91\xdc\xa8\x91V:\xb1_hi\xc9Pi\xf0\xd6\xfe=\xbb\xfc\xb6\x13\xb5\xbd\x1ac\x94R\xc3\x87\x0f\xaf\xae\xae\xc6\x02c\xec!\x01\x00\xc4\x08\xcd\xfdkjj\xc6\x8d\x1bW\xaf\xf5S\xf5\xba\xe1w\xdd\xae\xbd*T\x1aL\xa4\xd6\xcf\x931\x8c\x1b[\xcd\x9a8\xd2\xb2\xa41\xb5\xdb!\x05\x05\x05/\xbd\xf4\x12\x0e\x87\x88=$\x00\x80\x18\xa1\xd5\xffY\xb3f\x15\x15\x15\xd5\x9e\x8eiL =m\xfa\x84\x11L\xa9\x04k\xfd&lt;\x19)D\xa8\xfc\xe8\xa5].\xbf\xfb\xf6^\xe1\x93\xef\x84\x10c\xc7\x8e=r\xe4\x08\x8a\x80\x18C\x02\x00\x88\x05:\xf6\xe7\xc0\x81\x03\xb3g\xcf\xae\xdb\xfb\x15J\xeba\x83\xfa\xb5\xf9\xcf\x8bj\xca\x8fzg\x0bTH\xa1\xca+&amp;\x8f\x1d\x92\x99\x91NS~ze\x9ex\xe2\t\x14\x011\xe6\x95\xcf\x1c\x80\xb3\xa8\xf7\xff\xa1\x87\x1e\xa2y.\xe7L)\xdd\xfa\x82_\x0c\xbfo\xa0]\x12\xf7\x87\xbe\x9d\x16\xce\xb9\xaa\xaaiz^\xcbI\xa3\xef\xa1\x97\x85\x8a\x80\x993g\x16\x15\x15!\x07\xc4\x12\x12\x00@\xd4\x85W\xba\x97-[F\xd3\x7f\xce\x851f\xfc\xf0A\x99g7W5!\xafm\xb3\x0b)\xed`\xf9\xe0\xff\xeb\xd7\xae\xf5/\xa96:nw\xc4\xe9\x0b\xf4\n$\x00\x80\xa8\x0b\xf7\xba\xd0\xc3\xb0\xe8d\xfc\xab\xae\xc8\xba\xe3\xf6^\xa1\xc3%\x89\xda\xf8\xff\x138gZ)\x7fj\xca\xdc)c\x8c1\x9c\x9f\xa0?\xca\xe9k\xf4\x04$\x00\x80\xe8\xa2\xa1m\xd9\xb2e\xf5\xba\xdd\xb9\x10b\xf2\x98?I\x9f\xe5\xd9\xd9\xae\x942TV\x9es\xfd\xef\xae\xedz\x85R\x9aZB\xeb\xdf!\xe1\xd9W&amp;\x96\x90\x00\x00\xa2\x88\xd6\xb8\xcb\xca\xca&amp;M\x9aD\xc7\xfe\xd0\xf4\xf6\xf6^\xd7w\xcb\xe9V\xe3\x8d\xd6\xcf\x9f`\x94\x9a;\xf5A\x9feim\x8c\xf9\xc1=\xd2\xd8\t\x88\x01$\x00\x80(\xa2\x05\xee\xc7\x1f\x7f|\xcf\x9e=B\x08:\xa8\xf5\xdc\xb3\x9b?\x9a;\\\x1f\xad\xe4\xde\x1e\xfd\x85\x10\xa1\x8a\xca_u\xbcx\xec\xd0?\x1ac\x84\x90\xf4rM\x980\xe1\x9bo\xbe\xa1\x97\xcb\xe9kLpH\x00\x00QD\x87\xfe\xafY\xb3\x86\xba&lt;iP\xbb\xacc\x87s\xdb\xb5\xb2+\xab\x84\xc7\xf6~O\x80s\x13\xb2{\xdfx\x8de\xd5&gt;\x10M\x08q\xe4\xc8\x91\xf7\xdf\x7f\x9f\n&amp;\xa7\xaf/\xc1!\x01\x00D\x911\xc6\xb2\xac\x11#F\xd0XFG\x9e\xbd\xf1\xd6;\x1fl\xde\xe6\x0f\xa4)\xe5\xf5\x01\x8e3\xc3\x85\x98\x9a\xf7\x9cm\xab\xf0\xc9H\x17^xavv6%\x03\xa7/0\xc1\xe1\xf5\x05\x88"\xba\xd3\xf5\x8e;\xee\x08?\xff\x96sv\xecX\xf5\xc8\x89\xb3\x95\xd6\x1e/\x00\x94R\xbe@\xfa\x1bk7\xac\xf8\xfb\x9bu\xdd\xb1\xdc\x183w\xee\xdc\xd4\xd4TZ\x0er\xfa\x1a\x13\x1c\x12\x00@t\xd1Lv\xca\x94)4\x9fUJ[R\xbe\xfd\xde\xce\xa5KW\xf9\x9af\xda\xb6GOZ5\x86\t)k*\x8f\r\xcb\x9dI\x03=m\x8f\xf7\xe8\xd1\xa3G\x8f\x1exX|l \x01\x00D\x17\x8dk]\xbat\xb9\xe3\x8e;h\\\xd3Fs\xce\xa7\xe6-,\xd9_,\xfd&gt;onuj\xa5\xac@\xda3\x7f^^\xb8\xe7\x9f\xb45b\x8c\xf1\xfb\xfd\xf3\xe6\xcd\xa3~P\xa7/\xd0\x13\x90\x00\x00\xa2\x8eV6\xa6O\x9f\xde\xa4I\x13z\xa6\xb2\x94b\xcf\xd7\xff\xca{j\xb1\x95\x99\xa1l\xcf\xdd\xf4d\x8c\xb1\x92\xfd\x87\xff}`\xe2\xac\xa7\xeb\x1e\x8a)\xb4\xd6c\xc6\x8ci\xdf\xbe=\x9e\x0e\x163x\x95\x01\xa2\x8eF\xb7\x96-[\x8e\x1a5\xaa\xeeV\x00-\x84\x98\xbbpy\xd1\xceO}\x8dS\xb5\xf6V\x11\xa0\x95\x16\xa9\xa9\x13\xa6\xcf/)-\xa3\xb1\xde\x18\xd3\xb2e\xcb\x91#Gb\xf4\x8f%\xbc\xd0\x00\xb1@9`\xf4\xe8\xd1m\xdb\xb6\xa5;]9\xe7\xc1\xb2\xf2\xc9\xb3\x9f\x16)\xc9F{\xa8\x08\xd0Z\xfb\x1a\xa7~\xbes\xd7\xb3\x7fYE{\xbf\xf4\xe2\x84+$\xac\xff\xc4\x0c\x12\x00@,\xd0*\x90\xdf\xef\x9f6m\x1a\xab\xf7@\xc4\xe5\x7f}=\x7f]\xbe?3\xe0\xa9\xd3o\xb8e\r\xcb}\xdc\xb6\x15\xe7\xb5\xa9\xb1S\xa7N}\xfb\xf6\xc5\xf4?\xc6\xf0Z\x03\xc4\x08\xed\x06\xf7\xe9\xd3\xa7k\xd7\xae4\xfa\x1bc\x94\xd2#&amp;\xce\xaa:zLH\xe1\x85e e+_F\xfa\xcb\xcb\xff\xf6f\xfevZ\n\xa3\xd48{\xf6\xec\xa4\xa4$L\xffc\x0c\t\x00 v\xc2\x83\x9deYt,\x84\x94r\xe7\'_,[\xfe7+#C%zK\xa81LX\xb2\xba\xfc\xe8\xf8\x19\x0b\xea?\x14\xb3w\xef\xde\xe1\xa4\xe8\xf45z\x0b\x12@b\xd2Z\xdb\xb6m\xdb\xcan(\xfa\n\x1eZ\x9d\x88\xaa\xf0r\xc7\xe0\xc1\x83\xeb?\x10\xf1\xe1\xe9\xf3\x0f\xfd\xeb\x1b_rRb\xb7\x84je[\x99\x81\x99y\x0b\xbf\xfcj\x9f\xac;\xea\'\x10\x08\xcc\x981\x03s\x7fGx\xee r\x8fh\xd4(\xd5J;\xcbb\x8c5\xf0\xacyc\x98\xdf\xd7\x9c\x0b\x04g\xa4P\x0e\x982e\xca\xb2e\xcbJKK\x19c\x9c\xf3\xef\x8a\x0f?\xf1\xd4\x92G\xa7?d\x1f:"\x13\xf4\xf1\x00\xda\x18\x99\x9c\xfc\xed\x97_\xcfy\xeeE\xc1\xb9\xd2ZJi\xdb\xf6\x88\x11#Z\xb5je\xdb\xb6\x07\x9f\x8b\xe08\xbc\xe2\x89\x86\xce\x9cyc\xd3;\xd5f\x92]y\xac\xa1[j\xc6\x08)*+\xab\x8eUUG\xe6\xfa&lt;\x8f\xda\xde333\xa7L\x992d\xc8\x10)\xa5\xd6J\x081\xfb\x99\xa5\x03n\xbd\xa9\xfdEmCG+\x13r#\xd4(%\x9bd&gt;4d\xfc\x91\x92\xa0\x94\x92\x19\xa3\x94j\xdd\xba\xf5\xf0\xe1\xc3\xa9\x18r\xfa\x02\xbd\x08\t \xd1P\x02\xc8\xdf\xf6a\xfe\xb6\x0f#\xfe\xc5\x13{\x81"f\xa8\x08\x18&lt;x\xf0\x93O&gt;YXX\xc8\xb9\xe0\x9c\xd7\xd4\x84\xc6O\x9f\xff\xca_\x9ed\x89\xf8"+\xad}i\x8d?\xd8\xb2\xfd\xa5\xd5oP\xeb\'-\x7fM\x9c81\x10\x08P\'\xa8\xd3\xd7\xe8Ex\xd1\x13\x93\x10\xc2\xb2,\xcb\x92VC\xd1W\xc0\xec,\x92h\xff\xd3\xb2\xac\xf0\xb1\x074 \xae\\\xb3a\xf3\x86\xad\xbe\x8c\xf4\xc4k\t\xe5\xc6p)GOz\xa2\xa6&amp;\xc4\xf9\xf7\xc7c\xf4\xef\xdf\x1f{\xbf\x0eB\x02H\x10u#~\xad\xba\xf9T\xc3\x17\xee\xe9+\xf0\xe3\xd2B\x83\xbf\xac\xd7\xfd\xf8\xe03\xca\x04\xa3\'\xcf\xa99V%\xa4L\xa42@\xd9\xb6\xafI\xe6+/\xad\xde\xf2\xee\x0ej\xfdd\x8cI)\xa7L\x99\x82\xa1\xdfYH\x00\t\xa2\xa2\xa2\xc2\xb6\xed\xaa\xaa\xaa\x06\xb7\xfd\xfc\x94P(d\xdb\xf6\xc1\x83\x07\xb1\x16\xd4pT\x07\xcc\x9b7/\xdc\x12*\x84(\xf8\xf8\xf3g\x9e]f\x05\xd2t\xa2\x14\x01\xc6\x18\xe1\xf7\x95|wp\xec\xa3\xf38\xe7\xc6\xd4&gt;\x14\xf3\xb6\xdbn\x0b\x1f\x91\xed\xf45z\x17\xa6rq\x8f&amp;\xfb\xd7_\x7f}jjjl\x9e\xa4\x9a\x9c\x9c\x9c\x9a\x9a\xca\x18CkPC\xd0Rx\xfb\xf6\xed\x07\x0f\x1e\xfc\xd4SO\x85[B\'\xce~\xba\x7f\x9f\x1b33\xd3u\xc8N\x80WX\xd9*\xa9Y\x93\xbc\x99\xd3\xbf\xfa\xe77\x96E\xd3\x7f\x93\x9e\x9e&gt;a\xc2\x04\xb4~:\x8ec*\x07\xe0\x14:\x039\x18\x0c^t\xd1E\xc5\xc5\xc5\xf4\xe4\x00\xa5\xd4\xbd\x03oy\xea\xc9\xa95GJe\x9c\xef\xbehmdJ\xd2\x9e\xa2\xaf/\xcd\xee_^q\x94\xee\xfc\xb2m{\xda\xb4i\x0f?\xfc0\xa6\xff\x8eC\x02H\x10Z\xebX&gt;@\x15\xdb\x00\x91B\x83\xe0\x92%K\x06\x0e\x1cHk#B\x08!\xf8\xc7\x9bV\\xq\xbb\x084\xf2:J\xd9\xb6\xbfY\xd3;\x06\x0c\xfb\xcb\xca\xb5\xb4\xcf\xa1\xb5n\xdb\xb6\xed\xae]\xbb\xa4\x94B\xe0\xfe\x12\x87!\x01\x008\x89\x8a\x80P(\xd4\xb9s\xe7\x82\x82\x02\xce9\xe7L)}m\xd7+\xd6\xaf^\x14*\xaf\x88\xdf\x04\xa0\x94\xf2\x07\xd27o\xd8z\xcd-\x83\x19\xab\xedtRJ\xbd\xf2\xca+}\xfa\xf4\xc1\xf4\xdf\r\xe2\xf5\xb3\x05\x90\x18h+8))i\xf6\xec\xd9u-\xa1ZJ\xf1f\xfe\xf67\xfe\xb1\xd1\x17H\x8b\xdf\x96P\xce\xb9\xb2\xed\t3\xff\x1f\xad\xfb\xd3\xe8\xdf\xb5kW\x8c\xfe\xee\x81\x04\x00\xe0\xb0\x1f\x8f\x8c\xc60\xce\xf9\xb0\xdc\x99\xd5\x15\x95q\xda\x12j\xdb\xb6\xafI\xc6\x0b/\xac\xdc\xba\xbd\x80Z?\x8f\xcbsN_ 0\x86\x04\x00\xe0\x064 N\x9b6\xcd\xef\xf73\xc6\x8c1R\x88\xc2=\xff\x9c\x99\xb7\xd0\xca\x0ch\x15g\xa7\x84\x1ac|\xc9I\x87\xfe\xb5\xff\xa1\xc7\x9e\xa4\xa3/\xa8\xc7\xa9_\xbf~\x9d:u\xc2\xa1\xff\xee\x81\xb7\x01\xc0y\xd4\xfc\xd3\xb6m\xdb\xd1\xa3G\xd3&gt;\xb0\xd2Z\x081\xe7\xb9\x17\xbf\xfd\xf2k\x99\x9c\xac\xe3\xaa\n\xd0J\x89\xc6\x8d\x9exj\xf1w\xc5\x87\xc3O|\xcc\xcc\xcc|\xec\xb1\xc7\xb4\xd6\x98\xfe\xbb\x07\x12\x00\x80+\xd0=\x1c\x0f&gt;\xf8`\xeb\xd6\xadi\x94\xe4\x9c\x1f)\t&gt;4e\xaeLkl\xe2g\'@k\xedOk\xbc{\xe7\xa7\xb3\x9fY*\x84\xa0\xa3\xee\xe8\x00\xd4\x96-[R\xab\xab\xd3\xd7\x08\xb5\xf0N\x00\xb8\x02-\x95\xa4\xa7\xa7O\x9c81|@\x90\x10\xe2\xa5\xd5o|\xb0e\xbb/\xad\xb1\x8aa\x9bo\x83\x18c\x84\x18?}~MM\x88s\xce\xb9\xd0Z\xd3\xfdnX\xfcq\x1b\xbc\x19\x00naY\x96R\xaa\x7f\xff\xfe\xe13\x128g55\xa1\xd1\x93\x9e\xe0\x96\xe4,\x0eV\x81\x94R\xbe\x8c\xc0\xe6\r[W\xae\xd9@\x9b\xdb\xc7\x9dx\x81\xf5\x1fWA\x02\x00p\x97\xfa\xa7\xa4)\xa5\xa5\x94[\xde\xdd\xf1\xf2\xb2\xbf\xf92\x02\xca\xdd\x8ff3\x8c\t)\xaa\x8e\x1e\x1d=yN\xfd\'&gt;\xd6?\xf3\xce\xe9k\x84\x1f@\x02\x00p\x91\xf09\xc9\xb7\xddv[\xf8\x94P\xc6\xd8\xf8\xc7\x17T\x97\x1f\x15\x96ts\x15\xa0l\xdb\xca\x08,[\xbe\xba\xe0\xe3\xcfi\xdd\xff\xb8S\xaf\x9d\xbe@8\x1e\x12\x00\x80\xbb\xd0\xdcy\xc2\x84\t\x81@\x80\xee\x13\xb6,\xf9\xe5\xde}3\xe7.\xb4\x9a\xb8\xf7\xc1\xf1\xd4\xfay\xf8\xdf\x07\x1e\x9e&gt;\x9fF\x7fj\xfd\x1c&lt;xp\xfb\xf6\xed\xb1\xfa\xefNxK\x00\xdc\x85ZB[\xb7n=b\xc4\x08\x1aF\x95\xd2B\x88\x99\x0b^(\xfa\xe83_\xa3T\xad\xddX\x06h\xa5E\xa3\xd4\t\x8f=\xf9]\xf1a\x9a\xecS\xeb\xe7\x94)S\xd0\xf9\xe3ZxW\x00\\\x87\x16\x82\x86\x0f\x1f\xde\xaaU+\xdaG\xe5\x9c\x97\x95WL\x9e\xf5\xb4HI1\xdau;\x01Zk_\xe3\xd4\xcf\x0bv=\xfb\x97U\x94\xc0\xc2\xad\x9f\x99\x99\x99\xe8\xfdw-$\x00\x00\xd7\xa1\xe12\x10\x08\xcc\x981\xa3\xfe3#\x97\xff\xf5\xf5\xcdo\xbc\xe5\xcf\x08\xb8\xf0\x80 .\xe5\xb0\xdc\xc7m[q^{OC\xa7N\x9d\xd0\xfa\xe9rxc\x00\xdc\x88\x8a\x80\xde\xbd{w\xed\xda\xb5\xae\x7f\xc6(\xa5\'\xcc\xfc\x7f\xcae\x0f\x8aQJ\xf9\xd2\xd3\xde\xf8\xc7\xc67\xf3\xb7K)\x94\xd2\xb4\x8d1{\xf6l\xb4~\xba\x1c\x12\x00\x80K\x85\x87\xd1\xa4\xa4$c\x0c\xb5\x84n\xdd^\xb0\xf4/\xab|M3mw\xec\x06\x1b\xc6\x84\x945\x95\xc7\x86\xe5\xce\xe4\x9c\x1bS\x9b\xba\xfa\xf4\xe9S/u\x81K\xe1y\x00\x00\xeeE\x03\xe8\x9dw\xde\xb9x\xf1b)\xa51\xda\x18\xd6\xea\x97\xe7}\xb8\xe9\x95F\xc9~\x1dR\x8eO\xae\x95m\xa74o\xf6d\xdesC\xc7?Nm?\x9cs\xcb\xb2v\xed\xda\xd5\xb6m[\xac\xff\xb8\x1c\x12\x00\x80{\xd1S\xde\x8a\x8b\x8b/\xbe\xf8\xe2\xd2\xd2\xd2\xf03#\xc7\xde\x7f\xe7c\xf3\xa6\xb0\x92 sv~m\x0cK\xf2\x7f\xb7w\xdf\xaf\xfe\xfb\xe6`yE\xf8\xf2\xc6\x8d\x1b7u\xeaTL\xff\xdd\x0f\t\x00\xc0\xd5h\x18}\xf4\xd1G\xc7\x8d\x1bgY\x96R6\xe7\xc2\xb2\xe4\xa2\xbcI-\xcfn\xaejl\x07k\x00\xad\xb5/=m\xde\xbc\xe7\xff\xf6\xc6[4\xfdg\x8c\xb5h\xd1\xe2\xd3O?\xcd\xc8\xc8\xa0\xe6%\xc7.\x0eN\x01\x12\x00\x80\xab\xd1\xbd`\xb6m_r\xc9%\x85\x85\x85tf\x9c\xd3\x17u\xbc\xfa\x07?,^\xbcx\xc0\x80\x01\x98\xfe\xc7\x05$\x00\x00\xb7\xa3\xc1t\xfd\xfa\xf5\xd9\xd9\xd9u\'\xac1\xc1\x85{B\xb7\xee\x865\xd5\xa5K\x97\xb7\xdez\x8b\x92\x81\xd3\x17\x05?\x0f\t\x00 \x0eP\x0e\xc8\xce\xce^\xbf~\xbd\xdf\xefw\xe1}\x00\xd4\xfb\xbfi\xd3\xa6\xf0Q\xa6N_\x11\xfc&lt;$\x00\x808@\xdd5\x85\x85\x85\x17^x\xa1\xd3\xd7rR\x7f\xf8\xc3\x1f\x96,Y\x82\xd1?\x8e \x01\x00\xc4\x07j\xa9|\xe4\x91G\xb6l\xd9B\xeb-N_Q-\xda\xec\x95R.X\xb0\xa0U\xabV8\xf9\'\x8e \x01\x00\xc4\r\xdcU\x0b\x91\x85\x04\x00\x10O\\\xd8\x02Dh\xe2\x8f\xfc\x14_\x90\x00\x00\x00&lt;\nKu\x00\x00\x1e\x85\x04\x00\x00\xe0QH\x00\x00\x00\x1e\x85\x04\x00\x00\xe0QH\x00\x00\x00\x1e\x85\x04\x00\x00\xe0QH\x00\x00\x00\x1e\x85\x04\x00\x00\xe0QH\x00\x00\x00\x1e\x85\x04\x00\x00\xe0QH\x00\x00\x00\x1e\x85\x04\x00\x00\xe0QH\x00\x00\x00\x1e\x85\x04\x00\x00\xe0QH\x00\x00\x00\x1e\x85\x04\x00\x00\xe0QH\x00\x00\x00\x1e\x85\x04\x00\x00\xe0QH\x00\x00\x00\x1e\x85\x04\x00\x00\xe0QH\x00\x00\x00\x1e\xe5\xe9\x04\xa0\xb56\xc6(\xa5\x9c\xbe\x10\x00\x885\x84?c\x8c\x1bc\x9c\xbe\x06g(\xa5\xa4\x94\xe1\xff/\x84\xe0\x9c;{I\x00\x10\x1b\x08\x7f\xe2\xc5\n@k\xad\xb5\x96R~\xf0\xc1\x07\xd7_\x7f\xfd\xf2\xe5\xcb\xa5\x94\x9cs\xad\xb5\xd3\x97\x06\x00\xd1\x85\xf0\xaf\xcfs\t\x80\xb2\xbd\x10"//\xafs\xe7\xce\xaf\xbf\xfez\xff\xfe\xfd\x87\x0e\x1dZ^^.\x84\xb0m\xdb\xe9\x0b\x04\x80hA\xf8\x1f\xc7CK@\xb4\xdegY\xd6\xfe\xfd\xfb\x87\x0f\x1f\xfe\xca+\xaf0\xc6\xa4\x94\xc6\x18\xaduVV\xd6s\xcf=\x97\x95\x95\xe5\xe5z\x10 Q!\xfcO\xc8+\x15\x80\xd6\x9asnY\xd6\xbau\xeb:u\xea\xf4\xca+\xafX\x96\xc59WJi\xad-\xcb*((\xe8\xd6\xad\xdb\x93O&gt;I\xf5\xa0\xc7\xb7\x86\x00\x12\t\xc2\xffd&lt;\x91\x00l\xdb\xa6\xfa\xee\x91G\x1e\xc9\xc9\xc9\xd9\xbf\x7f\xbfeY\xb6m\x0b\xce9\xe7\xf4GB\x88\xf2\xf2\xf2\xa1C\x87\xdez\xeb\xad\x87\x0f\x1f\x96Rz\xb0\x1e\x04H&lt;\x08\xff\x9f\x90\xe0K@T\xdfI)\x8b\x8a\x8a\xee\xbc\xf3\xcew\xdeyG\x08\xc1\x18\xa3\xdf\x0c\xe7y!8\xbd\x0c\xf4\xc6\xb7k\xd7n\xde\xbcy\xd9\xd9\xd9\xb4/D\xff\x04\x00\xe2\x0b\xc2\xffg%\xf2\xcf\xa6\x94\xe2\x9cK)_z\xe9\xa5\xdf\xfe\xf6\xb7\xef\xbc\xf3\x8eeY\xe17U)uM\x97\xcb\xdf}k\xe5]w\xf4\xd2\xda\x18c\x04\xe7\xb6m[\x96UXX\x98\x93\x933i\xd2$\xda/\xf2\xc8\\\x00 \x91 \xfcO\x89IP\xa1P\xc8\x18SVV6h\xd0 \xfaI\xa9\xed\xd7\xaak\xfe\x9d8\xfa\x1esx\x97\t~aJ?_\xf6\xec\xe3M2\xd2\x19c\x96e1\xc6\xe8\x8dg\x8cegg\x7f\xfb\xed\xb7\xf4\xd5\xe8\xb6\x11\x00p?\x84\xff)J\xc0\x04\xa0\x94RJ\x19c\xb6o\xdf\x9e\x95\x95E\xef=\xe7\x9cv\x81\x18cm\xfe\xe3\x17\xaf\xbf\xf2\xb4\xa9\xfc2\xf4\xef\x0f\xab\xf7\xbd_\xb3\xef}s\xb4h\xf7\xfbk\xff\xfb\xd2\xff\xac}\xfb9\x0f\x7f\x1a\xce&gt;\xfb\xec\x97_~\xd9\x18\xa3\xb5\xa6/\x0b\x00\xae\x85\xf0?-\x89\x96\x00l\xdb\xa6\xff3g\xce\x1cz\x0b)\xf3\x87\x17\xf2\xfa\xdc\xd4\xe3`\xd1\xdb\xa6\xbc\xb0\xea\x9f\xef\xd9\xdf\xec\xa0\xffU\xfd\xf3=sxW\xcd\xfe\x9d\x13F\xdfS\x7f\xbe\x10\xbeWp\xf8\xf0\xe14\xa7\x08\x7f}\x00p\x1b\x84\xff\xe9J\x9cM`\xf3\xa3&gt;_J\xfbZk\xcb\x92\xb6\xad\xd2\x1a\xa5N\x1d?l\xe8=w\xb0\x9aPuU\x15}&gt;\xc2\xb4\xd2B\n\x99\x19x\xe3\xb57\xffx\x7f\xee\xfe\xe2C\x96\x94\xb6R\xe1]\xa3\xcb/\xbf|\xc1\x82\x05\x1e\xec\x14\x06p?\x84\xff\x99I\x90\x04\xa0\xb5\xa6\xb7j\xdd\xbauw\xdeyg\xb8\xd3\x8bs.\x04WJw\xfc\xf5\x85\xcf\xcd\x9b\xd2\xe9\x8a\xac\x9a\x83G\x04\xe7\\\x9c\xe0\xfd\xa3\xcfPR\x93\x8co\xbf\xfe\xf7\x9d\xf7\x8f_\xbf\xf9]\xc6\x98\x10\x82:\x85m\xdbNKK{\xe2\x89\'hU\xb1\xfeY"\x00\xe0 \x84\xff\x19K\x84.\xa0\x93\xf5\xf9\xd2m~J\xe9!\x83\xfam~mI\xa7\x8e\x17W\x7fwHJq\xc2\xb7\x9f1F\xab\x84\xd5G\x82\xe7\xb48k\xdd_\xff&lt;{\xf2\x18KJ\xea\x18\xa3\xafV^^~\xd7]w\xf5\xeb\xd7\xcfS\x9d\xc2\x00n\x86\xf0o\x88\xf8\xae\x00\xcc\xc9\xfb|\xe9C\xd0$#}\xc1\xac\xdc[\xfb\xff\xde\x04\xcbB!\xfb\x14\x936\xf5\x8a\xf9\x9af\xbe\xfd\xd6\xb6?\xde?\xbeh\xef&gt;)\x85\xd6\x86\xd55\x90\xb5k\xd7\xee\xf9\xe7\x9f\xef\xdc\xb9\xb3\x17:\x85\x01\xdc\t\xe1\xdfpq|\xe9?\xdd\xe7k\xdbv\x8fn\xbf}w\xdd\xb2[\xfb\xf5\xac&gt;xX)}\xea%\x1b\xf5\x81U\x1f&lt;|e\xe7K\xdf\x7fk\xc5\xff\xdd\xf6\xbfJic\x8c\xe0\x9c\xd6\x19\x0b\x0b\x0b\xbbu\xeb\x16\xee\x14\xf6\xce\x8d\xe3\x00.\x81\xf0\x8f\x88x\xad\x00\xe8\x96\x8d\xf2\xf2\xf2\x91#G.\\\xb8\x901F\xb7\xf6\xd1\xd6\rcl\xc2\xe8{&amp;=4\x841V]q\xf4\xb8\r\x9fS\xa7\x94\xf2\xf9|\xbcq\xa3\xe7\x16.\x1b\x9d;\xb3\xac\xe2hxk\x88&gt;j\xd9\xd9\xd9\x8b\x16-:\xfb\xec\xb3\xa9HL\x98\xad!\x007C\xf8GJ\xfc%\x80p\x92\x7f\xef\xbd\xf7\xee\xbd\xf7\xde\x82\x82\x02)%\xfd&amp;-\xcc\xb5\xf9\x8f_&lt;9c\\\xce\x8d\xd7\xd8GJ\x8d1\r,\xd0\xa8\xcc\xf47\xc9\xd8\xfdi\xe1\x1f\x87\x8c\xdb\xf6\xc1GB\x08c\x8c1\xcc\xb2\xa4m\xdbg\x9f}\xf6\xa2E\x8b\xb2\xb3\xb3Y\xbd\xcd(\x00\x88\x06\x84\x7fd\xc5\xd9\xe5\xd6?\xce\xfb\xca+\xaf\xa4\xb7\x9f\x8aAc\x8cm\xdb}n\xea\xf1\xee\xfa\xe59\xd7]]}\xf00\x9d\xf4\xd4\xc0\xefHef\xf5\xe1\x92\xf6m.\xd8\xfc\xda\x92aw\xdfN\xf7\x04J)(\xed\xef\xdf\xbf?\'\'g\xc4\x88\x11\xb4\x19\x15\xd7\xf5 \x80\x9b!\xfc#.n*\x80\x06\xf6\xf96\\m\xa7p \xfd\x8d\xb5\x1bj;\x85-i\xdb\xdfw\nw\xee\xdc\xf9\xf9\xe7\x9fo\xd7\xae]\x82u\n\x038\x0e\xe1\x1f%\xf1\x91\x00"\xd2\xe7\xdbp\xd4U\x96\xd4$p\xb2N\xe1@ 0k\xd6\xac\x04\xeb\x14\x06p\x16\xc2?z\xe2`\t(R}\xbe\r\xc79\xb7,Y}$xN\xcb\xb3\xd6\xadzn\xc2\x98{\xa8S\x98V\x03\xa5\x94\xc1`\xf0\xae\xbb\xee\xba\xeb\xae\xbb\x82\xc1`\xc2t\n\x038\x08\xe1\x1fU\xae\xae\x00\xa2\xd4\xe7\xdbpZk\xc6\xb8\xafY\xe6\xdb\x9b\xde\xf9\xe3\x90qE_\xfd\xebd\x9d\xc2\xb4@\x19w[C\x00\x8eC\xf8\xc7\x80{\xaf,z}\xbe\r\'\x84\x10\x82W\x7fw\xe8\xca+/\xdb\xb6n\xf9\xad=sj;\x85\x05\xa7\xd2\xaf\xb0\xb0\xb0{\xf7\xeeyyyR\xcax\xdc\x1a\x02p\x16\xc2?6\\Z\x01\xc4\xa6\xcf\xb7\xe1\x94R&gt;\xbf\x9f7N}n\xe1\xf2Q\xe3f\x94\x1f\xad\x0co\r\xd1\x87\xf5\x96[n\xc9\xcb\xcb\x8b\xebNa\x80\x18C\xf8\xc7\x8c\xeb\x12@\x8c\xfb|\x1b\xae\xb6S\xb8Y\x93\x1d\xef\x15\xdc;r\xf2\xfb;wQ=h\x8c\xa1B5\xde;\x85\x01b\x06\xe1\x1fc\xee\xba\x9a\xd8\xf7\xf96\\m\xa7\xf0\xc1\xc3\x9d\xfe\xf3\xe2\xb7\xdf\xf8\xcb\xb0\xc1\xb7S=H\x9fWj\\\xcb\xc9\xc9y\xe4\x91G\xc2\xdbYN_2\x80\x1b!\xfcc\xcf-\x15\x80\xe3}\xbe\r\xa7\x94\x96R\xc8\xcc\xc0\xcb\xcb\xfez\xef\xe8)GJ\xcbh\nP\xbfSx\xd1\xa2Em\xdb\xb6\x8d\xafNa\x80hC\xf8;\xc5\x15\t\xc0%}\xbe\rW{\xa4x\xb3&amp;\x85\xbbv\xdf\xff\xe0\xb4\xf5\x9b\xdf=\xaeo\xa1i\xd3\xa6\xf3\xe7\xcf\xef\xdb\xb7/\x8b\x9fNa\x80\xa8B\xf8;\xc8\xf9\x1a\xca=}\xbe\rW{\xa4\xf8\xa1#\xed\xda\\\xb0n\xd5s\x13F\xdf\xa3\xb5\xd6Z[uG\x8a\x1f&gt;|\xb8_\xbf~w\xdduWyyy\xbct\n\x03D\x0f\xc2\xdf\xe1kv\xb0\x02pm\x9fo\xc3i\xad9\xe7V\x93\x8c7\xd6l\xb8\xff\xc1i_~\xf5/\xcb\xb2\xa8\x1b\x8c\xda\xc2\xb2\xb2\xb2\x16,Xp\xf9\xe5\x97\xd3\xdftI=\x08\x103\x08\x7f7\x84\xbfc\x15\x80\x9b\xfb|\x1b\x8e\xd6\xf8\xaa\x0f\x1e\xce\xb9\xee\xeaw\xd7/\xefsS\x0fz\x9c4\xe7\xb5\x9d\xc2\x05\x05\x05W^ye^^\x1e\xfdM7w\n\x03D\x1c\xc2\xdf%\xe1\xefL\x05\x10/}\xbe\rg\xdbvRr2\xf3\xfb\xe6=\xbdt\xfc\xd4\xb9\xf5;\x85\x8d1\xc6\x98[n\xb9e\xc1\x82\x05M\x9b6\xa5\xd7\xc4\xe9\xeb\x05\x88:\x84\xbf{\xc2?\xd6\t \xee\xfa|\x1b\xceh\xa3\x8d\xf1\x9f\xd5d\xc7\xf6\x82\xbb\x86\xe6\xee\xfc\xe4\x8b\xe3:\x85\xdb\xb6m\xfb\xe4\x93Ofgg\'\xc0\x13\xe6\x00~\x02\xc2\xdfm\xe1\x1f\xd3o\x16\x8f}\xbe\r\xc7\x05\x97RT\x7fw\xa8S\xc7\x8b7\xbf\xb6d\xc8\xa0~u\x9d\xc2\x82\xd2~QQQNNN\xf8\tsn\xd8\x1a\x02\x888\x84\xbf\x0b\xc3?F\x15@\x02\xf4\xf96\x9cR\xca\xe7\xb3x \xfdd\x9d\xc2\xd9\xd9\xd9O&gt;\xf9d\xdb\xb6m]{\xe38\xc0\x19@\xf83\xb7\x86\x7f,\x12@\xc2\xf4\xf96\xdc\xf7\x9d\xc2\x9f\x16\xdey\xdf\xc3\xf4\x849f\x8c\xae\xab\x07\x9b6m\xba`\xc1\x82[n\xb9\x85\xb9\xf2\xc6q\x80\xd3\x85\xf0\x0fsa\xf8G\xfd\x1b$R\x9fo\xc3}\xdf)\xdc\xfa\x97\x9b\xff\xbe\xb8\xb6S\xd8\x98\xfa\x9d\xc2\xb7\xdez\xeb\xd0\xa1C\xcb\xcb\xcb\xb1\x1c\x04\xf1\x0e\xe1_\x9f\x0b\xc3?\x8a\x15@\x02\xf7\xf96\\\xed\x13\xe62\x03o\xbc\xf6f\xed\x13\xe6\xa4\xb4\xebN\x0f\xa7N\xe1\xe7\x9e{.++\xcbU7\x8e\x03\x9c"\x84\xffOpO\xf8G\xab\x02H\xec&gt;\xdf\x86\x13R\x18c\xa8S\xf8\xc3\xb7V\xf4\xf9\x9fk\xe9\xed\xa7\xa6`\xcb\xb2\n\n\n\xbau\xeb\xb6p\xe1BZ\r\xc4\x8d\x02\x10G\x10\xfe?\xcd=\xe1\x1f\x95\n\xc0;}\xbe\rg\xdb*)%\x99\xf9}O\xcc{\xfe\xc1I\xb3m\xa5\xe9\xb5\xa2\xff2\xc6\xfa\xf6\xed;\x7f\xfe|\xdc(\x00\xf1\x02\xe1\x7f\xea\x1c\x0f\xff\x08\'\x00\x0f\xf6\xf96\x1c\xbd&gt;\xbe\xcc\x8c\xed\xef~x\xef\x88I;w}\x11~\xd1\x8e{\xc2\x1cn\x14\x007C\xf8\x9f\x01g\xc3?\x92_\xcb\x9b}\xbe\rG/Z\xf5\xe1#W\\\xfa_\x9b\xff\xf1\xc2\xff\xdd\xf6\xbfJ)c\x8c\xa8\xab\x07\x0b\x0b\x0b\xbbu\xeb\x86\x1b\x05\xc0\xcd\x10\xfeg\xc6\xd9\xf0\x8fL\x05\x80&gt;\xdf\x88PJY&gt;\x9fh\xdc\xe8\xb9\x85\xcbF\xe7\xce,\xab8JUs\xf8\ts\xd9\xd9\xd9\x8b\x16-r\xf3\x13\xe6\xc0\x83\x10\xfe\x11\xe1H\xf8G \x01\xa0\xcf7\x82j\x9f0\xd7$c\xf7\xa7\x85\x7f\x1c2\x8e:\x85\x8d1\xc60\xcb\x92\xf4\x84\xb9\xbc\xbc\xbc[n\xb9\x85\xce\x12\xc14\n\x9c\x85\xf0\x8f\xa0\xd8\x87\x7fC\xff=\xfa|#\xab\xf6\ts\x87K\xda\xb7\xb9`\xf3kK\x86\xdd}\xbb\xd6\xdf\xdf8.\xa5\xdc\xbf\x7f\xff\xad\xb7\xde:b\xc4\x08\xaa\xb8\xd1\x1d\x04\x0eB\xf8GV\xec\xc3\xff\xcc+\x00\xf4\xf9FUm\xa7p \xfd\x8d\xb5\x1b\xeaw\n\x87_\xe4\xcb/\xbf|\xc1\x82\x05\xb8Q\x00\x1c\x81\xf0\x8f\xaa\x98\x85\xff\x19V\x00\xe8\xf3\x8d\xb6\xdaN\xe1\xc3%9\xd7_\xfd\xe1\xc6\x97{t\xfb\xad]\x97\xed)\xc6\xde{\xef=\xdc(p\xea\xa8d\xd6Z+\xa5\xec\x1fQJ\xd1T\xcb\xe9\xcb\x8c\x0f\x08\xffh\x8bY\xf8\x9fI\x05\x80&gt;\xdfX\xaa\xed\x14\xf6YO&lt;\xb9\xe8\xc1IO\xd8u=\xc2\xe1N\xe1A\x83\x06\xcd\x9a5+\x10\x08\xe0F\x81\x1f\xa3g\xf2\xd1hu\xea\x7f\x9f\xda-\xa2}mq\n\xe1\x1fK\xd1\x0e\xff\xd3K\x00\xe8\xf3uDm\xa7p\xd3\xcc\xb7\xdf\xda\xf6\xc7\xfb\xc7\x17\xed\xddGG\x8a3\xdc(p\x12\xb5\xcfb\xfda&lt;\x14\x17\x17\x7f\xf3\xcd7\x07\x0f\x1e&lt;t\xe8PYYYMM\x8d1\xc6\xef\xf7\x07\x02\x81\xe6\xcd\x9b\x9fw\xdey\xe7\x9f\x7f~jjj\xf8+0\xbc\x92?\x84\xf0wDT\xc3\xff4\x12@\xf81\xf6yyyc\xc6\x8c\xa1M\tU\xafK\xa9\xcfM=\x16\xcc\x9e\xd0\xace\xf3\xea#%\xc8\xfc\x11g\xdbvR \xbd4X6\xfa\xe1\x19\x7f~\xf1U\xc6\x98\x94B\xd5\xdd:hY\xd6\xcc\x993\x87\x0f\x1f\xce\xea\xbdS^C\x8b&lt;\xf5{\xcc?\xfb\xec\xb3\xad[\xb7\xbe\xfd\xf6\xdb\x9f|\xf2\xc9\xd7_\x7f\x1d\x0c\x06O\xf6o-\xcb:\xfb\xec\xb3\xff\xeb\xbf\xfe\xeb\xdak\xaf\xbd\xfe\xfa\xeb[\xb7n\xcd\xeaz\xdb\xb1\xbf\xc2\x10\xfeN\x8bR\xf8\x9fR\x02@\x9f\xafK(\xa5|&gt;\x1fo\xdc\xe8\xb9?/\x1f5nF\xfd\'\xcc\xe1F\x81\xfa\x9f\xfb\xcf?\xff|\xd5\xaaU\xabW\xaf\xde\xb9s\xe7q\xcb\xa3\xf4w\xea\xbf2\xe1\xed\x81\xf0\xef\xa4\xa6\xa6\xdet\xd3M\xa3G\x8f\xee\xd4\xa9\x13\xf3\xfc\xb9\xdc\x08\x7f\x97\x88F\xf8\x9fF\x05\x80&gt;_7\xa8\xed\x14n\xd6d\xc7{\x05\xf7\x8e\x9c\xfc\xfe\xce]R\x08m\xbe\x7f\xc2\xdc\xd9g\x9f\xbdh\xd1\xa2\xec\xecl\xa7\xaf4\xa6\xe8\x89\xdbZ\xeb\xbf\xff\xfd\xef\xcf&gt;\xfb\xec\x9bo\xbe\x19\xbea\x92\xc6#\xda\xe3\xfd\x89O;\xaf\x87\xfe\xadeY\xc3\x87\x0f\x9f:ujRR\x92\xc7s\x00C\xf8\xbbC\xc4\xc3\xff\xe7\x13\x801\xa6\xb2\xb2r\xd6\xacY\x8f&lt;\xf2\x08c,\xdc\xe7K\x13\xab!\x83\xfaM\x1b?&lt;=#\xad\xba\xb4\xdc\xf2!\xf3\xc7\x88m\xdbIi\x8dC\xa1\xd0\x98\t\xb3\xe6&gt;\xf3\x17V\xb7\x11\x17~_F\x8c\x181e\xca\x94\x94\x94\x14/\x0c[\xf4\x19^\xbe|\xf9\xec\xd9\xb3\x0b\n\n\xe87\xa9/\xe5\xa7\x07\xfd\x93\xa1E$\xfa\xe7W]u\xd5+\xaf\xbc\xd2\xb2eKo\xe6\x00\x84\xbf\x0bE0\xfc\x7f&amp;\x01\xd0\x17\xbd\xeb\xae\xbb\x16.\\H\x11Ek\xac\xc6\x98&amp;\x19\x81\x05\xb3\xc6\xa3\xcf\xd7)Ji)\x85\xcc\x0c\xbc\xfc\xe2_G\x8c\x9b\xb1\xbf\xf8\x10\xbd/\xe1\x03C\x06\r\x1a\xf4\xdcs\xcfya?\x80\x86\xe6k\xaf\xbdv\xc3\x86\r~\xbf\xff\'z:\xc3s\xfc\xfa\xbfi\xea\xfc\xf8/[\x96\x15\n\x85~\xfd\xeb_o\xda\xb4\xa9i\xd3\xa6\xec\x87kG\t\x0f\xe1\xefZ\x91\n\xff\x9f\xc9\x0f\x14\x15\x97]vY\xf8\x06\x04*\xfd\xae\xbb\xba\xf3\xbbo\xfc\x05}\xbe\x0e\x92\xb5G\x8a\x1f\xb9\xb5_\xcf\x0f6\xbe|\xdd\xd5\x9d\xc3+\xb3\x8c1!\xc4e\x97]\xc6\xea\xde\xc1\xc4F?\xe3\x94)S\xa8\x17\x85\xce\xd2\n\xff)\xf5\x80Z\x96E\x11B\xb7\x02\xd4Ww\xb3\xa5&lt;n\xbad\x8c\t\x85B&gt;\x9f\xef\x93O&gt;\xe9\xd7\xaf\x1f\xfd[/\xbc\x9ea\x08\x7f\xd7\x8aT\xf8\xffL\x05@K\xab\xdf}\xf7]\xbbv\xed\xca\xca\xca\xc2\xf3\xa7\xf7_\x7f1\xeb\xaa\xcb\x8e\xed?\xe8O\xf2E\xf0\xa7\x823PS\x13Ji\xde\xac\xe0\x9d\x0f.\xbb\xee6cj\xe7\xb3\xe9\xe9\xe9\x85\x85\x85-Z\xb4\xa0w\xd0\xe9k\x8c:*\x02\xbat\xe9\xb2u\xeb\xd6p!L\x03S\xfdM\xe0&amp;M\x9a\x9cs\xce9M\x9b6MKK\xf3\xfb\xfd\xa1P(\x18\x0c\xfe\xfb\xdf\xff\xde\xb7o\x1f\xad\xfbS_\xe3qA\xe1\xf3\xf9B\xa1\xd0\xec\xd9\xb3G\x8e\x1c\xe9\x85\x8a*\x0c\xe1\xef~\r\x0c\xff\x9fY\xb6\xa3\x94\xd2\xa2E\x8b\xab\xae\xbaj\xed\xda\xb5B\x08\xce\x99m\xab\x17_\xfdG\xc7\xdfv\x12\xd2sK\xa2.$\x840F\xbf\xf8\xea?\x94\xd2\x96%\x8d\xe1J\xa9\xab\xae\xba\xaaE\x8b\x16\xdeY\xb6\xa6\x9ft\xd4\xa8Q[\xb7neuK\xd54\xf4\x07\x02\x81\xae]\xbbfgg_v\xd9e\xadZ\xb5\xca\xcc\xcc&lt;.$\xaa\xab\xab\xbf\xfa\xea\xab\x8d\x1b7.Z\xb4h\xc7\x8e\x1d\x8c1\xaa\x15\xc2\x7f\x81\x9a\x1d\xa7N\x9dz\xfb\xed\xb7\x9fu\xd6Y\x1e\xc9\xa9\x0c\xe1\x1f\x0f\x1a\x18\xfe?\xff\x16\xd66\xf9\xf6\xe9S\xff\x97k\xde\xdcRSV\xee\xf3ye*\xe4f&gt;\x9f\xac\t\x96\xafys\x0b\xab{wX\xdd\xfbU\xbf\xb51\xb1Y\x96e\x8c\xb9\xe1\x86\x1b:t\xe8@\x87=0\xc6\xae\xba\xea\xaa\xa7\x9f~z\xd7\xae]\xabW\xaf\xbe\xf7\xde{\x7f\xf3\x9b\xdf4i\xd2\x84\x06\xb5\xfa\xeb?III\x17^x\xe1}\xf7\xdd\xf7\xde{\xef\xcd\x9d;\xd7\xef\xf7\xb3\x1f\xae\xf5S \x95\x94\x94,Y\xb2\xc4k\xa7n \xfc]\xae\x81\xe1\xff\xf3\t\x80\n\xde\xec\xec\xec@ \xa0\x942\x86q\xce\xbf\xda\xf7\xcd\x9e/\xbf\x16IItC\x1a8Ek#\x92\x92\xf6|\xf9\xf5W\xfb\xbe\xe1\x9c\x1b\xc3\x94R\x81@\x80\xfa\xc0\xbc\xb3X\xc1\xe88u\xcb\x1a:thrr2\x1dO\xb6e\xcb\x96\xc1\x83\x07\x9fw\xdeyZk\xdb\xb6\xc3MAB\x08Y\x87\x8e\xdb\xa5\xbf \x84\x18:t\xe8\xaaU\xabh\xc3\xe0\xb8{\x058\xe7\xaf\xbc\xf2\n\xed\x168\xf8c\xc6\x18\xc2\xdf\xcd\x1a\x1e\xfe?\x9f\x00h\xc6\xd4\xb2e\xcb\x8e\x1d;2\xc6(xB!{\xcd\x86\xad,9Yk\x0f\xcd\x86\\Hk\xc5\x92\x93\xd7l\xd8J\x9d\x18T\xf1u\xec\xd8\x91\xda\x16=\xb2RA\xa8\xdf\xbf\x7f\xff\xfe\x1f}\xf4\xd1\xf3\xcf?\xff\xdf\xff\xfd\xdf\xf4 *\x1a\xf1-\xcb\xa2{z\x7f\xfc\x9aP\xd3\'\xfd\xf3\x9a\x9a\x9a\x1bo\xbcq\xec\xd8\xb1\xc7\x95\xcf\x94&lt;&gt;\xf9\xe4\x93}\xfb\xf6\x85\xb7\xda\xbc\x00\xe1\xeff\r\x0f\xffSZ\xc5\xa3\x8f\xfbu\xd7]\xc7j\x97G5c\xec\xd5\xb5\x1b\xf5\xb1c\x12\xeb\x80\x8e\x92R\xe8c\xc7^]\xbb\x911fL\xed[N\xef\x94w\x06\xa9\xfa\x1a5j\xd4\xae];Z\xdb\xa1&gt;\xceS\xcf\x82\xf4\xf7\xb5\xd6#G\x8el\xda\xb4)\x9dyI\x7fDY\xa4\xba\xba\xfa\xd3O?e\xde\xe8\xad\nC\xf8\xbbV\xc3\xc3\xff\x94\xde?J,={\xf6\xack\xb26\x9c\xf3\x82O&gt;\xdf\xfdY\xa1\x95\x92\x822\xd0)Z\x1b+%e\xf7g\x85\x05\x9f|\xce9\xd7\xda(\xa5\xfc~\x7f\xcf\x9e=\x99W\x0f2\x0b\x9fS\x7ff?&gt;\xad\x08eddt\xe9\xd2\x85\xfd\xb0\x88\xa6/\xf8\xf5\xd7_3\x8f%\x00\x84\xbf;E$\xfcO5\x01h\xad\xdb\xb4i\x93\x95\x95\x15^B\r\x85\xec\xd7\xde\xdc\x822\xd0AT\x00\xbe\xf6\xe6\x96p\x01h\x8c\xc9\xca\xcaj\xd3\xa6\x8dw\xfa\x7f\x8e\xc3\x1b\xfc\xb4q\xda\'\xe8\xd0\xa1\xc3\t\xff\xf4\xc8\x91#\r\xf9\xe2\xf1\x08\xe1\xefN\x11\t\xffS\r\x15\xfa\x8a\xbdz\xf5b?(\x037\xa1\x0ctP]\x01\xb8\x89\xd5+\x00{\xf5\xea\x15&gt;\x1c\n\xce\x0c\xe7&lt;\x10\x08\x9c\xf0\x8fB\xa1P\x8c/\xc6\r\x10\xfe.\x14\x91\xf0?\xd57\x8f\xf2\xc9M7\xdd\x842\xd0%NV\x00\xdet\xd3M\xcc\xab\xeb?\x11t\xb2\x81\x9e\x9aD\xbd\x06\xe1\xef6\x91\n\xff\xd3H\x00(\x03]\x05\xeb?\xd1c\x8c\xd9\xbf\x7f\xff\t\xff\x88N\x04\xf2\x1a\x84\xbf\xdbD*\xfcOc\x98@\x19\xe8*X\xff\x89\x12\xea\x16\xfd\xe8\xa3\x8f\xd8\x0f7{\xe9U\xbd\xe0\x82\x0b\x98\xc7\x8e\x84#\x08\x7fW\x89T\xf8\x9f\xc6;\x872\xd0=\xb0\xfe\x13%\xd4&lt;\xfa\xaf\x7f\xfd\xeb\x83\x0f&gt;\xa8\xdf\xefO\xff?99\xf9\xa2\x8b.b\x9eL\x00\x08\x7f\xf7\x88`\xf8\x9f^\x028I\x19\xb8\x95\xa5\xa0\x0c\x8c)\xad\x15KI~\xed\xcd\xadX\xff\x89,J\x00yyy\x95\x95\x95R\xcap\x05@e\xc1%\x97\\\xf2\x8b_\xfc\xc2\x9bO\xbbE\xf8\xbbG\x04\xc3\xff\xf4&gt;\xc7\')\x037\xaa\xa3\x95\x9e\xba?\xdeqRJu\xb4\xf2\xb8\x1b@\xb0\xfe\xd3@\xb6m[\x96\xf5\xe1\x87\x1f&gt;\xf5\xd4S\xf4\xb8\xed\xfa\x7fj\x8c\xe9\xd7\xaf\x9f\xd7\xce\x02\xaa\x0f\xe1\xef\x12\x11\x0c\xff\xd3K\x00\xe120))\x89\xca@\xc6\xd8\xc7\x9f\x17}\xbb\xef[+\xc9\xef\xa9\xbbc\x1cd\x8c\xb1\x92\xfc\xdf\xee\xfb\xf6\xe3\xcf\x8b\x18cT\x00&amp;%%a\xfd\xa7!\xe8(\xa1\xef\xbe\xfb\xaeo\xdf\xbe\xd5\xd5\xd5\xac\xde\x06\x00\xcd\xb0\x9a7o&gt;`\xc0\x00\xaf\x9d\x05T\x1f\xc2\xdf\r"\x1b\xfe\xa7\x9d\x00\x8c1m\xda\xb4\xe9\xd0\xa1C\xb8\x0c&lt;v\xacj\xc3\xd6\xf7XJ\xb2R\x98{\xc6\x82R\x9a\xa5$o\xd8\xfa\xde\xb1cU\xe1\x02\xb0C\x87\x0em\xda\xb4\xf1\xe6\xeaD\xc3\xd1)\xff\xc5\xc5\xc5\xd7_\x7f\xfd\x9e={\xe8\xa9\x00\xe1?\xa5\x89\xd5\xe4\xc9\x93333\xbdv\xc2R}\x08\x7f7\x88l\xf8\x9f\xf6`Ag\xa3w\xef\xde\x9d\xd5\xdb\n[\xb9f\x03S\x1a\x8f\x83\x8e\r\xc1\x19Sz\xe5\x9a\r\xf4Kz\x17\xbaw\xef\xfe\xe3U\x0b8\x15\xf4\x90\xdb\xaf\xbf\xfe\xfaw\xbf\xfb]AAA\xf8y2\x84\x1e-\x90\x9d\x9d}\xf7\xddw{\xeai0\'\x84\xf0w\\d\xc3\xff\xb4\x13\x00}\xbf\xde\xbd{\xd3\xb4\x88&amp;J[\xb7\xef\xf8f\xef&gt;_r\x12\xca\xc0h3\xc6\xf8\x92\x93\xbe\xd9\xbbo\xeb\xf6\x1d\x8c1z\x0b\x84\x10\xbd{\xf7f\x9e\xecNi Z\xf7\xff\xe0\x83\x0f\xbav\xed\xbak\xd7.\xcb\xb2~&lt;\xfa\xb7n\xddz\xe9\xd2\xa5\x0c//\xc2\xdfi\x11\x0f\xff\xd3N\x00\xd4\x1a\xd1\xb1cG\xdaq\xa6\x07\xae\x96WT\xae\xdb\xbc\x8d\xa5\xa6\xa2\x0c\x8c6\xa54KM]\xb7y[yE\xa5\x94\x92\xda\x13\xdb\xb4</t>
        </is>
      </c>
    </row>
    <row r="281">
      <c r="A281" s="1" t="n">
        <v>279</v>
      </c>
      <c r="B281" t="inlineStr">
        <is>
          <t>size_grid</t>
        </is>
      </c>
      <c r="C281" t="inlineStr">
        <is>
          <t>What is the size of the missing part denoted with a question mark?</t>
        </is>
      </c>
      <c r="D281" t="inlineStr">
        <is>
          <t>['large', 'medium', 'small']</t>
        </is>
      </c>
      <c r="E281" t="inlineStr">
        <is>
          <t>large</t>
        </is>
      </c>
      <c r="F281" t="inlineStr">
        <is>
          <t>There are circles arranged in a grid formation with varying sizes in the image. The sizes in the first row are ['large', 'medium', 'large'], the sizes in the second row are ['medium', 'small', 'medium'], and the sizes in the third row are ['large', 'medium', '?'].</t>
        </is>
      </c>
      <c r="G281" t="inlineStr">
        <is>
          <t>We observe that the circles at the corners are large size, while the circles directly adjacent to the center are medium size. Only the center circle is small size. Hence, the pattern is that the circles alternate in size depending on if they are at the corner or adjacent to the center.</t>
        </is>
      </c>
      <c r="H281" t="inlineStr">
        <is>
          <t>Based on the pattern that the circles alternate in size depending on if they are at the corner or adjacent to the center, the size of the missing part that is at the corner should be large.</t>
        </is>
      </c>
      <c r="I281" t="inlineStr">
        <is>
          <t>b'\x89PNG\r\n\x1a\n\x00\x00\x00\rIHDR\x00\x00\x02\x00\x00\x00\x02\x00\x08\x02\x00\x00\x00{\x1aC\xad\x00\x00c[IDATx\x9c\xed\xddy\\\x14G\xda\x07\xf0\xa7\xba{f\x18\xee\xe1\x10\xaf\xf5\x16PD\x04\xc5#\x1a#\xde\xac\xb9v5\x9aC\xa3\x185\xbe&amp;f11\x87\xd9\xec\xe6\xde\x1cj4y\xa3I\xc4\xa8\xd1\x18}M\xb2\xabQWQ\x89\x89g\x94\x88\x06P\x14QD\x91K\xe5\x1a\xce\x99\xae\xaa\xf7\x8f\x8a\xb3\xac\'(0G?\xdf\xcf~\xf2q\x87a\xe8\x99y\xba~\xd5\xd5\xd5\xd5\x84s\x0e\x08!\x84\xb4G\xb2\xf7\x06 \x84\x10\xb2\x0f\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0c\x00\x84\x10\xd2(\xc5\xde\x1b\x80\x10\xd2\x16\xce\xf9\r\x1f\'\x844\xf3\x96 \x0c\x00\x84PS\xe1u\x00\x80$I\xb6\xff^\x8f1f\xfb/\xa9\xa3\x19\xb7Ws\xc8\xcd\xd2\x18!\x84\xee\x80h\xee\x19c\x84\x10Y\x96\xaf\x7f\x02c\xac\xac\xac\x8c\x90\xdf\x1b\x1f\xf1\x0f777\xa3\xd1x\xc3\'\x8b\x97\x92$\t\xc3\xa0\xd1a\x00 \x84\x1a\x81h\xf49\xe7\x8a\xf2\x9fq\x05Ji^^^VVVZZ\xea\xe5\xcb\x97\x93\x93\x7fUU\xb5\xb0\xa0\xa0\xa0\xb0\x80\x00\xe1 \x1a\x1f\x02\xc0==&lt;\xbbt\xed\xc29\x84\x87\x87\x07\x04\x04\xf4\xe9\xd3\xe7\x0f\x7f\xf8C\xfb\xf6\xed\xdd\xdd\xdd\xeb\xbe\x1a\x00`\x124"\x0c\x00\x84\xd0]\xe1\x9cSJm\xed&gt;\xa5433311q\xdf\xbe}\x99\x99\x9999\xe7\xca\xcb\xcdw\xf0\xb2\x06\x83\xbeu\xeb\xd6!!!\xfd\xfb\x0f\x189rdDD\x84-\x0cTU\x95$\xe9fCI\xa8\xfe0\x00\x10BwHt\xc9\xc58\x0f\xa5\xf4\xd0\xa1C\x1b7n\xdc\xb6m\xdb\xe9\xd3\x99\xb5\xb5\x96\xba\xcf\xf4\xf2\xf2\xf0\xf0p\xef\x1e\xdcARd\x1f/\x8f\x9e=\x839e\xa2\x1b\xcf9\'\x8a.\xe7\\\xee\xf9\xdc\x02"\xcbYY\xe7\xcb\xcb+\xae\x14\x97^\xf3\xb7:v\xec\x10\x133\xf4\xa1\x87\x1e\x1a2d\x88\xb7\xb77\\=\xe6\xc0\x03\x82\xbb\x81\x01\x80\x10j0J\xa9\xad\xe5\xcd\xcd\xcd]\xbf~\xfd\xda\xb5k\x8f\x1d;\xf6\x9fg\x10\xd2\xa1}\x9b\xde\x91\xdd\xa2"B\xfa\xf4\n\xed\x16\xd2\xc9\xdb\xc7\xd3\'\xd0\x04\x92\x0c\x12\x01\xd0\x01\xd4my\x08\x80\n\x8c\x02!\xd5\x97K*+\xab\x8fg\x9e;\x9a\x9a\x99\x96~:\xf9\xc8\xf1\xd3Y955\xb5\xb6\xa7\xb6o\xdf~\xfc\xf8\xf1\x13\'N\xec\xd9\xb3\xa7mcnx\xb2\x01\xdd\x16\x06\x00B\xa8\x01\xc4@\xbfhp\x0f\x1c8\xf0\xe5\x97_\xfe\xeb_\xff,))\x15?5\x99\xbc\xfbD\x85\x8d\x1a\xd6\x7f\xf0\xbd}\xc2B;\xb8\x07\xf8\x01(\x00*\xd4Z\x802f\xb5\x02\x00\xe7\xc09\x03\xa8\xdbm\xe7\xbfO\xf8\xe1 \xe9\x14\x90%0\xe8\x81(\x00\x9c\x96\x9b3\xcf\\8\x94\x9c\xba%q\xdf\x91#\'\xce\xe5\\\x14\xbf\xa0\xd7\xeb\x87\x0c\x192k\xd6\xac\xd8\xd8X\xbd^/\x8e\x060\x06\x1a\n\x03\x00!T/u\xc7\xfa\x93\x92\x92&gt;\xfc\xf0\xc3\x1d;v\xd8~:\xe8\x9e\xc8\x87\x1e\x88yt\xdc\xa8\xb6\x9d\xda\x82\xa4\x03f\x85\xeaZjU9\xe7\xb6\xf9\x9c\xf5\x19\xab\x11-\x12c\x9csN\x08\xc8\x8a\x0c\x06\x03\xe8\xf4\x00\xcc\\X\xbcq\xeb\xee\x7fn\xfcq\xe7\x8f\x07++\xab\xc5\xf3{\x86\x87\xc7\xcf\x99\x13\x17\x17\x07\xff}\\\x82\xea\x03\x03\x00!t{b\xb4\x1d\x00233?\xf8\xe0\x83U+W2\xce\x01\xc0ht{||\xec\xd4)\x7f\xbag@\x04\x18\x8cP[\xcdjj\x19\xe3D"Rc\xcc\xe2\x17\x87\x0b\x8cs\x02 \xebu\xe0\xee\x01\x9c\x9dL\xcf\xfc\xbfo\x13\x97-\xff6/\xff\x92x\xda\xf0\xe1\xc3_y\xe5\x95a\xc3\x86\x01\x8e\x085\x04\x06\x00B\xe86TUU\x14\xc5b\xb1|\xf8\xe1\x87\x8b\x16}T\\\\\x02\x00~&amp;\x9f\xa9q\x7f\x9a\xfc\xd8\x98\x1e}"\x80YyE\x15\xa5L\x96\x9b\xb0\x03\xfe\xfb\xe5\x05\x00\x92\x87\x11t\xc6\xc2\x9c\xf3k\xd6o[\xb1\xf2\xfb\x8cS\xd9\x00@\x08\x89\x8b\x8b{\xfb\xed\xb7[\xb7n\x8d\x87\x02\xf5\x84\x01\x80\x10\xba)q]\xae$I\xfb\xf7\xef\x9f9sfzz:\x00\x18\r\x86\xc7\x1e\x8d}\xe9\xf9\xa9!=\xc3\xc0ZI+\xab\t\x10In\xbeI\x99\x8c1\xc6\xb8\xe2\xa6\x07\xa3wYQ\xc1\xe2O\xbf\xfe"\xe1\xdb\xfc\x82\xcb\x00\xd0\xb2e\xd0\xdbo\xbf3m\xda4\xc0C\x81z\xc0\x00@\x08\xdd\x98\xad\x01}\xe3\x8d7\xde\x7f\xff=1\xb3sxL\xbfw\xde\x9a\xddoP?\xb0T\xab\x15U\x92l\xb7\xf9\xf8\x9cs\xaaR\xc5\xa0\x07\x0f\xef\xbc\xb3\xd9\x7f{s\xc9\xaa5\x9b\xc4\xc0\xd4\xa3\x8f&gt;\xfa\xe9\xa7\x9f\xfa\xfb\xfb\x8bc\x17\xbbl\x9eS\xc0\x00@\x08\xdd\x80h\xfd\xf3\xf3\xf3\xe3\xe2\xe2\x12\x13\x13\x01\xc0\xe4\xeb\xf5\xe6\xdf\x9f\x99\xfd\xecD\x90\x08-7\x13\xc7\xb8\x14\xeb\xf7S\xd3F7p\xf3H\xdc\xbc\xeb//\xbc\x7f\xeat\x0e\x00\x04\x07\x07\xafX\xb1b\xe0\xc0\x81x\x1cp\x0b\x18\x00\x08\xa1k\x89\x8e\xf3\xfe\xfd\xfb\xc7\x8f\x1f\x9f\x97\x97\x07\x00\x83\x06\xf4\xfa2\xe1\xed\xe0\xb0PVV\n\x9c7\xe7\x80O}p\xce)e\x8a\xc9\xa7\xecJ\xe9\xdc\xb9\x1f,_\xf5/\x000\x18\xf4\x1f\x7f\xfc\xc9\xd3O?\x8d\xa7\x04n\xc6\xb1\xbeE\x84\x90\xdd\x89\xd6?!!!&amp;&amp;F\xb4\xfe\xf1\xcf&gt;\xb1{\xe7\xca\xe0\xe0\x0ej\xc9\x15Ij\xd6\xe1\xfez"\x84(\x8aLK\xca|\x8c\xfa\x84\x95\xef\'|\xf6\x86\xaf\xb7gm\xade\xe6\xcc\x993g\xce\x94eY\\\xbe`\xef\xcdt8x\x04\x80\x10\xfa\x0f[\xeb?c\xc6\x0c\x00\xf0\xf1\xf2\xf8h\xc1KSgL\xe4\xe6\x12N\x99\x036\xfd\xd7\xe0\x9c3\xcad\x93\xff\xe1}\x87&amp;My%\xf3\xcc\x05\x00\x98&gt;}\xfa\xb2e\xcb\xf08\xe0z\x18\x00\x08\xa1\xdf]\xd3\xfa\xfb\x9b\xbc\xb7\xfd\xf0Y\xf4\xa0~j\xf1eY\x91\x9d\xa8\xe9T\xad\xaa\xe2\xeb]\\T\x1c;f\xc6\xe1\x94\x13\x80\x19p\x13\x8e\x9e\xe7\x08\xa1\xe6qM\xeb\xdf7\xaa\xfb\xc1\xfd\xeb\xa2\xef\x89T\x8b/+:\xc5\xb9\x1aME\xa7\xd02\xb3\x9f\xc9k\xd7\xaeUS\'&gt;\x08\x00\xe2}\xe1X\xd05\xf0\x08\x00!t\x83\xd6\x7f\xfb\xbf\x13L\x81\xbe\xb4\xcc,;\xed4JF\x99\xa4\xd7\x81\xd1mF\xdc\xbc\x84\xaf6\xc2\xd5\xe3\x00q\x87\x19\xe7\x8a\xb4&amp;\x82\x01\x80\x90\xd6\x89\x89\x92\xb6\xd6?:\xb2[\xe2\xb6\xe5&amp;\x93\x17\xad\xac\x96\x15\xe7\x9e@\xc9\x18\xe3\x92${z\\\x93\x0187T\xc0\x00@H\xd3DSx\xf0\xe0\xc1A\x83\x061\xc6\xfc|\xbd\x7f=\xb0\xaecH\x07ZV\xe1\xec\xad\xbf\xc0\x19\xe3\xb2Lt\xba\x81\xf7&gt;~09\x1d\x00\x16-Z\x14\x1f\x1f\x8f\xd7\x88\x01\x06\x00BZ&amp;\x06C\x8a\x8a\x8a""z\x16\x16\x16y\xb8\x1bw\'&amp;D\xdf\x13E\xcb\xcc\xae\xd1\xfa\x0b\x8c1\xd0\xe9J\xcdU1C\x9fL=q\x06\x00v\xec\xd81b\xc4\x08&lt;\x0e\xc0\x93\xc0\x08i\x97X\xeag\xd2\xa4I\x85\x85E\x00\xb0\xe4\xa3\x97\xa3\x07\xf5WK\xcb]\xa9\xf5\x07\x00I\x92x\xad\xc5/\xd0\xf4\xf5\xaa\xf7\xfdL\xde\x00\xf0\xe4\x93\x93\n\x0b\x0b%I\x12\x9f\x80fa\x00 \xa4Qb\x0c\xe4\xad\xb7\xde\xda\xb9s\'\x00\xc4\xff\xcf\xa3\x93\x9f\x9ed-\xbe\xac\xe8\\p`DVd\xb5\xb4&lt;&lt;:r\xd9\'\xaf\x01@AA\xe1\xa4I\x93\x08\xd1\xfa\x10\x88\xd6\xdf?B\xda$\xd6\xf7\xff\xe5\x97_\x06\x0f\x1el\xb5Z\xfb\xf7\xe9\xb1o\xcf\xd7\xdc\xaa\xca\xc0]xz\x8c\xaa\xaa\x8a\xc9\x7f\xce\xac\xbf-\xfel=\\=\x19\xa0\xe5\x81 \x0c\x00\xa4!\xbc\x8ek~D\xea\xb0\xcb\xb65\'\xb1\xb0&gt;\xa54&lt;&lt;&lt;33\xd3\xcb\xcb\xe3\xd8\xc1\xf5\x9d\x82;\xb0\xcaj\xc7\xbf\xd6\xf7np\xce\x19!\xa0(}\x07LH\xf9-SQ\xa4\xf4\xf4\xe3\xc1\xc1\xc1\x9csGX\xd8\xae\xf9i\xf1=#\xad\x11\x0bFRJ\t!\x92$\xc9\xb2\xac\\G\x96eq\x8d(\xa5TUU\xd7\x1e\x1a\x16\xb7\xcf]\xb0`Aff&amp;\x00\xbc\xff\xfa3\x9d\xc2BUs\xa5k\xb7\xfe\x00@\x08\x01\xcad\x9dn\xf9\x92\xbf\x1b\x0c:J\xd9s\xcf=\xa7\xe5\x81 \xed\xbes\xa4\x05u\xef`\x0e\x00\x94\xd2\x8b\x17/\x9e9s&amp;\'\'\xe7\xfc\xf9\x1cB\x08\xe7\x00\xc0}}M\xe1\xe1\xe1-[\xb6\xec\xd0\xa1\x83\xd1h\xac\xfb\xbb\xae\xb7r\x80\x98\xf9s\xf6\xec\xd9\xde\xbd{\x97\x95\x95\r\x1e\x18\xf9\xf3O_\xd3\xcaJY3]`UU\x15S\xc0ks\xdf}w\xe1J\x00\xd8\xb0a\xc3#\x8f&lt;\xa2\xcd\x81 \x0c\x00\xe4\x9a\xea^\xedYXX\xb8\x7f\xff\xfe\xad[\xb7&amp;\'\x1f\xce\xc99_^^~\xc3_1\x18\xf4m\xda\xb4\x89\x8a\x8a\x1a3\xe6\xfe\xfe\xfd\xfb\x87\x86\x86\x8a\xc7]\xaci\x10og\xf2\xe4\xc9\xabW\xafvs3\xec\xdf\xf9eT\xff^\xac\xa2\xca\xe5\xbb\xff6\x9cs&amp;\xcb\x95U5}\x06&lt;z&amp;\xfbB\x97.]\xd3\xd2\xd2\x14E\xd1\xc8\x00`]\x18\x00\xc8\xd5\x88\x01n\xd1d\xa7\xa6\xa6.Y\xf2\xe9\x96-[\xc5\xb2\xc6u\x05\x06\xfa\x03g\x1c\x80\x10\xa9\xac\xccl\xb1X\xea\xfe\xd4\xc3\xc3}\xc4\x88\x11\xb3f=3t\xe8P\xb1\x80\x0c\x00\xb8\xc00\xb1h\xfd\xf7\xec\xd93t\xe8PJ\xe9\xe4\xc7\xc6\xac\xfa\xe6cZr\xd9y\xd7{\xb83\xaaJ\x15\x93\xdf\xea/\xd6N\x9e\xf9\x06\x00\xbc\xfb\xee\xbb\xaf\xbe\xfa\xaa\x8b%}}`\x00 \x97"&amp;\xb7\x00@zz\xfa\xcb/\xbf\xbck\xd7.[\xcb\xde\xbe]\xeb&gt;}\xc2\xa2"B\xfaD\x84\x9aL\xde]:\xb7\x031\xd0/+\x05y\x85\xf9\x97\x8a\xd3N\x9cMM\xcbL&gt;r&lt;-=\xd3\xf6\x82\x11\x11\x11\xef\xbd\xf7^ll,\xb8\xc4\xa1\x80H\xb2\xe1\xc3\x87\xef\xde\xbd\xdb\xdf\xcf\xe7\x97\x9f\xd7t\xea\xda\x01jj%I[=_\x0e\xc0\x01\xac@\x06\xc7&lt;\x99\x9cr\xc2\xcf\xcf\xef\xc4\x89\x13\x81\x81\x81 \xce\x13h\x06\x06\x00r\x1dbb\xbb\xd9l\xfe\xeb_\xff\xba|yBuu\r\x00\xb8\x1b\xdd\x1e\x19;\xf2\xcf\x0f\x0f\x1f2(\xca;(\x00@\x06P\x811\xa8\xb5\x00\x88]\x9d\x83N\x01E\x01\x90\x0185\x9b\x0f\x1d9\xbeq\xf3\xee\xb5\xeb\xb6\xe6\xe5_\x12\xaf\x1c\x1b\x1b\xbbx\xf1\xe2\xe0\xe0`\xa7^?@\x04\xd8\xaf\xbf\xfe\xda\xb7o_\xce\xf9\xdc\xd9\x13\xe7\x7f\xf2\x96Z\\\xe4\x92\x13\xffo\x8b\xaaT6\xf9n\xff~{\xec\xb8\xbf\x00\xc0\xc2\x85\x0b\x9f\x7f\xfey\xa7\xfe~\xef\x00\x06\x00r\x11b\xd7MII\x99&gt;}zJJ\n\x00\x18\xdd\x0c\x8fM\x88\x9d3{R\x8f\xde=\x008TUQ\x8b\x95s \x84\x00\x01\xa9NGO\xcc\x0b\xe5\x9c\x13\x02\xb2,\x83\x87\x11$C\xe1\x85\x0b\x9f\'l\xf8"\xe1\xdb\xfc\x82\xcb\x00\x10\x10\x10\xb0d\xc9\x92\xf1\xe3\xc7;\xefZ\x92"\x00\xa6N\x9d\xbar\xe5J77}\xca\xde\xb5\xa1=Cx\xb5\xe6\xba\xff\x02\x07\xe0\x04jT\xd6\xbb\xff\xf8S\x999\xdd\xbbwONNvss\x03-\x1d\x048\xfd\x98\xa63\xb2ME\x17\xf3L0\x83\xef\x9eh\xfdW\xacX\x11\x13\x13#Z\xff\xd1\xc3\xefI&gt;\xb0\xee\xcbU\x1f\xf4\xe8\x19LKJii\x19W\xa9,\xcbb\xc2\xa7,Iu\'\xfeK\x92$\xcb\x92\xa2\xc8\xb2,s\x00f\xaeTK.\x07\x05\x98^\x7fk\xce\xb1\xe4\xefg\xff\xcfc\x12!\x97/_\x9e0a\xc2\x9c9s$Ir\xc6oM\xcc\x86\xca\xcf\xcf\xff\xee\xbbo\x01\xe0\xb1q\xa3\xbb\xf5\x89`U\xd5\xdal\xfd\x01\x80\x00p+u\xf7\xf5\x9d7g\n\xe7\xfc\xf8\xf1\xe3III\x84\x10\xd7\x9e\x01|\r\x0c\x80f"\x9a{UU\xc5lt[\xbb#\xfe\xc19\x17?r\xbaf\xc5\x11\xd8\xd6\xb2\x7f\xea\xa9\xa7\xca\xcb\xcb\rz\xdd\xa2\x0f\xe6n\xdb\x96\x10\x16\x1eLKJYU\xb5\xac\xc8\xb2\\\xdf\x1bZ\x11\x00I\x92\x14E\xe1V\xabZR\xdc\xc2\xdf\xe7\x93\xa5o\xfe{\xd3\x926-\x03\x00`\xf1\xe2\xc53f\xcc\x10k\xc88\xd7\x97E)\x05\x80u\xeb\xd6\x99\xcd\x15\xb2,\xcf\x9a6\x8e3\xeb\xd5A0\x8d\x92d\x89WU\x8c\xfd\xf3\xc8\xb6m\x82\x08!\t\t\xcb@K\xdd\x7f\xc0\x00h\x06\xa2q\x17\xcd\xbd\xb8\xe0\x08\x00\xccfsaa\xe1\x85\x0b\x17\n\n\n\xccf3!D\xfcH\\\x88d\xefMv&amp;\xd7\xdc\xc9\xc4\xcf\xd7+i\xfb\xf2\xf8\x97\x9ef\x95U\xac\xa2JV\xe4;\x9e\xba#\xbe\x14n\xb5\xaa%%\xa3\x1e\x18\x9a|hCtdw\xa8so)\xe7\nlY\x96-\x16\xcbW\xabV\x11B\xfa\xf6\x0e\x8b\xea\x1f\xc1+\xaad\xcdL\xfd\xbc!B\x08\xad\xb5z\x04\x06&lt;6v$\xe7&lt;))\xe9\xf4\xe9\xd3\x9aZ!N\xd3_\x7f3\xe0\x9c\x8bv\x04\x00RRR\x16.\\8n\xdc\xb8^\xbdzu\xed\xda\xb5k\xd7\xae\xa1\xa1\xa1\xe2\x1f\xd1\xd1\xd1O?\xfd\xf4\x96-[\xc4(-f@=QJ\x15E\xf9\xea\xab\xafD\xeb\xdf=\xa4\xe3\xae\x1d+\x07\xc6\xf4W\x8b\xafH\x12i\x94\x89\xed\x84\x10E\x91\xd5\xe2\xd2V\xadZ$nOxx\xcc}\x00\x90\x90\x900s\xe6LEQ\x9c\xe5\x9b\x12\xc7\x9dG\x8f\xa6\xa4\xa5\xa7s\xce\xc7&gt;\x18#\x19\xdc\x19\xd5J3w\x0b\x84\x10`\xd6\xb1\x0f\r\x93$\xa9\xb2\xb2j\xe3\xc6\x8dpu\xae\x94\x16\xe0I\xe0&amp;$Z\xff\xbc\xbc\xbc5k\xd6\xac_\xbf\xfe\xd8\xb1c\xb7\xfd\x95\xde\xbd{\xff\xe3\x1f\xff\x189r\xa4\x0b\xcc8ljb\xc6gZZ\xda\x80\x01\xfd++\xab\xfcM\xde\xbbw\xac\x08\xef\xd3S-\xbe\xa2\xe8t\x8d\xfe\xe7\xa8Je\x0fcM\x8de\xf0\x90I\xc9G3\x00`\xc5\x8a\x15qqqN\xf1M\x89\xe3\xa4\x97_~\xe9\xc3\x0f\xe7\xfb\x99|\xd2\x0foh\xf5\x87 ^k\xd5\xd4p\xc7\xcd0\xce\xc1`\xb8/\xe6\xc9\xfd\xbf\xfcv\xcf\x80\x01{\xf6\xee\x05\x97\xb8\xe6\xa3&gt;4\xf1&amp;\xedB\xf4\xb9\xd6\xae]\x1b\x1e\x1e\xfe\xca+\xaf\x88\xd6_\xa7\xd3\x19\x0c\x06\xbd^o[|F\x96e\x9dN\xa7\xd3\xe9\xc4#G\x8e\x1c\x195j\xd4\xe2\xc5\x8b\xf18\xe0\xd6\xc4iX\xb3\xd9&lt;q\xe2\x13\x95\x95U\x8a"o\xf9\xee\x93\xf0&gt;\xe1j\xf1\x15E\xdf\xf8\xad?\x00\xc8\x8a\xcc\xaa\xaa\xdd\xf4J\xe2\xb6\x84N\x1d\xda\x10Bf\xcf\x9e\x9d\x9a\x9aj\xbbL\xcc\x91\xc9\xb2l\xb5Z\xb6l\xd9\n\x00\xbdz\x06\xb7\xea\xf4\x07Vc\xc1\xd6_`\x94I\x06\xe3\xf0\x98\xbe\x9c\xf3#))YYY\xda\x19\x05\xc2\x00hZm\xdb\xb6-..\xd6\xeb\xf5:\x9dN\x96e\xab\xd5Z[[k\xb1X\xc4)_\xb1"\xa3\xd5j\xb5Z\xad\xe2\xff\xca\xb2,\xcb\xf2\x9c9s6l\xd8\x80\x19p\x0b\xe2\xb3\x9a7o^jj\x1a\x00\xcc\x7f\xfb/\xfd\x87\x0e\xb2\x16\x97(:\x1d4\xd91\xad$\xcb\xb4\xba\xd6\xd4\xc2\xff\x9b\x15\xef\xea\x14\xb9\xb2\xb2r\xca\x94)\xe2B3G&gt;\x92\x16\xf3V\xcf\x9c9{\xf6\xec\x19\x00\x18=\xfc\x1e\x90\x14\xc6\x1cw\x83\x9b\x19!\x04\x98edL\x7fE\x96kjj\xf6\xef\xdf\x0f\x9a\x19\x05\xc2\x00h*\xa2cx\xdf}\xf7\x8d\x1e=\xdab\xb1\x88&amp;&gt;((\xe8\x91G\x1eY\xb8p\xe1\xe6\xcd\x9b\xf7\xee\xdd{\xf0\xe0\xc1\x9d;w.^\xbcx\xe8\xd0\xa1\xa2K+\xce+\x12B\x9e}\xf6\xd9+W\xae\x88\x19\x87\xf6~+\x0eG\xb4\xfe\xa7N\x9dZ\xb6l\x19!dxL\xdf\xf8\x17\xa7\xa9e\xc5\xba\xa6\xbf\xa0IVd\xb5\xa4\xac_\xcc\xbd\xaf\xbe\x10\x07\x00G\x8f\x1e]\xb7n\x9d\x83w\x18\xc5\xb6m\xdf\xbe\xad\xa6\xa6V\x91\xe5a\xf7E\x03\xc3\xc1\x9f\xff\x90$\x02\xd55\x11\x91\xdd\xda\xb4i\x01\x00\x9b7\xff\x00\x9a\x99\x0b\x84\xe7\x00\x9a\x10\xa5T\x92\xa4\x9d;w\x8e\x1a5j\xd8\xb0aS\xa6L\x89\x8d\x8d\xf5\xf7\xf7\xbf\xe1\x93\xd7\xaf_?u\xea\xd4\xda\xdaZ1_[U\xd5\x8f?\xfe\xf8\xb9\xe7\x9e\xd3\xda\xa5\x89\xf5!\xba\xb4\xb1\xb1\xb1\x89\x89\x89nn\xfa\xdf\x0e\xac\x0f\x0e\x0fn\xb6\xe5\xcc\xc4\x9a\xf2\x8cH={\xff93\xeb|PPPjj\xaa\xf8Z\x1d\xb3\xd5\x10g)\xc6=2\xee\xfb\xef\xbeo\xff\x87V\xc7\x8f|\xe7\xe1\xee\xc6)s\xcc\xad\xb5\x0bJ\x99\xec\xe35\xf6\xe1Y\xff\xfcaw\x87\xf6\xed\x8f\x9f8\xe1\xee\xee.\xbab\xf6\xde\xb4\xa6\x85G\x00MHL\xeb\x1c2d\xc8\x91#Gv\xed\xda5q\xe2D\x7f\x7f\x7f\xb1\xdc&lt;\xadCUUUU\x1f}\xf4\xd1\xf9\xf3\xe7\x8b\x13\x9b\xa2\xf2\xb6n\xdd\n\x9a9\x19U\x7f\xa2\xf5\xcf\xc8\xc8HJJ\x02\x80\t\x7f\x1e\x19\x1c\xd9\x836\xe3Z\xf6\x84\x10\xaeR\x9d\xa7\xe7\xbc9S\x18c\xf9\xf9\xf9\x1b7nt\xe4\xf9\xbb\x92$Y,\x96\x93\x19\x19\x00\x10\xdd;\xcc#\xc0\x8fZ\xa9\xcb7m\r\xc29\x07"\x0f\x19\xd4\x1b\x00\n\x8b\n/\\\xb8\x00\x8e=\xac\xd7X\xb0qirz\xbd&gt;**\xca6\xbc#\xeeF"\xd7\xa1(\x8a$I\x94\xd2\xb8\xb8\xb8\xa0\xa0 \xd1\x8ep\xce\xb3\xb2\xb2,\x16\x0b\x8e\x02]C\xa4\xe3\xe2\xc5\x8bUU5\x1a\xdd\xe6\xcd\x8d\xe3\xd6Z\xd2\xbc\x97\xb3\xca\x8a\xcc*\xca\'&lt;~\x7f\xf7\xd0\x8e\x84\x90\x8f?^\xac\xaa\xaac\xce\x05\x12y\x99\x9f\x9f\x7f\xfe\xfcy\x00\xe8\xdd+\x14\x88\x82\x15u\rB\x08p52"T\x92\xa4\xea\xea\x9a\xd4\xd4T\xc0\x00@\x8dE\xec\x84\xb7\xb8\x18U\x92$I\x92\xdc\xdd\xdd\xbbt\xe9\x02WG\x12\xca\xca\xca\xaa\xab\xab\x9buC\x1d\x9eH\xd0\xc2\xc2\xc2M\x9b6\x11\x02\xe3\x1e\x1a\x1a\x12\x19\xce*\xaa\x9a\xf98\x89\x000+5x{\xbf\xf0\xecD\xce\xf9\x89\x13\x19?\xff\xfc\xb3c\x1e\x04\x88V,;;\xdbl\xae\x00\x80^=C\x00\xb0\xfb\x7f-I"Pk\t\xe9\xd2\xde\xd7\xc7\x0b\x00N\x9e\xcc\x00\x0c\x00\xd4X\xea\xd3&lt;\x89j\xab\xbbg\xba\xde\xbd\xa8\xee\x9eha\x0f\x1e&lt;XTT\xc49&lt;:v\x14\xe7\x0c\xec\xf1)\xc9\xb2\xc4k\xaa\xc6\x8c\xbe\xd7\xd7\xc7\x8b1&amp;\xce\x1c:`\x93!6)--\x15\x00|\xbc\xbd\xc2\xbau\x82\xdaZ\xac\xabk\x10B\xb8\xc5jj\x1d\xd8\xb5K;\x00HKK\x07G=\xa3\xd3\xb80\x00\x1c\x82\xb8\xf5\xa0\xd5j\xbdx\xf1\xa2\xedA\x93\xc9\xe4\xee\xeen\xc7\xadr@b\x9f\xdc\xb2e\x0b!\xa4m\x9b\xa0A\xf7F\x91\xea*\xbb,gF\x08\xe15\x96\xa0\x8em\x07\x0f\x8c\x02\x80\xa4\xa4\x1f-\x16\x8bc\x8e\x02\x01@AA\x01\x00\xb8\xbb\xbb\xf9\xf8x\x01\xa5\x1ah\xd9\x1a\x8cs\xae\x18\xf4\xfe~&gt;\x00PXX\xa8\x853\xc0\x80\x01\xe0 \xc4D\xbd\xe4\xe4\xe4s\xe7\xce\x89\xc3\x05BHhh\xa8Xl@\x0b\x85XO\xe2|\xe6\x81\x03\x078\xe7\x03\xfa\x86{\x07\x05R\x8b\xddf42\xceARF\xc4\xf4\x05\x80\xac\xac\xd3\xd9\xd9\xd9\x0e\xb8\x96\xa4(\xa7\x94\x94\xa3\x00\x10\x1a\xd2\xc13\xd0\xc4\xac*V\xd4\xf5\x18\xe3@\x94\xde\x11\xa1\x00\x90\x99y\xaa\xb4\xb4T\x0b\xa7\xdf0\x00\xec\xcf\xd6d\xbc\xf2\xca+\xa2\xe0\xc45\x01c\xc7\x8e\x05\x87\x1cU\xb0\x17q*%///7\xf7\x02\x00DE\x84\x02\xc8v\xfcx\xc4\x99\xc3^=C$I\xaa\xa9\xa9u\xe43\x87\xbf\x0f0\xe2\xa4\xb2\xdb \xe2h\xd2vKQ\x97\x87\xd5`g\xa2\xf5\x97ey\xd6\xacY{\xf7\xee\x15\xe3\xfe\x94\xd2\x90\x90\x90G\x1eyD\x9c\xf3\xb4\xf76:\n\xd1\x8a\x9d?\x7f\xfe\xf7\xf3\x99\xe1\xc1\xf6=\x9f)\xce\x1c\x06wi\xef\xe3\xed\x05\x00\x99\x99\xa7\xc0\xf1\x02\x80\x10RSS\x93w\xf1"\x00\x98|\xbd\x01\x88cm\x9fc\xe1&amp;_o\x00\xa8\xac\xac\x14\x83\xb1\x8e\xf6m6:\x0c\x00{\x12W\x8a\x11B\xa6O\x9f\xfe\xd9g\x9f\xd9\xdazB\xc8\x17_|a4\x1aE\x9f\xd7\xbe\x1b\xe9h\xb2\xb3\xcf\x02\x80N\xa7\x0b\x080\x01\xb3\xf3p6\xa7\xcc\xdd\xcb\xdd\xd7\xd7\x13\x00\xb2\xb3\xb3\xc1\xc1\xce\x1c\x8a\x81\xec\xaa\xaa\xaa\xdc\x8b\xb9\x00\x10\xd93\x18$\x1d\xc7E n\x84\x10\x02@##B\x00\xa0\xb2\xb2*77\x170\x00P\xd3\x11\xd7g\x96\x94\x94&lt;\xf0\xc0\x03\xcb\x97/W\x94\xdfggSJ\x97-[v\xdf}\xf79\xc52\x93\xcdI|&gt;YYY\x00`\xf2\xf5\xee\xda\xb9\x1d\xd4\xdasE3B\x08WU\xcf\x00S\xd7\xce\xed\x00 +\xeb\x0c8X\x00\x08\x84\x10\x9dN\x07\x00\xaa\xeaX\xe7\'\x1c\x90\xed#\xd25\xc1\x82\xb2\x0e\x08\xd7\x18\xb0\x0f\xd1\xb8gdd\x8c\x1b7\xee\xc4\x89\x13\xa2\xf5\x17#\x8f\xabV\xad\x9a&lt;y2\xae\x00q3z\xbd\x1e\xae\xdea\xcd\xde\xdb\x02\x00\x00W\xb7Dl\x98c\xba:\xc9\xd8\xde\xdb\xe1\xf0l\x1f\x91\xcb\xf7\xfd\x05lb\xec@4\xf4\xbf\xfc\xf2\xcb\x03\x0f&lt;p\xf9\xf2e\xd1\xfaSJ\x03\x02\x02\xbe\xfe\xfa\xebQ\xa3Fa\xeb_\x1f\x8e\xb3\x8b:\xce\x96 \xd4 \xd8\xca47\xb1\xdaOFF\xc6\x981c\x8a\x8b\x8b\xc5 \x0f\xa5\xb4W\xaf^\xeb\xd7\xaf\x0f\t\t\xc1\xd6\xff\xd6TU\x05\x00I":E\x01Ghy%I\xa7(pu\xc3\x1c\x93\x18\x98\xc2\xa0\xba-\xdbG\xe4\x80CyM\x01\xcf\x014+Q^\xb5\xb5\xb5O&lt;\xf1Dqq\xb1r\xb5\xe1\x189r\xe4O?\xfd\x84\xad\x7f}\xf8\xfb\x07\x00@EE\xd5\x85\x8b\x85\xa0\xd7\xd9\xb1Q\xe3\x9c\x13Y\xae.5\xe7\xe6\x15\x01\xc0\xcd\xd6y\xb5;\xce\xb9JU\x00\xd0kc\\\xfbn\xd8&gt;"G\x8e\xf3F\x84\x01\xd0\xac\xc4\xb4\x9fo\xbe\xf9\xe6\xe8\xd1\xa3\x8a\xa2\x88\x1b\xc2\x0c\x1f&gt;\xfc\x87\x1f~\xf0\xf1\xf1\x11w\xb8\xb5\xf76:.\xd1)\xeb\xd1\xa3\x07\x00TVU\xe7\x17\\\x02E\xb1o\xa7\x96\xc8RMyE^\xfee\x00\xe8\xd1#\x0c\x1c\xefF"\x9cs\x9dN\xe7\xe3\xed\x03\x00Y\xd9\x17\x80\xe3u\x85\xb7 ee_\x00\x00\x9dN\xe7\xe3\xe3\x03\x1a8\x0e\xc0\x00hV\xe22\x9c5k\xd6\x10B\x08!\x9c\xf3v\xed\xdam\xd8\xb0\xc1`0\xe0\x9c\x9f\xdb\x12{c\xcb\x96AF\xa3\x1b\x00\x9c:\x9d\x03 \xdb\xf7\x08\x00\x0c\xbas\x17\xf2+*+\x01\xa0m\xdb?\xd8kKnF\xd4\x98\x97\x97Wpp\x08\x00\x9c\xc9\xbe\x08\\u\xf56\xed\x0eq\xce\x01\xa43gs\x01\xc0d\xf2\r\x0e\x0e\x06\x0c\x00\xd4\x88\xc4\x82?f\xb3\xf9\xf8\xf1\xe3\xb6+~_z\xe9%\x93\xc9d\xb5Z\xb1\xf5\xbf-\xb17v\xec\xd8)((\x08\x00\x8e\x1c;\t\xc0\xed\xb8\x872\xc6A\xd2\xa7\xa5\x9f\xb6X\xac\x8a\xa2DEE\x81\xa3^j+\xee[\xe9\xe6\xa6\x07\xe2\x88\x9b\xe78\x8cn\x06\x00\x107\xea\xb0\xf7\xb64\x07\xac\x86\xe6#\x1a\xfd\xc2\xc2\xc2\x92\x92\x12\x00\x10+\xc8\x0f\x1b6\x0c/\xf7\xad\'q\x8d\xb4\xd1h\x8c\x8c\x8c"\x84\x1c&lt;\x9cf1\x9b%\xc5n\x1f\x9d8\xb1\xba{\xdf\x11\x00h\xdd\xbau\xd7\xae]\xc1\xf1\xfa\x8cbH*""\x02\x002\xb3.T\\.!\n\xde\x0f\xe0\x06\xc4\xc2\x1eG\xd32\x01\xa0K\x97\xae\xde\xde\xdeZX\x0f\x0e\x03\xa0\xb9UWW\x8bi\xa0\x84\x10\x1f\x1f\x9f\x16-Z\x88\xe1 {o\x97s\x10-\xd7\x03\x0f\xdc\xcf9\xcf\xcc\xca9z8\r\x8cFJ\xed0\xec\xce9\x97\xf4\xba\xf2\xc2\xa2]\xbb\x0f\x03@L\xcc\x10OOO\x87]\xb9\xafU\xab\x96\x00PZj\xae2W\x91\xe6\xbau\x9as!\x120\xaa\x16^*\x06\x80\xc0\xc0@E\x1b1\x89\xa5\xd0\xdclw\x82d\x8c\xd5\xd4\xd4`\xdf\xbfA\xc4\x00\xcb\xbd\xf7\x0e\xf6\xf0\xf0\xa0\x94~\xbfy7\x91\rv\xd9Q\x19\xe5\xc4\xdd}\xdf\xde\x94\xdc\x8b\x85\x000r\xe4(p\xc8y\x96"\x90\xc2\xc3{\x02@Y\xb993+\x07\x0cz\x86\xabA\xfc7\xce\xb9\xa4(\xe6\xa2\xe23gr\xc1Q\xcf\xe77\x05\x0c\x80\xe6#v\xc5.]\xba\xfcxUbb\xa2\x87\x87\x078\xde\xb8\x81\xc3\x12\xf7\xce\xec\xd2\xa5KLL\x0c\x00\xacY\xbf\xf5\xca\x85\x0b\xb2\x9b\xbe\xf9[^"\x01\xa8t\xd1\xd2\xb5\x84\x90V\xadZ=\xf8\xe0\x83\x00\xe0\x80q.J\xabC\x87\x0ennn\x8c\xb1c\xa9\x99xK\xc8\xebq\xce\xc1\xcdp\xf6\xec\x85K\x97\x8b\x01@\x9c3\xd7\x02\x0c\x80\xe6#vEOO\xcf\x98\xab\x06\r\x1a\x84\xf3&gt;\xefL||\xbcDHA\xe1\x95O?[G\x8c\x9e\xcd&lt;\nD)#^\x9e?%\xee\xdd\xb5\xfb0\xe7|\xfa\xf4\x19\x0e;\xfec\x0b\x80\xd6\xadZ\x01\xc0\xd1\xd4S\xf6=s\xee\x98\x18\xe3 )i\xc7\xb3\xac\xaa\xaa\xd3\xe9z\xf5\xea\x05\x8ez&gt;\xbfq\xb9\xfe;t4\x9cs\xab\xd5Z[[[[[+\xe6f\xa0\x06\x91e\x99s~\xdf}\xf7\x85v\x0b%\x84,I\xf8\xb6$/Oj\xee\x83\x00N\x08y\xeb\xc3\xe5\x84\x10\x83\xc10y\xf2\x93\xe0\xa8\x87q\xe2\x1e5F\xa318$\x04\x00~IN\xb3\x98\xcd\x92\xe3\x1d\xa9\xd8\x97\xf8\xea~\xdaw\x04\x00\xfc\xfd\xfd:u\xea\x04\x8e\xfa\x856.\x0c\x80\xe6&amp;.\xcc1\x18\x0c\x06\x83A\xaf\xb7\xc3\xd8\x85\x0b`\x8c)\x8a\xb2h\xd1b\xce\xf9\xa5\xcb%\x7f{\xe3S\xa9\x19\x0f\x02\xa8Je_\xd3\xb7\xab7\xfe\xb4\xf7\x08\xe7|\xee\xdc\xb9\x9d:u\x12\x97\xf85\xcf\x064\x94\x18\xcb\x8e\x8e\x8e\x06\x80\xb3\xd9\x17\xcf\x9d\xce!F\x03\x9e\x06\xa8K\x92e\xab\xd9|\xe8\xd7\xe3\x00\xd0\xad[w///\x8d\xac\xc4\xee\xa0%\xeb\xaa\xc4\xa5\x00\xc7\x8e\x1d[\xb8p\xe1\xbb\xef\xbe\xfb\xe3\x8f?j\xa1\xc8\x1a\x9d,\xcb\x8c\xb1\x91#G\x8e\x1c1\x02\x00\x96.\xffn\xe7\x0f;\x14\x93\x8fjm\xf2\xcb\xf7\x19c\x92\xd1Px\xee\xc2\xb3/\xce\xe7\x9c\xb7h\x11\xf8\xfc\xf3\xcf\x8b\xaf\xb5\xa9\xff\xf4\x1d\x135\x16\x1b\x1b\xab(JMm\xed\xfeC\xbf\x81\xa2\xd7\xc2\x19\xcezb\x8c\x13\xa3\xe1\xcc\xa9sg\xcf]\x04\x80?\xfe1V\x92$\x8d|&gt;\x8e[\xb5\xaeG\xf4)\x96,Y\xd2\xa7O\x9f\xb9s\xe7\xbe\xf6\xdak\xc3\x86\r\x9b&gt;}:cL#\xd5\xd6\xb88\xe7K?\xfb\xcc\xcf\xcf\xc49\x7fr\xfa\xdf\x8b\xce\xe7)^\x1eTm\xc2\xebw8\xe3\\\x92\x88\xc10i\xea\xbc\xa2K\xc5\x00\xb0d\xc9R???\x07\xef-\x8ap\x8a\x88\x88\x10\xa7\x016o\xdb\x0b\x9c9\xf0\xf667\xc6\x18W\x0c\x89I\x07kjjeY\x1a:t\x18hc\xfc\x070\x00\x9a\x8d\xe8$\x96\x95\x95\xbd\xf6\xdak\x94R\xbd^\xaf(\x8a,\xcb\xcb\x97/?x\xf0\xa0\x98\xdcb\xefmt&amp;\xa2\x8f\xd6\xb9s\xe7e\xcb\x12\x00\xa0\xa0\xe8\xca\x03\x7fz\xb6\xb4\xa4\\v76\xd1\'\xc9\x19g\x12\x91==f\xc4\xcd\xdb\xb9\xfb0\x00\xc4\xc7\xc7\x8f\x1b7\xce\xf1\xd7\xf0\x10\x17\xd0\xb9\xbb\xbb\x0f\x1d6\x0c\x00~=\x9aQq\xb9X\xb6\xeb:z\x0eE"@8\xdd\xbd\xf7\x08!$$$$,,L;\xd7fb\x004\x13\xb1\xb3egg\x97\x95\x95\x11B,\x16\x8b\xaa\xaa\x84\x10I\x92~\xfb\xed7p\xc8)\xe4\x0eN\x96eUU\xc7\x8e\x1d\x1b\x1f\x1f\x0f\x00\x87SN\xc4M}\xd5\\c\x91\xdd\xdc\x1a\xfd8\x80Q&amp;Z\xffw\xff\xfeI\xc2W\x1b\x01`\xc0\x80\x01\x0b\x16,p\xe4\xa1\xff\xeb=\xf2\xc88\x00\xb8\x90[\xb0i\xd3\x8f`\xf4\xa0x\x1a\x00\x801.y\x18O\xffvr\xd7\xeeC\x9c\xf31c\xee\x17\x0bs\xd9{\xbb\x9a\x89\xd3\xd4\xaek\xb8a\xb7\xc2\x89Z\x10G#2`\xd1\xa2E\xd3\xa7O\x07\x80\x8d[\x7f\x1e&gt;\xf4\xc9\xe2R\xb3\xec\xeb\xadZ\xd5\xc6\xcaTUU%7\x83\xe8\xfb\xbf\xf6\xceg\x00\x10\x1d\x1d\xbde\xcb\x16I\x92\xc4-\x9d\x1b\xe5\xaf4)\xdb\x05tm\xdb\xb6!\x04\xd6\x7f\xbf\x03\x80I\x80\x01\x00\x8c1\xd0\x197m\xfd\xa9\xb2\xaaZ\x96\xe5\xb1c\xc7\x82f\xc6\x7f\x00\x03\xa0\xd9\x88u\x19;v\xec\x18\x18\x18\xc89\xd7\xeb\xf5:\x9dN\x8c\xfe\xf7\xe9\xd3\x070\x06\xee\x08!D\x9c\x10^\xb6l\x99\xc8\x80\xc3)\'\x06\x0cz|\xffO\x87\x15\xbf\x00B\x88\xaa\xd2\xbbI\x01J)\xa3L1\xf9\xe5\x17^\x1a="N\xf4\xfd\xa3\xa3\xa3\x13\x13\x13\xfd\xfc\xfc\x9ch\xad\x18B\x88\xaa\xaa^^^\x8fNx\x94s\xd8\xbd\xf7\xd7\xb3\xe9\x99\xc4\xc3\x88s\x81dER+\xcdk\xd6\xff\x9b\x10\x12\x1d\xdd\'::Z\xac\xd4b\xef\xedj&amp;\xd8\xe84\x131\x1d\xdb\xd3\xd3s\xc1\x82\x05z\xbd\xdeb\xb1X\xadV\xc6\xd8\xf3\xcf?\xdf\xa7O\x1fq\x9b0{o\xa3S\x12+)QJ\x97-[\xf6\xf4\xd3O\x03@\xe6\x99\xf3\xc3FO\x7f\xf3\xb5\x05\x16B\x14\x93/\x91@Ui\x83\x8e\x06\xc4\x1d:\x19c\xb2\x8f\x97\xe4\xed\xb9~\xcd\xbf\xa2\x07&lt;\x96\x98\xf4\x0b\x00\x0c\x1c8011\xd1d29\xddW&amp;\xb6vJ\\\x9c^\xa7\xab\xac\xac^\xbdn+\xd1\xb9sm\xcf&gt;\xa0\x94\x11O\xcf\xbd\xbb\x0f\xa5\x1d\xcf\xe2\x9cO\x9d\xfa\x94v\xe6\xff\x08\x04\x87\x9e\x9b\x93\xe83\x1e?~&lt;11\xb1\xba\xba\xfa\xde{\xef\x1d&lt;x\xb0\x13u$\x1d\x96\xb8G\xbc8\xa9\xfe\xe2\xdc\xb9\xa5ee\x00\x10\x1e\xd6e\xces\x93\x9e\x980F\xef\xe3\r5U\xac\xc6\xc28\'\x84H\x12\x81\xff&gt;\xcc\x17{\x01\xe3\x9c3N\x00d\xbd\x0e&lt;\xdc\x81\xd2\x9d;\xf6-\xf8h\xd5\x8e]\x07\xc5\xd3\xe2\xe3\xe3\xe7\xcf\x9f/\xee\xe4\xe3\\\xad\xbf 6{\xc4\x88\x11III\x01\x01\xbe\xe9\xc9\xdf\x05\xb6\xf0\x03\xab\xaa\xd9\xf2c\x8cq7\xe3\xc8QS\x7f\xfc9\xb9ePPZz\xba\xb8\xad\x9bv&gt;\x10\x0c\x80\xe6vM\xdb\x81\xad\x7f#\x12\x13rRRR\x9eyf\xd6/\xbf\x1c\x12\x0f\xf6\xec\x11&lt;{\xd6c\xa3G\x0cl\xdb\xb9-\x10\x05\xb8\n\xb5\x16\xa0\x8cYU\x10\x1f&lt;\x07I\x91A\x96@\xaf\x07Y\x01\x80\xf2\xc2K?\xedOY\xfa\xf9\xfa\xc4\x9d\x07\xc4\x8b\xb4i\xd3\xe6\xa3\x8f&gt;\x1a?~&lt;8\xf3W&amp;&gt;\x9f\x7f\xff\xfb\xdfc\xc6\x8c\x01\x80\x85\xef\xc6?\xff\xeal\xb5\xf8\x92\xa2\xd3\xe2z$\x942\xd9\xc73e\xef\x91&gt;C\x9e\xe4\x9c\xbf\xf0\xc2\x0b\x0b\x16,\xd0\xda=Y1\x00\xec\xc06\xf1_\x0ca\xdb{s\\\x8ah\xe3TU]\xbdz\xf5\x1b\xaf\xbf~!7W&lt;n2\xf9\xdcwo\xef!\x83\xfbD\x86\x07w\x0f\xee\xe0\xe1a4\x06\x98\x80s\xe0\x00\x92D\xcb\xcc\xe5\x15UY\xe7.\x1e\xcf8\xb3\xef\xc0\xd1\xa4\xdd\x87\xcf\xe5\\\x14\xbfh4\x1a_x\xe1\x85\xd9\xb3g\xb7h\xd1B\xcc\xf9q\xd2\xd6\x1f\xae\x1e\xe8\xd4\xd4\xd4DEEeffv\xed\xdc\xee\xd0\xbe\xb5^\x1eF\xe2\x90\xab\x1855\xca\x98\xec\xe9\xf9\xe8\x84\xf8\r\xff\xdci\xd0\xebS\x8e\x1e\r\r\ru\xf0k\xfa\x1a\x1d\x06\x00r5\xb6c\xac\xa2\xa2\xa2M\x9b6-]\xba\xf4\xd8\xb1cu\x9f\xe0\xef\xe7\xeb\xed\xed\xd1\xb9s;`\x0c8\x80"\x17\xe4\x15\x15^*\xbet\xa9\x04\xeaL\x8ci\xdf\xbe]\\\xdc\xd4\t\x13&amp;\x84\x86\x86\xc2\xd5hi\xde\xb7\xd2\xf8\xc4\xbbX\xbdz\xf5\xe4\xc9\x93\x01\xe0\x8dW\xa6\xbf\xfe\xde\xcbj\xc9eMu{\xe1\xf7\xee\xbf\xd7O\xff\xfe9\xe6\xfe\x99\x000e\xca\x94\x95+W\xba\xc6W\xdc \x18\x00\xc8\x05\xd9N\t\x00\x00\xa54))i\xfb\xf6m\xbbv%ef\x9e\xaa\xad\xbd\xcd\x02|\x9d:u\x1c2$f\xc8\x90!\x0f=\xf4\x90\xb7\xb7\xb7x\x05\xa7\xee\xf8_CLr\x1f6l\xd8\x9e={\x02\xfc}S\x0foh\xd12\x10\xacV\xc9U\xde`}P\xc6\x88\xd18l\xf8\x94\x9f\xf7\xa5\xf8\xfb\xf9\xa5\xa5\xa7\x07\x05\x05i\xad\xfb\x0f\x18\x00\xc8\x85\xd5\x8d\x01\x00\xa0\x94ffffdd\xa4\xa7\xa7\x9f?\x9f\x93\x93s^\xb4\xe9\x9cs__\xdf\xf0\xf0\xf0v\xed\xda\x85\x85\x85\x85\x85\x85\xb9\xbb\xbb\xdb~E\\\xacg\xb7\xf7\xd0\x04D?w\xcf\x9e=C\x87\x0e\xa5\x94Ny\xfc\xfe\x95k\x17\xa9%W\xb4s\x10\xa0\xaa\xaab\xf2\xff\xea\xf3\xaf\xa7\xfc\xcf\x9b\x00\xf0\xee\xbb\xef\xbe\xfa\xea\xab\x1a\xec\xfe\x03\x06\x00ry"\x068\xe7\xf5o\xe0(\xa5b1\x00\x97\xe9\xf5_C4vqqq\xabV\xad\x92e9q\xe3\xff\x0e\xbb?\x86\x96\x94\xcb\xf6\xbb\xc1r\xb3a\x8c\x83^w\xb9\xa8\xb8W\xff\xf1\x85E\xc5\xc1\xc1]\x7f\xfb-UQ\x14m\xde\x99\x15\x03\x00i\x05\xaf\xe3\x9a\xbd]&lt;\x08\x00\xa2\xbf\xef\xf2\r\x81\x98\x83PTT\xd4\xad[\xb7\xd2\xd2\xd2.\x9d\xda\x1e\xfb\xf5{7\xbdN\xd2\xc0\xd9`U\xa5\x8a\xc94\xe1\xcf\xb36\xfck\x17\x00$&amp;&amp;\x8e\x1c9R\x9b\xdd\x7f\xc0\x0b\xc1\x90v\x88\xc6]\x96e\xb1\x0c\x9fT\x87xP&lt;\xee\xf2- \x00H\x92\xc49o\xd9\xb2\xe5\xc2\x85\x0b\x01 \xebl\xees\xcf\xbd#{4\xf7\x8d\xd5\x9a\x9fjU\x15\x93\xdf\xca\xa5kD\xeb?uj\x9c\x96[\x7f\xc0#\x00\x844K\xccy\x9f0a\xc2\x86\r\x1b\x00`\xc5\x92\xbf\xc7\xcdzR-\xbe\xec\xaa\x97\x05P\x95\xca&gt;^iG\x8e\x0f\x88y\xb2\xaa\xaa\xbac\xc7N\xa9\xa9\xa9F\xa3Q\x9b\x83?\x02\x06\x00B\x1a%\xce\x8e\x94\x95\x95EGGggg\xbb\xbb\xbb\xfd\x94\xb8\xbc\xcf\x80HZfv\xbd\x93\x01\x8c1\xd0\xe9\xca*\xaa\x86\x0c\x9d\x9cz\xfc\x8c\xa2\xc8\xfb\xf6\xed\xeb\xd7\xaf\x9f\x93^\xd4\xddX\xb4\xfb\xce\x11\xd28\xd1\xf3\xf5\xf3\xf3\xfb\xe6\x9bo\x08!\x95\x95\xd5\x13\x9ex\xb1\xe4R\xb1ltc\xae5\x16\xc49g@$w\xe3\x8c\xe9\xaf\xa5\x1e\xcf\x02\xe0\xf3\xe7\xcf\xef\xd7\xaf\x9f\xaa\xaaZn\xfd\x01\x03\x00!-\x93$IU\xd5~\xfd\xfa}\xf6\xd9g\x00p6\'o\xd4\x1fgT\xd5\xd4\x82^\xe7Jk\xa2Q\xc6\x14\x1f\x9f\x99S\xe7}\xf7\xc3n\x00\x98&lt;yr||\xbc\xd6V}\xb8!\x0c\x00\x844MQ\x14UUg\xcc\x98!\xd6RMN9\xf1\xcc\xac7%w#\'\x12w\x89\xc5\xa2\xad\xaa\xaa\xf8\x06|\xf1\xf1\xca/V\xfe\x0b\x00\xa2\xa3\xa3\x97.]\xaa\xa95\x9fo\x01\x03\x00!\xad\x13\xab\'}\xfe\xf9\xe7\xe2\x9e\n\xab\xd6m\x9d1\xe5\x15\xd9\xcb\x03d\'_\x1b\x99sJ\xa9\xce\x14\x98\xf0\xe9\xca\x99\xf1\xef\xc1\xd5{9\x88\x0b\xfd4{\xe2\xb7.\x0c\x00\x84\xb4N,J(\xee\xa9 2 \xe1\xab\x8d3\xe2\xe6QE\x91t\xbaF\xbf\xbff\xf3`\x8cQ\x0e\xb2\xaf\xef\x17\x9f\xac\x981\xfb\x1d\x00\xe8\xdb7\xdaI\xef\xe5\xd0tp\x16\x10B\x08\xa0\xce\xca\x193f\xccHHH\x00\x80\x81\xfdzn\xde\xb4\xd4\xd4\xc2O-)w\xae\xb9\xa1T\xa5\xb2\x9b\x1e\x8c\xc6\x99\xd3\xfe\xfa\xc5\x97\xdf\x03@\xdf\xbe}\xb7o\xdf\x8e\xad\xff5\xf0\x83@\x08\x01\\\xbdP\xae\xeeq\xc0\xfeC\xa9\xc3F&gt;u\xf4\xd7\xe3\x8a_@#\xdec\xb9\xa9\xa9VU\xf6\xf5.)\xaf\x9a\xf0\xe7g\xb1\xf5\xbf5&lt;\x02@\x08\xfd\xc7\xf5\xc7\x01\xfe&amp;\xef\xa5\xff\xfb\xb7\xf1O&lt;\xcc\xcde\xcc\xb1/\x9a\xe5\x8c3\xced_\xbf\xa3\xc9\xc7\xa6M{-%\xf5\x14`\xeb\x7fK\xf8q \x84\xfeC\x1c\x070\xc6\x96-[\xb6h\xd1"\x00\xb8RR&gt;a\xe2\x8bsf\xbfAeY\xf6\xf2TU\x07=\x14P\xad*1\xe8d_\xd3\xf2\xcf\xd7\x0e\x1d\x1e\'Z\xff\xa9S\xa7\xee\xda\xb5\x0b[\xff\x9b\xc1#\x00\x84\xd0\xb5\xc4\xeax\x92$%&amp;&amp;&gt;\xf5\xd4\xd4\x8b\x17\xf3\x00\xa0\x7ft\xf8\xe2\x8f^\xe97\xa8\x1fT\x96\xab\x16\x8b\xe3L\xa2\xff}\xd5n\x1fS\xde\xb9\xf3/\xbc4\x7f\xfd\xb7\xdb\x01\xc0`0\xbc\xff\xfe\xfb\xf1\xf1\xf1p\xdd}X\x91\r\x06\x00B\xe8\xc6\xc4\xa5R\xf9\xf9\xf9qqq\x89\x89\x89\x00\xe0f\xd0\xbf8g\xca\x0b\xcfO\xf6\tl\x01\xe62\xaaRI\x91\xed8\x9b\x92RF\x00$_/\xa8\xb5\xae\xfc\xea_\x7f\x7fsIn^\x11\x00\x84\x84\x84|\xf9\xe5\x97\x03\x07\x0ed\x8ciy\xa9\x9f\xdb\xc2\x00@\x08\xdd\x94m\xa5\xcc\xc5\x8b\x17\xcf\x9b7\xaf\xa6\xa6\x06\x00\xba\x85t|\xf1\x85\xb8\x89\x13\xc6\xe8\xbc=\xc1l\xa6*\x95\xe4f]C\x9b\x030\xd1\xeb\xf7\xf6\x04\x0e;\x13\xf7\xce\x9f\xbfr\xe7\xee_\xc4O\xa7M\x9b\xb6`\xc1\x02\x1f\x1f\x1f\xbc\xd6\xf7\xb60\x00\x10B\xb7b\xebD\xa7\xa7\xa7\xbf\xf4\xd2K\xdb\xb6m\x13\x8f\x0f\xe8\xdb\xf3\x95\x97\xa7\x8f\x1a\xda\xd7\xe0k\x82\xca\n\xd5b%\x84\xc8r\xd3\x8e\xb40\xc6\x18\xe3\x8a"\x83\x97\x07X\xac\x07\x7fI\xfd\xdf%k\xd7m\xf8}\x93\xc2\xc3\xc3?\xf8\xe0\x83\xd8\xd8Xp\x95{875\x0c\x00\x84\xd0\xed\xd9\xda\xd3\xf5\xeb\xd7\xff\xe3\x1f\xffHKK\x13\x8f\xf7\xec\xd15~\xf6\xc4\xb1\x0f\x8f\xf0n\x11\x00\xcc\xca+\xaa(\xa5\xbf\xdfU\xa7\x91\x8e\t8\x00g\x8c1.\x11"y\xb8\x81\xceH+\xcd?\xeeI^\xf8\xd1W\x89\xbb\x0e\x88\xe7\xb4j\xd9r\xd63\xcf\xbc\xf4\xd2Kz\xbd\x1e\x87}\xea\x0f\x03\x00!T/bY\x08I\x92,\x16\xcb\x87\x1f~\xb8t\xe9\x92\xfc\xfc\x02\xf1\xa3\xf6\xedZ\x8f\x1f;\xe2\xe1\x07\x87\xdesO$\xe8\x8d\xc0,P]K\xad\xaa\xb8\xf9\x9aH\x83\x06\xfd-\xce9\xe3\x9c3N\x08\xc8\x8a\x0c\x06\x03\xe8\x0c\x00\xf4\xe4o\'\xb7l\xdb\xfb\xcd\xffm;z,C&lt;\xd3h4&gt;\xf6\xd8co\xbd\xf5V\x9b6m\x00;\xfe\r\x84\x01\x80\x10j\x00[\x0b[XX\xb8f\xcd\x9a5k\xd6\xa4\xa6\xa6\xda~:h`\xd4\xf0\x98~#c\xfaFD\x84\xba\xfb\xfb\x02\xc8\xc0U\xa8\xb5p\x8b\x953\xce8\x07\xe0b!\xeak^\xf6jC\xc4\t\x91\x08\x01I\xa7\x03\x83\x1ed\x05\x00\xa8\xd9\x9cy:g\xc7\xeeC?\xef9\x92\xb8\xeb@UU\xb5\xf8\x95\xd6\xadZ=\xfe\xc4\x13\x93\'O\xee\xd1\xa3\x07\x00\xa8\xaa\xaa\x91\x1b\xba5"\x0c\x00\x84P\xc3\xd8.\x16\x03\x00\x8b\xc5\xb2}\xfb\xf6\x95+W\xee\xd8\xb1\xa3\xaa\xaa\xca\xf6\x9c\x8e\x1d\xdbF\xf5\n\xbd\xf7\x9e\xc8\xc8\x88\x90\xee];\x04\xb4\x0c\x007\x03\x808%\xcb\x01\xae__H\xbazY\x92\n\xaaZZT\x9cy&amp;\xf7x\xc6\x99}\x07\x8e&amp;\x1f9\x9ey:\xa7\xb6\xb6\xd6\xf6\xd4A\x83\x06N\x9e&lt;\xe5\x81\x07\x1e\x08\n\n\x02\x00J\xa9\x16\xee\xe4\xdc\x140\x00\x10Bw\x82sN)\xb5M\xb39y\xf2\xe4\x96-[6m\xda\x94\x9c\x9c\\\xb7\xb1\x06\x00\x7f?\xdf\xae]\xda\xf9\x9a\xbc\xa3{\x85*\x8a\xe2\xe3\xe5\xd13"\x84SJ\x80\x88\xd7!\x8a\x92s.7\xe7B\x01Q\xe4\xb4\xd4\xcc+\xc5e\'O\x9f\xcb\xcf\xbft\xcd_\x0c\x0f\xef1z\xf4\xe8\x87\x1f\xfe\xd3=\xf7\xdc#\x1e\x11wt\xc19\xfew\x0c\x03\x00!t\xe7\xc4\xd1\x80\xb8~X&lt;\x92\x91\x91q\xe8\xd0\xa1-[\xb6\xa4\xa4\xa4\xe4\xe5]\xac\xad\xb5\xdc\xcd\xeb\xb7l\x19\x14\x1e\x1e&gt;j\xd4\xe8\xc1\x83\x07GEE\x89\xc3\x0e\xf1G\xb1\xd7\x7f\xf70\x00\x10B\x8d\x801&amp;\xc6\x85l\x8drUUUNN\xce\xc9\x93\'\xd3\xd2\xd2\xd2\xd2\xd2\xae\\\xb9\x92\x91q\x82RZ^V^k\xb9A*\x04\x06\x06\x00@\xe7\xce]L&amp;S\x9f&gt;\xbd;u\xea\x1c\x16\x16\xd6\xb5kW___\xdbsTU\x15\x8bW7\xcb{r}\x18\x00\x08\xa1\xc6$\x92\xe0\x86\xcdtYY\x19c\xac\xa0\xa0\xa0\xa0\xa0\x80\x10\xa8\xdb\xf6xzzv\xed\xda\x95sn2\x99n\xf6\x82\xd8\xe5ot\x18\x00\x08\xa1&amp;\xc1\xeb\x10\x13\xf3\xeb3X/\x86wD\xbb\x84\x8d~S\xc3\x00@\x085\x13\xd1\xda\x88H\xb8\xfe\xa7"\x1e\xb0\xb9oN\x18\x00\x08!\xa4Q8}\n!\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n\x03\x00!\x844J\xb1\xf7\x06h\x0b\xaf\xe3\x9a\x1f\x91:\xec\xb2m\x0855\xac\x7fGC\xae\xff&amp;P\xa3\xe3\x9c3\xc6\x00@\x96\xe5\xdb&gt;\x99R\xca9\x97$I\x92\xf0\xf8\x0c\xb9\x02\xac\x7f\x87\x85\x01\xd0\xb4\x18c\x9cs[\xddSJ/^\xbcx\xe6\xcc\x99\x9c\x9c\x9c\xf3\xe7s\x08!\x9c\x03\x00\xf7\xf55\x85\x87\x87\xb7l\xd9\xb2C\x87\x0eF\xa3\xb1\xee\xefJ\x92\x84}"\xe4\xa4\xb0\xfe\x1d\x1c\x06@Sa\x8c\xd9\x8eg\x0b\x0b\x0b\xf7\xef\xdf\xbfu\xeb\xd6\xe4\xe4\xc399\xe7\xcb\xcb\xcbo\xf8+\x06\x83\xbeM\x9b6QQQc\xc6\xdc\xdf\xbf\x7f\xff\xd0\xd0P\xf18\xa5\xb4&gt;]\'\x84\x1c\x07\xd6\xbfS\xc0\x00h|\xe2\x80W\x94ljj\xea\x92%\x9fn\xd9\xb25//\xef\x9a\xa7\x05\x06\xfa\x03g\x1c\x80\x10\xa9\xac\xccl\xb1X\xea\xfe\xd4\xc3\xc3}\xc4\x88\x11\xb3f=3t\xe8PY\x96\xc5\x114\x1e\x14#\xc7\x87\xf5\xefD0\x00\x1a\x19cL\x94izz\xfa\xcb/\xbf\xbck\xd7.[e\xb7o\xd7\xbaO\x9f\xb0\xa8\x88\x90&gt;\x11\xa1&amp;\x93w\x97\xce\xed\x801\x00\x00Y)\xc8+\xcc\xbfT\x9cv\xe2ljZf\xf2\x91\xe3i\xe9\x99\xb6\x17\x8c\x88\x88x\xef\xbd\xf7bcc\x01\xbbB\xc8\xe1a\xfd;\x17\x0c\x80\xc6\xa4\xaa\xaa\xa2(f\xb3\xf9\xaf\x7f\xfd\xeb\xf2\xe5\t\xd5\xd55\x00\xe0nt{d\xec\xc8??&lt;|\xc8\xa0(\xef\xa0\x00\x00\x19@\x05\xc6\xa0\xd6\x02 \x0679\xe8\x14P\x</t>
        </is>
      </c>
    </row>
    <row r="282">
      <c r="A282" s="1" t="n">
        <v>280</v>
      </c>
      <c r="B282" t="inlineStr">
        <is>
          <t>color_hexagon</t>
        </is>
      </c>
      <c r="C282" t="inlineStr">
        <is>
          <t>What is the missing color of the part denoted with a question mark?</t>
        </is>
      </c>
      <c r="D282" t="inlineStr">
        <is>
          <t>['orange', 'blue', 'purple', 'green']</t>
        </is>
      </c>
      <c r="E282" t="inlineStr">
        <is>
          <t>blue</t>
        </is>
      </c>
      <c r="F282" t="inlineStr">
        <is>
          <t>There is a hexagon split into six parts with the colors ['green', 'yellow', 'blue', 'green', 'yellow', '?'] in an anti-clockwise order.</t>
        </is>
      </c>
      <c r="G282" t="inlineStr">
        <is>
          <t>We observe that a green part is opposite another green part, and a yellow part is opposite another yellow part. Thus, the pattern is that the colors in opposite parts are the same.</t>
        </is>
      </c>
      <c r="H282" t="inlineStr">
        <is>
          <t>Based on the pattern that spatially opposite parts have the same color, the missing color of the part which is opposite a blue part should be blue.</t>
        </is>
      </c>
      <c r="I282" t="inlineStr">
        <is>
          <t>b'\x89PNG\r\n\x1a\n\x00\x00\x00\rIHDR\x00\x00\x02\x00\x00\x00\x02\x00\x08\x02\x00\x00\x00{\x1aC\xad\x00\x00}\xd0IDATx\x9c\xed\xddy|\x95\xd5\xb57\xf0\xbd\xd7~\xce\x98\xe1\x9c\x84\xc1\xa0\x14d\xba(RP\x02T\xa4\x02\xa1e\xb8R\xc1\xb6\xe0L\xe1Z[(\xf4\xd20]\x89\x9a(D*Q\x82)\xb5}\x8b\xb5\x15k\x194\xda\xe2X\x0c\xcah@\x99AP0\x86\xa9\x0c\x01!\xe3\xc9\xc9\x19\x9e\xbd\xf6\xfb\xc7\x0eG\x8a\xa2\x0c\x19\xce9\xcf\xfa~\xee\xe7\xfd\xbc\xb7\xf7\xde\xf6\x98\xe4&lt;k\x0f\xebY?\xae\x94b\x84\x10B\xac\x07\x9a\xfb\x03\x10B\x08i\x1e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94\xd1\xdc\x1f\x804\'\xa5\x94R\xaa\xb9?\x05i6\x9cs\xceys\x7f\n\xd2l8}\xff-\xcb4M\xc3\xa0\x15\x80\xd5\x99\xa6)\x84\xa02`MT\x00,\n\x11\x01`\xdf\xbe}\x93&amp;M\x02\x00Dl\xeeOD\x9a\x94a\x18\xa6i&gt;\xf8\xe0\x83\xf7\xde{os\x7f\x16\xd2lh\x01h9\xba\xe4\xd7\xd5\xd5\xe5\xe7\xe7{\xbd\xde5k\xd64\xf7\'"\xcd\xa6[\xb7n\xc7\x8e\x1d\x1b&gt;|x\xf7\xee\xdd\x95R\x00t)h-\xb4\x03\xb0\x1c)\xa5\x10\xe2\xc5\x17_\x1c?~&lt;\xe7\\\x08\x11\xf9\x1b\x00\xe0\xf4\xd7\x10\xdf8c\xa8\x14;\xfbk\x16B\x84B\xa1\xb1c\xc7\xfe\xedo\x7f\xa3#A\x0b\xa2\x02`-\xfa\xd6\xb7\xaa\xaa\xaa[\xb7n\xa7O\x9fFD:\xfc\xb18\xbb\xdd.\xa5\\\xb3f\xcd\xad\xb7\xde\xaa\x17\x07\xcd\xfd\x89H\xd3\xa1\x82o-\x88(\x84\xc8\xce\xce.++\x13B0\xa58g\x9csDu\xf3\x88\x1bo\xfdq\xba\xbf&amp;\x00\x82\xce\x01\xe2\x93B\xe5p\xd9\x0e\xee9\xb6\xe2\x8f\xef)T\x8c1\xce\xb9i\x9a\x88\x98\x99\x99\xb9q\xe3F\x9b\xcd\xa6\x94\xa2\x0ba\xeb\xa0\x1d\x80\x85 "\xe7\xfc\xb3\xcf&gt;\xeb\xde\xbd;"Fz@9\xe7J)o\xab\xa4\xdc\x15S\x13\x92\x9c\xa6)\xe9\x11\x10\x97P\xa2;\xd9\x957\xfe\xb9=\x1bK\x008\x9e\xad\x01\x00 \xa5\\\xbcx\xf1\xb8q\xe3h\x13`)T\x00,D\x7f\xb7\x87\r\x1bVTTd\xb3\x19\xe1\xb0\xd9\xb7G\xeb\xb2/\xfc\xff.\xf3\x81\x00i\xe2\xf7\xefH\x1f\xf7\xd8\x8f}\x95~\x10\xc0\x98b\x8c\xca@\xfc@\x89\x89\x1eW\xf1\x1b;\x16?\xfe\x0f\x00\xae\x14\xb3\xd9l\xfd\xfb\xf7_\xb3f\x8d\xbe\xfbm\xdd\xba\xf5\xde\xbd{\xbd^/\xbd\x1c`\x1d\xb4\xd9\xb7\n\xfd\xf4/*****\x12B(D\x00\xfe\xe7\xb9\x03f&lt;\xd0C)\xc6\x19\xe3\xc07\xbd\xb9\xe3\xc8\xa7\xc7\xdd\x89N\xc6\x18\x00\x00p\xfa\xaf\xf8\xf8/\x0e\xdcf\x13\xc1\xba\xf0;\xcf\xafe\x8c\x01\x08\xa5\xd4\xa0A\x83^z\xe9\xa5\x96-[*\xa5\x84\x10eee\x0b\x16,\xa0\x9e`K\xa1\x02`\t\xfa`\xd74\xcd)S\xa6p\xce\x84\xe0\xa6\xc4{\x7f\xd4\xb9\xc7\xf7\xae\xfe\xc5\xfd7t\xbe\xd6c\x9a(\x00\xa4\xc4\xc2gVrA\xcb\xbfx\x83\x12\xdd\x1e\xd7\xca\xc5\x1bN\x1d-\x17\x02\x10\xd10\x8c\xc7\x1f\x7f\xfc\x9ak\xae\xc9\xce\xce\xd6\x87\x81B\x88\xa7\x9f~\xba\xa4\xa4\x84j\x80uP\x01\xb0\x04\xfd\xda\xd7\xa2E\x8b\xf6\xef\xdf/\x84\x90\xa6\xf4$\xd9\x1f\xffMo\xac\x0e9\x93\xed\xbf\xcd\xec\xcd\x18S\n\x01\xf8\xbe-\x07v\xae\xdd\xe7Nr\xa2\xa4G@\x9cPJ\xd9\x1d\xb6\x93\x87\xcf\xacy\xf9C\xce9\xe7\x80\x88\xe3\xc6\x8d\xfb\xde\xf7\xbew\xfa\xf4\xe9q\xe3\xc6\xf5\xec\xd9So\x10C\xa1\xd0#\x8f&lt;\xa2\xef\x84\x9a\xfbS\x93\xa6@\x05 \xfe\xe9\xbb\xdf\xb2\xb2\xb2\xec\xecl}\xba+QM\x1d\xd7\xbdS\x8f\xd6\x180euh\xcc\x98\xeb\x07\xf6m#\xa5\x12\x00\x8c\xb1\xd7\nV\xd6\xf9CB\x00=\x03\xe2\x03\xa2r\xba\xed+\x9e]U[]\xa7\x97\xff^\xaf7\'\'\xc7\xef\xf7#bbbbnn\xaeRJ\xd7\x80\xc2\xc2B}H(\xa5l\xee\x0fN\x1a\x1d\x15\x80\xf8\xa7\xdf\xf0\xcc\xca\xca\xaa\xa8\xa8\xb0\xd9\x84i\xca\x8e\xdfI\xce\xfc\xe5M\xb22 \x0c\xe0\x8a)\x89\xf9\xb3\xfa\x19\x06HD!\xe0\xe4\x913\xef.\xde\xe0\xf6\xb8h\x13\x10\x07\x10UB\xb2k\xd7\xfa\xfd[\x8a&gt;\x06\xe0J1D\xcc\xca\xcaj\xdb\xb6m]]\x9d\xcdf\xab\xa8\xa8\x18&gt;|\xf8\xc8\x91#\xa5\x94\x00\xc09\x9f2e\x8ai\x9a\xb4\x0f\xb0\x02*\x00qN\x1f\xfel\xdb\xb6m\xd9\xb2eB\x08DT\x8a\xe5\xcd\xe8\xebi\xedf!\xc99\x03\xc1\xb1&amp;\x94\xde\xbf\xed\x84\xbb\xaeG\xac\x7f-`\xcd\xcb\x1f\x9e&lt;|\xc6\xee0\xe8\x11\x10\xeb8c\xd2\x94o?\xbf\x06Q\x01\x08D\xec\xd9\xb3\xe7\xaf~\xf5\xab\xaa\xaa*\xfd\xde\xaf\xbe\x1c\xca\xcd\xcd\xf5x&lt;z\x13\xb0\x7f\xff\xfeE\x8b\x16\xd1M\x80\x15P\x01\x88s\xfa\xfaw\xfa\xf4\xe9\xc1`P\x08n\x9a8\xb0o\x9b\xd1\xa3\xaf\x93\xe5\x01a\xd4\xff\xf6A\x00\xfaB\xb9\xd3\xfa\xa4x\x1cR\xa2\x10P[]\xb7\xe2\x0f\xef9\x13\x9c\xbaU\x9c\xc4()11\xc5]\xbcb\xfb\xe7;\x8f\x80\x00}\xd9\xfb\xc4\x13O\xb8\\\xae\xc8\t\x0f\x00\xd4\xd4\xd4\xf4\xe8\xd1c\xc2\x84\t\xfa\xb4\x90s\x9e\x9d\x9d]QQ\x01\x00\xb4\x02\x88oT\x00\xe2Y\xe4Tw\xdd\xbau\x86aHS:\xec"\x7fV?%\xf1\xdcF\x1f\xce\x99\n\x98)W\'\xe5N\xe9\xad\x94&gt;2\xe2\xdb\xde\xdb\xb3o\xf3\x01W\x82\x83j@\x8cR\x8a\x19\x86\xa8&lt;U\xb3r\xf1z\xce\xb9\xe0 \xa5\x1c5j\xd4\xb0a\xc3*++\xcf}\xdb\xcb0\x8c\xaa\xaa\xaa\xcc\xcc\xcc\x0e\x1d:\xe8\x89@\x15\x15\x15\xfa\xc6\x886\x01\xf1\x8d\n@\xdc\xd2k7\xdd\xd7\xc1\x18\x03`\x12\xd5=#:\xa5\x7f\xbf-\xd6\x84\x00\xfe\xa3\xd5\x13\x04`Mp\xc2\xcf\xbaw\xed\xe0\x95\x12\x01\xc0\x0c\xcb\x7f\xfe\xbe\x08\x040z\xfe\xc7&amp;\x94\x98\xe0u\xad\xfa{\xf1\x17\xc7*\x00@"\xda\xed\xf6\xec\xecl)\xcf\x7f\xd3\x9bs\x1e\n\x85\xda\xb4i3s\xe6L\xbdK\x88\xf4\x8c\xd1AP|\xa3\x02\x10\xb7\xf4\xd8\x9f\xf9\xf3\xe7\x97\x94\x94\xd8l\x86\x19\x96\xa9^\xe7\x93\xffw3\xd6\x84\xf8W\xa6\xfdp\xce\x94\xa9\x0c\xb7m\xe1\xa3\xb70\xdd\x12*\xa0d\xe7\xe1Mo\xeeH\xf4\xba$\xdd\x06\xc7\x1aD\xe5L\xb0\x1f\xf9\xf4\xc4\xda\xc2\xcd\x1c\xb8^\xcbO\x9e&lt;\xb9W\xaf^555_\x1d\xfbl\x18\xc6\x993g\xc6\x8f\x1f\x7f\xcb-\xb7\xe8M\xc0\xd9\xb7F\xe8*8\x9eQ\x01\x88O\xfa\xee\xb7\xb4\xb44//\x0f\x00\x18S\xa8\xd4\xf4\xf1\xdd\xd3:yU\xc0\x84\xaf{\xd1K\x08.\xab\x83C\x87u\x18\xda\xbf\xad\x94\n8c\x9c\xbd\xf1\xa7\xd5Ug|\x86!\xe8!\x10s@\xc0\x8agW\xd5\xf9\x02\x02@J\xd9\xbau\xeb\xcc\xccL\x9f\xcfw\xa1Q?J)\x9b\xcd\xf6\xf0\xc3\x0f\xeb\xd1@\x86a\x14\x15\x15\x15\x16\x16RKh\x1c\xa3\x02\x10\x9f\xf4\xdd\xef\x9c9s\xaa\xab\xab\rC\x98a\xd9\xb5\x83w\xc6\xa4^X\xf1M\xc3&gt;9cJ\xaa\x85\xd9\xfd\xed6\x81\xa8\x84\x80\xd3\xc7+V\xbdT\x9c\xe8uSKh\x0cA\x89\t\xc9\xce=\xc5%;\xd6~\xaa[?\x95R999\xed\xda\xb5\x0b\x04\x02\x17\x9a\xf3#\x84\xa8\xa8\xa8\x181b\xc4\x9dw\xde\x19i\t}\xe4\x91GB\xa1\x10\xed\x03\xe2\x15\x15\x808\xa4\xef~\xd7\xaf_\xbfd\xc9\x12\xc3\x10R\x9a\x8a\xb1\x85\x8f\xdebO\xb0+\xa9\xbea\xce\x03\x00G_\xa8\xebMW\xcd\xfcy\x0fD\xa5\x07\x04\xad-\xdc|\xe8\x93cN\xb7\x9d\x1e\x01\xb1\x02\x04\x04\xfc\xa1\x15\xcf\xaeb\x9c\x81\x10R\xca[n\xb9\xe5\x81\x07\x1e8s\xe6\xcc7G\xbe\x08!|&gt;_nnnJJJ8\x1c6\x0c\xa3\xa4\xa4d\xfe\xfc\xf9t\x13\x10\xaf\xa8\x00\xc4\')\xa5\xbe\xee\x03\xe0R\xaa\xa1\xfd\xdb\x0e\x1d\xd6AV\x07\x85\xf8\x961?\xba%t\xda/z\xa6\xb5r\xa3T\x02\xa0\xce\x17x\xe7\xf9uv\xa7\x8d\xda\x81b\x82\x94\x98\x90\xec\xda\xf4\xd6\xce#\xfbO\x00\x80B%\x84x\xf8\xe1\x87\xf5\xac\xffo\xfe\xbf\xe5\x9c\xd7\xd5\xd5u\xee\xdcy\xd2\xa4I\xfa\x7f\x19\x00\xf2\xf3\xf3\xcb\xca\xca\xa8#(.Q\x01\x887\xa6i\n!\x96.]\xba~\xfdz\xc3f\x98\xa64\x0cX\x98\xdd_Iu1#\xdetKhj\xdb\xe4y\xd3\xfa\xe0\xd9\x86\x90\xad\xab&gt;\xde\xb5~\x7fB\xb2\x8bj@\x94SJ\xd9\xed\xc6\xe9\x13\x95o.Z\x1d\x19\xf4?z\xf4\xe8\x11#FTTT\\\xcc\xa0\x7f}\x104c\xc6\x8c\x8e\x1d;\xeaM@yyyVV\x16\xbd\x13\x10\x97\xa8\x00\xc4\x15\xfd\xbc\xae\xae\xae\x9e={6\x00\xe7L!\xaa\tw]\xdf\xb5gk\xf4\x9d\xdf\xfay!`\x00V\x06\xee\x1e}]\xfa\r-\x11\x11\x80#\xaa\xb7\x9f_#MIcB\xa3\x1c\xa2r&amp;8\xde[\xb2\xb1\xfa\x8c\x0f\x04\xa0D\x8f\xc7\x93\x95\x95\xe5\xf7\xfb/2\xf0]\xbf\x18\x9c\x94\x94\xf4\xe8\xa3\x8f\xb2\xb3\xbddK\x97.\xdd\xbe}\xbb~\x93\xbc\x91\xff\tH\x93\xa2\x02\x10Wt\xf3O^^^ii\xa9\x10B\x9a\x98\xe2q\xe4N\xeb\xa3\xfc\xe1\x8b\x0fz\xd4W\xc1\x8e\x04{\xfe\xac\x9b\x95bJ\xa1\x10\xf0\xf9\xce#\x1f\xfcs[\xa2\xc7M-\xa1Q\x0bQ\xb9\xdc\x8e\x83{\x8f\xae^\xb6\x89\x03\xe7\x8c#\xe2\x84\t\x13z\xf6\xec\xe9\xf3\xf9.\xb2\x000\xc6\x0c\xc3\xa8\xac\xac\x1c;v\xacn\t\xd5SB333\xa5\x94\xb4\t\x883T\x00\xe2\x87^\xac\xe9[;!\x84R\x88J\xe5NIO\xb9:\t\x03\xe6%-\xde\x85\xe0\xb2200\xa3\xfd\xe8a\x1d\xa4\xac\x1f\x10\xf4\xc6\x9fV\x9f9Qi\xb7\xd3\x80\xa0(\xc5\x19\xe3\x82\x17.Xi\x86\xa5n\xfdl\xdf\xbe}fffd\xec\xcf%1Ms\xee\xdc\xb9\xfa\x85\x00\xc306l\xd8\xb0t\xe9Rj\t\x8d3T\x00\xe2\x87~.\xeb\xbe=!\xb8\x94\x98~C\xcb\t\xe3{`u\xf02r\xde\xf5\xabay\xb3\xfay\x92\xec\x88J\x08^]\xee[\xb5d\xa3\x83\x86CD%\x94\xe8Jr\xee\\\xbbo\xdf\x96\x03\x91\xd6\xcf\xc7\x1f\x7f&lt;--M\xf7q^\xd2\xbf\x9b\x1e\x104h\xd0\xa0q\xe3\xc6\xe9\x01A\x000{\xf6\xec\xaa\xaa*j\t\x8d\'T\x00\xe2\x84n\xfd\\\xb7n]\xe4\xcd\x1d\xa5X\xfe\xac\x9b\r\x97\xf1\xcd\xad\x9f\x17\x02\xc0\xa5/\xd4\xb1{\xab\xa9\xe3\xbe[\x9f\x1e\x0e|\xf5\xb2M\x87?9F\x03\x82\xa2\x90\x10\x10\xac\x0b\xbfV\xb0\x92\xb1/[?\xef\xbf\xff\xfeom\xfd\xbc\xf0\xbf\xa1\xa8\xa9\xa9\xc9\xc9\xc9\xf1z\xbd\xfa \xa8\xb4\xb4\xb4\xa0\xa0@_,7\xf4\xc7\'\xcd\x83\n@&lt;\xd0\xaf}\x05\x83\xc1\xe9\xd3\xa7s\xce\x05p)\xd5\x98\xe1\x1d\x07f\xb4\x97\x95\xdf\xde\xfay!\xc2\x00\xac\x0cd\xfe\xf2\xc6N\xed\x93u\\\x8c\x19\x96o.Z\xc3/\xee2\x994\x19)\xd1\x95\xe4\\[\xf8\xd1\xc9#g\xf4\xdd\xaf\xddn\x9f;w\xae\x1e\xeb\x7fy\xff\x9e\x9c\xf3@ \xd0\xb6m\xdb\xac\xac\xacHf\xe43\xcf&lt;\xa3\xaf\x97\xe868&gt;P\x01\x88\x07\xfa\xeew\xf9\xf2\xe5\xdb\xb6m\xd3\xcb\x7f\xbbM\xcc\x9d\xd6\x87\xe1\xe5\xac\xfd#8g*$=W%&lt;6\xa9\x97R\x8a)\x05\xc0w\xac\xf9dOqIB\x92\x93n\x83\xa3\x84n\xfd,/\xabz\xe7\xf9\xb5\xfa\xac\x06\x11\x7f\xf2\x93\x9f\x0c\x1a4\xe8k\xc7\xfe\\&lt;\xc30\xaa\xab\xab\'N\x9c\xd8\xb9sg\xbd\t\xa8\xaa\xaa\x9a3g\x0e\xbd\x13\x107\xa8\x00\xc4&lt;\xbd\xfc\xaf\xa8\xa8\x985k\x16\x00p\xae$\xaa\x99?\xef\xd1\xa5\xc7U\xf2+S?/\x950@\x96\xd7\xdd{W\xb7\x01}\xda\x98\x12\x05\x00\xe3l\xc5\xb3\xab\x82\x81\xb0\xb8\xf4{\x05\xd2\x18\x14*g\xa2\xe3\xcdE\xab\xfd5\x01\x10 M\x99\x92\x92\x92\x9b\x9b[SSs1\x8d\xff\xdf\xcc4M\xb7\xdb=o\xde&lt;\xc6\x98\x1e\x10\xb4d\xc9\x92\r\x1b6\x18\x86A\x07Aq\x80\xbe\xc31O/\xff\xb3\xb3\xb3\xcb\xca\xca\x84\x00i\xca\xb4\x96\xeei\xbf\xe8\x89\xb5\xa1\xcb\xb8\xfb\xfd\x1a\x8a\t\x1b\xe4\xfe\xa67\x00G\x85\x00pd\xff\x895/\x7f\xe4\xa6M@\x14\xd0\x8d\xff\xfb6\x1f,~}\xbbn\xfdTJM\x9a4\xa9s\xe7\xce\xdf0\xf6\xe7\xe2\xe9U\xff\xc8\x91#322\xf4\x1ci)efff0\x18\xa4\xdb\xe08@\x05 \xb6\xe9\xa7\xbf\xce\xf0\x13\x02\x94BTl\xde\xf4\xbe\xa9m\x93\xd5%\xb6~^\x88n\t\x1d0\xa4\xc3\xd8Q]\xa4T\x823\xce\xf9;\x7fY[^VE\x99\x91\xcd\x8e3\x06\x02\xfe\xf9\xfb")Q\x80\x90Rv\xee\xdcy\xc6\x8c\x19\x17\xf9\xde\xefE\x92R&gt;\xf5\xd4Sv\xbb]o\x02\xb6o\xdf\xbe|\xf9r\x1a\x10\x14\x07\xa8\x00\xc46}\xfe\xa3S\xbc\x85\x00\xd3\xc4\x01}\xda\x8c\xbd\xb7\x9b,\xaf\x8b$&gt;^9.@\xd5\x86\xe6=ts\xaa\xd7iJ%\x04\xf7\xd7\x04\xde\\\xb4\xda\xe1\xb2+j\x07j&gt;R\xa2;\xd9\xb5\xe9\xcd\x1d%;\x0fG\x12\x1f\xe7\xcd\x9b\x97\x98\x98\xf8\xd5\xd4\x97\xcb\xa6[B{\xf7\xee=y\xf2\xe4HK\xe8\xacY\xb3\xca\xcb\xcbi\x13\x10\xeb\xa8\x00\xc40\xdd\xfaYTTTTT$\x84@\x89\x02x\xeeoz\x83\xd1\xc01^\xc0\x19\xd6\x99i\x1d\xbd\xd3\xc7w\xd7_x\x0e\xbc\xf8\xf5\xed\x87\xf6\x1es\xba\xa9%\xb4y(\xc6\x0c\x01\x81\xda\xe0[\xcf\xada\x8c\x01\x07)eFF\xc6\xc8\x91#\xab\xaa\xaa\x1ap\xf9\xcf\xce\xb6\x84fff\xb6n\xddZ\xff\xd5\x95\x95\x95-X\xb0\x806\x01\xb1\x8e\n@\xac\xd2k\xff\xb3\xb1ML\x08nJ\xbc\xef\xf6\xce\x03\x86t\x90\x95\x81\xcbn\xfd\xbc\x10\x10\x80\x15\x81\x19\x93\xd2\xbb\\\xeb1M\x14\x00Rb\xe13+\xb9\xa0\xf9@\xcd\x03%\xba=\xae\x95\x8b7\x9c:Z.\x04 \xa2a\x18yyy\x8dq7\xab[B\xdb\xb5k\x97\x93\x93\x83\x88\xba%\xf4\xe9\xa7\x9f.))\xa1\x1a\x10\xd3\xa8\x00\xc4*}\xfa\xaf\x83[\x85\x10\xd2\x94\x9e${\xce\x94\xde\xaa.\xdc\x18}\xfa\xfa\xc5`{\xa2}nfo\xa63#\x81\xef\xdbr`\xe7\xda}\xee$\'\xc5\xc541\xa5\x94\xdda;y\xf8\xcc\x9a\x97?\xe4\x9cs\x0e\x888n\xdc\xb8\xf4\xf4\xf4+l\xfd\xbc\x10\x9d\x14\x7f\xff\xfd\xf7\xf7\xec\xd9So\x02t\xdc4\x9d\x02\xc54*\x001I\x1f\xc5\x96\x95\x95eggs\xce9g\x12\xd5\xd4q\xdd;\xf5h-}\xe1+l\xfd\xbc\x10apY\x15\x183\xe6\xfa\x81}\xdb\xe8\xf7\xc2\x18c\xaf\x15\xac\xac\xf3\x87\x84\x00z\x064%D\xe5t\xdbW&lt;\xbb\xaa\xb6\xbaN/\xff\xbd^oNNNmmm\xc3\x1e\xfe\x9cKJ\x99\x98\x98\x98\x9b\x9b\xab\x94\xd25\xa0\xb0\xb0P\x1f?RKh\x8c\xa2\x02\x10\x93\xf4\xd8\xe7\xac\xac\xac\x8a\x8a\n\x9bM\x98\xa6\xec\xf8\x9d\xe4\xcc_\xde$+\x03\rx\xf7\xfbU\x9c1%1\x7fV?\xc3\x00\x89(\x04\x9c&lt;r\xe6\xdd\xc5\x1b\xdc\x1e\x17m\x02\x9a\x0c\xa2JHv\xedZ\xbf\x7fK\xd1\xc7z\xec\x0f"fee\xb5m\xdb\xb6AZ?/DG\x05\x0c\x1f&gt;|\xe4\xc8\x91\x91\xccH\xdd\x80@\xfb\x80\x18E\x05 \xf6\xe8\xc3\x9fm\xdb\xb6-[\xb6L\xbf\x94\xaf\x14\xcb\x9b\xd1\xd7\xd3\xda\xcdB\x8d;\xb2\x1f\x80cM(\xbd\x7f\xdb\tw]\x8fX?%t\xcd\xcb\x1f\x9e&lt;|\x86ZB\x9b\x0cgL\x9a\xf2\xed\xe7\xd7 *\x00\x81\x88={\xf6\xfc\xd5\xaf~uyS?/\xed?\x9as\xd34sss=\x1e\x8f\xde\x04\xe8\x16d\xba\t\x88QT\x00b\x8f\xbe\xfe\x9d&gt;}z0\x18\x14\x82\x9b&amp;\x0e\xec\xdbf\xf4\xe8\xebdy\xe3.\xff5\x9d\x19\x99;\xadO\x8a\xc7!%\n\x01\xb5\xd5u+\xfe\xf0\x9e3\xc1I\xed@M@JLLq\x17\xaf\xd8\xfe\xf9\xce#\x91\xd6\xcf\'\x9ex\xc2\xe5r5\xc19\x8cn\t\xed\xd1\xa3\xc7\x84\t\x13\xf49$\xe7&lt;;;\xbb\xa2\xa2\x82"\xc3b\x11\x15\x80\x18\x139{]\xb7n\x9da\x18\xd2\x94\x0e\xbb\xc8\x9f\xd5OIl\x9av\x1c\x9d\x19\x99ruR\xee\x94\xdez\xe60\x00\xdf\xf6\xde\x9e}\x9b\x0f\xd0\x94\xd0\xc6\xa6\x143\x0cQy\xaaf\xe5\xe2\xf5\x9cs\xc1AJ9j\xd4\xa8a\xc3\x86UVV6\xde\xe9\xff\xb9\x0c\xc3\xa8\xaa\xaa\xca\xcc\xcc\xec\xd0\xa1\x83\x8e\n\xa8\xa8\xa8\xd0wQ\xb4\t\x889T\x00b\x89^a\xe9\xee\x0b\xc6\x18\x00\x93\xa8\xee\x19\xd1)\xfd\xfbm\xf1\x8a\xc7\xfe\\&lt;\x10\x805\xc1\t?\xeb\xde\xb5\x83WJ\x04\x003,\xff\xf9\xfb"\x10\r\xfc\xfe\x019\x0fJL\xf0\xbaV\xfd\xbd\xf8\x8bc\x15\x00 \x11\xedv{vvv\x03\xbe\xf6\xf5\xad8\xe7\xa1P\xa8M\x9b63g\xceTgS\xa3u7\x1a\x1d\x04\xc5\x1c*\x00\xb1Dg~\xcd\x9f?\xbf\xa4\xa4\xc4f3\xcc\xb0L\xf5:\x9f\xfc\xbf\x9b\xb1&amp;\xc4\x9bp4\x9bn\t5\xdc\xb6\x85\x8f\xde\xc2tK\xa8\x80\x92\x9d\x877\xbd\xb9#\xd1\xeb\xa2\x01A\x8d\x04Q9\x13\xecG&gt;=\xb1\xb6p3\x07\xaeW\xdc\x93\'O\xee\xd5\xabW#\xb5~^\x88a\x18g\xce\x9c\x19?~\xbc\xce\x8c\xd4\xa9aS\xa6L\xa1\xab\xe0\x98C\x05 f\xe8\xbb\xdf\xd2\xd2\xd2\xbc\xbc&lt;\x00`L\xa1R\xd3\xc7wO\xeb\xe4U\x01\xb3\x89G\xf4\x0b\xc1eup\xe8\xb0\x0eC\xfb\xb7\x95R\x01g\x8c\xb37\xfe\xb4\xba\xea\x8c\xcf0\x04=\x04\x1a\t\x08X\xf1\xec\xaa:_@\'&gt;\xb6n\xdd:33\xd3\xe7\xf35\xcd\xe1\xcf\xb9\x94R6\x9b\xed\xe1\x87\x1f\xd6\xf90\x86a\x14\x15\x15E\xc2\x88\x9a\xf8\xc3\x90\xcbF\x05 f\xe8\xbb\xdf9s\xe6TWW\x1b\x860\xc3\xb2k\x07\xef\x8cI\xbd\xb0"\xd00S?/\x91\xce\x8e_\x98\xdd\xdfn\x13\x88J\x088}\xbcb\xd5K\xc5\x89^7\xb5\x8468\x94\x98\x90\xec\xdcS\\\xb2c\xed\xa7\x91\xc4\xc7\x9c\x9c\x9cv\xed\xda5j\xeb\xe7\x85\xe8\x96\xd0\x11#F\xdcy\xe7\x9d\x91\x96P\x1dGJ\xfb\x80\x18B\x05 6\xe8\xbb\xdf\xf5\xeb\xd7/Y\xb2\xc40\x84\x94\xa6bl\xe1\xa3\xb7\xd8\x13\xec\x97\x97\xf8x\xe5\x008\xfaB]o\xbaj\xe6\xcf{ *\xce\x18\x07\xbe\xb6p\xf3\xa1O\x8e9\xddvz\x044,\x10\x10\xf0\x87V&lt;\xbb\x8a\xf1/\x13\x1f\x1fx\xe0\x81\xcbN|\xbcrB\x08\x9f\xcf\x97\x9b\x9b\x9b\x92\x92\x12\x0e\x87\r\xc3())\x99?\x7f&gt;\xdd\x04\xc4\x10*\x001CJ\xa9\xaf\xfb\x00\xb8\x94jh\xff\xb6C\x87u\x90\xd5\x97\x9f\xf8x\xe5tK\xe8\xb4_\xf4Lk\xe5F\xa9\x04@\x9d/\xf0\xce\xf3\xeb\xecN\x1b\xb5\x035 )1!\xd9\xb5\xe9\xad\x9dG\xf6\x9f\x00\x00\x85J\x08\xf1\xf0\xc3\x0f\xdbl\xb6f,\xb4\x9c\xf3\xba\xba\xba\xce\x9d;O\x9a4I\x7f\x0c\x00\xc8\xcf\xcf/++\xa3\x8e\xa0XA\x05 \x06\xe84\xbe\xa5K\x97\xae_\xbf\xde\xb0\x19\xa6)\r\x03\x16f\xf7WR5\xef 6\xdd\x12\x9a\xda6y\xde\xb4&gt;x\xb6!d\xeb\xaa\x8fw\xad\xdf\x9f\x90\xec\xa2\x1a\xd0 t\xe2\xe3\xe9\x13\x95o.Z\xadG1K)G\x8f\x1e=b\xc4\x88\x86\x1d\xfa\x7f\x19\xf4A\xd0\x8c\x193:v\xec\xa87\x01\xe5\xe5\xe5YYY\xf4N@\xac\xa0\x02\x10\xed\xf4S\xb5\xba\xbaz\xf6\xec\xd9\x00\x9c3\x85\xa8&amp;\xdcu}\xd7\x9e\xad\xd1\xd7t\xad\x9f\x17\x02\x06`e\xe0\xee\xd1\xd7\xa5\xdf\xd0\x12\x11\x018\xa2z\xfb\xf95\xd2l\xdcw\x92\xadCg~\xbd\xb7dc\xf5\x19\x9f\x0e|\xf7x&lt;YYY~\xbf\xbf);\x7f\xbe\x96~18))\xe9\xd1G\x1feg\xbb\xd4\x96.]\xba}\xfbv\n\x8e\x8f\tT\x00\xa2\x9dn\xfe\xc9\xcb\xcb+--\x15BH\x13S&lt;\x8e\xdci}\x94?\xdc,w\xbf\xe7\xd1W\xc1\x8e\x04{\xfe\xac\x9b\x95bJ\xa1\x10\xf0\xf9\xce#\x1f\xfcs[\xa2\xc7M-\xa1W\x08Q\xb9\xdc\x8e\x83{\x8f\xae^\xb6I\'&gt;"\xe2\x84\t\x13z\xf6\xec\xe9\xf3\xf9\x9a\xbd\x000\xc6\x0c\xc3\xa8\xac\xac\x1c;v\xacn\t\xd5SB333\xa5\x94\xb4\t\x88~\xcd\xff\x07D\xbe\x81^R\xe9\xbb5!\x84R\x88J\xe5NIO\xb9:\t\x1b(\xf1\xf1\xca\xe9\xcc\xc8\x81\x19\xedG\x0f\xeb e\xfd\x80\xa07\xfe\xb4\xfa\xcc\x89J\xbb\x9d\x06\x04]\x11\xce\x18\x17\xbcp\xc1J3,u\xebg\xfb\xf6\xed333\x9b`\xec\xcf%1Ms\xee\xdc\xb9\xfa\x85\x00\xc306l\xd8\xb0t\xe9Rj\t\x8d~T\x00\xa2\x9a~z\xea\xee:!\xb8\x94\x98~C\xcb\t\xe3{`u0\x1a\x96\xff\x11\xfa\xd5\xb0\xbcY\xfd&lt;IvD%\x04\xaf.\xf7\xadZ\xb2\xd1A\xc3!\xae\x00Jt%9w\xae\xdd\xb7o\xcb\x81H\xeb\xe7\xe3\x8f?\x9e\x96\x96\xa6\xbb-\x9b\xfb\x03\xd6\xd3\x03\x82\x06\r\x1a4n\xdc\xb8Hf\xe4\xec\xd9\xb3\xab\xaa\xaa\xa8%4\xcaE\xd1C\x84\x9cG\xb7~\xae[\xb7.\xf2~\x8dR,\x7f\xd6\xcd\x86\xcbh\xae\xd6\xcf\x0b\x01\xe0\xd2\x17\xea\xd8\xbd\xd5\xd4q\xdf\xd5O|\x0e|\xf5\xb2M\x87?9F\x03\x82.\x9b\x10\x10\xac\x0b\xbfV\xb0\x92\xb1/[?\xef\xbf\xff\xfefl\xfd\xbc\x10\x9d\x19\x99\x93\x93\xe3\xf5z\xf5APiiiAA\x81\xbe\xb2n\xeeOG.\x88\n@\x94\xd2\xaf}\x05\x83\xc1\xe9\xd3\xa7s\xce\x05p)\xd5\x98\xe1\x1d\x07f\xb4\x97\x95\xcd\xd9\xfay!\xc2\x00\xac\x0cd\xfe\xf2\xc6N\xed\x93u\\\x8c\x19\x96o.Z\xd3\x18\xf1dV %\xba\x92\x9ck\x0b?:y\xe4\x8c\xbe\xfb\xb5\xdb\xeds\xe7\xce\xd5\xc3\xf7\x9b\xfb\xd3\x9dOgF\xb6m\xdb6++K\x0f\x08\x12B&lt;\xf3\xcc3\xfa\xe2\x8an\x83\xa3\x16\x15\x80(\xa5\xef~\x97/_\xbem\xdb6\xbd\xfc\xb7\xdb\xc4\xdci}\x18F\xd7\xda?\x82s\xa6B\xd2sU\xc2c\x93z)\xa5\x98R\x00|\xc7\x9aO\xf6\x14\x97$$9\xe96\xf8\x92\xe8\xd6\xcf\xf2\xb2\xaaw\x9e_\xabOT\x10\xf1\'?\xf9\xc9\xa0A\x83\x9ax\xec\xcf\xc53\x0c\xa3\xba\xbaz\xe2\xc4\x89\x9d;w\xd6\x9b\x80\xaa\xaa\xaa9s\xe6\xd0;\x01\xd1,\x1a\xff\x92\x88^\xfeWTT\xcc\x9a5\x0b\x008W\x12\xd5\xcc\x9f\xf7\xe8\xd2\xe3*\xd9\x84S?/\x950@\x96\xd7\xdd{W\xb7\x01}\xda\x98\x12\x05\x00\xe3l\xc5\xb3\xab\x82\x81\xb0\x88\xa6\x1b\x8b\xe8\xa7P9\x13\x1do.Z\xed\xaf\t\x80\x00i\xca\x94\x94\x94\xdc\xdc\xdc\x9a\x9a\x9a\xe6m\xfc\xfff\xa6i\xba\xdd\xeey\xf3\xe61\xc6\xf4\x80\xa0%K\x96l\xd8\xb0\xc10\x0c:\x08\x8aN\xf4\xb5\x8cFz\xf9\x9f\x9d\x9d]VV&amp;\x04HS\xa6\xb5tO\xfbEO\xac\rE\xd5\xdd\xef\xd7PL\xd8 \xf77\xbd\x018*\x04\x80#\xfbO\xacy\xf9#7m\x02.\x9an\xfc\xdf\xb7\xf9`\xf1\xeb\xdbu\xeb\xa7Rj\xd2\xa4I\x9d;wn\x96\xb1?\x17O\xaf\xfaG\x8e\x1c\x99\x91\x91\xa1\'TK)333\x83\xc1 \xdd\x06G\xa7\xe8~\x9aX\x92~\xfa\xeb\xa4=!@)D\xc5\xe6M\xef\x9b\xda6YEM\xeb\xe7\x85\xe8\x96\xd0\x01C:\x8c\x1d\xd5EJ%8\xe3\x9c\xbf\xf3\x97\xb5\xe5eU\x94\x19y\x918c \xe0\x9f\xbf/\x92\x12\x05\x08)e\xe7\xce\x9dg\xcc\x98\xd1\xec\xef\xfd^$)\xe5SO=e\xb7\xdb\xf5&amp;`\xfb\xf6\xed\xcb\x97/\xa7\x01A\xd1\x89\n@\xd4\xd1\xe7?:k[\x080M\x1c\xd0\xa7\xcd\xd8{\xbb\xc9\xf2\xba&amp;H|\xbcr\\\x80\xaa\r\xcd{\xe8\xe6T\xaf\xd3\x94J\x08\xee\xaf\t\xbc\xb9h\xb5\xc3eW\xd4\x0e\xf4m\xa4Dw\xb2k\xd3\x9b;Jv\x1e\x8e$&gt;\xce\x9b7/11\xb1)S_.\x9bn\t\xed\xdd\xbb\xf7\xe4\xc9\x93#-\xa1\xb3f\xcd*//\xa7M@\x14\x8a\x81\x07\x8a\xa5\xe8\xd6\xcf\xa2\xa2\xa2\xa2\xa2"!\x04J\x14\xc0s\x7f\xd3\x1b\x8c\x98\t\xdb\x02\xce\xb0\xceL\xeb\xe8\x9d&gt;\xbe\xbb\xfe\xc2s\xe0\xc5\xafo?\xb4\xf7\x98\xd3M-\xa1\xdfD1f\x08\x08\xd4\x06\xdfzn\rc\x0c8H)322F\x8e\x1cYUU\x15\x13\xcb\x7fv\xb6%433\xb3u\xeb\xd6\xfa\xef\xb9\xac\xacl\xc1\x82\x05\xb4\t\x88BT\x00\xa2\x88^\xfb\x9f\rWbBpS\xe2}\xb7w\x1e0\xa4\x83\xac\x0cDa\xeb\xe7\x85\x80\x00\xac\x08\xcc\x98\x94\xde\xe5Z\x8fi\xa2\x00\x90\x12\x0b\x9fY\xc9E\xd4\xaf`\x9b\x15Jt{\\+\x17o8u\xb4\\\x08@D\xc30\xf2\xf2\xf2b\xeb\x06U\xb7\x84\xb6k\xd7.\'\'\x07\x11uK\xe8\xd3O?]RRB5 \xdaP\x01\x88"\xfa\xf4_\xc7\xab\n!\xa4)=I\xf6\x9c)\xbdU]8\xb6\xba\xe9\xf5\x8b\xc1\xf6D\xfb\xdc\xcc\xdeLgF\x02\xdf\xb7\xe5\xc0\xce\xb5\xfb\xdcIN\x8a\x8b\xf9ZJ)\xbb\xc3v\xf2\xf0\x995/\x7f\xc89\xe7\x1c\x10q\xdc\xb8q\xe9\xe9\xe9Q\xdb\xfay!:)\xfe\xfe\xfb\xef\xef\xd9\xb3\xa7\xde\x04\xe8 k:\x05\x8a6\xb1\xf4W\x15\xdf\xf4\x81iYYYvv6\xe7\x9cs&amp;QM\x1d\xd7\xbdS\x8f\xd6\xd2\x17\x8e\xda\xd6\xcf\x0b\x11\x06\x97U\x811c\xae\x1f\xd8\xb7\x8d~/\x8c1\xf6Z\xc1\xca:\x7fH\x08\xa0g\xc0W!*\xa7\xdb\xbe\xe2\xd9U\xb5\xd5uz\xf9\xef\xf5zsrrjkkc\xe5\xf0\xe7\\R\xca\xc4\xc4\xc4\xdc\xdc\\\xa5\x94\xae\x01\x85\x85\x85\xfa`3\xb664\xf1\x8d\n@\xb4\xd0c\x9f\xb3\xb2\xb2***l6a\x9a\xb2\xe3w\x923\x7fy\x93\xac\x0c\xc4\xc4\xdd\xefWq\xc6\x94\xc4\xfcY\xfd\x0c\x03$\xa2\x10p\xf2\xc8\x99w\x17op{\\\xb4\t8\x0f\xa2JHv\xedZ\xbf\x7fK\xd1\xc7z\xec\x0f"fee\xb5m\xdb6\xca[?/DG\x05\x0c\x1f&gt;|\xe4\xc8\x91\x91\xccH\xdd\xda@\xfb\x80\xe8\x11\x93O\x96\xf8\xa3\x0f\x7f\xb6m\xdb\xb6l\xd92\xfd\xea\xbcR,oF_Ok7\x0b\xc5\xea`}\x00\x8e5\xa1\xf4\xfem\'\xdcu=b\xfd\x94\xd05/\x7fx\xf2\xf0\x19j\t=\x0fgL\x9a\xf2\xed\xe7\xd7 *\x00\x81\x88={\xf6\xfc\xd5\xaf~\x15mS?/\x89\xbe\xd0\xca\xcd\xcd\xf5x&lt;z\x13\xa0\x9b\x9b\xe9&amp; zP\x01\x88\n\xfa\xfaw\xfa\xf4\xe9\xc1`P\x08n\x9a8\xb0o\x9b\xd1\xa3\xaf\x93\xe5\xb1\xba\xfc\xd7tfd\xee\xb4&gt;)\x1e\x87\x94(\x04\xd4V\xd7\xad\xf8\xc3{\xce\x04\'\xb5\x03EH\x89\x89)\xee\xe2\x15\xdb?\xdfy$\xd2\xfa\xf9\xc4\x13O\xb8\\\xae\x98&gt;-\xd1-\xa1=z\xf4\x980a\x82&gt;\xe1\xe4\x9cgggWTTPdX\x94\x88\xe1\x87K\xdc\x88\x9c\x90\xae[\xb7\xce0\x0ciJ\x87]\xe4\xcf\xea\xa7$\xc6\xe8\xda?BgF\xa6\\\x9d\x94;\xa5\xb7\x9ef\x0c\xc0\xb7\xbd\xb7g\xdf\xe6\x034%TS\x8a\x19\x86\xa8&lt;U\xb3r\xf1z\xce\xb9\xe0 \xa5\x1c5j\xd4\xb0a\xc3*++c\xf1\xf4\xff\\\x86aTUUeffv\xe8\xd0AG\x05TTT\xe8[.\xda\x04D\x03*\x00\xcdL\xaf\x83t\x8f\x04c\x0c\x80IT\xf7\x8c\xe8\x94\xfe\xfd\xb6\x18\xc5c\x7f.\x1e\x08\xc0\x9a\xe0\x84\x9fu\xef\xda\xc1+%\x02\x80\x19\x96\xff\xfc}\x11\x88\x98y\xb3\xa1Q\xa1\xc4\x04\xafk\xd5\xdf\x8b\xbf8V\x01\x00\x12\xd1n\xb7ggg\xc7\xc4k_\xdf\x8as\x1e\n\x85\xda\xb4i3s\xe6Lu65Z\xf7\xb9\xd1AP4\xa0\x02\xd0\xcct\xe6\xd7\xfc\xf9\xf3KJJl6\xc3\x0c\xcbT\xaf\xf3\xc9\xff\xbb\x19kB&lt;\xca\xc7\xfe\\\x1c\xdd\x12j\xb8m\x0b\x1f\xbd\x85\xe9\x96P\x01%;\x0fozsG\xa2\xd7e\xf1\x01A\x88\xca\x99`?\xf2\xe9\x89\xb5\x85\x9b9p\xbd.\x9e&lt;yr\xaf^\xbdb\xae\xf5\xf3B\x0c\xc38s\xe6\xcc\xf8\xf1\xe3uf\xa4N\r\x9b2e\n]\x05G\x83x\xf8\x0b\x8b]\xfa\xee\xb7\xb4\xb44//\x0f\x00\x18S\xa8\xd4\xf4\xf1\xdd\xd3:yU\xc0\x8c\xfd\xd5\x7f=!\xb8\xac\x0e\x0e\x1d\xd6ah\xff\xb6R*\xe0\x8cq\xf6\xc6\x9fVW\x9d\xf1\x19\x86\xb0\xf8C\x00\x04\xacxvU\x9d/\xa0\x13\x1f[\xb7n\x9d\x99\x99\xe9\xf3\xf9b\xfd\xf0\xe7\\J)\x9b\xcd\xf6\xf0\xc3\x0f\xeb|\x18\xc30\x8a\x8a\x8a"1G\xcd\xfd\xe9,\x8d\n@s\xd2w\xbfs\xe6\xcc\xa9\xae\xae6\x0ca\x86e\xd7\x0e\xde\x19\x93zaE \xda\xa7~^"\x9d\x1d\xbf0\xbb\xbf\xdd&amp;\x10\x95\x10p\xfax\xc5\xaa\x97\x8a\x13\xbdn\xcb\xb6\x84\xa2\xc4\x84d\xe7\x9e\xe2\x92\x1dk?\x8d$&gt;\xe6\xe4\xe4\xb4k\xd7.F[?/D\xb7\x84\x8e\x181\xe2\xce;\xef\x8c\xb4\x84\xea\xa0S\xda\x074\xaf\xb8z\xca\xc4\x16}\xf7\xbb~\xfd\xfa%K\x96\x18\x86\x90\xd2T\x8c-|\xf4\x16{\x82=\xda\x12\x1f\xaf\x1c\x00G_\xa8\xebMW\xcd\xfcy\x0fD\xc5\x19\xe3\xc0\xd7\x16n&gt;\xf4\xc91\xa7\xdbn\xcdG\x00\x08\x08\xf8C+\x9e]\xc5\xf8\x97\x89\x8f\x0f&lt;\xf0@\x14&amp;&gt;^9!\x84\xcf\xe7\xcb\xcd\xcdMII\t\x87\xc3\x86a\x94\x94\x94\xcc\x9f?\x9fn\x02\x9a\x17\x15\x80\xe6$\xa5\xd4\xd7}\x00\\J5\xb4\x7f\xdb\xa1\xc3:\xc8\xeahL|\xbcr\xba%t\xda/z\xa6\xb5r\xa3T\x02\xa0\xce\x17x\xe7\xf9uv\xa7\xcd\x82\xed@RbB\xb2k\xd3[;\x8f\xec?\x01\x00\n\x95\x10\xe2\xe1\x87\x1f\xb6\xd9lqY\x0e9\xe7uuu\x9d;w\x9e4i\x92\xfe\x07\x04\x80\xfc\xfc\xfc\xb2\xb22\xea\x08jFT\x00\x9a\x87\xce\xcc[\xbat\xe9\xfa\xf5\xeb\r\x9ba\x9a\xd20`av\x7f%U\x1c&gt;\xfb\x19cg[BS\xdb&amp;\xcf\x9b\xd6\x07\xcf6\x84l]\xf5\xf1\xae\xf5\xfb\x13\x92]\x96\xaa\x01:\xf1\xf1\xf4\x89\xca7\x17\xad\xd6\x03\x93\xa5\x94\xa3G\x8f\x1e1bD\xac\x0c\xfd\xbf\x0c\xfa h\xc6\x8c\x19\x1d;v\xd4\x9b\x80\xf2\xf2\xf2\xac\xac,z\'\xa0\x19Q\x01h\x06\xfa\xd9W]]={\xf6l\x00\xce\x99BT\x13\xee\xba\xbek\xcf\xd6\xe8\x8b\x87\xd6\xcf\x0b\x01\x03\xb02p\xf7\xe8\xeb\xd2oh\x89\x88\x00\x1cQ\xbd\xfd\xfc\x1ai\xc6\xea\xdb\xce\x97Gg~\xbd\xb7dc\xf5\x19\x9f\x0e|\xf7x&lt;YYY~\xbf?&gt;:\x7f\xbe\x96~18))\xe9\xd1G\x1feg\xfb\xdf\x96.]\xba}\xfbv\n\x8eo.q\xfb\xd7\x16\xcdt\xf3O^^^ii\xa9\x10B\x9a\x98\xe2q\xe4N\xeb\xa3\xfc\xe18\xbb\xfb=\x8f\xbe\nv$\xd8\xf3g\xdd\xac\x14S\n\x85\x80\xcfw\x1e\xf9\xe0\x9f\xdb\x12=n\x8b\xb4\x84"*\x97\xdbqp\xef\xd1\xd5\xcb6\xe9\xc4GD\x9c0aB\xcf\x9e=}&gt;_\x1c\x17\x00\xc6\x98a\x18\x95\x95\x95c\xc7\x8e\xd5-\xa1zJhff\xa6\x94\x926\x01\xcd"\x9e\xff\xda\xa2\x93^\xf8\xe8\x1b0!\x84R\x88J\xe5NIO\xb9:\t\xa3&gt;\xf1\xf1\xca\xe9\xcc\xc8\x81\x19\xedG\x0f\xeb e\xfd\x80\xa07\xfe\xb4\xfa\xcc\x89J\xbb\xdd\x12\x03\x828c\\\xf0\xc2\x05+\xcd\xb0\xd4\xad\x9f\xed\xdb\xb7\xcf\xcc\xcc\x8c\xe9\xb1?\x97\xc44\xcd\xb9s\xe7\xea\x17\x02\x0c\xc3\xd8\xb0a\xc3\xd2\xa5K\xa9%\xb4YP\x01hj\xfa\x19\xa7{\xe0\x84\xe0Rb\xfa\r-\'\x8c\xef\x81\xd5\xc1\xf8^\xfeG\xe8W\xc3\xf2f\xf5\xf3$\xd9\x11\x95\x10\xbc\xba\xdc\xb7j\xc9F\x87\x05\x86C\xa0DW\x92s\xe7\xda}\xfb\xb6\x1c\x88\xb4~&gt;\xfe\xf8\xe3iii\xba\'\xb2\xb9?`\xa3\xd3\x03\x82\x06\r\x1a4n\xdc\xb8Hf\xe4\xec\xd9\xb3\xab\xaa\xaa\xa8%\xb4\xe9Y\xe2\x89\x13=t\xeb\xe7\xbau\xeb"o\xc1(\xc5\xf2g\xddl\xb8\x8c\xf8k\xfd\xbc\x10\x00.}\xa1\x8e\xdd[M\x1d\xf7]\xfd\xc4\xe7\xc0W/\xdbt\xf8\x93cq? H\x08\x08\xd6\x85_+X\xc9\xd8\x97\xad\x9f\xf7\xdf\x7f\x7f\\\xb6~^\x88\xce\x8c\xcc\xc9\xc9\xf1z\xbd\xfa \xa8\xb4\xb4\xb4\xa0\xa0@_\x867\xf7\xa7\xb3\x16*\x00MG\xbf\xf6\x15\x0c\x06\xa7O\x9f\xce9\x17\xc0\xa5Tc\x86w\x1c\x98\xd1^V\xc6g\xeb\xe7\x85\x08\x03\xb02\x90\xf9\xcb\x1b;\xb5O\xd6q1fX\xbe\xb9hMl\x05\x9f]*)\xd1\x95\xe4\\[\xf8\xd1\xc9#g\xf4\xdd\xaf\xddn\x9f;w\xae\x1e\x91\xdf\xdc\x9f\xae\xe9\xe8\xcc\xc8\xb6m\xdbfee\xe9\x01AB\x88g\x9eyF_\x89\xd1mpS\xa2\x02\xd0t\xf4\xdd\xef\xf2\xe5\xcb\xb7m\xdb\xa6\x97\xffv\x9b\x98;\xad\x0fC\xab\xac\xfd#8g*$=W%&lt;6\xa9\x97R\x8a)\x05\xc0w\xac\xf9dOqIB\x923.o\x83u\xebgyY\xd5;\xcf\xaf\xd5\xe7\x1e\x88\xf8\x93\x9f\xfcd\xd0\xa0Aq3\xf6\xe7\xe2\x19\x86Q]]=q\xe2\xc4\xce\x9d;\xebM@UU\xd5\x9c9s\xe8\x9d\x80&amp;f\xad?\xbbf\xa4\x97\xff\x15\x15\x15\xb3f\xcd\x02\x00\xce\x95D5\xf3\xe7=\xba\xf4\xb8J\xc6\xc5\xd4\xcfK%\x0c\x90\xe5u\xf7\xde\xd5m@\x9f6\xa6D\x01\xc08[\xf1\xec\xaa` ,\xe2\xf1.D\xa1r&amp;:\xde\\\xb4\xda_\x13\x00\x01\xd2\x94)))\xb9\xb9\xb9555M\xd9\xf8\xafW\xdc\x88(\xcf\xa1\xa3\xdb\x9b\xec3h\xa6i\xba\xdd\xeey\xf3\xe61\xc6\xf4\x80\xa0%K\x96l\xd8\xb0\xc10\x0c:\x08j2q\xf8M\x8bNz\xf9\x9f\x9d\x9d]VV&amp;\x04HS\xa6\xb5tO\xfbEO\xac\rY\xe4\xee\xf7k(&amp;l\x90\xfb\x9b\xde\x00\x1c\x15\x02\xc0\x91\xfd\'\xd6\xbc\xfc\x91;\xee6\x01\xba\xf1\x7f\xdf\xe6\x83\xc5\xafo\xd7\xad\x9fJ\xa9I\x93&amp;u\xee\xdc\xb9i\xc6\xfe\xe8`^=\x87\xc7\xe1p$%%y\xbd\xde\x94\x94\x94\x94\x94\x14\x8f\xc7\xe3v\xbb\xf5\x96\xb4)\x9f\xbcz\xd5?r\xe4\xc8\x8c\x8c\x0c=\xfbZJ\x99\x99\x99\x19\x0c\x06\xe96\xb8\xc9\xd0\x0f\xba)\xe8n\x87\xcf&gt;\xfb\xac{\xf7\xeeJ!\xe7\xcc4q\xf1\x93\x83\xc6=\xd0C\x9e\xf6\xc7t\xe6\xd7\x15\x92&amp;\x8a\x96\xee\xf1\x13W\xbe\xf8\xcf\xcfl\x06\x98R\xb9\x12\x1d\xb3_\x9d\x92\xe0q\x99\xe1x\x18\x88\xaf)T\xae$\xe7S\xff\xf3\xe7\x92\x9d\x87\xf5\n\xb7S\xa7N[\xb6l\xd1\xeb\xf1F\xfd\xc7\xd4\xab{\x87\xc3\x91\x90\x90\xa0\x94\xaa\xac\xac,++;q\xe2DUUU]]\x9d\x10"11\xb1M\x9b6\xdf\xf9\xcewZ\xb6l)\xa5\xac\xa9\xa9\xd1\xd1]\x8d\xf7\x91\xce\xfdl\t\t\t{\xf6\xec\xe9\xdf\xbf\xbfi\x9a\x00`\x9a\xe6\xe2\xc5\x8b\xc7\x8d\x1b\xa7\xdb%\x9a\xe03X\x1c\x15\x80\xa6\xa0\xff\x9a\x87\r\x1bVTTd\xb7\x1b\xa1\x909\xa0O\x9b5\xaf\xfeX\xf9\xc3\xc2z\x87?\xe7B\xc5\xb8\x1dN\x9e\xf2\xdf0\xfc\x95\x8a\xaa\xfa8\xcc\x01?\xe9=\xee\xb1\x1f\xfb*\xfd\xf1\xb17\x92\x12\x13=\xee\x8dol\xffk\xcek \x803.\xa5|\xf5\xd5WG\x8d\x1a\xd5\x04\x99_n\xb7\xdbf\xb3\x1d:th\xf5\xea\xd5\xef\xbf\xff\xfe\xf6\xed\xdb\x8f\x1e=\xea\xf7\xfb\xcf\xfd\xdf\xb1\xd9lm\xdb\xb6\xd5\xfdH\x83\x07\x0f\x0e\x06\x83\xa1P\xa8i\xae%L\xd3l\xd5\xaa\xd5\xb4i\xd3\x9ey\xe6\x19\x9b\xcd\xa6\x07b\xef\xdd\xbb\xd7\xeb\xf56Y\x1d\xb22*\x00\x8dN?\xfd\x8b\x8a\x8a\x86\r\x1b&amp;\x84\xe0L)\xa5V\xff\xedG\x032\xda\xcb*k5\xff|-i\xa2h\xe5\xfe\xedo7&gt;R\xb0\xd50@\xa2\x02\xce\x1f~ib\xdb.i\x81\xba\x98\xbf\x1dQ\xfa\x98\x95\xf39w={\xeah\xb9~\xfb)##\xe3\xddw\xdf\xad\xae\xaen\xd4\x87\xac\xde[\xec\xd9\xb3\xe7\xaf\x7f\xfd\xeb[o\xbdu\xfa\xf4\xe9\xc8\xff\x08\x00"\xff\xd1\x88x\xee\xbd\xeb\x981c\xf2\xf3\xf3[\xb6lY[[\xdb\x04kp\x1d\x15PQQ\xd1\xa7O\x9f\xd3\xa7O\x0b!\xc2\xe1\xf0#\x8f&lt;\xf2\xc4\x13O\xd0&amp;\xa0\tP\x01h\\\x91;\xb7\xee\xdd\xbb\x7f\xf6\xd9~\x9b\xcd\x08\x85\xcc\x9f\x8d\xea\xf2\xe2s\xffm\xf1\xc3\x9f\x08\xa5\x98\xe2\xcc\xe4\xbc\xfb\xd0\xe5%\x87\xaa\x0cC\x98\xa6\xbc\xaeO\xc7i\x8b\xfe\'\xe0\x0b\xc6zc\xa8\x94\x98\x9c\x9a\xf0\x8f\x85\xab\xde\xfa\xf3\x1a!@)\x06\x00\x1b7n\xfc\xeew\xbf[[[\xdbx\x05\x00\x11\x13\x13\x137m\xda\x94\x91\x91\xa1\xff\x15!\x84~\x9e~\xf5\xac\xdf0\xea\xdf\xc1\xd6\x7f\xab\xdd\xbau{\xeb\xad\xb7Z\xb5j\x15\x0c\x06\x9b`\x1f\xa07\x01\x7f\xf8\xc3\x1f~\xfd\xeb_\xebO"\x84\xd8\xb3gO\xe7\xce\x9d\xf5\xd4\xac\xc6\xfe\x00VF?\xdc\xc6\xa5\xef~u\x08\xaa\x10B\x9a\xd2\x93d\xcf\x99\xd2[\xd5\x85c\xfd\xd1\xd6P\xf4\x8b\xc1\xf6D\xfb\xdc\xcc\xdeLgF\x02\xdf\xb7\xe5\xc0\xce\xb5\xfb\xdcI\xce\x98\x8e\x8bQJ\xd9\x1d\xb6\x93\x87\xcf\xacy\xf9C\xce9\xe7\x80\x88\xe3\xc6\x8dKOOo\xec\xd6O\xce\xb9\xdf\xef\xef\xd9\xb3g\x8f\x1e=l6\x9b\xc3\xe1@\xc4P(\x14\n\x85\xa4\x94N\xa7\xb3E\x8b\x16m\xda\xb4i\xd1\xa2\x85&gt;y\xd7\xd3x\x10\xd1f\xb3}\xf2\xc9\'?\xfb\xd9\xcf\xf4\xbfI\xe3}\xc2\x08\x9d\x14\x7f\xff\xfd\xf7\xf7\xec\xd9S\xaf\xfauD6]\x057\x01*\x00\x8dH\xdf\xfd\x96\x95\x95egg\xeb\xf3L\x89j\xea\xb8\xee\x9dz\xb4\x96\xbep\xac\x1fn4 apY\x15\x183\xe6\xfa\x81}\xdb\xe8\xf7\xc2\x18c\xaf\x15\xac\xac\xf3\x87\x84\x80\xd8}\x06 *\xa7\xdb\xbe\xe2\xd9U\xb5\xd5uB\x00"z\xbd\xde\x9c\x9c\x9c&amp;8]\xd1\xa37SRR&amp;O\x9e\x1c\x0e\x87\x83\xc1\xa0R\xea\xa6\x9bn\xca\xca\xcaz\xe3\x8d7&gt;\xfa\xe8\xa3\xed\xdb\xb7o\xd9\xb2e\xdb\xb6m\x9b6m*((\xe8\xd2\xa5\x8b^\xac\x84\xc3a\x9b\xcd\xf6\xc1\x07\x1f,Y\xb2\xc4\xeb\xf56M_\x90\x94211177Ww+\t!\n\x0b\x0b\x8b\x8a\x8ah@Pc\xa3\x1a\xdb\x88\xf4\x9f\xf2\xff\xfc\xcf\xff,^\xbc\xd8n7\xc2a\xb3C\xdb\xe4\xedo\x8fIt\x19`\x99\xc1\x0f\x17\tQ\xf1\x04\xdb\xf6\xade7\xdf\xb9\x02Qq\xce\xa5\xc4\x1f\xfd"\xe3\'S\x86T\x97\xd7\xc6\xe2\x9b\x01\x88\xca\x9d\xe4\xdcS\\\xf2\xfb)\x7fc\x8cq\x0eR\xca\xbc\xbc\xbc\x193f4\xcd\xe0\x07}\x96\x12\x08\x04\x86\x0c\x19r\xddu\xd7M\x9c8\xb1O\x9f&gt;III\xe1p8\x1c\x0e\xeb%?\xe7\xdc0\x0c\x97\xcbu\xfa\xf4\xe9{\xee\xb9\xe7\xbd\xf7\xde\xd3y\x8d\x88x\xf3\xcd7\xbf\xff\xfe\xfbM6\xa1ZJ\xe9\xf1xF\x8f\x1e\xfd\xc6\x1bo\xd8l6\xd34\xff\xeb\xbf\xfek\xcf\x9e=\xfa\xf3\xd0mp#\xa1\x02\xd0X\xf4\xf2\x7f\xfb\xf6\xed\xba\xc5\x8dse\x9aX\xf8\xbb\x1f\x8e\xbe\xebzy\xa6\x8eN\xff\xbfJ\xb7\x84\xfez\xda\xfb\x7fX\xb2\xd70@J\xe5Nr&gt;\xbat\x92\xa7eb,\xb6\x84*Tv\x97m\xfe/\xfe\xf2\xf9\xce#\xba\xf5\xb3G\x8f\x1e\x1b6l0M\xb3\xe9&gt;\x83R\x00\xe0\xf7\xfb[\xb6l\xc99\xaf\xa9\xa9\xd1\x1d\xf7\xe7&gt;R\x95R\xa6iz&lt;\x9e\xe3\xc7\x8f\xf7\xe9\xd3\xa7\xa2\xa2B\x17\x80\x84\x84\x84\xad[\xb7\xb6m\xdb\xb6i\xa6\xd4!\xa2\xdb\xed.))\x190`\x80&gt;\x1f3M\xf3\xd9g\x9f\x9d&lt;y2\xdd\x067\x1ez\x0c5\x16\xbd\xbc\x9a&gt;}z0X\xdf\xdd8\xb0o\x9b\xd1\xa3\xaf\x93\xe5\x01z\xfa\x7f-\x9d\x19\x99;\xadO\x8a\xc7!%\n\x01\xb5\xd5u+\xfe\xf0\x9e3\xc1\x19s\x13\xe2\xa4\xc4\xc4\x14w\xf1\x8a\xed\x9f\xef&lt;\x02\x02t/\xc0\x13O&lt;\xe1r\xb9\x9a\xf2L#\xf2(\xaf\xa9\xa9\xd1\xe36\r\xc3\x10BD\x96\xd5z(\x85\xddn\xaf\xae\xae\xbe\xf6\xdak322t\xcd\xe0\x9c\xd7\xd6\xd6\x1e;v\xccno\xa2\xc4f=%\xb4G\x8f\x1e\x13&amp;L\xd0\x8b\'\xceyvvvEE\x05E\x865\x1ez\x125\x8a\xc89\xe6\xbau\xeb\x0c\xc3\x90\xa6t\xd8E\xfe\xac~Jb\xac-d\x9b\x8e\xce\x8cL\xb9:)wJo=\'\x19\x80o{o\xcf\xbe\xcd\x07bkJ\xa8R\xcc0D\xe5\xa9\x9a\x95\x8b\xd7s\xce\x05\x07)\xe5\xa8Q\xa3\x86\r\x1b\xd6\x04\x8d\xff\xe7\xd1o\xd8\x02\xc07\xff\xe7\xea\x07n\xfb\xf6\xed#\xff-c\xac\xae\xae\xae)ob\r\xc3\xa8\xaa\xaa\xca\xcc\xcc\xec\xd0\xa1\x83\x8e\n\xa8\xa8\xa8\xd0\xf7g4 \xa8\x91P\x01hx\xfa\x0b\xa3;\x19\x18c\x00L\xa2\xbagD\xa7\xf4\xef\xb7EK\x8e\xfd\xb9x \x00k\x82\x13~\xd6\xbdk\x07\xaf\x94\x08\x00fX\xfe\xf3\xf7E \x80\xc5\xcc\xf3\x9f\xa1\xc4\x04\xafk\xd5\xdf\x8b\xbf8V\x01\x00\x12\xd1n\xb7ggg\xeb\xe3\x97\xa6\xff&lt;\x17\xff\x1f\x1a\n\x85\xf4\xffG\xff\r7qB=\xe7&lt;\x14\n\xb5i\xd3f\xe6\xcc\x99\xealj\xb4\xee\xa0\xd3\xb3\xf3\x9a\xec\x93X\x07\x15\x80\x86\xa73\xbf\xe6\xcf\x9f_RRb\xb3\x19fX\xa6z\x9dO\xfe\xdf\xcdX\x13\xe21x\x99\xd9\x94tK\xa8\xe1\xb6-|\xf4\x16\xa6[B\x05\x94\xec&lt;\xbc\xe9\xcd\x1d\x89^WL\x0c\x08BT\xce\x04\xfb\x91OO\xac-\xdc\xcc\x81\xeb\xd5\xeb\xe4\xc9\x93{\xf5\xea\x15\xcdS?u\xd7\xd0\xfe\xfd\xfb\xf5\x7f\xab\xdf\xcfj\xd5\xaaU\x13\x8f\xaa6\x0c\xe3\xcc\x993\xe3\xc7\x8f\xd7\x99\x91\xfa\xbd\xb9)S\xa6PKh#\x89\xd2?\xc7\xd8\xa5{\xe9JKK\xf3\xf2\xf2\x00\x801\x85JM\x1f\xdf=\xad\x93W\x05LZ\xfd\x7f+!\xb8\xac\x0e\x0e\x1d\xd6ah\xff\xb6R*\xe0\x8cq\xf6\xc6\x9fVW\x9d\xf1\x19\x86\x88\x89\x87\x00\x08X\xf1\xec\xaa:_@\'&gt;\xb6n\xdd:33\xd3\xe7\xf3E\xedM\xa6\x942!!\xe1\xd3O?-..\xd6\x8fZ}\x1ct\xed\xb5\xd76\xd9L\x88\x08]{\x1e~\xf8a\x9d\x0fc\x18FQQQ$@\xa9)?\x89\x15P\x01h`\xfa\xcb3g\xce\x9c\xea\xeaj\xc3\x10fXv\xed\xe0\x9d1\xa9\x17V\x04\xe2c\xb2M\x13\xd0\xd9\xf1\x0b\xb3\xfb\xdbm\x02Q\t\x01\xa7\x8fW\xacz\xa98\xd1\xeb\x8e\xf2\xf7\xc2PbB\xb2sOq\xc9\x8e\xb5\x9fF\x12\x1fsrr\xda\xb5k\xd74S?/\x83\xde\xb0\x1a\x86\xf1\x7f\xff\xf7\x7f\xba\xe9S\xd7\x80;\xee\xb8#555\x1c\x0e7\xf1\</t>
        </is>
      </c>
    </row>
    <row r="283">
      <c r="A283" s="1" t="n">
        <v>281</v>
      </c>
      <c r="B283" t="inlineStr">
        <is>
          <t>rectangle_height_color</t>
        </is>
      </c>
      <c r="C283" t="inlineStr">
        <is>
          <t>What is the missing color of the part denoted with a question mark?</t>
        </is>
      </c>
      <c r="D283" t="inlineStr">
        <is>
          <t>['orange', 'blue', 'red', 'green']</t>
        </is>
      </c>
      <c r="E283" t="inlineStr">
        <is>
          <t>red</t>
        </is>
      </c>
      <c r="F283" t="inlineStr">
        <is>
          <t>There are 7 rectangles in the image with varying colors and lengths. The lengths from left to right are ['long', 'medium', 'medium', 'long', 'short', 'short', 'long']. The colors from left to right are ['red', 'blue', 'blue', 'red', 'yellow', 'yellow', '?'].</t>
        </is>
      </c>
      <c r="G283" t="inlineStr">
        <is>
          <t>We observe that the yellow rectangles are of short length and the blue rectangles are of medium length. Hence, the pattern is that the color of each rectangle corresponds to its length.</t>
        </is>
      </c>
      <c r="H283" t="inlineStr">
        <is>
          <t>Based on the pattern that the color of each rectangle corresponds to its length, the missing color of the part denoted with a question mark should be red.</t>
        </is>
      </c>
      <c r="I283" t="inlineStr">
        <is>
          <t>b'\x89PNG\r\n\x1a\n\x00\x00\x00\rIHDR\x00\x00\x02\x00\x00\x00\x02\x00\x08\x02\x00\x00\x00{\x1aC\xad\x00\x00&gt;uIDATx\x9c\xed\xddy`T\xd5\xdd?\xfe\xcf9\xf7\xce\x96u&amp;!\t\xab \x84U4\x106!\x08\xb8 \xd8\xba\x83\x08\n&gt;\xcf\x17\x05m\xc56&lt;\xfelk\xbf\xfe\x1e@\x9f\xd6"\xdaV\xabO)\x08\x11\x17\xc4\xaauk+!h\x05\x8a\x02\x01\x0b\x08\t\x08\xb2EBB\xd6\xc96\xdb\xbd\xe7|\xff\xb8\x9a"*\x84Lf\xb9\xb9\xef\xd7_q&amp;N&gt;\xcc|\xe6\xbc\xcf=\xf7\xcc\x1d&amp;\xa5$\x00\x00\xb0\x1e\x1e\xeb\x02\x00\x00 6\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a9\xb1.\xa0M\xa4\x94\xed\xf8\xbf\x18c\x1d^\t\x98\x11\xfa\x07\xc2\xd1\x89\xfb\'N\x03@J)\x84\x90R2\xc6\x18c\x9c\xb7\xe7H\xa5C\x1e\x04\xcc\x08\xfd\x03\xe1\xb0N\xff\xb0\xf6\x85[\x84\x18O\x19\x11)\x8ar\xe6\xed^\xafW\x08\xc1X[\xab5\xb2\xd7\xedv\x9fy\xa3\xf1bp\xceM\x91\xcc\xd0\x0e\xe8\x1f\x08\x87\x05\xfb\'^\x02@J\xa9\xeb\xba\xaa~uD\xd2\xd8\xd8\xb8c\xc7\x8e\xed\xdb\xb6}\xfa\xe9\xa7\xb5\xb5\xb5\xa5%%\x9a\xa61\xa26\xd6j\xbcT\xd9\xd9\xd9n\x8fg\xe4\xa8Q\xb9\xb9\xb9\xa3G\x8f\xee\xd1\xa3\x87q\xaf\xa6i\x9c\xf3\xf8\x0cdh\x1f\xf4\x0f\x84\xe3\xbb\xfbg\xfb\xf6\xaf\xfa\xa7\xb4T\xd7\xf5\x0b}\xcc~\xfd\xfa\xb9\xdd\xee\x91#G\xc6s\xff\xc4E\x00\xe8\xbanDn0\x18\\\xbf~\xfd\x8bk\xd6\xec,.&gt;^V\xd6\x81\x7f\xc2\x93\x9a:r\xd4\xa8\x193f\xdcx\xd3M\x99\x99\x99D\xa4i\x9a\xa2(q\x95\xc6\xd0&gt;\xe8\x1f\x08\xc7\xd9\xfd\xf3\xe2\x8b;w\xee&lt;~\xfcx\x07\xfe\t\x8f\xc73r\xe4\xc8\x193f\xdcx\xe3\x8dq\xd5?1\x0e\x00\xe3\xaf3\xc6\xbc^\xef\xca\x95+_z\xf1\xc5\xbd\x9f}\xd6zo\xb2\xd3\xd9399\xd3\xe5\xcav\xbb=N\xa7&amp;D\x1b\x9f-\xc6XH\xd7\xf7\xd7\xd6\xd6\x07\x02G\xbd\xde\xba\x96\x96\xd6\xbb\xbau\xedz\xe7\xec\xd9\xf7\xdcs\xcf\xc0\x81\x03\x89H\x08\x11\'Q\x0c\xed\x80\xfe\x81p\x9c\xdd?/\xbd\xb4w\xef\xde\xd6{\x93\x93\x93/\xba\xe8\xa2\xae]\xbb\x0e\x180 --M\xd3\xb46\x8e\xd7\x8c\xb1P(\xb4w\xef\xde\xba\xba\xba/\xbe\xf8\xa2\xb6\xb6\xb6\xf5\xae\xee\xdd\xbb\xdfq\xc7\x1d\xf1\xd3?\xb1\x0c\x80\xd6\xe0-((xb\xe9\xd2\x03\x07\x0f\x1a\xb7\xf7LM\xbd\xa2{\xf7kz\xf7\x1e\x9a\x9e\x9e\x99\x98\x98d\xb3\xa9\x9c\xf3\x0b\x8cJ)\xa5&amp;\x84_\xd7\xabZZ\x0e\xd6\xd5m\xfe\xf2\xcb\x7f\x94\x95\x95\xd6\xd4\x90\x94D\x94\xe6\xf1&lt;\xf0\x93\x9f,\\\xb8055U\xd3\xb4\xd6C?0\x11\xf4\x0f\x84\xe3\x1b\xfd\xf3\xc4\x13\x07\x0e\x1c0n\xbf\xe8\xa2\x8b&amp;M\x9a4u\xea\xd4\x9c\x9c\x9c\xae]\xbb&amp;\'\'\xab\xaa\xda\x8e\xa9z(\x14\n\x04\x02\x95\x95\x95\xa5\xa5\xa5\x1f|\xf0AQQ\xd1\xfe\xfd\xfb\x8d\xbb\xd2\xd2\xd2\x1ex\xe0\x81x\xe8\x9f\x98\x05\x80\xf1\xec\x97\x97\x97\xcf\x9d;\xb7\xb0\xb0\xd0\xb8qp\x97.\xf3.\xbd\xf4\x87}\xfbf$$H)\x03\xba\x1e\xd4u!\xa5l\xd7N,\xc6\x18g\xcc\xc6\xb9SQT\xce\x1b\x82\xc1\x8f\xcb\xcb\x97\xef\xd9\xf3QY\x99\xf16\x1e8p\xe0\xaaU\xab\xf2\xf2\xf2\x8c3&lt;1?\x1c\x83\xb6C\xff@8\xbe\xb3\x7f.\xb9\xe4\x92\x05\x0b\x16\xdc|\xf3\xcd\x99\x99\x99RJ\xbf\xdf\x1f\x0c\x06\x8d\xd5\xffv\xf6\x0f\xe76\x9b\xcd\xe5r)\x8a\xd2\xd0\xd0\xb0e\xcb\x96\xa7\x9f~z\xe3\xc6\x8d\xc6/\xc4C\xff\xc4&amp;\x00\x8c\xd0+,,\x9c;wnyy9\x11e{&lt;\xf7\x0f\x1bvs\xff\xfen\x87\xa31\x18\x0c\xe9:1\xc6;b/\xad$\x12RJ)U\xce\x93l6]\xca\x8f\xca\xca\xfe\xf0\xaf\x7f\xfd\xf3\xcb/\x89\xc8a\xb7\xfff\xe9\xd2\xfc\xfc|\xbc\x87M\x04\xfd\x03\xe1h\xed\x9f\xbb\xef\xbe\xfb\xe4\xc9\x93D\xd4\xbf\x7f\xff\x07\x1f|\xf0\xb6\xdbn\xf3x&lt;\r\r\r\xc1`\xd0\x18\xbe;\xa0\x7f\xbe\xde\x0c\xaa\xaajrr\xb2\xae\xebEEEO=\xf5\xd4G\x1f}DD\x0e\x87\xe37\xbf\xf9M\x0c\xfb\'\x06\x01`&lt;\xfb+W\xae\x9c?\x7f&gt;\x11\x11c\xff\xe7\x92K\x1e\xbe\xfc\xf2L\x97\xab&gt;\x10\xd0\x84P8\x8f\xd0\xd3\xa0K\xc9\x88R\x1c\x0e]\x88\x95{\xf7.-.n\x0c\x04\x88h\xde\xbcy+V\xac\xd0u=\xde6i\xc1\xb7\xa1\x7f \x1cg\xf7\x0f\xd1}\xf7\xdd\xb7x\xf1\xe2\xac\xac\xac\xba\xba\xba\x88\x9e\x9b\xd5u\x9d1f,\xfb&lt;\xf7\xdcsK\x96,ill\xa4\x98\xf6O\xb4\x03\xc08\xf2j}\xf6\xddN\xe7o\xae\xb8b\xd6\xe0\xc1\xde@ \xa8\xebjT\xce\x87\x18o\xe3..\xd7\x8e\x8a\x8a\x9f~\xf8\xe1\xfe\x9a\x1a\x92\xd2x\r0\x8f\x8bs\xe8\x1f\x08\xc7Y\xfd\xe3\xf1x\x9e~\xfa\xe99s\xe6x\xbd\xde`0\x18\x9d\xb5x#\x06\xd2\xd3\xd3\xb7m\xdbv\xef\xbd\xf7\x1a\xa7\x9dc\xd5?Q\r\x80o&lt;\xfb\x8ce\xba\\\x05S\xa7N\xe8\xd5\xab\xa2\xb9Y\x8d\xd8\xac\xed\xfb\x84\x84\xf08\x9dU--\xb3\xff\xf6\xb7]UU$Dk\x0e\x9f\xf51\x10\x88\x13\xe8\x1f\x08\xc7Y\xa3\x7fVV\xd6k\xaf\xbd6q\xe2\xc4\xd3\xa7O\xb7\xef4o8B\xa1\x90\xc7\xe3\xa9\xaa\xaa\xba\xe5\x96[v\xec\xd8Ag\x1c\x07D\xb3\x7f\xa2\x17\x00\xc6?l\xe3\xc6\x8d\x93\'O&amp;\xa2t\x97\xeb\xfdi\xd3\xfa\xa6\xa6\xd6\x05\x02\xb6\x18m\x84\xd2\x84p\xaa*g\xec\xb6w\xdf\xddz\xf2$\x11-^\xbcx\xd1\xa2E\xd8\xd7\x11\x87\xd0?\x10\x8e\xb3\xfa\xa7K\x97.[\xb6l\xe9\xd7\xaf_]]\x9d\xcdf\x8bII\x9a\xa69\x9dNEQ\xae\xbb\xee\xba\xcd\x9b7S,\xfa\'J\x01`lw\xad\xac\xac\xcc\xc9\xc99}\xfat\xaa\xc3\xf1\xca\x0f~0\xa6[\xb7\xfa@ :\x87\xed\xdfG\x97\xd2\xa9(\r\xc1\xe0\x8c\xf7\xde\xfb\xac\xba\x9a\x11\x15\x16\x16N\x9e&lt;\x19\xf3\xb8\xb8\x82\xfe\x81p\xb4\xf6\xcf\xb0a\xc3*++\xddn\xf7[o\xbd5n\xdc\xb8\x18\x8e\xfe\x06]\xd7\x9dN\xa7\xd7\xeb\xbd\xfe\xfa\xebw\xef\xde\xcd\x18\x8br\xffD\xe9\xcdc|\xd2z\xce\x9c9\x95\x95\x95D\xf4\xf8\x15WL\xe8\xd5\xab.\xd6\xef^"R\x18\xf3\xe9z\x17\x97\xebO\x93\'\xbb\x1d\x0e)\xe5\x9c9s***\x18c\xc6UA \x1e\xa0\x7f \x1c\xad\xfdSQQAD\xbf\xff\xfd\xef\'N\x9c\x18\xf3\xd1\x9f\x88\x14E\xf1\xf9|\x19\x19\x19/\xbd\xf4\x92\xc7\xe3!\xa2\xbb\xee\xba+\x9a\xfd\x13\x95\x93f\xba\xae(\xca\xda\xb5k\x8b\x8a\x8a\x88h\xf6\xe0\xc1w\x0e\x19R\xd1\xdc\x1c\xab#\xf7\xb3\xa8\x8c\xd5\x07\x02C\xbat\xf9\x9f\xbc&lt;"\xaa\xac\xac|\xf8\xe1\x879\xe7\xf1p\x91\x0c \xf4\x0f\x84\xe7\xac\xfe\x99;w\xee]w\xddu\xfa\xf4\xe9\x98\x8f\xfe\x06UU\xeb\xeb\xeb\x87\x0e\x1d\xfa\xd4SOI)+**\xa2\xd9?\x11_\x02\x92RJ)\xeb\xeb\xeb\xc7\x8c\x19s\xe4\x8b/z\xa7\xa4l\xb8\xed6\x87\xa2\x18[)\xe2\x87.\x84\xc7\xe9\x9c\xf3\xfe\xfb\x7f;r\xc4a\xb7o\xd9\xb2e\xe4\xc8\x91\xc6\xd5\xfbb]\x9a\xa5\xa1\x7f \x1c\xdf\xe8\x9f#G\xfa\xf4\xe9\xf3\xf1\xc7\x1f;\x9dNc+N\xac\xab\xfb7]\xd7\xd3\xd2\xd2\xa6M\x9b\xf6\xf6\xdbo;\x1c\x8e\xa8\xf5O\xc4\xbb\xd3\xd8\xdcZPPp\xf8\xf0a!\xe5\x82\xe1\xc33\x13\x12\x82\xba\x1eG\xcf=\x11\x111\xc6\x82B&lt;4r\xa4SQ\x02\x81\xc0\xa2E\x8b\xda~\xf5W\x88\x1c\xf4\x0f\x84\xe3\x1b\xfd#\xc4\x83\x0f&gt;\x98\x95\x95e|\xce+\xd6\xa5}\x03c,\x18\x0c&gt;\xf2\xc8#\x0e\x87#\x9a\xfd\x13\xd9\x00\x90R\x1a\x8b\\\x05\xabW3\xc6\xb2=\x9ei\x03\x06\xd4\xf9\xfd1_\xba\xfd6\xceXS0\x98\x93\x99y}\xbf~D\xb4y\xd3\xa6\xd2\xd2REQ\xb0\x92\x1bC\xe8\x1f\x08\xc7\xbf\xfb\xa7\xa0\x8016`\xc0\x80Y\xb3f\xd5\xd5\xd5\xc5\xe1\x1e-\xceycccnn\xee\xad\xb7\xdeJD\x9b7o\x8eN\xffD\xf6\x8dd|\xaea\xe3\xc6\x8d\xfbKJ\xa4\x94?\xca\xc9Iu8\xb4x}Kp\xc6\x02\xba\xfe\xe3\x9c\x9c\x04\xbb\xbd\xb9\xa5\xe5\xf9\xe7\x9f\'"\xbc\x81c\x08\xfd\x03\xe1\xf8w\xff\xec\xdf/\xa5\xcc\xcf\xcfw\xbb\xdd\x9a\xa6\xc5\xba\xae\xef\xc69\xf7\xfb\xfd\x0b\x17.LHHhnn\x8eN\xffDc&amp;\xf5BA\x01c\xackr\xf2\x0f\xfb\xf5k\x0c\x06\x95\xf8\x9b\xbe\x198c\xcd\xc1`Nf\xe6\xb8\xee\xdd\x19co\xfc\xf9\xcf---\xaa\xaa\xe2@&gt;\xb6\xd0?\x10\x8e\x17^x\x811\xd6\xad[\xb7[n\xb9\xa5\xa1\xa1!n\xb7\xe7r\xce\x9b\x9b\x9bsss\'L\x98\xc0\x18{\xe3\x8d7\xa2\xd0?\x11|/\x19\xc7_^\xafw\xc7\x8e\x1dR\xca\t=zd&amp;$\x84\xe2o\xf5\xf6L\x92\x883v]\x9f&gt;R\xca\x93\xa7N\xed\xd9\xb3\x870\x89\x8b\x11\xf4\x0f\x84\xa3\xb5\x7f\x8a\x8b\x8b\xa5\x94W_}ufff(\x14\x8a\xb7\xd5\xff3\x19_ |\xc3\r7H)\xcb\xcb\xcb\xa3\xd0?\x11\x0c\x00\xa3\xee\x9d;w~y\xf2$\x11M\xee\xdd\x9b\x88(\x8e\x9f}"R8\xf7i\xda\xf8\x1e=\x92\x9dN]\xd7\xdf\x7f\xff}j\xd7\x95`!|\xe8\x1f\x08Gk\xff\x94\x95\x95\x11\xd1\xd4\xa9S\xe3\xff\x850\xceX\\y\xe5\x95)))\x9a\xa6\xad_\xbf\x9e"\xdc?\x91=\x02 "\xe32\x17\x89\x0e\xc7%\xe9\xe9~M\xbb\xd0\xef\xe5\x882F\x14\xd0\xf5\x1e\xc9\xc9\x17\xa7\xa6\x12\xd1\xce\xe2b"\xc2N\xbe\x98@\xff@8\x8c\xfe)..&amp;\xa2\xa4\xa4\xa4\x9c\x9c\x1c\xbf\xdf\x1f\xe7\xaf\x05c,\x10\x08\xf4\xea\xd5\xab_\xbf~\xf4u\xf1\x11\xad9\x82\x0fm\x1cj\xed\xda\xb9\x93\x88.JI\xe9\x96\x94\x14\xe7\xc7\xef\x06!D\x82\xcdvIZ\x1a\x11\x95\x96\x94455\xe1C=1\x81\xfe\x81p\x18\xfd\xb3s\xe7N"\xea\xdd\xbbw\x8f\x1e=\xe2|\xfd\xc7 \x84HHH\xb8\xf4\xd2K\x89\xa8\xb4\xb44\xd2\xfd\x13\xd9\x00\x90RVUU\x11Q\xba\xd3\x99d\xb7\xebfx\x1bH"\x85\xb1n\x89\x89DT__\xef\xf3\xf9b]\x91E\xa1\x7f \x1cg\xf6OFFFRR\x92\xf1\xdd^q\xce\xf8\xf0W\x8f\x1e=\x88\xc8\xeb\xf5F\xba\x7f"\x15\x00\xc6?\xc3\xeb\xf5~~\xf0 \x11\rt\xbbU\x93|.\x861\xa6\t1\xc0\xe3!\xa2\x86\xa6\xa6\xd2\xd2R\xc2y\xbc\xa8C\xff@8\xfe\xdd?\x9f\x7fND\x83\x06\rR\x14\xc5,\xfd\xa3\xeb\xfa\xa0A\x83\x88\xc8\xeb\xf5F\xba\x7f"\xfeA\xb0P(DD\x1e\xa7\x933f\x82\xa7\x9f\x88\x88$Q\x9a\xd3IDB\x88\xb8\xdd5l\x05\xe8\x1f\x08\x87\x94\xd2x\xfe\xd3\xd3\xd3M\xb4\x10\'\xa5LOO\xa7\xa8\xf4O\xc4O\x89\x18\x8bn\x9aI\x9e\xfaV\xad\x05\xc7\xff\xa2a\xe7\x86\xfe\x81p|\xd5?f\x8b\xe1\xd6\x82#\xdd?Q:\'n\xba7\x81\xe9\n\xee\xdcL\xf7r\x98\xae\xe0\xce\xcdt1\x1c\xb5\x82\xe3zS\x14\x00\x00D\x0e\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d4X\x17`\tR\xcav\xfc_\x8c\xb1\x0e\xaf\xa4}\xcc^?\x00|\'\x04@DH)\x85\x10RJ\xc6\x18c\x8c\xf3\xf6\x1ciu\xc8\x83\xb4\x8f\xd9\xeb\x07\x80\xb6@\x00t$c\xc8#"EQ\x14Ei\xbd\xdd\xeb\xf5\n!\x18cm\x9cJ\x1bsg\xb7\xdb}\xe6\x83\x18\x83)\xe7&lt;r3k\xb3\xd7\x0f\x00\x17\x04\x01\xd01\xa4\x94\xba\xae\xab\xaaj\x0cy\x8d\x8d\x8d;v\xec\xd8\xb6m\xfb\xa7\xff\xfa\xb4\xb6\xa6\xb6\xa4\xb4T\xd34\xc6\xa8\x8dK)\x8c1"\xd9\xaf_\xb6\xc7\xe3\x1e5rdnn\xee\xe8\xd1\xa3{\xf4\xe8a\xdc\xabi\x1a\xe7\xbcc\'\xd4f\xaf\x1f\x00\xda\x01\x01\xd0\x01t]W\x14EU\xd5`0\xb8~\xfd\xfa5/\xbeX\\\xbc\xb3\xec\xc4\xf10\x1f\xb6\xa6\xba\x9a\x88\n\xd7\xaf\'\xa2T\xb7g\xd4\xc8\x913f\xcc\xb8\xe9\xa6\x1b333\x89H\xd34EQ:d6m\xf6\xfa\x01\xa0}\x10\x00a1\x96D\x14E\xf1z\xbd+W\xae|\xf1\xa5\x97&gt;\xdb\xbb\xb7\xf5^gbrJF\x8fDw\xa6\xa7{?g\xb2G\x08\x8dQ\xdb\xc6;\xc6\x84\x16\xaa:V\xe2o\xaa\xf7V\x1ckn\xa8\xf3\xd6\xd7m\xdcX\xb4qc\xd1\x7f/\xfa\xef\xd9w\xdey\xcf=\xf7\x0c\x1c8\x90\x88\x84\x10\xe1L\xa5\xcd^?\x00\x84\x03\x01\xd0~\xc6\xc4\x99\x88\n\n\n\x96&gt;\xf1\xc4\xc1\x03\x07\x8c\xdb\xdd\x99={]\x9aw\xf1\x88\xab3\xfa\\\x92\x94\x96iw%1\xaep\xaeH\x92\xd4\xc6\x01\x94\x88\xa4\x14zH\x0b\x06Z\xea\xab\xaa\xcb&gt;?\xb1g\xcb\xf1\xdd\x1f\x9d&gt;~\xa0\xe2\xd4\xa9\'\x9f|r\xd5\xaa\xd5?\xf9\xc9\x03\x0b\x17.LMM\xd54MU\xdb\xf3:\x9a\xbd~\x00\x08\x13\xdex\xedd\x8c\x9e\xe5\xe5\xe5s\xe7\xce-,,4n\xcc\xe8=(\xf7\xfa{\xfa_~]\x82;\x83\xa4\xd4\x82~]\x0b\x05\x9a\x1b%\xc9\xb6.\x9f\x9f\x811\xce\x18Kpg\xf4\xcd\xec\x95=\xfa\xda@sc\xd9\xfeOv\xbd\xbb\xe2\xf8\xeeMuu\xb5K\x96,Y\xb7n\xdd\xaaU\xab\xf2\xf2\xf2\x8c3\xb4\x17\xb4\x9cb\xf6\xfa\x01 |\x08\x80\xf60&amp;\xad\x85\x85\x85s\xe7\xce-//\'\xa2\xf4\x1e\xfdF\xde\xfc\xe3AW\xdc\xe4HL\r\xb64\xfa\x1a\xea\x18#b\xdc\xd8\xff\x18\xce\xc0\xa6k!=\x14\x90RrE\xed;\xe2\xaa\x8b\x87O:\xb6{\xd3\x8e\xb7\x9e;\xb1w\xeb\xc1\x83\x07\xaf\xba\xea\xea\xa5K\x7f\x93\x9f\x9fo\xec\xdei\xe3\x18j\xf6\xfa\x01\xa0C \x00.\x981z\xae\\\xb9r\xfe\xfc\xf9D\xc4\x88r\xae\xfb\xcf\xf1w\xfe,\xd1\x9d\xe9o\xaa\xf75\xd4pE\xe1gl\x7f\x0c\x13c\x8c\x98b\x8c\x8b\x81\xe6\x06"vq\xeeU\xbd\x87M\xfc\xd7_Wm}\xf5\x89@K\xd3\xc2\x85\x0bKJJV\xacX\xa1\xebz[6Y\x9a\xbd~\x00\xe8(8\xffva\x8c\xbd\x92\xad\xa3\xa7+\xd9\xfd\x83\xff\xfa\xdf)\x0b\x9eRm\xce\x16o5\x11qE\xbd\x80\x85\xf2\x0b\xc4\xb8\xc28\xf77{C\xbe\xe6\xd1\xb7.\x98\xf1\xd8\x1b\x99}\x86\x10\x91Q\x8f\xa2(R\xcaso\xd57{\xfd\x00\xd0\x81\x10\x00\x17\xc0X77F+F\x94\xe8\xc9\xbc\xe5\xff\xbex\xe95\xb3Z\xeaNK\xa1s%J\x87S\x9c+\x8c\xf3\xe6\xba\xca\xae\xd9\xc3n{\xf4\xcf\xdd\x06\xe4\xb2\xaf\xc7P\xce\xb9\xb1\x96\xd2)\xeb\x07\x80\x8e\x85\x00h+c\xf4\xdc\xb8q\xa31wv\xa6\xa4\xcdz\xfc\x9d\x1e\x83G5\xd7Vp\xd5FQ_\xb8\xe0\xaa\xcd\xdfTow%\xcdz\xfc\xed\x9eC\xc7\x12\xd1\xca\x95+\x97,Y\xa2(\x8a\xa6i\x9d\xaf~\x00\xe8p\x08\x806\x11B(\x8aRYY9{\xf6l\xc6\x983)\xf5\x96_\xbe\xe0\xe9v\xb1\xbf\xc9\xcbU[\xac\xaa\xe2\x8a\xaa\x87\x02R\xc8\x1b\x1fZ\x91\xd5w(#Z\xb2dIQQ\x91\xaa\xaa\xba\xaew\xa6\xfa\x01 \x12\x10\x00m\xa5\xeb\xfa\x9c9s*++\x89\xe8\xeay\xbf\xba(\xe7\n\x7fc]\xd4\x96M\xbe\x0f\xe3\x8a\x1e\xf4\xb9R\xbb\\\xff\xe0\x1f\x1dIn)\xe5\x9c9s***\x18cg\xae\xa5\x18Wz0W\xfd\xb1-\x0c\xc0\n\x10\x00mb\xb3\xd9\xd6\xae][TTDD\x97^s\xc7\xa5\x93\xefh\xae\xa9\x88\xe1\xdc\xf9LLQ\x03M\xf5]z\x0f\xbe\xea\xeeG\x89\xa8\xb2\xb2\xf2\xe1\x87\x1f\xe6\x9c\xb7\x9eM5\x16\x7f\xccU\xbf\xd2q\xdb\x90\x00\xe0\xfb \x00\xce\xc3\x18Fkjj\x1e}\xf4Q\xc6\xb9\xa7[\x9f\x89\xff\xf1\x88\xbf\xb1&gt;\xe6s\xe73q\xd5\xd6\xe2\xad\x19z\xcd\xcc\x01c\x7f\xc0\x88^}\xf5\xd5\xe2\xe2b\xe3\x84\xaaq5\xe6\xda\xdaZs\xd5\xbfc\xc7\x8e\xd6K\x93\x02@\x84 \x00\xce\xc38!\xf9\xfc\xaaU\x87\x0f\x1f\x96B\x8c\xba\xf9\xc7\t\x9eL]\x0bF\xff\xac\xe9\xb91\xc6\xf4Pp\xec\xed\xff\xa5\xd8\x1d\x81@`\xd1\xa2E\xc6\xd5\x9b\x8d\xcd\xf5\x05\x05\x05&amp;\xad?\xd6u\x01tf\x08\x80\xf3\xb0\xd9lB\x88\x82\x82\x02\xc6Xz\x8f~\x83\'\xde\x1a\x0fK\xe7\xdf\xc68\x0f\xfa\x9a\xb2\xb2s\x06\x8c\xbd\x9e\x886m\xde\\ZZ\xaa(\n\xe7\xdc\xe7\xf3\xad6[\xfd\x9b7o&gt;t\xe8PRR\x12\x0e\x02\x00"\x07\x01p\x1e)))[\xb6l9x\xe0\x80\x94r\xc4M\xf79\x92R\x85\x1e\xa7\x9b\x14\x19\xe3z00\xf2\xe6\xfb\xec\xce\x84\x96\xe6\xe6\xe7\x9f\x7f\x9e\x888\xe7\x1b7n,\xd9\xbf\xdfd\xf5\xb7\xb4&lt;\xbfj\x95\xd3\xe9D\x00\x00D\x0e\x02\xe0&lt;\x18c\xc6\xf4?%\xbd\xeb\x80\xb1?\x08\xb64r\x1e\xa7\xe7\'\x19\xe7A_s\xd7\xec\x9c^\x97\x8ce\x8c\xfd\xf9\xf57\x9a\x9a\x9a\x88\xa8`\xb5)\xeb\x7f\xfd\xf5\xd7+++\x1d\x0eG\xac\xeb\x02\xe8\xb4\x10\x00\xe7q\xf2\xe4\xc9\xed;\x8a\xa5\x94\x17]vE\x82;C\x0f\x85\xe2m\xf5\xfc\x9b$\x11\xeb7f\x8a\x94\xf2T\xf9\xc9\x92\x92\x12M\xd3\xb6m\xdfn\xc6\xfa\xcbN\x94\xed\xda\xb5+\xc1\xe5\x8auI\x00\x9dV\xdc\xad\x05\xc7\x15UQ&gt;\xf9\xe4\x93C\x87&gt;\'\xa2\x8bG\\M2\xbe\x07O"\xce\x15-\xe0\xbb\xe8\xd2\xf1\xce\x84d\x7fK\xe3\xe6\xcd\x9bm6\xdb\xa9S\xe5d\xb6\xfa\x1d\tI\x81\x96\xa6\xf7\xd7\xaf\xb7\xdb\xed\xb1.\n\xa0\xd3\xc2\x11\xc0\xb9\xd8\xed\xf6\x9d;w\xea\x9a\xa6:\\\x99\x17_\xa2\x85\xfc\x8c\xc5\xf73\xc6\x98\x1e\n$g\xf4\xf0t\xefCD\xbb\xf7\xec\xd9\xbau+\x119\\\t\xe6\xaa\xdf\xdd\xad\x0f\x11\x15\x17\x17\x87pY\x08\x80\x88\xc1\x11\xc0\xb9\x04\x83\xc1\xe2\x9d;\x89(%\xa3gRz\xb7\xb8_?!"\x12B8\x1c\xae.\xbd\x87\x9c:\xfc\xd9\x9e={kjj\x88(%\xb3\x97\xb9\xea\xcf\xe8=\xa4\xf2\x8b}%%\xa5"\x14\xa4\xaf?\x8d\x01\x00\x1d\x0b\x01p.B\x88\xfa\xba:"JHM\xb7\xbb\x12\x03\xcd\x8d\xcc\x04_`+\x19W\x12\xd3\xbb\x11QMM\xad\x10:\x11\xb9RLV\x7frz7"jllT\x08C?@\xa4 \x00\xce\x83+\xaa\xd0\xb5.\x17\rd\\\x95R\xc6\xfb\xfc\x99\x881&amp;t\xadK\xcf\xfeDTUUYSSMD\xe9=\x07\x98\xab\xfe\xf4^\x03\x88\x88s\xc6$\xb5\xe3\xdb(\x01\xa0-\x10\x00m\x92\x90\x9c\xc68\'\xb3\xccF\xa5t&amp;\xa7\x11\x91\xa6i\x8c\t"r&amp;{\xccX?V~\x00"*\xfe\x17\x04\xe2\x82\x10&amp;;\x15)\x85FD\xad\xdf\xb4.\xcdY?\x00D\x14\x02\xa0\x8d\xe2\x7f\xed\xe4,\xec\x9c\xff\x19\xffLW0\x80\xf9 \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j\xac\x0b\x00\x80\xf3\x90R\xb6\xe3\xffb\x8cux%\xedc\xf6\xfa;1\x04\x00@\xdc\x91R\n!\xa4\x94\x8c1\xc6\x18\xe7\xed9R\xef\x90\x07i\x1f\xb3\xd7o\x1d\x08\x00\x80xa\x0cyD\xa4(\x8a\xa2(\xad\xb7{\xbd^!\x04c\xac\x8dSic\xee\xecv\xbb\xcf|\x10c0\xe5\x9cGnfm\xf6\xfa-\x08\x01\x00\x10{RJ]\xd7UU5\x86\xbc\xc6\xc6\xc6\x1d;vl\xdf\xbe\xed\xd3O?\xad\xad\xad---\xd15\xed\x02\x1e\x8e1\x92\xb2_v\xb6\xc7\xed\x191rTnn\xee\xe8\xd1\xa3{\xf4\xe8a\xdc\xa9i\x1a\xe7\xbcc\'\xd4f\xaf\xdf\xb2\x10\x00\x001\xa6\xeb\xba\xa2(\xaa\xaa\x06\x83\xc1\xf5\xeb\xd7\xbf\xf8\xe2\x9a\x9d;\x8b\x8f\x1f/\x0b\xf3a\xab\xaaw\x10\xd1\xfb\xeb\x0b\x89(\xcd\x93:b\xe4\xa8\x193f\xdcx\xe3M\x99\x99\x99D\xa4i\x9a\xa2(\x1d2\x9b6{\xfdV\x86\x00\x00\x88\x19cIDQ\x14\xaf\xd7\xbbr\xe5\xca\x97^zq\xef\xde\xcfZ\xefMIr\xf6\xee\x99\x9c\x95\xe1\x1a\xda\xd7\xedIsJM\xb4e\xb8\x93\x92\x18g\xa1\x90\xbe\xb3\xa4\xb6\xbe&gt;p\xe8\xb8\xb7\xa6\xae\xa5\xb6\xce[T\xb4\xb1\xa8h\xe3\xa2\xff\xfe\xef;\xee\x9c}\xcf=\xf7\x0c\x1c8\x90\x88\x84\x10\xe1L\xa5\xcd^? \x00\x00b\xc3\x988\x13QAA\xc1\x13O,=p\xe0\xa0q{\xef\x9e\xa9W\x8f\xeb~\xfdU\xbdG\x0cI\xef\x91\x95\xa8$\xdaH\xe1\xa40\xba\xb0\xad4\x92B\x82\x02zuu\xcb\x9e\xcf\xeb\xd6o\xf9r\xfd\xe6\xb2}\x07j\xcaOU&lt;\xf9\xe4\x93\xabW\xafz\xe0\x81\x9f,\\\xb8055U\xd34Um\xcf8`\xf6\xfa\x81\x10\x00\x001a\x8c\x9e\xe5\xe5\xe5s\xe7\xce-,,4n\xbclP\x97\xfc\xb9\x97N\x9b\xda7%#\x81\xa4$\xbfN!]4\x06\x85$\xba\xf0\x9d\x94\x9c3\xc6X\x97.\tW\xf7H\xbezr\x9f\xc7\x1b\x83\xff\xd8V\xfe\xd4\xca=\x85\x9b\xcbjk\xeb\x96,Y\xb2n\xdd\xbaU\xabV\xe5\xe5\xe5\x19gh/h9\xc5\xec\xf5\x83\x01\x01\x00\x10m\xc6\xa4\xb5\xb0\xb0\xf0\xee\xb9sO\x96\x97\x13\xd1\xa0\xbe\x9e\x9f\xfdh\xd8\x9d7\xf4\xb7\xa7:\xa8)\xa8\xd7\xf9\x88\x18\xe3\xc4\x18\xe3\x9cq"\xa2v\x8en2$D@\x97$U\x85O\xbe\xf2\xa2\xc9\x13{\x15m*{b\xf9\xbf6n\xfd\xf2\xe0\xc1\x83W_}\xd5o~\xb34??\xdf\xd8\xbd\xd3\xc61\xd4\xec\xf5C+,\x9f\x01D\x951z\xae\\\xb9r\xea\xd4\xa9\'\xcb\xcb\x89\xd8\x03\xff1t\xdb;\xd3\xfe\xcf\x9c\xa1vFz\x9dO\xeaRQ\xb8\xa2\xb0\x0e\xd9\xf0\xc8\x18)\nS\x15.\x89\xf4\x86\xa0h\x0eM\xbe\xaaw\xd1\xab7&gt;\xb3x\xbc;\xc9\x11\x08\x04\x17.\\8\x7f\xfe|\xce\xb9\xb1\xcf\xb2\xd3\xd7\x0fgB\x00\x00D\x8f\xb1Wr\xe5\xca\x95\xf3\xe7\xcf\'\xa2t\xb7\xf3\xb5g\xafy\xe6\x89\xabR\x9d\x8aV\xe3\x93D\x8a\xc2#4\x8beD\x8a\xc28g\xba7 \x9aC\x0f\xfc8\xf7\xc3?\xdf\x94;\xa4\x0b\x113\xeaQ\x14EJy\xee1\xd4\xec\xf5\xc3Y\x10\x00\x00Qb\xac\x9b\x7f=z\xb2\xee\x19\t\xef\x17\xfc`\xc6\xcc!\xa1\xaa\x16\xa9KU\xe5\xd1Y\xbf0\x86Q\xedt\xcb\xf0\xcb27\xbezc\xde\xf0L"nTe\xcc\xa3;k\xfd\xf0m\x08\x00\x80h0F\xcf\x8d\x1b7\x1as\xe7\xcc4\xe7\xb6\xb7n\x1d5\xaa\x9bV\xd1l\xb3Ej\xd6|\x0e\xaa\x8d\xeb^\xbf\'\xd1\xfe\xd1_n\xbdfl7"Z\xb9r\xe5\x92%K\x14E\xd1\xbe\xebC[f\xaf\x1f\xbe\x13\x02\x00 \xe2\x84\x10\x8a\xa2TVV\xce\x99=\x9b1\x96\x96\xea\xfc\xeb\xaa\xebz\xf5I\xd5\xbc\x01\xd5\x16\xb3\xf7\xa0\xa2r\x11\xd4U!\xd7\xfdq\xca\xc8\xa1\x19Dl\xc9\x92%EEE\xaa\xaa\xea\xba\xde\x99\xea\x87\xef\x83\x00\x00\x88\x06]\xd7\xe7\xcc\x99SQYID+\x1e\xbbb\xd4\x15\xbd\xb4\xfa\x80\xaa\xc6\xf8\r\xc8\x15\xa6\xfb\xf5\xf4.\xae??;9\xcd\xed )\xef\x9a3\xa7\xa2\xa2\x821v\xe6Z\x8aq\xa5\x07s\xd5\x1f\xdb\xc2\xcc\x02\x01\x00\x10q6\x9bm\xed\xda\xb5EEED\xf4\xe3Y\x83\xa7\xcd\x1c\x12\xaah\x8e\xe1\xdc\xf9L\x8a\xca\xb4\xfa\xc0\xc5\x83\xbb,_\x9c\'\x89**+\x1f~\xf8a\xcey\xeb\xd9Tc\xf1\xc7\\\xf5\x9fy\x1598\x87\xb8x\t\x01:+c\x18\xad\xa9\xa9y\xf4\xd1G9g\xfd\xfb\xa4&gt;\xfe\xcbq\xba\xd7\x1f\xf3\xb9\xf3\x99T\x1b\xd7jZn\x9b1x\xc6u\xfd\x88\xd8\xbaW_-..n\xddX\xc9\x18\xab\xad\xad5W\xfd;v\xech\xbd4)\x9cC\x1c\xbd\x8a\x00\x9d\x8fqBr\xd5\xaa\xe7\x0f\x1f&gt;,\x84|\xe4\xbe\xe1\xc9\x19\t2\xa8\xc7\xdb\x12\x05gL\x86\xc4\xff,\x1c\xe9t(\xfe@`\xd1\xa2E\xc6\xd5\x9bu]\xe7\x9c\x17\x14\x14\x98\xb4~\xec\n=7\x04\x00@\x04\xd9l6!DAA\x01clP?\xcf\xed\xb7\x0c\x10\xf5~%\x9e\xa6\xcf\x06\xce\x99h\n\xf6\xbf,s\xe6\x0f\xfb\x11\xd1\xe6\xcd\x9bJKK\x15E\xe1\x9c\xfb|\xbe\x82\x82\xd5f\xab\x7f\xf3\xa1C\x87\x92\x92\x92p\x10pnq\xf7B\x02t&amp;)))[\xb6l9p\xe0\xa0\x94\xf2\xe1y9\x8eT\x87\xd4D\x9c\xcd\x9e\xbf\xc28\x93\x01\xfd\x17\xf3s\x12\x13\xec\xcd\xcd-\xcf?\xff&lt;\x11q\xce7n\xdc\xb8\x7f\x7f\x89\xb9\xeaoiiY\xb5\xeay\xa7\xd3\x89\x0087\x04\x00@\x041\xc6\x8c\xe9\x7f\x8f\xac\xe4i?\xe8\'\x1b\x83\\\x89\xd37\x1d\xe7L4\x07\x07^\x96y\xd5\xe5\xdd\x19co\xbc\xf1\xe7\xa6\xa6&amp;"2\xa6\xff\xe6\xab\xff\xf5\xd7+++\x1d\x0eG\xac\xeb\x8akq\xfaZ\x02t\x0e\'O\x9e,.\xde.\xa5\x9crE\x8f\xc4\x8c\x04\x11\x8a\xbb\xd5\xf33II\x92\xb1i\xd7\xf6\x91R\x96\x9f&lt;URR\xa2i\xda\x8e\xed\xdb\xccX\xff\x89\xb2\xb2]\xbbv%$$\xc4\xba\xa8\xb8\x86\xab\x81\x02D\x8a\xaa(\x9f|\xf2\xc9\xa1\xcf\x0f\x11\xd1\x8dW\xf5&amp;I\xed\xbe(ft(\ng~m\xf2\xb8\x1e)I\xce\x86&amp;\xff\xe6\xcd\x9bm6\xdb\xc9\xf2\n2_\xfd\x8e\x86\xa6\xc0\xfa\xf5\xef\xdb\xed\xf6X\x17\x15\xd7p\x04\x00\x10)v\xbb}\xe7\xce\x9d!MOp\xdaF\x0cI\xa7\x80\xc6\xa3t\xbd\x9cvb\x8cd@\xcf\xea\x99&lt;\xe0\xe2T"\xda\xbbg\xf7\xd6\xad[\x89()\xc1a\xae\xfa\xfb\xf7I%\xa2\x9d\xc5\xc5\xa1P(\xd6E\xc55\x04\x00@\xa4\x04\x83\xc1\x9d;\x8b\x89\xe8\xe2^I\x19\xdd\x92d|\xaf\x9f\x18\x84\x10\x8a\xcb6lp\x1a\x11\xed\xd9\xbb\xe7\xfd\xbf\xff\x8d\x88.\xee\x95l\xae\xfa\x87\x0fI#\xa2\x92\xd2\x92\xca\xcaJ\xfa\xfa\xd3\x18\xf0mX\x02\x02\x88\x14!D]]=\x11euq9\x12\xed\xa21\xc0\xe2{\x06M\xc67wq\xd6\xabk"\x11\xd5\xd4\xd6\x08]\x10Qf\xba\xd3\x8c\xf57662\x86\x8f\x04\x9f\x0b\x02\x00 \x82T\x95k\x9a\xb8t@\x1a)LJ\x19\xe7k\xe8d|\xa9\x96.\x86\xf6\xf7\x10\xd1\xe9\xca\xaa\x9a\xea\x1a"\x1a\xda\xdfm\xb6\xfa\xd3\x88\x88u\xccw\xd2tf\x08\x00\x80\x88\xeb\xe2q\x12g\xa6Y\x87\x90\xd4\xc5\xe3$"M\xd3\x84`d\xda\xfa\xa5\x94\x18\xff\xcf\r\xe7\x00\x00"N\xd3\xcc2v~\xc5(\xb8\xf5\x9b\xd6MZ?\x9c\x17\x02\x00 \xe2L7\x0f=\xab`\xb3\xd7\x0f\xdf\x07\x01\x00\x00`Q\x08\x00\x00\x00\x8bB\x00\x00\x00X\x14\x02\x00\x00\xc0\xa2\x10\x00\x00\x00\x16\x85\x00\x00\x00\xb0(\x04\x00\x00\x80E!\x00\x00\x00,\n\x01\x00\x00`Q\x08\x00\x00\x00\x8bB\x00\x00\x00X\x14\x02\x00\x00\xc0\xa2\x10\x00\x00\x00\x16\x85\xef\x03\x00\x00h\x13y\x86\xd6\x1b\xd9\x19bX[\xfb \x00\x00\x00\xceE\x08!\x84P\x14\xc5n\xb7\xdb\xedvEQ8\xe7\x8c\x19_\x91FB\x88`0\x18\x08\x044Mc\x8cqn\xa6e\x15\x04\x00\x00\xc0w\x90R\xea\xba\xae\xaajrr\xb2\xddnojj*//?q\xe2DEEEuu\xb5\xdf\xef\'\xa2\xc4\xc4\xc4\xac\xac\xac&gt;}\xfa\\|\xf1\xc5\xe9\xe9\xe9\xa1P\xa8\xb1\xb1\xd1\x88\x87X\x97\xdf&amp;\x08\x00\x00\x80\xb3I)\x1d\x0eGBB\x82\xd7\xeb\xdd\xbcysaa\xe1\xa6M\x9b\x0e\x1d:T__\xff\xed_\xb6\xd9l\xbd{\xf7\xbe\xf2\xca+\xef\xb8\xe3\x8e\xbc\xbc\xbc@ \xe0\xf7\xfb\x15\xc5\x04\xdfG\x8f\x00\x00\x00\xf8\x06)\xa5\xa2(eee\x7f\xf9\xcb_^{\xed\xb5\xbd{\xf7\x9e\xfb\xf7C\xa1\xd0\xe1\xc3\x87\x0f\x1f&gt;\xbcr\xe5\xca\x993g\xfe\xeaW\xbf\xea\xd9\xb3gCCC\xfcg\x00\x02\x00\x00\xe0\x1bt]\xf7x&lt;\x8f?\xfe\xf8\xd2\xa5K[od\x8c\xf5\xed\xdbw\xe0\xc0\x81\xfd\xfa\xf5\xcb\xc8\xc8p\xb9\\R\xca\xfa\xfa\xfa\xa3G\x8f\xee\xde\xbd\xbb\xb4\xb4\x94\x88\x14EY\xb7n\xdd\xc7\x1f\x7f\xbcn\xdd\xba\x11#F\xc4\x7f\x06 \x00\x00\x00\xbe\x81s\xee\xf3\xf9f\xce\x9c\xb9l\xd92!\xc4\x90!Cn\xbe\xf9\xe6)S\xa6\x0c\x1e&lt;\xd8\xedv\xdbl6"2\xce\x003\xc6t]ohh\xd8\xb9s\xe73\xcf&lt;\xf3\xd7\xbf\xfe\xd5f\xb3\x9d8q\xe2\xa6\x9bn\xfa\xe8\xa3\x8f\xfa\xf4\xe9\xe3\xf3\xf9\xe2\xf9\xb40\x02\x00\x00\xe0\x1b8\xe7~\xbf\x7f\xc0\x80\x01\xbf\xf8\xc5/\xfa\xf7\xef\x7f\xcb-\xb7\xa4\xa6\xa6\x06\x02\x01\x9f\xcf\xe7\xf5z\xcf\xdc\x03JD\x8c1EQ&amp;N\x9cx\xf5\xd5W/_\xbe\xfc\xa7?\xfd\xa9\xddn\xaf\xaa\xaa\xba\xff\xfe\xfb\xdf\x7f\xff\xfdX\xfd\x13\xda\x08\x01\x00\x00p6\xc6\x98\xdf\xef_\xbcx1c\xac\xa9\xa9\xa9\xaa\xaa\xca\xd8\xdb\xf3}K:\r\r\rR\xca\x1f\xff\xf8\xc7R\xca\x05\x0b\x16\xa8\xaa\xfa\xd1G\x1f\xfd\xedo\x7f\xbb\xe9\xa6\x9b\xea\xeb\xeb\xe3v!(~\x8fM\x00\x00b\x881\xe6\xf5z\xeb\xeb\xeb\x85\x10\xaa\xaa\x9e{s\xa7\xa2(\x8a\xa2TUU\xfd\xe8G?\xba\xfa\xea\xab\x8d\xcf\x04\xac]\xbb6\xce\xf7\x83"\x00\x00\x00\xbe\x9b1\xac\xb7q\x107~MJy\xf7\xddw\x1b?\xec\xd8\xb1\xa3\xaa\xaa\xcaf\xb3\x9d\xb5j\x14?\x10\x00\x00\x00\x1dCQ\x14\x9f\xcf\x97\x9b\x9b\x9b\x98\x98HD\x15\x15\x15_~\xf9\xa5\xddnG\x00\x00\x00t~\x9a\xa6y&lt;\x9e\xac\xac,\xe3\xe7\x9a\x9a\x1aEQ\x10\x00\x00\x00\x9d\x9cq\x81 \x9b\xcd\x96\x90\x90`\xdc\x12\x08\x04\xe2y\x1bh\xfcV\x06\x00`.RJ\xc6\x98\x10"\x14\n\x19\xb7\xa8\xaa\x1a\xb7\xd3\x7fB\x00\x00\x00t \xceyKKK]]\x9d\xf1\xb3\xdb\xed\xd6u=n\xf7\x02!\x00\x00\x00:\x86\x94\xd2n\xb7\x9f8q\xa2\xa6\xa6\x86\x88&lt;\x1eO\xf7\xee\xddC\xa1\x10\x02\x00\x00\xa0\x93\x13B8\x9d\xce\x0f?\xfc\xd0\x98\xf5\x0f\x1d:\xb4[\xb7n\xc1`\x10\x01\x00\x00\xd0\x99\x19\xa7\x7f\xab\xab\xab\x0b\n\n\x8c\xff\xbc\xe5\x96[\xecv\xbb\x10"\xd6\xa5}/\\\n\x02\x00\xa0\x03h\x9a\x96\x99\x99\xf9\xe0\x83\x0f\x1e=z\x941\xd6\xabW\xaf\xdbo\xbf=\xce/\x08\x8a#\x00\x00\x80p\x85B\xa1\xcc\xcc\xcc5k\xd6\xfc\xeew\xbf3&gt;\xfa\xfb\xe8\xa3\x8ffdd\xc4\xf3\xfa\x0f!\x00\x00\x00\xc2!\xa54\xe6\xfe/\xbf\xfc\xf2\xbcy\xf3l6[(\x14\xfa\xcf\xff\xfc\xcf\xd9\xb3g\xd7\xd5\xd5\xa9j\\\xaf\xb2 \x00\x00\x00\xdaI\x08\xc1\x18\xcb\xc8\xc8\xf8\xedo\x7f{\xd7]w\x11Q0\x18\xbc\xfe\xfa\xeb\xff\xf0\x87?\x18_\x0e\x1c\xeb\x02\xcf#\xae\xd3\t\x00 ni\x9a\x96\x98\x98(\x84\xf8\xd1\x8f~\xb4|\xf9rc\xee\x7f\xdbm\xb7\xad^\xbdZ\xd7u]\xd7\xe3?\x00\xe2\xbd&gt;\x00\x808d\\\xf3\xa7\xac\xac\xec\xba\xeb\xae[\xbe|\xb9\xa2(\xa1P(??\xff\xa5\x97^\xd24M\xd3\xb4\xf8\x1f\xfd\tG\x00\x00\x00\x17J\xd3\xb4\xb4\xb4\xb4-[\xb6\xdcy\xe7\x9d\xe5\xe5\xe5Dd\xb3\xd9\x9e}\xf6\xd9{\xef\xbd\xb7\xae\xaeNJi\x8a\xd1\x9f\x10\x00\x00\x00\x17\xc4\xf8\xca\xf8\x0f&gt;\xf8`\xda\xb4iMMMD\x94\x9d\x9d\xfd\xc2\x0b/\xe4\xe5\xe5UUU)\x8ab\x96\xd1\x9f\x10\x00\x00\x00m\'\x84HLL\xdc\xb7o\xdf\xed\xb7\xdf\xde\xdc\xdcLDyyy\xeb\xd6\xad\xcb\xcc\xcc&lt;}\xfa\xb4\xf1}\xf1&amp;\x82\x00\x00\x00h+\xce\xb9\xae\xeb\xf7\xde{o}}=\x11]~\xf9\xe5\xef\xbe\xfb\xae\xc3\xe1\xf0z\xbd\xa6\x1b\xfd\t\'\x81\x01\x00\xdaH\xd7\xf5\x94\x94\x947\xdf|s\xc7\x8e\x1d\x9c\xf3\xae]\xbb\xbe\xfc\xf2\xcb.\x97\xab\xa5\xa5%\xce\xf7\xfb\x7f\x1f\x04\x00\x00@\x9b\x18\xd7\xfa7\xbe\xea]\x08\xf1\xcb_\xfe\xb2_\xbf~\x8d\x8d\x8d&amp;\x1d\xfd\t\x01\x00\x00\xd0\x16\xc6\xb5\xdeN\x9d:\xb5{\xf7n)e\xd7\xae]o\xbd\xf5V\xaf\xd7k\xde\xd1\x9f\x10\x00\x00\x00mq\xd6\xb5\xfe/\xbf\xfc\xf2\xac\xac\xacx\xbe\xd6\x7f[ \x00\x00\x00\xceOJ\xa9\xaa\xea\xe9\xd3\xa7u]\'\xa2\xc1\x83\x07\xc7\xf9\xd7=\xb6\x05\x02\x00\x00\xa0M8\xe7\xc6\xe6\x1f"\xea\xd6\xad\x9b\xf1\r\xc01\xad(\\&amp;^\xbd\x02\x00\x88\xb2@ `|\xce+%%%\x9e\xbf\xe9\xa5\x8d\x10\x00\x00\x00m\xc2\x18\x0b\x06\x83\xc6\xb8\xdf\t\xa6\xff\x84\x00\x00\x00h\x0b\xceySS\xd3\x94)S\xdey\xe7\x1d"\x1a&lt;xpss\xb3\x89\xae\xfa\xf0\x9d\x10\x00\x00\x00\xe7\xc7\x18\x0b\x85B={\xf6\xcc\xce\xce&amp;"\x9f\xcfg\xf6-@\x84\x00\x00\x00h#c\t\xc8\xef\xf7\x13\x11\xe7\xdc\xec\xa3?!\x00\x00\x00\xda\x8e1\x16\xcf_\xf2~\xa1\xcc\xbd\x80\x05\x00\x10eR\xcaN\xb0\xff\xc7\x80\x00\x00\x00h+!\x84\xddnw:\x9dRJ\xb3\x7f\n\x8c\x10\x00\x00\x00m\xc4\x18KJJ*//?r\xe4\x88\xcdf\xb3\xdb\xedf\xcf\x00\x04\x00\x00\xc0\xf9\x19\xd7\x02\xfa\xf9\xcf\x7f&gt;j\xd4\xa81c\xc6\xdcp\xc3\rUUU6\x9b\xcd\xd4\x19\x80\x00\x00\x008\x0f!DRR\xd2\'\x9f|\xf2\xf4\xd3O744\x04\x02\x81M\x9b6\xfd\xf1\x8f\x7fLJJ2.\rdR\xd8\x05\x04\x00p\x1e\xc6\x95\xe0\x0e\x1c8\xa0(\x8a\xb1\xfb\x931VZZ\xaa\xeb\xba\xa97\x83\xe2\x08\x00\x00\xa0M\x8c\xf9&gt;\xe7\\Q\x14!DBB\x82\xd9?\tl\xee\xea\x01\x00\xa2\x80s\xde\xdc\xdc&lt;a\xc2\x84\xac\xac\xac`0\x18\x08\x04\xa4\x94\xd3\xa6M3\xf5\xfa\x0fa\t\x08\x00\xe0\xbc\x8c\xcf\x00w\xed\xda\xf5\xddw\xdf]\xb3fMKK\xcb\xb5\xd7^{\xc3\r7466\x9a\xfasa\x08\x00\x00\x80\xf3\xe3\x9c\xb7\xb4\xb4\x0c\x1d:\xf4\xd9g\x9f5&gt;\x0b\xd6\xd0\xd0`\xea\x13\x00\x84\x00\x00\x00h#\xce\xb9\xcf\xe7knn6\xc6}S\xcf\xfd\r\x08\x00\x00\x80\xb6\xe2\x9c\x9b\xfd\xc4\xef\x99:\xcf\xbf\x04\x00\x00.\x08\x02\x00\x00\xc0\xa2\x10\x00\x00\x00\x16\x85\x00\x00\x00\xb0(\x04\x00\x00\x80E!\x00\x00\x00,\n\x01\x00\x00`Q\x08\x00\x00\x00\x8bB\x00\x00\x00X\x14\x02\x00\x00\xc0\xa2\x10\x00\x00\x11g\xba+\x86\x9dU\xb0\xd9\xeb\x87\xef\x83k\x01\x01D\\0$\xc8T_\x1c\x1b\x0c\t"\x92R\n!\xc9\xb4\xf5\xc3y\xe1\x08\x00 \x82\x84\x10D\xb4k\x7f5i\x82s\x13\xccK\xa5\x94\xa4\xf2OKj\x88(++3\xbb_6\x11}ZRc\xb6\xfa\xab\t\xc7\x01m\x80\x00\x00\x88 \x9b\xcdFD\xd5u~-\xa0\x99\xe6\xda\xf1RV\xd6\xf8\x88(%9%++\x8b\x88j\xea\x03&amp;\xab\xbf\xdaGD6\x9b\xad3]\xb93\x12\xf0\xec\x00D\x8a\xd3\xe9\xcc\xcd\x1dID\x87\x8e6\xd4\x9dnfv.\xe3~!\x85s&amp;\x03\xfa\xbfJj\x88h\xe8\xd0\xa1\xd7N\x99BD\x87\x8e\x99\xac\xfe]%5D4p\xc0\xc0\xae]\xbb\x12\x91i\xa2+\xea\x10\x00\x00\x91\xa2iZnn.g\xac\xb19Xr\xb8\x9e\x1c\xaa\xb1\xa4\x1e\xb7\xa4$nW\xea\xab\x9a\x0f\x1c\xf1\x12\xd1\xd0K/\x1d?\xfe\n"\xf26\xfa\xcdU\xff\xc1#^"\xca\xc9\x19\xe6r\xb9b]T\\C\x00\x00DJ(\x14\x1a7n\\\xaf^=\x84\x94\xefo)#\x85\xcb\xf8\x9eB\x0b!\xa5S\xfddW\xe5\xe9\x9a&amp;\xce\xd9\xf8\xf1W\x8c\x1e=\xda\xe3N\x11\xc2d\xf5W\xd54s\xce\'_{\xad\xa6i\xb1.*\xae!\x00\x00"E\x12\xf5\xef\xdf\x7f\xd8\xf0\\\xc6\xd8\xbb\x1f\x96i\r\x01E\x8d\xefw\x9c\x94L\xe5ol8&amp;%\xb9\xdd\xee\x11#F$$$\xe4\x0c\x1bn\xbe\xfa\x892\xba\xa4\x8f\x1f?\xbe\xa5\xa5%\xd65\xc5\xb5\xf8~9\x01LNU\xd5\xdbo\x9f)\xa5\xfc\xfcH\xdd\x96O\xbedIv]\x8f\xd3I\xb4\x94\xc4\x9dj\xcdq\xef\xdf7\x95\x11\xd1\xd4)S=\x1e\x0f\x11\xcd\x9c9\xcb\x8c\xf5O\x99:\xb5g\xcf\x9e~\xbf?\xd6u\xc55\x04\x00@\x04555\xdd|\xf3\xcd\x99\x19\x19B\xca\xffY\xbe\x9b\x84\xa4x=\x1f\xa9\xeb\x82%\xd9\x9f}i_eu\xb3\xaa(\xf3\xe6\xcfg\x8cI)\xa7O\x9f\xde5+\xcb\\\xf5+\x8a2o\xde\xfcXWd\x02\x08\x00\x80\x08\xf2\xf9|.\x97k\xd6\x1dwH)\xff\xb1\xad\xfc\xa3\x7f\x1cWR\x1cq8\x896\xa6\xcf\xb5e\r\xcf\xbdR\xca\x18\x1b6|\xd8\xa4I\x93\x84\x10\xba\xae\xa7\xa7\xa7\xdf9{\xb6\xb9\xea\xcf\xc9\xc9\x19?~|CC\x83\xa2(\xb1.-\xae!\x00\x00"HQ\x14)\xe5}\xf7\xdd\xe7v\xbb\x89h\xf1\xb3\x9f\x92.e\xfcM\xa2uM\xf0d\xfbo\x9f\xdfSU\xdbBD\x0f=\xf43"\x92Rr\xce\xa5\x94\xf3\xe7\xcf7[\xfd\x0fI)\x85\x10\xd8\x00zn\x08\x00\x80\x08\xe2\x9c3\xc6\x06\r\x1a\x94\x9f\x9f/\xa5\xdc\xb4\xa3\xfc\x7f\x9f\xdf\xadvI\xd0\xe2\xe9Z\x05\xba&amp;T\xb7c\xf7\xc7\'\x9f\\\xfd\x19#\x9a8a\xc2\x8c\x193\x84\x10\x8a\xa2p\xce\x85\x10\x03\x06\x0c0W\xfd3g\xced\x8ca\xfa\x7f^\x08\x00\x80\x88\xd34-??\xbfo\xdf\xbe\x8c\xd1/\x9e*\xfelG\xb9\xeav\xeaZ\\\x8c\xa1RH\xe6P[\x1a\x83\xff\xf1\xf3\x8f\x82!]Q\x94\'\x9fz\xea\xcc\xed\x9e\x9cs]\xd7\xcd[?\x9c\x03\x02\x00 \xe2\xa4\x94\xa9\xa9\xa9k\xd7\xaeU\x14\xb5\xb194{\xe1\x07\xb55&gt;\xe6PE\xac\x17\xd3\xa5$M\x12w*\xf7?\xbci\xef\xc1\x1a)\xe5\xb2\'\x9f\x1c1b\x84\x10\xa2\xf5"\n\x8c1\xc6\x98\xb9\xea\xd7u=\xb6\x85\x99\x05\x02\x00 \xe28\xe7\x9a\xa6\x8d\x193f\xd9\xb2eDr\xef\xe7\xb5\xd7\xdf\xf5\x1eS\x18w*1&lt;\xa1*\x85\x14R\xda\xba&amp;.\xfc\xbf\x9b^x\xfbs"\x9a&gt;}z~~\xbe\xa6ig-\x9e\x98\xbd~\xf8&gt;\x08\x00\x80hPU\xd5X\x08\x9a7o\x1e\x11}\xb2\xa7j\xea\xec\xf7\xea\x1a\x82J\x8a=&amp;\xeb\xe9\xba&amp;\x98MQ\x92\xec\x0b\xff\xeb\x83\xa7_*%\xa2Q\xa3F\xadX\xb1\xc2X\xfa\xff\xf6\xef\x9b\xbd~\xf8N\x08\x00\x80(Q\x14E\x08\xb1b\xc5\x8ay\xf3\xe6\x11\xc9\r[\xbf\x9c2\xe7\xbdC\x87\xeb\xd4..]\x97Q\xbb\xcc\x8e\x94R\x0b\t%\xd5\xd1\x18\xd2\xef\xce\xdf\xf8\xfb\x17&gt;\x93B\x1f5jTaa\xa1\xf1\xc9\xaf\xef\xdb9c\xf6\xfa\xe1\xdb\x10\x00\x00Qb,\xa6\xeb\xba\xfe\xf5\x18J\xc5\x9fU\xe5\xdd\xf2\xd6\xba?\x1fP\xdc\x0e\x9e`\xd35\x11\xd1aTJ\xd24\xc1TE\xcdH\xd8\xbe\xabb\xd2\xb4\xb7V\xbfy\x90\x88F\x8f\xfej\xf4&lt;s\xe9\xbf\xf3\xd5\x0f\xdf\x86\'\x0b z\x18c\xc6\xc6\xca\x15+V,Z\xbc\x98\x88\xaa\xea|\xb3~\xb2\xf1\x8e{\x0b\xf7\x1d\xacU\xd2\\&lt;\xc1\xa6\xebR\xd3\xa5\xe8\xb8},R\x92\xaeK]\x13\xcc\xc6\xd5\xf4\x84\xd3\xf5\xfe\xff~l\xeb\xa4\xdb\xde1\xbe5e\xc6\x8c\x19\xeb\xd7\xb7u\xf44{\xfdp\x16|%$@T\x19\x0b\x14B\x88\xc5\x8b\x16\x8d\xbd\xfc\xf2\xbb\xe7\xce=Y^\xfe\xea{\x87\xde.:6\xeb\xc6\xec\x85w_6\xf4\xd2\x0cb\x8c|!\x19\x14BH)e\xfb\xd64\xa4\x94\xc4\x883\xc6m\x8a\xe2RIa\x95e\x8d\xcb\xff\xb0\xebOkKO\x9dn""\x87\xdd\xf6\x9b\xa5O\xe4\xe7\xe7\x1b\xf5\xb4q\xf44{\xfdp&amp;\x04\x00@\xb4\x19k)\x9a\xa6M\x992eGq\xf1\xff\xff\xc8#k\xd7\xbe\xe2\xf3\x07W\xff\xb9t\xdd{_\\{E\xcf\x9b\xae\xe9}\xf5\xb8\x1e\xbd\xba\').\x1bqF\xba !/\xe4\x1b\x0e%\x11#\x95\x93\x94\x14\xd0k\xaaZ\xb6~X\xf9\xce\x07\xc7\xd6\x7f\xf4eye\xa3\xf1\x1b\x93\'O~\xec\xb1\xc7\xc6\x8c\x19c|\\\xf6\x82FO\xb3\xd7\x0f\xad\x10\x00\x00\xb1\xa1\xaa\xaa\xae\xeb\xdd\xbbw_\xb5z\xf5\xfc{\xef}\xfc\xf1_\x17\x15mhi\xf1\xbf\xbd\xe1\xc8\xdb\x1b\x8e\xa4$\xbb\x86d\xbb\x87\xf4w_\xd4#\xf9\xd2\xbe\xa9\x1e\x8fS\xeam\xbe\x04\x03\xa3PH\x14\x97\xd6\xd4\xd4\xf8v\x97\xd6\xee?\\\x7f\xba\xba\xa9\xf5\xce\xbcq\xe3\xee_\xb0`\xd6\xacYD\xa4\xebz\xbb\xf7\xcc\x98\xbd~ \x04\x00@\x0c\x19W\n\x12B\x8c\x193\xe6\xed\xb7\xdf\xd9\xb7o\xdf\x9a5k\xde|\xf3\xf5\xa3G\x8f74\xfa\xb6\xfd\xcb\xb7\xed_\xa7:\xeaoeefL\xbd\xee\xba;\xef\x9c=y\xf2d\xfa\xfa\xdb\xea\xc3\x1c=\xcd^? \x00\x00b\xc9\xb8d\x8d\xb1X&gt;t\xe8\xd0e\xcb\x96-Y\xb2d\xcf\x9e=\x1b6l\xd8\xbe\xed\x93\x03\x07\x0e446\xd4\xd4\xd4\xb5\xe3\x91S\x92\x13\x13\x12\x13\x07\x0f\x1e2l\xd8\xb0I\x93\xae\xcc\xcb\xcbKOO\'"c\xc8\xee\xa8\xa1\xd3\xec\xf5[\x1c\x02\x00 \xf6\x8c%l!\x84\x10"!!a\xec\xd8\xb1c\xc7\x8e%"\x9f\xcf\xd7\xdc\xdc\\RR\xd2\x8ek\x1bdgg\xa7\xa4\xa4\xa4\xa6\xa6\xb6\xdeb&lt;\x88\xa2(\x1d&gt;z\x9a\xbd~\xcbB\x00\x00\xc4\x0b\xce\xb9q\xf9ecB\xcd9w\xb9\\.\x97k\xc2\x84\t\xed~LcP6N\x93Fz\xdc4{\xfd\x16\x84\x00\x00\x88/g^\xc7\xd8\xb8\xaa\xa5\xb1\xde\xdd\x8e\xc71\xc6\xcd(\xef\x901{\xfd\x96\x82\x00\x00\x88_\xc6\x0ez\xf3\xce|\xcd^\x7f\xa7\x87h\x05\x00\xb0(\x04\x00\x00\x80E!\x00\x00\x00,\n\x01\x00\x00`Q\x08\x00\x00\x00\x8bB\x00\x00\x00X\x14\x02\x00\x00\xc0\xa2\x10\x00\x00\x00\x16\x85\x00\x00\x00\xb0(\x04\x00\x00\x80E!\x00\x00\x00,\n\x01\x00\x00`Q\x08\x00\x00\x00\x8bB\x00\x00\x00X\x14\x02\x00\x00\xc0\xa2\x10\x00\x00\x00\x16\x85\x00\x00\x00\xb0(\x04\x00\x00\x80E!\x00\x0</t>
        </is>
      </c>
    </row>
    <row r="284">
      <c r="A284" s="1" t="n">
        <v>282</v>
      </c>
      <c r="B284" t="inlineStr">
        <is>
          <t>triangle</t>
        </is>
      </c>
      <c r="C284" t="inlineStr">
        <is>
          <t>What is the missing number of the part denoted with a question mark?</t>
        </is>
      </c>
      <c r="D284" t="inlineStr">
        <is>
          <t>['9', '7', '5', '1']</t>
        </is>
      </c>
      <c r="E284" t="inlineStr">
        <is>
          <t>5</t>
        </is>
      </c>
      <c r="F284" t="inlineStr">
        <is>
          <t>There are three groups of numbers with a triangle arrangement in the image. The first group is ['?', 1, 5], the second group is [8, 4, 32], and the third group is [2, 3, 6].</t>
        </is>
      </c>
      <c r="G284" t="inlineStr">
        <is>
          <t>We observe that the number 32 is the product of 4 and 8. Similarly, the number 6 is the product of 3 and 2. Hence, the pattern is that the rightmost number in each group is the product of the other two numbers.</t>
        </is>
      </c>
      <c r="H284" t="inlineStr">
        <is>
          <t>Based on the pattern that the rightmost number in each group is the product of the other two numbers, the missing number of the group ['?', 1, 5] should be 5.</t>
        </is>
      </c>
      <c r="I284" t="inlineStr">
        <is>
          <t>b'\x89PNG\r\n\x1a\n\x00\x00\x00\rIHDR\x00\x00\x02\x00\x00\x00\x02\x00\x08\x02\x00\x00\x00{\x1aC\xad\x00\x00\xb5\x95IDATx\x9c\xec\x9dw|TE\xf7\xff\xcf\xdc{\xb7\xa6\xecn\x1a=\xd4\x00\x01\x12 \x10z\x90N\xe0\xc1\x07\x94\x0e\xa2t\x94\x88\x82HS\xa4\tR\x04\xe1\x11\xb0\x804\xa9"\x08\x08\n\xa1K\x15\x02R\x12z\x08\x10j\xfa\xf6z\xef\xcc\xef\x8f\x91\xfd\xe5\x0b\x16\xb2\t\xc9&amp;\x99\xf7\x8b\x17/\xb8{\xf7\xeel\xb9\xe7s\xe6\xcc\x99s\x10!\x04\x18\x0c\x06\x83Q\xfa\xe0\x8az\x00\x0c\x06\x83\xc1(\x1a\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98\x000\x18\x0cF)\x85\t\x00\x83\xc1`\x94R\x84\xa2\x1e\x00\xe3\xa5C\x08\xa1\x7f\xd3\x7f\xb8AO)\xa2q1\x18\x8c"\x06=c\x14\x18%\x03B\x08\xc6\x98\x10\x82\x10\xe2y\xfe\x05\xcf\xe48\x8e\xe9\x01\x83Qz`\x02P\xa2 \x84H\x92\xc4q\x1c\xc7\xfd\xff\xe0\x9e$I&amp;\x93\xe9\xc9\x93\'\x8f\x1f?\x06@\x00\x7f~\xe35j\xd4\xf0\xf3\xf3\xd3j\xb5\xb9\xaf I\x12\x000%`0J\x03L\x00J\x08\x18c\x8c\xb1 \xfc\x19\xd3\xcb\xce\xce\xbex\xf1\xe2\xf1\xe3\xc7\x7f\xff\xfd\xf7\x07\x0f\x1e&lt;IK3\x1a\x8dN\x87#\xf7S\xfc\xfc\xfd\x95\nE\xf5\xea\xd5+V\xac\xd8\xaaU\xab\x16-Z\xd4\xad[W\xadV\xd3GEQ\xe4y\x9e\xc9\x00\x83Q\x82a\x02P\xec\xa11\x1c\x1a\xe71\x99L;w\xee\xdc\xfe\xd3O\xa7O\x9dNOO\xcb\xeb\xa5\xaaV\xad\xda\xb6m\xdb~\xfd\xfa\xb5k\xd7\x8e^\x90\xce\'\x98\x0c0\x18%\x12&amp;\x00\xc5\x98\xdc\xa6?))i\xdd\xbau[\x7f\xfc1\xf5\xde=\xf7\t~\xfe\xfe\xd5\xc2\xc2\xcb\x94\xafP\xa3V]\x1f\x1f\xdfZ\xf5\xeacI\xa4\xab\xbf\xa2\xcbu5\xf1\x0f\xbb\xcdv\xe3\xca\xa5\'\x8f\x1e\xdeK\xb9\xe5\xc85?h\xd0\xa0\xc1\xc0\x81\x03\x07\r\x1aT\xa6L\x19\x00\x90$\xe9\x9f\x17\x12\x18\x0cFq\x84\t@q\x05cL\x03\xfd\x0f\x1f&gt;\x9c6m\xda\xe6\xcd\x9bm6\x1b}\xa8|\xc5\xd0f1\xed^\xe9\x18[\xbb^\xc3\n\x95\xaa(\x94rA\x00L@\x12\xff\xcf\x15\x04\x19\x00\x01Q\x04\x8b\xd9\x94z\'9\xf1\xc2\xf9#\xf1\xbb\xcf\x9d&gt;n\xd0\xe7\xd0\x13\xca\x96-\x17\x177z\xe2\xc4\x89r\xb9\x1cc\xccR\x86\x18\x8c\x12\x06\x13\x80b\x89(\x8a\x82 \xb8\\\xaeo\xbe\xf9\xe6\xb3\xcf&gt;{\xf2\xe4\t\x00\xc8\xe5\xf2\xe8\x96\xaf\xf4\x1f\xfcv\xa3f\xadB\xca\x86`\x0c\x0e\x87\xd3\xe9p\xfc\x99\xe4\x03\x90\xdb|\x13\x00\xf7A\x8e\x17\x14\n\x85B)\x88"&lt;\xb8w\xfb\xc4\xe1\xfd[\xd6~{-\xe9\x12=3""b\xfe\xfc\xf9]\xbat\x016\x15`0J\x16L\x00\x8a\x1f\xd4\xfa\xdf\xbauk\xc8\x90!\'O\x9e\xa4\x07\xbb\xbe\xd6w\xe4\xfb\x13k\xd5\x89\x14d\x82\xd5bu\xb9\x9c\x00/\x9e\xd6I0&amp;\x84`\x04H\xaeT\xaa\xd5\n\x93\xc9z\xfe\xf4\xb1/\xe7\xcd\xb8t\xfe\x0c=c\xf8\xf0\xe1_|\xf1\x85\x9f\x9f\x1f}\xf5\x97\xf6\xe6\x18\x0cF\xe1\xc1\x04\xa08A7sq\x1c\xb7u\xeb\xd6\xb8\xb8\xb8\xcc\xccL\x00\x88\x8cj\xf2\xfe\x94\x99-\xdbv&amp;\x84X-fz\x82\xc7\xb1\x1aB\x08\xc6\x12\xc7\xf1~\xfe~\x16\xb3y\xf7\xb6\xcdK\xe7\xcfH\x7f\xf2\x08\x00\xa2\xa2\xa2\xbe\xfb\xee\xbb\x86\r\x1b2\r`0J\x06L\x00\x8a\rn\xeb?s\xe6\xcc\x193f\xd0\x83\xef|\xf0\xf1\xdb\x1f|\xac\xf6Q\x19\xf4\x06\xba\x93\xab\xa0^\x8eF{4Z\xdf\xfbw\xef\xcd\xf9\xf8\x83\xfd\xbb\x7f\x02\x80\x80\x80\x80\xaf\xbf\xfe\xbaO\x9f&gt;L\x03\x18\x8c\x12\x00\x13\x80\xe2\x81;\xe1g\xe4\xc8\x91+W\xae\x04\x80\xe02eg/^\xd9\xe9\xd5n\xfa\x1c\xf3\xcb\x0b\xcd\x8b\xa2K\xa5\xf2\x91\xcbe\xdf-]\xb8\xf8\xb3\xa9.\xa7\x13\x00V\xacX1b\xc4\x08\xa6\x01\x0cFq\x87\t@1\x80\xee\xef\x15\x04\xc1m\xfd\xebDF}\xbdqG\xf9\x8a\xa1\xfa\x1c\xfd\xcb\xde\xae\x851\x06\x80\x80@\xff\x13G\x8e\xc6\xbd\xf9\xbaQ\x9f\x03L\x03\x18\x8c\x12\x01\x13\x80b\x00\xb5\xb3o\xbf\xfd\xf6\xb7\xdf~\x0b\x00u"\xa3Vo\xdb\xab\xd1\x06\x98\xcd&amp;A\x90\x15\xce\x18\\.WP\xb0\xee\xec\xc9\x93#\xfbu3\x1a\xf4\x00\xb0v\xed\xda\xb7\xdez\x8bi\x00\x83Q|a\x02\xe0\xedP\x0b\xbbb\xc5\x8aQ\xa3F\xc1S\xeb\xef\xa7\xd1\xda,V\xbep-\xaf\xe8r\xe9\x82t\xe7N\xfd\xa9\x01&gt;&gt;&gt;G\x8f\x1em\xdc\xb8\xb1{G\x02\x83\xc1(^0\x01\xf0j\xa8m=s\xe6L\x8b\x16-0\xc6a\xb5\xeb\xae\xff\xf9\xb0\x9fFk\xb3\xda\x8a$\x1f_t\xb9\x02\x82tgO\x9e\x1c\xd6\xbb\xb3\xd5b\xa9Z\xb5\xda\xf9\xf3\xe7h99\xb6G\x8c\xc1(v0\xc7\xcd{\xa1\xda\x9c\x95\x955`\xc0\x00B\x88Z\xed3o\xf9\xda\x80\xa0 \xab\xc5ZT\xbb\xb1\x04\x99,+3\xa7\xf9+-\'\xce\xf8\x1c\x00\xee\xdcI\x199r$]\xa0.\x92\xf10\x18\x8c\xfc\xc0\x04\xc0{\xa1\xee\xff\xf8\xf1\xe3SRR\x08!\x13f~\x1e\xd5\xa4\xb1&gt;\xc7P\xb41w\x99L\x96\x99\xa6\x1f4\xf2\x9d\xff\xf6~\x03\x00\xb6m\xdb\xb6~\xfdz\x9e\xe7i\x1di\x06\x83Q\x8c`! /\x85fv\x1e?~\xbcm\xdb\xb6\x92$u\xea\xf6\xfa7\x9b\xb6gg\xea\x0b9\xee\xff\x97\x10Bx\x9ew9\x9d\xaf\xb7k\xf4 \xf5nHH\xc8\xd5\xabW5\x1a\r+\x16\xc4`\x14/\xd8\x0c\xc0\x1b\xa1\xfd\xb9\x1c\x0e\xc7\xb8q\xe3$I\xd2\x06\x04~4g\xb1\xc5bG\xde\xb1\xd6\x8a\x10r9\x9d\x1a\x9dv\xf2\xec\xc5\x18\xe3\'O\x9eL\x9b6\x8d\xe38\x16\x08b0\x8a\x17^aP\x18\xcf@\x83?[\xb6l9\x7f\xfe&lt;\x00\x0c\x1c\x16W\xb9Z\xa8\xddf\xf78\xd9\x86\x86\xe9\xa5\\\xe4\xd3X\xf3\x82`\xd4\x1b\xdbw\xe9\xd6\xbcu{\x00\xf8\xf6\xdbo\xaf_\xbf\xce4\x80\xc1(^\xb0\x10\x907Bw~\xd5\xaf_\xff\xfa\xf5\xebU\xc3jm;p\x16\x10\x00&amp;\x90\xc7\x00\x0b\xb5\xfb\x08\x81L\xa6\x90+\xe4&lt;\xcf\xd1\x0b\x10\x02.\x97\xe8\xb0\xdb\xf3\xb3\x85\x18c\xacV\xabo\\M\xea\xdf\xb5\x95\xcdj\x19&gt;|\xf8\xca\x95+Y\xb9P\x06\xa3\x18Q\xf4\x01e\xc63\xb8\xa3\xff\xd7\xaf_\xc7\x18w\xef=H\xab\xf3\xcd\xcc\xd0\xe7u\xed\x97F\xea\xfd5~\x92\x04\xe9O\x1e\xdd\xbf\x9b\x92\xfe\xe4\x91\xc9\xa8\'\x04\xb4\xba\x80JU\xaaW\x0b\xab\xe5\xe7\xefk4\x98\xc0\xa3$N\x8e\xe3,\x16K\xbd\x06\r\xa2[\xc4\x1c;\xb8\xef\xe7\x9f\x7f\x9e;wn`` \x8d_\xe5\xf5j\x0c\x06\xa3\xf0a\x02\xe0\xa5|\xf7\xddw\x18\xe3\xc0\xe0\x90W{\r4\x9b\xecyu\xab\t!\x82Lf\xb7Z\xf6\xed\xfaq\xff\x9e\x1d\x97\xce\x9f\xc9L\x7f\x92\xfb\x04A\x10j\xd5\x8d\xec7\xf8\xed\x9e\x03\x878\x9d\x0e,a\x0f\xac6\x02\xc0\x12\x1e04\xee\xc4\xe1\x03\xe9\xe9\xe9;v\xec`\xf5!\x18\x8cb\x04\x0b\x01y\x17\xd4}~\xfc\xf8q\xed\xda\xb5\x8dFc\xf7&gt;\x83\x16\x7f\xf7}Vf\xde\xdc\x7f\x82\xb1B\xa9\xbas\xfb\xc6\xa8\xfe\xaf&gt;L\xbd\xfb\x97\xe7 \xf4\xe7W\xffj\xaf\x01\x9f}\xb9J\x14\xc5\xbf&lt;\xed\x05@\x1cB\xaf\xb5\x8b\xba\x93|\xb3i\xd3\xa6\xb4?\x01\xdb\x18\xcc`\x14\x0b\x98\xa7\xe6]\xd0\xa2o\xfb\xf7\xef7\x1a\x8d\x00\xd0\xbe\xcb\x7f%)\xef\x11\x15\x84\\.g\x99r\x15\x04\xd9\xff\xaf\x14T1\xb4j\xf9J\x95\xfd5\x1a\x97\xcbu\xffnJ\xca\xad\xeb\x00 \x93\xc9wo\xdbT\xbeb\xe5\t3&gt;\xd3\xe7\x18&lt;\x08\xdf\x8b\xa2+0H\x1b\xd3\xbeK\xca\xad\x1b\x17/^LNN\xaeY\xb3&amp;+\x0e\xc1`\x14\x0b\xd8]\xea]P[\xff\xdbo\xbf\x01@\xd9\xf2\x15\x1b7om\xb3\xe69\xf9\x87\xf6|\x0f\n\xd6\r\x1b=&gt;0(\xe4\xadQ\xefo\xd8}\xf4\xa7#\xe7\xd7\xed&lt;\xf4\xd5\x86\x9d+\xb6\xfc\xf2\xd3\x91s_\xae\xfd1 (X\x92D\x9e\xe7\xd7\xaf\\z\xef\xce\x1d\x85R\xe9\xc1t\x90C\xc8\xe5\xc2\xedc\xff\xcb\xf3\xbc\xddn?u\xea4&lt;- \xca`0\xbc\x1c&amp;\x00\xde\x05\xc7q.\x97\xeb\xcc\x993\x00P\xb7~\xa3\xe02!N\xa7\xd3\x83\xe8&lt;/\x08F\x83\xb5\xf3\x7f{m;tv\xfa\xe7K\x1a7o-\x97+\xac\x16\xb3\xc9`0\x1b\r\x92(\xf5\x1c\xd0\xeb\xa39K0\xc6\x08qV\x8b\xf9\xc2\xd9\xd3J\x95\xc2\x03\xc3\x8d8\xcen\xb3\xd7\xaa\x1b\x19R\xae&lt;\x00\x1c;v\x0cX] \x06\xa3\x98\xc0\x04\xc0\x8b\xc0\x18#\x84\x92\x93\x93o\xdfN\x01\x80\xc6\xcdcx\x1e\xc0\xd3E\x1a\x8c%\x85R\x19\x14\\&amp;;So1\x9b0\x968\x8e\xe3x\x9e\xe3y\x84 #\xcd\xda\xb4U\x1b\x7f\x8dN\x14]\x08\xa1\xc7\x0f\xef\xf3\x9c\'\xaf\x85\x10r\xb9\\\xba\xc0\xc0\x88\x06\xd1\x00\xf0\xfb\xef\xa7\xedv\xcf\xf7+0\x18\x8c\xc2\x84\xdd\xa8^\x04\x8d\xc0\xdc\xbd{\xd7\xe1\xb0\x03@\xf5\x9a\xe1\xa2\x98\x1fo\x1a\x11\x8c].\x17/\x08\xcfu\t\xa6U\x1b\x90 \x13\x9e\xfe?_\xc3\x96\xc9\xa0ZXm\x00x\xfc\xf8\x89\xd1ht\xaf03\x18\x0co\x86\t\x80\x17A\x8d\xe6\xc5\x8b\x97\x00\xc0_\xa3\xa9T\xa5\x9a\xcb\xa3\xf8\xcf\xff\xe7o\x8a\xf3`\x8c\xe5\n\xf9\xe3\x87\xf7\xf59\xd9\x1c\xc7\x11B\xcaU\x0c\x95\xb0\x87:\xc0!$\x8a\x10\x16^\x0f\x00\x8cF\xc3\x8d\x1b7\x80-\x030\x18\xc5\x01&amp;\x00^\x87\xc5b\x01\x00\x9e\x17|}\xfd0\xc6\xf9r\xce\xff\n\x821BH.\xe7W\xfeo&gt;\x96$\x84\x90\xaf\x9f\x7fTt\x0b\xbb\xd5\x91\x8fR\x13\xe0\xaf\xd1\x02\x00\xc6\xd8f\xb3\x15\xe4p\x19\x0c\xc6K\x83\t\x80\x17A\xed\xef\xf9\xf3\xe7\x00\xa0R\x95j\x1a]\xa0(\x8a\x05\xbb\xa0\x8a\xb1\xc4\xf1\xbcF\xeb?{\xca\xf8\xfd{~\x92+\x14\x92$\xbd\xf5\xf6\xd8\xd0\xaa\x95\x1d\x0e\x9bg\xafEk\xc3U\x0c\xad\xea\xe7\xaf\x01\x80\x84\x84s\xf0t6\xc3`0\xbc\x19\xb6\x0f\xc0\xebp\xb9\\\x00\xe0\xeb\xe7\xafP*\xcd&amp;c\x01.\xa8J\x92\xa4T)\xb1$}\xf8\xf6\xe0\x9d[\xd6\xc9\x15\n\xa7\xc3\xd1\xbek\xf7w\xc6\x7fd4\x98y\xde\xd3\x1f\x03B\x18c?\x7f\x7f\xb9\\\xee\x1e?\x83\xc1\xf0~\xd8\x0c\xc0\xeb\xa0n8\x96\xa4\x82u\xa21\xc6j\x1fuvF\xc6\xd0^\xb1;\xb7\xac\x93\xc9\xe4N\x87\xe3\xd5\xde\x03\x97|\xb7Y\x12\xc5\xfc\xbf\x96{\xc0,\x07\x94\xc1(.0\x01\xf0:\xa8\x01-\xd8\x00\n!X\xa1\x90g\xa4=\x19\xfcz\xc7s\xa7\x8f\x0b\x82\xcc\xe5r\x8e\x994}\xe17\xeb%\t\x8b\xa2\x94\x7f\xab\xed\x1e0\x13\x00\x06\xa3\xb8\xc0B@^\x07-\xcb#\x08\x02\xc7\x15\xa0%E\x1c\xc7M\x8e\x1b\x92r\xeb\xbaL&amp;\x07 \x9f\x7f\xb3\xbe\xd7\xc07\xb2\xb3\x8c\x08\xa1\xfcG\x99\x08!\x82  \xc4\xc1\xd3\xf13\x18\x0c\xef\x87\xcd\x00\xbc\x08\x1aB\t\x0c\x0c\x04\x80\xb4\xc7\x8f\x8c\x06\x03\xcf\xf3\x05\x12\x9c\xf1\xf5\xf3=~\xe4\xc0\xe9c\x87\x04A\x90$q\xee\xd25}\xde|#3=\x87+\x88&amp;\x8e\x84\x10\x99L\xf6\xe4\xf1C\xab\xd5\xec\x1e?\x83\xc1\xf0~\x98\x00x\x11\xd4\xd6\xd7\xad[\x0f\x002\xd3\x9f\xd8,\xe6\x02i\xaeB\x08\x11\x04\xf4\xfb\xf1\xc3\x08!Q\x14;\xbd\xda\xb3\xe7\x1b\x03\xd3\x1f\xe7\x082Y\xc1\xe4\x98\x12\xc2\x0bBVf\x86\xcdj\x05\x80\xc8\xc8\x08`\x81 \x06\xa38\xc0\x04\xc0\xeb\xd0\xe9\xb4\x00\xe0t823\xd2xA\xf0\xb8\x14\xc4\xff\x07!I\x82\xf4\xc7\x8fh\xb4\xa7u\xfbXQ$\xa8\xe0\xe2K\x04\x80\xe3 \xed\xe1}\x00\x90\xcb\xe5\xbe\xbe\xbe\xc0\x04\x80\xc1(\x0e0\x01\xf0"\xa8\xd1\xac_\xbf&gt;\x00X\xad\x96\x87\xf7Se2!\xff! \x04@\x08\x98\x8d\x06\x8c1\xc6X\xa5\xf6\x01\x82\x00\nN\x00\x08\xe1y\xb8{\xfb&amp;\x00\xf8\xf9\xf9\x87\x85\x85\x01\x13\x00\x06\xa38\xc0\x04\xc0\x8b\xa0F\xb3j\xd5\xaa~~\xfe\x00p\xf5\xd2y\x9e\x07\x9c\x7f\x01\xe08\xbb\xcd6f\xd2\xcc\x15[~Y\xb1\xe5\x97\x06\xd1\xcdlV[\x01n/\xe08\xcen\x97\xae&amp;^\x04\x80j\xd5\xaa\xfa\xf8\xf8\xb0\xae\x90\x0cF\xb1\x80e\x01y\x11\xb4,O\xa5J\x95\xc2\xc3\xc3\xcf\x9e=\xf3\xc7\xd9\x93N\'\xc9\xbf\xa5F\x08I\xa2X;\xa2&gt;\xdd\xea\xe5\xb0\xdb\xa5\x82\xc8\xfb\xa4\x10B\xe4ryf\xda\x93\x1bW.\x03@\xabV\xadd2\x19\xeb\n\xc9`\x14\x0b\xd8\x0c\xc0\xbb\x90$\x89\xe3\xb8\xe6\xcd\x9b\x03\xc0\xb5\xc4\x8b\x0f\xee\xddQ(&lt;\xe9\xd3\xf2\x0c\x04\x80\xe3x\x9e\xe7x\x9e\x93\xcb\xe5\xa4\xe0\xb6\x19`\x8c\x95*\xc5\xc5s\xbf\xe7dg\x02@LLk`\xf1\x1f\x06\xa3\x98\xc0\x04\xc0\xbb\xa0\xa6\xb3C\x87\xf6\x00`\xd0\xe7\x9c&lt;z@\xa5\x96cI\xca\xcf5\t\xc6J\x95\xea\xf7\xe3\x87?~\x7f\xc4\xf4\xf1\xef$]&lt;\xa7T\xa9\n\xb0Z\'\xe2\xd0\xc1_v\x12B4\x1aM\xd3\xa6M\xa0H{\x02\x93\xe7(\xaa\x910\x18\xde\x0f\xab\xdb\xee]\xd0\xe8\xb9\xc9d\n\x0f\xaf\xf3\xe8\xd1\xc3\xd6\x1dbW\xfd\xf8\xabg\xddz)\x18c\x95Z}=\xf1R\xefNM%I\x02\x00_?\xff\x1dG\xce\x97\xabP\xc9\xb3^c\xcf\x8cV\x10\x04\x9b\xd5\xfaj\xeb\xc8\x8c\'\x8f\xbbu\xeb\xf6\xf3\xcf?\x17rC`\x8c15\xf4\xb4\xc3\xc1\xf3/\xed&gt;\x01\x00h_\x046Aa0(l\x06\xe0]\xd0T}??\xbf~\xfd\xfa\x12B\xce\x9e&lt;v\xf9\xfcy\xb5Z\xed\xb1\xc3N\x08V(\x84?\xce\x9e\xc4\x18\xcb\x15\n\x99\\a6\x19/\xff\x91\xa0\xf0\xa8\x01\xe43`IR\xfb\xa8\xf6\xfd\xfcc\xfa\xe3G\x84\x90\x91#GBa\xd5\x01\x95$I\x14EB\x08\xc7q&lt;\xcf\x0b\x82\xc0\xf3&lt;\xc7q6\x9b-\'\'G\xaf\xd7\xeb\xf5\xfa\x9c\x9c\x1c\x83\xc1\xe0&gt;Ax\xda\x18G\x92$\xa9\xa0K-1\x18\xc5\x11\xb6R\xe7uP\x1fv\xc8\x90!_~\xb9\xd4f\xb5\xec\xfc\xe1\xfbY\xcd\xfeg1[\xf2S\xac_\xe5\xe3\xfbg@\x04\x13\x00P\xab}\x08.\x80&lt;P\xc4q\xa2\x88\xb7mX\x85\x10\xaa^\xbdz\xfb\xf6\xed\xa9E\xce\xf7\x85\xff\x16B\x08\x9da\xb8\xa7D\xf7\xef\xdf?w\xee\\bb\xe2\xe5\xcb\x97\r\x06\xc3\xed\xdb\xb7M&amp;3B@\x00\x80\x00/\xf0u\xc2\xc3\x95Je\xe3\xc6\x8d\xabU\xab\xde\xb4i\x93\xb0\xb00\xf7\x02\xb5$I\x05R\t\x83\xc1(\xa6\xb0\x10\x907Bm\\\xfb\xf6\xed\x8f\x1c9\x12\x10\x14\xf2\xe3\xfe\xdf\x83\xcb\x94u\xb9\\\x1e\xc4.\x08!\x82Lf\xc8\xce\x1a\xfcz\xc7\xdb7\xaf\x01@T\x93\x16\xdfn\xd9#\x93\xc9I\xfe\xba\xcdH\x92\xe4\xaf\xf1?\xf8\xcb\xcfc\x06\xf7\x94$i\xe6\xcc\x99\xd3\xa6M{y\xf9?\xd4\xf4\xbb\xed\xfe\xa9S\xa7v\xec\xd8q\xe2\xc4\x89\xabW\xaf\x1a\x8d\xc6\x17\xbc\x88B\xa1\x08\x0b\xab\x19\x1d\xdd\xb8{\xf7\xee\xb1\xb1\xb1\n\x85\x02\x98\x0c0J1L\x00\xbc\x11I\x92x\x9e?z\xf4h\xdb\xb6m\x01\xe0\xbf\xbd\x07\xfeo\xf5\x86\xcc\x0c\xbdg\xb6\x95\x10\xa2P(r\xb2\xb3N\x1e= \x08\xb2\xd6\xedc\x95ju~\x9bM\x02\x00\x00\xc7q=\xda4\xbc\x93|3((()))88\xf8%E\xd8\xe9\x07\x02\x00iii?\xff\xfc\xf3\xba\xef\xbf?y\xe2D\xee\x13\xb4\xba\x80\x90\xb2\xe5\x83\xcb\x94\r\n)\x17Z\xa5\xaa\xcb%\x02\x00/\x08\xfa\x9c\xac;\xb7n\x98M\xc6\x07\xa9w\xb233r?\xa5N\xdd\xba}z\xf7\xee\xdb\xb7o\xed\xda\xb5\x01@\x14E\x9e\xe7\xd9\xf2\x00\xa3T\xc1\x04\xc0K\xa1&amp;\xafO\x9f&gt;?\xfe\xf8\xa3\\\xa1X\xb7\xe3pT\x93\xa6&amp;\x93\x87\xd5\x81\xe8j\xad\xdaGE\x08X\xccV\x8c\xf3\xbb\x0f@t\xb9\x02Ct\xdf.^4\x7f\xda\x87\x08\xa1\x85\x0b\x17~\xf0\xc1\x07t\xb9\xb5@\xea\x17\xb9\xa1\x81+\x8e\xe3\x0c\x06\xc3\xe2\xc5\x8bW\xacX\xf1\xf8\xf1c\xfa\x90\\\xa1\xa8\xd7\xa0Q\xb3\x98v\r\x1a7\xaf\x19^\xcf_\xa3\xf5\xf5\xf7G\x08\x04\x19\x10\xf2g\x80\x0bc\x90D\xb0\xdb\xed\x06}\xf6\xfd\xbb)\x97\xff8\x93p\xea\xd8\xb9\xd3\xc7\r\xfa\x1cz\x11\xb5Z\xdd\xaf_\xbfI\x93&amp;\xd5\xacY\x13\x9e\xce\xbd\np\xfc\x0c\x867\xc3\x04\xc0K\xc1\x18#\x84\xee\xdc\xb9\xd3\xb0aC\xa3\xd1\x18^\xaf\xc1\x8f\x07N\xb9\\\x92\xc7\x9bli\x08\x05\x9ef\xc2\xe4kl\x92\xa4\xf2\xf1\xb9\x9b|\xabw\xa7&amp;6\xab\x15c\\\xbbv\xed\t\x13&amp;\xbc\xf9\xe6\x9b\x82 \xb8_%?/Aq;\xfe[\xb6l\x999s\xe6\xf5\xeb\xd7\xe9\xf1Zu"\xfe\xdbg`\xcb6\x9d\xc3\xc2\xeb\xa8\xd4r\xd1\x05\x0e\xbbC\x92DI\x14\xc9\xff]\x85F\x08\x10B\x1c\xe2x\x99L.\x97\xcb\xe5\x9c\xe8\x82\xd4\xbb\xc9gN\xfc\xf6\xeb\xce\x1fN\x1e9@O\xd3\x05\x04|0n\xdc\xc4\x89\x13\xe5r\xb9\xfbE\x19\x8c\x12\x0f\x13\x00\xef\x85Z\xa2\xb9s\xe7~\xf4\xd1G\x000`\xe8\xe89\xff[\x9e\x99\x9e#\xc8dE8*B\x08\x02\x10dB\xff\xff\xb4N\xbap\xce\x9dW\x03\x00\xcd\x9b7\x9f9sf\xc7\x8e\x1d\xa1 "*t9\xe1\xd1\xa3G\xc3\x87\x0f\xdf\xbbw/=\xd8\xbcu\xbb\x81\xc3\xdfm\x16\xd3.0Hc\xb3\x8av\xbbM\x92$\x0e!D\x9b\'\xfc\xfd\xcb=]\x03\xc7\x08!\x85R\xa9\xf2Q8l\xe2\x85\x84\x93\xdb6\xae\xd9\xb9e\x1d\xbd\t\xea\xd5\xab\xf7\xcd7\xdf\xb4l\xd9\x92\xaa/\x0b\x071J&lt;L\x00\xbc\x1a\xba&gt;\x19\x1b\x1b{\xe0\xc0\x01\x00X\xf8\xcd\x86\xde\x83\x06\xa6=\xce\x96\xc9\xe5E5$Qt\x95)\xab\x9b\xfcn\xdc\xa6\xd5_\x01\xc0\xa7\x9f~\xda\xb5k\xd7\xc9\x93\'\xd3\x11\x02\xc0\x80\x01\x03\xa6L\x99R\xaf^=xj\xc4\xf3\xfa\x12\xee\xb0O||\xfc\xd0a\xc3\x1e=|\x08\x00Uk\xd4\x1c\xf6\xee\x87\xaf\xf5\x7fK\xa1\x90\x9b\x8c\x16Qtq\x1c\xe7\xd9&lt;\x83\x10\x82%\tq\x9c\xaf\xaf\x9f CG\x0f\xc4\xaf\xfc\xdf\xfc\xdf\x8f\x1f\x01\x00\xb9B1\x7f\xde\xbc\xb1c\xc7\x02\x0b\x071J\x01L\x00\xbc\x1aj\x83\xd2\xd2\xd2"#\xeb\xa7\xa7\xa7i\xb4\xbao7\xefn\xdc\xa2eNf\xd1\xcc\x03DQ\x0c\x0e\xd1\xaeZ\xbel\xf6\xe41\x84@\x87\x0e\x1d\xf6\xef\xdfO=\xe5-[\xb6\xcc\x9d;\xf7\xf2\xe5\xcb\x00\xa0V\xab\xc7\x8f\x1f?~\xfcx\x8dF\x93\xd7\x85\x01\xb7\xf5_\xb2d\xc9\xb8q\xe3\xe8\xc1\x01CG\x8f\xfdhfPHPN\xb6\x91\x10\x9a\x0bT\x00\xee9\xc6\x12\xc1\xc4_\xab\x95$q\xfd\x8ae_\xce\x9bn6\x19\x01`\xe8\xd0\xa1K\x96,\xf1\xf3\xf3c\x1a\xc0(\xd90\x01\xf0vh \xe8\xf4\xe9\xd3\xadZ\xb5\xc2\x18\xfbk\xb4+\xb6\xeci\xdc\xa2evf\x8e\xac05\x80\x10Q\x14\x83\xcb\xe8V/_&gt;k\xd2\xbb\x00P\xb5j\xd5\x84\x84\x84\x80\x80\x00\x1a0\xe18\xce\xe9t.X\xb0\xe0\xab\xaf\xbe\xa2\xeb\xb4\xe1\xe1\xe1\x13&amp;L\x182d\x08\xbcp\xaa\xa5;\xd7s\xe4\xc8\x91+W\xae\x04\x00\x8d.`\xda\xfc/_\xef?\xd0h\xb0:\x9d\xce\x97\x91cJ\xc7\x16\x18\xe4\x7f\xfeL\xc2\xc7\xef\x8f\xb8\x9et\t\x00\x9a4i\xb2o\xdf&gt;\x9dN\xc74\x80Q\x82a\x02P\x0c\xa0\x1a\xb0r\xe5J\xba\xd5\x96j@\xd3\x98\x96\x19i\x85\xa4\x01\x18c $\xb8\x8c\xe6\xbb\xa5\x7fZ\xff\x80\x80\x80\xf8\xf8\xf8\xc6\x8d\x1b\xbb\xed\xa3{\xed\xf4\xd1\xa3G\x9f|\xf2\xc9\xda\xb5k\xe9jp\xc7\x8e\x1d\'M\x9a\xd4\xbe}{\xf8\xb7\x85\x01\xb7\xef\xef\xb6\xfeu"\xa3\xbeX\xb1!,&lt;&lt;;K\xff\xb2s4E\x97\xcbO\xa3\xb1\x98\x8d\xb3&amp;\xbe\xb7k\xebz\x00\x88\x8e\x8e\x8e\x8f\x8fg\x1a\xc0(\xc10\x01(\x1e\xd0`\xba[\x034Z\xdd\x82\xaf\xbf\xef\xd4\xad[N\xb6\x89\x10\xccq/1kE\x14E\xa5R\xa9P*V\xfe\xef\xf3\xcfgN\x02\x80\x80\x80\x80}\xfb\xf6EGG?\x930C\x08\x91$\x89:\xe9\x87\x0e\x1d\x9a?\x7f&gt;]\x18\xe08n\xf0\xe0\xc1\xeeT\xcb\xbfK\xb3\xa1\xc7s[\xff\xd5\xdb\xf6\xea\x02\x83\x8czC\xe1\xc4\xbb$I\x94\xcb\x15*\xb5j\xe2\xe8!;6\xaf\x85\xa7\x1a\xa0\xd5j\x81\x958e\x94D\x98\x00\x14\x1b\x9e\xd1\x00\x00x\xe7\x83\x8f\xdf\x9b&lt;\x93\x00\xb1\x98L\xbc \x14\xb8\x85\xc2\x18c,\xe9\x02t\xe9O\x9e\xcc\xf80n\xff\x9e\x9f\x00 00p\xef\xde\xbd\xd1\xd1\xd1\x7f\xb7\xc0\x9b{\xcb\xee\x9a5k&gt;\xff\xfc\xf3k\xd7\xae\xd1\'\x8e\x193f\xec\xd8\xb1ta\x00\xfeo\xaa(\xbd\x9a;\xeeO\xad\xbf\x9fFk\xb5X\x0b\xb3\xb5\x00\xc6\x98\xe3\x90\x8f\xaf\xef\xa4\xb8\xa1T\x03z\xf5\xea\xf5\xe3\x8f?\xb2\x0e\x07\x8c\x12\t\x13\x80\xe2\x045C\xf1\xf1\xf1o\xbc\xf1Fff&amp;\x00\xb4x\xa5\xc3\xc7\x9f-\xa9[\xbf\xaeAou:\x9d\x05\x15\'!\x18K\x18\xab\xd5&gt;*\xb5\xec\xe0\xaf{\xe6|4\xee^J2\x004i\xd2d\xc3\x86\raaa\xff\x9a,\xef\x0e\xfa\x1b\x0c\x86%K\x96,]\xba4++\x0b\x00\xc2\xc3\xc3\xa7M\x9b\xd6\xaf_?x\xda\xfc\x80f\x91\xf2&lt;\x7f\xe0\xc0\x81N\x9d:\x01@\x9d\x88\x86\xab\xb7\xef\xf3\xd3hmV[\xe1\xa7\xe4\x13\x8c\x11\x87|}\xfd&amp;\x8e\x1e\xbcc\xcb:\x00\x981c\xc6\xf4\xe9\xd3\x99\x060J\x1eL\x00\x8a\x19\xd4V\xde\xbauk\xc8\x90!\'O\x9e\x04\x00\x8dV\xf7\xc6\x88w\xdf\x18&gt;\xa6l\xf9`\x93\xd1\xeep\xd8\xf3\x95\x1f\x891\x00\xa8\xd4j\x1f\x1f\xd9\x95K\x89\xdf-]\xb4k\xebzzp\xf8\xf0\xe1\x8b\x16-\xf2\xf7\xf7\x7f\xf1\xadR\xee3o\xde\xbc\xb9`\xc1\x825k\xd6\xd0Ku\xea\xd4i\xd6\xacYM\x9b6\x05\x00\x97\xcb\xc5\xf3|zzz\x83\x06\r\xd3\xd2\x9e\xf8ku[\xf7\x9d\xaaZ\xa3\xa6\xd1h,*\x83Kg02\x99\xac_\x97\x96\x89\x17\xce!\x84\xe2\xe3\xe3;v\xec\xc8\xf6\x881J\x18L\x00\x8a\x1f\xd4\x0c\xb9\\\xae\x89\x13\'~\xfd\xf5\xd7\x0e\x87\x03\x00\xaa\xd6\xa85d\xf4\xd8W:v\xadT%\xd4\xe9 6\xabE\x12Ex\x9ax\xf3\x0f\xd3\x82\xa7}S0\x00\xc8d\n\xb5\x8f\n!\xb8\x96\x94\x14\xbf\xeb\xc7\xf5+\x97\xd2\x92\te\xca\x94\x99={\xf6\xf0\xe1\xc3!\xef\xd9\xf1\xcf,\x0c|\xf2\xc9\'\xa7O\x9f\x06\x00\xa5R9`\xc0\x80Y\xb3fU\xa8P\x01\x00bcc\xe3\xe3\xe3\x11B\x9f\x7f\xbd\xfe\xb5\x01\x03\xb32\n7\xc7\xe99$IR\xab\xd5\xf7R\x92\xfbuii\xd0\xe7\x94)S\xf6\xda\xb5\xab\x1a\x8d\x86m\x10c\x94$\x98\x00\x14K\xdcV\xf8\xcc\x993S\xa7N=x\xf0 =\x1eR\xb6\\\xb7\x9e\x03\xdav\xeeV\xafAc\x8d\xd6W\x92\xc0\xe1pJ\xa2(\x8a"\x10\x92\xbb\xbf&lt;\x02@\x1cB\x80\x04\x99L\x90\xc9\xe4\n\x01\x01\xa4=I\xff\xe3\xf7\xe3\x07~\xd9\xb9\x7f\xf7O6\x9b\x15\x00\x10BC\x86\x0c\xf9\xf4\xd3O\xcb\x97/\x9f\x9f\xfd\xb1\x18c\x8c\xb1 \x08\xa2(\xae_\xbf~\xfa\xf4\xe9\xf7\xef\xdf\x07\x80\xb2e\xcbN\x9a4)88\xf8\x8d7\xde\x00\x80&gt;o\x8e\x98\xff\xd5\x8a\xcct\x0f\xcb\xde\x15,\xa2K\x0c\x0c\xd6\xfe\xb8\xfe\xfbIqo\x01\xc0\xbb\xef\xbe\xbbt\xe9R6\t`\x94$\x98\x00\x14Wr\xaf\xb5\xae^\xbdz\xc9\x92%\x89\x89\x89\xeeGk\x86\xd7k\xde\xba]\x83&amp;-\xeaFDit\x01\xda\x80@\x84 \xb7KM\x08\xb8\\ IbNVFf\xfa\x93\xa4\x8b\xe7\xfe8s\xfa\xf7\xe3\x87\x1f\xde\xbf\xe7&gt;\xa7S\xa7N\x13\'N\xa4\x19\x9c\x05b\xf8\xdc\x17IOO_\xb6l\xd9\xa2E\x8b\xac\xd6?e\x06!T!\xb4\xca\xf6C\t\n\x85\x92\xae\x1f\xe4\xf3\xb5\n\x04I\x92\xb4:\xcd\xe87z\xee\xdf\xf3\x93L&amp;;}\xfat\xa3F\x8dXV(\xa3\xc4\xc0\x04\xa0x\xe3\xf6\xca\x9dN\xe7\xbe}\xfbV\xafYs`\xff~jU)\xbe~\xfe\xba\x80\xc0JU\xaa\xa9}|k\xd5\x8d\x94$\t\x08\x00\x02\xd1%^O\xba\xe8p\xd8\xef\xdd\xbe\xa9\xd7\xe78\x1d\x0e\xf7S\xca\x95/\xdf\xad[\xb7\xc1o\xbd\xd5\xa2E\x0b\xc8\xb5T[ \x03\xce\x1d\x11JJJ\x9a?\x7f\xfe\x8e\x1d;\x1cN\xa7\xe8r}\xfa\xc5\x8a\x81\xc3Gdez\x85\xfbO\xc1\x18\xab\xd5\xaa[\xd7\xaf\xf6\xea\xd0\xd4\xe9t\xbc\xf2J\x9b\xa3G\x8f0\x01`\x94\x18\x98\x00\x94\x04r\xbb\xe77n\xdc\xd8\xbdg\xcf\xfe\xf8\xf8K\x97.\xa5\xa7\xa7\xbf\xf8E\xaaV\xad\x1a\x15\x15\xd5\xad[\xb7\xae]\xbb\x86\x84\x84\xc0s=X\n\x10B\x88(\x8a2\x99\xccl6W\xaf^=#33\xbaY\xcc\xda\x1d\xfbm6\xbb\x07\xb6\x95\xc6\x97\x10\xc0?\xff\x94\x11B\x1e\xbc\x17Q\x14\x03\x02\xb5\xf3\xa6NZ\xb9t\x01B\xe8\xf0\xe1\xc3m\xda\xb4a\x81 F\xc9\x80\t@\t\x81\x1a\xeb\xdc\xe5\x16\xb2\xb3\xb3/\\\xb8\xf0\xfb\x993\xb7\x93o\xdf\xbf\x7f?-\xed\xc9\xe3\xc7O\x10\x02\x93\xc9,\x8a\xa2 \xf0\r\x1a4\xf0\xf5\xf3\x8b\xa8W\xafr\xe5\xca-Z\xb4\xa8[\xb7\xaeZ\xad\xa6\xcf-\x84&amp;Y\xa2(r\x1c\xf7\xddw\xdf\x8d\x1a5\n\x00\x96\xae\xdd\xd6\xa5GO}\xb6\x9e\xcf\xa3\xfbO\x08Q\xaaT*\x95@\xfe\xbe&lt;\x10}H\x94\xc0l4\xe7u\x9c\x84\x10\xb9\\\x9e\xfe\xe4\xf1\xab1\x11\x16\xb3y\xc0\x80\x01\x1b7nd\x02\xc0(\x190\x01(iPw\xf8\xf9LP\x8c\xb1^\xaf\xe78\xee\xb5\xd7^;z\xf4h\x9b6m\x8e\x1c9\xf2\xccsi\xab\xf4\xc2i\x8cE\xf3A[\xb4hq\xf6\xec\xd9\xea5\xc3\x7f\xd8w\x92\xa3\x9d\\\xf2\x02\xc1X\xa5V\x9e9q\xfc\xf7\xe3\x87\x11\x87h\xc7\xe3\xe7A\x08\x11B\x82\xca\x94\xed\xfd\xc60\xfa\xbayB\x92$\x8d\xd6\xff\xc3Qo\xed\xda\xba\xde\xdf\xdf\xff\xfa\xf5\xeb\xe5\xca\x95\xf3\xb81\x03\x83\xe1=xK\xb0\x95QP\xb8M?\x9d\x13P;E\xdd\xf9\x80\x80\x00\x00\xa0\xe9\x952\x99\x8c\x86\xe3\xe9\xb3\xe8\t\x85\xe6\xd5R\x0f\xfa\xcc\x993\xe7\xce\x9d#\x84\xfc\xb7\xf7\x1b\x01\xc1Z\x0f\x92\x7f0\xc6J\xb5\xfc\xd0\xbe\x9f\xd7\xaf\xf8\xf2_O\xae\\\xadF\x9fA\xc3=\x18-\x02\xc0\x98\xf4~c\xd8\xeem\x9b\x8cF\xe3\xa6M\x9b\xc6\x8f\x1f\xef^\xc9`0\x8a/l-\xab\xc4BC\xde\x82 \xf0&lt;\xcfq\x1c5\xf74\xe7\x1fh_\x17\x848\x8e\x13\x04\x81\x9eS\x98\xfe,\x1d\xc3\xb6m\xdb$I\x92+\x141\xedcmV\x91\xf7 \xe2\x84\x90$\x82\xddf\x15\x04A\xa1P\xfe\xf3\xb9&lt;\xef\xa1\xbd\xe6x\xdej\xb1\xd5\xa9\x1fU\xa5z\r\x00\xd8\xbe};]\x18\xf7\xecj\x0c\x86\xf7\xc0\\\x98\xd2\x02zJQ\x0f\x04\x00\x80\xe7yI\x92~\xfb\xed7\x00\xa8[?\xaaf\x9dzv\x9b\r\xe5\xdd\xa4"\x00\x8c!\'+S\x14E,\xe12\xe5*D6j\xe2r\xb9\x9ey\x9b\x1cB\x92$\x85V\xa9\xeeq\xc0S\x14]\x81A\xdaW:\xfe\'\xe5\xd6\x8d\xc4\xc4\xa4\'O\x9eT\xa8P\x81E\x81\x18\xc5\x1d&amp;\x00\x8c\xc2\x86.Q&lt;y\xf2\xe4\xc6\x8d\x1b\x00\xd0&lt;\xa6\xbdZ-\xb3Z,\x9eDT\x10\x92$l\xc8\xc9\x06\x00Lp\x9bN\xffY\xb2\xfa[}\xf6_\xaf\xd0b\x8cm\xb9\x12d\xf3\x04\x87\x90(\x92\x16\xaftX\xfb\xf5b\xb3\xd9\x94\x90p\xaeB\x85\n/)E\x8a\xc1(4\x98\x000\n\x1b\xea\x86\xff\xfe\xfb\xefF\xa3\x91\xe3\xb8\x06\xd1\xcd].\xc2y\xe4Js\x1c\xe7t\xd8MF\x03\xfd\xaf\x9f\xbf\xd6l\x92\x8c\xfa\xbfYK\xc8G^\x13\xe28\x87\xddQ3\xbc^`PpfF\xfa\xe1\xc3\x87{\xf4\xe8\xee\xd9\xa5\x18\x0c\xef\x81\xc51\x19\x85\r\x15\x80\xa4\xa4+\x00\xe0\xeb\xe7W\xa3V\x1d\xa7\xc3\xe9A\xfc\x87v\x8fq\xd8m&amp;\xa3\x9e\x1e\t\x08\x0c\xe28\x9e\xe7y\xee/\xff\xe4#jO\xb7\xda\x85\x94\xad\x10Z\xb5\x06\x00\\\xbbv\x15X\x87\x00F\xf1\x87\t\x00\xa3\xb0\xa1\x8681\xf12\x00\x94-_I\xab\x0b\x10E\xd13c\x8a8\xcen\xb7\xd3F\xbe\x00\xa0\x0b\x0c"\x18\xe0\xe5\xd8eB\x88L\xceU\xae\x1e\x06\x00\xb7o\xdf6\x99L4\xbb\xf4e\xbc\x16\x83Q80\x01`\x14\rz\xbd\x1e\x00t\x81A&gt;~\xfe\xeel\xd4\xbcA\x08\xcf\xf1f\x93\xd1n\xb3\xd1\x03\x1a\xadNtI\xb4\xf8\x9d$\x8a\x92$bI*(\x1bM\x08\x11\x04([\xae"\x00\x18\x0cF\xef)X\xc4`x\x0c[\x03`\x14*4s\xc6d2\xa5\xa4\xa4\x00@\xd9\xf2\x958\x8exf\xa3\t\x00\xc7\xf3&amp;\xa3\xc1\xe9\xfc\xb3\x90Q\x99\xf2\x15\xfd4\xbc \x0b\xa4-2\t\x06I\x02\x87\xdd\xeep8\xf2\xbf\xb1\x19!$\x8aP\xa6|E\x000\x9bM\xc9\xc9\xc9\x8d\x1b7f\x89@\x8cb\r\x13\x00Fa\x83\x10r\xb9\\z\xbd\x11\x00B\xabT\x93\xc9&lt;\r\xa4\x10\xc2\xf3\x9c\xd9h\xa0O\x97\xc9\xe4\xf7\xef\xa6\xdc\xbf\x9br/%\xd9f\xb3"\x84\xb4Z]\xe5ja\xb5#\x1aT\x08\xad\xe4\xb4\xbbl6k~\x92vh\xcaih\x95j\x00\xe0t:\xe9\x0c\x86\x85\x80\x18\xc5\x1a&amp;\x00\x8c"\x00!$\x08&lt;\x00\xb8\\.\x8fM(\x01@\x08\x8c\xfa\x1c\x9e\xe7\x01!L\xf0\x07#\xfa?_\xe9! 0\xb8m\xec\xab\xc3\xde\x1d_\xa3v\x1d\xa3\xde\x90\xcf\xc4M\x97\xcbE\xff\xc1\xb6\x013J\x00l\r\x80Q4\x14\x84\xefL8\x0e23\xd2$I\x92DQ\x12\xc5\xe7\xad?\xc7\xf1\xd9Y\x19\xdb7\xae\xee\x1b\xdbr\xdf\xae\xed\x1a\xad\xc6\xc3\xf5\x86\xe7_\x9b\xf9\xfe\x8c\xe2\x0f\xf3b\x18E\x035\xa0\xf9\xf1\xa39\x8e\xb7\x98\xad\x1d\xfe\xd3\xe3\xca\xe5?~;\xf0k\xf9\x8a\xa1\x15+W+S\xb6\xbc\xda\xc7\xd7%\xba\xb2\xd2\x9f\\\xbfr\xf9z\xd2%\x00\x90\xc9\xe5&amp;\x83\xfe\x83\xe1\xfd\x02\x02\x0f6n\xde\xcab2s\x9e\xce\x03\xdc\x03f\x02\xc0(\x010\x01`\x14\x01\x08!jI\xf59Y\x18{\xb8\x8e\x8a\x10\x12E)\xa4L\xb9\xb9K\xd7d\xa4=\xd6\xea\x02Uj%\xc7\x01\xc7\x01!\x801\xd8\xac\xf6\x8b\xe7N\x7f:y\xec\xcd\xab\x97e2\x99\xcb\xe5\x9a=e\xec\xd6\xf8\x93\x1e[\x7f\x84@\x9f\x9d\x05\x00\x08q,\x04\xc4(\x01\xb0\x10\x10\xa3PA\x08a\x8c5\x1aMxxm\x00H\xbeqU\x14=\xafP\x84\x10r8\x1cV\x8bY\x1b\x10(I.\x83\xde\x90\x93\xad\xcf\xcc\xd0gg\xea\xf59\x06\x97\xd3\xd9\xbcu\xdb\xd5\xdb\xf6U\xaa\\M\x14E^\x10\xae\']&lt;{\xf2\x98\x8f\x8f\x8f\x84\xf3\x1c\x08\xc2\x84\xc8d\x90|\xe3*\x00\xe8t\xba:u\xea\xc0\xd3=\r\x0cF1\x85\xfd|\x19E\x00BH\xa5R\x01\x80\xd5bq\xd8=\xe9\x02\x96\xfbR\x1c\xc7\x89.\x17\x00\xe2yZ\xffT\xe0i}S\x8e\xcb\xca\xc8\xaa\x10Znh\xdcxw\x9f\x83\x0b\t\xa7\x05\x19\x82\xbf\xe9\x1c\xf0\xcf/$I\x84\x96\x9d\x90\xcb\xe5\xb2\xdc\x1d\x96\x19\x8c\xe2\t\x13\x00FaC\x97j\xeb\xd7o\x00\x00\xf7\xef\xde\xd6gg\n\x82\x90\xcf\x90\xfa\xdf\xcd!\x04\x99\xccf\x11\x1bD7\xe3y^\x12EB\xc8\x93G\xf7\xb1G\xbb\x85\x11B.\x17\xbau=\t\x00\xc2\xc2j\xf8\xfb\xfb\xd3\x16l\xf9\x196\x83Q\xb40\x01`\x14\raa5\x00\xc0l2=H\xbd+\x93\xc9_\xd2\x9a*B\x08\x13\xec\xe3\xeb\'W(\xa8\xf0\x88.\xd1\x83\xeb\x10B\x04A0\xe4d&gt;\xba\x7f\x0f\x00\xaaU\xab\xc6\xea@0J\x00L\x00\x18\x85\r\r\xf8\xb4j\xd5J\xa1P\xba\\\xce\x8b\t\xa7\xe5\n\xce\x83N\x8d/\x02!\x04!\xcej\xb18\x1dN\xfa\xba\xfeZ-\xe2 \xcf\xbd\'\tQ(\x95\xb7o^{\xf4 \x15\x00\xda\xb6m\x0b,\x11\x88Q\xfca\x02\xc0(lh{\xb2*U\xaaT\xabV\r\x00\xce\x9e\xfaM\x14=/\xa8 I\xd2?\x88\x87$IJ\xa5p\xe3\xcaeI\x12i\xf2O\xb5\xb0\xda\xf0\x0f\xfd\xe3\xff\x06\x8c\xb1\\\xce\x9d;}B\x92$\x85B\xd9\xacY3`+\xc0\x8c\xe2\x0f\xfb\x053\x8a\x00\x8c\xb1\\.o\xd6\xac)\x00\x9c\xff\xfdDjJ\x8aR\xa9\xf4\xcc\xa1\xd6h5j\x1f\x1fB\x88$\x8a\x92$a,a\x8c1\xc6\x92$\x89.\x97Z\xedc\xb5\xda\xbf_\xf1?\x00\x84%I&amp;\x97G7om\xb7\x8by\xb5\xdd&lt;\xcf\xdb\xac\xceC\xfbv!\x84\xaaW\xafV\xb5jUZ\x8c\xda\x83\x013\x18\xde\x03\xfb\x05\x97dh\x1f`\x91V\xc7\x94\xfe\xb4\x8c\xee\x9e\xc0\xee\xe3R\xc1\x95\xcc\xcc\x13={\xf6\x04\x00\x93\xd1p\xfa\xf8a\xb5\x8f\x02\xe7e\x8f.!D&amp;\x93ee\xa4\x7f\xf6\xf1\xf8k\x97/*\x94J]\x90V\xa3\xd3\xf8\xfa\xfa\xab\xd5&gt;&gt;&gt;\xbe\xfeZM`\xb0\xced\xd2\x8f\x1f1\xf0\xca\xa5?\xe4r\xb9$I\x1d\xba\xf4\xa8U\xb7\x9e\xddjA(\x0f\xbf|\x82\xb1J\xa5J\xbeq\xedz\xe2EBH\xd7\xae]\xe9\xd5\xf2\xfc\x86\x19\x0c/\x83mf)i\x10B\xa8\x95\xe78\x8e\xe3\xb8\xe7K\xdf\xd0\x1dL\xb4\x17|\xee\xe3T\x06\xe8\xb3^\xf6 i\x14\xa8]\xbbvaaa\xc9\xc9\xc9{\xb6o\xea9\xe0\xad\xbc\xf7\x84A\x04\xc8\x9a\xaf\xbeX\xf7\xcd\x92\xfa\x8d\x9a6l\xda2\xbc^\x832\xe5*\xa8\xd4jI\x143\xd2\x9e\\8{r\xcfO\x9b\xd3\x9f&lt;\x96+\x14N\x87# (d\xfc\xf4\xb9\x0e\x87#\xaf)@\x18c\xb9B\xf8u\xe7\x0f\x0e\x87C.\x97\x0f\x1e&lt;\x18X\xfc\x87Q"`\x99\x0c%\x07\xea\xef\xe76\xebYYYW\xae\\\xb9}\xfb\xf6\xfd\xfb\xf7SSS\xef\xde\xbb\xc7!t\xe1\xc2\x85\x9c\x9c\x1c\x9dN7h\xd0 \x8dF\x1b\x19\x19Q\xb1b\xc5\xbau\xeb\xaa\xd5j\xf7uh\xdb\xde\x97\x9a\xe3(\x8a\xa2 \x08\xd3\xa6M\xfb\xf4\xd3O\x11B\xebw\x1d\x8dn\xd9\xcal4\xbd\xe06]B\x88\\\xaex\xf8\xe0^\xd7f\xe1\xcf8\xe3\x1c\xcf\xe7\x9eL\xd0t\x9d\xb2\xe5+\xfeo\xf5\xd6\x06\x8d\x9b\x9aL\xa6&lt;\xd5\x83\xa3\x1b\x08\xec6[\xb7V\xf52\xd3\xd3\xda\xb6m{\xe8\xd0!\xfa\xf9\xbc\xf8E\x18\x0c\xef\x84\t@I\x80\xba\xfc\xd4\xaea\x8c\xcf\x9c9\xb3\x7f\xff\xfe\x93\'O^\xbct)#=\xfdE\xaeP\xb5j\xd5\xa8F\x8dbZ\xb5\xea\xd4\xa9Sxx8=(I\xd2\xcb\x93\x01\x97\xcb%\x93\xc9222\xc2\xc2\xc2\x0c\x06C\xf7&gt;o,\xfen}V\xe6\xdf\xb4\xf3\xfd+8\x8e\xb3\xd9l\x1f\x8d\x19z\xf4\xc0/\xff\x10&gt;R\xa9\xd4]^\xeb\xf3\xee\xc4\xe9\xe5+U6\x1b\x8dy\xad\x06*\x8ab`\x90v\xc3\xcao\xa7\x8f\x7f\x9b\x00l\xda\xb4\xa9\x7f\xff\xfeT\xbd\xf2t\x1d\x06\xc3\x0ba\x02P\xbc\xa1\xde:5j\x0f\x1e&lt;\xd8\xb2e\xcb\xc6\x8d\x1b/^\xbc\x98\xfb\x1c\x84  0X\xa9RW\xaeV\x83.\x03\x00\x80$I\xf7Rn\x89.\x97&gt;\';\xf7\xc9\n\x85\xa2M\x9b6\x03\x07\x0e\xec\xde\xbd\xbb\xbf\xbf?=3\x9f%\x94\x9f\x81\x0e\x80\xe38\xa7\xd3\xb9b\xc5\x8a\x193f\x98\xccfQ\x14Wn\xf95\xa6}\x07\xa3\xe1E=tB\x08\xcf\x0b2\xb9\xfcz\xd2\xc5s\xa7\x8f_K\xba\xf8\xe0\xee\x1d\xa3Q\xefr:9\x9e\xf3\xf5\xd3T\xaa\\52\xaaI\x8b6\x1dj\x86\xd7\xb5\xdb\x1d\x0e\xbb=\xafo\x84\xa6\xff\x1b\xf59=\xda6\xca\xcaH\x0b\x0b\x0b\xbbt\xe9\x92\\.G\xc8\xf3\xf2\x15\x0c\x86\xf7\xc0\x04\xa0\x18\xe36\xcdIII\x8b\x17/\xde\xb1cGNN\x0e}H\xa1P\x84G4\x88\x8cj\x1a\xd5\xa4E\x99\xf2\x15*V\xae&amp;\x08\xb2\x80\xa0`\xfau#\x04X\xc2Y\x99\xe9N\xa7#5\xe5\xd6\x83\xd4\xbb\x17\xce\x9eJ\xbax\xfe\xe6\xd5D\xf7\xaf!4\xb4\xf2\x90!\x83G\x8f\x1e\x1d\x12\x12B\x08)\x90\xa4\x97\xdcr\xb5w\xef\xde\xc9\x93\'_\xbe|\x99&gt;\x84\x00\x1a6m\xb9\xe9\x97\xdf,f\xcb\x8b\xbf\x10!\x04\x08Q\xaa}\x14\n\x9e\x10p\xb9\xb0\xc3n\x97$\x11!\xa4P*\xe5\n\x19\x87\xc0nw\xd9\xacV\x8eCyZ\xf8\xa5\x88.Wp\x19\xdd\xa7\x93\'\xaeZ\xf69\x00l\xdd\xba\xb5w\xef\xde\x05\xae\x88\x0cFQ\xc1\x04\xa0X\xe2\xb6\xa4\x06\x83a\xe1\xc2\x85\x8b\x16-\xb2=\xed\x8b\x1b\xd5\xb4e\xbb\xce\xddb\xda\xc7\xd6\xa8UG\xa9\x96c\t$\t;\x9dN\x82\x89(:s\'\xc0\xcbdr\x84\x90\\\xa1\xe0\x05@\x00F\x839\xe9\xe2\xb9#\xf1\xbb\x8f\x1d\xdc\x9b|\xe3\x1a=\xa7b\xc5\x8a\xb3f\xcd\x1a2d\x08\xe4o*\x90{}"))i\xd2\xa4I\xbf\xfe\xfa+}\xa8O\x9f&gt;\x15*TX\xbcx1\x00L\xfet\xd1\xdb\x1f|\x90\xf1$G\xc8K\xa5\x1d\x8c1\xa1\xcd\xe0\x11\xa21+B\x80\x10:\xd7!\x1c\xe2\xf2\xbe\xbc\x0c\x00 \x89\xa2\xbf\xc6\xff\x8f\xb3\xbf\xbf\xd9\xa3\x9d\xcb\xe9\xec\xd8\xb1c||&lt;\xb3\xfe\x8c\x92\x04\x13\x80\xe2\x87{\x05r\xeb\xd6\xad\xd3\xa6M\xbbq\xe3\x06\x00(\x14\xca\xd8\xee\xbd\xba\xf5\xec\xdf\xb2m\'\x85Bp8D\xbb\xcd\x86%\t\x10r\xc7+\x9e\x89Z&lt;\xcd\x07\xa5\x89\xa1\x88\xe7y\x95\xdaG.G9\xd9\xfa\xfd{v\xee\xd9\xb6\xe9\xe4\xd1\x03\xf4\xcc\xf6\xed\xdb/X\xb0 **\xca\xb3U\x01\xb7\xd1LOO\x9f3g\xce\xca\x95+\xa9\\EFF\xce\x9b7\xafK\x97.\x84\x90\xda\xb5k\xdf\xbauK\xed\xe3\xfb\xfd\xce\xc3u\x1b44\x1bM\xbc\xc7AvB\x00A\x9e\xf7z={\r\xcc\xf3\xbc(\xba\xfaw\x89\xb9u\xfd\n\xc7\xf1W\xae$\xd5\xacY\x93\xa5\xff3J\x12L\x00\x8a\x19\xd4\x98\x8a\xa28a\xc2\x84%K\x96\xd0\x83-^\xe9\xf0\xee\xc4\xe9\xcd[\xb7r:\x89\xc5d\xc2\x18#\x8f\xb29\xe9\n\x81L&amp;\xf3\xf5\xf3\xc1\x98\xec\xda\xbaa\xc5\x92\xf9\xb7\xae_\x01\x00\x8dF\xb3p\xe1\xc2\xe1\xc3\x87\xe7)\x1c\xe4\x0e\xf7\xbb\\\xae\r\x1b6\xcc\x981#55\x15\x00\xca\x95+7e\xca\x94Q\xa3F\xc9\xe5rQ\x14y\x9e?s\xe6LLL\x8c(\x8aa\xb5\xeb\xfe\x10\x7f\x92\x17d\xa2+\xcf\xdb\xb5\n\x10I\x14\x03\x82\xb4c\x87\r\xfa\xf9\xc7\r\x00\xb0x\xf1\xe2\xb1c\xc72\xf7\x9fQ\xc2`\x02P\x9c\xa0\x06\xe8\xf1\xe3\xc7\xbd{\xf7&gt;y\xf2$\x00\x84\x94-?a\xfa\xfc\xee}\x07J\x121\x9b\x8c\x1cB\x1ew;\xc9\x05\x91$\t!\xce_\xe3o1[\xbe]2w\xd5\xd2\x85N\xa7\x03\x00F\x8d\x1a\xb5l\xd92A\x10\xfe5\x0f2w\xcc\xe7\xc0\x81\x03\xd3\xa7O?}\xfa4\x00(\x95\xca\x91#G~\xfc\xf1\xc7!!!\xeewD\xff^\xb2d\xc9\xb8q\xe3\x00\xa0[\xcf\x01\x8b\xbf\xdbh6\x9a\x08!\x9eEo\xf2\x89(\x8a!e\xb4+\xfe\xf7\xbf9\x1f\x8d\x05\x80^\xbdz\xfd\xf8\xe3\x8f\xcc\xfa3J\x1eL\x00\x8a\r4\xf50!!\xa1G\x8f\x1e\x8f\x1e=\x02\x80\x16\xaft\x98\xf3\xe5w\xa1U*\xeb\xb3\r\x80\x80\xe3\n\xd8&lt;I\x92\xc8\xf3\x82.\xc0\xf7\xc4\xe1\xa3\x1f\xbd?"\xf5N2\x00\xb4l\xd9r\xf7\xee\xdd:\x9d\xee\x1f4\xc0\x9d%\x99\x94\x944w\xee\xdcM\x9b6\xd1\xe3\x9d:u\x9a5kV\xd3\xa6M\xe1\xb9\x1cS\xfa\x94\xc1\x83\x07\xaf[\xb7\x0e\x00^\xeb?x\xfe\xf2\xd5\x16\xb3\xa5\xf03\xeeEQ\x0c\x0e\xd1\xae^\xbe|\xd6\xa4w\x01 ""\xe2\xb7\xdf~\xd3h4,\xf3\x87Q\xf2`\x02P&lt;\xa0\xeegBBBlllvv6\x00\xbc\xfd\xc1\xc7\xefO\x9e)a\xc9f\xb5\xbe\xbc\x9ctZcG\xa3\xd3ee&lt;\x996&gt;\xee\xc0\x9e\x9f\x00 :::&gt;&gt;\xfe/5\xc0m\xd6\xd3\xd3\xd3\x97-[\xb6h\xd1"\xab\xd5\n\x00\x91\x91\x91S\xa6L\xe9\xd7\xaf\x1f\xfc\xcd\xf6\x02\x1aY\xb2\xdb\xedm\xda\xb4IHH\x80\xa7\x1a`\xb5Xi\x8c\xe8%\xbd\xc1g\xc6\x801\x0e\n\xd1\xac^\xf6\xa7\xf5\x0f\x08\x088z\xf4hDD\x04s\xff\x19%\x12&amp;\x00\xc5\x00jgs[\xffi\xf3\x97\x8dx/.=\xcd\x08\x85R\x93@\x12E\xb9R\xa9V+\'\xbc3d\xc7\xe6\xb5\x00\x10\x1d\x1d\xbdw\xef^\x9dN\xe7\xf6\x8bsoF[\xb3f\xcd\xf4\xe9\xd3\xef\xdf\xbf\x0f\x00\xe5\xca\x95\x1b=z\xf4\xc4\x89\x13\xe5r\xb9{I\xe0\x1f\xdefNNN\xe7\xce\x9d\xdd\x1a0{\xf17\x08q\x16\x8b\xe5eo\xbc\x92$I&amp;\x93\xf9\xfa\xab\xd7,_:{\xca{\x00\x10\x10\x10\xb0o\xdf\xbe\xe8\xe8hf\xfd\x19%\x15&amp;\x00\xde\x0em;\x95\x91\x91\x11\x11\x11\x91\x9e\x9e\x0e\x00\xd3\xe6/\x1b\x1a\x17\x97\x91\x96\xc3\x0bB\xa1\x05%0\xc6\x1cB&gt;~\xbe\x93\xe2\x86R\r\xe8\xd0\xa1\xc3\x81\x03\x07\xa8;\xef\x0e\xf7\x1f:th\xfe\xfc\xf9\x07\x0e\x1c\x00\x00\xa5R9`\xc0\x80Y\xb3fU\xa8P\x01^,\x8b\xf4y\r\xa8\xdf\xb8\xd9\xbc\xa5\xabj\xd5\xad\x93\x9de\xa0Y\x9e\x05\xfe\xd6\xe8,\xc7_\xab5\x19\xf5\x9f}\xf4\xc1O\x9b\xd7\x02\x80N\xa7\x8b\x8f\x8f\x8f\x8e\x8ef\x9b~\x19%\x18\x96\xd0\xe6\xd5\xd0\xc0\x08\xc6\xb8G\x8f\x1e\xe9\xe9\xe9\x1c\xc7M\x9b\xbfth\\\\F\xba^\x90\xc9\n3$M\xcb\xb7Y\xcc\x96\xf9\xcbW\xbf\xd6\x7f0\x00\x1c&lt;xp\xdc\xb8q&lt;\xcf\xd3\xed\xb27o\xde\x1c6lX\xa7N\x9d\xa8\xf5\xef\xd0\xa1\xc3\xd1\xa3GW\xadZU\xa1B\x05Q\x14\xdd\x93\x83\x7f}\x15\x8c15\xbe}\xfa\xf4\x01\x80K\xe7~\xef\xdf\xb5\xf5\xf6M\x1b4Z\x8dJ\xedC/UPo\x8a\x96D\x15\x04YP\x88\xeeb\xc2\xe9A\xaf\xb6\xa3\xd6\xbfa\xc3\x86\x87\x0e\x1db\xd6\x9fQ\xe2a3\x00\xaf\x86z\xcd\xe3\xc6\x8d\xa3\x19\x9f\xa3\xc6N\x99:\xef\xb3\xc7\x0fs\x8a\xaa#9\xc1\x18q\x9c\x8f\xaf\xef\xa0\xff\xb6;s\xe2\x08\x00\xfc\xf4\xd3O\x9d:uZ\xb0`\xc1\xf2\xe5\xcb\xb3\xb2\xb2\x00 &lt;&lt;|\xc2\x84\t\xee\xbdc\x1e\xec\x1bp/-\xcc\x981c\xe6\xcc\x99\xf4`\xd7\x1e}\xde\xfe`J\xdd\xfa\rlV\xa7\xddnC\xf9[\xf4\xa6{\xc7d2\xb9\xaf\xbf\xfa\xd1\xfd\x87\x1b\xbe[\xb6f\xf9\x17N\xa7\x13\x00\xfa\xf4\xe9\xf3\xcd7\xdf\xe8t:\x16\xf9a\x94x\x98\x00x/\xd4\x00\xfd\xf4\xd3O\xb4n~\xd3Vm\xd7\xee8`\xb5X8\x84&lt;\xe8i^P`\x8c\x15\nyfzZ\xcf\x0eM\xb22\xd2\x83\x82\x82\x02\x02\</t>
        </is>
      </c>
    </row>
    <row r="285">
      <c r="A285" s="1" t="n">
        <v>283</v>
      </c>
      <c r="B285" t="inlineStr">
        <is>
          <t>triangle</t>
        </is>
      </c>
      <c r="C285" t="inlineStr">
        <is>
          <t>What is the missing number of the part denoted with a question mark?</t>
        </is>
      </c>
      <c r="D285" t="inlineStr">
        <is>
          <t>['2', '4', '0', '9']</t>
        </is>
      </c>
      <c r="E285" t="inlineStr">
        <is>
          <t>2</t>
        </is>
      </c>
      <c r="F285" t="inlineStr">
        <is>
          <t>There are three groups of numbers with a triangle arrangement in the image. The first group is [3, 4, 12], the second group is [9, 7, 63], and the third group is [5, '?', 10].</t>
        </is>
      </c>
      <c r="G285" t="inlineStr">
        <is>
          <t>We observe that the number 12 is the product of 4 and 3. Similarly, the number 63 is the product of 7 and 9. Hence, the pattern is that the rightmost number in each group is the product of the other two numbers.</t>
        </is>
      </c>
      <c r="H285" t="inlineStr">
        <is>
          <t>Based on the pattern that the rightmost number in each group is the product of the other two numbers, the missing number of the group [5, '?', 10] should be 2.</t>
        </is>
      </c>
      <c r="I285" t="inlineStr">
        <is>
          <t>b'\x89PNG\r\n\x1a\n\x00\x00\x00\rIHDR\x00\x00\x02\x00\x00\x00\x02\x00\x08\x02\x00\x00\x00{\x1aC\xad\x00\x00\xba\xd9IDATx\x9c\xec\x9dwx\x14U\xf7\xc7\xcf\x9d\x99\x9d\xddl\xb2-\x8d\x1e\x08%\xd4P\x02\xa1\x87^\x02/\xbe\xa0 RD\xe9(\xc8+\x88\x80(\xd2D\x11\x04\xe1\x15\xb0\x804\xa5\x89\x08*(\x84\xae41DJ"5\x04H\x80\x90\xbe\xbd\xce\xdc\xfb\xfb\xe3\xc2\xfe\xf2\xd2LB\x08\x1br?\x0f\x8f\x8f\x99\x9d\x9d\xbd[\xe6|\xcf=\xf7\xdcs\x10!\x04\x18\x0c\x06\x83Q\xf6\xe0\x9e\xf6\x00\x18\x0c\x06\x83\xf1t`\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a\x02\xc0`0\x18e\x14&amp;\x00\x0c\x06\x83QF\x11\x9e\xf6\x00\x18O\x1cB\x08\xfd/\xfd\x1f/\xe8.Oi\\\x0c\x06\xe3)\x83\xee1\n\x8cg\x03B\x08\xc6\x98\x10\x82\x10\xe2y\xbe\x80gr\x1c\xc7\xf4\x80\xc1(;0\x01x\xa6 \x84\xc8\xb2\xccq\x1c\xc7\xfd\x7fpO\x96e\x8b\xc5r\xfb\xf6\xed\xf4\xf4t\x00\x04p\xe7\x1b\xafY\xb3\xa6F\xa3\xd1\xeb\xf5\xf9\xaf \xcb2\x000%`0\xca\x02L\x00\x9e\x110\xc6\x18cA\xb8\x13\xd3\xcb\xcd\xcd=}\xfa\xf4\xe1\xc3\x87\xff\xf8\xe3\x8f\x1b7n\xdc\xce\xc80\x9b\xcdn\x97+\xffS4Z\xadJ\xa9\xacQ\xa3F\xe5\xca\x95\xdb\xb6m\xdb\xbau\xeb\xfa\xf5\xeb\xab\xd5j\xfa\xa8$I&lt;\xcf3\x19`0\x9ea\x98\x00\x94zh\x0c\x87\xc6y,\x16\xcb\x8f?\xfe\xf8\xc3\xb6m\xc7\x8f\x1d\xcf\xcc\xcc(\xec\xa5\xc2\xc3\xc3;v\xec8`\xc0\x80N\x9d:\xd1\x0b\xd2\xf9\x04\x93\x01\x06\xe3\x99\x84\t@)&amp;\xbf\xe9OJJZ\xb7n\xdd\x96\xef\xbfO\xbd~\xdd{\x82F\xab\xad^\xabn\xb9\x8a\x95j\xd6\xae\xef\xef\x1fP\xbbA#,Kt\xf5W\xf2x\xce%\xfe\xe5t8.\xfe}\xe6\xf6\xad\x9b\xd7S.\xbb\xf2\xcd\x0f\x1a7n&lt;x\xf0\xe0!C\x86\x94+W\x0e\x00dY~\xf4B\x02\x83\xc1(\x8d0\x01(\xad`\x8ci\xa0\xff\xe6\xcd\x9b3f\xcc\xd8\xb4i\x93\xc3\xe1\xa0\x0fU\xac\x1c\xd62\xa6S\xfb\xae\xb1u\x1a4\xa9T\xa5\x9aR%\n\x02`\x02\xb2\xf4?W\x10\x14\x00\x04$\tlVK\xea\xd5\xe4\xc4S\t\x07\xe3v\x9c&lt;~\xd8d\xcc\xa3\'\x94/_a\xdc\xb8\xb1S\xa6L\x11E\x11c\xccR\x86\x18\x8cg\x0c&amp;\x00\xa5\x12I\x92\x04A\xf0x&lt;_~\xf9\xe5G\x1f}t\xfb\xf6m\x00\x10E1\xbaM\xfb\x81C_k\xda\xb2mh\xf9P\x8c\xc1\xe5r\xbb]\xae;I&gt;\x00\xf9\xcd7\x01\xf0\x1e\xe4xA\xa9T*U\x82$\xc1\x8d\xebW\x8e\x1c\xd8\xb3y\xedW\xe7\x93\xce\xd03###\xe7\xcf\x9f\xdf\xa3G\x0f`S\x01\x06\xe3\xd9\x82\t@\xe9\x83Z\xff\xcb\x97/\x0f\x1b6\xec\xe8\xd1\xa3\xf4`\xcf\xe7_\x1a\xfd\xe6\x94\xda\xf5\x1a\n\n\xc1n\xb3{&lt;n\x80\x82\xa7u\x12\x8c\t!\x18\x01\x12U*\xb5Zi\xb1\xd8\x13\x8e\xff\xfe\xd9\xc7\xb3\xce$\x9c\xa0g\x8c\x1c9\xf2\xd3O?\xd5h4\xf4\xd5\x9f\xd8\x9bc0\x18%\x07\x13\x80\xd2\x04\xdd\xcc\xc5q\xdc\x96-[\xc6\x8d\x1b\x97\x9d\x9d\r\x00\r\xa3\x9a\xbf9mv\x9b\x8e\xdd\t!v\x9b\x95\x9eP\xe4X\r!\x04c\x99\xe3x\x8dVc\xb3Zwl\xdd\xb4t\xfe\xac\xcc\xdb\xb7\x00 **\xea\xeb\xaf\xbfn\xd2\xa4\t\xd3\x00\x06\xe3\xd9\x80\t@\xa9\xc1k\xfdg\xcf\x9e=k\xd6,z\xf0\xf5\xb7\xde{\xed\xad\xf7\xd4\xfe~&amp;\xa3\x89\xee\xe4*\xae\x97\xa3\xd1\x1e\x9d&gt; \xed\xda\xf5\x0f\xdf{k\xcf\x8em\x00\x10\x18\x18\xf8\xc5\x17_\xf4\xef\xdf\x9fi\x00\x83\xf1\x0c\xc0\x04\xa0t\xe0M\xf8\x19=z\xf4\xca\x95+\x01 \xa4\\\xf9\xb9\x8bWv{\xae\x971\xcf\xfa\xe4B\xf3\x92\xe4\xf1\xf3\xf3\x17E\xc5\xd7K\x17.\xfeh\xba\xc7\xed\x06\x80\x15+V\x8c\x1a5\x8ai\x00\x83Q\xdaa\x02P\n\xa0\xfb{\x05A\xf0Z\xffz\r\xa3\xbe\xd8\xb0\xbdb\xe50c\x9e\xf1Io\xd7\xc2\x18\x03@`\x90\xf6\xc8\xc1C\xe3^y\xc1l\xcc\x03\xa6\x01\x0c\xc63\x01\x13\x80R\x00\xb5\xb3\xaf\xbd\xf6\xdaW_}\x05\x00\xf5\x1aF\xad\xde\xbaK\xa7\x0f\xb4Z-\x82\xa0(\x991x&lt;\x9e\xe0\x10\xc3\x9fG\x8f\x8e\x1e\xd0\xcbl2\x02\xc0\xda\xb5k_}\xf5U\xa6\x01\x0cF\xe9\x85\t\x80\xafC-\xec\x8a\x15+\xc6\x8c\x19\x03w\xad\xbfF\xa7w\xd8\xec|\xc9Z^\xc9\xe31\x04\x1bN\x1e\xbb\xa3\x01\xfe\xfe\xfe\x87\x0e\x1dj\xd6\xac\x99wG\x02\x83\xc1(]0\x01\xf0i\xa8m=q\xe2D\xeb\xd6\xad1\xc6\xb5\xea\xd4\xff\xf6\xe7\x03\x1a\x9d\xdeaw&lt;\x95||\xc9\xe3\t\x0c6\xfcy\xf4\xe8\x88\x17\xbb\xdbm\xb6\xf0\xf0\xea\t\t\'i99\xb6G\x8c\xc1(u0\xc7\xcdw\xa1\xda\x9c\x93\x933h\xd0 B\x88Z\xed\xff\xf1\xf2\xb5\x81\xc1\xc1v\x9b\xfdi\xed\xc6\x12\x14\x8a\x9c\xec\xbcV\xed\xdbL\x99\xf5\t\x00\\\xbd\x9a2z\xf4h\xba@\xfdT\xc6\xc3`0\x1e\x07&amp;\x00\xbe\x0bu\xff\'M\x9a\x94\x92\x92B\x08\x99&lt;\xfb\x93\xa8\xe6\xcd\x8cy\xa6\xa7\x1bsW(\x14\xd9\x19\xc6!\xa3_\xff\xf7\x8b/\x03\xc0\xd6\xad[\xbf\xfd\xf6[\x9e\xe7i\x1di\x06\x83Q\x8a`! \x1f\x85fv\x1e&gt;|\xb8c\xc7\x8e\xb2,w\xeb\xf5\xc2\x97\x1b\x7f\xc8\xcd6\x96p\xdc\xff\x81\x10Bx\x9e\xf7\xb8\xdd/tjz#\xf5Zhh\xe8\xb9s\xe7t:\x1d+\x16\xc4`\x94.\xd8\x0c\xc0\x17\xa1\xfd\xb9\\.\xd7\xc4\x89\x13eY\xd6\x07\x06\xbd\xfb\xe1b\x9b\xcd\x89|c\xad\x15!\xe4q\xbbu\x06\xfd;s\x17c\x8co\xdf\xbe=c\xc6\x0c\x8e\xe3X \x88\xc1(]\xf8\x84Aa\xdc\x03\r\xfel\xde\xbc9!!\x01\x00\x06\x8f\x18W\xb5z\x98\xd3\xe1,r\xb2\r\r\xd3\xcb\xf9\xa0\x15\xe2\x8a&lt;B^\x10\xccFs\xe7\x1e\xbdZ\xb5\xeb\x0c\x00_}\xf5\xd5\x85\x0b\x17\x98\x060\x18\xa5\x0b\x16\x02\xf2E\xe8\xce\xafF\x8d\x1a]\xb8p!\xbcV\xed\xad{\xff\x04\x04\x80\t\x14&gt;\xc0"\xcb2B\xa0\x10\x95\xa2\xa8\xf4\xee\x18#\x04$\t\xbb]N\x8f\xc7S\xe4\xc2A\x18c\xb5Z}\xf1\\\xd2\xc0\x9em\x1dv\xdb\xc8\x91#W\xae\\\xc9\xca\x852\x18\xa5\x88\xa7\x1fPf\xdc\x837\xfa\x7f\xe1\xc2\x05\x8cq\xef\x17\x87\xe8\r\x01\xd9Y\xc6\xc2\xae\xfd\xde-\xe6\xa3\xc3\x182\xd2o\xa6^\xbb\x92y\xfb\x96\xd5lF\x08iu\xfa\n\x95\xaaT\xadQ+($\xc8iw9\x9d\xce"Xm\x8e\xe3l6[\x83\xc6\x8d\xa3[\xc7\xfc\xbeo\xf7\xcf?\xff&lt;o\xde\xbc\xa0\xa0 \x1a\xbf*\xec\xd5\x18\x0cF\xc9\xc3\x04\xc0G\xf9\xfa\xeb\xaf1\xc6A!\xa1\xcf\xf5\x1bl\xb5\x14\xc5@ku:\x87\xdd\xfe\xeb\xf6\xad;\xb6n8\x15\x7f&lt;\'\xeb\x7f:D"\x84*\x87\x85w\x8a}\xee\x95\xd7\xde\xac\x1cV\xcdb6\x17\xe1%\x10\x00\x96\xf1\xa0\xe1\xe3\x8e\x1c\xd8\x9b\x99\x99\xb9}\xfbvV\x1f\x82\xc1(E\xb0\x10\x90oA\xdd\xe7\xf4\xf4\xf4:u\xea\x98\xcd\xe6\xde\xfd\x87,\xfe\xfa\x9b\x9c\xec\xc2\xb9\xff\x04\x00!\xf8\xf3\xf0\xc1e\x9f|\x90x*\xfe\xd1\'\x87\x94\xab\xb0\xf0\xcbo[\xb6\xebT4\r\x00@\x1cB\xcfw\x8a\xba\x9a|\xa9E\x8b\x16\xb4?\x01\xdb\x18\xcc`\x94\n\x98\xa7\xe6[\xd0\xa2o{\xf6\xec1\x9b\xcd\x00\xd0\xb9\xc7\xbfe\xb9p\x11\x15B\xb0BT\xde\xbe\x996\xf6\x95\x17dI\xe28\x1ec\x19\x00\xaa\xd5\x88\xa8Z\xbd\xa6\xde\x10(IR\xda\xf5\x94\xb3\t\xf1\x00D!\x8aY\x19\xe9\xe3^\xe9\xfb\xfd\x9e\xe3a\xe15\x9c\xceB\xaf3K\x92\'(X\x1f\xd3\xb9G\xca\xe5\x8b\xa7O\x9fNNN\x8e\x88\x88`\xc5!\x18\x8cR\x01\xbbK}\x0bj\xeb\x7f\xfb\xed7\x00(_\xb1r\xb3V\xed\x1c\xf6\xc2\x19e\x848\xb7\xd3Y\xb5z\x8dI\xef\xcf\x03\x00A\xe0\xfb\xbd&lt;|\xc3\xce\xdf~\xd8\x1f\xbf\xf2\xbb_\x16~\xf5\xed\x92U\x9b6\xffz\xe4\xfb\xbd\x7f\xd4o\x14\xe5q\xbb\x15\xa2\xd2j1}\xbeh\xaeR%\x12R\xe8\x1c\x1e\x0e!\x8f\x07w\x8e\xfd7\xcf\xf3N\xa7\xf3\xd8\xb1\xe3p\xb7\x80(\x83\xc1\xf0q\xd8\x0c\xc0\xb7\xe08\xce\xe3\xf1\x9c8q\x02\x00\xea7j\x1aR.\xd4d4\x1562\xc3\xf1\xbc\xddf\x7fy\xe4\x1b\xb9\xd9\x99\x1d\xba\xfd\xabM\x87\xf6.\x17v:\x1c\x16\x93\x89\xc6\xfb\x10@T\xf3\xe6\x9f\xad\xdd\xda\xb7s\xb4)/\x17!t\xfc\xb7\xfd\x99\xb73\xfd5\x1aY\x92\n5\xe1@\x1c\xe7t8k\xd7o\x18Z\xa1b\xfa\x8d\xb4\xdf\x7f\xff}\xe8\xd0W\xd9"0\x83Q*`3\x00\x1f\x02c\x8c\x10JNN\xber%\x05\x00\x9a\xb5\x8a\xe1y\x80"-\xd2\x10B$\xc93\xf5\x83\x05M[\xb4\xcd\xc96\xd9\xacVB0\xc7\xdf\x81\xe3\xf9\x9c\xac\xdcj\xd5\xc3\xdbt\xe8J\x17\x81L\xa6\xbc\x9c\xac\x0cAP\x14vM\x08!\xe4\xf1x\x0cAA\x91\x8d\xa3\x01\xe0\x8f?\x8e\x17!\x8e\xc4`0\x9e\n\xecF\xf5!\xa8\xf1\xbdv\xed\x9a\xcb\xe5\x04\x80\x1a\x11u%\xa9\xe8U6\x11B\xa6&lt;\x93\xddn\xe3y\x9e\xe38\x80\xff\xb9\x0e\xc7s\x84\xe0\xe0\xd0r\xe0-\xe4YT\xaf\x9d\x10\xa2P@\xf5Zu\x00 =\xfd\xb6\xd9lF\x88%\x170\x18\xa5\x00&amp;\x00&gt;\x045\x9a\xa7O\x9f\x01\x00\xadNW\xa5Zu\x8f\xdb\xfd8\xe1\x94\xbb\xa6\xffa\xaf\xc5\xdd\xba\x91F\xff_\xa7\x0f\x0c\n.\'I\x9e"\xbc\x1c\x87\x90$A\xad\xba\r\x00\xc0l6]\xbcx\x11\xd82\x00\x83Q\x1a`\x02\xe0s\xd8l6\x00\xe0y! @\x831.\xc2\xee\xdf\xfb!\xf9\xc0\x18{\xdcn\xadN\x7f5\xf9\xca\x1f\xbf\xef\xe7y\x81\x10\xd2\xbcM\xfb\x90\xf2\xa1E\xd6\x1bB@\xab\xd3\x03\x00\xc6\xd8\xe1p&lt;\xfe\x80\x19\x0cF\t\xc0\x04\xc0\x87\xa0\xdezB\xc2I\x00\xa8R\xad\xba\xce\x10$\x15rI\xf6\x81 \x84\x04A!\x08\x82 \x08\nQ\xf4\x0f\x08\x08)\x17\x98\x95qk\xda\xf8a6\xabU\x96%?\xb5\xfa\xf5\xb7\xde\xf5\xb8\x8a\xe2\xfe\xc3\xdd\xdap\x95\xc3\xc25Z\x1d\x00\xc4\xc7\x9f\x84\xbb\xb3\x19\x06\x83\xe1\xcb\xb0, \x9f\xc3\xe3\xf1\x00@\x80F\xabT\xa9\xac\x16\xf3c.\xa8R\xeb\xecr9\x11\xe2\x08\xc1N\x87\xe3\xf6\xad\xb4\x13G\x0enZ\xf3Uv\xe6m\x00\xd0hu\x9f|\xf1m\xed\xfa\x91fS\xd16\x82\x01 \x841\xd6h\xb5\xa2(z\xc7\xcf`0|\x1f&amp;\x00&gt;\x07u\xc3\xb1,?\xbe\x13-K\x92&gt;P\xb7\xee\xab5\xcb?\x99\xa3P(%\x8f\xdb\xe9t\xd8\xac\x16\xfahx\xcd\xda\xad\xdbw\x19&lt;rlx\xcd\xdaE\xb7\xfew\xf1\x0e\x98\xe5\x802\x18\xa5\x05&amp;\x00&gt;\x075\xa0\xc5\x15@\xe1xd1\x9br\xb3\xb3\xfe\xff\x08\xc7\t\n\x85\x7f\x80\xa6eL\xc7\x7f\xbd0\xa0J\xd5\x1a\xc5\xd2\xc8\xc5;`&amp;\x00\x0cFi\x81\xad\x01\xf8\x1c\x92$\x01\x80 \x08\x1cW\x0c\x96\x14c\xa2\xf6\x0f\xd0\xea\r\x86\xa0\x10\xadN\xef\xa7\xf6\xc7\x18\xbb]\xae\xbc\x9c\xecMk\xbe\x1c\xf4\xaf\x98\xde\xed\x1b\xff\xb2m\xb3F\xab-\xc26`/\x84\x10A\x10\x10\xe2\xbc\xe3g0\x18\xbe\x0f\x9b\x01\xf8\x104\x84\x12\x14\x14\x04\x00\x19\xe9\xb7\xcc&amp;\x93 \x08twX\xd1.\xc8\x0b\x82\xd5l\xef\xdd\xff\xe5\xd8\xe7\xfa\xd2H\xbd\xcb\xe9\xc8\xcb\xc9NI\xbe\xf8\xdb\xde_\xf6\xfd\xf2\x93,K)\x97/L\x1a=8\xfdf\xda\x98\tS\xcdF\x13W\xf8@\x10!D\xa1P\xdcN\xbfi\xb7[\xbd\xe3g0\x18\xbe\x0f\x9b\x01\xf8\x10T\x00\xea\xd7o\x00\x00\xd9\x99\xb7\x1d6\xeb\xe37W!\x84\xa8T~\x86\xa0`}`PPpH\xa5\xb0j\x8d\x9a\xb5\xec?d\xd8\xe7\xeb\xb7~\xfd\xfd\xafA\xc1\xa1\xbc \x08\x82\xb0p\xf6;\t\x7f\x1cS\x07\xf8\x17%\x7f\x9f\x10^\x10r\xb2\xb3\x1cv;\x004l\x18\t,\x10\xc4`\x94\x06\x98\x00\xf8\x1c\x06\x83\x1e\x00\xdc.WvV\x06/\x08E+\x05\x91\x1f\x8c\xb1\xc7\xe3\x91&lt;\x1e\x8f\xc7\xe3v\xb9\xec6\xab1\xcf\x98\x93\x99\xdb\xa5g\xd7\xa9\x1f,\x94%\x89\xb6\x1a\xfe\xfe\xdb\xafEQ(B \x88\x00p\x1cd\xdcL\x03\x00Q\x14\x03\x02\x02\x80\t\x00\x83Q\x1a`\x02\xe0CP\xa3\xd9\xa8Q#\x00\xb0\xdbm7\xd3R\x15\n\xa1X\x12\xeaQ&gt;8\x8e\xe3yAP(r\xb2lm:t3\x04\x06{\xdcn\x008\x97x\xdafsr|\xa1\xa3\x82\x84\x10\x9e\x87kW.\x01\x80F\xa3\xadU\xab\x160\x01`0J\x03L\x00|\x08j4\xc3\xc3\xc35\x1a-\x00\x9c;\x93\xc0\xf3\x80\x9f\xe4\x8e*Q)\xea\x0c\x06\xfa\xffv\x9b\xd5\xe5tr\x85/\xe3\xc3q\x9c\xd3)\x9fK&lt;\r\x00\xd5\xab\x87\xfb\xfb\xfb\xb3\xae\x90\x0cF\xa9\x80\t\x80\x0f\xc1q\x1c!\xa4J\x95*u\xeb\xd6\x05\x80\xbf\xfe&lt;\xeav\x93\xa2m\x04\xa3U\x1f\x1e}\x0e\xe28\x97\xd3i\xcc\xcb\xa3\x7f\xaaT*\x85B,\xac\xed&amp;\x84\x88\xa2\x98\x9dq\xfb\xe2\xdfg\x01\xa0m\xdb\xb6\n\x85B\x96\xe5"\x8c\x99\xc1`\x940L\x00|\x0bY\x969\x8ek\xd5\xaa\x15\x00\x9cO&lt;}\xe3\xfaU\xa5RUX\x97\x9c\x10\xa2\x10E^\x10$I\xc2\x18?\xf0\xe9\x1e\x8f\xdb?\xc0/\xe9\xd4Icn\xb6B\xa1@\x08U\t\xaf\xe1\x1f\xa0.\xac\xed\xc6\x18\xab\xfc\x94\xa7O\xfe\x91\x97\x9b\r\x0011\xed\x80\xc5\x7f\x18\x8cR\x02\x13\x00\xdf\x82\x9a\xce.]:\x03\x80\xc9\x98w\xf4\xd0^?\xb5\x88\x0bc\x94iJ\xfe\xed\x9biV\xb398T\xef\x1f\xa0\xe1y\x01c,\xdf\x05\xcb2\x01\x12\x18\x14d\xce3\xfd\xf7\xe3\x99\xf4U\t!\x1d\xba\xfe\x0bqP\x84-h\x88C\xfb~\xf9\x91\x10\xa2\xd3\xe9Z\xb4h\x0eO\xb5\'0\xb9\x8f\xa75\x12\x06\xc3\xf7a\x02\xe0[P\xd3\xd9\xbe}\xfbJ\x95*#\x84\x0e\xec\xfe\x89\xd0\x16\xef\x05\x06c9@\xe3\xb7g\xe7\xf6\x17\xbb\xb5X8\xfb\xfd\x93\xc7\x0f\xdbl\x16\xb5\xda_\xa7\xd7\xe9\x03uz\x83N\xa3\xd3!\x80\xe3\xbf\x1dx\xf5\xf9\xae\xe7\x13O)D\xd1\xe3vW\xab\x11\xd1\xa3\xcf\x8bV\xb3\x8d\xe7\n\x91xJ\xe3?9\x999\xc7\x8f\x1c@\x08\xb5k\xd7\xaeb\xc5\x8a\x8f\xb3q\xa1\x08Pm\x93$I\x96e\xfa\xd2\xf7\xe0=\xe1\x11\xf3!\x06\xa3l\xc26\x82\xf9\x16\x08!I\x924\x1a\xcd\x80\x01/-Z\xb4\xe8\xcf\xa3\xbf\x9fMH\xa8\xd3\xa0\xa1\xc3\xe1(\xb8[M\x08\x08\x82p+\xed\xfa\xf2O\xe6.\xffdn\xb9\n\x95\xaaT\xab^\xaeBe\xff\x80\x00Y\x96\xf3r\xb2\xae]\xb9\x9cr\xf9\x02\x00(\x14\xa2\xc7\xed\xf6\x0f\xd0|\xbcl\xb5\xbf\x7f\x80\xcdj-\xd4F0,\xcbj\x9df\xfb\xe6u\x99\xe9\xb7\x00`\xf4\xe8\xd1PRu@eY&amp;\x84\xdc\xdf\xf0\xc0\xe1p8\x9d\xce;\xe54\x08\xe18N\xa7\xd3\xdd\xff\\\x00\xe08\x8e\x85\xaa\x18e\x1c&amp;\x00&gt;\x07\xb5h\xc3\x86\r\xfb\xec\xb3\xa5\x0e\xbb\xed\xc7\xef\xbe\x99\xd3\xf2\xbf6\xab\xad\x10q\x15\x02\x82B\xe1\xfd+#\xfdfF\xfa\xcd\x07\x9e\xe8\xf1\xb8k\xd7o8{\xd1\x17Q\xcd[\x15\xa1\x1e\x1c\xe28I\xc2[\xd7\xafB\x08\xd5\xa8Q\xa3s\xe7\xce\xd4\xe6\x16\xea"\x85\x82\xf63\xe08\xce;\xd4\xb4\xb4\xb4\x93\'O&amp;&amp;&amp;\x9e={\xd6d2]\xb9r\xc5b\xb1"\x04\x04\x00\x08\xf0\x02_\xafn]\x95J\xd5\xacY\xb3\xea\xd5k\xb4h\xd1\xbcV\xadZ\x82p\xe7g/\xcb2\xcd\x8b}r\x03f0|\x19\xd6\xba\xcf\x17\xa16\xaes\xe7\xce\x07\x0f\x1e\x0c\x0c\x0e\xfd~\xcf\x1f!\xe5\xca{&lt;\x05\xad\xd7\x8f\x10r:\x1d\xbf\xef\xdb\xb5\xef\xd7\x9f\x92N\xc5gf\xa4K\xf7\x95h\xd6\xea\xf4u\x1b4\xee\xf1\xfcK\xcf\xf5\x1b\xe8\x1f\xa0\xb1Z,\x85\xb5\xfe\xb2,ku\xda}\xbf\xfc&lt;~h_Y\x96g\xcf\x9e=c\xc6\x0cI\x92\xbc\xe6\xb5x\xa1\xa6\xdf;\xc8c\xc7\x8em\xdf\xbe\xfd\xc8\x91#\xe7\xce\x9d3\x9b\xcd\x05\xbc\x88R\xa9\xacU+":\xbaY\xef\xde\xbdccc\x95J%0\x19`\x94a\x98\x00\xf8"\xb2,\xf3&lt;\x7f\xe8\xd0\xa1\x8e\x1d;\x02\xc0\xbf_\x1c\xfc\xdf\xd5\xeb\xb3\xb3\x8c\x05\xb7\xad\x1c\xc7\xf9\x07\xa81\x86\xdc\xec\xec[7R3o\xdf4\xe6\xe5\xba\x9cN\x84P\x80F\x1b\x1cZ\xaeR\x95j\x15*U\x11U\x82\xd5l\x93%\xa9\x08%\x80\xe8\xab\xf4\xe9\xd0\xe4j\xf2\xa5\xe0\xe0\xe0\xa4\xa4\xa4\x90\x90\x90b),z?\xf4\x03\x01\x80\x8c\x8c\x8c\x9f\x7f\xfey\xdd7\xdf\x1c=r$\xff\tzC`h\xf9\x8a!\xe5\xca\x07\x87V\x08\xab\x16\xee\xf1H\x00\xc0\x0b\x821/\xe7\xea\xe5\x8bV\x8b\xf9F\xea\xd5\xfc%Q\x01\xa0^\xfd\xfa\xfd_|\xf1\xa5\x97^\xaaS\xa7\x0e\x00H\x92\xc4\xf3&lt;\x0b\n1\xca\x14L\x00|\x14j\xf2\xfa\xf7\xef\xff\xfd\xf7\xdf\x8bJ\xe5\xba\xed\x07\xa2\x9a\xb7\xb0X\n^\x1d\x88\xc82F\x00\x82B\xa1\x10EA\x10\xee\xb4\x85\'@\x08`L\xdcn\xb7\xc7\xed\xc2\x98\x14-\x14.y&lt;A\xa1\x86\xaf\x16/\x9a?\xe3m\x84\xd0\xc2\x85\x0b\xdfz\xeb-\xba\xc4\xfa\xf8\xf5\x8b\xfe\xe7m\x10B\xc3J&amp;\x93i\xf1\xe2\xc5+V\xacHOO\xa7\x0f\x89Je\x83\xc6M[\xc6tj\xdc\xacUD\xdd\x06Z\x9d&gt;@\xabE\x08\x04\x05\x10r\xa7\xc5=\xc6 K\xe0t:M\xc6\xdc\xb4k)g\xff:\x11\x7f\xec\xf7\x93\xc7\x0f\x9b\x8cwv?\xa8\xd5\xea\x01\x03\x06L\x9d:5""\x02\xee\xce\xbd\x8aq\xfc\x0c\x86/\xc3\x04\xc0G\xa1\t-W\xaf^m\xd2\xa4\x89\xd9l\xae\xdb\xa0\xf1\xf7{\x8fy&lt;r\x116j\xe5\xcb\x86$\x00\x08\x00\x10\x02\x84\x8a\xbe\x04\x8ae\xd9\xcf\xdf\xffZ\xf2\xe5\x17\xbb5w\xd8\xed\x18\xe3:u\xeaL\x9e&lt;\xf9\x95W^\xa1\xe5K\xa1\x982A\xbd\x8e\xff\xe6\xcd\x9bg\xcf\x9e}\xe1\xc2\x05z\xbcv\xbd\xc8\x7f\xf7\x1f\xdc\xa6C\xf7Zu\xeb\xf9\xa9E\xc9\x03.\xa7K\x96%Y\x92\xc8\xff\xaeB#\x04\x08!\x0eq\xbcB!\x8a\xa2(r\x92\x07R\xaf%\x9f8\xf2\xdb\xaf?~w\xf4\xe0^z\x9a!0\xf0\xad\x89\x13\xa7L\x99"\x8a\xa2\xf7E\x19\x8cg\x1e&amp;\x00\xbe\x0b\xb5D\xf3\xe6\xcd{\xf7\xddw\x01`\xd0\xf0\xb1\x1f\xfewyvf^\xfe\x05\xde\x92\x87\x10\x82\x00\x04\x850\xf0_\xed\x92N\x9d\xa4\x13\x08\x9aW\xd3\xaaU\xab\xd9\xb3gw\xed\xda\x15\x8a#\xa2B\x97\x13n\xdd\xba5r\xe4\xc8]\xbbv\xd1\x83\xad\xdau\x1a&lt;\xf2\x8d\x961\x9d\x82\x82u\x0e\xbb\xe4t:dY\xe6\x10B\xb4y\xc2\xc3_\xee\x8e\x0cb\x8c\x10R\xaaT~\xfeJ\x97C:\x15\x7ft\xeb\x865?n^Go\x82\x06\r\x1a|\xf9\xe5\x97m\xda\xb4\xf1\xa6\x93\x16y\xf0\x0cF\xa9\x80\t\x80OC\xd7\'ccc\xf7\xee\xdd\x0b\x00\x0b\xbf\\\xff\xe2\x90\xc1\x19\xe9\xb9\nQ|ZC\x92$O\xb9\xf2\x86w\xde\x18\xb7q\xf5\xe7\x00\xf0\xc1\x07\x1f\xf4\xec\xd9\xf3\x9dw\xde\xa1#\x04\x80A\x83\x06M\x9b6\xadA\x83\x06p\xd7\x88\x17\xf6%\xbca\x9f\xb8\xb8\xb8\xe1#F\xdc\xbay\x13\x00\xc2kF\x8cx\xe3\xed\xe7\x07\xbe\xaaT\x8a\x16\xb3M\x92&lt;\x1c\xc7\x15\xb9N\x06\x96e\xc4q\x01\x01\x1aA\x81\x0e\xed\x8d[\xf9\xdf\xf9\x7f\x1c&gt;\x08\x00\xa2R9\xff\xe3\x8f\'L\x98\x00,\x1c\xc4(\x030\x01\xf0i\xa8\r\xca\xc8\xc8h\xd8\xb0Qff\x86No\xf8j\xd3\x8ef\xad\xdb\xe4e?\x9dy\x80$I!\xa1\xfaU\xcb\x97\xcd}g&lt;!\xd0\xa5K\x97={\xf6POy\xf3\xe6\xcd\xf3\xe6\xcd;{\xf6,\x00\xa8\xd5\xeaI\x93&amp;M\x9a4I\xa7\xd3\x15va\xc0k\xfd\x97,Y2q\xe2Dzp\xd0\xf0\xb1\x13\xde\x9d\x1d\x1c\x1a\x9c\x97k&amp;\x84\xe6\x02\x15K\xbb4\x99`\xa2\xd5\xebeY\xfav\xc5\xb2\xcf&gt;\x9ei\xb5\x98\x01`\xf8\xf0\xe1K\x96,\xd1h4L\x03\x18\xcf6L\x00|\x1d\x1a\x08:~\xfcx\xdb\xb6m1\xc6Z\x9d~\xc5\xe6\x9d\xcdZ\xb7\xc9\xcd\xceS\x94\xa4\x06\x10"IRH9\xc3\xea\xe5\xcb\xe7L}\x03\x00\xc2\xc3\xc3\xe3\xe3\xe3\x03\x03\x03i\xc0\x84\xe38\xb7\xdb\xbd`\xc1\x82\xcf?\xff\x9c\xae\xd3\xd6\xad[w\xf2\xe4\xc9\xc3\x86\r\x83\x02\xa7Zzs=G\x8f\x1e\xbdr\xe5J\x00\xd0\x19\x02g\xcc\xff\xec\x85\x81\x83\xcd&amp;\xbb\xdb\xed~\x129\xa6tlA\xc1\xda\x84\x13\xf1\xef\xbd9\xeaB\xd2\x19\x00h\xde\xbc\xf9\xee\xdd\xbb\r\x06\x03\xd3\x00\xc63\x0c\x13\x80R\x00\xd5\x80\x95+W\xd2\xad\xb6T\x03Z\xc4\xb4\xc9\xca(!\r\xc0\x18\x03!!\xe5t_/\xbdc\xfd\x03\x03\x03\xe3\xe2\xe2\x9a5k\xe6\xb5\x8f\xde\xb5\xd3[\xb7n\xbd\xff\xfe\xfbk\xd7\xae\xa5\xab\xc1]\xbbv\x9d:uj\xe7\xce\x9d\xe1\x9f\x16\x06\xbc\xbe\xbf\xd7\xfa\xd7k\x18\xf5\xe9\x8a\xf5\xb5\xea\xd6\xcd\xcd1&gt;\xe9\x1cM\xc9\xe3\xd1\xe8t6\xaby\xce\x94\xff\xfc\xb4\xe5[\x00\x88\x8e\x8e\x8e\x8b\x8bc\x1a\xc0x\x86a\x02P:\xa0\xc1t\xaf\x06\xe8\xf4\x86\x05_|\xd3\xadW\xaf\xbc\\\x0b!\x98+L\x01\x9f"\xbc\xb4J\xa5R\xaa\x94+\xff\xfb\xc9\'\xb3\xa7\x02@``\xe0\xee\xdd\xbb\xa3\xa3\xa3\xefI\x98!\x84\xc8\xb2L\x9d\xf4\xfd\xfb\xf7\xcf\x9f?\x9f.\x0cp\x1c7t\xe8Po\xaa\xe5\xc3\xd2l\xe8\xf1\xfc\xd6\x7f\xf5\xd6]\x86\xa0`\xb3\xd1T2\xf1.Y\x96DQ\xe9\xa7\xf6\x9b2v\xd8\xf6Mk\xe1\xae\x06\xe8\xf5z`%N\x19\xcf"L\x00J\r\xf7h\x00\x00\xbc\xfe\xd6{\xffyg6\x01b\xb3XxA(v\x0b\x851\xc6X6\x04\x1a2o\xdf\x9e\xf5\xf6\xb8=;\xb7\x01@PP\xd0\xae]\xbb\xa2\xa3\xa3\x1f\xb6\xc0\x9b\x7f\xcb\xee\x9a5k&gt;\xf9\xe4\x93\xf3\xe7\xcf\xd3\'\x8e\x1f?~\xc2\x84\tta\x00\xfe7U\x94^\xcd\x1b\xf7\xa7\xd6_\xa3\xd3\xdbm\xf6\'\xb4\xb5\xf8\x81`\x8c9\x0e\xf9\x07\x04L\x1d7\x9cj@\xbf~\xfd\xbe\xff\xfe\xfb\'\xb7\xc3\x99\xc1x\x8a0\x01(MP3\x14\x17\x17\xf7\xf2\xcb/ggg\x03@\xeb\xf6]\xde\xfbhI\xfdF\xf5MF\xbb\xdb\xed.\xae8\t\xc1X\xc6X\xad\xf6\xf7S+\xf6\xfd\xba\xf3\xc3w\'^OI\x06\x80\xe6\xcd\x9b\xaf_\xbf\xbeV\xadZ\xff\x98,\xef\r\xfa\x9bL\xa6%K\x96,]\xba4\'\'\x07\x00\xea\xd6\xad;c\xc6\x8c\x01\x03\x06\xc0\xdd\xe6\x074\x8b\x94\xe7\xf9\xbd{\xf7v\xeb\xd6\r\x00\xeaE6Y\xfd\xc3n\x8dN\xef\xb0;J&gt;%\x9f`\x8c8\x14\x10\xa0\x992v\xe8\xf6\xcd\xeb\x00`\xd6\xacY3g\xced\x1a\xc0x\xf6`\x02P\xca\xa0\xb6\xf2\xf2\xe5\xcb\xc3\x86\r;z\xf4(\x00\xe8\xf4\x86\x97G\xbd\xf1\xf2\xc8\xf1\xe5+\x86X\xccN\x97\xcb\xf9X\xf9\x91\x18\x03\x80\x9fZ\xed\xef\xaf\xf8\xfbL\xe2\xd7K\x17\xfd\xb4\xe5[zp\xe4\xc8\x91\x8b\x16-\xd2j\xb5\x05\xdf*\xe5=\xf3\xd2\xa5K\x0b\x16,X\xb3f\r\xbdT\xb7n\xdd\xe6\xcc\x99\xd3\xa2E\x0b\x00\xf0x&lt;&lt;\xcfgff6n\xdc$#\xe3\xb6Vo\xd8\xb2\xfbXx\xcd\x08\xb3\xd9\xfc\xb4\x0c.\x9d\xc1(\x14\x8a\x01=\xda$\x9e:\x89\x10\x8a\x8b\x8b\xeb\xda\xb5+\xdb#\xc6x\xc6`\x02P\xfa\xa0f\xc8\xe3\xf1L\x992\xe5\x8b/\xbep\xb9\\\x00\x10^\xb3\xf6\xb0\xb1\x13\xdaw\xedY\xa5Z\x98\xdbE\x1cv\x9b,Ip7\xf1\xe6\x11\xd3\x82\xbb;\x851\x00(\x14J\xb5\xbf\x1fBp&gt;))\xee\xa7\xef\xbf]\xb9\x94\x96L(W\xae\xdc\xdc\xb9sG\x8e\x1c\t\x85\xcf\x8e\xbfga\xe0\xfd\xf7\xdf?~\xfc8\x00\xa8T\xaaA\x83\x06\xcd\x993\xa7R\xa5J\x00\x10\x1b\x1b\x1b\x17\x17\x87\x10\xfa\xe4\x8bo\x9f\x1f48\'\xabds\x9c\xeeC\x96e\xb5Z}=%y@\x8f6&amp;c^\xb9r\xe5\xcf\x9f?\xa7\xd3\xe9\xd8\x061\xc6\xb3\x04\x13\x80R\x89\xd7\n\x9f8qb\xfa\xf4\xe9\xfb\xf6\xed\xa3\xc7C\xcbW\xe8\xd5wP\xc7\xee\xbd\x1a4n\xa6\xd3\x07\xc82\xb8\\n\xda\x0c\x05\x08\xc9\xdf_\x1e\x01 \x0e!@\x82B!(\x14\xa2R@\x00\x19\xb73\xff\xfa\xe3\xf0\xde_~\xdc\xb3c\x9b\xc3a\x07\x00\x84\xd0\xb0a\xc3&gt;\xf8\xe0\x03o\xa7\x97\xa2\x99?\x8c1\xc6X\x10\x04I\x92\xbe\xfd\xf6\xdb\x993g\xa6\xa5\xa5\x01@\xf9\xf2\xe5\xa7N\x9d\x1a\x12\x12\xf2\xf2\xcb/\x03@\xffWF\xcd\xff|Evf!\xca\xde=9$\x8f\x14\x14\xa2\xff\xfe\xdbo\xa6\x8e{\x15\x00\xdex\xe3\x8d\xa5K\x97\xb2I\x00\xe3Y\x82\t@i%\xffZ\xeb\xea\xd5\xab\x97,Y\x92\x98\x98\xe8}4\xa2n\x83V\xed:5n\xde\xba~d\x94\xce\x10\xa8\x0f\x0cB\x08\xf2\xbb\xd4\x84\x80\xc7\x03\xb2,\xe5\xe5deg\xdeN:}\xf2\xaf\x13\xc7\xff8|\xe0f\xdau\xef9\xdd\xbau\x9b2e\n\xcd\xe0,\x16\xc3\xe7\xbdHff\xe6\xb2e\xcb\x16-Zd\xb7\xdf\x91\x19\x84P\xa5\xb0j?\xec\x8fW*Ut\xfd\xe01_\xabX\x90eYo\xd0\x8d}\xb9\xef\x9e\x9d\xdb\x14\n\xc5\xf1\xe3\xc7\x9b6m\xca\xb2B\x19\xcf\x0cL\x00J7^\xaf\xdc\xedv\xef\xde\xbd{\xf5\x9a5{\xf7\xec\xa1V\x95\x12\xa0\xd1\x1a\x02\x83\xaaT\xab\xae\xf6\x0f\xa8]\xbf\xa1,\xcb\xb4"\x9c\xe4\x91.$\x9dv\xb9\x9c\xd7\xaf\\2\x1a\xf3\xdc.\x97\xf7)\x15*V\xec\xd5\xab\xd7\xd0W_m\xdd\xba5\xe4[\xaa-\x96\x01\xe7\x8f\x08%%%\xcd\x9f?\x7f\xfb\xf6\xed.\xb7[\xf2x&gt;\xf8t\xc5\xe0\x91\xa3r\xb2K\xc2\xfd/`M=\x8c\xb1Z\xedw\xf9\xc2\xb9~]Z\xb8\xdd\xae\xf6\xed;\x1c:t\x90\t\x00\xe3\x99\x81\t\xc0\xb3@~\xf7\xfc\xe2\xc5\x8b;v\xee\xdc\x13\x17w\xe6\xcc\x99\xcc\xcc\xcc\x82_$&lt;&lt;&lt;**\xaaW\xaf^={\xf6\x0c\r\r\x85\xfbz\xb0\x14#\x84\x10I\x92\x14\n\x85\xd5j\xadQ\xa3FVvvt\xcb\x98\xb5\xdb\xf78\x1c\xce\x02\xdaV\x1aS\x02\x00\x84\x80\xe7\x0b$\x18\x18\xd3Z\xaa\x1c\xd53Z\x11\x88\x00\xe1\x10\x87\x1e\xfe\xa2\x92$\x05\x06\xe9?\x9e&gt;u\xe5\xd2\x05\x08\xa1\x03\x07\x0et\xe8\xd0\x81\x05\x82\x18\xcf\x06L\x00\x9e\x11\xa8\xb1\xce_n!77\xf7\xd4\xa9S\x7f\x9c8q%\xf9JZZZF\xc6\xed\xf4\xf4\xdb\x08\x81\xc5b\x95$I\x10\xf8\xc6\x8d\x1b\x07h4\x91\r\x1aT\xadZ\xb5u\xeb\xd6\xf5\xeb\xd7W\xab\xd5\xf4\xb9%\xd0$K\x92$\x8e\xe3\xbe\xfe\xfa\xeb1c\xc6\x00\xc0\xd2\xb5[{\xf4\xe9k\xcc5\xf2\x05p\xffeY\xf6\x0f\xd0\xa8Tt\x072X\xcc\xd6\x7f&lt;\x9f\xe7y\xb5\x7f\x80 \x80\xc7C\x9c\x0e\xbb,\xcb\n\x85B\xe5\xe7\xc7\xf3\xe0tz\x1cv;\xcfq\x0f,&amp;J\x1b\xdfg\xdeN\x7f.&amp;\xd2f\xb5\x0e\x1a4h\xc3\x86\rL\x00\x18\xcf\x06L\x00\x9e5\xa8k|\x7f&amp;(\xc6\xd8h4r\x1c\xf7\xfc\xf3\xcf\x1f:t\xa8C\x87\x0e\x07\x0f\x1e\xbc\xe7\xb9\xdeN\xeb%\x10\x82\xa7\xfe{\xeb\xd6\xad\xff\xfc\xf3\xcf\x1a\x11u\xbf\xdb}\x94\xa3\x9d\\\x1e\t\xc1\x98\x00\x18\x82\xb4\xbf\xef\xdb\x7f\xfc\xf7\xfd\x08\x90&gt;0\xb0\xff+\xa39\x8e{\xe0/\x99f8iuZ\x87\xdd\x91\xf0\xc7\x91#\x07\xf7\x9c;{*7\'\xcb\xe3v\xab\xfc\xd4\xe5+Vj\x1c\xdd\xaas\x8f\xde\xb5\xeb\xd5\xb3\x98\xad\x0f\x8b\x0b\xc9\xb2\xac\xd3k\xdf\x1e\xf3\xeaO[\xbe\xd5j\xb5\x17.\\\xa8P\xa1Ba\x1b30\x18&gt;\xc8\xd3\xcf\xb5`\x14/^\xd3O\xe7\x04\xd4NQw&gt;00\x10\x00hz\xa5B\xa1\xa0\xe1x\xfa,zB\x89y\xb5\xd4\x83&gt;q\xe2\xc4\xc9\x93\'\t!\xff~\xf1\xe5\xc0\x10\xfd?&amp;\xff\xc8\xb2,\x8a\xa2\xca\xcf\xef\xab\xc5\x0b\x17}\xf0.mt\x1c\x14\x12\xda\xef\xe5\x91T\x00\xee\xb1\xc8\x84\x10Q\xa9\x14\x15\xe2\xaf\xdb\xb7\xacZ\xb6\xe8\xec_\x7f\xdes\xc1sg\xff:\xb0{\xc7\x97\x9f~\xf8\xf2\xc87\xc6O\x9d%c\x8c\x1f\xb4\xfe\x8c\x000&amp;/\xbe&lt;b\xc7\xd6\x8df\xb3y\xe3\xc6\x8d\x93&amp;M\xf2\xaed0\x18\xa5\x17\xb6\x96\xf5\xcc\x82\x10\xe2y^\x10\x04\x9e\xe7\xa9}\xa4\x0e&gt;\xf5\x94\xa9\xb9\xe48N\x10\x04zNI\xfa\xb3t\x0c[\xb7n\x95eYT*c:\xc7:\xec\x12\xff\xc8\x88\x93$y4Z\xad\xd3a\x9b0b\xc0\xfc\x19\x93\xb1,\x8b\xa2R\x10\x04\xbd!\xe8a/\xc1\xf3|\xc6\xad\x1bo\x8d\x1e\xf4\xe6\xf0\x97\xee\xb7\xfe\x14\x9e\x17\xec6\xdb\x8a\xff\xce\x7f\xfb\xb5!\n\xc5\x83\xabLs&lt;o\xb79\xea5\x8a\xaaV\xa3&amp;\x00\xfc\xf0\xc3\x0fta\xbc\xd0o\x9b\xc1\xf01\x98\x0bSV@wy\xda\x03\x01\x00\xe0y^\x96\xe5\xdf~\xfb\r\x00\xea7\x8a\x8a\xa8\xd7\xc0\xe9p&lt;l%\x96Ne\x82\x82\r\t\'N\xbc3n\xd8\x95K\xe7\x01\x00c,I\x1e\x8c\xb1,K\x0f|\x16\xc6X\xab\xd7,\xfep\xd9\xce\x1f6)\x95*\x97\xcb\xc9\xf3B\xa7\xd8^m:v\xabR\xb5\xba\xa8T\xe6fg\xee\xdf\xf5\xf3\xcf\xdfo@\x08)\x14\x8a\xb8\x9f\xb7~\xd3\xac\xe5\xe8\xffL\xca\xcb3\xdd?\x13\x92$OP\xb0\xbe}\xd7\x7f\xa5\\\xbe\x98\x98\x98t\xfb\xf6\xedJ\x95*\xb1(\x10\xa3\xb4\xc3\xbc\x18FIC\x17\xabo\xdf\xbe}\xf1\xe2E\x00h\x15\xd3Y\xadVx\x83Q\xf7@\x08Q(\x14\xfa@\xdd\xb7+\xbf|\xf9\xb9\x8e\xd4\xfa\xeb\xf4\x81\x91M\xa2\x1f\xbd|\xc5q\x9c\xd5l\x1b7yz\xc3\xa8\xe6.\x97\xb3}\x97\x1e\xdf\xc5\x1d\xfb|\xfd\xf6!\xa3^o\xdb\xa9{t\xeb\xf6=\xfa\xf4_\xb6n\xfd\xfc\xcf\xd7q\x1c\'\xcb2\xe2\xb8oW|\x96\x9b\x9b\'\x08\x8a\xfb\xaf\xcc!$I\xa4u\xfb.\x08!\xab\xd5\x12\x1f\x7f\x12\xee.c0\x18\xa5\x17&amp;\x00\x8c\x92\x86\x9a\xd7?\xfe\xf8\xc3l6s\x1c\xd78\xba\x95\xc7C\xb8\x87d\xe0\xf0&lt;o\xcc\xcbyg\xec\x88\x99\x93^\x97$\x0f\x00\x84\x96\xaf\xf8\xed\x8e=M\x9a\xb7~\xb4\x00\xd0\x1asZ\x9da\xce\xa7_\xbd\xfb\xe1\xe2\xaf6\xefl\xd0\xb8\xa9\xc9h\xca\xcb5Z\xcd&amp;\x9b\xd5b6\x992\xd2\xf3\x06\x0c}\xa5k\xaf\x17hH\xe7\xd6\x8d\xd4\x0b\x7f\x9f\xf5\xf3\xf3\xbb\xff\xca\x88\xe3\\NWD\xdd\x06A\xc1!\x00p\xe0\xc0\x81b\xfb8\x18\x8c\xa7\x07\x13\x00FIC\xcdkR\xd2\xdf\x00\x10\xa0\xd1\xd4\xac]\xcf\xedr?0\xfeC\x08Q*\xc5\xab\xc9\x97\xb6nX-\x08\nY\x92\x9a\xb6l\xbb~\xc7\xa1f-\x9bf\xa6\xdf\xfc\xc7\x17\xe28\xcej\xb1\xd4\x88\xa8;l\xec\x04\xbb\xcdf\xb3Zx\x9e\xe7y\x81\xe3y\xba\xe2\x8d\x10\xf2\xb8I\xeb\xf6]\xe0nm\xea\x8c[7y\xe1\x01\xa9qt\xab]h\xf9Ja\xe15\x01\xe0\xfc\xf9s\xc0:\x040J?L\x00\x18%\r5\xb5\x89\x89g\x01\xa0|\xc5*zC\xa0$I\x0f4\xa6\x1c\xc7Y\xad\xb66\x1d;N\x9d\xf3\x89$y\x06\x0e{m\xcd\x0fq\x15*U1\x19\xf1\x03s\xf6\x1fx\x05\x8f\xc7m2\x9a\x10B\x0fh\x9b\x83\x10!\xc8? \x00\x00\x80\x00\x00`\xfc\xe0H\x14\xd0`\x94\xc8U\xadQ\x0b\x00\xae\\\xb9b\xb1X\xe8n\xb2\x02\xbdg\x06\xc3\'a\x8b\xc0\x8c\xa7\x83\xd1h\x04\x00CP\xb0\xbfFk\xb5\x98\x1f\x96T\xc3\xf3\xbc\xc5d\x1b0\xf4\xb5\x1a\x11\xf5b:uw\xbb]N\xa7\xdd\xe0\xa7\xa2\xe5K\x0b\x02\xcd\x86z\xc8\x83\x84\xe3H^n\x0e\x00\x10 \x00\x10\x18\x14\x82\xe5\x07\xf7\x9b\'\x84\x08\x02\x94\xafP\x19\x00L&amp;3\xdd+\xc7\x04\x80Q\xaaa3\x00F\x89B3g,\x16KJJ\n\x00\x94\xafX\x85\xe3\xc8\xa3\xcd(}\xb4}\xd7\x9e\x0e\xbbM\x96\xe5\xe2\xec\x7fI\x80\x00:s\xf2\x04\x00\xc8\x92\xe4\x1f\xa0\t\xafY\xdb\xe5v=0\x1e\x85\x10\x92$(W\xb12\x00X\xad\x96\xe4\xe4d\xef\xd8\x18\x8cR\n\x13\x00FI\x83\x10\xf2x&lt;F\xa3\x19\x00\xc2\xaaUW(\n\xe4G[-&amp;T|5\xe9\x00\x80\x10\xac\xf4\xf3KM\xb9\xf6\xdb\xde_\xe8&gt;\x89\x16m;T\xa9V\xcd\xedt&gt;\xf0U\x10\x00\xc6\x10V\xad:\x00\xb8\xddn:\x83a\x02\xc0(\xd50\x01`&lt;\x05\x10B\x82\xc0\x03\x80\xc7\xe3)\xa0\t-\xf6\xc6\xf7\xb2\x8c\x03\x02\x94\x9f/\xfa\xc0l2\xd2rr\xaf\x8cy\x93\x10\xfc\xe0\x00\xd0]&lt;\x1e\x0f\xfd\x1f\xb6\r\x98\xf1\x0c\xc0\x04\x80\xf1tx\xba\xbe\xb3\xe4\xf1\x04\x85\xe8\xb7o\xde\xbcu\xfdj\x85(z&lt;\xee\xde\xfd\x87\xb4\xe9\xd8\xd9b\xb6\x16Pi\x98\xef\xcfx\x06`\x02\xc0x:P\x03\xfaT\xfchI\x92t\x81\x86\x93\xc7\x8e\xbf?q4/\x08\x1e\xb7\xbbj\xf5\x9a\xd3\xe6.r\xd8\x1c\xffX\xe0\xc1;`&amp;\x00\x8cg\x00&amp;\x00\x8c\xa7\x00B\x88ZRc^\x0e\xc6%ZPA\x92$\xadN\x9b|\xe1\xdc\xb8!/\xd8mV\x8c\xb1F\xab[\xb2\xea;}`\xa0\xdb\xed~\xf4H\x10\x02cn\x0e\x00 \xc4\xb1\x10\x10\xe3\x19\x80\t\x00\xa3DA\x08a\x8cu:]\xdd\xbau\x00 \xf9\xe29I*\xb9\nE\xb2$\x05h4i\xd7\xaf\x8e\x1e\xd0++\xf36\xc7q\n\x85\xf8\xdf\xd5[\x1a4\x8e\xb2\x9a-\x8f.\x86\x8a\tQ( \xf9\xe29\x000\x18\x0c\xf5\xea\xd5\x83\xbb{\x1a\x18\x8cR\n\xfb\xf92\x9e\x02\x08!???\x00\xb0\xdbl.gA\xbb\x80=&amp;\xb2,\xf9k4\xb7o\xa5\x8d|\xb1\xe7\x8d\xebWy\x9eG\x88[\xfc\xf5\xa6\xf6]\xbb\x19\xf3\xfe\xb9\x11\rBH\x96\x89\xc5l\x02\x00Q\x14\x15\xf9;,3\x18\xa5\x13&amp;\x00\x8c\x92\x86\xd6Pk\xd4\xa81\x00\xa4]\xbbb\xcc\xcd\x16\x04\xe1I\x87\xd4eYR\xfb\x07d\xa4\xdf\x1c\xd1\xaf\xe7\xb5+\x97x\x9e\xe78~\xc9\xea\xcd\xb1\xbd\xfb\xe4\xe6\xe4\x15$\x9e\x83\x10\xf2x\xd0\xe5\x0bI\x00P\xabVM\xadVK\xab\xda=\xd1a3\x18O\x14&amp;\x00\x8c\xa7C\xadZ5\x01\xc0j\xb1\xdcH\xbd\xa6P\x88OT\x00dYV\xfb\x07dg\xa4\x8f|\xb1G\xca\xe5\xf3&lt;\xcf\xf3\x82\xe2\xb3\xb5\xdf\xf7\xec\xf3Bn\xb6Q\x10\xfe\xd9\x97\'\x84\x08\x82`\xca\xcb\xbe\x95v\x1d\x00\xaaW\xaf\xce\xb6\x013\x9e\x01\x98\x000J\x1a\x1a\xf0i\xdb\xb6\xadR\xa9\xf2x\xdc\xa7\xe3\x8f\x8bJ\xee\xc9\x95V\x96eY\xed\xaf\xce\xc9\xca\x18\xd9\xbfg\xf2\xc5s\x1c\xcf+\x14\xe2\xb2u[\xbb?\xf7\xef\x9c\xec\x7f\xe8A\xe6\x85\x10\xa2T\xa9\xae\\:\x7f\xebF*\x00t\xec\xd8\x11X"\x10\xa3\xf4\xc3\x04\x80Q\xd2\xd0m\xb7\xd5\xaaU\xab^\xbd:\x00\xfcy\xec7IzR\x89@\xb2,\xfb\xa9\xd5\xb9\xd9\xd9#\xfb\xf7\xbct&gt;\x89\xe3x\xa5\xa8\\\xf6\xed\xb6\xce=\xfe\x95\x93]\xa0\xc8\x0f\x05c,\x8a\xdc\xc9\xe3GdYV*U-[\xb6\x04\xb6\x02\xcc(\xfd\xb0_0\xe3)\x801\x16E\xb1e\xcb\x16\x00\x90\xf0\xc7\x91\xd4\x94\x14\x95JU\xec\x0e5\x96e\xb5Zm\xca\xcb\x19\xf5R\xcf\x8b\x7f\x9f\x05\x00Q\x14\x97~\xf3C\xfb.\xb1\xd9\x999\x1c\xc7cY\xfe\x9f\x7fX\xc6X~\xe00x\x9ew\xd8\xdd\xfbw\xff\x84\x10\xaaQ\xa3zxx8!\x84\t\x00\xa3\xb4\xc3~\xc1\xcf2\xb4\x0f\xb0$I\x92$\xc9\xb2\x8c1\xa6m\xe2\xe9C\xde\xe3\xb4Wp\xc9\x0f\xafo\xdf\xbe\x00`1\x9b\x8e\x1f&gt;\xa0\xf6W\xe2\x874\x05+\x1a\x04c\xa5Je4\xe6\x8ez\xa9\xd7\xf9\xc4\xd3\x82BQ\xaeB\xa5ow\x1c\xec\xf5B\xac\xc7-\x19\x82\x824Z\xadF\xa7\xfb\x9f\x7fZ]\x80F\'(\xee\xed\x08F0\xf6\xf3\xf3K\xbex\xfeB\xe2iBH\xcf\x9e=EQ|X\x0b3\x06\xa3\x14\xc16\xb3&lt;k\xd0\x0e\xba\xd4?\xa5mO\xee9\x81\xc6=h/\xf8\xfc\xc7\xa9\x0c\xd0g=\xe9A\xd2(P\xa7N\x9dj\xd5\xaa\x95\x9c\x9c\xbc\xf3\x87\x8d}\x07\xbd\xfa\xb0\x9e\xc0E}\t\xde\xe5r\xbe&gt;\xa8\xcf\xdfg\x12\x14\n\x85\xc7\xe3Q*U\xeb\xbe\\\xf2\xd9\xc7\x0f\x8d\xfb#\x8e\x93=\xd2\xf0q\x93\x9a\xb7mo\xb7\xd9\xbc\x9f\x03\xc6XT\n\xbf\xfe\xf8\x9d\xcb\xe5\x12Eq\xe8\xd0\xa1\xc0\xe2?\x8cg\x02&amp;\x00\xcf\x0e\xd4\xdf\x17\x04\xc1k\xf4srr\xfe\xfe\xfb\xef+W\xae\xa4\xa5\xa5\xa5\xa6\xa6^\xbb~\x9dC\xe8\xd4\xa9S&lt;\xcf\'$$\xbc\xf5\xd6[:\x9d\xbea\xc3\xc8\xca\x95+\xd7\xaf__\xadV{\xaf\x831\xe6\x8a\xb5\xf4\xe6= \x84$I\xf2\xf3\xf3\x1b0`\xc0\x07\x1f|\xf0\xe7\xd1\xdf\xfe:\xf1Gt\x9b\xb6V\xb3\x85{\xe4n,/\x1c\xcfS;N\xeb\xb8\xdd\x03!D\xa1Tf\xa4\xdd\xba\xf0\xf7\x19\x85(\x12L\x04AH\xbdv%\xf5\xda\x95\x7f\xbcr\xcf\xe7_\x12D\x9eX\xc9\xff_J\x14\xb33s\xb6m\\\x83\x10j\xdb\xb6m\xfd\xfa\xf5\xe9\xe7S\x98w\xcc`\xf8"L\x00\x9e\x05\xa8\xcb\xcf\xf3\xbc \x08\x18\xe3\x13\'N\xec\xd9\xb3\xe7\xe8\xd1\xa3\xa7\xcf\x9c\xc9\xca\xcc|\xe0S\xb2\xb3\xb3\x17/^\xec\xfd3&lt;&lt;&lt;\xaai\xd3\x98\xb6m\xbbu\xebV\xb7n]*!\xb4S\xee\x13\x92\x01\x1af\x19?~\xfcg\x9f}f2\x99\xbe_\xbf\xb2u\x87v\x98\x90\x82\x98U\x84\xc0j6I\x92\x04\x00\xc6\xbc\x9c\x87\xbd\x00B\xc8\xe5t\x14z`\x18\xe7\x7f\xc3\xb2,\xeb\r\x9a\x9f\xbe\xfb6;\xe36\x01\x189r$\x000\x01`&lt;\x1b\xb0\\\xe6\xd2\r\xf5\xd6\xa9\xbd\xbeq\xe3\xc6\xe6\xcd\x9b7l\xd8p\xfa\xf4\xe9\xfc\xe7 \x04\x81A!*?u\xd5\xea5\xe92\x00\x00\xc8\xb2|=\xe5\xb2\xe4\xf1\x18\xf3r\xf3\x9f\xacT*;t\xe80x\xf0\xe0\xde\xbd{k\xb5Zz\xe6\xa3k$\x14\x16:\x00\x8e\xe3\xdcn\xf7\x8a\x15+f\xcd\x9ae\xb1Z%IZ\xb9\xf9\xd7\x98\xce]\xcc\xa6\x7f(\xc9@\x08Q\xaa\x94\xbfn\xdfr\xe5\xe2y\x00\xd0\x07\x06\xf6\x7fe4\x8d)\xe5?\x8d\xe3x\xab\xd5\xbcy\xcd\x97\x1e\xb7\x1b\xd0\x9d\x8e\x8f\x8f\x06q\x88`\xd2\xad\xd7\x0b\xb5\x1bD\xba\x9c.\x9a\xe9/\x08\x82\xd9\x98\xd7\xa7c\xd3\x9c\xac\x8cZ\xb5j\x9d9sF\x14E\x84J\xae|\x05\x83\xf1\xe4`\x02P\x8a\xf1\x9a\xe6\xa4\xa4\xa4\xc5\x8b\x17o\xdf\xbe=//\x8f&gt;\xa4T*\xebF6n\x18\xd5"\xaay\xebr\x15+U\xaeZ]\x10\x14\x81\xc1!\xf4\xebF\x08\xb0\x8cs\xb23\xddnWj\xca\xe5\x1b\xa9\xd7N\xfdy,\xe9t\xc2\xa5s\x89\xde_CXX\xd5a\xc3\x86\x8e\x1d;644\x94\x10R,I/\xf9\xe5j\xd7\xae]\xef\xbc\xf3\xce\xd9\xb3g\xe9C\x08\xa0I\x8b6\x1b\x7f\xf9\xcdf\xb5\xfd\xe3\x0b\x11B\xfc\x034\xa2H?\x04\xb0\x98\xad\x0f&lt;\x8d\xe38\x8dV\x8d\x10\x10xt\x91\xff\xbb\x97\x05@\x006\x9b\xdb\xedrQ\xfb.y&lt;!\xe5\x0c\x1f\xbc3e\xd5\xb2O\x00`\xcb\x96-/\xbe\xf8b\xb1+"\x83\xf1\xb4`\x02P*\xf1ZR\x93\xc9\xb4p\xe1\xc2E\x8b\x169\x1cwb\x1dQ-\xdat\xea\xde+\xa6sl\xcd\xda\xf5Tj\x11\xcb \xcb\xd8\xedv\x13L$\xc9\x9d\xdf\x12*\x14"BHT*y\x01\x10\x80\xd9dM:}\xf2`\xdc\x8e\xdf\xf7\xedJ\xbex\x9e\x9eS\xb9r\xe59s\xe6\x0c\x1b6\x0c\x1eo*\xe0]\x9f\x00\x80\xa4\xa4\xa4\xa9S\xa7\xfe\xfa\xeb\xaf\xf4\xa1\xfe\xfd\xfbW\xaaT\x89\xc6\xa3\xde\xf9`\xd1ko\xbd\x95u;O\xf8\xa7J;X\x96\xf1]1{\xe02\x00E\x96\xa4\xc2\xfe\xbey\x9e\xa7\xd6_\x96$\xadN\xfb\xd7\x9f\x7f\xbc\xd2\xa7\x93\xc7\xed\xee\xda\xb5k\\\\\x1c\xb3\xfe\x8cg\t&amp;\x00\xa5\x0fo\x00z\xcb\x96-3f\xcc\xb8x\xf1"\x00(\x95\xaa\xd8\xde\xfdz\xf5\x1d\xd8\xa6c7\xa5Rp\xb9$\xa7\xc3\x81e\x19\x10\xf2\xc6+\xee\x89Z\xdc\xcd\x07\xa5\x89\xa1\x88\xe7y?\xb5\xbf(\xa2\xbc\\\xe3\x9e\x9d?\xee\xdc\xba\xf1\xe8\xa1\xbd\xf4\xcc\xce\x9d;/X\xb0 **\xaah\xab\x02^\xa3\x99\x99\x99\xf9\xe1\x87\x1f\xae\\\xb9\x92\xcaU\xc3\x86\r?\xfe\xf8\xe3\x1e=z\x10B\xea\xd4\xa9s\xf9\xf2e\xb5\x7f\xc07?\x1e\xa8\xdf\xb8\x89\xd5l\xf9\xc7\xealO\x14B0\xcf\xf3\x92\xe4\x19\xd8#\xe6\xf2\x85\xbf9\x8e\xff\xfb\xef\xa4\x88\x88\x08\x96\xfe\xcfx\x96`\x02P\xca\xa0\xc6T\x92\xa4\xc9\x93\'/Y\xb2\x84\x1el\xdd\xbe\xcb\x1bSf\xb6j\xd7\xd6\xed&amp;6\x8b\x05c\x8c\x8a\x94\xcdIW\x08\x14\nE\x80\xc6\x1fc\xf2\xd3\x96\xf5+\x96\xcc\xbf|\xe1o\x00\xd0\xe9t\x0b\x17.\x1c9rd\xa1\xc2A\xdep\xbf\xc7\xe3Y\xbf~\xfd\xacY\xb3RSS\x01\xa0B\x85\n\xd3\xa6M\x1b3f\x8c(\x8a\x92$\xf1&lt;\x7f\xe2\xc4\x89\x98\x98\x18I\x92j\xd5\xa9\xff]\xdcQ^PH\x1e\xe9)\x9aZY\x92\x02\x83\xf5\x13F\x0c\xf9\xf9\xfb\xf5\x00\xb0x\xf1\xe2\t\x13&amp;0\xf7\x9f\xf1\x8c\xc1\x04\xa04A\rPzz\xfa\x8b/\xbex\xf4\xe8Q\x00\x08-_q\xf2\xcc\xf9\xbd_\x1a,\xcb\xc4j1s\x08\x150\x8d\xf2\x91\x10Y\x96\x11\xe2\xb4:\xad\xcdj\xfbj\xc9\xbcUK\x17\xba\xdd.\x00\x183f\xcc\xb2e\xcbh\xae\xd1\xa3\xads\xfe\x98\xcf\xde\xbd{g\xce\x9cy\xfc\xf8q\x00P\xa9T\xa3G\x8f~\xef\xbd\xf7BCC\xbd\xef\x88\xfew\xc9\x92%\x13\'N\x04\x80^}\x07-\xfez\x83\xd5l!\x84\x14\xef\xe6\x80\x02"IRh9\xfd\x8a\xff\xfe\xf7\xc3w\'\x00@\xbf~\xfd\xbe\xff\xfe{f\xfd\x19\xcf\x1eL\x00J\r\x92$\t\x82\x10\x1f\x1f\xdf\xa7O\x9f[\xb7n\x01@\xeb\xf6]&gt;\xfc\xec\xeb\xb0jU\x8d\xb9&amp;@O\xa2m\xba\xc4\xf3\x82!0\xe0\xc8\x81C\xef\xbe9*\xf5j2\x00\xb4i\xd3f\xc7\x8e\x1d\x06\x83\xe1\x11\x1a@\x87\n\x00III\xf3\xe6\xcd\xdb\xb8q#=\xde\xad[\xb79s\xe6\xb4h\xd1\x02\xee\xcb1\xa5O\x19:t\xe8\xbau\xeb\x00\xe0\xf9\x81C\xe7/_m\xb3\xdaJ&gt;\xe1R\x92\xa4\x90P\xfd\xea\xe5\xcb\xe7L}\x03\x00"##\x7f\xfb\xed7\x9dN\xc72\x7f\x18\xcf\x1eL\x00J\x07\xd4\xfd\x8c\x8f\x8f\x8f\x8d\x8d\xcd\xcd\xcd\x05\x80\xd7\xdez\xef\xcdwf\xcbXv\xd8\xedO\xae=!!D\x96$\x9d\xc1\x90\x93u{\xc6\xa4q{wn\x03\x80\xe8\xe8\xe8\xb8\xb8\xb8\x07j\x80\xd7\xacgff.[\xb6l\xd1\xa2Ev\xbb\x1d\x00\x1a6l8m\xda\xb4\x01\x03\x06\xc0C\xb6\x17\xd0\xc8</t>
        </is>
      </c>
    </row>
    <row r="286">
      <c r="A286" s="1" t="n">
        <v>284</v>
      </c>
      <c r="B286" t="inlineStr">
        <is>
          <t>polygon_sides_color</t>
        </is>
      </c>
      <c r="C286" t="inlineStr">
        <is>
          <t>What is the missing color of the part denoted with a question mark?</t>
        </is>
      </c>
      <c r="D286" t="inlineStr">
        <is>
          <t>['green', 'red', 'yellow', 'purple']</t>
        </is>
      </c>
      <c r="E286" t="inlineStr">
        <is>
          <t>red</t>
        </is>
      </c>
      <c r="F286" t="inlineStr">
        <is>
          <t>There are 6 colored polygons arranged in a triangle with color ['yellow'] in the top row, ['yellow', 'red'] in the middle row, and ['?', 'orange', 'orange'] in the bottom row.</t>
        </is>
      </c>
      <c r="G286" t="inlineStr">
        <is>
          <t>We observe that the polygon with 9 sides is yellow in color and the polygon with 3 sides is orange in color. Thus, the pattern is that the polygons with the same number of sides have the same color.</t>
        </is>
      </c>
      <c r="H286" t="inlineStr">
        <is>
          <t>Based on the pattern that the polygons with the same number of sides have the same color, the missing color of the part with 6 sides should be red.</t>
        </is>
      </c>
      <c r="I286" t="inlineStr">
        <is>
          <t>b'\x89PNG\r\n\x1a\n\x00\x00\x00\rIHDR\x00\x00\x02\x00\x00\x00\x02\x00\x08\x02\x00\x00\x00{\x1aC\xad\x00\x00giIDATx\x9c\xed\xddwX\x14W\xbb\x00\xf0sffY\x16\x96^-\x11\x8d\x11\xec=\xf6\xde{\xef\xbd\xc4\xde+X\x82J\xec\xd8\xc5nT\xec\xb1\xc4\x16#\xf6\xdeP\xb1\x80"\x96X\xa3 \x9d]\x16\xd8\x9d9\xe7\xfe1\xc8\xe5\xb3$j\x80\x9d\xd9y\x7f\xcf\xbd\xf7\xc9\x93\xfb}\x8f\xe3\xce\xccyOy\xe7}1\xa5\x14\x01\x00\x00P\x1e\xc6\xdc\x17\x00\x00\x00\xc0&lt; \x00\x00\x00\x80BA\x00\x00\x00\x00\x85\x82\x00\x00\x00\x00\n\x05\x01\x00\x00\x00\x14\n\x02\x00\x00\x00(\x14\x04\x00\x00\x00P(\x08\x00\x00\x00\xa0P\x10\x00\x00\x00@\xa1 \x00\x00\x00\x80BA\x00\x00\x00\x00\x85\x82\x00\x00\x00\x00\n\x05\x01\x00\x00\x00\x14\n\x02\x00\x00\x00(\x14\x04\x00\x00\x00P(\x08\x00\x00\x00\xa0P\x10\x00\x00\x00@\xa1 \x00\x00\x00\x80BA\x00\x00\xe0\xd3(\xa5\x84\x10s_\x05\x00\xb9\x08CO`\x00\x10B4\x1b\x8c1\xcb\xb2\xe2\xbf\x17\x04\x81a\x18\x8c\xb1y/\x0f\x80\xdc\x00\x01\x00(\x948\xc1\x17\x9f\x7f\x96a0\xf3\xe1j\xf8\xe5\xeb\x18DL\x85\n\x15D\x08\xf1&lt;\xcf\xb2,\x84\x01`a \x00\x00E\xc8&gt;\xc1g0f\xdeO\xf0\xb3$%\xe9\xff~\x1b\x13\x1e\xf1\xe0\xd6\xcd\x1b\xaf^=\x8f\x8b\xfe\xcb\x8aIx\x10\x15\xd7\xa6c\x7f\xff\xe9\x13]]\xdd\x10B\x82 \xb0\x1f\xfd\x17\x01\x90/\x08\x00\xc0\x02\x89O\xf5\xffO\xf0?5y\x7f\xfe\xf2\xed\xdd\xbb\x11O\x9e&gt;}\x18\x19\xf1\xf6\xf5\xe3\xa4\x84\xd7\x8eZS&gt;\x07\xbex1\xfb\x1f\xbc\x1c\xcb\xfe\xe0R\xe4{\xd7\xa8g)\xd3\x16\x9e\xbft\x87N\xfby\xd6\xc8\x11\x031f\xc5S\x01\xe6\xa3\xe5\x02\x00r\x04\x01\x00X\x82\xac\x03[J)\xc30\x1f\x0f\xd0\xd11\xf1/^\xbe~\xf6\xfce\xd8\xad\x9b\x0f#\xef\x19\xd3\xe2\x85\xb4\xb7\xae\x8e\xa6\x82\x9e\xd6\x95\x8a;\x95)\xeeV\xc0\xd3\xd1\xd1\xcd\x16i\xd4\x083\x88\'(\x83G\xe9&amp;d\xcd!\xad\xfa\xf8\xd1\x873\x16]I\xa5E\xe7\xcf\x9f\xd3\xb2e3\x04;B\xc0R@\x00\x00\xf2\xf3\xc1\x81\xed\xc7\x87\xb4\x19\x19\xa67\xd1q\xf7\xeeE\x84\x85\x85\xbd}\xfb\xfa\xd5\xb3\x07\xa9)\xaf\xb4\x1a\x93wAU\xa1|\x9a\xb2\xa5\xdc}\n;}\xe7\xe1\x80\x9cl\x11\xcb \x81\xa2\x0c\x1e\x19y\xca\x13\x81P\x84(\xc6\x98\xc1\x08cL\x08%\x84rN\x1a$\xa0\xd5\x9bo\x06\xae\xbdS\xa2B\xf3eK\xe6y{{#\xd8\x11\x02\xf2\x07\x01\x00\xc8@\xf6\x03\xdb\xcfM\xf0#"\x1e&gt;\x7f\xf92\xfc\xde\x9dG\x0f\xef\x1a\xf4\xb1\x0e\xd6\x06[+\x83wQm\x99bN%\x8b8\x17-\xe2\xaav\xd0 k+\x8402\t(\x83G&amp;A\xe0\x89\x18B0\x830\xfa\xec\x84^\x10(\xc6\x88q\xb5\xd5\xc5\xa4\xfa\x07^\xd8y4\xb6w\xbf\xa1\xfe?O\xb6\xb7w\x80\x1d! k\x10\x00\x80\xd4\x89ct\xf6\x7f#\x1e\xd8F&gt;|\x14\x1e\x1e\xfe\xe8a\x84A\x17\x9d\x14\xf7\xdcA\x9bQ\xac\x90\xa6\x84\x97\xb6LIw\xaf\x02\x0e\x9e\x1e\xf6\xc8\xd6\x1aq,\xe2\t2\n(\xc3DxB(E\x08c\x8c\x18\xfc\xd5\xfb7&lt;O85\x8b\x1c4\xe1\xb7\xde\xf8\xce9\x13\xf9\xcaa\xd2d\xdf\xe1\xc3\x06!H\x15\x05\xb2\x05\x01\x00H\x19%\x842\x0c\xf3\xfaM\xec\xc3\xc8G\xf7\xc2\xc3_\xbdz\x1e\xf5\xe0Nr\xd2+\'[S~\'!\x9f\xa7u\xc5\x92\xaee\x8b\xb9\xe4\xf7tP\xbb\xda!\x15\x8b\x08BF\x01\x19yj\x12\x88@)\xa2\x18c\x8c\xd1\xd7\x0f\xf8\x9f\xba\x1a\x8a\x04\x81pvj\xa4\xe2\x8e\x1e{\xe87\xf7\x92\xd6\xad\xd2\xa2\xc0\xf95kVGp0\x00d\x08\x02\x00\x90.\x9e\x178\x8e\xfdi\xf0\xd0g\x11\xa7\xb4v\x82\xf7w\xeaJ\xc5\x9d\x8a\x14r\xf4\xf9\xc1\xcd\xd1\xc5\x16\xd9\xa8\x11\xc3 \x13\x11\xf7s\x08/\x10\x92m\xb8\xcf\xb5q\x98\x10\x8a(b\x9c44]\x98\x1ft9h\xfb\xd3Z\xf5\xda.Y\xbc\xa0@\x81\xfc\x08\x0e\x06\x80\xac@\x00\x00\x12\xc5\xf3&lt;\xc7q\xf3\x03W\xee\xd989\xf4D?N\xc5!\xb5\n\t\x14\x99\x04\x94n\xfa\xe0\xc0\xf6\xf3\x1b\xf8\xb9E\x10(\xcbb\xe4\xa8y\xf7:\xd9w\xf6\xd9\x93\xd7\xd3{\xf5\x192;`:\xa7R\xc1\xc1\x00\x90\x0b\x08\x00@\x8a\xc4\xd1\xff\xc0\xe1\x90Q\x03[\xdf=\xd3\xcfEk\xc5\xa7\x99\x10\xca\x8b\t\xfe\x97\xa3\x08\x11\x9e\xb0\x1a\x0ei\xad\xef\x84\xbe\x1a\xe9\x7f:V\x9fo\xea\xd4i}\xfb\xf6Dp0\x00\xe4\x00\x02\x00\x90\x1cq\x17\xe5\xf6\x9d{M\x1a\xd69\x11\xdc\xa8B\xe5\x02B\x82\x81\xe5$:\xa1\xa6\x94\x12BY\xad\x1a\xa9\xb8\x83\x07#&amp;\xcd\xbd\xe2\xe1U#(hi\xf9re\x10\x84\x01 m\x12}\xa9\x80b\x11B0\xc6\xf1\xf1\xf1\xad\xdbvZ\x1fP\xbeB\x8dB|\xbc\x81UI\xf7A\xc5\x18\xb3,CR\x8d$\xc9\xd0\xae]\xa9\xc83}k\x95\x8an\xd5\xacV\xff\x01C\xdf\xbd{\'\x1e\x0b\x0b\x82`\xee\xcb\x04\xe0\x13\xa4\xfb^\x01\x05\xa2\x94R\x8a\x18\x86i\xd2\xbc\xfd\xc8\xf6V\xed\xbbU\xe2\xdf\xea8\x15\x83$\xbfLe\x18\xcc0XHL\xe3(\x9d?\xa7\xc9\xf5\xdf\xdb\xa6F\x1f\xadP\xbe\xec\xdc\xf9Kx\xde\xc4\xb2,!\x04\x8aK\x03\xa9\x81-  !\xe2\xd6\x7f\xa7\xae}U\xc9\xa7v\xed\xe8\xc6\xbf\xd3q\xac\xcc6O(B\x02O8\x8d\n\xd9[_:\xf3\xd4w\xde\xc58\xbd\xe7\xc2\xc0\xc0\xb6m["H\x15\x05\x12\x03\x01\x00H\x85\xc9dR\xa9T\xd3f,\xb8p0\xe0\xe2\xa9\xc1||*+\x8d\xc3\xdeo@)%\x02e\xed\xd5\x88c\x83\xb7\xdf\x99\xb9\xecF\x89r\xcd\x17\xcc\x9fU\xa6Li\xf4&gt;\xce\x99\xfb\x1a\x01\x80-  \r&lt;\xcf\xabT\xaa\xe0m\xbf\xed\xde\xe8\x7fdWO\xa2Kg\x10\x92\xe9\xe8\x8f\xc4\x83\x01\x8e!z#IL\xeb\xdb\xa7\xc2\xdd\x90\x9e%\xf3G6\xaa_}\xcc8\xdf\xb8\xb8X\x8e\xe3(\xa5p0\x00\xcc\x0eV\x00\xc0\xfc\xc4\xb4\x9fk\xd7o\xb4j\xd1\xe8\xca\xde\xe6\xde\xc5\xddIR\x1a#\xd5\xb4\x9f\xaf%\xf0\x84\xb5b\x91\x8b\xed\xa3\xdbo\xa7.8w\xe9\x0e\xfdyF\xc0\x88\xe1\x83\x10B\xbc 0\x18\xc3\x17\x03\xc0\\ \x00\x003\x13\xd3~\xe2\xe2\x13J\x97.\xb7sA\xc9\x86\xcdJ\nq\xa9RN\xfb\xf9\x06\x995$l\xad\x90\xad:\xe4\xcf\x87\x13\x03\xcek\xdd*\xcf\x9a9\xbdi\xd3\xc6\x08\x0e\x06\x80\xf9X\xd4k\x06d\x87\xbe\xaf\xceV\xbfA\x13\xbf~\xee\r[\x95\xe1\xe3-m\xf4G\x08a\x8c8\x8e!i&amp;\xfe\x9d\xaeY\xe3\x1f\xc2O\xf6\xeb\xd9$\xado\xcf\xd6\x9d:\xf7z\x14\xf5\x88\xe38\x8ca*\x06\xcc\xc0\xd2\xde4 /\x82 0\x0cn\xdb\xb1\xcf\x8fE\xde\x8d\x9b\xda\x90\x8fI\xe1,e\xe7\xe7c\x0c\x839\x8e\x11\x92\xd2\xb1\x89\x1f5\xaaf\xc4\xc9\x9e\x05lBk\xd7\xaa&gt;q\xf2\xf4\xe4\xe4d\x88\x01 \xef\xc13\x07\xccFL\xfb\x195n\xea\xa3\xab\xab\x8e\x1f\x1e`JH\xe5d\x9b\xf6\xf3U2SE\xad9d\xaf\t\x0f\xfb{\xe2\xacS/\xe2=\xae\\\xbe\xe8\xe4\xec\x8c\xccP\xd6\x08(\x97\xc5\xce\xb6\x80\xc4\x89i?\xab\xd7\xfez\xf2\xf7e\x07\xb7\xf5 \xfatN\xcei?_\x05#\xc4q\x0c5\x11\xfe\x9d\xaeLq\xd7\xe3!\x03\xb5\xf8\xd9\xe6\xad\xbb\xe1\x9ba\x90\xc7`\x05\x00\xcc@L\xfb\xb9x\xe9Z\xfb\xd6\r\xef\x85t\xc8\x9f\xdf\x81\xe8\x8d\x8c\xdc\xbe\xf9\xca\x11&amp;\x13\xe1\\m\xf7\xee\x0c\x9b\xb9)\xf5A\xf8-B\x08$\x05\x81&lt;\x03\x8f\x1a\xc8k\x84\x10\x96e\xdf\xbc\x8di\xdf\xae\xe5\x81\xb5\xf5\xf3\x17r\x16t\x19\xca\x1c\xfd\x11B\x1c\xc7 }F\xb3\x06\xc5\x12c\xa2n\xdf\tg\x18\x06*F\x80&lt;\x03\x01\x00\xe4)q\xc5\x99\x96fh\xd0\xb0i\xc0\x88\xa2\xb5\x9b\xf8\xf0\x12\xae\xf4\x99\x070FB\x06o\xff\x9dc\xb3\x1a\x8e+W\xadG\x08A\x00\x00yF\xb9/\x1e\xc8{\x94R\x9e\xe7\x19\x86i\xd7\xa9_\xe3rI\xc3\'\xd65\xbdI\xe6,.\xe9\xf3ka\x8cQ\x86\xa9o\xfb\xd2gN\x85\x08\x02\x0f\r\xc5@\x9eQ\xfa\xbb\x07\xf2\x92 \x08*\x95\xaa\xffO#\xad\xf5\xa7W.m\xc7\xff\x9d\xacR\xc1`\x87X\x16S]F\x8d\x9aE8\xfeM\xc8\xf13\x08!8\n\x06y\x03\x02\x00\xc8#b\x05\xb4\xa5\xcb\xd7\xdc8\xbb\xf9\xd0\xf6\xeeD\x9f\xce*$\xe9\xe7\x0b\x08&lt;\xb1r\xb1\xe9\xd2\xac\xc0\x9au\x9b \r\x14\xe4\x19\xc8\x02\x02yAL\xfb9}\xf6R\x8f\x0e\xf5#\xce\xf6ru\xd0\xd0\x0c\x9ea`\xa4\xcbD\x08blT\x91\xf7\xa3\xeb\xf7\xbfx\xf7^\xb8\x87\xbb;\xa5\x14"\x01\xc8m\xb0\x02\x00\xb9NL\xfby\xf4\xf8i\xd7N\xad\x0e\xfd\xda\xd2\xcd\xc3\x9e\xa4\x99`\xf4\xcf\x8ea\x10I\xcd(Q\xf9\xbb\xa2\x1ei\xbb\x7f;\x08\xb5BA\xde\x80\x00\x00r\x97\x98\xd3\x92\x94\x94\xd8\xbcE\xdb\xc5\x93KUk\xf0\x03\x9f\x90\xaa\xe4\xb4\x9f\xcf!\x14Q\x8c\xba\xb4(\xbag\xef&gt;\x0c%BA\x9e\x80\x87\x0c\xe4"J\xa9\xf8eS\xebv\xbd\xba\xd53\xf6\x1dR\xdd\xf4w\x12\x07\x07\xbf\x9f\xc2\xb2\x0c\xd6etkW\xe6I\xe4\xb5\xc8\x87Q\xf0A\x00\xc8\x03\x10\x00@.\x12\x04\xc2q\\\xf7^\x03=\xb8[sf\xb7\xe4\xa3S \xed\xe7s0FB\x9a\xc9\xa3\x98[\xd5R\xeam\xdb\xf7"\xf8 \x00\xe4&gt;\x08\x00 \xb7\xf0&lt;\xcfq\xec\xfc\xc0\x95\x8fn\xec\xda\xb7\xa3\x9b\x90l\x80\xb4\x9f\x7f\x8115\t=\xdb\x14?x\xe8\x00\xa5\x14v\x81@n\x83\'\x0c\xe4\n1\xe9\xf3\xc0\xe1\x90\xa0\x85\xe3O\xec\xebIR30\xa10\xfe\xff3\x86\xc1(%\xbdM\x8b\x92\xfa\xb8\x07\x17.]e\x18\x06\x8e\x82A\xae\x82\x00\x00r\x9e \x08\x1c\xc7\xdd\xbesop\xffnG6\xb7uq\xb3\xa1\xe9\x90\xf4\xf9\xef0F\x82I\xd0xh\x1bUs\xdd\x12\xbc\x0b\xbd\xaf\x9c\x01@.\x81\xef\x00@\x0e\x13\x9f\xa8\xf8\xf8\xf8\xf2\x95j\xac\x9c\x9c\xbf}\xf7\x8a\xfc[\x1dg\xc5 x\xd0\xbe\x00!\x94\xd1\xaao\xdfx\xd9b\xf8\x8d\xa8\xa8\x87\xf6\xf6\xf6\xf0A\x00\xc8=\xb0\x02\x009\x8cR\xca\x0bB\xab6\x9dF\xb6\xb7j\xdf\xad\x12\xffV\xc7\xa9`\xf4\xffR\x0c\x83IjF\x85*^\xce6\xc9!\'\xce"8\n\x06\xb9\t\x02\x00\xc8Ib\xad\xb7\x05\x81\xcb5\xc6\xdb~3\x9b\xf1\xefR\xa0\xd6\xdb\xd7"\x02E\xd6\\\xfbF\xdfm\xd9\xb2\xdd\xdc\xd7\x02,\x1c\xbc\x9c \xe7\xbd~\x1d]\xb9\x8c\x1b\xa1\x14\xc1\xe4\xf5\xeb\xb1,\x83t\xe9C{U\xbaq\xf5\xc4\x9b\xb7\xd1,\xcb\xc2&gt;-\xc8%\x10\x00@\xce\xb3\xb2R\xa5\xa5\x0b\x0cB\x08\xf6\xae\xbf\x1e\xc6\x88\xa4\xf1\x05\xbd\xdd\x8a\x17\xc2;w\xedGP\x1c\x14\xe4\x1a\x08\x00 \xe7Q\n\x19\x9f\xff\tE\x08a4\xa2W\xe9\xcd\x9b7Q\nM"An\x81\x07\x0b\x00\xc9a\x18\x8ct\x19-\x1a\xf9\xc4GGE&gt;|\x0ce!@.\x81\x00\x00\x80\xe4`\x8c\x04#o_\xc0\xa1Vy\xed\xba\r\xc1\x08r\x81@\xee\x80\x00\x00\x804ad\xe2G\xf5.\xff\xfb\xfe\xdf\xa0O$\xc8%\x10\x00\x00\x90"\xb1Od\xf5\x1aE\xd44:\xe4\xf8\x19\x8c1\x1c\x05\x83\x1c\x07\x01\x00\x00\x89z\xdf\'\xb2\xe0\x9au\x9b\xcc}-\xc02A\x00\x00@\xa2\x18\x86A\xfa\x8c\x1e\xadK\xdd\x0c=\xaf\xd7\xeb\xe1\x83\x00\x90\xe3 \x00\x00 Q\x0c\x83H\xaa\xb1T\xc5\x82\x05\x9d\xf4\xdbw\xeeC\xf0A\x00\xc8i\x10\x00\x00\x90.B(\xb6\xe6\xfa\xb6/\xb6u\xdb\x0e$\xae\t\x00\xc89\xf0&lt;\x01 ]bY\x88\x0e\xcdJ&lt;\x8e\xbc\xf1\xfa\xef7\x0c\xc3\xc0.\x10\xc8A\x10\x00\x00\x90.\xb1Od\x81\xe2\xee\x95\x8bsk\xd7mA\xb0\x0b\x04r\x14\x04\x00\x00$\x0e#J\xfbw(\xf1\xfb\xef\xfb\xa1O$\xc8Y\xf00\x01 i\x0c\x83irz\xeb\x16%\xf5\xf1\x0f.\\\x84&gt;\x91 \'A\x00\x00@\xd2\xb2\xfaD6\xae\xee\xbau\xfbo\x08\xfaD\x82\x9c\x03\x01\x00\x00\xa9\xc3\x18\xa34S\x9fv\xa5N\x9e\xf8#--\r&gt;\x08\x009\x05\x02\x00\x00R\xc7\xb2\x98\xe8\xd2\xeb4(\xa6\xc5o\x8e\x1c=\x811\x86\xdap G@\x00\x00@\x06\x88@\xb1\x8d\xaaC\x13\xaf\xcd\xd0\'\x12\xe4\x1c\x08\x00\x00\xc8\x00\xcb2(%}X\xef\xca\xb7CO&gt;y\xfa\x8ceYX\x04\x80\xff\x0e\x02\x00\x002!PG\x07kD\x8d)):s_\n\xb0\x10\x10\x00\x00\x90\x01\x81Pjo\xbdm\xdf\xdd\x82\xdfW\xaeX\xa1,!\xd0\'\x12\xe4\x00x\x86\x00\x90\x01\x06Q\x8cP\xf0\x81\x87}z\xf7F\xd0 \x0c\xe4\x10\x08\x00\x00H\x1d!\x88\xb1UG\xde|\xf5\xec\x9dM\xd7\xcem)\xa5\xd0 \x0c\xe4\x08\x08\x00\x00H\x1d!\x04\xd9\xa9\xb7\xfd~\xafr\xd5\xfa\x1e\x1e\xee\x84\x10\x8c\xb1\xb9/\nX\x02\x08\x00\x00H\x1d\xcb1\xc6x\xc3\x9e\x90\xbf\x87\r\x19\x00\x9f\x80\x81\x1c\x04\x01\x00\x00I\x13\x04\x8a\xed\xd4W.?\xe3\xb9\xfc\xcd\x9a6@\x08\xc1\xfe\x0f\xc8)\x10\x00\x00\x904J)R\xab\x82\x0fD4h\xd4\x8ce9\xa8\x04\x07r\x10g\xee\x0b\x00\x00|\x16\xa5\x88Ss)\xaf\x92B\xae$\xfdyb0\x82\xa6` G\xc1\xc3\x04\x80t\x11B\x91\x9d\xfa\xcfSQN\x1e&gt;\x15\xca\x97\x81\xf4\x7f\x90\xb3\xe0a\x02@\xba0B\x88\xa2U\xdb#\x06\xf4\x1f\x80 \xfd\x1f\xe44\xd8\x02\x02@\xa2(E\x8c\x86{\xfd(\xf6\xe1K\xfa[\xf7\x8e\x08\x8e\x7fAN\x83\x15\x00\x00\x12%\x08\x04\xd9Y\xaf\xdd~\xeb\xc7\xeaM\xf2\xe7\xf3\x14\x04\x01\xd2\xffA\xce\x82\x00\x00\x80D1,F\xe9\xfc\x81S\xaf\xfa\xf5\xebe\xeek\x01\x96\t\x02\x00\x00RD\x08el\xd5\xb7C_$\x18\x1c\x9a5\xa9\x8f \xff\x07\xe4\x02x\xa4\x00\x90"B(\xb2\xb5Z\xb95\xacY\xcb\x8e\xf6\xf6\xf6&lt;\xcf\xc3\xfe\x0f\xc8qp\x08\x0c\x80\xe4P\x8aX\x15\x9b\x16\xa3?u-~\xdb\x9e\xeeHl\x0b\x0c@N\x83\x15\x00\x00\x92C\x08E\xf6\xd6\x87\x8f\xde\xd7\xba\x94\xa8S\xab:!\x04\xf2\x7f@n\x80\x00\x00r\x1e\xc6\x18J\x96\xfd\'\x94b\x15\xbb\xf3\x8f\xa8\xf6\x1d:@\x0bx\x90{`\x0b\x08\xe4&lt;\xa3\xd1dg\xcd\x12\x84\x10\x84\x81\xafG)b4\xaa\xb7Q\xef\xee&lt;&amp;A\xdb\xfa!H\xff\x07\xb9\x06V\x00 \xe7\x15,\xe8y3&lt;\x96\xc1\x18\x9e\xafo \x08\x04\xdb[\xef=\x12\x91\xcf\xab\xc2w\x05\x0b@\xf5\x7f\x90{\xe0\x05\x059\x89\xe38B\x88\xef\xa41iV\x15\xe6\xcf\x0c\xe1\xdc\xedM&amp;\xd8\xbe\xf8:\x0c\x83i:\xbf\xed\xd0\xd3~}{!(\xff\x00r\x13\x04\x00\x90\xc30\xc6\x1c\xcb\xfeqx_\xd0\x01\xe3\x81\xdd\xb7T\xf9\xedy\x88\x01_\x8c\x10\xc4\xd8ZE\xdey\xfd"\xce\xa6W\x8fN\x08\xf6\x7f@n\x823\x00\x90\xc30\xc6\x82 \xb8\xba\xba\x1e9\xb4\xafI\xc3\xda\xf9\xf29V\xab\xee%$\x1aX\x0ef\x1b\xff\x8e\x10\xc2\xd8X\xad\xdbu\xb7N\xbd\xa6Z\xadV\x10\x04\x08\x00 \xf7\xc0;\tr\x1e\xcb\xb2\x82 T(_v\xf7\xbe\xa3m\x06\x1e\x8d\x8bIam\xad\x88\x00\'\xc2\xff\x8eU1\xc6\x04\xc3\xc1\xd3oG\x8d\x1cb\xeek\x01\x96\x0f\x02\x00\xc8\x15,\xcb\xf2&lt;\xdf\xb0~\xad\xa9\xb3V\xd6j\xb7\'\xcdH\x90\x9a\xa5\x04b\xc0?\x11\x04\x8a\xb5\xea\xab\xd7\x9e#u\xbe\xeaU+SJa\xfa\x0fr\x15\x04\x00\x90[8\x8e3\x99LcG\x0fm\xdcnt\xfb&gt;\xbb\x18[k\x9e"\xf8&gt;\xe0\x1fQ\xa4\xe2Vn\xbd\xd3\xaeCW+++\xe8\xfe\x08r\x1b\xa6\xf0F\x82\\C)\xe5y^\xa5R5k\xd5\xb5\x98\xdd\xf5\x95\x1b\xba\x98^$\xaaT0\xed\xf8\x04J\x11\xe6\x18}\xaa\xf1\xfb\xfa\xbb\xce]\xba]\xb2\x84\x0f\xf4\xff\x02\xb9\r\x1e/\x90\x8b0\xc6\x1c\xc7\x11B\x0f\xec\xdd|\xf2\xae\xe3\xb2\xb9gT\x9ev&lt;\x0fIA\x9f \x10J\xed\xad\xb7\xef\xbf\xe7\xf5C\xe5\x12\xc5\x8b\xc1\xe8\x0f\xf2\x00&lt;a wa\x8c\x11\xa2\x1a\x8d\xcd\xa5\x0bg\xe6n\x8a&gt;\xfdG\x04\xe7b+@b\xe8G\x18D1B\xc1\x07\x1e\xf6\xee\xdd\x1bc\x06\xd2\xffA\x1e\x80\x00\x00r\x1d\xc30\x82 \xb8\xba:\x1f&gt;t\xa0\xeb\xf8\xeb\x8f\xefG\xb3\xce\x1a\x01\xd6\x01\xd9\x10\x82\x18[u\xe4\xcdW\xcfb4];\xb7\x85\xe3_\x907 \x00\x80\xbc &amp;\x05U\xab\xfa\xe3\xe2e\xeb\x9b\xf4\xdc\x1f\x1f\x97\x86\xad9\x02IA\xef\x11B\x90V\xbd\xed\xf7\xf0*5\x1ayx\xb8C\xf9\x07\x907 \x00\x80&lt;\xc2q\x9c\xc9\xc4\xf7\xed\xddu\xd0\xb8\xc5M:\xed`l\xac\x08\x14\r}\x8fa1M5\x1e&lt;\xfd\xaag\x8f.\x90\x97\x01\xf2\x0cd\x01\x81&lt;\xc5\xf3&lt;\xc7q\xddz\x0e@\xf1!\xbbwv\xe7ct\x1c\xab\xf4\xa9\xae P\xd6\xc1\xfa\xfc\xe9\xc7\xbd\x7f~\x14\x15\x19amm\x8d\xa0\x03\x0c\xc8\x13\xb0\x02\x00yJ\xdc\x0b\xda\xbdc\xd3\xe3\x84\x1f\xe6\xce:\xc6y\xd8A\xb58J)\xb2Vm\xd9\x1f\xde\xa8qK\x8dF#\x08\x02\x8c\xfe o@\x00\x00y\nc\xcc\xb0,!\xe4\xc4\xb1\x03\x1b\x8e2\xc1\x1b\xae\xa9\n:\xf0&amp;\xe5~\xf1D)b\xd5\\\xca\xab\xa4\x90+I\xa3F\xfc\x84\xa0\xf9;\xc8CP\x0c\x0e\xe45\x06c\x81\x10\x17\x17\x97\x13!\x87\xaaW\xa9T\xf4{\x97Z5\x8b\x08I\n\xad\x16\xc7\xf3\x84s\xd4\x84\x1c\xbe\xef\xe4\xe1S\xa1|YH\xff\x07y\t\x1e5`\x06b\xb5\xb8b?\x14\xfd\xfdPH\xbb\xc1\xa7\xdf\xbcJ`\xed\xd4J\xab\x16G)\xe2y\xa2\xb2\xb3\xc26V\x0b\xd7\xdf\x188`\x00\x82\xea\xff oA\x00\x00\xe6!\x1e\x06\xd4\xa9]-`\xde\x8a\x06]\xf6\xa7\xa5\x0b\xca\xa9\x16G\x11\xe2y\x82U\x0c\xe7n\x17\xfe0\xaei\xb3_\xf5\xb4H\xff&gt;\xdd \xfd\x1f\xe41\x08\x00\xc0l\xc4jq\xc3\x87\x0el\xdcal\xbb\xde;\x19\xad5\x8f,\xbfZ\x9c P\x8c\x10\xe7\xae\x8dK6\x8e\x99\xf0G\xa3\x9e\xa7\xca\xd4\x1cv\xfd\xfaUg\x17\x17\x04\xc9? oA\x1a(0311\xb4m\xc7\xde\xce\xfc\xb9\xcd\xdb\xba\xf1\xaf\x938\x0b=\x0c \x84\x12B9\'\rM\x17\x82\xb6\xdc\x98\xb3\xea^\xad\xfa\x9d\xe6\xce\xf6\xf7\xf6\xf1F\x08QJa\xf4\x07y\x0c\x02\x0003J)\xa5\x88aP\xe9\xb2\x95\x07\xb6\xa0\xe3&amp;\xd5\xe7\xa3S8\xcb\xaa\x18J)\x12\x04\xc2\xd9Z![u\xc8\x9f\x0f\'\x06\x9c\xd7\xbaU\x9e5sz\xd3\xa6\x8d\x11B&lt;\xcf\xb3,\x0b\xa3?\xc8{\x10\x00\x80\xf9\x89\x95\x0f\xe2\xe2\x13J\x97.\xb7s~\xc9\x86-K\t\xef\xf4\xac\x15\x83,\xe2\xd9\x14x\xc2Z\xb1\xc8\xc5\xf6\xd1\xed\xb7S\x17\x9c\xbbt\x87\xfe&lt;#`\xc4\xf0A\x08!^\x10\x18\x8c!\xed\x07\x98\x0b&lt;y\xc0\xfc\x18\x86!\x84\xb8\xb9\xba\x1c:t\xa0\xdb\x84\xd0\xdb\xd7_\xb1\xce6\x16P1\x94\x10J\x04\xca\xba\xda\xa6\xa4\x0b\x13\'\x1f\xab\xdd\xe5H\x81\x92\xbd#\xee\xdf\x1b1|\x10\xa5T\x10\x04\x8eea\xf4\x07f\x04\x0f\x1f\x90\x84\xacjq\xeb7\xefn\xdd\xffP|\x9cA\xd6\xd5\xe2(\xa5\x02O\x18\xad\x15\xe3\xa4\t\xdez\xbb\\\xb3\x1d\x0f\xde\x948u\xf6\xea\xf2\xa5\x0b\\]\xddx\x9e\xc7\x18C\xc2\x0f0;\xd8\x02\x02\x12b2\xf1*\x157?p\xe5\xde\x8d\xbe\xb7.\x0c\x16\x92\xd3\x18\x8a\xe4\xb57N\x11\x12x\xc2iT\xc8\xde\xfa\xd2\x99\xa7\xbe\xf3.\xc6\xe9=\x17\x06\x06\xb6m\xdb\x12\xc1v?\x90\x18\x08\x00@Zx^\xe08\xb6{\xaf\x81\xa6\xe8\xa3\xfbvt\xe7\x13S9F6\xc3\xa5 P\x96c\x90\xb3\xcd\xdf\x8f\xe2\xc6\xfdr\xf6\xf2\x1d\xd3\x88\xd1\x93\'O\x1c\xc5q*\xf1\x0b/\xd8\xf0\x01\x92\x02\x8f#\x90\x16\x96ex\x9e\xdf\xb5\xfd\xd7\x18\xbe\xd2\xb4\xe9\x7fp\xf9\x1ddQ-NL\xf1d\x9d4&lt;\xc6~\xd3NT\xedp\xc8\xd6\xb3\xe5\xed;\xf7\xa6\xfa\x8d\xe78\x95 \x08\x0c\xc3\xc0\xe8\x0f\xa4\x06V\x00@r\xc4\xc9rJJ\xf2\x8f\xd5\xea\x8e\xeb\xaa\x19&gt;\xb6\x16\xffF\xba\x89\xa1\x94RB(\xabU#\x15w\xf0`\xc4\xa4\xb9W&lt;\xbcj\x04\x05--_\xae\x0cBH\x1c\xfaa\xcf\x07H\x13\x04\x00 EbM\xb4\xb7\xd11eJ\x97&lt;\xb0\xaaz\xed\xba?\xf0\xf1\xa9\x88\xc1\x18!\x84\x11\x83%1\xa2R\x84\x08OX\r\x87\xb4\xd6wB_\x8d\xf4?\x1d\xab\xcf7u\xea\xb4\xbe}{"\x18\xfa\x81\x1c@\x00\x00\x12%\x08\x02\xcb\xb2\x17/]\xeb\xd0\xba\xe1\x8dC\xad\n\x17\xf7D\x98A\x08!\x9e\xa0t\x135\n\x84P\x8a(\xc6\x18c\x94\xf7\x11A\x10(\xcbb\xe4\xa8y\xf7:\xd9w\xf6\xd9\x93\xd7\xd3{\xf5\x192;`:\xa7\x82\xed~ \x1b\x10\x00\x80t\x89U"\xd6o\xd8\xbcv\xb9\x7f\xbe\xfc\xea\x1f\xdcq\x19\x1f\xc7\xc2\x85\x1cJ\x17s\xf3\xf4\xb4G\xb6\xd6\x88c\x11O\x90Q@\x19&amp;\xc2\x13B\xa9XM\'W\x97\x08\x84PD\x11\xe3\xa4\xa1\xe9\xc2\xfc\xa0\xcbA\xdb\x9f\xd6\xaa\xd7v\xc9\xe2\x05\x05\n\xe4G\xef\xe3Vn\xfd\xd9\x00\xe4(\x08\x00@\xd2\xc4\xbd\xa0wq\x89\xcf\xfez\x19~\xffA\xe4\x83\x88\xc7\x8f\x1e$\'\xbct\xd4\x18lT\x06\xef\xa2\xda2\xc5\x9cJ\x16q.Z\xc4U\xed\xa0A\xd6V\x08ad\x12P\x06\x8fL\x82\xc0\x13\xb1\xc0\x0ef\x10\xce\x892k\x99\x15\x1d\xec\xd4H\xc5\x1d=\xf6\xd0o\xee%\xad[\xa5E\x81\xf3k\xd6\xac\x8e \xc5\x13\xc8\x10\x04\x00 u\x1f\xf7H\xc9\xc80\xbd\x89\x8e\xbbw/",,\xec\xed\xdb\xd7\xaf\x9e=HMy\xa5\xd5\x98\xbc\x0b\xaa\n\xe5\xd3\x94-\xe5\xeeS\xd8\xe9;\x0f\x07\xe4d\x8bX\x06\t\x14e\xf0\xc8\xc8\x13\x13!\x94|\xf3\x12\x81\xe7\t\xa7f\x91\x83&amp;\xfc\xd6\x1b\xdf9g"_9L\x9a\xec;|\xd8 \x04\xdb\xfd@\xb6 \x00\x00\x19\xa0\xd90\x183\x1f\xed\xb1D\xc7\xc4\xbfx\xf9\xfa\xd9\xf3\x97a\xb7n&gt;\x8c\xbcgL\x8b\x17\xd2\xde\xba:\x9a\nzZW*\xeeT\xb6\xb8[~OGG\x0f\xbb\x0f\x97\x08\x02\xa1$\xdb)\xc2g\x06pA\xa0\x18#\xc6\xd5V\x17\x93\xea\x1fxa\xe7\xd1\xd8\xde\xfd\x86\xfa\xff&lt;\xd9\xde\xde\x01\xb6\xfb\x81\xacA\x00\x00\xf2#&gt;\xb4\x84\x10\xf1\x1f&gt;\xb9\xf1\xf2\xfc\xe5\xdb\xbbw#\x9e&lt;}\xfa02"\xfa\xf5\xe3\x84\xf8\xd7\x0e\x1a\x83O!\xab\xef&lt;\xad\xdf/\x11\xec\x91\xbd\r\xb2\xe2\x90@\x91I@\xe9&amp;\xca\x13\x81P\x84(\xc6\x98\xc1\x08c\x9cU\xc0\x19\th\xf5\xe6\x9b\x81k\xef\x94\xa8\xd0|\xd9\x92y\xde\xde\xde\x08\xb6\xfb\x81\xfcA\x00\x00\x96\xe0_\x97\x08II\xfa\xa8\xc7O\xb3\x96\x08\x19iq(\xe3\x9d\xda*\xbd\xb8\x97\xa6bq\xa7"\x85\x1c}~pst\xb1E6j\x84\x19\xc4\x13\x94\xc1\xa3t\x13\xb2\xe6\x90V}\xfc\xe8\xc3\x19\x8b\xae\xa4\xd2\xa2\xf3\xe7\xcfi\xd9\xb2\x19\x82\xed~`) \x00\x00\xcbD)\xcd\xb6D`0\xfep\x97\xe6\xd5\xdf\xef\xa2\xa2\x1e\xdf\xbb\x17\xfe\xea\xd5\xf3\xa8\x07w\x92\x93^9kM\x9e\x0e|\xf1b\xf6?x9\x96\xfd\xc1\xa5\xc8\xf7\xaeQ\xcfR\xa6-&lt;\x7f\xe9\x0e\x9d\xf6\xf3\xac\x91#\x06b\xcc\xc2\x9e\x0f\xb0$\x10\x00\x80"d_"|\xb2\x12gR\x92\xee\xcd\xdbw\xf7"\x1e\xdc\xbay\xe3\xd5\xab\xe7q\xd1\x7fY1\t\x0f\xa2\xe2\xdat\xec\xef?}\xa2\xab\xab\x1b\x82=\x1f`q \x00\x00\x85\xca\xbeD\xf8d\xa1\x9e\x97\xafc\x101\x15*T\x10\xc1\x9e\x0f\xb0P\x10\x00\x00@\xe8\xf3K\x04H\xf1\x04\x16\x0c\x02\x00\x00\x9f\x96y\xa4\x0c\xdb\xfd\xc0rA\x00\x00\x00\x00\x85\x82\xd9\r\x00\x00(\x14\x04\x00\x00\x00P(\x08\x00\x00\x00\xa0P\x10\x00\x00\x00@\xa1 \x00\x00\x00\x80BA\x00\x00\x00\x00\x85\x82\x00\x00\x00\x00\n\xc5\x99\xfb\x02\x80l\x88\xb5\x13\xc4\x7f\x10k\'\xc0W\xb2\x00\xc8\x1a|\x08\x06&gt;\xed\x83\xd2\x08\xff0\xd0C\x894\x00d\n\x02\x00\xc8\xf4\xaf\xc5\xd1\xa2c\xe2#"\x1e&gt;\x7f\xf92"\xfc\xee_O\xc2\xe3b\xe3[\xb6\xee\xe4\xe7;\x96e9(\x92\x0c\x80\x1cA\x00P\xa8//\x8f\x1cv\xeb\xe6\xabW\xcfR\x93\xdf&amp;\xc7\xbfp\xd0f\x14+\xa4)^H[\xa1|&gt;]*?}Qh\xac\xde}\xe1\xc2\xc0v\xedZ!\xa8\x9b\x06\x80\xdc@\x00P\x84\x0f{(2\x0c\xfeh\xb6\xfe\xf9\x06)v?x9\x95)\xea\\ \x9f\x83\xda\xd5\x0e\xa9XD\x10J\xe7\x11\x83\x10\xcb\x04o\xbb=wU\x98\xdbw\xd5\x82\x82\x96\x96/W\x06A\xe5d\x00\xe4\x03\x02\x80e\xca\xc9\x16\x89\x0c\x83LD\xec\xa2Nx\x81\x88]\xd4\x19\x84(B\x081N\x1a^g\x9c\xbe\xe8\xe2\xf6C\xaf\x1a5\xef\xbeh\xc1/\xaen\xd0;\x05\x00y\x80\x00`\t\xfe\xf5\xc06#\xc3\xf4&amp;:\xee\xde\xbd\x88\xb0\xdbao\xdf\xbcz\xf3\xeaQb\xc2\xdf\x0e\xd6_\xd7$\x1d}jV/\x08\x84\xe5X\xe4l\xf3\xe6q\xfc\x98\x99\xa7.\xdc&amp;\xd3\xa1{"\x002\x01\x01@\xde&gt;7\xc8F\xc7\xc4\xbfx\xf9:&lt;\xe2A\xe4\x83\x88\xc7\x8f\x1e$\'\xbct\xd4\x18lT\x06\xef\xa2\xda2\xc5\x9cJ\x14v.P\xc0\xd1\xd1\xdd\x0eY[!\x84\x91I\x10\'\xf8\x82@\xa88\xc1\xc7H\xfc\xbf_\x82"$\xf0\x84\xd3\xa8\x90\x9d\xf5\xf1?\xa3f,\xba\x0c\xfd\xd3\xbf\x96x\x1fe\x86R\x0cG&gt;2\x07\x01@\xc6\xc4\xf9&gt;B(=\xc3\xf4\xd7\xb3\x97\x0f"\x1f\x85\x87\x87?z\x18\x91\x9a\xf269\xfe\x85\x8d\xc6\xe4]\x80+\xe3\xedX\xb8\x90C\xe9bn\x9e\x9e\xf6\xc8\xd6\x1aq,\xe2\t2\n\xc8\xc8\x13\x13!\x94\x88\x13{\xe6\x8b\x87\xfb\x7f\xb8\x18A\xa0\x9c\x93\x06\th\xf5\xe6\x9b\x81k\xef\x94\xa8\xd0|\xd9\x92y\xde\xde\xde\x08v\x84\xfeQ\xd6}\x04 \x8fA\x00\x90+qH\r\r\xbd1}\xdaT\xa31I\x83\x13\xbes\xc7\xf9&lt;\xd4\x15K\xba\x96-\xe6\x92\xdf\xd3A\xedd\x8b\xd4*D\x11\xe2\tJ7Q\xa3@\x08\xa5\xe8\xfd\x04\xff\x93\x1b:9pU\x14c\xc4\xb8\xda\xeabR\xfd\x03/\xec&lt;\x1a\xdb\xbb\xdfP\xff\x9f\'\xdb\xdb;\x88G\xd0\x10\x06&gt; \xde\xc7C\x87\x0e\xcd_\xbc\x98a\x18A\x0eK\x01\x8c\x10\xc2X\xadRmZ\xb7\xae\xc8\xf7\xdfC\xdf4\xf9\x82\x00 K\x84\x10\x8cq\\\\B\xd9r\xe5W\xf8~W\xa7\xf6\x0f\x1e\x8e6\xc8\xce\xfa\xc3\x03[J1\xc2(\'&amp;\xf8_\x85\xe7\t\xa7f\x91\x83&amp;\xfc\xd6\x1b\xdf9g"_9L\x9a\xec;|\xd8 \x84\x10/\x08,\xec\x1b\xbcG)%\x94\x12\x9e\xff\xbex\xf1.\x1aM\xf9\xfc\xf9S\x8dF\xe9\x0f\xa5\x02\xa5.66\x1bBC\xb5M\x9b\x1e\xd8\xb5\x0b\x96w\xf2\x05\x01@~\xde\xf7\xaa\xc5\xa5\xcbV\x1e\xd0\x82\x8e\xf7k\x88\xe2\xf5_r`\x9b\xb7\x17\x89\x04\x81pvj\xa4\xe2\x8e\x1e{\xe87\xf7\x92\xadk\xa5Y3\xa77m\xda\x18\xc1\xc1\xc0{\xe2\xd0\xe97s\xe6\xb9\x15+.\xfc\xf4SjF\x86,~\x13J\xa9\x8ae\xe3\xd2\xd2*\xfd\xfa\xeb\xee\x90\x90\xc6\r\x1a@\x0c\x90)\x08\x00\xf2\xc3\xf3&lt;\xc7q\x1d:\xf7q0\x9e\xdd\xbc\xad\x9b\xe9u\x12\xc72\xd2\x1c7\x08\xa1\x88"\xc6IC\r|P\xf0\x8d\xd9A\xf7\xea4\xec\xbc|\xe9\x82\xfc\x05\xf2#\xc5\x1f\x0c\x88\x07\xbf\xd111\x15J\x97\xde\xd3\xb0aqww]F\x86Do\xe4\xff\xc2\x08\x99\x08\xc9gg\xb7\xfa\xca\x95\xbd,\x1bz\xe9\x12l\xee\xc9\x94\xf4\x97\x9b\xe0\x7f\x98L&amp;\x8e\xe3\xa6\xcdX\x10\xfb\xe8\xf7\xcd\x1b:\x99\xfeN\x96\xec\xe8\x8f\x10b\x18\xcc\xb0XHL\xc3&lt;?jT\xcd\xfb\xa7{\xda\xf2\x17\xabT\xa9\xe87e\x06o2\xb1,K\x08\x91e\x02LN\x10\xb7\xce\x87\x8e\x1f\xdf\xcc\xc1\xa1j\xa1B\xba\x8c\x0c\x15\xc3\xb0\x18K\xff\x7f\x18\x8c\xd5,\x1b\xab\xd7\x0f\xadQCw\xfb\xf6\x9aM\x9bX\x96\x15\x04\xc1\xdc\xbf(\xf8j\xb0\x02\x90\x13q\xee\x1f\xbc\xfd\xb7\x00\xdf&gt;\xb7N\xf6\xb5\xb7f\xb1Q\xc0\x8cT\x87\xffl2SE\xad9dg}\'\xf4\xd5H\xff\xd3\xb1\xfa|S\xa7N\xeb\xdb\xb7\'Rd\r\tq\xf5s\xea\xec\xd9\xeeM\x9b^\xe9\xdb\xd7\x9ae\x05J\xe5\xf5\xf7\'\x94\xda\xa9\xd5\x17\x9f?\x1ft\xfdzTd\xa4\x93\x93\x13\xfe\xf2\xdca \r\x10\x00dC\x1c2.]\xb9\xde\xaeU\x93+\xfb\x9a{\x17w\'Ii\x0c\'\xa75\x1c\xa5\x94\x10\xcaj\xd5H\xc5\x1d&lt;\x18\xe1;\xff\x9ak\x81\x1f\x17,\x9c[\xabfu\xa4\xb00 \x08\x02\x83q\xf9\x1a5:\xf0\xfc\xc4:u\xa2u:N\x86\x894&lt;!\xf9\x1d\x1cZ\x06\x07\x97\xea\xd7oe`\xa0\xc2\xf7\xf4\xe4H~\xcf\x9c2\x11BX\x96}\xf36\xa6]\xeb\x16\xbf\xaf\xaa\xe9]\xd2C\x90\xdb\xe8\x8f\x10\xc2\x18\xb3,CR\x8d$\xc9\xd0\xaem\xc9\xfbg\xfa\xb4\xaa\x91\xd4\xb5C\xd3\xfe\x03\x86\xc6\xc4\xbc\x13\x8f\x85\x95\xb0\x93 \x0e\x94k\xb7l1\xdc\xb93\xb2f\xcdwz\xbd\x1cG\x7f\x84\x10\xcb0\x89\x06\xc3\xa2\xe6\xcd7\xafX\x11\x19\x15\xc5\xb0\xacb7\xf4dJ\x96\x8f\x9d\xd2PJ\x11\xc2ii\x86\x06\r\x9b\x06\x8c,Z\xa7Y\t&gt;\xde\xc0\xcam\xf4\xcf\xc20\x98a\xb0\x90\x94\xce\xf1\xc2\x14\xdfz7\x0e\xb5O\x8d&gt;Z\xb1B\xd9\xb9\xf3\x97\xf0\xbc\xe5\x1f\x0c\x88k\xee\xe4\xa4\xa4_f\xcd\xf2\xaf[\xf7}Q%Y\xc2\x08\xa5\x99L\xc5\xdd\xdc\xba\x17.&lt;\xd6\xd7\x17\xbf\xff\xdb\x01\xb9\x90\xeb \xa2(&lt;\xcf3\x0cn\xdf\xb9\x7f\xe3rI\xc3\'\xd65\xbdI\xe6T\xb2\xbfq,\x8b)B\xc2;}~\x0f\x9b=\xdb:\xff\xb6\xbc\xea\xd1=\xb3K\x95,w\xe8\xd0Q\xb1\x1b\x01\xcf\xf3\x169\x9a\x88\xd3\xffY\x81\x81\xc5t\xba\x8ee\xca$\x18\x0c\xac\x9cw\xbd8\x86\x89\xd5\xebg4lx\xeb\xc8\x91\xe3g\xce\xc0i\xb0\xbc\xc0\x19\x80\xd4\x99L&amp;\x95J5j\xdc\xd4\xc7\xd7V\x87\x1c\xecoJHU\xb12\x1e/&gt;F)%\x02e\xed\xd5\x88c\x83\xb7\xdf\x99\xb9\xecF\x89r\xcd\x17\xcc\x9fU\xa6Lidq_\x0c\x88_\xf0=~\xfa\xb4V\xe5\xca\xc7Z\xb7\xceog\x97!\x08r\xff\xbb\t\x94:\xdb\xd8\xfcv\xf7\xee\xd2\x84\x84\xfb\xb7n!\xf1$\xc7Rn\x99e\x93\xfdD\xd2\xb2\xf1&lt;\xafR\xa9V\xaf\xfd\xf5\xe4\xef\xcb\x0el\xedNR\xd39\x8b{\xad0\xc6,\xc7\x10\xbd\x91$\xa6\xf5\xedS\xe1nH\xcf\x92\xf9#\x1b\xd5\xaf&gt;f\x9co\\\\,\xc7q\x18[\xce4E,\xfb3j\xc2\x846nn%\xdc\xdd\r&amp;\x93\x05\xdcO\x16\xe3D\x83\xa1k\xb9r\xdc\x93\'\x8b\x83\x82X\x86\xb1\xe0\x1d&lt;\x0bc9\xaf\x96\xe5\x11\xf7\n.\\\xbc\xd6\xa1M\xc3{!\x1d\xf2\xe7w z#cY\xd3\xff\x0f\x08&lt;a\xadX\xe4b\xfb\xe8\xf6\xdb\xa9\xf3\xcf]\xbaK\xa7\xfd&lt;k\xc4\xb0\x01\x0c\xcbY@\xc54\xf1\x86\x1e?}\xbaG\x93&amp;\xf7\x86\x0e\xe5y\xde\xdcW\x94c\x08\xa5Z+\xab;o\xdf\xb6?u\xea\xe5\xb3g\x8eNN\x12\xf8\x1a\x1d\xfc;\x08\x00\x12E\x08a\x18\xe6\xd1\xe3\xa75\xaaU:\xb8\xb6N\xad\x9aE\x84$\x19\x1f\xfc~\xb9\xcc\x1a\x12\xb6VH\xab&gt;~4jF\xe0e\xde\xdag\xdf\xde\xdd\x85\ny!9w\x17\x10\xcb\xfe\x08&lt;_\xf6\xc7\x1f\x07j\xb5\x83\x7f\xfc1.5U\xa6\xc9?\x9f\xc4\x13\xe2ng\xd7k\xcf\x1e\xc7\x96-\x83\xd7\xad\x83\x94PY\xb0\x9c\xe7\xcf\x92\x88Q9))\xb1y\x8b\xb6\x8b\'\x97\xaa\xd5\xc4\x9bOLU\xc2\xe8\x8f\x10\xc2\x18q\x1cC\xd2L|\x8c\xaei\xc3\xef\xaf]\x1c\xe4f\x15\x150g1#\xf3\x8d\x05B\x08\xcb0\x1b\x82\x83\x85\xa8\xa8!U\xaa\xc4\x1b\x0c\x964\xfa#\x84X\x86\xd1\xa5\xa7\xcfi\xdcx\xef\xa6M\x0f"#\xe5~\xbf\x14\x02V\x00\x92C)\x15\xb7\xfek\xd7oY\xe7\x87Gs\x02\xdb\x9a\xfeNR\xa9\x948\x992\x99\x08\xe7`}\xff\xce\xdf\x8d\x07]\x8b\x8a\x8a\xb2\xb7\xb7\x93\xe9F\x90X\xbf/11\xb1X\xf1\xe2\x9b\xaaW\xaf\xe9\xe5\xa5\x97I\xd9\x9f\xaf\xc2\x13\xe2\xae\xd5\xce:}\xfa\xa2\xb3\xf3\xf5s\xe7`\x11 }\x165\x07\xb1\x0c\x82 \xa8T\xaa\xfe?\x8dt\xc37\xe6\xcci\xc5G\xa7(s\xf4G\x08\xa9T\x0c\xd5g\x94._\xd0I\x93\xf4g\xc8)$\xd3\xceY\xef7\xf4f-XP\x93\xe3\x9a\x14+\x96\x92\x9eny\xa3?B\x88c\x98\x04\x83aB\xed\xda\xefBC\x0f\x1f;\x06)\xa1\xd2\x07+\x00i\x11\xab\xfd,]\xbe\xe6\xd7\x15\x13#\xce\xf6\'F\x1e\x0b\xd4\x12\xc7\x8a/\xc5\xf3\x84s\xd7.Zp\xe6`\xa8\xc7\xa5\xf3\'\xc4\x91\xd4\xdc\x17\xf5u\xc4\xd4\xcf\x07\x0f\x1fV-_\xfeZ\x8f\x1eN\xd6\xd6&amp;B,\xf5\x96\xf2\x94\xba\xd8\xd8\x1c\x88\x88\x98\xf6\xd7_/\x1e&gt;d9\x0e\n\x04I\x99\xcc\xde%\xcb&amp;\x08\x02\xc7q\xa7\xcf^\x9a?s\xf4\xd9\xfd]\xa8@\x10O\x14\xfe\xee\xb0,\x83\xf4\x19=\xda\x96~\xf4\xe0\xc6\x9b\xb7\xd1\x0c\xc3\xc8n\xca"n[\xfd4|\xf8P\x1f\x1f/G\xc7t\x9e\xb7\xe0[\xcaa\x9c\x90\x9a\xda\xbeL\x99\xc2II\xfes\xe7\xc2I\x80\xc4A\x00\x90\nq\xc3\xf4\xf6\x9d{\xdd:\xb5&lt;\xf4kK7\x0f{\x92fb\xe4P\xe93Wa\x8cH\x1a\x9f\xbf\x98\x9bwA\xb2s\xd7~\x84\x90\xbcv\x15\xc4\xdbz\xe4\xd8\xb1\xa7\x97.\x8d\xaf];\xc1\xe2\xce~?\x8616\xf1\xfc/\r\x1a\xacZ\xb6\xecmt4\xc6\x18b\x80dY\xf8\xb3(\x17\x84R\x8cq|||\xeb\xb6\x9d\xd6\x07T\xa8V\xbf(\x9f\xa0\x88\xa4\xcf/A\x11B\x18\x8d\xecUf\xd3\xe6MHV\x99\xa0\xe2\xdc_\xe0\xf9a#G\xce\xaeUK\xc3q\x82\xdc\x96/\xdf\x80\xc18%=\xbd\x9a\x97W+G\xc7\xe1\xe3\xc7\xcbq\xd1\xa6\x1c\xb2y\x97,\x18\xa5\x94\x08\x02\xc30M\x9a\xb7\x1f\xd9\xde\xaa}\xb7J\xa67)\x16P\xed\'\xa70\x0cF\xba\x8c\x16\x8d|\x12c\xa2n\xdf\t\x97\xd1\xae\x82xb\xb1((\xc896\xb6K\xb9rIii\xb2.\xfb\xf3\xe5X\x86I2\x18\xa6\xd6\xaf\x7f\xee\xf7\xdf\xaf\xdf\xb8!\xa3[\xa64p\x08l~&lt;/p\x1c\xdb\xad\xe7\x00\x14\x1f\xb2{Gw\xfe\x9d\x8e\xb3\xe8\xcf}\xbf\x01\xcf\x13\xce\xd3\xbe\xff\x80\xdf\xb0[\xfbM\x1bV\x8aG\xe5\xe6\xbe\xa8\x7f!\xa6~&amp;%%\x15.Rd\x7f\xa3F\xe5\xf3\xe5\xd3\x1b\x8d\x16\x99\xfc\xf3I&lt;!\x1evv\x0b\xcf\x9d;bm}\xfb\xca\x15H\t\x95&amp;\x98f\x9a\x99\xc9\xc4s\x1c;?p\xe5\xe3\x9b\xbbwo\xe9\xcc\xc7\xe9Y\xc5\xef\xfb\x7f\x0cc\x8c2L}\xdb\x97&gt;s*D\x10xY\x0c%\xe2\xf4\x7f\x8c\x9f_\x1b\x17\x97\x1a\x85\x0b\xa7Xb\xe2\xff?\x10\xab\x84\x8e\xaeU+#&lt;&lt;x\xd7.H\t\x95&amp;\x08\x00\xe6\xc4\xf3\xbcJ\xc5\x1d8\x1c\x12\xb4p\xfc\x89}=\x89\xc1\xc8PE\'}~\x0e\xcbb\xaa\xcb\xa8Q\xb3\x08\xcb\xff\x1dr\xfc\x8c\xf4\xfb\xc6\x88\xa3\xff\xf5\x1b7\x0eo\xd9\xe2W\xb7n\x92\xc1\xc0\xca\xe7\xe8"\xa7P\x84X\x8c\xfd\xaaW\xf7\xf5\xf5MNJB\xd0-@z\x14\xf7PJ\x87\x98\xf4y\xed\xfa\x8d\xc1\xfd\xbb\x1d\xd9\xdc\xd6\xc5\xd5\x86\xa6\xf3\x90\xf6\xf39\x02O\xac\\l\xba6\xffn\xcd\xbaM\xe6\xbe\x96\x7f\'\x1e\xff\x0e\x19=zL\xe9\xd2E\x9c\x9c,;\xf5\xf3sX\x8c\x13\x0c\x86Ne\xcbz\xeb\xf53\x17.\x84E\x80\x04A\x000\x0fq\x86\x18\x1b\x17\xdf\xb6m\xfb\xdd\x8b\xabT\xa8\xfa\x9d\x90``\xe1\xe0\xf7\xf3\x18\x86A\xfa\x8c\x1e\xadK\xdd\x0c=\xaf\xd7\xebY\x96\x95\xectR\xdc\xef\xde\xb6kW\xf2\xdd\xbbC\xabW\xb7\xb0\xa2o_\x85\xc1X\x97\x966\xbbI\x93-\xabV=z\xfc\x18zFJ\x8dB\x9fK\xf3\x12G.\x8cQ\xfd\x06M\xfc\xfa\xb97l]\x86\x7f\xa7gU\x8c\x8c{\x03\xe6&gt;\x86A$\xd5X\xaab\xc1\x82N\xfa\xed;\xf7QJ\xa59\x9d\x14\xe7\xfe&amp;\xa3q\xf2\x94)\xfe5j\xd8\xaaTJH\xfd\xfc\x1c\x06c\x9d\xd1X\xa5`\xc1\xd6\xce\xce\x13~\xfe\x99\xb1\xa0\xd6\x0e\x96\x01\x02\x80\x19\x08\x82\xc00L\x87\xce}\x7f,\xf2n\xdc\xd4\x86|\x0c$}~\x11B(\xb6\xe6\xfa\xb4\xfb!x\xebv\x8c\xb14?\x08\x10\xd7v?\xcf\x9d[8%\xa5C\x992\xf1\xa9\xa9\nI\xfd\xfc\x1c\xf14\xf8\xe7\xc6\x8d\xaf\xfe\xfe\xfbI\xe8\x19)1\x10\x90\xf3\x9a\x98\xc28m\xc6\x82\x0b\x07\x7f\xb9xr\x90)&gt;\x95c\xa0V\xca\x17\xa1\x14!\x15\xfb.V_\xae\xd5\xc1\xb3\x17o\x94(\xee#\xb5\xd2@\xe2\xfeFtLL\x85\xd2\xa5\xf74lX\xc2\xdd=UI\xa9\x9f\x9f#\xa6\x84\xae\xba|y/\xcb\x86^\xbaD)\x95E\x1e\x97\x12H\xe8\xe5Q\x02\xf1\xe0w\xcb\xd6\xdd\xbb7\xfa\x1f\xd9\xd5\x83\xe8\xd39\x8c\x14?&gt;|)\x8c\x11I7y\x14s\xabRJ\xbdm\xfb^$\xbd\xe2\xa0\x94R\x86a\x86\x8e\x1f\xdf\xcc\xc1\xa1j\xa1BJK\xfd\xfc\x1c\x8ea\xde\xe9tCk\xd4\xd0\xdd\xbe\xbdf\xd3&amp;X\x04H\x07\xac\x00\xf2\x8eX\x15\xf2a\xd4\xe3\x86\xf5\xaa\x9f\xdb\xde\xd0\xbb\xa4\'IJc\xa0\xde\xc3\xd7\x10\x04\xca8\xdb\xec\xd9qk\xd6f\xc3\xfd{7\xc5\x01\xd7\xdc\x17\x95I&lt;\xfb=u\xf6l\xf7\xa6M\xaf\xf4\xedk\xcd\xb2\x02\xa50\xfc\x8b\x08\xa5vj\xf5\xc5\xe7\xcf\x07]\xbf\x1e\x15\x19\xe9\xe4\xe4\x04UB\xa5@*/\x8f\x12\x88\xc7\x83\xf7\x1f&lt;*\xe4f\xf2.WPH\x84\xd1\xff\xab1\x0cF)\xe9mZ\x94\xd4\xc7=\xb8p\xe9*\xc30\x92\x9aKRB&amp;L\x992\xb2l\xd9\xfcvvFA\x80\xe1-\x0b\x83qrzz3\x1f\x9f\xb2\x94\xce\x9c?\x1f\x8aCH\x04\x0c@y\xcd\xca\xca\x8ab\x96\x18M\x18\xea=|=\x8c\x91`\x124\x1e\xdaF\xd5\\\xb7\x04\xefB\x92\xf9\xb6H\x9c\xfe\xaf\xdd\xb2\xc5p\xe7\xce\xc8\x9a5\xdf\xe9\xf5\x8aM\xfd\xfc\x1c\x96a\x12\r\x86E\xcd\x9bo^\xb1"2*\nRB\xa5\x00\x9e\xd1\xbcF)E\x94\xc2\xd6\xf07c\x18\x8cR\x8d\xa3\xfaT\x0c9\xba?%%\x85\xe38\xb3\xc7\x00\xf1\x02\x92\x93\x92~\x995\xcb\xbfn]\x06AB\xef\'`\x84\xd2L\xa6\xe2nn\xdd\x0b\x17\x1e\xeb\xeb\x8b%\x13\xbc\x95\x0c\x02\x00\x90\x19\x86\xc1$5\xa3B\x15/g\x9b\xe4\x90\x13g\x91\x04\x8e\x82\xc5\xe9\xff\xac\xc0\xc0b:]\xc72e\x12\x0c\x06\x85\xa7~~\x8e\x98\x12:\xa3a\xc3[G\x8e\x1c\x87\x94P\t\x80\x00\x00\xe4\x87\x08\x14Ys\xed\x1b}\xb7e\xcbvs_\x0b"\x84\xb0,\xfb\xe8\xc9\x93\xed\xabV-i\xd92Y\x91e\x7f\xbe\x9c@\xa9\xd6\xcajN\x9d:c\xc6\x8d\x13x\x1e\xc1\xa7af\x05O*\x90\x1f\x96e\x90.}h\xafJ7\xae\x9ex\xf36\xda\xbce!\xc4\xb3\xfdQ\x13&amp;\xb4qs+\xe1\xeen0\x99`\xf2\xff\x0fX\x8c\x13\r\x86\xae\xe5\xcaqO\x9e,\x0e\nb\xe14\xd8\xac \x00\x00\xf9\x11\xfbD\x16\xf4v+^\x08\x9b\xb7O\xa4\xb8\xf9s\xfc\xf4\xe9\x9b\x7f\xfc1\xabI\x93X8\xfb\xfd2&amp;\x9e_\xda\xacY\xc0\x8c\x19\t\t\t\x18Z\x86\x99\x0f&lt;\xac@\x96\xc4&gt;\x91#z\x95\xde\xbcy\x13\xa5\xe6\xf9\x1e\x98R\x8a06\x1a\x8dc\xc6\x8f\xf7\xabVM\xabR\xf10\x99\xfd\x02\x0c\xc6)\x19\x19\xd5\xbc\xbc\x1a\xda\xd9\x8d\x9b2\x85\x81\xa6\xc1\xe6\x03\x01\x00\xc8RV\x9f\xc8\xf8\xe8\xa8\xc8\x87\x8f\xcd\x92WN\x08a\x19fCp\xb0\x10\x155\xa4J\x95x\x054|\xcf),\xc3\xe8\xd2\xd3\xe74n\xbcw\xd3\xa6\x07\x91\x91\xf0Y\x80\xb9\xc0\xf3\nd\tc$\x18y\xfb\x02\x0e\xb5\xcak\xd7m\x08Fy\x9e\x0b$n\xfd\xc7\xc7\xc7\xff&lt;uj`\x93&amp;\x19\x8a\xac\xf8\xff\xcd\xc4\x94P/G\xc7\xe1%J\xf4\x1f6\x0c\xc3Q\xb0\x99@\x00\x00\xf2\x85\x91\x89\x1f\xd5\xa7\xfc\xc1\xdf\x7f3\x1a\x8dy\\_L\xacC7k\xc1\x82\x9a\x1c\xd7\xa4X\xb1\x94\xf4t\xf8\xb6\xe3\xabp\x0c\x93`0L\xa8]\xfb]h\xe8\xe1c\xc7 %\xd4, \x00\x00\xb9bYL\xf5\x19\xd5\xab\x15F\x19o\xaf^\xbf\x99\x97}"\xc5\xd1\xff~d\xe4\xa6\xe5\xcb\xe75k\x96\x08\xa9\x9f\xdf\x84\xa7T\xa3R\xf9\xd7\xa81t\xc4\x08\x93\xd1\x08\xeb\x80\xbc\x07O-\x901\xc1D\xac\x9cm\xda5\xcc\xb72h]^\xfe\xb9\xe2\xfe\xcfO\xc3\x87\x0f\xf5\xf1\xf1rtTf\xc7\xc7\xff\x8e\xc38!5\xb5}\x992\x85\x93\x92\xfc\xe7\xce\x85\x93\x80\xbc\x07\x01\x00\xc8\x18\xc30\xc8`\x1c\xd2\xbd\xdc\x85s\xc7\xf3\xacO\xa4\x98\xfay\xe4\xd8\xb1\xa7\x97.\x8d\xaf];\x01\xce~\xff\x03\x8c\xb1\x89\xe7\x7fi\xd0`\xd5\xb2eo\xa3\xa31d\x04\xe5-xp\x81\x8c\x89}"K\x94/X\xc8\xd5\xb0}\xe7&gt;\x94\xfb\x1f\x04\x88s\x7f\x81\xe7\x87\x8d\x1c9\xbbV-\r\xc7)\xb9\xe3\xe3\x7f\xc7`\x9c\x92\x9e^\xcd\xcb\xab\x95\xa3\xe3\xf0\xf1\xe3\x19\xf8&amp; oA\x00\x00\xf2&amp;\xf6\x89\xec\xdb\xee\x87\xad\xdbv qM\x90\xbb\x7f\x1ca\x18fQP\x90sll\x97r\xe5\x92\xd2\xd2\xa0\xec\xcf\x7f\xc42L\x92\xc10\xb5~\xfds\xbf\xff~\xfd\xc6\r\xd8\x08\xcaK\x10\x00\x80\xbc\x89e!:4+\xf18\xf2\xc6\xeb\xbf\xdf\xe4\xea\x14R\x9c\xfe\'$$\xcc\x991cq\xe3\xc6&amp;\x9e\xcf\xa5?HQ0B\xe9&lt;_\xd8\xc9iT\xc9\x92C\xc7\x8c\x81\xa3\xe0\xbc\x04\x01\x00\xc8\x1b\xc6HH3\x15(\xee^\xb98\xb7v\xdd\x16\x94\x9b\xbb@\xe2\xf4\x7f\x8c\x9f_\x1b\x17\x97\x1a\x85\x0bC\xc7\xc7\x9c"V\t\x1d]\xabVFxx\xf0\xae]\x90\x12\x9ag \x00\x00\x0b\x80\x11\xa5\xfd;\x94\xd8\xb7\x7f\x1f\xca\xb5] \xb1\xea\xe7\xb5\x1b7\x0en\xde\xecW\xb7n\x12\xa4~\xe6(\x8a\x10\x8b\xb1_\xf5\xea\x93&amp;MJNN\x86\xc3\x80\xbc\x01O0\x90=\x86\xc149\xbdU\x8b\x92\xa6\x94G\'O\x9f\xcf\xbd&gt;\x91F\xa3q\xd4\x981\xbe\xe5\xcbC\xeag\x8ec1N0\x18:\x94)S\x89\xe7\xfd\xe7\xcc\x81t\xa0\xbc\x01\x01\x00\xc8\x1e\xc6\x88\x98\x04\x1bw\xed\xf7\x05T\x17.^A\xb9\xd0jJ\xec&gt;\xff.&amp;\xe6\xf6\xcd\x9b\xb5\xbe\xff&gt;\xcdd\x82\xcd\x9f\x1cG\x11\xc2\x94\xd6(T\xe8\xf0\x91#\x02\xcfC\xcb\xf8&lt;\x00\x01\x00\xc8\x1e\xa5\x88\xd1\xa8\xa2\x1f\xc7\xde\x7fF\xbawi\x8fra\x17H\xfc\xcc\xb8\xe0w\xdf\xb5\xeb\xdcy\xda\xe9\xd3\xd6*\x15lO\xe4,\x8a\x90\x9aec\x0c\x86\xc57n\xf8M\x9c\xc8J\xa0\xd3\xa7\x12@\x00\x00\xb2\'\x08\x04\xdb[\xef9\x14^\xe8\x87\x1fK\x96,.\x1e\xd5\xe6\xf8\x9f"f\xa7\xac^\xb2\xe4jZ\xda\xbe\xfb\xf7\x1d\xad\xad\xe1\x0b\x80\x1c$\x10\xe2dc3\xf3\xf4\xe9BU\xab\x0e\x190@&lt;q1\xf7EY&gt;\x08\x00@\xf6\x18\x06\xd3t~\xdb\xa1\xa7\xfd\xfa\xf6\xa2\x94\xe6\xd2\xde\xb1\x98\x9f\xee\xee\xe1\xb1h\xde\xbc\x89\xa7Ne\x10\x02_\x00\xe4\x14B\xa9\x9dZ}\xeb\xcd\x9bmO\x9fn^\xb5\n\xc1\x0f\x9bW \x00\x00y#\x041\xb6V\x91w^\xbf\x88\xb3\xe9\xd5\xa3\x13\xc68\xf7f\x8eb\x0c\x18;|\xb8\xbap\xe1\x15W\xaf:i4\xd0\x01&amp;GPJ\xd5*\xd5\xd4S\xa7:v\xef^\xa9R%A\x10\xcc\xd2\xe1G\x81\xe0W\x06\xf2F\x08A6V\xebv\xdd\xadS\xaf\xa9V\xab\x15\x04!\xf7\x0e\x0f\xc5] \x86\xe36\xad^=?,\xeco\xbd\xde\x9a\xe3`\x1b\xe8?\x12(u\xd2h\x8e&lt;|x-=}\xf5\x92%\x84\x108\xfe\xcd3\x10\x00\x80\xbc\xb1*\xc6\x98`8x\xfa\xed\xa8\x91C\xf2\</t>
        </is>
      </c>
    </row>
    <row r="287">
      <c r="A287" s="1" t="n">
        <v>285</v>
      </c>
      <c r="B287" t="inlineStr">
        <is>
          <t>rectangle_height_number</t>
        </is>
      </c>
      <c r="C287" t="inlineStr">
        <is>
          <t>What is the missing number of the part denoted with a question mark?</t>
        </is>
      </c>
      <c r="D287" t="inlineStr">
        <is>
          <t>[1, 4, 2, 3]</t>
        </is>
      </c>
      <c r="E287" t="inlineStr">
        <is>
          <t>3</t>
        </is>
      </c>
      <c r="F287" t="inlineStr">
        <is>
          <t>There are 7 rectangles in the image with varying lengths and numbers inside them. The numbers from left to right are [3, 2, 1, 1, 3, 2, '?']. The lengths from left to right are ['long', 'medium', 'short', 'short', 'long', 'medium', 'long'].</t>
        </is>
      </c>
      <c r="G287" t="inlineStr">
        <is>
          <t>We observe that the short rectangles are denoted as 1, the medium rectangles are denoted as 2, and the long rectangles are denoted as 3. Hence, the pattern is that the number in each rectangle corresponds to its length.</t>
        </is>
      </c>
      <c r="H287" t="inlineStr">
        <is>
          <t>Based on the pattern that the number in each rectangle corresponds to its length, the missing number of the rectangle with a question mark should be 3.</t>
        </is>
      </c>
      <c r="I287" t="inlineStr">
        <is>
          <t>b'\x89PNG\r\n\x1a\n\x00\x00\x00\rIHDR\x00\x00\x02\x00\x00\x00\x02\x00\x08\x02\x00\x00\x00{\x1aC\xad\x00\x00H\x14IDATx\x9c\xed\xddy|\x15\xd5\xf9?\xf0\xe7\x9c37\xb97\xdb\xbd\xd9\x08\xb2\xb8 \x08(\xb2\xef\x9b\x88\xb2X[\xc4\xaf\x88(\xe0\x82\x10w\xbf\xa1\xad\xb6V[@k]\xa0\xb5\xb6\xb6\xb5\xecH\xc5\r\xac\xad\xb6\x82\xe0\x02\x88\xb2\xb9\x80\x98\xb0\t\xa2\x12\x08Y\xef\x96\xe4\xde;s\xce\xef\x8f\x81|\xf9\xa9@\xc0$3\x93\xf9\xbc_}\xbd\xaaI\xbcyr\xees\xe73s\xe6\xcc\x0cSJ\x11\x00\x00\xb8\x0f\xb7\xba\x00\x00\x00\xb0\x06\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cd\xea\x02\xeaE)u\x06\xff\x15c\xac\xc1+\x01hz\xe8\x7fk5\xe3\xf1\xb7i\x00(\xa5\xa4\x94J)\xc6\x18c\x8c\xf339Ri\x90\x17\x01hz\xe8\x7fk\xb9g\xfc\xd9\x99\x85[#1\x87\x8c\x88\x84\x10\xc7\x7f=\x18\x0cJ)\x19\xabo\xb5f\xf6\x06\x02\x81\xe3\xbfh\xbe\x19\x9csG$3\xb8\x10\xfa\xdfZ.\x1c\x7f\xbb\x04\x80R\xca0\x0cM;zD\x12\x0e\x877o\xde\xbci\xd3\xc6\x8f?\xfe\xa4\xa2\xa2\xa2\xa8\xa8H7\xf4\xfa\xbf\x1a#\xa6H\xb5?\xbf} \x10\xe8\xdd\xbbw\xcf\x9e=\xfb\xf6\xed\xdb\xbauk\xf3\xbb\xba\xaes\xce\xed\x19\xc8\xe0N\xe8\x7fk\xb9v\xfcm\x11\x00\x86a\x98\x91\x1b\x8f\xc7W\xae\\\xf9\xdcs\xcfm\xdd\xba\xf5\xc0\x81\x03\r\xf8+233{\xf7\xee=~\xfc\xf81c\xc6\xb4h\xd1\x82\x88t]\x17B\xd8*\x8d\xc1\x9d\xd0\xff\xd6r\xf3\xf8[\x1c\x00\xe6og\x8c\x05\x83\xc1y\xf3\xe6-]\xbat\xfb\xf6\xedu\xdfMKOksv\xeb\xdc\xbc\xdcv\x1d\xce\xcb\xca\n\xe8\xbaQ\x9f\xf1R\xa48\xe3\x89D\xa2\xf0\xb3\xa2\xaa\xca\xe0\x81}_UVT\xd6}\xf7\xacVgM\xbca\xe2\xd4\xa9S;v\xecHDRJ\x9bD1\xb8\x10\xfa\xdfZ\x18\x7f+\x03\xa0.x\x17-Z\xf4\xe4\x93O\xee\xdc\xb9\xd3\xfcz\x9b\xb6\xad\x07\x0e\x1b0|\xd4\xb0\x0b\xbbv\xcek\x99\x9b\x9a\x96&amp;\x84\x10\x82\x9f^\xa1J%\x12z\xac6Vv\xa4l\xf7\xce=\xeb\xdf\xd9\xb0n\xcd\xfa\x9d\x85\xbb\xcdofee\xdds\xcf=\xd3\xa7O\xf7\xfb\xfd\xba\xae\xd7\x1d\xfa\x014\x19\xf4\xbf\xb50\xfeda\x00\x98\xa3_\\\\&lt;e\xca\x94U\xabV\x99_\xecta\xc7)w\xdd4z\xcc\xa8\xdc\x16\xd9J\xa9\xda\xdaX"\x9e\x90\x86T\xa4N\xbfN\xc6\x19c\x9cy&lt;\x9edo\xb2\xa6i\xe1Ph\xe3\xfb\x9b\xe7\xfdi\xe1\xbaw\xde7\x7f\xa2c\xc7\x8e\x0b\x16,\x184h\x90y\x86\xc7\xf2\xc31p\x0f\xf4\xbf\xb50\xfeG\xab\xb4$\x00\xcc\xd0[\xb5j\xd5\x94[\xa7\x14\x1f,&amp;\xa2v\x1d\xda\xdd1}\xdaO\xae\xb9\xd2\x9f\xe9\x8f\x84"\x89D\x82\x88\x1a\xe4\x8c\xb9RJJEJ\tM\xa4\xa6\xa5Ji\xac]\xf3\xfe\xb3O\xcd\xdd\xb0\xf6C"JNNz\xfc\xf1\'\n\n\n\\\xf8\x19\x00\xab\xa0\xff\xad\x85\xf1\xafcA\x00\x98\xa3?o\xde\xbc\xfc\xfc|\xf3+7\xe5O\xfa\xf9o\xa6\xe7\xe6\xe5\x06+\x83\x86np\xd1X+\xa5\x0c\xc3`\x8ce\xf8\xd3\r\xddX\xf8\xb7\xe7\xe6&lt;\xf2T$\x1c!\xa2i\xd3\xa6\xcd\x9d;\xd70\x0c\xbb-\xd2\x82\xe6\x07\xfdo-\x8c\xff\xf1\x9a:\x00\xcc#\xaf\xba\xd1\x0fd\xfa\x7f\xfb\x87\x99\xd7N\x1e\x17\xaa\n\xc5\xe3\xf1\xa6\x99\x0b3\xdf\x86\xec\xdc\xec\xad\x1f~\xf4\xf3;~Q\xf8\xd9N:\xf6\x1e\xb8j?\x08\x9a\x1e\xfa\xdfZ\x18\xffoi\xd2\x00\xf8\xd6\xe8\xe7\xe6\xe5\xce]\xf6\x97!\x97\x0e:|\xa8D\xd3\xb4&amp;n\xbbD"\x11\xc8\x0c\x94\x97\x96\xdf&lt;n\xda\'[&gt;\xa5\xe3r\xf8[\x97\x81\x004\x08\xf4\xbf\xb50\xfe\xdf\xd5t\x01`\xfeak\xd6\xac\x191b\x04\x11eeg\xfd{\xed\xf2s\xdb\x9d[UY\xe5\xf1x\x9a\xa6\x86o\xd1u#\xd9\x9b$\x84\xb8\xe1\xc77~\xb8~\x13\x11\xcd\x9c9s\xc6\x8c\x19\xae]\x17\x01\x8d\x07\xfdo-\x8c\xff\xf7j\xa2\x000\x97\xbb\x96\x94\x94t\xeb\xde\xedH\xc9\x91\x0c\x7f\xc6\xe2\x15\xf3\xfa\x0c\xe8\x1d\xac\x0cj\x1e+[\xcd0\x8cdor8\x14\x9e4\xe6\x96\x1d\xdb&gt;g\x8c\xadZ\xb5j\xc4\x88\x11\xcdx?\x08\x9a\x1e\xfa\xdfZ\x18\xff\x13i\xa2k\x10\xcc+\xad\'O\x9e\\r\xb8\x84\x88\x1e\xf9\xc3\x8c!\x97\x0e\xaa\xaa\xac\xb2v\xf4\x89H\x08Q[S\x9b\x93\x9b\xfd\xcc\xe2?\x062\xfd\x8a\xd4\xe4\x1b\'\x1f&gt;|\x981f\xde\x15\x04\xe0\x87C\xff[\x0b\xe3\x7f"M\x11\x00f\x9a-[\xb6l\xf5\xea\xd5Dt\xfd\xcd\xe3\'\xdct\xed\xe1C%V\x1dy}\x8b\xa6iU\x95\xc1\xce]:\xce|\xf2\xd7\xa4\xa8\xe4p\xc9\x03\x0f&lt;\xc09\xb7\xc3M2\xa0\x19@\xff[\x0b\xe3\x7f\x12\x8d&gt;\x05\xa4\x94RJUUU\xf5\xeb\xd7o\xdf\xbe}g\x9f\xdb\xf6\x8d\xf5\xffLNN6O\x857\xea\xaf&gt;-\x86n\x04\xb2\x03\xb7^{\xdb\x9b\xff^\x95\x9c\x9c\xbc~\xfd\xfa\xde\xbd{\x9bw\xef\xb3\xba4p0\xf4\xbf\xb50\xfe\'\xd7\xe8\xef\xae\xb9\xb8u\xd1\xa2E{\xf7\xee\x95R\xde&gt;}Zn^N&lt;\x1e\xb7\xd5\xe8\x13\x11\xe3,\x11OL\xff\xd5=\xc9\xc9\xc9\xb1Xl\xc6\x8c\x19\xf5\xbf\xfb+\xc0\x89\xa0\xff\xad\x85\xf1?\xb9\xc6\r\x00\xa5\x94\x10\xa2\xa6\xa6f\xd1\xa2E\x8c\xb1\xf3;\xb4\xbb\xfa\xba\xab\xaa*\x826\\c\xc09\x8f\x84#]{^|\xe5\xd5\xa3\x89h\xdd\xbauEEEB\x88\xe64\x13\nM\x0c\xfdo-\x8c\xff\xa9\x7fo\xa3\xbe\xbay]\xc3\x9a5k&gt;\xff\xfcs\xa5\xd4\xb4{o\xf5\x072t\xfd4\xee\xac\xdd\x948\xe7\xb1X&lt;\xff\x7f\xa7\xa6\xa4\xf8\xa2\xd1\xe8\xfc\xf9\xf3\x89\xc8\xd1\x1f\x00\xb0\x16\xfa\xdfZ\x18\xffS\xff\xd2F}u\xd3\xe2\xc5\x8b\x19cyg\xe5\xfdh\xec\xa8p(b\xdb\xe5e\x9c\xf3h$\xda\xb5g\x97\xfeC\xfa1\xc6\x96/_^]]\xadiZ38\x10\x06\x0b\xa1\xff\xad\x85\xf1?\xd9/m\xbc\x976\x8f\xbf\x82\xc1\xe0\xe6-\x9b\x95RC.\x1d\x94\xdb"\'\x91H\xd8m\xf6\xedxJ)\xc6\xf8\xc8\x1f\x8fPJ\x1d,&gt;\xb8m\xdb6r\xf8N\x10X\x05\xfdo-\x8c\x7f}4b\x00\x98uo\xdd\xba\xf5\x9b\xaf\xbf!\xa2\xe1\xa3\x87\xd9\x7fGB\x08Q[]3\xf0\x92\xfei\x19i\x86n\xbc\xb9\xf2M:\xf6\xd4\x08\x80\xd3\x82\xfe\xb7\x16\xc6\xbf&gt;\x1a\xf7\x08\x80\x886o\xd9LD)i)\x17v\xed\x1c\xab\x89\xd9|U\x19c,\x16\x8b\xb7i\xdb\xea\xbcv\xe7\x12\xd1\xd6-[\x89\xc8\xe65\x83=\xa1\xff\xad\x85\xf1\xaf\x8fF|i\xf3P\xeb\xa3\xad\x1f\x11\xd1\xd9\xe7\xb4=\xabU\x9e\xcd\x8f\xbfLRJ_\x8a\xef\xc2\x8b;\x11QQQQ$\x12iN\x17\xc5@\x93A\xff[\x0b\xe3_\x1f\x8d\x1b\x00J\xa9\xd2\xd2R"\xca\xce\xc9JMK5\x0c\xa3\xf1~]CQJq!Z\xb6jIDU\xc1\xaa\x9a\x9a\x1a\xab+\x02GB\xff[\x0b\xe3_\x1f\x8d\x15\x00\xe65l\xc1`p\xf7\xee\xddD\xd4\xa1S{\xe1\x90\xe5\x04\x8c1C\xd7\xdbw:\x9f\x88B\xc1PQQ\x119\xf6&lt;\x18X\x05\xfdo-\x8c\x7f=5\xfa\x85`\t=AD\x99Y\x99\x0e:\x90TJefe\x12\x91\x94\xd2\xb6\xab\x86\xc1\xfe\xd0\xff\xd6\xc2\xf8\x9fR\xa3\x9f\x121\'\xdd\x1c\xd7Fu\x05\xdb\x7f\xd2\x10\xec\x0c\xfdo-\x8c\xff\xc95\xd19q\xc7\xb5\x91\xe3\n\x06;s\\;9\xae\xe0\x93s\xdc\x9f\xd3d\x05\xdbzQ\x14\x00\x004\x1e\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iV\x17\xe0\nJ\xa93\xf8\xaf\x18c\r^\t@\xd3C\xff\xdb\x16\x02\xa0Q(\xa5\xa4\x94J)\xc6\x18c\x8c\xf339\xd2j\x90\x17\x01hz\xe8\x7f\xa7@\x004$\xb3e\x89H\x08!\x84\xa8\xfbz0\x18\x94R2\xc6\xea\xb9+d\xee\xfb\x04\x02\x81\xe3_\xc4\xfc0p\xce\xb1g\x04\xf6\x84\xfew\x1c\x04@\xc3PJ\x19\x86\xa1i\x9a\xd9\xb2\xe1px\xf3\xe6\xcd\x9b6m\xfc\xf8\xe3O***\x8a\x8a\x8atC\xaf\xff\xab1b\x8aT\xfb\xf3\xdb\x07\x02\x81\xde\xbd{\xf7\xec\xd9\xb3o\xdf\xbe\xad[\xb76\xbf\xab\xeb:\xe7\x1c;D`\x1f\xe8\x7f\x87B\x004\x00\xc30\x84\x10\x9a\xa6\xc5\xe3\xf1\x95+W&gt;\xf7\xdcs[\xb7n=p\xe0\xc0\x0f|\xd9\xb2\xd22"Z\xb9r%\x11eff\xf6\xee\xdd{\xfc\xf8\xf1c\xc6\x8ci\xd1\xa2\x05\x11\xe9\xba.\x84\xc0\xde\x10X\x0e\xfd\xef\\\x08\x80\x1f\xc4&lt;\xa4\x15B\x04\x83\xc1y\xf3\xe6-]\xbat\xfb\xf6\xedu\xdfMKOksv\xeb\xdc\xbc\xdcv\x1d\xce\xcb\xca\n\xe8\xbaQ\x9f~U\xa48\xe3\x89D\xa2\xf0\xb3\xa2\xaa\xca\xe0\x81}_UVTVVV\xae^\xbdz\xf5\xea\xd5\xbf\x99\xf1\x9b\x897L\x9c:uj\xc7\x8e\x1d\x89HJ\x89]!\xb0\n\xfa\xdf\xe9\x10\x00g\xce\xdc\xf1!\xa2E\x8b\x16=\xf9\xe4\x93;w\xee4\xbf\xde\xa6m\xeb\x81\xc3\x06\x0c\x1f5\xec\xc2\xae\x9d\xf3Z\xe6\xa6\xa6\xa5\t!\x84\xe0\xa7\xb7\x12B\xa9DB\x8f\xd5\xc6\xca\x8e\x94\xed\xde\xb9g\xfd;\x1b\xd6\xadY\xbf\xb3p\xf7\xa1\xe2Cs\xe6\xccY\xb8p\xe1=\xf7\xdc3}\xfat\xbf\xdf\xaf\xeb\xba\xa6\xe1}\x84\xa6\x86\xfeo\x060pg\xc8\xec\xfe\xe2\xe2\xe2)S\xa6\xacZ\xb5\xca\xfcb\xa7\x0b;N\xb9\xeb\xa6\xd1cF\xe5\xb6\xc8VJ\xd5\xd6\xc6\x12\xf1D8\x18V\xa4N\x7f%\x1c\xe3\x8c1\xcerZ\xe4\xb4&gt;\xbb\xf5\x88\x1f]\x1e\x0e\x856\xbe\xbfy\xde\x9f\x16\xae{\xe7\xfd\x8a\x8a\x8aY\xb3f\xbd\xf8\xe2\x8b\x0b\x16,\x184h\x90y\x86\r\x87\xc3\xd0d\xd0\xff\xcd\x03\x02\xe0L\x98;\x1d\xabV\xad\x9ar\xeb\x94\xe2\x83\xc5D\xd4\xaeC\xbb;\xa6O\xfb\xc95W\xfa3\xfd\x91P\xa4\xb2\xa2\x8a\x88\xcc\x15\x0b\\\xfc\xa0C\xd4D"\x11\x8b\xc5I)\xa1\x89KG\x0e\xbb\xe4\xf2!k\xd7\xbc\xff\xecSs7\xac\xfdp\xd7\xae]\x97]6\xfc\xf1\xc7\x9f(((0W_\xe03\x00M\x00\xfd\xdfl`\xfa\xec\xb4\x99\xdd?o\xde\xbc\xd1\xa3G\x9b\xdd\x7fS\xfe\xa4\x7f\xbd\xfb\xca\xe4i\x13\x19c\x95e\x95\xe6\xceQC\x9d\xa1b\x8c\t\xc1\x85&amp;\x88(\x14\x0cE#\xd5\xc3G]\xf2\xc2\x1b\xcf\xcd|\xf2\xd7i\xe9i\xb1X|\xfa\xf4\xe9\xf9\xf9\xf9\x9css\x9d\xdc\x0f\xff\x8d\x00\'\x81\xfeoN\x10\x00\xa7\xc7\\\xeb6o\xde\xbc\xfc\xfc|"\nd\xfa\x9fY\xf4\xd4\x93\x7f}\xcc\xeb\xf5\x96\x97\x96\x13\x91\xd0\x1aqe\x82\x10\x82s\x1e\xac\nE\xa3\xd5w\xfe\xec\xb6\x97\xdf|\xfe\xc2\x8b;\x11\x91Y\x8f\x10B\xa938\xd6\x06\xa8/\xf4\x7f3\x83\x008\r\xe6\xaeM]\xf7\xe7\xe6\xe5.Z&gt;o\xc2M\xe3KKJ\xcd\x0fF\xd3\x94a~\x0c\x8e\x1c&gt;\xd2\xb5\xe7\xc5/\xbc\xb1\xb4G\x9f\xeet\xec3`\xee\x075M\x19\xe06\xe8\xff\xe6\x07\x01P_f\xf7\xafY\xb3\xc6\xec\xfe\xac\xec\xac\x7f\xbe\xfdR\x9f\x01\xbd\x0f\x1f*\xf1x&lt;M?\xf9\xe8\xf1x\x82U\xa1\xd4\xf4\xd4W\xd7\xbc4`H?"\x9a7o\xde\xacY\xb3\x84\x10\xba~\x1a\x17\xdd\x00\xd4\x07\xfa\xbfYB\x00\xd4\x8b\x94R\x08QRR2i\xf2$\xc6\x98?\xe0_\xf0\xf2\xb3\xe7\xb6;7X\x19\xf4x&lt;VU\xa5i"\x1e\x8bK)\xff\xf6\x8f?w\xe9v\x11\x11\xcd\x9a5k\xf5\xea\xd5\x9a\xa6\x19\x86aUU\xd0\xfc\xa0\xff\x9b+\x04@}\x19\x861y\xf2\xe4\x92\xc3%D\xf4\xc8\x1ff\x0c\xb9tPUe\x95\xe6\xb1x\x19\x95\x10\xa2\xb6\xa66\'7\xfb\x99\xc5\x7f\x0cd\xfa\x15\xa9\xc97N&gt;|\xf80c\x0c\xc7\xc2\xd0\x80\x1c\xd7\xff\xd6\x16\xe6\x14\x08\x80z\xf1x&lt;\xcb\x96-[\xbdz5\x11]\x7f\xf3\xf8\t7]k\x1e\xf9Z]\x17\x11\x91\xa6iU\x95\xc1\xce]:\xce|\xf2\xd7\xa4\xa8\xe4p\xc9\x03\x0f&lt;\xc09\xc7\xd90h(\x8e\xeb\xff\xe3\xef"\x07\'\x81\x008\x05s3Z^^\xfe\xf0\xc3\x0fs\xce\xcfmw\xce\xaf~\xfb\x8b`e\xc8V\x17\x1fz&lt;\x9e\xf2\xd2\x8a\xf17\x8e\xbbb\xcc("z\xe1\x85\x17\xb6l\xd9\x82\x13b\xf0\xc39\xb4\xff7o\xde\\wkR8\t\x04\xc0)\x98\'\x94\x16,X\xb0w\xef^)\xe5\xed\xd3\xa7\xe5\xe6\xe5\xc4\xe3q\xbb\x1dc2\xce\x12\xf1\xc4\xf4_\xdd\x93\x9c\x9c\x1c\x8b\xc5f\xcc\x98Q\xff\xbb\xef\x02\x9c\x88\xe3\xfb\x1f\x9f\x80\x93B\x00\x9c\x82\xc7\xe3\x91R.Z\xb4\x881v~\x87vW_wUUE\xd0V\xbb?&amp;\xcey$\x1c\xe9\xda\xf3\xe2+\xaf\x1eMD\xeb\xd6\xad+**\x12B`\'\x08~\x08\xe7\xf6\xff\x9e={\xd2\xd2\xd2\xd0\xff\'\x87\x008\x85\x8c\x8c\x8c\xf5\xeb\xd7\xef\xdc\xb9S)5\xed\xde[\xfd\x81\x0c\xdb.2\xe3\x9c\xc7b\xf1\xfc\xff\x9d\x9a\x92\xe2\x8bF\xa3\xf3\xe7\xcf\'"|\x00\xe0\x87ph\xffWWW/X\xb0\xc0\xeb\xf5\xa2\xffO\x0e\x01p\n\x8c1s\xf7\'\xef\xac\xbc\x1f\x8d\x1d\x15\x0eEl{~\x89s\x1e\x8dD\xbb\xf6\xec\xd2\x7fH?\xc6\xd8\xf2\xe5\xcb\xab\xab\xab5M\xc3D\x10\x9c1\xe7\xf6\xff+\xcb_)))INN\xb2\xba.[C\x00\x9c\xc2\xc1\x83\x07\xb7l\xd9\xa2\x94\x1ar\xe9\xa0\xdc\x169\x89D\xc2n\xb3\x9f\xc7SJ1\xc6G\xfex\x84R\xea`\xf1\xc1m\xdb\xb6\x11\x0e\x02\xe0\x07pn\xff\x7f\xfd\xd5W\x1f}\xf4\x91/%\xc5\xea\xa2l\r\x01p2\x9a\xa6}\xf8\xe1\x87\xbbw\xef&amp;\xa2\xe1\xa3\x87\xd9\x7fGZ\x08Q[]3\xf0\x92\xfei\x19i\x86n\xbc\xb9\xf2M:\xb6\x90\x03\xe0t9\xb8\xff\xd3\xd2\x12\t}\xe5\xca\x95II8\x028\x19\x04\xc0\xc9$%%m\xdd\xbaU\xd7u\xaf\xcf{a\xd7\xce\xb1\x9a\x98\xcd\x1f?\xc4\x18\x8b\xc5\xe2m\xda\xb6:\xaf\xdd\xb9D\xb4u\xcbV"\xb2y\xcd`[\xce\xed\xffs\xcf?\x87\x88\xb6l\xdd\xa2\'t"\xc2b\xa0\x13\xb1\xf5\xdbi\xb9x&lt;\xbeu\xebV"j{v\x9b\xb3Z\xe5\xd9\xfc\xf8\xd7$\xa5\xf4\xa5\xf8\xcc\xbb$\x16\x15\x15E"\x11\\\x14\x06g\xc6\xf1\xfd_XTRRBD\xd8\xfe\x9f\x08\x02\xe0d\xa4\x94\x95\x95\x95D\x94\xd3"+5-\xd5\x117\x18QJq!Z\xb6jIDU\xc1\xaa\x9a\x9a\x1a\xab+\x02\xa7rz\xff\x87\xc3\xe1\xda\xdaZ\xab+\xb25\x04\xc0)\x98K\x9e/\xe8|\x81p\xc8r\x1a\xc6\x98\xa1\xeb\xed;\x9dOD\xa1`\xa8\xa8\xa8\x88p\x1e\x18\xce\x94C\xfb\xbfC\xa7\xf6\xe6?\xdb\xff\x90\xc5Z\x08\x80z\xc9\xcc\xcat\xd0D\x8aR*3+\x93\x88\xa4\x94\xb6]\xb5\r\x0e\xe2\xbc\xfe\xcf\xce$,\x7f\xa8\x07\x04@\xbd8n3ZW0\xf6\x80\xe0\x87sn\xff\xc3\xc9!\x00\xea\xc5q\x9bQ\xc7\x15\x0cv\xe6\xb8vr\\\xc1VA\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x10\x00\x00\x00.\x85\x00\x00\x00p)\x04\x00\x00\x80K!\x00\x00\x00\\\n\x01\x00\x00\xe0R\x08\x00\x00\x00\x97B\x00\x00\x00\xb8\x14\x02\x00\x00\xc0\xa54\xab\x0b\x00\x07PJ\x9d\xc1\x7f\xc5\x18k\xf0J\xce\x8c\xd3\xeb\x07h$\x08\x00\xf8\x1eJ))\xa5R\x8a1\xc6\x18\xe3\xfcL\x8e\x14\x1b\xe4E\xce\x8c\xd3\xeb\x07h\x1a\x08\x00\xf8?\xe6&amp;\x8f\x88\x84\x10B\x88\xba\xaf\x07\x83A)%c\xac\x9e\xbb\xd2\xe6\xbes \x108\xfeE\xcc\x8d)\xe7\xbc\xf1\xf6\xac\x9d^?@\x13C\x00\x00\x11\x91R\xca0\x0cM\xd3\xccM^8\x1c\xde\xbcy\xf3\xa6M\x1b?\xfe\xf8\x93\x8a\x8a\x8a\xa2\xa2"\xdd\xd0\xeb\xffj\x8c\x98"\xd5\xfe\xfc\xf6\x81@\xa0w\xef\xde={\xf6\xec\xdb\xb7o\xeb\xd6\xad\xcd\xef\xea\xba\xce9o\xd8\x1dj\xa7\xd7\x0f`\t\x04\x00\x90a\x18B\x08M\xd3\xe2\xf1\xf8\xca\x95+\x9f{\xee\xb9\xad[\xb7\x1e8p\xe0\x07\xbelYi\x19\x11\xad\\\xb9\x92\x88233{\xf7\xee=~\xfc\xf81c\xc6\xb4h\xd1\x82\x88t]\x17B4\xc8\xde\xb4\xd3\xeb\x07\xb0\n\x02\xc0\xd5\xcc)\x11!D0\x18\x9c7o\xde\xd2\xa5K\xb7o\xdf^\xf7\xdd\xb4\xf4\xb46g\xb7\xce\xcd\xcbm\xd7\xe1\xbc\xac\xac\x80\xae\x1b\xf5\xd9\xde)R\x9c\xf1D"Q\xf8YQUe\xf0\xc0\xbe\xaf*+*+++W\xaf^\xbdz\xf5\xea\xdf\xcc\xf8\xcd\xc4\x1b&amp;N\x9d:\xb5c\xc7\x8eD$\xa5\xfc!\xbb\xd2N\xaf\x1f\xc0Z\x08\x00\xf72w\x9c\x89h\xd1\xa2EO&gt;\xf9\xe4\xce\x9d;\xcd\xaf\xb7i\xdbz\xe0\xb0\x01\xc3G\r\xbb\xb0k\xe7\xbc\x96\xb9\xa9iiB\x08!\xf8\xe9\xad\xa4Q*\x91\xd0c\xb5\xb1\xb2#e\xbbw\xeeY\xff\xce\x86uk\xd6\xef,\xdc}\xa8\xf8\xd0\x9c9s\x16.\\x\xcf=\xf7L\x9f&gt;\xdd\xef\xf7\xeb\xba\xaeig\xd2\x87N\xaf\x1f\xc0rh\\\x972\xb7\x9e\xc5\xc5\xc5S\xa6LY\xb5j\x95\xf9\xc5N\x17v\x9cr\xd7M\xa3\xc7\x8c\xcam\x91\xad\x94\xaa\xad\x8d%\xe2\x89p0\xacH\x9d\xfeJJ\xc6\x19c\x9c\xe5\xb4\xc8i}v\xeb\x11?\xba&lt;\x1c\nm|\x7f\xf3\xbc?-\\\xf7\xce\xfb\x15\x15\x15\xb3f\xcdz\xf1\xc5\x17\x17,X0h\xd0 \xf3\x0c\xediM\xa78\xbd~\x00;@\x00\xb8\x91\xb9\xd3\xbaj\xd5\xaa)\xb7N)&gt;XLD\xed:\xb4\xbbc\xfa\xb4\x9f\\s\xa5?\xd3\x1f\tE*+\xaa\x88\xc8\\\xf1\xc2\xc5\x0f\x9a\xe2H$\x12\xb1X\x9c\x94\x12\x9a\xb8t\xe4\xb0K.\x1f\xb2v\xcd\xfb\xcf&gt;5w\xc3\xda\x0fw\xed\xdau\xd9e\xc3\x1f\x7f\xfc\x89\x82\x82\x02s\xf5N=\xb7\xa1N\xaf\x1f\xc0&amp;0}\xe9:\xe6\xd6s\xde\xbcy\xa3G\x8f6\xb7\x9e7\xe5O\xfa\xd7\xbb\xafL\x9e6\x911VYVi\xee\\7\xd4\x19N\xc6\x98\x10\\h\x82\x88B\xc1P4R=|\xd4%/\xbc\xf1\xdc\xcc\'\x7f\x9d\x96\x9e\x16\x8b\xc5\xa7O\x9f\x9e\x9f\x9f\xcf97\xd7Y6\xfb\xfa\x01\xec\x03\x01\xe0.\xe6Z\xc9y\xf3\xe6\xe5\xe7\xe7\x13Q \xd3\xff\xcc\xa2\xa7\x9e\xfc\xebc^\xaf\xb7\xbc\xb4\x9c\x88\x84\xd6\x88+[\x84\x10\x9c\xf3`U(\x1a\xad\xbe\xf3g\xb7\xbd\xfc\xe6\xf3\x17^\xdc\x89\x88\xccz\x84\x10J\x9db\xae\xc6\xe9\xf5\x03\xd8\n\x02\xc0E\xcc]\xe3\xba\xadgn^\xee\xa2\xe5\xf3&amp;\xdc4\xbe\xb4\xa4\xd4\xdc\xb06M\x19\xe6f\xf4\xc8\xe1#]{^\xfc\xc2\x1bK{\xf4\xe9N\xc7\xb6\xa1\xe6~ts\xad\x1f\xc0n\x10\x00nan=\xd7\xacYcn=\xb3\xb2\xb3\xfe\xf9\xf6K}\x06\xf4&gt;|\xa8\xc4\xe3\xf14\xfd\xe4\xb5\xc7\xe3\tV\x85R\xd3S_]\xf3\xd2\x80!\xfd\x88h\xde\xbcy\xb3f\xcd\x12B\xe8\xfa\xf7\\\xb4\xe5\xf4\xfa\x01l\x08\x01\xe0\nRJ!DII\xc9\xa4\xc9\x93\x18c\xfe\x80\x7f\xc1\xcb\xcf\x9e\xdb\xee\xdc`e\xd0\xe3\xf1XU\x95\xa6\x89x,.\xa5\xfc\xdb?\xfe\xdc\xa5\xdbED4k\xd6\xac\xd5\xabWk\x9af\x18\xc6\xf1?\xe9\xf4\xfa\x01\xec\t\x01\xe0\x16\x86aL\x9e&lt;\xb9\xe4p\t\x11=\xf2\x87\x19C.\x1dTUY\xa5y,^\x06&amp;\x84\xa8\xad\xa9\xcd\xc9\xcd~f\xf1\x1f\x03\x99~Ej\xf2\x8d\x93\x0f\x1f&gt;\xcc\x18;~.\xc5\xbc\xd3\x83\xb3\xea\xb7\xb60\x80\xfa@\x00\xb8\x82\xc7\xe3Y\xb6l\xd9\xea\xd5\xab\x89\xe8\xfa\x9b\xc7O\xb8\xe9Zs\xe6\xc4\xea\xba\x88\x884M\xab\xaa\x0cv\xee\xd2q\xe6\x93\xbf&amp;E%\x87K\x1ex\xe0\x01\xcey\xdd\xd9Ts\xf2\xc7Y\xf5\x1f\x7f\x179\x00\xdbB\x004s\xe6f\xb4\xbc\xbc\xfc\xe1\x87\x1f\xe6\x9c\x9f\xdb\xee\x9c_\xfd\xf6\x17\xc1\xca\x90\xad.^\xf5x&lt;\xe5\xa5\x15\xe3o\x1cw\xc5\x98QD\xf4\xc2\x0b/l\xd9\xb2\xa5na%c\xac\xa2\xa2\xc2Y\xf5o\xde\xbc\xb9\xee\xd6\xa4\x00\xb6\x85\x00h\xe6\xcc\x13\x92\x0b\x16,\xd8\xbbw\xaf\x94\xf2\xf6\xe9\xd3r\xf3r\xe2\xf1\xb8\xdd\xe6(\x18g\x89xb\xfa\xaf\xeeINN\x8e\xc5b3f\xcc0\xef\xdel\x18\x06\xe7|\xd1\xa2E\x0e\xad\x9f\xb0(\x14l\x0c\x01\xd0\xccy&lt;\x1e)\xe5\xa2E\x8b\x18c\xe7whw\xf5uWUU\x04m\xb5\xfbl\xe2\x9cG\xc2\x91\xae=/\xbe\xf2\xea\xd1D\xb4n\xdd\xba\xa2\xa2"s\xc1eMM\x8d\x13\xeb\xdf\xb3gOZZ\x1a\x0e\x02\xc0\xce\x10\x00\xcd\\FF\xc6\xfa\xf5\xebw\xee\xdc\xa9\x94\x9av\xef\xad\xfe@\x86m\x17)r\xcec\xb1x\xfe\xffNMI\xf1E\xa3\xd1\xf9\x0b\xe6\x9b_\\\xb3f\xcd\xe7\x9f\x7f\xee\xac\xfa\xab\xab\xab\x17,X\xe0\xf5z\x11\x00`g\x08\x80f\x8e1f\xee&gt;\xe7\x9d\x95\xf7\xa3\xb1\xa3\xc2\xa1\x88m\xcfOr\xce\xa3\x91h\xd7\x9e]\xfa\x0f\xe9\xc7\x18[\xfe\xca\xf2H$BD\x0e\xad\xff\x95\xe5\xaf\x94\x94\x94$\'\'Y]\x17\xc0\t!\x00\x9a\xb9\x83\x07\x0fn\xd9\xb2E)5\xe4\xd2A\xb9-r\x12\x89\x84\xddf\xcf\x8f\xa7\x94b\x8c\x8f\xfc\xf1\x08\xa5\xd4\xc1\x83\x07\x0b\x0b\x0bu]\xdf\xb4i\x93\x13\xeb\xff\xfa\xab\xaf&gt;\xfa\xe8#_J\x8a\xd5E\x01\x9c\x90\xed\xe6R\xa1\x01i\x9a\xf6\xe1\x87\x1f\xee\xde\xbd\x9b\x88\x86\x8f\x1ef\xff\xf3\x91B\x88\xda\xea\x9a\x81\x97\xf4O\xcbH\x8b\x84"\xeb\xd6\xad\xf3x&lt;\xc5\xc5\xc5\xe4\xb8\xfa\xd3\xd2"\x91\xc8\xca\x95+\x93\x92p\x04\x00\xf6\x85#\x80\xe6,))i\xeb\xd6\xad\xba\xae{}\xde\x0b\xbbv\x8e\xd5\xc4l\xfe\xf8*\xc6X,\x16o\xd3\xb6\xd5y\xed\xce%\xa2m\xdb\xb6m\xd8\xb0\x81\x88RRS\x9cU\xff\xb9\xe7\x9fCD[\xb6n\xd1\x13:\x11a1\x10\xd8\x93\xad?N\xf0\x03\xc5\xe3\xf1\xad[\xb7\x12Q\xdb\xb3\xdb\x9c\xd5*\xcf\xe6\xf3\'&amp;)\xa5/\xc5\xd7\xf9\xe2\x8eD\xb4}\xfb\xf6\xff\xbe\xf9_"j{\x8e\xc3\xea7\xef\x12ZTXTRRBD\xd8\xfe\x83=a\n\xa89\x93RVVV\x12QN\x8b\xac\xd4\xb4\xd4p(b\xf3=h"RJq!Z\xb6jID\x15\x15\x15\x864\x88(;\xc7\x91\xf5\x87\xc3a\xfb\'\x16\xb8\x19\x02\xa0\x99\xd34M\xd7\xf5\x0b:_ 4\xcd\x11\xb7\xaag\x8c\x19\xba\xde\xa1S{"*)))++#\xa2\x0e\x9d\xda;\xb1~&lt;\'\x12l\x0e\x01\xe0\n\x99Y\x99\xc7\xdf]\xc7\xe6\x94R\x99Y\x99D\xa4\xeb\xba\xb9\x8e\xdey\xf5gg\xd2\xd1EA\x08\x00\xb0/\xbb\x1fPC\x83\xb0\xed\xc5S\'b\x16\\\xb7\x07\xed\xd0\xfa\x01l\x0e\x01\xe0\n\x8e\xdb\x0f\xfdV\xc1N\xaf\x1f\xc0\x9e\x10\x00\x00\x00.\x85\x00\x00\x00p)\x04\x00\x00\x80K!\x00\x00\x00\\\n\x01\x00\x00\xe0R\x08\x00\x00\x00\x97B\x00\x00\x00\xb8\x14\x02\x00\x00\xc0\xa5\x10\x00\x00\x00.\x85\x00\x00\x00p)\x04\x00\x00\x80K!\x00\x00\x00\\\n\x01\x00\x00\xe0R\x08\x00\x00\x00\x97B\x00\x00\x00\xb8\x14\x02\x00\x00\xc0\xa5\x10\x00\x00\x00.\xe5\xc8g\x02\x7f\xf7\xd9\xb0\x8e{\x00\xd3\xb7\xfe\x04\xc7\xd5\x0f\x16B\xff[\xce\xe9\xf5\xd7qL\x00(\xa5\xa4\x94\xa4\x88s.4\xc19g\x9c1"\xa9\x944\xa4a\x18\xe6\xd3\xc39\xe7\xb6}3\x8e\xfe\tD\x82\x0bM\xd3\xccR\x95R\x864\x0c\xdd\x90\x86d\x8cq\xe1\xa4c2iH\xa9\xa4\xf9\xcf\x8c\x98\xd0\x84\xb5\xf5\x9c.\x07\xd5\x8f\xfe\xb7\x9c\x94RIE\x8c\t\xc1\x8f\xd5OJ\x91\x94\xd20\x0c\xc30\x88HpA6\x1d\xfe\xef\xe7\x80\x000\xc7=)\xd9\xe3KI\x17\x82\xd7\xd6\xc6"\xa1Hu\xb4\xba\xb66\xa6\x94JNN\xf2\xa5\xf8\xd2\xfd\xe9\xbe\x14\x9f4du\xb4:\x91H\x08a\xafO\xb2\xd9\xfaIII)\xa9)\x8cQ4Z\x1d\x0e\x86\xab\xabk\xf4D\xc2\x93\xe4III\xf5\x07\xd2})&gt;=\xa1G"Q%\x95\x9d?\x06&amp;\xa5HJ###\xdd\x93\x9cD\x8a\x88\x91\x922\x14\x0c\x7fw\xe7\xd4\x9e\x1cT?\xfa\xdfZJ)iH\xa1\x89\xd4\xb4\xd4\xa4\xa4$C\xd7\xa3\xd1\xeaP0T[S\x9bH$4M\xf3\xa5\xf82\xfc\x19\x19\xfe\x0c)e$\x1c1\x0c\xc3n\xe3\x7f\x12\xb6\x0e\x00s\xe8}\xa9&gt;\x9f\xcf{\xa8\xb8\xe4\xed\x95\xef~\xb0nS\xe1\xf6\xa2\xc3\xc5\x87\x83U\xc1DB\'\xa5\x84\xa6\xa5\xa5\xa7\xb5l\x95wQ\xd7\xceC\x86\x0f\x1e&lt;l`vnv\xb0*H\xb69.3t\xc3\x9b\xe2\xf5\xf9|\xc5\xdf\x14\xff\xf7\xb5\x95\xef\xbf\xb7\xa1\xe8\xb3]\x87\x8b\x0fWWW\x1b\x86\x14B\xa4\xa5\xa7\xb5jsV\x8f\xde\xdd.\xbbb\xf8\x80!\xfd&lt;I\x9ep(l\xe7\x1e\x92Rr\xc6\xb2\xb2\xb3\xdex\xf5\xbf\x9f~\xb4\x8ds\xae\xa4JMK\x994ubrr\x92\xb9\x97ggN\xa9\x1f\xfdo9)errrJ\xaa/\x14\x0c\x7f\xb4\xe9\xe3\x8d\xeb7\x7f\xfa\xd1\xb6\x03\xfb\xbe*;RVSS+\r\x83q\x9e\x92\xe2k\xd9\xbae\x97\xae\x17^v\xc5\xf0\xa1\x97\r\xce\xf0g\x84\x82!\x9b\xd4\x7fJ\xf6\r\x00)\xa5\xc7\xe3I\r\xa4\x16\xed\xd8\xf9\xe2\x92\x97\xdfx\xf5\xbf\xc5\xdf\x1c\xfa\xde\x9f\x8c\x84#\x87\x8b\x0f\x7f\xbau\xdb\xf3\x0b_&lt;\xf7\xfcs\xf2\xef\xb9u\xe2\xad\xd7\xc7cq]\xd79\xb7rWBJ\xc9\x18\xcb\xca\xc9\xdc\xb3\xf3\x8b\xe7\xe6\xfe\xe3_\xcb\xdf8r\xf8\xc8w\x7f,\x1a\x89\x96\x1c*\xf9d\xcb\xa7\x0b\xff\xb6\xa4\xcf\x80^?}\xb0`\xd8\x88!U\x95Ak\x8b?\x11]7|&gt;/\x17\xfc\xd1\x07\x1f\xff\xf3\xec\xbf\xd6}=99y\xfc\x8d\xd7z\xbd\xc9J)\x9blz\xbe\x97S\xeaG\xff[\xde\xffJ\xaa\x94T\xdf\xc1\xaf\x8a_{\xf9\xf57^\xfdO\xe1g;\xbf\xf7\xc7\xaa\xa3\xd5e\xa5\xe5;&gt;\xfd\xfc\xc5\xe7^\xb9\xa8\xdb\x85\xf7\xfd\xe6\xa7#\xaf\xbc&lt;Xe}\xfd\xf5a\xd3\x00PJy}\xdePU\xe8\x89\x99s\x9e_\xf8bu\xb4\x9a\x88\xb8\xe0B\x08FL\x1eCD\x9cs!8\x11\x93J*\xa9\xbe\xfc\xe2\xc0\xaf\n~\xb3\xe1\xbd\x0f\xfe0w\xb6\xe6\xd1\x0c\xdd\xb0\xea\xc3\xac\x94JIM1t\xe3\xcfO\xfe\xf5\x999\xcf\x9a;eB\x08s\xeaPJeb\x8cq\xce\x95R\x8a\x94\x94r\xcb\x87\x1f]\xff\xe3\xc9\xbf\x9cu\xdf=\xf7\xdf\x19\n\x86\xec\xd6C\xba\xae\x072\xfd\xc5\xdf\x1c\xbe\xef\xae\x07\xde{k-\xe7\xbcn&amp;4+\'\xd3\x0e\xdb\xcd\x93sJ\xfd\xe8\x7f\xcb\xfb\xdf0d\x86?\xed\xa5\xe7\x96?\xfc\xcb\xdf\x99\xc5\x13\x91\xe6\xd18\xe3f\xa9J*"b\x8c\xd5\x9d\x8cQR}\xbe\xad\xf0\xe6k\xa6&gt;\xf8\xe8/\xef\xfc\xd9m\xa1\xca\x90\xad\xe6\xb2\xbe\x97\x1d\x03@I\x95\xecM\xde\xbf\xf7\xcbIco)\xfe\xba\x98\x88\x84&amp;\x181\xc30\x12F\xa2\xee\xc78\xe7D\xaa\xee\x93\xc08#E\x8c3!\xc4\x7f^[\x99H\xe8s_\xf8\xab\xa1\x1b\xd6\xfc\tJi\x9a\xb6o\xcf\xbe\x87\xa6\xcf\xdc\xb0\xf6C\xf3O EJ\xa9D"\xf1\xad\x1f6O\x1f\x99\x13\x11B\x08\xa5\xd4\xe33fk\x9a\xb8\xeb\xe7\xb7W\x96W\xd9\xe4\xcc\xa4\x92J)\x95\x93\x9b\xfd\xde\xeau?\xbb\xfd\x17\xdf|uP\xd3\x84aH]\xd7\x8f\x9e\xca\xb3h\xa8\xeb\xc9A\xf5\xa3\xffm\xd2\xffJQn\x8b\xdc`U\xd0\xe3\xf1\x10\x91\x94RO\xe8\xdf\xf3s\x06\xd1\xb1\t7s\x8b\xff\xe8\x83\x8f\xe7\xb6\xc8\x19?y\\Ue\x95\xcd\xe7\x82\xec\x18\x00\x8c\xb1D"\xd1\xa2en\x8b\xbc\x9cC\xdf\x1c\xd24M\xd7u\xf3\xec\\\x87N\xed\x87\\:\xa8[\xef\xae\xadZ\x9f\x95\x92\x9aBD\xa1`hw\xd1\x9e7\xff\xfd\xd6\xc6\xf5\x9b\x88\x88\x14\xe9R\xf7x\xb4\xb7\xfe\xb3f\xc9\xdf\x97\xe6\xdf;\xb5\xb2\xa2\xd2\x92\xf7@\xf3h?\xbf\xe3\x81\x8f6}\xec\xf1xtC\'\xa5\x0cC\x9a\x7f\xc2\xe0K\x07]\xd4\xb5sn^\xae\xc7\xa3\x85\x82\xe1\xcf\xb7\x15\xbe\xf1\xcf\xff\xee\xdf\xfb%\xe3\xcc0\x0c\xf33\xfc\xd8of\xf7\x1d\xd4\xa7{\xaf\xae\xd1h\xb5\xe5\xc7\x01\x86a$%%\xf9R|\xcf\xccy\xf6w\x0f=a\x18\x86\xd0\x84aH\x1b\x9e2\xfd^\xce\xaa\x1f\xfdo\x87\xfe\x17\x82G\xc2\x91\xcb\xae\xb8t\xc8\xf0\xc1\xeb\xdfy\xdf\xfcbNnv\x9f\x81\xbd\xbb\xf5\xeazn\xbbs\xfc\x81\x0c!D4Z\xfd\xc5\xee}o\xbf\xf9\xee\x87\xeb7\x12\x912\x94\xb9\xba\xe9\xe1_&gt;:\xf8\xd2\x81\x81\xac\x80\x9e\xd0\xedsd\xf9]v\x0c\x00bd\x18F\x86?\xe3\xe9\x05\x7f\xf8\xc9%\xff\x13\xaa\n\x11\xd1\xf0Q\xc3\xa6\xdcys\xdf\x81\xbd\xcd\xb3\xed\x86aHC\x12\x11\x17|\xd8\x88K\xa6\xdcu\xf3\x0b\x8b^zh\xfaL\xf3\xa3b\x18\x921\xf6\xf7\xa7\xe7_s\xfd\xd5\xc9\xded\xc3\x90M\xfc\x16\x98\x1f\xd7\xdf&lt;\xf6\xc0\xc4\xabn\xa9\xa9\xaeQR\x19\xa4z\xf4\xe9~\xe7Oo\xbb\xe4\xf2!\x19\xfe\x0c\xa9\xa44$\x91b\x8c_}\xdd\x98{\xee\xbf\xe3\xf7\x8f&lt;\xfd\xf7?\xcd\xe7\x9cK)I\x90a\x18\x7fz\xf2/KV\xcc\xb7|\x1b\xa5\'\xf4\x8c@z\xb0*\xfc\xb3\xdb\x7f\xf1\xafW^\'FB\x08s\xd72)9)\x1e\x8b[\\\xdf\xa98\xaf~\xf4\xbf=\xfa\xdf\xfc+n\xb9}\xf2\xfaw\xde\x1f0\xb4\xff\xb8\x1b\xae\xbe\xe4\xf2!g\xb5&gt;K\x08a\x18\x86RR)\xe2\x8c\x891#o/\x98\xf6\xca?V&lt;p\xefC\xb1x\\)\xc59\xaf(\xaf\xfc\xe7K\xff\xba\xe7\xbe;+\xca*mr\x10\xff\xbdl:E\xc59\x0f\x87\xc2\x1d/\xbc\xe0\xc1G~\xd1\xa9K\xc7\xc5+\xe6=\xf7\xcf\x85\xc3F\x0cUJU\x94UTUVE\xc2\x91\xea\xea\xea\xea\xea\xeaH8RQ^\x11\xae\nO\xbbs\xca\xaf~\xfb\x0b)%\xe3LJI\x8c\x15\x7fsh\xeb\xc6\x8f})&gt;\xd5\xe4\xeb:8\xe7\xd5\xd1\xea\xfeC\xfa?\xf6\xf4#\x86a\xf8|\xde\x19O&lt;\xb8b\xd5\x0bW^=Z)U^VQUQ\x15\n\x86\xc3\xc1H\xb0*XVZ\xae\x14=\xfa\xf4\xc3\x13\xa7\\/\xa5\x14\x82\x9bg\xcf\xd6\xbf\xb3a\xcf\xce/|&gt;\xaf\xb4\xeeC\xa0\x94\xca\xce\xcd\xfe\xec\x93\xcf\xffg\xc4\xf8\x7f\xbd\xf2\xba\x10Bpa\x1e\xb3?\xf0\xc8\xfd\x1d:\xb6\xa7\xa3s\x116\xe5\xd0\xfa\xd1\xffv\xe8\x7f!D4\x1a\xed;\xa8\xcf\xabk^Z\xf6\xfa\x92\x1bn\x99\x10\xc8\x0c\x04\xab\x82\x15e\x15\xc1\xaa`8\x18\x89\x84#\xc1`\xb8\xbc\xac2X\x15\xbcy\xda\x8d\xf7\xcf\xfc\x99\x92\x8asFD\x8c\xb1\xb5\xab\xd7\'\xe2\t\xc6\xed\xbb\xfbO\xb6\r\x00"\xd24-X\x19\xbcz\xc2U\xaf\xae~i\xc4\x8f.\x0f\x87\xc2\xa1`\x88\x88\x84&amp;\xccSIu4M\xe3\x82\x97\x1c9r\xc3-\xd7\x9d\xd3\xee\x1ciH\xce\xb9\xe0\x8c1V\xb8\xa3H\xf3h\x964\x90\x10\xa2\xbc\xac\xe2\x7f\xae\x1f\xfb\xeb\xc7~\xb5\xe4\xd5\x05\xf7\xdc\x7fW&lt;\x91\xa8\xaa\x0c\x12\x91\xa6\ta\xfe\x11\x82\x0b!4M\x93\x86\x0cV\x06\xef\xbd\xff\xce\x0c\x7f\xbay\xa4\xcc8\x8b\xd5\xc6\xb6\x7f\xf2Y\xb27\xb9\xe9?\xc0&amp;\xa5\x94\'\xc9\xb3l\xf1K\xe3FN\xd8]\xb8\xc7\x9cI0\x0c#99\xf9\xcf\x8b\x9e\xbacz~Ue\x95%\x85\xd5\x93\xa3\xebG\xff[\xde\xffD\xa4\xa4JJJ\xea\xdd\xafW\xac6VY^\xa9\xeb\xba\x10\xe2\xe8[ \xb8y\x06\xde\xfcsJ\xcbJ\xff\xe7\xfa\xb1\xd9\xb9\xd9f\xfdJ\xa9\x03\xfb\xbf\nV\x854M\xd8s\xa6\xd1d\xdf\x000\x99g\x93\xcc5U\'\x99\xcad\x8cIC\xa6\xa5\xa7\xf5\xec\xd3\x8d\x8e\x9d\x901w\x97HYvi\x9e\x10&lt;\x14\x0c\xdd^0\xad\xdf\xa0&gt;%\x87\x8e0\xc6N\xf4\'p\xc1c\xb1X\xab\xb6\xad\xba\xf5\xecJDG\xd7\xa6\x10\x1d\xd8\xf7\x95yZ\xacI\xeb&amp;""s&lt;\xdf~\xf3\xdd\x9f\xe6\xdfWSS\xcb97\xa7&amp;\xda\x9c\xddz\xd9\x1b\xcfM\xb8\xf1\xda\x92C%\xb1X\x9c\x88\x14\xd9\xb1\xbf\x9d^\xbf\t\xfdoU\xff\xd7QJE\xa3Q\xc6\x98\xd0\xc4\x89f\xf3\x19cRJ\xbf\xdf\x7f\xceym\x89\xc8\x1c\xf1H8R[\x1bc\xf6;\xbe&lt;\x9e\xad\x8b3I)\xeby\x16\x8b1\x16\xc8\x0c\x10Q]\xcb[~\xfa\x85s\x1e\xac\nVW\xd7h\xf5\x98\x07\xd44\xd1\xfa\xecVDf\xfd\x8c\x88"\xe1\x08\x99\x17\xaa69.x4\x12\x1dz\xd9\xe0K.\x1b\xa2\x94\x12\x9a0tc\xd0\xb0\x01\xaf\xaey\xb9\xef\xc0\xde\xe5e\x15\x8c\xf1\xa3\x8b"l\xb9\xfdtz\xfdu\xd0\xff\x96\xf4\xff\xf1\xea3I\xa8\x14\x11#\xc68\x1d+\x97\xd9\xf8\xb6\x1cu\x1c\x10\x00\xf5\x1dDFJ\xa9p(l\xfe\x9b"b\x8cr[\xe4\x10\xb3\xf8\x03n\x1e\xb0\xd7\xf3\x87\xbf\xf5\x93\x9a\xc7CDVm\xa2\xa4T\xc9\xde\xe4\xa7\xe6\xcdn\xdd\xb6u"\x9e\xb8\xe5\x8e\x9b\x96\xfesan\x8b\xecPU\xc8\xe3\xf1(%\xeds\xd1\xec\xf7rz\xfd&amp;\xf4\xbf\xdd#\x9a\x88\x14\t\xc1\xab\xa3\xd5%\x87J\xc8\x0c\x03"\x7f \xc3\x97\xe2\x95\x86dV\x07\xd8I\xd8r\x15\xd0\x19\xe1\x9c\xd7T\xd7\xec\xd8VHDJ*\xf3\x1c~\xe7\x8b;\xeb\t\x9d\xdb\xfb&lt;L\x1d)UEy%\x919+\xa1\x88(\'7[)eU\x03q\xcej\xa25-[\xe5=\xf9\x97\xdf}\xb1\xfb\x8b\xdb\xfewj\xb02dH\xc3\\\xd5\xa0\x14\xd9\xfc\x93\xe9\xf4\xfaO\x0b\xfa\xdfB\x86ad\xa4g\xac\x7fw\xc3\xc1\xaf\x8b\xebN\x02\xb7k\x7f^\x86?#\x1c\n\xdbp\x95A\x9df\x12\x00\xf1x"\xb7E\xf6[o\xac\xd9U\xb8\xdb&lt;\xed\xae\x14\xb59\xa7M\xcf\xbe\xdd\xab\xa3\xd56?\x11o\x12BD#\xd1/v\xed#"\xf3"I"j\x7fA;]7\xc8\xba\x03I\xa1\x89`Uh\xe0%\xfd\x87\x8d\x18ZQ^Yw\xdd\xa6U\xf5\x9c.\xa7\xd7_O\xe8\x7f\x0bI)\x85&amp;\xf4\x84\xfe\xfbG\xfe\xa8\x942g\x81\x94R#\xae\xbc\\\x08\xa1\xa4\xb2\xf3&lt;\x8b\x8dK\xfb\x0e\xa5\x8evF\x1dsA\xb4\xae\x1b\xd99Y\xc5\xdf\x1c\x9a\xf5\xcbG\x89\x14#f\x9e8\xca\xbf\xf7\xd6\xac\xec,]\xd7\xed\xbf\x07!\xa5\xf4\xfa\xbc\xbb\x0bw\xef\xdb\xbb\x9f1f~\x042\xb33;_\xdc\xa9\xb6\xb6\xd6\xda=8\xceymM\xady\x1e\xd2\xfes\x9a\xdf\xe5\xf4\xfa\xeb\xa0\xffm\xc8\\\xb7\x9a\x9e\x9e\xf6\xcb{\x1f\xdc\xba\xf1#sg\xdf0\x8c\xf3\xce?w\xcc\xb8\x1f\x87Can\xef+\x81\x9d\x14\x00\x9c\xb3\xba\xa5oB\x08\xcd\xa3\xf9R|\x99Y\x81@\xa6\xff\x83u\x1b\xaf\xfb\xd1\xa4/v\xef\xe3\\p\xce\x13\x89\xc4\x88+/\xbbq\xda\xc4`U\xd0\xe6\x97b\x9b\xa4!\xbd\xde\xe4\x17\x97.7\x0c\x83sn\xae\x1c\x18v\xf9\xd0\xd6m[\xc5cq\xcb7[\'_\x82b\x7fN\xaf\xdf\x84\xfe\xb7\x1b\xf3\nsOR\xd2\xbdS\x7f\xf6\xe2\x92W\x84\x10u+\xca\x1e\xf9\xc3\xcc\x0c\x7f\xba\xae\xebv\xad\xfd(\'M\x01\xe9\xba^\xb7"@\x1a\xb2\xb66v\xa4\xe4H\xd1g;W\xbd\xbe\xfa\xad\xff\xac!"\xcd\xa3\x99\xeb:F\x8f\x19\xf9\xc7ys\xbe{\xd7\x11{2\x17\xf0m\xfb\xf8\xb3\xe5\xcf\xbfj\xae\'3g*&amp;O\xbb!a\xef\xeb\xc8\xa1)\xa1\xffmE\xd7\xf5\xf4\x8c\xf4\xca\xf2\xca{o\xfd\xe9\xda5\xeb\xeb\x96\xabJ)\x1f\xfd\xe3\xc3\x97\x8d\x1ef\x9f\x1by\x9d\x84\x03\x02\xc0\\\n\x1d\x0e\x85o\x19\x97\x1f\xac\n2\xce\x94R\xbanD\xc2\x91`e\xf0\xf8\x85\x1czB?\xab\xf5YwL\x9fvc\xfe\xa4D"\xa1\',\xbe\x1dn=1F\x8c\xb3\x99\xf7?R[SkNS\x18\x86q\xd5\xb5?\xee?\xb8oU\xa53\xf6\xe0\xa0\xf1\xa0\xff\xad.\xf0{\xe8\xba\x11\xc8\x0c|\xbe\xad\xf0\x8e\x1b\xef\xf9b\xf7&gt;s\xdf_J\xc99\x7f\xe2/\x8f\xde8mREy\x85\xfd\xb7\xfe\xe4\x88\x00 "b$\xa5\xdc\xbds\x8fy_\xdc\xe3\t!\x88\x91\xe0b\xe8\xe5C\xc6\xdd0v\xf4\x98Q\xfet\xff\xa1C\x87\x88\x1d\xbd\x01\xa1\xcd\xe9\xba\x9e\xdb"\xf7w\x0f=\xfe\xc1\xda\x8dB\x08\xf3\xa6\xbe\x81\xac\xc0/f\xddW[\x13\xb3\xed\xee\x0f4)\xf4\xbf\x9d\x18\xba\x11\x08dl\\\xbf\xe9\xd6\t\xb7WU\x1c\xbd\xdf\xa74d \xd3\xff\xc7ysF_5\xaa\xa2\xac\xc2\x9e\xb9\xf5]\x0e\t\x00""JIM1\'\x04\x8f\xad\xe28z&lt;l\x9e\x0c\xdb\xb7g\xdf\xab/\xfckg\xe1\xeea\x97\r\xed\xd5\xbf\xa7\xae\xeb5\xd556\x7f\x1b\xf4\x84\x9e\xd3"\xfb\xc5\xe7^\xfe\xe3\xe3\xcf\x08!\xa4\x94\\pC7f\xcd\xfe\xf5y\xe7\x9f\xe3\x88CHh2\xe8\x7f;\x90R\xa6\xa6\xa7\xee\xd8^x\xcb\xb5\xf9uO\xfe2\x0c\xa3\xd3E\x1d\xff\xb2\xe4\xe9\xce]:\x95\x97\x96k\x9ac\xb6\xab\x0e8B4)\xa5"\xa1\x88\xae\xeb\x89DB?\xca8\xfa\x7f\x86\xd4uc\xdf\x9e\xfdo\xfdg\xcd\x1f\x7f\xf7\xe7\xff\x19q]\xfe\rw~\xf9\xc5\x81\x0c\x7f\x86y\xdb/{\xd2\x13zVN\xe6;\xab\xde\xbb\xef\x8e\x078g\xe6\x05\x9f\x86n\xdcz\xd7-\xe3\'\x8f\xb3g\xf7\x83U\xd0\xff\xb6\xa0\x88s\x1e\xab\x8d\x15L\xfdy(\x18\x12\x9aP\xa4\x0c\xc3\x18x\xc9\x80WV-\xeb\xd0\xe9\xfc\xca\xf2J\x07m\xfd\xc9\x11G\x00\xe6}NRRS\x16\xbe\xf2\xf7DBgD\x8aH\xd7\xf5h8Zz\xa4\xec\xc0\xfe\xafv|\xbac\xfb\';\xcc\x19O\xce\xb9\xae\xebo\xfek\xd5\x87\xeb7\xfde\xf1\xd3\xc3.\x1f\x12\xb4\xe5\xf39\xf5\x84\x1e\xc8\n|\xb4\xe9\x93\xdb\'\xdd\x1d\x8b\xc58gBp]\xd7G\x8f\x199\xe3\x89\x07\x83v\x9d\xfa\x84\xa6\x87\xfe\xb7\x0fC\x1a\x99Y\x99\x8b\xfe\xb6\xa4h\xc7N\xa1\t%\x95\x94r\xc0\xd0\xfeKV\xcc\x17BDBQ\xcd\xe3\x80-\xea\xf1\x9cQ\xaey\x1el\xe8e\x83\x8f\x9b\x13d\xe6R\x01"US]\xbbo\xef\xfe\x97\x9e{e\xe1_\x97\x98\x0fx\x12\x82WUT\xe5\xdfp\xe7k\xef\xbc\xd2\xa1S\xfb\x9a\xea\x1a[\x9d\r\xd3u\xdd\x9f\xe9/\xda\xb1\xf3\x96k\xf3\x83U!\xf3\xb9\x84\xban\xf4\x1f\xdc\xf7\xcf\x0b\xff\x10\xab\x8d)\xa5\x1cq\xf1\x0e4\r\xf4\xbfM0\xc6\xe2\xf1\xf8\xbf\x97\xbf\xc1\x18c\x8cI%[\xb59\xeb/\x8b\xff\xa8y\xb4\x9a\xea\x1a;\x1e\xb2\x9c\x8a\x8d\xda\xe2\xe4\x94R\xe1`$X\x15:\xf6\xbf`UeUEYEEYe\xac6\xd6\xae\xc3y\x8f\xfe\xf1\xe1\xc5\xcb\xe7\xa5g\xa43\xc6\x0cCj\x9a\x16\x8dD\x1f\xfe\xe5\xa3\xb6j}"\xd2u=##\xe3\x8b\xdd_\xdcx\xf5\x94\xd2\x92R\xce9\xe3L\xd7\x8dn\xbd\xba\xce\x7f\xf1Y.\x84\xe5\xcf\xf2\x06\x1bB\xff[\xce\xbc\xbbx\xd9\x91\xb2=;\xf7*\xa5\xcc\'\\N\xbd{J\x9b\xb3[G#Q{\x1e\xb2\x9c\x92\x1d\x07\xfaD\xcc\xbb\x87\xff\x7f4!4\xc18\xab\xad\xa9=\\|\xf8GW\x8d\xfe\xd5o\xef7\x9f\x89a\x18:\xe7\xfc\xfdw?\xf8t\xcb\xb6\x94\xd4\x14\x9b\xdc\xf6K\xd7\xf5\x8c\x8c\xf4/\xf7\x1f\x98t\xd5-\xc5\xdf\x1c\x12B0\xce\x0c\xdd\xe8\xd2\xed\xa2%+\xe6\xa7\xa6\xa5\xc6jc\xf6\xec~\xb0\x1c\xfa\xdfZJ)Mh\x15e\x15\xa1`\x98\x88\x0c\xc3\x10B\x0c\x18\xd2\xaf:j\xf7\x93\xed\'a\xd3\xb1&gt;]\x9cs\x8f\xc7SZZv\xd5\xb5?i\xdd\xb6\x954$c\xcc\\1\xbdq\xc3&amp;\xaf7YJ\xeb\x17\xc4\xe9\xba\x91\x9e\x9e\xf6\xf5W\xdfL\xbe\xea\x96\xaf\x0f|c.\xe03t\xe3\xe2\xee]\x96\xbe\xb6\xd0\x9f\xe9\xaf\xa9qp\'\x81\x85\xd0\xffM\x83qVS\x1337\xfd\x8c\xb1\xb4\x8c\xb4\xac\x9c,\xc30\xec\xb9\\\xb5&gt;\x9aI\x00\x10\x91y\xfdH\x86?\xa3s\x97NDGo\xccMD\xfb\xf7~)\xa5\xb2\xfc\r2t#-=\xb5\xf8\xe0\xe1IW\xdd\xf2\xe5\xbe\x03u\xdd\xdf\xbdW\xb7\x7f\xfc{q +`\xffE{`g\xe8\xff&amp;\xc0\x88\x0c\xc38\xfaLf)c51s!\x90\xd5u\x9d9g\x9c\x04\xae?\xceYZz\xda\xd1\x7fQDD\x91H\xd4\xc2G\xca\x99\x0c\xc3HIK9r\xf8\xc8\xe4\xb1\xb7\xec\xdb\xb3\xbf\xae\xfb{\xf4\xe9\xbe\xe4\xd5\xf9\xe9\x19\xe9\x8e\xe8~\xb0?\xf4\x7f\xe3a\x8c\xc5b\xf1s\xdb\x9d\xbd\xe4\xd5\x05\xe6Z,\x8fGKI\xf1\x99\xc7[VWw\x86\x9aY\x000)U$\x1c9\xfeK\xc9II\xd6\xdeN\xd60\x8c\x94\x94\x94\xf2\xd2\xf2\xc9c\xa7\xec\xd9\xb9\xb7\xae\xfb{\xf6\xed\xb1d\xc5\xfc\xb4\xf44Gt?8\x01\xfa\xbf\x11\x99\xf7)JKO\xbb\xfc\x8aK\xcd\xaf(\xa5\xaa\xa35\x8e\xbe\xbbx\xb3\n\x00!x$\x1c\xfdb\xf7\xd1[\x8as\xce\x18cyg\xb5\x10\x82[\xf5\x1e\x19\x86\xe1K\xf1UUV\xddx\xf5\x94\x9d\x9f\xef\xaa\xeb\xfe^\xfdz,Y\xb1 5-\xd5\xfe\xf3\x9e\xe0\x14\xe8\xff&amp; \rYY\x114\x0f\xaa\x18g\x9e\xa3\xcf,s*[\x07\x80yv\xa5\x9e\xab\x02t]\xf7\x07\xfc\xeb\xdfy\xff\xcb}\x07\xcc\x0b\x0b\x89\xb8R\xea\xc2\xae\x17\x1a\x86\xb4d\x1f\xc80\x0c\x9f\xcf\x17\n\x86\'_=\xe5\xf3\xedE\xe62aC7z\xf7\xef\xb5x\xc5\xbc\xd4\xd4\x14\xc7u?4%\xf4\xbf\rI%\xd33\xd2\x92\xbd\xc9\x8cX"\x11\x8f\x84\xa3d\x83g/\x9f1[\x07@ \xd3\x1f\x8f\'j\xaak\x94T\x8c\x9b\xd7^|\xcf@+\xa5\x0c\xddH\xf6&amp;\xeb\xba\xfe\xfb\xdf&gt;\xad\x94\xe2\x9c3FJ)\x7f \xa3O\xff^\x96\\\x08c\x18\x86\xd7\xeb\x8dD\xa27\xff\xcf\xad\x9f}\xb2C\x08!\r\xa9\x94\xea\xd1\xa7\xfb\x82\x97\xff\x9e\x9c\x9c\x1c\tG\x85&amp;t\xfd\x84\x17\xeb\xb3cOvu\xdc\x87\x04\x1a\x04\xfa\xdfn\xfd\xaf\x94JKK\xfdx\xf3\xa7\x1f\xa</t>
        </is>
      </c>
    </row>
    <row r="288">
      <c r="A288" s="1" t="n">
        <v>286</v>
      </c>
      <c r="B288" t="inlineStr">
        <is>
          <t>size_grid</t>
        </is>
      </c>
      <c r="C288" t="inlineStr">
        <is>
          <t>What is the size of the missing part denoted with a question mark?</t>
        </is>
      </c>
      <c r="D288" t="inlineStr">
        <is>
          <t>['small', 'medium', 'large']</t>
        </is>
      </c>
      <c r="E288" t="inlineStr">
        <is>
          <t>large</t>
        </is>
      </c>
      <c r="F288" t="inlineStr">
        <is>
          <t>There are circles arranged in a grid formation with varying sizes in the image. The sizes in the first row are ['small', 'large', 'small'], the sizes in the second row are ['large', 'medium', 'large'], and the sizes in the third row are ['small', '?', 'small'].</t>
        </is>
      </c>
      <c r="G288" t="inlineStr">
        <is>
          <t>We observe that the circles at the corners are small size, while the circles directly adjacent to the center are large size. Only the center circle is medium size. Hence, the pattern is that the circles alternate in size depending on if they are at the corner or adjacent to the center.</t>
        </is>
      </c>
      <c r="H288" t="inlineStr">
        <is>
          <t>Based on the pattern that the circles alternate in size depending on if they are at the corner or adjacent to the center, the size of the missing part that is adjacent to the center should be large.</t>
        </is>
      </c>
      <c r="I288" t="inlineStr">
        <is>
          <t>b'\x89PNG\r\n\x1a\n\x00\x00\x00\rIHDR\x00\x00\x02\x00\x00\x00\x02\x00\x08\x02\x00\x00\x00{\x1aC\xad\x00\x00iQIDATx\x9c\xed\xddyx\x14E\xfa\x07\xf0\xb7\xba{f2\xb9\'\x07\xa7\xca!9\x10BH \x84K$\x80\x1c*\xab\xae\xca!g\x10\x90\x1f\x1e\x1b\x14\x11\\w\x15tw\xe5\x12t\x055\x91C\x01a\xf1BE!\x10D9D\x8c\x04L\x02\x81\x10\x8e@\xc8\xc1\x91k\xc85\xd3U\xf5\xfb\xa3`6\x0b\x1e\xa8\x93\x99\xe9\xe9\xf7\xf3\xf8\xf8h2\x0c\x9dI\xf5\xfb\xad\xaa\xae\xae&amp;\x9cs@\x08!\xa4?\x92\xbb\x0f\x00!\x84\x90{`\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a\x00 \x84\x90N)\xee&gt;\x00\x84\\\x8ds\xfe\x93_\'\x84\xb8\xf8H\x10r/\x0c\x00\xe4\xcdx#\x00 I\x92\xe3\xdf\xd7c\x8c9\xfeM\x1aq\xe1\xf1"\xe4R\xe4\xe7zC\x08i\x94(\xf7\x8c1B\x88,\xcb\xd7\xbf\x801VUUE\xc8\x95\xc6/\xfe\xc3\xc7\xc7\xc7l6\xff\xe4\x8b\xc5[I\x92\x84a\x80\xbc\x0c\x06\x00\xf2\x12\xa2\xe8s\xce\x15\xe5\xbf\xe3ZJiqqqAAANN\xf6\xc5\x8b\x1733\x7fPU\xb5\xac\xb4\xb4\xb4\xac\x94\x00\xe1 \x1a?\x01\xe0\xfe~\xfe\x1d":p\x0e111aaa\xdd\xbbw\xbf\xf9\xe6\x9b\xdb\xb4i\xe3\xeb\xeb\xdb\xf8\xdd\x00\x00\x93\x00y\r\x0c\x00\xa4y\x9csJ\xa9\xa3\xeeSJ\xf3\xf3\xf3\xd3\xd3\xd3\xf7\xec\xd9\x93\x9f\x9f_Xx\xba\xba\xda\xfa;\xde\xd6d2\xb6j\xd5***\xaag\xcf^\x83\x07\x0f\x8e\x8d\x8du\x84\x81\xaa\xaa\x92$\xfd\xdcT\x12BZ\x81\x01\x804Lt\xc9\xc5&lt;\x0f\xa5t\xff\xfe\xfd\x9b6m\xda\xb2e\xcb\xf1\xe3\xf9\r\r\xb6\xc6\xaf\x0c\x08\xf0\xf3\xf3\xf3\xbd-\xb2\xad\xa4\xc8A\x01~]\xbaDr\xcaD7\x9esN\x14C\xe1\xe9\xa23E\xa5D\x96\x0b\n\xceTW_\xbeT^y\xcd\xdf\xd5\xae]\xdb\xa4\xa4\x01\xf7\xde{o\xff\xfe\xfd\x03\x03\x03\xe1\xea\x98\x03\x07\x04H\xbb0\x00\x90&amp;QJ\x1d\x95\xb7\xa8\xa8h\xc3\x86\r\xeb\xd6\xad;t\xe8\xd0\x7f_AH\xdb6\xad\xbb\xc5u\x8c\x8f\x8d\xea\xde5\xbacT\xfb\xc0 \xff\xa0p\x0bH2H\x04\xc0\x00\xd0\xb8\xe5\x13\x00\x15\x18\x05B\xea.V\xd4\xd4\xd4\x1d\xce?}0;?\'\xf7x\xe6\x81\xc3\xc7\x0b\n\xeb\xeb\x1b\x1c/m\xd3\xa6\xcd\x88\x11#\xc6\x8e\x1d\xdb\xa5K\x17\xc7\xc1\xfc\xe4\xc5\x06\x84&lt;\x1c\x06\x00\xd2\x181\xd1/\n\xee\xb7\xdf~\xbbb\xc5\x8aO&gt;\xf9\xb8\xa2\xa2R|\xd7b\t\xec\x1e\xdfi\xc8\xc0\x9e\xfdn\xef\xde)\xba\xadoX\x08\x80\x02\xa0B\x83\r(cv;\x00p\x0e\x9c3\x80\xc6\xddv~e\xc1\x0f\x07\xc9\xa0\x80,\x81\xc9\x08D\x01\xe0\xb4\xda\x9a\x7f\xe2\xec\xfe\xcc\xec\xcd\xe9{\x0e\x1c8r\xba\xf0\x9c\xf8\x03F\xa3\xb1\x7f\xff\xfe\xd3\xa7O\x1f6l\x98\xd1h\x14\xa3\x01\x8c\x01\xa4-\x18\x00H3\x1a\xcf\xf5\xef\xd8\xb1c\xc1\x82\x05\xdb\xb6ms|\xb7o\xef\xb8{\x87\'\x8dzp\xc8M\xedo\x02\xc9\x00\xcc\x0eu\r\xd4\xaer\xce\x1d\xeb9od\xaeF\x9c\x11\x8cq\xce9! +2\x98L`0\x020kY\xf9\xa6/v~\xbc\xe9\xab\xed_\xed\xab\xa9\xa9\x13\xaf\xef\x12\x13\x932cFrr2\xfc\xef\xb8\x04!\xcf\x87\x01\x80\xb4A\xcc\xb6\x03@~~\xfe\xfc\xf9\xf3W\xafZ\xc58\x07\x00\xb3\xd9\xe7\xe1\x11\xc3&amp;M\xbc\xbfw\xafX0\x99\xa1\xa1\x8e\xd570\xc6\x89D$g\xac\xe2\x17\xc3\x05\xc69\x01\x90\x8d\x06\xf0\xf5\x03\xce\x8e\xe6\xe6\xff\xe7\x83\xf4\xd4w&gt;(.\xb9 ^6h\xd0\xa0\xd9\xb3g\x0f\x1c8\x10pF\x08i\x07\x06\x00\xd2\x00UU\x15E\xb1\xd9l\x0b\x16,X\xb2\xe4\xd5\xf2\xf2\n\x00\x08\xb1\x04MJ\xbe\x7f\xc2\xe8\xbb;w\x8f\x05f\xe7\x97k)e\xb2\xdc\x84\x1d\xf0+\xb7\x17\x00H~f0\x98\xcb\n\xcf\xac\xd9\xb0e\xe5\xaa\x8f\xf2\x8e\x9d\x02\x00BHrr\xf2K/\xbd\xd4\xaaU+\x1c\n M\xc0\x00@\x1eM\xdc\x97+I\xd2\xde\xbd{\xa7M\x9b\x96\x9b\x9b\x0b\x00f\x93i\xf4\xa8a\xb3\x9e\x9a\x14\xd5\xa5\x13\xd8khM\x1d\x01"\xc9\xae[\x94\xc9\x18c\x8c+&gt;F0\x07V\x9d/]\xfa\xc6\xda\xb7\xd3&gt;()\xbd\x08\x00-Z4\x7f\xe9\xa5\x97\'O\x9e\x0c8\x14@\x1e\x0f\x03\x00y.G\x01}\xf1\xc5\x17_y\xe5_be\xe7\xa0\xa4\xc4\x97\xe7=\x91\xd87\x11lu\xea\xe5ZIv\xdbz|\xce9U\xa9b2\x82_`\xf1\xc9S\x7f\x9b\xbbl\xf5\x9aO\xc5\xc4\xd4\xa8Q\xa3\xdex\xe3\x8d\xd0\xd0P1vq\xcb\xe1!\xf4\xab0\x00\x90\x87\x12\xd5\xbf\xa4\xa4$999==\x1d\x00,\xc1\x01s\xff\xfe\xd8\x13\x8f\x8f\x05\x89\xd0j+\xf1\x8c[\xb1\xae\\\x9a6\xfb\x80\x8f_\xfa\xe7\x19\x7fy\xfa\x95c\xc7\x0b\x01 22r\xe5\xca\x95}\xfa\xf4\xc1q\x00\xf2X\x18\x00\xc8\x13\x89\x8e\xf3\xde\xbd{G\x8c\x18Q\\\\\x0c\x00}{u]\x91\xf6Rd\xa7hVU\t\x9c\xbbr\xc2\xe7Fp\xce)e\x8a%\xa8\xeaR\xe5\xcc\x99\xf3\xdfY\xfd\t\x00\x98L\xc6\xd7^{\xfd\xd1G\x1f\xc5K\x02\xc83y\xd6Y\x84\x10\\\xad\xfeiiiIII\xa2\xfa\xa7&lt;&gt;f\xe7\xf6U\x91\x91m\xd5\x8aK\x92\xe4\xd2\xe9\xfe\x1bD\x08Q\x14\x99VT\x05\x99\x8di\xab^I{\xf3\xc5\xe0@\xff\x86\x06\xdb\xb4i\xd3\xa6M\x9b&amp;\xcb\xb2\xb8}\xc1\xdd\x87\x89\xd0\xff\xc0\x11\x00\xf2,\x8e\xea?u\xeaT\x00\x08\n\xf0{u\xd1\xacIS\xc7rk\x05\xa7\xcc\x03K\xff58\xe7\x8c2\xd9\x12\xfa\xfd\x9e\xfd\xe3&amp;\xce\xce?q\x16\x00\xa6L\x99\x92\x9a\x9a\x8a\xe3\x00\xe4i0\x00\x90\x07\xb9\xa6\xfa\x87Z\x02\xb7|\xf6fB\xdfD\xb5\xfc\xa2\xac\xc8\x1a*\x9d\xaa]U\x82\x03\xcb\xcf\x97\x0f\xbb{\xea\xf7YG\x003\x00y$O\xefO!\xfd\xb8\xa6\xfa\xf7\x88\xbfm\xdf\xde\xf5\t\xbd\xe3\xd4\xf2\x8b\x8aA\xd1V\xd1T\x0c\n\xad\xb2\x86X\x0222VO\x1a\xfb\'\x00\x10?\x17\xce\x05!\x8f\x82#\x00\xe4\x11\xae\xaf\xfe[\xbfL\xb3\x84\x07\xd3*\xab\xac\xd9e\x94\x8c2\xc9h\x00\xb3\xcf\xd4\xe49i\xefn\x82\xab\xe3\x00\xf1\x84\x19mE\x1a\xf2J\x18\x00\xc8\xfd\xc4BIG\xf5O\x88\xeb\x98\xbe\xe5\x1d\x8b%\x80\xd6\xd4\xc9\x8a\xb6\x17P2\xc6\xb8$\xc9\xfe~\xd7d\x00\xae\rE\x9e\x00\x03\x00\xb9\x99(\x85\xfb\xf6\xed\xeb\xdb\xb7/c,$8\xf0\x87o\xd7\xb7\x8bjK\xab.k\xbd\xfa\x0b\x9c1.\xcb\xc4`\xe8s\xfb\xc3\xfb2s\x01`\xc9\x92%)))x\x8f\x18r;\x0c\x00\xe4Nb2\xe4\xfc\xf9\xf3\xb1\xb1]\xca\xca\xce\xfb\xf9\x9aw\xa6\xa7%\xf4\x8e\xa7UV\xef\xa8\xfe\x02c\x0c\x0c\x86Jkm\xd2\x80\xf1\xd9GN\x00\xc0\xb6m\xdb\xee\xbc\xf3N\x1c\x07 \xf7\xc2\x8b\xc0\xc8\x9d\xc4V?\xe3\xc6\x8d++;\x0f\x00\xcb^}6\xa1oO\xb5\xb2\xda\x9b\xaa?\x00H\x92\xc4\x1bl!\xe1\x96\xb5\xab_\t\xb1\x04\x02\xc0\xf8\xf1\xe3\xca\xca\xca$I\x12\x9f\x00Bn\x81\x01\x80\xdcF\xcc\x81\xcc\x9b7o\xfb\xf6\xed\x00\x90\xf2\x7f\xa3&amp;&lt;:\xce^~Q1x\xe1\xc4\x88\xac\xc8jeuLB\\\xea\xeb\xcf\x03@ii\xd9\xb8q\xe3\x08\xc1!8r\'l\x7f\xc8=\xc4\xfe\xfe\xdf}\xf7]\xbf~\xfd\xecv{\xcf\xee\x9d\xf7\xecZ\xcb\xed\xaa\x0c\xdc\x8b\x97\xc7\xa8\xaa\xaaXBgL\xff\xdb\xd277\xc0\xd5\x8b\x018\x11\x84\xdc\x05\x03\x00\xb9\x81\xd8X\x9fR\x1a\x13\x13\x93\x9f\x9f\x1f\x10\xe0wh\xdf\x86\xf6\x91mYM\x9d\xe7\xdf\xeb\xfbGp\xce\x19!\xa0(=z\x8d\xcc\xfa1_Q\xa4\xdc\xdc\xc3\x91\x91\x91\x9csO\xd8\xd8\x0e\xe9\r\xb69\xe4\x06\xe2\xf1\xb9\x8b\x16-\xca\xcf\xcf\x07\x80W^x\xac}\xa7h\xd5Z\xe3\xdd\xd5\x1f\x00\x08!@\x99l0\xbc\xb3\xec\xef&amp;\x93\x81R\xf6\xe4\x93O\xe2D\x10r\x17/?\xdf\x90\x07\x12\x93?\'N\x9cX\xb0`\x01\x00\xf4\xeb\x137\xfd/\x13hU\x85WN\xfd_O\x96%\xd5j\x8d\xeb\x938\xf3\xf11\x9c\xf3m\xdb\xb6}\xf0\xc1\x07\xb2,SJ\xdd}hHw\xb0\xeb\x81\\MLyO\x980\xe1\xbd\xf7\xde\xf3\xf11\xed\xdd\xbe"\xbegWv\xb9\xd6\xeb\xbb\xff\x0e\x9cs&amp;\xcb5\xb5\xf5\xdd{\x8d:q\xeal\x87\x0e\x11999\x8a\xa2\xe0\xed\xc1\xc8\xc5\xf4r\xca!\x0f!\xaa\xff\xae]\xbb\xd6\xad[\x07\x00#\xef\x1f\x14\xdf\xb7\'\xb5^\xd6O\xf5\x07\x00B\x08\xb7\xd9\x03\xc3\xc3\x9f\x7ff\x12c&lt;??\x7f\xd1\xa2E\xb8$\x14\xb9\x1e\x8e\x00\x90K\x89\x1a7h\xd0\xa0\x9d;w\x86\x86\x04}\xf7\xcd\x9a\xf6\x11m\xa1\xbeA\x92\xf4\xd5\xf3\xe5\x00\x1c\xc0\x0e\xa4_\xd2\xf8\xcc\xac#!!!G\x8e\x1c\t\x0f\x0f\x07q\x9d\x00!\x97\xd0Q\xb7\x0b\xb9\x9d\xd8\x0c9++\xeb\xeb\xaf\xbf\x06\x80\xe41\xc3;t\xee\xccjj\xf5V\xfd\x01\x80\x00p\x95\x9a\x02\xfc\xe7\xce\x99\xca9\xbft\xe9\xd2\xda\xb5k\t!x%\x00\xb9\x12\x06\x00r\xb5\xe5\xcb\x97s\xce}|\x8c\x93\xc6\xdf\xcbm\x97%\xbd.\x81\x97\x14\x99]\xb6\xf6\x1b\xd8+:\xaa-!d\xe5\xca\x95uuu\xb2,\xe3\xa0\x1c\xb9\x0c\x06\x80\xdb\xf0F\xdc},\xae\xc09\x17\x0fy\xff\xf0\xc3\x0f\x00`\xf4\x83C;v\x8fe\xb5u:\xec\xfe\x0b\x04\x80\xdb\xa9op\xf0\x9c\x19\x139\xe7\x87\x0f\x1f\xde\xb1c\x07!D\'W\x02\xf4\xd6\xfe=\x13\x06\x80K1\xc6TU\xa5\x94:v\x84\x178\xe7\x94RUU\xbd\xf8\xe4\x17\x93\x1b\xeb\xd7\xaf\xb7Z/\xcb\xb2&lt;}\xf2\x83\x9c\xd9\x01tZ\xfd\x05I\x96x\xed\xe5\x07\xfe&lt;\xf8\xa6\xd6\xcd\t!ii\xa9\xe0\xd5\xd7\x00\xf4\xdc\xfe=\x13\x06\x80\x8bPJ\xc5\x0c\xb8\xa2(\xb2,K\x92TUUUQQQYYYYYI\x08\x91eYQ\x14I\x92\xc4\xc9\xe0\xee\xe3u&gt;Y\x96m6\xdb\xbb\xabW\x13Bzt\xeb\x14\xdf3\x96_\xae\x95\xf5\xb4\xf8\xe7z\x84\x10\xda`\xf7\x0b\x0f\x1b\xfd\xc0`\xce\xf9\x8e\x1d;\x8e\x1f?\xee\x95\xcb\x81\xb0\xfd{&amp;]\xdcz\xe3^b\xdb\x03\xb1\xd9KQQQFF\xc6\x9e=\xbbO\x9d:\x9d\x97wDUU\x02\x84\x03t\xe8pk\xeb\xd67\xf5\xe9\xd3g\xc8\x90!\x1d;v\x14\x13\xc1\xde\xb4=\x80X\xfdy\xf0`VNn.\xe7\xfc\x81?%I&amp;_\xb5\xb6^\xf2\xae]?\x7f\x07B\x080\xfb\x03\xf7\x0e\\\xfc\xc6\xba\x9a\x9a\xdaM\x9b6=\xf3\xcc3\xe2^9w\x1f\x9as`\xfb\xf7d\xb8\x0c\xb4i9\xf6\xf9\xda\xb1c\xc7{\xef\xbd\xf7\xf9\xe7\x9fWTT\xfc\xc2\xebM&amp;\xd3\x1dw\xdc1f\xcc\x98\xf1\xe3\xc77\xfe\xe3Z\'6\xfe|\xf6\xd9Y\x0b\x16,\x0c\xb1\x04\xe5~\xbf\xb1\xe5\xcd\xcdy\x83\xdd\x8b\xa7;n\x1c\xe3\x1cL\xa6;\x92\xc6\xef\xfd\xee\xc7\xde\xbdz\xed\xda\xbd\x1b\x00\xbc\xa3\xf6a\xfb\xf7p\x18\x00MH4\xdf\xe2\xe2\xe2\xbf\xfd\xedo\xabV\xadr|\xd4mni\x15\x11\xd1\xa6st;KH0Pj\xb7\xab?d\xe7\x17\x15\x95\xe6\x1e.\x00\xb8\xf2\x9aA\x83\x06\xbd\xfc\xf2\xcb\x89\x89\x89\xde\xf1\xfcX\xce\xb9\xaa\xda\xbbv\x8d;r\xe4\xc8\x80;\x12v|\xf5.\xb3^\xf6\x8e\x1a\xf7\xc7\xa9*U,!s\xff\xba\xf0\xc5\x7f\xa6\xfa\xf8\xf8\xfc\xf8\xe3\x8f\x91\x91\x91^0\x08\xc0\xf6\xef\xf9p\n\xa8\xa9\x88&gt;ozz\xfa#\x8fL:w\xae\x18\x00\xcc&gt;\xa6\x87G\xde5z\xd4]\t\xb1Q\x81-\xc3\x01$\x00\xf9J\x8b\xe7\xaaj\xbd\x9c\x95{|k\xfa\x9e\xb7R?()\xbd\x90\x91\x91\xb1k\xd7\xae\xf9\xf3\xe7\xa7\xa4\xa4\x88\x19a\xed\x9e\x03W7\xff9y\xf2\xe4\t\x00\x18:\xa87H\nc\\\xe3\xf5\xcdi\x08!\xc0l\x83\x93z\xbe&lt;\x7fE}}\xfd\xde\xbd{\xbd \x00\xb0\xfdk\x02\x8e\x00\x9a\xc45O9\x07\x80I\xe3\xef{\xea/\xe3:\xc5w\x06`P[\xc7l*\xe3\xe2nP\x02\x00\x12!\x92,\x81\xaf\x19dc\xd9\xd9\xa2\xb7\xd2&gt;x\xed\xf55\x15UV\xb8\xfa\x0cqM\xf7\x83D-X\xbat\xc9\x8c\x19O)\xb2\xbc\x7f\xe7\xbb\xf1}\xe2hu\x8d\xce\xaf\x00;p\xce\x89,\xd5\xd6\xdbn\x8b\xffs\xe1\x99\x92\xfb\xef\xbf\xef\xe3\x8f?\xd1\xf4\xec\x07\xb6\x7f\xad\xc03\xd0\xf9\xaei\xfd\xa1\x96\xa0\xff\xac]\xb8\xe2\xddE\x9db"ie%\xad\xb4r\x95J\xb2\xa4(\xb2\xa2(\x8a"+\x8a,\xc9\x12\x07`\x97k\xd4\x8a\xf2\xe6\xa1\xc1/\xcc\x9b\x99\xb1}e|\x97(\x00\x10\xef\xa3\xe9\x95!\xe2\xbc\xdd\xb3w/\x00\xb4n\xd5,*\xba\x1d\xd4\xd5\xebv\xf9\xff\xf5\x08!\xd4N}C\x82\xbbu\x8d\x06\x80\x83Y\x07kkk\xb5{G\x18\xb6\x7f\r\xc1\x00p2\xd1\xfa322D\xeb\x0f\t\x0e\xd8\xf2\xd9\xf2\x11c\xfel/\xbf\xc8j\xebdY\x96e\xe9\';2\x04@\x92$E\x91\xb9\xaa\xda/\x95\xc5w\xef\x94\xb1}eB\\G\x00HKK\x9b;w\xae,\xcb\xaa\xaa\xba\xfa\xe7q\x06I\x92l6\xdb\xd1\xbc&lt;\x00H\xe8\xd6\xc9/,\x84\xda)\xf6\xe6\x1a\xe3\x9c\x03\x91\xfb\xf7\xed\x06\x00e\xe7\xcb\xce\x9e={\xe5\x8bZ\x83\xed_[0\x00\x9cI\x0cTKKK\xc7\x8d\x1b\x0b\x00!\x96\xc0\xad\x9f\xbf\x95\xd0\xb7\xbb\xfd\xd2y\x83A\xb9\xc1)]B\x88\xc1h\xa0\x95\xd5\x96\xe0\x80\xf4\xad\xeft\x8f\xeb\x08\x00s\xe7\xce\xcd\xc8\xc8P\x14EsK\xa4\xc5gRRRr\xe6\xcc\x19\x00\xe8\xd65\x1a\x88\xa2\xc5\xd2\xd6\xa4\x08!\xc0\xd5\xb8\xd8hI\x92\xea\xea\xea\xb3\xb3\xb3A\x83\x01\x80\xed_s0\x00\x9cI\xac\\\x9e3{vii\x99\xa2\xc8\xa9\xaf\xff5\xa1oO\xfb\xa5r\x83\xd1\xf0[\xdfJV\x14ZSg\t\x0b\xde\xb8vQXh0\x00\x7f\xfc\xf1\xc7m6\x9b\xe6\x9e\x1e%\x8e\xf6\xd4\xa9SV\xebe\x00\xe8\xda%\n\x00\xbb\xff\xd7\x92$\x02\r\xb6\xa8\x0em\x82\x83\x02\x00\xe0\xe8\xd1&lt;\xd0`\x00`\xfb\xd7\x1c\x0c\x00\xa7q\xect\xbff\xedZ\x00\x183b\xd8\x03c\x1f\xb4\x97_\xf8\x1d\xad_\x90\x15\xd9^amw[\xd4\xa2\x97\xff\xc29\x1c;vL\x8b\xbb\xc6\x8b\xd35\'\'\x1b\x00\x82\x02\x03:ul\x0f\r\r\x18\x00\xd7\x10O\x08\xb0\xb4\n\x8f\xe8p\x0b\x00\xe4\xe4\xe4\x82\xd6\xd6\xbd`\xfb\xd7"\x0c\x00\'{\xeb\xad\xb7(\xa5&amp;\x93q\xce\xccdf\xfb\xa3\x0b]\x14\xa3B\xad\x95\xa3\x1e\x1e\x1e\x1d\xf9\xdf\r#\xc5\xed\xf2\xce:`\xd7(--\x05\x00__\x9f\xa0\xa0\x00\xa0TS\x95\xcdE8\xe7\x8a\xc9\x18\x1a\x12\x04\x00eee\x9csm\x05\x80\x80\xed_[0\x00\x9c\xc3\xb1\xd5\xe5\x97_|A\x08\x19;rXT\\g^[\xf7\x07\x97r\x13\x00P\xa9)0\xe0\xb9\xa7\x93\x01\xe0\xc4\x89\x13_}\xf5\x95\xb66\x8c\x14\x9f@V\xd6A\x00\x88\x8ej\xeb\x1fnavU\x8b\xa5\xad\xa91\xc6\x81(\xddb\xa3\x01 ?\xffXee\xa5\x86*\x1d\xb6\x7f\x8d\xc2\x00p\x0eqmj\xfb\xf6\xedU\xd5\xd5\x9c\xf3\xf1\xa3\xef\xe6\x9c9e\xabKI\x96x]\xed\xbd\xf7\xf4\x0f\xb1\x04\x01!\x1f\x7f\xfc\xd1\x1f\x7fO\xd7\x13\x85\x8cx\xcb\x0e\x07M\x86\x88\xd5\xb1\x8e\xcds\xb4\x02\xdb\xbfF\xe1\xd9\xe8\x1c\xa2K\xfb\xd5W;\x00\xa0m\x9bV]b\xa3\xa1\xce9;\xdd\x8b\xd9a\xfffa\xfd\xfa\xc4\x01\xe7\xfb\xbe\xddW__\xaf\xa12J\x08\xa9\xaf\xaf/&gt;w\x0e\x00,\xc1\x81\x00D\x1b}Z\xf7\xe0\x96\xe0@\x00\xa8\xa9\xa99w\xee\x1ch\xe7:0\xb6\x7f\x8d\xc2\xcf\xd19\xc4\xe2\x84\x93\'O\x01\xc0\xad\xedo\x0en\x19\xc6\x9d7\xd1\xc1\x18\x97\x14S\\L$\x00\x94\x96\x95Z\xadV\xad\xac\x85\x10\x13\xd9\xb5\xb5\xb5E\xe7\x8a\x00 \xaeK$H\x06\xce4p\xe4\xaeG\x08\x01\xa0q\xb1Q\x00PSS[TT\x04\x9a\n\x00l\xffZ\x84\x01\xe0\x04b\xf5[UUUA\xc1q\x00\x88\xb9\xedV\xe0\xce\xbc\x8d\x93\x10\x02\xa0v\xba\xad\x03\x00TUU\xe7\xe5\xe5\xc1\xd5\xa7\xabk\x02!\xc4`0\x00\x80\xaaj\xe6\x98\xdd\xc5\xf1\x11\x89OL\x13\xb0\xfdk\x17\x06\x80\xd3p\xce\xedv;\x00\x84\x85\x04\x01\x91\x9c\xddA\xe1a\xa1Ap\xf5\x99J\xce}k\x17\xb8r\r\x00/\xfd\xfe\x1a\xc7G\xa4\xb9\x1e.\xb6\x7f-\xc2\x00p&amp;15Ii\x93\xf4M\x1co\x8b\x13\xa0\xc83a\xfb\xd7\x1c\xfc(\x9d\xc6\xf1(;\xbb]\x85&amp;\xe8\xbe\xd9\xedW:&gt;Z\xbc\x1b^L\x07k\xaeW\xebz\x8e\x8fHs+e\xb1\xfdk\x11\x06\x80\x13\x88KR\x81\x81\x81\xed\xdb\xdf\n\x00\x07s\x8e\x01\xa1N\xdc\xed\x92s\x0e\xa0\x1c\xca&gt;\x06\x00\x81\x81\x01\x11\x11\x11\xa0\xa9\x02\xc19W\xa9\n\x00F\xed\xcck\xbb\x8b\xe3#\xd2\xd0D\x07\xb6\x7f\xed\xc2\x00p\x0e\xc6\x98\xa2(\xb7\xdcr\x0b\x00\x14\x9e)\xad\xaf\xbaL\x9c\xb7\xd9=!\x00\x9c\xe6\x9f8\x03\x00!\x96\x90\xb0\xb00\xd0\xce\t\xc097\x18\x0cA\x81A\x00Pp\xea,p\xdc\x08\xe8\x17H\x05\xa7\xce\x02\x80\xc1`\x08\n\n\x02\xed\xfc\x96\xb1\xfdk\x14\x06\x80s\x88\x91{\xdf\xbe}\x01\xe0\xc8\xd1\x93y9\xf9`6Sg,T\xe0\x9cK\x06\xa5\xbe\xa2r\xdbW\xfb\t!q\xf1q\xbe\xbe\xbe\x94j\xa3\x8c\x8a\xbea@@@dd\x14\x00\x9c8u\x0e\xb8\xaa\x85\x03w\x03\xce9\x80t\xe2d\x11\x00X,\xc1\x91\x91\x91\xa0\x9d2\x87\xed_\xa30\x00\x9cC\\\x98\x1a:t\xa8\xd1hd\x8c}\xbee\x17\x91\x8d\xe0\x8c\x05\xef\x8cqb\xf6\xfdn\xdf\xa1\x92\xd2\x0b\x9c\xf3\xe1\xc3\xff\x04\x1a\x9cL\xb7\xd9l\x00\xe0\xe3c\x04\x82M\xee\x97\x98}L\x00@)\xd5\xd6L7\xb6\x7f\x8d\xc2\xb3\xd19\xc4&amp;\x85QQQ}\xfb\xf6%\x84\xbc\x91\xba\xf1\xe2\xd9"b28\xa3\xa5r`\xec\xa5\x85+T\x956\x0b\x0f\xbf\xe7\x9e{\x00@C\xfb\x04\x88\xf5\xda\xb1\xb1\xb1\x00\x90_p\xf6\xf2\xc5\n\xa2\xe0\xf3\x00~\x82x$\xc0\xc1\x9c|\x00\xe8\xd0!"00PC\xfb\xc1a\xfb\xd7(\x0c\x00\xa7\x11O\xc3\x98&lt;y2\xe7\xfc\xc2\xc5\x8aeo\xae\x97|\x83U\xfb\x1f\xba\x94GU*\x07\x07\xed\xda\xbew\xe7\xae\x1f\x00\xe0\xde\xfb\xee\x0b\x0f\x0f\xd7\xe2\xf8\xb7e\xcb\x16\x00PYi\xad\xb5\xd6:qv\xd8\x9b\x10\t\x18U\xcb.\x94\x03@xx\xb8\xa2\xb5\x98\xc4\xf6\xafEx*:\x8d\xa2(\x8c\xb1\x87\x1ez\xa8_\xbf~\x04`\xe9\x9b\xebs2\x7f0X\x82\xe8\xef]\xce\xc1\x18#&amp;CmE\xf5_f/"\x84\x84\x84X\xe6\xce\x9d+\xee\xbat\xee\x917)q\xae\xc6\xc4t\x01\x80\xaajk~A!\x98\x8c\x0cw\x83\xf8_\x9csIQ\xac\xe7\xcbO\x9c(\x02\x80\xce\x9d;\x81\xd6nv\xc5\xf6\xafE\xf8Q:\x99\xa2(K\x96,\x91\x15\xb9\xb2\xd2:6\xf9\xb9\x8a\x0b\x15\xb2\x9f/U\x7f\xf3|.c\x8c\x13I\xf2\xf5\x9d\xfe\xd8\xdcC\xd9\xf9\x8c\xb1y\xf3^j\xd9\xb2\xa5\xe8g5\xc5\x917\x11q\xb4m\xdb\xb6\xf5\xf1\xf1a\x8c\x1d\xca\xce\xc7GB^\x8fs\x0e&gt;\xa6\x93\'\xcf^\xb8X\x0e\x00\xe2\x9a\xb9\x16a\xfb\xd7\x16\x0c\x00g\x92$\x89R\x1a\x1f\x1f\xbfp\xe1"\x00\xc8&gt;\\0d\xd8\xe4\x8a\n\xab\x1c\x14`\xb7\xdbo\xbc\xe6QU\x95\x0c\x069\xc0o\xea\xc4\xd9\xef\xae\xff\x02\x00\x1e|\xf0\xc1\xc7\x1e{LUU\xcd\xcd~:\x02\xa0U\xcb\x96\x00p0\xfb\x18\x00\xc7S\xf8\x1a\x8cq\x90\x94\x9c\xc3\x05vU5\x18\x0c]\xbbv\x05\r\xde\xf2\x8a\xed_s4\xd6\xc2&lt;\x9f,\xcb\x94\xd2\x94\x94\x94)S\xa6\x00@\xe6\xc1\xbc!wM9~\xf4\x94!$\x9c\x00P\x95\xfeB\xe7\x97s\xa0\x942\xcad\x8b\xc5\xda`\x7fd\xfc\xb3i\xefn\x02\x80\x84\x84\x84\xd4\xd4T\xcd\xed\x11/\x88\xc7w\x98\xcd\xe6\xc8\xa8(\x00\xf8.3\xc7f\xb5J\x1a\xfcA\x9a\x94H\xc4\xaf\xf7\x1c\x00\x80\xd0\xd0\x90\xf6\xed\xdb\x83v\xd6\x806\x86\xed_[0\x00\x9cO\xac\x88HMM\xbdr\x0ed\x1d\xe9\xd3o\xcc\xaa\xd4\xf7m\x0cd\x8b\x85(\x8a\xd8\xd0\x8aRJ)\x13\xff\x88\xff#\x12\x91\x83\x03\xa5\x00\xdf\xed[w%\r\x98\xb0r\xedg\x00\x90\x90\x90\x90\x9e\x9en\xb1X@\x9b\x15\x01\xae\xcee\'$$\x00\xc0\xc9S\xe7N\x1f/$f\x13^\x06hL\x92e\xbb\xd5\xba\xff\x87\xc3\x00\xd0\xb1\xe3m\x01\x01\x01\xda\x9d\xeb\xc0\xf6\xaf!\x18\x00\xceG\x08\x11\xdd\xde\xd4\xd4\xd4\x17^x\x11\x00.\\\xaa\x9c\xf4\xe8\xdf\xbb\xf7\x19\xbd*u\xfd\xa5\x8aj)\xc0O\xb1\x84\xc9\xc1Arp\x80\xf8G\xb1\x84\xc8\xc1A\xb56\xfb\xf6-\xbb\x86\x0e\x9b:x\xd8\x94\x03\x87\xf2\x00`\xc4\x88\x11\xa2\xf53\xc647!\xe0 \xce\xdba\xc3\x86)\x8aR\xdf\xd0\xb0w\xff\x8f\xa0\x18\xb5u\x85\xb3I1\xc6\x89\xd9t\xe2\xd8\xe9\x93\xa7\xcf\x01\xc0]w\r\xd3\xf4\xa3\xcf\xb1\xfdk\x08&gt;W\xa1\xa9p\xce\xc5\x8a\x85\xf4\xf4\xf4\x993g\xe6\xe6\xe6\x8a\xaf7\x0b\x0f\xe9\xdd3\xb6k\xd7\x8e1Q\xed,\xa1A@\x99\xdd\xaeff\x1f;y\xf2\xec\xce]?\x9c:U$^\xd6\xa2E\xf3\xe7\x9e\xfb\xeb\x13O&lt;\x01\x00Zo\xfd\x8e\xc7\xc2t\x8c\x8e&gt;s\xf6\xec\xfd\xc3\x93&gt;\xfet9\xad\xaa\xc6\x11\xbd\xa0\xaaT\xb6X^\x9f\xffv\xca\xec\xc5\xb2,}\xff}f||&lt;\xa5T\xd3\x9f\x0f\xb6\x7fM\xc0\x00hZ\xaa\xaa*\x8ab\xb3\xd9\x16,X\xb0~\xfd\xfbG\x8e\xe4\xfd\xea\x1fi\xd9\xb2\xe5=\xf7\xdc\xf3\xc2\x0b/\xb4n\xddZ\xcc\x03x\xc1\xc8W\x94\xb3\xe4\xe4\xe4\xd5\xabW\xdf|S\x8b#Y\x1f\xf9\xfb\x99\xb9\x8a\x0b\xba\x01\x00\x18\xa5RP\xe0}\xc3\xff\xef\xb3/\xbf\xe9\xd81:+\xeb\xa0\xd1h\xf4\x8eO\x06\xdb\xbf\x87\xc3\x00hr\x8e\xae\\CC\xc3\xd6\xad[?\xfb\xec\xb3\xcc\xcc\xefKJJ.^\xbc\xe4xM```XXh\\\\\xfc=\xf7\xdcs\xd7]w5k\xd6\xac\xf1\x1f\xf4\x02\xe2g\xf9\xf2\xcb/\xee\xbe\xfb\x1e\x00X\x9b\xf6\xd2\x98GF\xa8UU\x8a\xeeo\nc\x8cK\xbe\xa6\xe3\x87O\xc4\xf5y\xb8\xa6\xb6\xee\x99g\x9eY\xb0`\x81\xa8\x9b\xee&gt;4\xe7\xc0\xf6\xef\xc90\x00\\\x81s\xdex\r\x03\xa5\xb4\xa2\xa2\xe2\xc8\x91#\x94RB\x80s\xe8\xd0\xa1CXX\x98\xd9lv\xbc@\x92$o\xea\xf8\x88Y \xab\xd5z\xdbm\x1d\xcf\x9d;w\xf7\x90\xdb?\xff2\x95UU\xe3r U\xa5\x8a%d\xd1?\xdex\xe6\xf9\xd7dY\xde\xbbwobb\xa2\x97\xd5&gt;l\xff\x1e\x0b\x03\xc0u\xc4i\x00?\xbf\x93\t\xa5\x94s.\xcb\xb2W6}\xd1\xab}f\xe6\xccE\x8b\x17\xfb\xf9\x99\xb3\xf7mh\x17\xdd\x8e\xd768q\xe3x-\xe2\xc0\xa9$w\xeb92\xe7pAbb\x8f\xbd{\xbf\x05\r\xde\x01p#t\xde\xfe=\x93\x17\xb63\x8fE\x08\x91eY\x96eq}\x8c6\xc2\x18\x13M_Q\x14om\xfd\xa2\xa8MLN6\x1a\x0c55u\xef\xad\xff\x82\x18|\xb9f\xd7\xba8\x05\xa5\x8c\xf8\xfb\xef\xde\xb9?\xe7p\x01\xe7|\xd2\xa4G4\xbd\xfe\xe7\x97\xe9\xbc\xfd{&amp;\x1c\x01 \xd7\x11\xcb9\xee\xbc\xf3\xce\x1d;v\x84\x85\x05\xe7f~\x18\xde,\x04\xec\xaan\xcfy\xc6\x18\xf71\x0f\x1e2\xe9\xabo2[4o\x9e\x93\x9b\x1b\x1a\x1a\n\xb8\xe0\x1d\xb9\n\x8e\x00\x90\xeb\x88\xde\xc6\x8c\x1938\xe7\x17.T\xac]\xf791\x07\xfe\x8e\x8db\xbc\x03\xa5L\n\xf4\xffq\xff!\xb1\xd5\xe5\x98\xb1c\xc3\xc2\xc2p\xabK\xe4J\x18\x00\xc8u$I\xe2\x9c\'%%EGGK\x92\x94\xbazS\xd5\xf9R\xc9d\xd4\xe90\x94\x000X\xf0\xfa\x1a\x00\xf01\x99\x1ey\xe4\x11\xdc\xea\x12\xb9\x18\xb66\xe4:\x8e}\x81\xe6\xcc\x99\xc3\x18;v\xfc\xf4\xd2%\xab%\xbf@m=\xfd\xca)(er`\xc0\xd7[w\xfd\xe7\xa3m\x9c\xf3Q\xa3Gw\xec\xd8\x11\xefxB.\x86\xd7\x00\x90\xab\x89r?p\xe0\xc0]\xbbv\x85\x85\x06g\x7f\xbf\xb1Y\x8bp\xb0\xdb%=M}P\xc6\x88\xd9&lt;p\xd0\xc4o\xf6d\x85\x86\x84\xe4\xe4\xe66o\xde\x1cG\x00\xc8\xc5\xb0\xb5!7\x90ey\xde\xbcy\x92$]\xb8X1\xe7\xf9\xd7$\xb3\x1f\xd3\xd3 @UU9\xc8\xb2f\xe5\x87_\xef&gt;\xc09\x9f\xf1\xd4S-Z\xb4\xc0\xee?r=\x1c\x01 7h\xbc3\x84,\xcb\xe9\x9b\xfe=\xf0\x9e$ZQ-+\xdes\xf7\xd3\xcfa\x8c\x83\xd1p\xf1|y\xd7\x9e#\xca\xce\x97GFF\xfc\xf8c\xb6X\xfe\x88\x97\x7f\x91\x8ba\x00 7\x10K\xdd\xcf\x9f?\xdf\xb1c\xc7\xca\xca\xca\x0e\xedo:\xf4\xc3G&gt;F\x83\xa4\x8350\xaaJ\x15\x8be\xe4\x9f\xa7o\xfc$\x03\x00\xd2\xd3\xd3\x07\x0f\x1e\xece\xb7\xfe"\xad\xc0!\'r\x03\xb1\x1c\xa8E\x8b\x16\x8b\x17/\x06\x80\x82\x93EO&gt;\xf9\xb2\xec\xe7O\xa9w\xde\x03\xe5\xa0\xdaU\xc5\x12\xb2j\xf9\x1aQ\xfd\'MJ\xc6\xea\x8f\xdc\x08G\x00\xc8m\xc4\xe6\x10#G\x8e\xdc\xb8q#\x00\xac\\\xf6\xf7\xe4\xe9\xe3\xd5\xf2\x8b\x8a\xc1K\xf6A\xbb\x06U\xa9\x1c\x14\x90s\xe0p\xaf\xa4\xf1\xb5\xb5u\xed\xda\xb5\xcf\xce\xce6\x9b\xcd8\xf9\x83\xdc\x05\x03\x00\xb9\x8d\xd8\x1c\xa6\xaa\xaa*!!\xe1\xd4\xa9S\xbe\xbe&gt;_\xa7\xbf\xd3\xbdW\x1c\xad\xb2z\xdf\xc5\x00\xc6\x18\x18\x0cU\x97k\xfb\x0f\x98\x90}\xf8\x84\xa2\xc8{\xf6\xecILL\xc4k\xbf\xc8\x8d\xb0\xe5!\xb7\x11=\xdf\x90\x90\x90\xf7\xdf\x7f\x9f\x10RSS7r\xcc3\x15\x17\xcae\xb3\x0f\xf3\xae\xb9 \xce9\x03"\xf9\x9a\xa7Ny&gt;\xfbp\x01\x00_\xb8pabb\xa2\xaa\xaaX\xfd\x91\x1ba\xe3C\xee$I\x92\xaa\xaa\x89\x89\x89o\xbe\xf9&amp;\x00\x9c,,\x1er\xd7\xd4\xda\xfa\x060\x1a\xbciO4\xca\x98\x12\x144m\xd2\x9c\x0f?\xdb\t\x00\x13&amp;LHII\xf1\xa6M\xff\x91Fa\x00 7S\x14EU\xd5\xa9S\xa7&gt;\xfa\xe8\xa3\x00\x90\x99u\xe4\xb1\xe9s%_3\'\x12\xf7\x8a\x07\xc7\xdbUU\t\x0e{\xfb\xb5Uo\xaf\xfa\x04\x00\x12\x12\x12\x96/_\xdex\x7f|\x84\xdc\x05\x03\x00\xb9\x9f,\xcb\xaa\xaa\xbe\xf5\xd6[S\xa6L\x01\x80\xd5\xeb\xbf\x98:q\xb6\x1c\xe0\x07\xb2\xc6\xf7F\xe6\x9cRj\xb0\x84\xa7\xbd\xb1jZ\xca\xbf\x00 !!!==\xdd\xd7\xd7\x17p\xcbO\xe4\x010\x00\x90\xfb\x89\x9d\xe2)\xa5\xa9\xa9\xa9"\x03\xd2\xde\xdd45y\x0eU\x14\xc9`\xd0\xe8v\xa1\x8c1\xcaA\x0e\x0e~\xfb\xf5\x95S\x9fx\x19\x00z\xf4HHOO\xb7X,x\xe1\x17y\x08\\\x05\x84&lt;\x85\xe3\xc1\x81S\xa7NMKK\x03\x80&gt;\x89]&gt;\xfft\xb9\xa5Y\x88ZQ\xad\xad\xb5\xa1T\xa5\xb2\x8f\x11\xcc\xe6i\x93\xff\xfa\xf6\x8a\x8f\x00\xa0G\x8f\x1e[\xb7n\xc5\xea\x8f&lt;\n6D\xe4)\x08!\x92$5\x1e\x07\xec\xdd\x9f=p\xf0#\x07\x7f8\xac\x84\x84\xa9vU+\x9d\x15\xd5\xae\xca\xc1\x81\x15\xd5\xb5#\xff\xfc8V\x7f\xe4\xc9p\x04\x80&lt;\xcb\xf5\xe3\x80PK\xe0\xf2\x7f\xffm\xc4\x98\xfb\xb8\xb5\x8ay\xf6M\xb3\x9cq\xc6\x99\x1c\x1cr0\xf3\xd0\xe4\xc9\xcfge\x1f\x03\xac\xfe\xc8\x83asD\x9eE\x8c\x03\x18c\xa9\xa9\xa9K\x96,\x01\x80K\x15\xd5#\xc7&gt;3\xe3\x89\x17\xa9,\xcb\x01\xfe\xaa\xea\xa1C\x01\xd5\xae\x12\x93A\x0e\xb6\xbc\xf3\xd6\xba\x01\x83\x92E\xf5\x9f4iRFF\x06V\x7f\xe4\x99p\x04\x80&lt;\x91xn\xb8$I\xe9\xe9\xe9\x8f&lt;2\xe9\xdc\xb9b\x00\xe8\x99\x10\xb3\xf4\xd5\xd9\x89}\x13\xa1\xa6Z\xb5\xd9&lt;g\x11\xbdx\x8e\xa3\x14d)&gt;}\xe6\xe9Y\x0b7|\xb0\x15\x00L&amp;\xd3+\xaf\xbc\x92\x92\x92\x02W\x1f\x86\xec\xe6\xa3D\xe8:\x18\x00\xc8s\x89[\xa5JJJ\x92\x93\x93\xd3\xd3\xd3\x01\xc0\xc7d|f\xc6\xc4\xa7\x9f\x9a\x10\x14\xde\x0c\xacUT\xa5\x92"\xbbq5%\xa5\x8c\x00H\xc1\x01\xd0`_\xf5\xee\'\x7f\x9f\xbb\xac\xa8\xf8&lt;\x00DEE\xadX\xb1\xa2O\x9f&gt;\x8c1\xdc\xea\x07y,\x0c\x00\xe4\xd1\x1c;e.]\xbat\xce\x9c9\xf5\xf5\xf5\x00\xd01\xaa\xdd3O\'\x8f\x1dy\xb7!\xd0\x1f\xacV\xaaRI\x96\\Yd9\x00\x13\xbd\xfe@\x7f\xe0\xb0=}\xf7\xc2\x85\xab\xb6\xef\xfcN|w\xf2\xe4\xc9\x8b\x16-\n\n\n\xc2{}\x91\x87\xc3\x00@\x9e\xce\xd1\x89\xce\xcd\xcd\x9d5k\xd6\x96-[\xc4\xd7{\xf5\xe82\xfb\xd9)C\x06\xf40\x05[\xa0\xe6\xb2j\xb3\x13Bd\xb9igZ\x18c\x8cqE\x91!\xc0\x0fl\xf6}\xdfe\xff{\xd9\xba\xf5\x1b\xaf\x1cRLL\xcc\xfc\xf9\xf3\x87\r\x1b\x06\x8d\xa2\x0b!\x8f\x85\x01\x80\xb4\xc1QO7l\xd8\xf0\xcf\x7f\xfe3\'\'G|\xbdK\xe7\x88\x94\'\xc6&gt;p\xdf\x9d\x81\xcd\xc2\x80\xd9\xf9\xe5ZJ)\x91$\xc9y\x13/\x1c\x803\xc6\x18\x97\x08\x91\xfc|\xc0`\xa65\xd6\xafve.~\xf5\xdd\xf4\x8co\xc5kZ\xb6h1\xfd\xb1\xc7f\xcd\x9ae4\x1aq\xda\x07i\x05\x06\x00\xd2\x0c\xb1-\x84$I6\x9bm\xc1\x82\x05\xcb\x97/+))\x15\xdfjsK\xab\x11\x0f\xdcy\xdf\x9f\x06\xf4\xee\x1d\x07F30\x1b\xd45P\xbb\xca9\'\x84\x884\xf8M\x7f\x17\xe7\x9cq\xce\x19\'\x04dE\x06\x93\t\x0c&amp;\x00z\xf4\xc7\xa3\x9b\xb7\xec~\xff?[\x0e\x1e\xca\x13\xaf4\x9b\xcd\xa3G\x8f\x9e7o^\xeb\xd6\xad\x01;\xfeHS0\x00\x90\xc68*lYY\xd9\x9a5k\xd6\xacY\x93\x9d\x9d\xed\xf8n\xdf&gt;\xf1\x83\x92\x12\x07\'\xf5\x88\x8d\x8d\xf6\r\r\x06\x90\x81\xab\xd0`\xe36;g\x9cq\x0e\xc0\xc5F\xd4\xd7\xbc\xed\xd5\x13\x81\x13"\x11\x02\x92\xc1\x00&amp;#\xc8\n\x00P\xab5\xffx\xe1\xb6\x9d\xfb\xbf\xd9u =\xe3\xdb\xda\xda:\xf1GZ\xb5l\xf9\xf0\x981\x13&amp;L\xe8\xdc\xb93\x88G\xbd\xcb2v\xfc\x91\x86`\x00 \xedq\xdc,\x06\x006\x9bm\xeb\xd6\xad\xabV\xad\xda\xb6m[mm\xad\xe35\xed\xda\xdd\x14\xdf5\xfa\xf6\xdeqq\xb1Q\xb7E\xb4\rk\x11\x06&gt;&amp;\x00qI\x96\x03\\\xbf\xbf\x90t\xf5\xb6\x18\x15T\xb5\xf2|y\xfe\x89\xa2\xc3y\'\xf6|{0\xf3\xc0\xe1\xfc\xe3\x85\r\r\r\x8e\x97\xf6\xed\xdbg\xc2\x84\x89\xc3\x87\x0fo\xde\xbc9\x00PJ\xc5\x9cS\x93\xfe\xd4\x089\x1d\x06\x00\xd2*\xce9\xa5\xd4\xb1\xcc\xe6\xe8\xd1\xa3\x9b7o\xfe\xf4\xd3O333\x1b\x17k\x00\x08\r\t\x8e\xe8pK\xb0%0\xa1k\xb4\xa2(A\x01~]b\xa38\xa5\x04\x88x\x1f\xa2(\x85\xa7\x8b\n\xcf\x96\x12E\xce\xc9\xce\xbfT^u\xf4\xf8\xe9\x92\x92\x0b\xd7\xfc\x8d11\x9d\x87\x0e\x1dz\xdf}\xf7\xf7\xee\xdd[|E&lt;\xd1\x05\xd7\xf8#\x8d\xc2\x00@\xda&amp;F\x03\xe2\xfea\xf1\x95\xbc\xbc\xbc\xfd\xfb\xf7o\xde\xbc9++\xab\xb8\xf8\\C\x83\xed\x8f\xbc\x7f\x8b\x16\xcdcbb\x86\x0c\x19\xda\xaf_\xbf\xf8\xf8x1\xec\x10\x7f)\xf6\xfa\x91\xd6a\x00 /\xc1\x18\x13\xf3B\x8e\xa2\\[[[XXx\xf4\xe8\xd1\x9c\x9c\x9c\x9c\x9c\x9cK\x97.\xe5\xe5\x1d\xa1\x94VWU7\xd8~"\x15\xc2\xc3\xc3\x00\xe0\xd6[;X,\x96\xee\xdd\xbb\xb5o\x7fk\xa7N\x9d"""\x82\x83\x83\x1d\xafQUUl^\xed\x92\x9f\t\xa1\xa6\x85\x01\x80\xbc\x8dH\x82\x9f,\xd3UUU\x8c\xb1\xd2\xd2\xd2\xd2\xd2RB\xa0q\xdb\xf7\xf7\xf7\x8f\x88\x88\xe0\x9c[,\x96\x9f{C\xec\xf2#/\x83\x01\x80\xbc\x16oD,\xcc\xbf\x91\xc9z1\xbd#\xce\x0b,\xfa\xc8\xbba\x00 \x1d\x11\xad]D\xc2\xf5\xdf\x15\xf1\x80\xe5\x1e\xe9\x07\x06\x00B\x08\xe9\x14._C\x08!\x9d\xc2\x00@\x08!\x9d\xc2\x00@\x08!\x9d\xc2\x00@\x08!\x9d\xc2\x00@\x08!\x9d\xc2\x00@\x08!\x9d\xc2\x00@\x08!\x9d\xc2\x00@\x08!\x9d\xc2\x00@\x08!\x9d\xc2\x00@\x08!\x9d\xc2\x00@\x08!\x9d\xc2\x00@\x08!\x9d\xc2\x00@\x08!\x9d\xc2\x00@\x08!\x9d\xc2\x00@\x08!\x9d\xc2\x00@\x08!\x9d\xc2\x00@\x08!\x9d\xc2\x00@\x08!\x9d\xc2\x00@\x08!\x9dR\xdc}\x00\x08!}\xf9\xb9\xe7\x90\x13B\\|$\x08\x03\x00!\xd4Tx#\x00 I\x92\xe3\xdf\xd7c\x8c9\xfeM\x1aq\xe1\xf1\xea\x0e\xf9\xb94F\x08\xa1\xdfA\x94{\xc6\x18!D\x96\xe5\xeb_\xc0\x18\xab\xaa\xaa"\xe4J\xf1\x11\xff\xe1\xe3\xe3c6\x9b\x7f\xf2\xc5\xe2\xad$I\xc20p:\x0c\x00\x84\x90\x13\x88\xa2\xcf9W\x94\xff\xce+PJ\x8b\x8b\x8b\x0b\n\nrr\xb2/^\xbc\x98\x99\xf9\x83\xaa\xaae\xa5\xa5\xa5e\xa5\x04\x08\x07Q|\x08\x00\xf7\xf7\xf3\xef\x10\xd1\x81s\x88\x89\x89\t\x0b\x0b\xeb\xde\xbd\xfb\xcd7\xdf\xdc\xa6M\x1b__\xdf\xc6\xef\x06\x00\x98\x04N\x84\x01\x80\x10\xfaC8\xe7\x94RG\xdd\xa7\x94\xe6\xe7\xe7\xa7\xa7\xa7\xef\xd9\xb3\'??\xbf\xb0\xf0tu\xb5\xf5w\xbc\xad\xc9dl\xd5\xaaUTTT\xcf\x9e\xbd\x06\x0f\x1e\x1c\x1b\x1b\xeb\x08\x03UU%I\xfa\xb9\xa9$t\xe30\x00\x10B\xbf\x93\xe8\x92\x8by\x1eJ\xe9\xfe\xfd\xfb7m\xda\xb4e\xcb\x96\xe3\xc7\xf3\x1b\x1al\x8d_\x19\x10\xe0\xe7\xe7\xe7{[d[I\x91\x83\x02\xfc\xbat\x89\xe4\x94\x89n&lt;\xe7\x9c(\x86\xc2\xd3Eg\x8aJ\x89,\x17\x14\x9c\xa9\xae\xbe|\xa9\xbc\xf2\x9a\xbf\xab]\xbb\xb6II\x03\xee\xbd\xf7\xde\xfe\xfd\xfb\x07\x06\x06\xc2\xd51\x07\x0e\x08\xfe\x08\x0c\x00\x84\xd0oF)uT\xde\xa2\xa2\xa2\r\x1b6\xac[\xb7\xee\xd0\xa1C\xff}\x05!m\xdb\xb4\xee\x16\xd71&gt;6\xaa{\xd7\xe8\x8eQ\xed\x03\x83\xfc\x83\xc2- \xc9 \x11\x00\x03@\xe3\xcaC\x00T`\x14\x08\xa9\xbbXQSSw8\xff\xf4\xc1\xec\xfc\x9c\xdc\xe3\x99\x07\x0e\x1f/(\xac\xafop\xbc\xb4M\x9b6#F\x8c\x18;vl\x97.]\x1c\x07\xf3\x93\x17\x1b\xd0\xaf\xc2\x00@\x08\xfd\x06b\xa2_\x14\xdco\xbf\xfdv\xc5\x8a\x15\x9f|\xf2qEE\xa5\xf8\xae\xc5\x12\xd8=\xbe\xd3\x90\x81=\xfb\xdd\xde\xbdSt[\xdf\xb0\x10\x00\x05@\x85\x06\x1bP\xc6\xecv\x00\xe0\x1c8g\x00\x8d\xbb\xed\xfc\xca\x82\x1f\x0e\x92A\x01Y\x02\x93\x11\x88\x02\xc0i\xb55\xff\xc4\xd9\xfd\x99\xd9\x9b\xd3\xf7\x1c8p\xe4t\xe19\xf1\x07\x8cFc\xff\xfe\xfd\xa7O\x9f&gt;l\xd80\xa3\xd1(F\x03\x18\x03\xbf\x15\x06\x00B\xe8\x864\x9e\xeb\xdf\xb1c\xc7\x82\x05\x0b\xb6m\xdb\xe6\xf8n\xdf\xdeq\xf7\x0eO\x1a\xf5\xe0\x90\x9b\xda\xdf\x04\x92\x01\x98\x1d\xea\x1a\xa8]\xe5\x9c;\xd6s\xde\xc8\\\x8d\xa8H\x8cq\xce9! +2\x98L`0\x020kY\xf9\xa6/v~\xbc\xe9\xab\xed_\xed\xab\xa9\xa9\x13\xaf\xef\x12\x13\x932cFrr2\xfc\xef\xb8\x04\xdd\x08\x0c\x00\x84\xd0\xaf\x13\xb3\xed\x00\x90\x9f\x9f?\x7f\xfe\xfc\xd5\xabV1\xce\x01\xc0l\xf6yx\xc4\xb0I\x13\xef\xef\xdd+\x16Lfh\xa8c\xf5\r\x8cq"\x11\xc9\x19\xab\xf8\xc5p\x81qN\x00d\xa3\x01|\xfd\x80\xb3\xa3\xb9\xf9\xff\xf9 =\xf5\x9d\x0f\x8aK.\x88\x97\r\x1a4h\xf6\xec\xd9\x03\x07\x0e\x04\x9c\x11\xfa-0\x00\x10B\xbfBUUEQl6\xdb\x82\x05\x0b\x96,y\xb5\xbc\xbc\x02\x00B,A\x93\x92\xef\x9f0\xfa\xee\xce\xddc\x81\xd9\xf9\xe5ZJ\x99,7a\x07\xfc\xca\xed\x05\x00\x92\x9f\x19\x0c\xe6\xb2\xc23k6lY\xb9\xea\xa3\xbcc\xa7\x00\x80\x10\x92\x9c\x9c\xfc\xd2K/\xb5j\xd5\n\x87\x027\x08\x03\x00!\xf4\xb3\xc4}\xb9\x92$\xed\xdd\xbbw\xda\xb4i\xb9\xb9\xb9\x00`6\x99F\x8f\x1a6\xeb\xa9IQ]:\x81\xbd\x86\xd6\xd4\x11 \x92\xec\xbaE\x99\x8c1\xc6\xb8\xe2c\x04s`\xd5\xf9\xd2\xa5o\xac};\xed\x83\x92\xd2\x8b\x00\xd0\xa2E\xf3\x97^zy\xf2\xe4\xc9\x80C\x81\x1b\x80\x01\x80\x10\xfai\x8e\x02\xfa\xe2\x8b/\xbe\xf2\xca\xbf\xc4\xca\xceAI\x89/\xcf{"\xb1o"\xd8\xea\xd4\xcb\xb5\x92\xec\xb6\xf5\xf8\x9cs\xaaR\xc5d\x04\xbf\xc0\xe2\x93\xa7\xfe6w\xd9\xea5\x9f\x8a\x89\xa9Q\xa3F\xbd\xf1\xc6\x1b\xa1\xa1\xa1b\xec\xe2\x96\xc3\xd3\x04\x0c\x00\x84\xd0O\x10\xd5\xbf\xa4\xa4$999==\x1d\x00,\xc1\x01s\xff\xfe\xd8\x13\x8f\x8f\x05\x89\xd0j+\xf1\x8c[\xb1\xae\\\x9a6\xfb\x80\x8f_\xfa\xe7\x19\x7fy\xfa\x95c\xc7\x0b\x01 22r\xe5\xca\x95}\xfa\xf4\xc1q\xc0/\xc0\x00@\x08]Kt\x9c\xf7\xee\xdd;b\xc4\x88\xe2\xe2b\x00\xe8\xdb\xab\xeb\x8a\xb4\x97";E\xb3\xaaJ\xe0\xdc\x95\x13&gt;7\x82sN)S,AU\x97*g\xce\x9c\xff\xce\xeaO\x00\xc0d2\xbe\xf6\xda\xeb\x8f&gt;\xfa(^\x12\xf89\x9e\xf5[D\x08\xb9\x9d\xa8\xfeiiiIII\xa2\xfa\xa7&lt;&gt;f\xe7\xf6U\x91\x91m\xd5\x8aK\x92\xe4\xd2\xe9\xfe\x1bD\x08Q\x14\x99VT\x05\x99\x8di\xab^I{\xf3\xc5\xe0@\xff\x86\x06\xdb\xb4i\xd3\xa6M\x9b&amp;\xcb\xb2\xb8}\xc1\xdd\x87\xe9qp\x04\x80\x10\xfa/G\xf5\x9f:u*\x00\x04\x05\xf8\xbd\xbah\xd6\xa4\xa9c\xb9\xb5\x82S\xe6\x81\xa5\xff\x1a\x9csF\x99l\t\xfd~\xcf\xfeq\x13g\xe7\x9f8\x0b\x00S\xa6LIMM\xc5q\xc0\xf50\x00\x10BW\\S\xfdC-\x81[&gt;{3\xa1o\xa2Z~QVd\r\x95N\xd5\xae*\xc1\x81\xe5\xe7\xcb\x87\xdd=\xf5\xfb\xac#\x80\x19\xf03&lt;=\xcf\x11B\xaeqM\xf5\xef\x11\x7f\xdb\xbe\xbd\xeb\x13z\xc7\xa9\xe5\x17\x15\x83\xa2\xad\xa2\xa9\x18\x14Ze\r\xb1\x04dd\xac\x9e4\xf6O\x00 ~.\x9c\x0b\xba\x06\x8e\x00\x10B?Q\xfd\xb7~\x99f\t\x0f\xa6UVY\xb3\xcb(\x19e\x92\xd1\x00f\x9f\xa9\xc9s\xd2\xde\xdd\x04W\xc7\x01\xe2\t3\xda\x8a\xb4&amp;\x82\x01\x80\x90\xde\x89\x85\x92\x8e\xea\x9f\x10\xd71}\xcb;\x16K\x00\xad\xa9\x93\x15m/\xa0d\x8cqI\x92\xfd\xfd\xae\xc9\x00\\\x1b*`\x00 \xa4k\xa2\x14\xee\xdb\xb7\xafo\xdf\xbe\x8c\xb1\x90\xe0\xc0\x1f\xbe]\xdf.\xaa-\xad\xba\xac\xf5\xea/p\xc6\xb8,\x13\x83\xa1\xcf\xed\x0f\xef\xcb\xcc\x05\x80%K\x96\xa4\xa4\xa4\xe0=b\x80\x01\x80\x90\x9e\x89\xc9\x90\xf3\xe7\xcf\xc7\xc6v)+;\xef\xe7k\xde\x99\x9e\x96\xd0;\x9eVY\xbd\xa3\xfa\x0b\x8c10\x18*\xad\xb5I\x03\xc6g\x1f9\x01\x00\xdb\xb6m\xbb\xf3\xce;q\x1c\x80\x17\x81\x11\xd2/\xb1\xd5\xcf\xb8q\xe3\xca\xca\xce\x03\xc0\xb2W\x9fM\xe8\xdbS\xad\xac\xf6\xa6\xea\x0f\x00\x92$\xf1\x06[H\xb8e\xed\xeaWB,\x81\x000~\xfc\xb8\xb2\xb22I\x92\xc4\'\xa0[\x18\x00\x08\xe9\x94\x98\x03\x997o\xde\xf6\xed\xdb\x01 \xe5\xffFMxt\x9c\xbd\xfc\xa2b\xf0\xc2\x89\x11Y\x91\xd5\xca\xea\x98\x84\xb8\xd4\xd7\x9f\x07\x80\xd2\xd2\xb2q\xe3\xc6\x11\xa2\xf7)\x10\xbd\xff\xfc\x08\xe9\x93\xd8\xdf\xff\xbb\xef\xbe\xeb\xd7\xaf\x9f\xddn\xef\xd9\xbd\xf3\x9e]k\xb9]\x95\x81{\xf1\xf2\x18UU\x15K\xe8\x8c\xe9\x7f[\xfa\xe6\x06\xb8z1@\xcf\x13A\x18\x00HGx#\xd7|\x8b4\xe2\x96cs%\xb1\xb1&gt;\xa54&amp;&amp;&amp;??? \xc0\xef\xd0\xbe\r\xed#\xdb\xb2\x9a:\xcf\xbf\xd7\xf7\x8f\xe0\x9c3B@Qz\xf4\x1a\x99\xf5c\xbe\xa2H\xb9\xb9\x87###9\xe7\x9e\xb0\xb1\x9d\xeb\xe9\xf1gFz#6\x8c\xa4\x94\x12B$I\x92eY\xb9\x8e,\xcb\xe2\x1eQJ\xa9\xaa\xaa\xde=5,\x1e\x9f\xbbh\xd1\xa2\xfc\xfc|\x00x\xe5\x85\xc7\xdaw\x8aV\xad5\xde]\xfd\x01\x80\x10\x02\x94\xc9\x06\xc3;\xcb\xfen2\x19(eO&gt;\xf9\xa4\x9e\'\x82\xf4\xfb\x93#=h\xfc\x04s\x00\xa0\x94\x9e;w\xee\xc4\x89\x13\x85\x85\x85g\xce\x14\x12B8\x07\x00\x1e\x1cl\x89\x89\x89i\xd1\xa2E\xdb\xb6m\xcdfs\xe3?\xeb};\x07\x88\x95?\'O\x9e\xec\xd6\xad[UUU\xbf&gt;q\xdf|\xbd\x96\xd6\xd4\xc8\xba\xe9\x02\xab\xaa\xaaX\xc2\x9e\x9f\xf9\x8f\x7f,^\x05\x00\x1b7n|\xe8\xa1\x87\xf49\x11\x84\x01\x80\xbcS\xe3\xbb=\xcb\xca\xca\xf6\xee\xdd\xfb\xc5\x17_df~_Xx\xa6\xba\xba\xfa\'\xff\x88\xc9dl\xdd\xbau||\xfc\xddw\xdf\xd3\xb3g\xcf\xe8\xe8h\xf1u/+\r\xe2\xc7\x990a\xc2{\xef\xbd\xe7\xe3c\xda\xbb}E|\xcf\xae\xecr\xad\xd7w\xff\x1d8\xe7L\x96kj\xeb\xbb\xf7\x1au\xe2\xd4\xd9\x0e\x1d"rrr\x14E\xd1\xc9\x04`c\x18\x00\xc8\xdb\x88\tnQ\xb2\xb3\xb3\xb3\x97-{c\xf3\xe6/\xc4\xb6\xc6\x8d\x85\x87\x87\x02g\x1c\x80\x10\xa9\xaa\xcaj\xb3\xd9\x1a\x7f\xd7\xcf\xcf\xf7\xce;\xef\x9c&gt;\xfd\xb1\x01\x03\x06\x88\rd\x00\xc0\x0b\xa6\x89E\xf5\xdf\xb5k\xd7\x80\x01\x03(\xa5\x13F\xdf\xbd\xfa\xfd\xd7h\xc5E\xed\xee\xf7\xf0\xfb\xa8*U,!\xef\xbd\xbdn\xc2\xb4\x17\x01\xe0\x1f\xff\xf8\xc7s\xcf=\xe7eI\x7f#0\x00\x90W\x11\x8b[\x00 77\xf7\xd9g\x9f\xcd\xc8\xc8pT\xf66\xb7\xb4\xea\xde\xbdS|lT\xf7\xd8h\x8b%\xb0\xc3\xad\xb7\x80\x98\xe8\x97\x95\xd2\xe2\xb2\x92\x0b\xe59GNf\xe7\xe4g\x1e8\x9c\x93\x9b\xefx\xc3\xd8\xd8\xd8\x7f\xfd\xeb_\xc3\x86\r\x03\xaf\x18\n\x88$\x1b4h\xd0\xce\x9d;CC\x82\xbe\xfbfM\xfb\x88\xb6P\xdf I\xfa\xea\xf9r\x00\x0e`\x07\xd2/i|f\xd6\x91\x90\x90\x90#G\x8e\x84\x87\x87\x83\xb8N\xa0\x1b\x18\x00\xc8{\x88\x85\xedV\xab\xf5\xaf\x7f\xfd\xeb;\xef\xa4\xd5\xd5\xd5\x03\x80\xaf\xd9\xe7\xa1\x07\x06\xff\xf9\xbeA\xfd\xfb\xc6\x076\x0f\x03\x90\x01T`\x0c\x1al\x00\xe2T\xe7`P@Q\x00d\x00N\xad\xd6\xfd\x07\x0eo\xfa|\xe7\xba\xf5_\x14\x97\\\x10\xef&lt;l\xd8\xb0\xa5K\x97FFFjz\xff\x00\x11`?\xfc\xf0C\x8f\x1e=8\xe73\x9f\x18\xbb\xf0\xf5yj\xf9y\xaf\\\xf8\xff\xab\xa8JeK\xf0\xd6\x8f\xb6\x0e{\xf0/\x00\xb0x\xf1\xe2\xa7\x9ezJ\xd3\xbf\xdf\xdf\x01\x03\x00y\tq\xeafeeM\x992%++\x0b\x00\xcc&gt;\xa6\xd1#\x87\xcdxb\\\xe7n\x9d\x018\xd4\xd6R\x9b\x9ds \</t>
        </is>
      </c>
    </row>
    <row r="289">
      <c r="A289" s="1" t="n">
        <v>287</v>
      </c>
      <c r="B289" t="inlineStr">
        <is>
          <t>polygon_sides_number</t>
        </is>
      </c>
      <c r="C289" t="inlineStr">
        <is>
          <t>What is the missing number of the part denoted with a question mark?</t>
        </is>
      </c>
      <c r="D289" t="inlineStr">
        <is>
          <t>[3, 8, 7, 6]</t>
        </is>
      </c>
      <c r="E289" t="inlineStr">
        <is>
          <t>8</t>
        </is>
      </c>
      <c r="F289" t="inlineStr">
        <is>
          <t>There are 6 numbered polygons arranged in a triangle with number [3] in the top row, [4, 9] in the middle row, and [6, '?', 7] in the bottom row.</t>
        </is>
      </c>
      <c r="G289" t="inlineStr">
        <is>
          <t>We observe that the polygon with 3 sides has the number 3, the polygon with 4 sides has the number 4, the polygon with 6 sides has the number 6, the polygon with 7 sides has the number 7, and the polygon with 9 sides has the number 9. Thus, the pattern is that the number inside the polygon represents the number of sides the polygon has.</t>
        </is>
      </c>
      <c r="H289" t="inlineStr">
        <is>
          <t>Based on the pattern that the number inside the polygon represents the number of sides of the polygon, the missing number of the polygon with 8 sides should be 8.</t>
        </is>
      </c>
      <c r="I289" t="inlineStr">
        <is>
          <t>b'\x89PNG\r\n\x1a\n\x00\x00\x00\rIHDR\x00\x00\x02\x00\x00\x00\x02\x00\x08\x02\x00\x00\x00{\x1aC\xad\x00\x00\x95\xf1IDATx\x9c\xed\x9dw\x98SE\xf7\xc7gnI\xdf\xcdv\x9a\xf4\x0e\x0b\xc8\x82.E\x8a\xd2\xa5+\x1dVz\xf9)(\x08/\xa8\xa0\x80\x80\x05\x01\x11P\xe9E\x8a\xf4*\x08HW\x10\xe9\xbdHG\xea\xb6l6=\xf7\xde\x99\xdf\x1f\x03q\xa5\x89\xca&amp;7\xc9\xf9&lt;\xef\xf3&gt;\x98\xdc\xcd\xce\xe6\xce=\xdf\x99s\xce\x9c\x83)\xa5\x08\x00\x00\x00\x08?\xb8@\x0f\x00\x00\x00\x00\x08\x0c \x00\x00\x00\x00a\n\x08\x00\x00\x00@\x98\x02\x02\x00\x00\x00\x10\xa6\x80\x00\x00\x00\x00\x84) \x00\x00\x00\x00a\n\x08\x00\x00\x00@\x98\x02\x02\x00\x00\x00\x10\xa6\x80\x00\x00\x00\x00\x84) \x00\x00\x00\x00a\n\x08\x00\x00\x00@\x98\x02\x02\x00\x00\x00\x10\xa6\x80\x00\x00\x00\x00\x84) \x00\x00\x00\x00a\n\x08\x00\x00\x00@\x98\x02\x02\x00\x00\x00\x10\xa6\x80\x00\x00\x00\x00\x84) \x00\x00\x00\x00a\n\x08\x00\x00\x00@\x98\x02\x02\x00\x00\x00\x10\xa6\x80\x00\x00\x00\x00\x84) \x00\x00\x00\x00a\n\x08\x00\x00\x00@\x98\x02\x02\x00\x00\x00\x10\xa6\x80\x00\x00\x00\x00\x84) \x00\x00\x00\x00a\n\x08\x00\x10\x04\x10B(\xa5\x81\x1e\x05\x00\x84\x1a \x00\x80\xdaQ\x14\x85\xe38\x8c\xb1\xa2( \x03\x00\xf0\x0c\x01\x01\x00\xd4\x8b\xa2(\x08\xa1={\xf6\xf4\xe9\xd3\'--\x8d\xe7y&amp;\x03\x81\x1e\x17\x00\x84\x08 \x00\x80\xda\xa1\x94\xce\x9a5\xabB\x85\nS\xa7N\xf5z\xbd&lt;\xcf\x13B\x08!\x81\x1e\x17\x00\x04= \x00\x80\xda\xc1\x18\xf3&lt;\x7f\xf7\xee\xdd\xb7\xdf~\xbbJ\x95*?\xfe\xf8#\xc7q\x1c\xc7\x81G\x08\x00\xfe# \x00@\x10\xa0(\n\xcf\xf3&lt;/\x9c:u\xea\xd5W_}\xf5\xd5WO\x9d:\xc5&lt;B\xb2,\x83\x0c\x00\xc0\xbf\x03\x04\x00\x08\x0e(\xa5\x8a"\xb3\x7f\xff\xf8\xe3\x8fU\xaaTy\xfb\xed\xb7SSS\x05A\x80\xc0\x00\x00\xfc;@\x00\x80\xe0\x80RZ1\xb1\xf2{CF\x9a\x8c&amp;\x84\x90$IS\xa7NMJJ\x9a7o\x9e$I\x10\x18\x00\x80\x7f\x01\x08\x00\x10\x1cPJM\xa6\x88\x0f\xdf\x1f\xb5f\xf9\xb66\xad;1\xb7\xcf\xcd\x9b7{\xf4\xe8Q\xabV\xad\x9f~\xfa\x89\x05\x06\xc0#\x04\x00O\x0f\x08\x00\x104\x10\xa2\xa4\xa6Z\x8a\x15-9\xed\xcb9K\xe6\xaf{\xbeb\x15\xf6\xfao\xbf\xfd\xd6\xb0a\xc3\x8e\x1d;\x9e:u\x8ay\x84dY\x0e\xecP\x01 (\x00\x01\x00\x82\x08,\x08\x82\xdb\xed\xca\xc8\xcc\xa8S\xbb\xfe\xf2\xc5\x9b&gt;\x1f75OB^\x84\x10\xc7qK\x97.\xadR\xa5\xca\x87\x1f~h\xb5Z\x05A \x84@`\x00\x00\x9e\x0c\x08\x00\x10dp\x1c\'\x08\x82\xd5\x9aE)\xed\xda\xb9\xf7\xc65{\xfa\xf7\x1b\xcc\xf3&lt;BH\x92\xe4\xb1c\xc7\xbe\xf8\xe2\x8b\xf3\xe6\xcd\xe38\x8e\xe7yEQ 0\x00\x00\x8f\x03\x04\x00\x08J\x98\xc5\xcf\xc8L\x8f\x8e\x8e\x19\xfe\xde\xd8\x8dk\xf64{\xf55J\tB\xe8\xf7\xdf\x7f\xef\xd1\xa3G\xfd\xfa\xf5\xb7o\xdf\xce\xf3&lt;\x04\x06\x00\xe0q\x80\x00\x00A\x8c \x08\x92$eff\x94.Un\xc6\xd4\xef\xe6\xceXV\xb2D\x19\xf6\xd6\xf6\xed\xdb\xeb\xd7\xaf\xdf\xb3g\xcf\xdf\x7f\xff\x1dRE\x01\xe0\x91\x80\x00\x00\xc1\r\xc6X\x10\x04\xa7\xd3\x91m\xb36\xac\xdft\xd3\x9a=#\x87\x7f\x16\x1b\x13\xc7\xde\x9a;wnrr\xf2\xa8Q\xa3\xacV+\xa4\x8a\x02\xc0\x03\x80\x00\x00\xa1\x00\xc7q\x1c\xc7gg[\t\xa5\xfdz\xbd\xb3\xf5\x87_\xbbv\xe9-\x08\x02B(++k\xf4\xe8\xd1\xc9\xc9\xc9K\x97.\x85\x1a\x12\x00\x90\x13\x10\x00 t\xe0y\x1e!\x92\x99\x95\x11\x15\x15\xfd\xe9\x98\xaf~X\xb5\xabn\xed\xfa\xec\xad\xf3\xe7\xcfw\xec\xd8\xb1a\xc3\x86\xbf\xfd\xf6\x1b\xd4\x90\x00\x00\x06\x08\x00\x10b`\x81\x17$I\xca\xca\xb2\x94)\x93\xb8p\xce\x9a\x9c\x81\x81\x9f~\xfa\xa9V\xadZ={\xf6\xbcy\xf3&amp;\x04\x06\x00\x00\x04\x00\x08AX\x01Q\xa7\xd3aw\xd8\x1a\xd5o\xf6\xc3\xea]\x83\xdf\xf9 &amp;&amp;\x0e!$I\xd2\xdc\xb9s\x93\x92\x92\xc6\x8e\x1d\x0b\xc5\xa5\x810\x07\x04\x00\x08Y\x98\xc7\xdf\x9a\x9d\x85\x10\x1a\xfa\xee\xc8\x8dkv\xb7}\xad3\x0b\x0c\xa4\xa6\xa6~\xf8\xe1\x87P\\\x1a\x08s@\x00\x80\x10\x87\xe7y\x84hzFZB|\x9ei_\xce]\xbe\xf8\xc7\x97j\xd4eo=\\\\\x1ad\x00\x08+@\x00\x80p\x00\xb3\x13\x03\xe9\x19iU+\xbf\xb8t\xe1\x0fS\'\xcd.Z\xa48{/gqi\xe8:\t\x84\x15 \x00@\xb8\xc0N\x0c8\x9c\x8e\xeclk\x9b\xd7\xba\xac]\xbe}\xe0\x80\xf7"""\xd1\xfd\xe2\xd2\xd0u\x12\x087@\x00\x80\xf0\x82\xd5\x08\xca\xb4\xa4\x1b\x0c\x86\x0f\x86\x8eY\xbb|[\xdb\xd7\xee\x15\x97NMM}\xa0\xeb$\xa4\x8a\x02\xa1\r\x08\x00\x10\x8e\x08\xbc\xa0(JZ\xda\xddbEKN\x9d4w\xf1\xbc\xb55\xaa\xd5fo\xb1\xc0\xc0\x03\xc5\xa5A\x06\x80\x90\x04\x04\x00\x08S\x98G\xc8\xedveX\xd2\xeb\xd6n\xb0x\xfe\xba/&gt;\x99\xc6\x02\x039\x8bKC\xd7I \x84\x01\x01\x00\xc2\x1a\x8e\xe3\x04^\xb0fg\xb9\xdd\xae7:\xf7^\xb7bG\x8e\xe2\xd2\xd2\xd8\xb1cY\xd7IY\x96y\x9e\x97e\x19\x02\x03@(\x01\x02\x00\x00\x88U\x8dN\xcfH\xd3\xeb\r\xac\xb8t\xf3W_\xcb\xd9u\xf2\xa5\x97^\xda\xbe}\xbb \x08\x10\x18\x00B\t\x10\x00\x00\xb8\x87 \x08\x8a"\xb3\xe2\xd2\xdf|\xb5`\xd1\xbc59\xbbNBqi \xf4\x00\x01\x00\x80?\xf1\x15\x97\xb6\xd9\xb3_\xae\xd30g\xd7I\xcc\xdd+.=z\xf4h_qi\x90\x01 \xa8\x01\x01\x00\x80\x07a\xa9\xa2\x0ft\x9d\x14\xf8{\xc5\xa5G\x8d\x1a\x95\x9c\x9c\x9c\xb3\xeb$x\x84\x80 \x05\x04\x00\x00\x1eM\xce\xae\x93#\xde\x1b\xf7\xc3\xaa]uj\xfdY\\:g\xd7IH\x15\x05\x82\x14\x10\x00\x00x\x12\xac\x86DFfz\x992\x89\x8b\xe6\xaeyd\xd7\xc9[\xb7nA`\x00\x08F@\x00\x00\xe0o\xf0\x05\x06\xec\x0e\xdb#\xbbNV\xae\\\x19\x8aK\x03\xc1\x08\x08\x00\x00&lt;\x15\xac8\xc4_\xbbN\xf6an"_qi\xe8:\t\x04\x17 \x00@\xb8@)%DQ\x14YQ\x14B\x08\xbd\x0fK\xe6a/\xfe\xed\x87\xfc\xd9u\xd2\x1c\xfd\xf9\xb8)\x0f\x14\x97~\xa0\xeb$\xc8\x00\xa0r@\x00\x80\xd0\x87\x99x\x81\x17""\xcc11qQQ\xd1&amp;\xa3I\xa3\xd1\x8a\xa2\xa8\xd3\xe9"L\x91\xd1\xd11\xd1\xd11z\xbd\x81\x10B\xc8\xdf\xfa\xf1\xb1\xc0\x0b\x92,ef\xa6\xb3\xe2\xd2S&amp;\xcezd\xd7I(.\r\xa8\x1c\x0c+\x14@\xb5(\x8a\xc2\xf3\xfc\xce\x9d;_y\xe5\x15\x84P\xb5\x17_Z\xb1x\x93\xdda\xe7\xb8\xa7]\xb8\x10B\x10\xa2F\x83I\xd4h\xee\xdc\xbd}\xf2\xd4\xd1\x13\'\x8f^\xber\xf1\xce\xdd[N\x97\x83(D\x14\xc5\x88\x08s\xc1\x82\x85\xcb\x95I\xacR9\xb9L\xa9r\x1c\xc7e\xdb\xb29\x9e\xc3\x08?\xdd\xe7#sd\x94\xcd\x9e=c\xce\x94\xf9\x0bgff\xa6\xb3\xb7\x12\x12\x12F\x8c\x18\xd1\xb7o_\x8dF\xc3.{\xfaa\x03\x80\x7f\x00\x01\x00\xd4\xcb\x7f\x14\x00EQ\x0c\x06\xa3 \x08G\x8e\x1eX\xb1z\xf1\xb6\x9d\x9bo\xdf\xbe\xf9\x84\xebEQ\xacQ\xadv\xef\x1e\x03^\xa9\xd3\xd0f\xcf\xa6\x94b\xfc\xf7\x1a\xe0\x1bg\x949\xfa\xf2\xd5\x8b\x93\xbe\xfad\xcd\xfae\xb2,\xb3\xb7\x12\x13\x13\xc7\x8f\x1f\xdf\xa4I\x13v\x19\xc7qO\xf9\x99\x00\xe0\x07`I\x02\x84&amp;\x94\xd2\xe8\xe8\x98\xdf/\x9c\xe97 \xa5U\xbb\xfa\x0b\x97\xcc\xb9}\xfb&amp;\xc7q\x1aQ\xa3\xd5h5\xa2F\x14EQ\x10EQ\xa3\xd1hEQ\xc3\xf3\xbc$I\xbb\x7f\xde\xde\xa5{\xab\x91c\x87j\xb5:\x8c\x9fvy\xf4@\xd7\xc9\x15\x8b\x7f|\xa0\xb8t\xce\xae\x93pb\x00P\x0f \x00@\x08B\x08\xd1juS\xbf\x99\xd0\xaa]\xfd\x1f6\xad!\x84\x08\x82 \x08"!\xc4+y=^\x8fW\xf2J\x92$\xc9\x92$y\xbd^\x8f$y\xd9z\x9f\xe7y\x9e\xe7g\xcd\x9d\xf6\xfeG\x03\x8d\x06\xe3?\xb1\xd49\xbaN&amp;%\xe7,.\x8d\xfe\xdau\x12N\x0c\x00\xeaA\x08\xf4\x00\x00 7\xa0\x1aQ\x93m\xcdr:\x9d\x1a\x8dVQd\xe6\x93\xe18\xaeb\x85\xcaU\x9e\x7f\xb1h\xd1\x12\xd1Q1&lt;/\xd8l\xd6\x8b\x97\x7f\xdf\xbdg\xdb\xb9\xdf\xcf \x84\x14E\xc1\x08\x0b\x82\xf8\xfd\xb2\xf9U*\xbf\xd8\xa9}\xb7\xac,\x0b\xcb\xf5|\x1a\xd8\x89\x01\xbb\xc3\x86\x10~\xa3s\xef\x86\xf5\x9b\xcd[8}\xce\xfcol\xb6l\xd6ur\xf5\xea\xd5c\xc6\x8c\xe9\xd2\xa5\x8b(\x8a\x10\x18\x00\x02\x0e\xc4\x00\x00\xf5\xf2\x1fc\x00&amp;\xa3\xa9c\xd7\x16{~\xd9\x81\x102GFuh\xd7\xb5u\x8bv\xa5J\x965\xe8\r\x14QJ(E\x14c\xccq\x9c\xc3a_\xba\xfc\xbb\xd1\x9f\xbc/I^\x84\x10s\xfe\x14*Xd\xf3\xfa_x^ \x94\xfe\x0b\xb7\xbd,\xcb\x1a\x8d\xc6l\x8e&gt;y\xea\xe8\xf4Y\x93W\xac^\xe2{+99y\xcc\x981\r\x1a4`\x971\xd7\xd0?\xff\r\x00\xf0_\x81\xd5\x07\x10\x9a\x10B\xbc\x92\xf4\xd9\x98\xaf\xf2\xe4\xc9\xd7\xbae\xfb\x1f\xd7\xff\xf2\xf1\x87\xe3\xcb\x94.\xef\xf5z2-\xe9\x16Kf\x96\xd5b\xb5feeY22\xd2\xbd^\xef\x9b}\x07\x8d\x1d9\x819\x82\x08!\x18\xe3k\xd7\xaf\x1c&lt;\xfc\x9b\xc1`\xa4\xff\xead\xaf \xfc\xa5\xeb\xe4\x92\xf9\xebr\x16\x97n\xd8\xb0\xe1\x03]\'\x9f\xe9_\x0f\x00O\x05\x08\x00\x10\x9ap\x1c\xe7\xf1\xb8\xf2\xe4\xc9\xb7n\xf9\xf6/\xc7O\xcf\x9f\xaf@zF\x9a\xcb\xe5\xc4\x18\xf3\xbc\xc0\xe7\x80\x99\xe0\xdbwn\xb5o\xfbF\xc5\xc4\xca\x84\x10\x8e\xe38\xcca\x8cO\x9f9.\n"\xa1\xff\xb2\xb4\xc3\x9f]\'3\xd3\xeb\xd4\xae\x9f\xb3\xb8\xf4\xc3]\')\xa5\x10\x18\x00\xfc\x0c\x08\x00\x10\xb2`\xccI\x92\x14\x1f\x9f\xe0v\xbb\\.\x17\xeb\xe7\xf5\x98+1\xa5T\xab\xd1VK~\t!\xc4a\x0e!D)M\xcfH\xa3\xe8\xdf\xf8\x7fr\xc2q\x9c \x08\x0f\x14\x97\xce\xd9u\xb2r\xe5\xca\xf3\xe6\xcdc!\xe8\xa7&lt;\x90\x0c\x00\xcf\x04\x10\x00 \x94\xc1\x18K\x92\x841\xf7\xf7a\x03\x8c\x10F\xd1Q1\x08!_X\xec\x19\xba\xe6s\x16\x97~\xa0\xeb\xe4\xad[\xb7r\x16\x97\x86\xae\x93\x80\xdf\x00\x01\x00B\x9c\x7fd\xc4m\xf6l\x84\x10F\x88"\x841\x8e\x8fK\xc0\x08?CK\xccRE\x1f\xee:\x89\xf1\x9f\xc5\xa5\xa1\xeb$\xe07@\x00\x00\x00!\x840B\x92$\x1d?q\x04!D\x11\xa5\x84PJ\xcb\x95\xad(\xc9\x12\xf3\x08=\xb3_\xf4\xd7\xae\x93+\xbf\xdf&lt;r\xf8g1\xd1\x7f\x16\x97NNN\x1e5j\x94\xaf\xeb$x\x84\x80\xdc\x03\x04\x00\x00\x90$y\xcd\xe6\xe8#G\x0f\x1c8\xb4\x0fcL)\xa2\x88\x16*X\xa4J\xe5\x17\x9dN\x07~\xa6\x02\xc0\xf0u\x9dT\x14\xe5~q\xe9\xde\x82p\xaf\xeb\xe4\xe8\xd1\xa3\x93\x93\x93\xa1\xb84\x90\xdb\x80\x00\x00\xe1\x02\xfd+\x84\x10\x85(\xb2"\x13\xa2\xc4\xc4\xc4\xa5g\xa4}\xf0\xd1@_\xc0\x80R\xfaV\xdfw\xa3\xa3\xa2eY\xce\xbd\x1c}\x16\x18\xc8\xcc\xca\x88\x8a\x8a\xfet\xccW?\xac\xdaU\xb7\xf6\x9f]\'\x1f(.\r\x81\x01\xe0\x99\x03\x02\x00\x84\x0b\x82 j4Z\xf6?\xadVk\xd0\x1b"#\xcc\xb11q\x06\x83i\xd7\xee\x9f\xdatlt\xfa\xec\xc9\xfbY\xf9R\xeb\x16\xed:\xb5\xeff\xcd\xcez\xfac\xc0\xff~`\xbc IRV\x96\xa5L\x99\xc4\x85s\xfe\xd2u2gqi\x08\x0c\x00\xcf\x1c(\x05\x01\xa8\x1d\xdf\xb2\xf7\xbf\xe4\xe4`\x8c-\x96\x0c\x97\xdb\xc9\x8a&lt;+Dq:\x9di\xe9w\xcf\x9c=\xb9k\xcf\xb6\xdf\x0e\xeeE\x08a\xcc\xb1\x03Y\x9d;t\xff\xf8\xa3\t.\xb7\x0b=EE\xe8g\x02\xcb\x01u:\x1d\x08\xa1F\xf5\x9b\xd5\xac^g\xe6\x9c)\xf3\xbe\x9b\x91i\xc9\x90$i\xee\xdc\xb9?\xfc\xf0\xc3\x80\x01\x03\x86\r\x1b&amp;\x8a\xa2\x7f\x86\x04\x84\x03P\n\x02P/\xac\x14\xc4\x9e={\xea\xd6\xadK)}\xa1J\xf5\x95\xdf\xff\xe8t:\xffi\xfd\x1cEQ\xcc\xe6\xa8AC\xfbn\xd8\xb8\x9a\xe5\xdaSJ\xbd^\x8f/\xbe\xca\xce\x01p\x1c_\xa9bR\x9f\x1e\xfd\x9b\xbf\xfa\x9a\xd3\xe5d\xe7\x81s\xe1\xcf\xfa\xfb\xd1\n\xbc`\x8a\x88\xb8z\xed\xf2\xecy\xd3V\xaf[\xe6p\xd8%IB\x08\x95+W\xee\x9dw\xdey\xe3\x8d74\x1a\r\x14\x11\x02\xfe;0\x87\x00\xf5\xc2l\\\xb9r\xe5\xcc\xe6(\x84\xd0\xa5+\xbf\xa7\xa7\xa5i4\x9a\x7f\xb1j\xc1\x08{&lt;\x1e\x97\xcb\xe9p\xda].\xa7\xdb\xedb\'~\x05A`\x1e\xf6\x97\xeb4\x98\xfd\xed\x92\x1fV\xef\xea\xd2\xe9\r\x87\xd3!IR\xa0\xea\xf3`\x8c%Y\x92\xbc\xde\xc2\x85\x8a&amp;UN6\xe8\x8d\xac\x9a)B\xe8\xcc\x993\x87\x0e\x1dbb\x00K7\xe0\xbf\x03. @\xed0\xdf7BH\x96\xe5\x7f]\x95\x01\xdd\xb7\x98\x94\xfci7\xef\xd5\xe3\xc4\x1cB\xe8\xe0\xa1\xfd\xbf_87g\xc1\xb7\xf5_i\xdc\xaay\xbb&lt;\ty\xb3\xac\x16\x9e\xcb\xf5\x00\xc0\x03\xc8\xb2l0\x18\xf5:\xfd\xf6]\x9b\xa7~3a\xff\x81_|o5i\xd2d\xe2\xc4\x89e\xcb\x96\xf5\xf3\x90\x80\x10\x06\x04\x00P;\xcf$\x06@)5\x1a\x8d\x91\x91f\x9e\xe3\x15\xa2PJeYr\xb9\\\x84\x10\x82\x08B\xc8\xee\xb0\xd9\x1d\xb6\x9b\xb7\xfe\xd8\xbbo\xd7\x9cy\xdf\x0c}\xf7\xa3\xd7[w\xcc\xce\xb6\xfa\xcd\xd3\xc2\xfc]\xf1q\t\'O\x1f{\xa0z\xe8\x03m\xc5\xfc\x10\x97\x06\xc2\x04\x88\x01\x00\xea\x85\xd5\xe6\xb4X,\xc5\x8b\x97\xb0X2\xcd\xe6\xa8m\x1b\x7f\x8b\x89\x89\xfd\x17\xfe\x19\x8c\xb1\xd3\xe9\x94$/;\xe6K(\xf1\xb8\xddV\x9b\xf5\xf6\xed\x9bg\xce\x9e\xdc\xfb\xeb\xae\x83\x87\xf7#\x84\x04A\xa4\x94*\x8a\x8c\x10\x1a:\xe8\xc3w\x06\xbc\x97\x9d\x9d\xc5\xe5\xf2&gt; gc\xe1\x99s\xa6\xce\x9c3\xc5f\xb7\xb1\xb0\x044\x16\x06r\x15\x10\x00@\xbd&lt;C\x01@\x08\xb1CU\xbe\xff\xc4\x98c\xa5@y\x9ew\xbb\xdd\x07\x0f\xff:\xe6\x93\x0fN\x9c:\x8a1\x871b\t\x973\xbe^\xd4\xacIkkvV.\xf9\x82X\x05\xd0\x08S\x04\xc7\xf3\xab\xd7~?\xf5\xdb\x89\x17.\x9e\xc3\x18Q\x8a4\x1aM\xdf\xbe}G\x8c\x18\x91\x90\x90\x80`\xe1\x0f\xe4\x0e \x00\x80zy\xb6\x02\xf0\xf0T\xbfw$\x0cQ\x0es\x91\x11\x91\x0e\xa7#\xa5\xc7k\xbf\x1d\xdc\xcbq\x1cB\x98RR\xach\xc9Mk\xf7&lt;\xa3\xbf\xe6\xc1_.\xcb\x8aN\xa73\x19#\xf6\xee\xdf3\xe9\xabq\xbf\xec\xdb\xe5{\xafI\x93&amp;\xe3\xc7\x8fOLLD\xd0J\x1e\xc8M`;\t\x84\x0b\xf8!X=\x06\x81\x178\x8e\xb3dY\xf4z\xfd\xd8Q\x13u:\x1d;)\x8c1\xbet\xf9\xf7\xdf\x0e\xec5\x1aM\ny\x96\xc7\xaf\x14EA\x08\xc7\xc5\xc6\xa7\xa6\xdd\xed?\xa8G\xbb\xceM|\xd6?11\xf1\xfb\xef\xbf\xdf\xb4iSbb"KW\x85~a@\xee\x01\x02\x00\x00\x08!$\x8a\xa2\xcd\x96]\xa6t\xf9*\x95\x93)\xa5\x18\xdf\xeb\ts\xf4\xf8AQ\x10\x9f\xd5F\x99\x15w\x8b2G#\x84&gt;\x9f4\xbai\xeb:+V/f\xa7\xcf\x12\x12\x12\xc6\x8c\x19s\xf8\xf0\xe1\x0e\x1d:\xb0\xcb\xc0\xf4\x03\xb9\rd\x01\x01\xc0\x9f\x08\x82P\xbch\xc9\xbd\xbf\xee\xc6\x18S\x84(\xa5\xb7n\xdf$\x84\xe0\xff|$\x98U\x1f2\x1a\x8c\xbc \xac\\\xb3\x98\xb9\xfb\xd9[\xa2(\xa6\xa4\xa4|\xfc\xf1\xc7\x05\n\x14@\xe0\xee\x07\xfc\x08\x08\x00\x00\xfc\tF\x98\x17|\xc6\x97"\x84$\xc9K\xd1\x7f\\\xfeSYQtZ\x9d^o8y\xf2\xe8\xa7\x13F\xee\xda\xb3\xcd\xf7^\x83\x06\r\xc6\x8c\x19\x93\x9c\x9c\x8c\xee7\x88\x07\xeb\x0f\xf8\r\x10\x00\x00\xf0\x81\t!\xe9\xe9i\x08!\xd6\x12\x06!d2Fp\x98C\xffV\x03\x14E\xe1y!&amp;*\xea\xd6\xed\x1b\x1f\x7f\xf2\xfe\x92e\xf3\xd99^\x84Pbb\xe2\xf0\xe1\xc3;t\xe8\x80\xeeGz\xd9q_\x00\xf0\x1b0\xe1\x80P\x852W\xfe\xd3\xff\x00\xcf\xf3\xd96\xeb\xc9SG\xd1\xfd\x04$\x84P\xa1\x82E\xfe\x9d\xfb\x87\xa5\xedGF\x9a]N\xe7\xf4\xd9_M\xfbvBFf:\xfbL\xb3\xd9&lt;d\xc8\x90\xa1C\x87\xfa\xb2\xfba\xd5\x0f\x04\x04\x10\x00 \x04\xa1\x08\xf1\x1c/\x08\xa2\xcb\xe5D\x08=M\x1a\xa5\xd7\xebM\x88\xcf\xb3j\xed\xd2\xab\xd7\xafp\x1cG\x08\xc1\x98"\x84*U\xaa"y\xbd\xffHH\xee\xb9\xfb\x8d&amp;\x0es[\xb7m\xfc\xf4\x8b\x91&gt;w?\xa5\xb4G\x8f\x1e\xc3\x86\r+U\xaa\x14\x02w?\x10h@\x00\x80\x10D\xe0\xf8l\x9b\xd5b\xc9,[6\x91R\xeat:$I\xba\xdf\xe8\x17\xe7\x14\x03\x96\xf1I\x11\x8a\x8d\x8d\xbfz\xfd\xf2\'\xe3?d\xef\xb2\x9e0\xa5J\x96}\xbeb\x15\xa7\xeb\x1f\xd4\x1f\x95eY\xa7{\xb4\xbb\xbf^\xbdz\xef\xbf\xff~\xbdz\xf5\x10\xb8\xfb\x01u\x00\x02\x00\x84\x1a\x94\x12A\xd4ed\xa6\xbf\xde\xb1Q\x9dZ\xf5_k\xd1\xber\xe5\x17\xe2\xe3\x12x\x9eWdY\x96e\x85(\x94P\x84\x11\xc7q\x02/\x08\xa2H\x14\xb2\xff\xb7\x9f\xff\xf7A\xff\x1b7\xafc\xcc\x11B\x04A\x94e\xa9W\xb77M\xc6\x08KV\x06\xcf\xff\xfd\x93\xc2\x96\xf3\xb11q7o\xff\xf1\x80\xbb\xbft\xe9\xd2\xc3\x86\r\xeb\xde\xbd;\xbb\x8c\xb5\x05\xce\xddo\x01\x00\x9e\x02\x98\x85@\x08B)\x15\x04\xc1\xe5tn\xd8\xb8j\xc3\xc6U\xf9\xf2\x15\xa8\\\xb1j\xa5\x8aI\xa5J\x96\xcd\x9b\'\x9f92J\xd4h)!\x0e\xa7#==\xf5\xf7\x0bgw\xec\xde\xba}\xe7f\x84\x10s\xfe\x88\xa2(IR\xed\x97^i\xd7&amp;\xc5\x9a\x9d\xf5\xb7\xd6\x9f\x10B)5\x9b\xa3\x1c\x0e\xfbw\x8bgM\xf8j\\j\xea\x1d\xcca\x84PTT\xd4\xc0\x81\x03\x07\x0e\x1ch6\x9b\xd9e\xb0\xea\x07\xd4\x03\x08\x00\x10\x9aPJEQ\xc4\x18+D\xb9}\xfb\xe6\xed\xdb77mY\x87\x10\xe28N\xaf7\x08\xbc@(\x91\xbc^\xb7\xc7\xed\xfb\x11V\x01\x82\xe7xI\x92*UH\x9a2i\x8e\xa2\xc8\xbet\xa0\xc7\xfd\x16EQL\xa6\x08\x0es;wo\x9d\xf0\xe5\xd8c\'\x0e\xb3\xcb)\x01w?\xa0v@\x00\x80\x90\xc5\xe9r\xb2\x7f\x08\x82\xc0q&lt;B\x94\x10"\xcb\xb2\xc3a\xf7]\xc3q\x1c\xcf\x0b\x18!B\x88\xac\xc8\xec\xc5\xd7Z\xb6\xff\xf8\xa3/\x8c\x06\x93\xdb\xe3~\x82\xf7\x9f\xb9\xfb\xcd\xe6\xa8\x93\xa7\x8eM\xfd\xe6\x8b\r\x9bV\xdf{\x83\xa2\xe4\xe4\xe4q\xe3\xc6\x81\xbb\x1fP9 \x00@\xa8\x811\xe7\xf5z\xf2\xe5-0\xe1\xd3oV\xaf[z\xf8\xc8o\x1e\xaf\x07!\xf9\x91\x17\x13B\x08\xf1\xb2\x7f\xf3\x1c_\xbdZ\xad\x9e\xdd\xfe\xafA\xbd\xa6n\xb7\xeb\t\xd6\xdf\xe7\xee\xbfq\xf3\xfa\x97S&gt;\x9d1g\n\xabOG)-P\xa0\xc0\x981cRRR\x04A\x90e\x19\xb2\xfb\x015\x03S\x13\x08Mx\x9e\xef\xdc\xa1[\x9b\xd7:]\xbat\xfe\xc8\xb1\x83\xc7O\x1e\xb9p\xf1|j\xda]\xab\xd5\xe2\xf1z\x14E\xc1\x08\xf1\x82`4\x98\xe2\xe3\xf3\x14-\\\xec\xf9JU\xaa%\xd7J,WQ\xe0\x85l[6+\x15\xf7\xf0\xc7\xde+\xe6\x13\x15\xedp\xd8\x17,\x9e5\xe9\xabqwS\xef\xb0+EQ\x1c:t\xe8\x80\x01\x03|\x05\x9c\xc1\xf4\x03*\x07&amp;(\x10\x9aPJ-Y\x16\x8e\xc3\xc5\x8a\x95*W\xb6b\x97N=\xbd^\xaf\xc3aw\xb9\x9c\x1e\x8f[\x92%\x8c\xb0F\xab\xd5\xe9\xf4&amp;\xa3\xc9\xa07p\x1c\xef\xf1\xba\x9d.\'%\x8f\x8e\xd32w?\xeb\xd7\xb8c\xd7\x96\xf1\x93&gt;&gt;v\xe20{\x8b\x10\xd2\xa1C\x87\xe1\xc3\x87\xb3\x02\xce\xe0\xf3\x01\x82\x05\x10\x00 da&amp;\xd8\xedq\xb1\xe3`,\xf9\xd2l\x8e\xe28\x0e\xa3{\xb5\xde\x08!\x8a\xa2dY\xb3\x10\xa2\x18s\x1c\xc7\xa1G\xd9mY\x965\x1aMLL\xdc\xc9SG\x1f\xe8\xd7\x98\x9c\x9c&lt;f\xcc\x98\x06\r\x1a\xa0\xfb\xa6\x1f\x16\xfe@\xb0\x003\x15\x08q8\xfc\xa7Mg\x0e\x9c\x07.\xc0\x18?a\xb5\xce\xd2\xf6\xe3b\xe3\xef\xdc\xbd\xfd\xf5\x8cIs\xe6\x7fc\xb3e\xe7t\xf7w\xe9\xd2E\x14E\xf6\xb1`\xfa\x81\xe0\x02\xe6+\x10F\xfc\xa3\xf2\xfa\x84\x10BITd\xb4W\xf2~\xb7x\xd673\xbf\xbcr\xf5\x12{K\x14E\xe8\xd7\x08\x84\x00 \x00\x00\xf0\x08dYf\xee\xfe\xed;7\x7f=c\xd2\xbe\xfd\x7f6\x86\xcc\xd9\xaf\x11\xdc\xfd@P\x03\x02\x00\x00\x7f\x81-\xe7\xe3\xe3\x12N\x9e&gt;\xf6\x80\xbb?11q\xfc\xf8\xf1M\x9a4AP\xc0\x19\x08\t`\xfa\x02\xc0=\x98\x1f?\xca\x1cm\xb3g\x7f&gt;q\xf4\xcc9Slv\x1bs\xf7\'$$\x8c\x181\xa2o\xdf\xbeP\xc0\x19\x08%@\x00\x00\xe0^\x8ag\x84)\x82\xe3y_\xbfF\x16/\x00w?\x10\xc2\x80\x00\x00a\x0e\x95eE\xa7\xd3EG\xc5\xec\xdd\xbfg\xd2W\xe3~\xd9\xb7\xeb\xde\x1b\xf4/\xee~\xe6\xf3\x01\xeb\x0f\x84\x12 \x00@\xf8\xc2\x96\xf3q\xb1\xf1\x97\xaf^|o\xc4;k\xd6/\x93\xe5{\x15#\x1e\xee\xd7\x08\xa6\x1f\x08=@\x00\x80p\xe4/\xee\xfeI\xa3\xe7/\x9c\x99\x99\x99\xce\xdeJHH\x180`\x00\xf4k\x04\xc2\x01\x10\x00 \xbc\xb8\xd7\xaf\xd1`\xe4\x05\xc1\xe7\xeego\x89\xa2\x98\x92\x92\xf2\xf1\xc7\x1f\x17(P\x00\x81\xbb\x1f\x08\x03@\x00\x80\xf0\x81\xca\x8a\xa2\xd3&gt;\xba_c\x83\x06\r\xc6\x8c\x19\x93\x9c\x9c\x8c \xbb\x1f\x08\x1b@\x00\x80\xb0@Q\x14\x9e\x17b\xa2\xa2n\xdd\xbe\xf1@\xbf\xc6\x87\xdd\xfd\x90\xdd\x0f\x84\t0\xd1\x81\x10\x87\xf9\xf1##\xcd.\xa7s\xfa\xec\xaf\xa6};!#3\x9d\xd5\x840\x9b\xcdC\x86\x0c\x01w?\x10\xb6\x80\x00\x00!\xcb=w\xbf\xd1\xc4an\xeb\xb6\x8d\x9f~1\xd2\xe7\xee\xa7\x14\xfa5\x02\x00\x08\x00\x10\xa2\xb0~\x8d\x8ft\xf7\xd7\xabW\xef\xfd\xf7\xdf\x87~\x8d\x00\x00\x02\x00\x84\x1a\xbe~\x8d7o\xff\xf1\x80\xbb\xbft\xe9\xd2\xc3\x86\r\xeb\xde\xbd;\xba_\xe7\x19\xdc\xfd@8\x03\xb3\x1f\x08\x1d\x08!\x94R\xb39\xca\xe1\xb0\x7f\xb7x\xd6\x84\xaf\xc6\xa5\xa6\xde\xc1\x1cF\x08EEE\r\x1c8p\xe0\xc0\x81f\xb3\x99]\x06\xab~\x00\x00\x01\x00B\x01V\xcc\xc7d\x8a\xe00\xb7s\xf7\xd6\t_\x8e=v\xe20\xc2\x08!D\t\xb8\xfb\x01\xe0\xd1\x80\x00\x00A\x0fs\xf7\x9b\xcdQ\'O\x1d\x9b\xfa\xcd\x17\x1b6\xad\xbe\xf7\x06E\xc9\xc9\xc9\xe3\xc6\x8d\x03w?\x00&lt;\x12\x10\x00 \x88\xf1\xb9\xfbo\xdc\xbc\xfe\xe5\x94Og\xcc\x99"IR\xce~\x8d)))\x82 \xc8\xb2\x0c\xd9\xfd\x00\xf00\xf0H\x00A\t\xeb\xee\x1b\x15\x15\xedp\xd8\x17,\x9e5\xe9\xabqwS\xefp\x1c\x87\x10\x12Eq\xe8\xd0\xa1\x03\x06\x0c\xf0\x15p\x06\xd3\x0f\x00\x8f\x04\x1e\x0c \xc8\xa0\x94\xca\xb2l4\x9a\xf4:\xfd\x8e][\xc6O\xfa\xf8\xd8\x89\xc3\xec-BH\x87\x0e\x1d\x86\x0f\x1f\x0e\xfd\x1a\x01\xe0i\x00\x01\x00\x82\tf\xd3\xe3\xe3\xf3\x9cz\xa8_crr\xf2\x981c\x1a4h\xe0\xbb\x0c\x16\xfe\x00\xf0d\xe0\t\x01\x82\x07\x8a\xe2b\xe3\x9dN\xc7W\xd3&gt;\x9f\xb3\xe0[\x9b-;\xa7\xbb\xbfK\x97.\xa2(\xb2\x8a\x0e`\xfa\x01\xe0i\x80\xe7\x04\x08\x1e0\xfan\xc9\xec\xc5K\xe7]\xber\x81\xbd\x00\xfd\x1a\x01\xe0\xbf\x80)\xa5\x81\x1e\x03\x00&lt;\x1aJ)\xc6\xd8b\xb1\x14/^\xdcb\xb1\xb0\xf5\xbe\xef\xdd\x9c\xfd\x1a\x99\xcf\x87\x95x\x03\x00\xe0)\xe1\x02=\x00\x00x*0\xc6\xbe\xd5}bb\xe2\xa6M\x9b6m\xda\x94\x98\x98\xa8(\n\xa5T\x10\x04\xb0\xfe\x00\xf0O\x01\x17\x10\x10\x04\xf0&lt;\xcf\x92\x7f\x12\x12\x12F\x8c\x18\xd1\xb7o_(\xe0\x0c\x00\xff\x1d\x10\x00@\xed`\x8c\xb3\xb2\xb2\x04Ax\xf3\xcd7\x87\x0f\x1f\x0e\xee~\x00xV\x80\x00\x00jG\x92\xa4\xd6\xad[\x8f\x181\xa2b\xc5\x8a\xe8~\xd3.\xb0\xfe\x00\xf0\xdf\x81 0\xa0v|\x8b}f\xfa\xc1\xd7\x0f\x00\xcf\n\x10\x00 \x08`\xee~V\xe9\x01\x00\x80g\x05\x08\x00\x00\x00@\x98\x02K*\x00\x00\x800\x05\x04\x00\x00\x00 L\x01\x01\x00\x00\x00\x08S@\x00\x00\x00\x00\xc2\x14\x10\x00\x00\x00\x800\x05\x04\x00\x00\x00 L\x01\x01\x00\x00\x00\x08S@\x00\x00\x00\x00\xc2\x14\x10\x00\x00\x00\x800\x05\x04\x00\x00\x00 L\x01\x01\x00\x00\x00\x08S@\x00\x00\x00\x00\xc2\x14\x10\x00\x00\x00\x800\x05\x04\x00\x00\x00 L\x01\x01\x00\x1e\r\xa5TQ\x94@\x8f\x02\x00\x80\\\x04\xfa\x01\x00\x8f\x80R\xca\x1ao\xf9\xfe\x01\x84\x064\x07\x18c\xdf\xcd\x85f;\xe1\t\xdcu\xe0A\x08!\x18\xe3\xbbw\xef~\xf2\xc9\'\x18cf,\x02=(\xe0_\xc2vr\x8a\xa2\xc8\xb2\xcc\xee,\xeb\xa8,\x08\x02\xcf\xf3\xdc}\x14E\x81\xbb\x1c\x86@Sx\xe0/\x10B8\x8e\xb3X,-[\xb6\xfc\xed\xb7\xdf\xae_\xbf&gt;}\xfath\xc6\x1b,&lt;\xbc\xc0g\xe6\xdew\x01!\xe4\xe6\xcd\x9b\x17.\\8y\xf2\xe4\xf1\xe3\xc7/^\xbc\x18\x15\x15\xf5\xe9\xa7\x9f\x96/_\x1eA\xd7\xe5\xf0\x03\\@\xc0\x9f\xf8\xac\x7f\xa3F\x8d\x0e\x1e&lt;h0\x18\x9cNg\xef\xde\xbdg\xce\x9c\t\xa6A\x9dPJ\t!\xec)fk\xf9\x07.\xb0Z\xad\xbf\xff\xfe\xfb\x8d\x1b7\x0e\x1f&gt;|\xf0\xe0\xc1\x1b7n\\\xbf~\xddn\xb7\xe7\xbcF\xa3\xd1\xf4\xed\xdbw\xc4\x88\x11\t\t\t\x08!EQrj\x06\x10\xc2\x80\x00\x00\xf7x\xc0\xfa\x0b\x82 \xcb\xb2F\xa3\xf5z=\xa0\x01*\xe1\x81\x05\xfe\xc3\xb7\xc3\xe9tfdd\x9c={\xf6\xe0\xc1\x83\x97.]\xba|\xf9\xf2\xd9\xb3gSSS\x9f\xfc\xb1\x1c\xc7\x11B\x12\x12\x12F\x8c\x18\xd1\xb7o_\x8dFC\x08A\x10\x18\x08\x03@\x00\x00\x84\x1ee\xfd\x15Ey\xa1j\xf5\x03\x07\xf7i\xb5Z\x8f\x074 0\xfc\xed\x02\xdfb\xb1\\\xbcx\xf1\xf4\xe9\xd3\x97.]:p\xe0\xe0\xb9sg333\x1fX\xe0\xe7$&amp;&amp;\xf6\xb9\xfc\x85J\x97*[\xa8`\xd1\xc4\xf2\x95$\xc9;\x7f\xe1\xcc}\xfb\xf7\xf8.HLL\x1c?~|\x93&amp;M\x10B\xb2,\xf3&lt;\x0f\xb7;\x84\x01\x01\x00\x1e\xb4\xfe\xcc\xe2\x8f\x1d5\xa9_\xef\xfe}\xdf\xea\xbaj\xed\xf7z\xbd\xde\xe5r\x81\x06\xe46O\xbf\xc0?p\xe0\xc0\xe5\xcb\x97\x99\xdd\xcf\xc8\xc8x\xdc\x07\x1a\x8d\xa6(st\xf1b%\xcb\x97\xabT\xb8P\x912\xa5\xca?W\xa0PTT\x8c\xd1h\xe48N\x92$\x9e\xe3\xdd\x1e\xf7\xca\xd5\x8b\xbf\x99\xf9\xe5\x95\xab\x978\x0e\x13B\x11B\x1d:t\x18&gt;|xbb"BH\x96eA\x80`ah\x02\x02\x10\xee&lt;\xc6\xfaO\xec\xd3c@FfzdD\xe4\xa0\xa1}\x97\xafZ\x0c\x1a\x90\xab(\x8a\xc2,\xfe\x03\xaf\xa7\xa5\xa5\x9d9s\xe6\xca\x95+\xc7\x8f\x1f?y\xf2\xe4\xc5\x8b\x17322\x9e\xb0\xc0\x8f\x8b\x8b/V\xb4d\xc1\x02\x85\xcb\x97\xabX\xb2D\xe9\x82\xcf\x15\x8e\x8d\x89\x8f\x8e\x8a\x16E\r\xa1D\x92$\xaf\xd7\xab(\x92\xa2\x10J)\xc7aJ)\xc6\\Lt\xec\x9d\xbb\xb7\xe7-\x9c&gt;g\xde\xd76\xbb\xed\xbe\xf7O3t\xe8\xd0\x01\x03\x06$$$\xb0\x8d\x08\x04\x06B\x0f\x10\x80\xb0\xe6q\xd6\xbfo\xcf\xb7S\xd3\xeer&lt;\xc7a\xced4\x81\x06\xe4*\xec. \x84\x9cN\xe7\xb5k\xd7\xfe\xf8\xe3\x8f\x83\x07\x0f\x1e&gt;|\x98\xa5\xebX,\x96\xc7\xfd\xa0\xd1`\xcc\x9f\xbf`\xfe|\x05\xca\x95\xa9\x90X\xbeR\xfe|\xcf\x15.T46&amp;N\xd4h8\x8e\x97eI\x92\xbc\xb2,\xcb\xb2L(\xc1\x08\xfbx\xe0s\x98\xb97\x9b\xa3N\x9f&gt;1i\xca\'\x1b6\xadF\x08q\x1cO\x88\x92?\x7f\xfe\xb1c\xc7v\xef\xde\x1d=^\xa5\x80\xe0\x05\x04 |y\xb2\xf5g\xbb~B\th@\xae\xc2Rn\xe6\xce\x9d\xbbh\xd1\xa2+W\xae\xdc\xbcyS\x92\xa4G^\xa9\x115\xe6\xa8\xa8\xa2\x85K\x14|\xee\xcf\x05~\xbe\xbc\x05\x8cF\x93 \x08\x84\x10Y\x96\xbd^\x8f$I\x94R\x8a(\xc6\x98\xc3\x1cB\xe8i\xee\x11\xa5TQd\xa31\x82\xe7\xf8\xdd\xbfl\x9b\xf0\xe5\xd8c\'\x0ec\x8c\x98y\xa8W\xaf\xde\xfb\xef\xbf_\xaf^=\x04\x81\x81\xd0\x02\x04 Ly\x1a\xeb\x7f\xefJ\xd0\x80\\\x83Y\xff\xfd\xfb\xf7W\xaf^\xfd\xe1w\xa3\xcc\xd1qq\t%K\x94.U\xa2L\x89\x12eJ\x95(\x93\x10\x9f\'::V\x93c\x81\xef\xf5z\tag\xb8\x1e\xbb\xc0\x7fzX\xc0\xd9l\x8er8\xeck\xd7/\x9f\xf0\xd5\xb8\xd4\xd4;&lt;\xcf\xb3\xa2 =z\xf4\x186lX\xa9R\xa5\x10\xa4\x8a\x86\n \x00\xe1\xc8\xd3[\xff{\xd7\x83\x06\xe4\x02\xec.\\\xb9r\xa5j\xd5\xaaV\xabUQ\x14\xa3\xd1T\xa1\xfc\xf3eJ\x97+\xf8\\\xe1\xb2e*\x14+R"***22\x8a\xe7xEQ\xbc\x92W\x96%I\x96(\xa1\x14Q\x0ec\x8cs\xe5\x9bg\xc6\xdd\x1c\x19u\xf3\xf6\x1fS\xbe\x1e\xbfd\xd9|I\x92\x98\x0c\x98\xcd\xe6\x81\x03\x07\x0e\x1a4\xc8l6C\xaah\x08\x00\x02\x10v\xfcS\xeb\x7f\xef\xa7@\x03\x9e)\xcczZ,\x96\xc6\x8d\x1b\x1f:t\x08!T\xa1|\xa5\xe9\xd3\x16\x15z\xae\x88 \n\x18cY\x92=^\x8f\xa2\xc8\xb2,\xfb\x8e\xf5\xfe\xc7\x05\xfe?B\x96e\x9dN\xa7\xd7\x1bN\x9e&lt;\xfa\xe9\x84\x91\xbb\xf6lC\x08\xb1\xd2 \xa5K\x97\x1e5jT\x87\x0e\x1d\x10\x1c\x1e\x0er@\x00\xc2\x8b\x7fg\xfd\xef\xfd,h\xc03\x82%zr\x1c\xd7\xa0A\x83m\xdb\xb6!\x84\xa2\xa3c\xb6n\xf85_\xbe\x02Vk\x16\xc6\x18!f\xf19\x8c\x11B\x01\xfbVY\xf2\x8f\xd1h\xe20\xf7\xd3\x8eM\x9f~1\xf2\xc2\xc5sL\x03\x10B\r\x1a4\x183fLrr2\x82\xc0@\xd0\x02\x02\x10F\xfc\x17\xeb\x7f\xef\x13@\x03\x9e\x05,\xb3\xbeO\x9f&gt;\xb3f\xcd\x12EQ\xaf7,\x98\xb5\xb2jRr\xb6-[\x85\x19\xf7l\xb3\x12\x11\x11\xe9r:\x17-\x9d;\xf5\xdb/233\xd8\xe1aQ\x14SRR&gt;\xfe\xf8\xe3\x02\x05\n \x08\x0c\x04! \x00\xe1\xc2\x7f\xb7\xfe\xf7&gt;\x074\xe0\xbf!I\x92(\x8a\x93\'O\x1e4h\x10\xbb\x0bS\'\xcd\xe9\xd0\xae\xeb\xdd\xbb\xb7EQ\x0c\xf4\xe8\x1e\x8b/0p\xe5\xda\xa5I_}\xb2z\xdd2E\x91}5$\x06\x0c\x180t\xe8P\xa8!\x11t\x80\x00\x84\x05\xcf\xca\xfa\xdf\xfb4\xd0\x80\x7f\x0b[\xfb\xafZ\xb5\xaaM\x9b6\x1a\x8d\xc6\xeb\xf5\x8e\xfep|\xdf^o\xa7g\xa4\x89\x82z\xad\xbf\x0fY\x91uZ\x9d\xc9\x18\xb1w\xff\x9eI_\x8d\xfbe\xdf.\xdf[9kH\xc04\x08\x16@\x00B\x9fgk\xfd\xef}&amp;h\xc0?\x87-\xa2\x0f\x1e&lt;\xd8\xa8Q#\x9b\xcd.\xcbR\xfb6)_M\x98\x95i\xc9\x08"\xcf\tk0\x10a\x8a\xe0x~\xf5\xda\xef\xa7~;\xf1\xc2\xc5sl+\x80\x10j\xd2\xa4\xc9\xf8\xf1\xe3}5$ 0\xa0r@\x00B\x9c\xdc\xb0\xfe\xf7&gt;\x194\xe0\x9f\xc0nDZZZ\xf9\xf2\xe5\xd3\xd2\xd2\x10B\xd5\x93k\xad\\\xf2\xa3\xcdnCOwVKU0so\x8e\x8c\xb2\xd9\xb3g\xce\x99:s\xce\x14\x9b\xdd\xc6RE\xa1\xb8t\x10\x01\x02\x10\xca\xe4\x9e\xf5\xbf\xf7\xf9\xa0\x01O\x07K\xfbq\xbb\xddu\xeb\xd6=x\xf0 B\xa8|\xb9\x8a\x8b\xe7\xad5\x99"$I\n^\x8f93\xee\xd1Q1\'O\x1f\x9b&gt;k\xf2\x8a\xd5K\x10BL\x06\n\x14(0f\xcc\x98.]\xba\x88\xa2\x08\x81\x01\xd5\x02\x02\x10\xb2\xe4\xb6\xf5\xbf\xf7[@\x03\xfe\x0eJ\xa9,\xcb\xa2(v\xef\xde}\xfe\xfc\xf9\x82 \x1a\r\xc6u+w\x94(V2\xdb\x96\x1d\x02\xabcY\x96\r\x06\xa3^\xa7\xdf\xbes\xf3\xd73&amp;\xe5,.\x9d\x9c\x9c&lt;f\xcc\x98\x06\r\x1a \xd8\n\xa8\x12\x10\x80\xd0\xc4?\xd6\xff\xde\xef\x02\rx",\xf0;h\xd0\xa0\xc9\x93\'\x0b\x82(\xcb\xd2\xf2\xc5\x9bjV\xab\x93e\xb5\xa80\xe9\xf3\xdfA\x08!\x94DEFK\xb2w\xd9\xcaE\x13\xffZC\xa2C\x87\x0e#F\x8c(_\xbe&lt;;\xd1\x16\xe8\xc1\x02\x7f\x02\x02\x10\x82\xf8\xd3\xfa\xdf\xfb\x8d\xa0\x01\x8f\x81Y\xffY\xb3f\xf5\xe9\xd3\xc7w#zu{+#3=d\xac\xbf\x0fEQ8\x0eG\x99cn\xdc\xba&gt;\xff\xbb\x193fO\x91d\x89\x15\x97\x16E\xf1\x93O&gt;\x192d\x88\xaf\xf4)\xa0\x06@\x00B\r\xff[\xff{\xbf\x174\xe0!|\xb5\xdej\xd4\xa8!\x08\x82$I\xfd\xfb\r\xfe\xf8\xa3/n\xdf\xb9\x15z\xd6\xdf\x07\xab!a0\x18O\x9e:6\xf5\x9b/Xqi\x84\x10\xcf\xf3\x7f\xfc\xf1G\xbe|\xf9`\x1f\xa0\x1e@\x8aC\x8a@Y\x7f\x84\x10\x879B\x89\xdda\xffr\xfc\x8cv\xafwv\xb9\\z\xbd\x9e\xad|y\x9e\xf7\xf55\x0c\x1f\x98\xf5?y\xf2d\xd3\xa6M\x99\xf5o\xd5\xbc\xed\xb0\xc1#\xef\xa6\xde\tmW8\xfbc333J\x97*\xf7\xcdW\x0b\x16\xcf_[\xbaTYV\xb0z\xc9\x92%\x08!\xe6\x17\x02\xd4\x00\xec\x00B\x87\x00Z\xff?\xc7\x00\xfb\x00\x84\xd0\xfd,\xc9\xac\xac\xac\xbau\xeb\x9e&lt;y\x12!\x94X\xbe\xd2\x8a\xc5?\x8a\xa2F\x92\xbca\xe2\x03!\x84(\x8a\\\xa8`\xc1\xe5\xab\x96\xf6\xfa\xbf\x8e\x08\xa1\xe4\xe4\xe4}\xfb\xf6!\xc8\x08R\r \x00!\x82\x1a\xac\xff\xbd\x91\x84\xbd\x06\xf8\x9a\xfa\xd6\xa8Qc\xff\xfe\xfd\x08\xa1\x02\xf9\x0bnZ\xbb\'"\xc2\xecv\xbbB{\xf9\xff\x00\xec{p:\x9d\r\x9bWOK\xbb\xcbq\xdc\xbe}\xfb\x92\x93\x93!#H%\x80\x0e\x87\x02\xea\xb1\xfe\x08|A\xf7\x0b!\xf4\xed\xdbw\xff\xfe\xfd\xa2(F\x99\xa3\xbf\xf9j~LL\x9c\xcb\xe5\x0c7\xab\x871\x96e9\x7f\xbe\xfc-^}\r!D\x08Y\xb5j\x15B(\xe4\xe7@\xb0\x00\x02\x10\xf4\xa8\xca\xfa3\xc2Y\x03$I\x12\x04a\xf2\xe4\xc9\xb3f\xcd\xd2j\xb4\x92$M\x9e0\xb3zr-\xab5+\x84\x03\xbfO\x00c,IR\xc3\xfa\xcdXY\xeb\xb5k\xd7:\x9dN\x9e\xe7Cx\x0e\x04\x11 \x00\xc1\x8d\n\xad?#&lt;5\x80\xe5;.X\xb0`\xd0\xa0A\x1a\x8d\xd6\xe3\xf5\x8c\xfep|\xa3\x06\xcd\xd2\xd2\xef\xaa\xb9\xd2g\xae\xc2\xf3\xbc\xc3\xe9\xa8\\\xa9J\xc9\xe2e\x10B\x17.\\\xd8\xb5k\x17\xc6\x98\x85I\x80\xc0\x02\x02\x10\xc4\xa8\xd6\xfa3\xc2M\x03\x14E\x11\x04\xe1\xe0\xc1\x83o\xbe\xf9\xa6 \x88^\xaf\xa7}\x9b\x94\xbe=\xdf\xce\xca\xb2\x08\xc1P\xe93\xf7\x90e\xd9\x1c\x15\xdd\xbaE;\x84\x10\xc6\x98\xe5\x02\x01j\x00\x82\xc0\xc1\x8a\xca\xad\xbf\x8f0\x89\t\xe7\xac\xf5\x96\x9e\x9eN)mX\xbf\xe9\xfcY+X\x87\xaf\xd0\xf8\x1b\xff5\x84\x10\xbd\xde\xf0\xfb\xefg[\xb4}\xc5\xedv\x99L\xa6\xdf\x7f\xff\x1d\x0e\x04\xa8\x01\xd8\x01\x04%\xc1b\xfdQx\xec\x03\xd8\x9f`\xb1X\x9a6m\x9a\x96\x96F)-_\xae\xe2\x84O\xbfv:\x1d(\x08+}&gt;s8\x8es:\x1d\x89\xe5+V\x7f\xf1%\x8c\xb1\xddng\x8d0\xe1@@\xc0\x01\x01\x08&gt;\x82\xc8\xfa3B[\x03X\xad7\x8e\xe3\xfa\xf4\xe9s\xf0\xe0A\x9e\xe7##\xcd\xdfL\x9e\x1f\x1d\x1d\xeb\xf5z \xe1\x9dA)\xe58\xbea\xfd\xa6\xec^\xcf\x9f?\x1fjB\xa8\x01\xb8\x01AF\xd0Y\x7fF\x08k\x80\xa2(\xa2(\x0e\x1a4h\xe5\xca\x95\x82 \x8a\xa2f\xc1\xac\x95\xc5\x8b\x95\xcc\xce\xb6\xf2\xbcJo\x87\xff\xe1y\xde\xe1\xb4\xbfR\xb7QLL,Bh\xcf\x9e=\x17.\\\xf0\xb5\x91\x01\x02\x05\x08@0\x11\xa4\xd6\x9f\x11\x92\x1a\xe0\xab\xf56y\xf2d\x8dF+\xcb\xd2\xe8\x11\x9f\xd7\xacQ\'+\\\x93&gt;\x1f\x07\xc6\xd8\xedv\x17)\\\xb4n\xad\x06\x08aY\x96\x7f\xf8\xe1\x07t\xff\xc84\x10(@\x00\x82\x86\xa0\xb6\xfe\x8c\x10\xd3\x00f\xfd\xb7m\xdb\xd6\xa7O\x1f\x8dF\xe3\xf5z\xfa\xf7\x1b\xdc\xab\xfb[\xa9\xa9\xe1\x9b\xf4\xf9\x040\xc6\x8aB\x1a\xd6o\x8a\x10E\x08\xcd\x9b7\xcf\xeb\xf5\x86\xdb\xc98\xb5\x01Y@\xc1A\x08X\x7f\x1f\xa1\x91\x17\xc4\x8a\x19\x1c:t\xa8q\xe3\xc6\xd9\xd9\xd9\x92$\xb5}\xad\xd3\xc4\xcf\xbeu8\x1d\xe0\xda~$\x94R\x8e\xe3dIz\xb5u\xed\xab\xd7.#\x84\x7f\xfbm\xff\x8b/\xbe\x08e!\x02\x08\xcc\xd4  \x94\xac?\n\x89}\x00\xb3e\x99\x99\x99\xed\xda\xb5\xcb\xc8\xc8\x90$\xa9R\x85\xa4\xf1\x9f|\xed\xf1z\x82B\xbd\x02\x02;\x12\x1c\x17\x97P\xef\xe5\xc6\x08!\x84\xe8\xec\xd9\xb3\x03&lt;\xa6\xb0\x07\x04@\xed\x84\x98\xf5g\x04\xb5\x06\xb0Zo\x8a\xa24k\xd6\xec\xca\x95+\x08\xa1R%\xcb|7g\xb5\xa2(\xb2,\x83\x00&lt;\x01\x8e\xe3\\nW\xab\xe6\xedDQ\x83\x10Z\xbf~\xbd\xcdf\x83\xb2\x10\x01\x04\x04@\xd5\x84\xa4\xf5g\x04\xaf\x06\xb0\x9b2l\xd8\xb0_\x7f\xfdU\x10\x84\x98\x98\xd8\xc9_\xcc\x8c\x8d\x8d\xf3x\xdc\xe0\xfcy2\x1c\xc7\xb9\\\xce\x8a\x89\xcf\x97/[\x01!t\xf7\xee\xdd={\xf6 \x08\x05\x07\x0e\x98\xaf\xea%\x84\xad?#H5\x80\xad\xf1\xf7\xed\xdb\xc7q\x9c,\xcb\xa3?\xfc\xe2\x85*5\xb2\xb22C\xe0\x8e\xf8\x01EQ\xb4:]\xa3\x06\xcd\xd8\x7fN\x9f&gt;\x1d\xc1Y\xb9\xc0\x01\x02\xa0R\xd4f\xfd\xe9_yV\x1f\x1b\xa4\x1a\x80\x102\x1a\x8dl\xdd\x1a\x1d\x15\xe3v\xbb8NEaL\xe6\xa1\x92\x15YQdE\x91eEV\x14E%\xabl\x9e\xe7\x9dNg\xf3W_7\x1aM\x08\xa1\xdd\xbb\xf7\xdc\xbe}\x9b\xe38\xd5\xde\xe8\xd0\x06\x04@\x8d\xa8\xca\xfa\xb3\'S\x14EQ\x10\x19\xcf6g#H5\xc0gO\xd91\xe0\xc0\x0e\xc6\x87B\x14B\x88F\xa35\x9b\xa3\xe2b\xe2cb\xe2b\xa2\xe3\xe2b\xe2\xa3\xa3c\x8c\x06#BHQ\xe4\xc0~\x9f\x18c\xb7\xdbU\xb4H\xb1\x17\xabVG\x08\xd9l\xd9\xd0\'2\x80\xc0\xa6Uu\xa8\xcd\xfas\x1cG)\xca\xcc\xcc`\xf5\xdc\x11E\x1a\x8dF\xaf7\xe4\xd2&gt;\x00!\xc4rCg\xcd\x9a\x85\x10R\x7fn\xa8J\x06F)\xa5\x94DF\x98)\xa5W\xaf^:}\xf6\xc4\xe5+\x17-\x96LI\x96\x0c\x06c\xa1\xe7\n\x97-\x93X\xa6t\xf9\x98\xe88\x9b=[\x92\xa4\xc0f^b\xcc\xb5o\xf3\xc6\xce\xdd?!\x84V\xacX1x\xf0`\xf5\x88hX\x01\x02\xa0.Te\xfd\x11B\x94\x12\x83\xde\xf4\xd6\xc0\xee;w\xff\xc4\xf1&lt;FX!r\xdb\xd7:\x8f\x199!+\xcb\xf2\x0c\x8dHPk@\xc0!\x84\x88\xa2\xa8\xd3\xe9w\xec\xdc\xf2\xdd\x92\xd9\xbf\xfe\xf6\xb3\xc3a\x7f\xf8\xb22\xa5\xcb\xb7i\xdd\xb1c\xbb\xae\x91\x91Q6[\xc0*Up\x1c\xe7t9\xaa\xbdX3..&gt;==\xed\xe8\xd1\xa3\xa7O\x9f._\xbe&lt;T\x07\xf2?\xf0u\xab\x08\xb5Y\x7fY\x96\xa3\xa3c\x17~?g\xdd\x0f+\xb3m\xd6\xac\xacLKVFv\xb6\xd5\xe9t\xe4\x86-\x0eR_P\xc0!D\xd1\xe9t.\x97\xeb\xedw{\xbe\xd1\xeb\xf5m;~t8\xec&lt;\xcfk4\x1a\xed}DAD\x08\x9d;\x7fz\xecg#Z\xb7k\xf0\xebo?GG\xc5*\x8a\x1c\x90\x01c\x8c\xbd^o\x9e&lt;\xf9^\xa9\xd3\x08!\xe4\xf5z\xe7\xcf\x9f\x8f \x17(\x10\x80\x00\xa8\x05\xb5Y\x7fB\x88\xd1h&lt;{\xf6\xd4\xb8\xcf?\xe48\x8e-\xc0\x05A\xc4\x18\xe7\x9e\xf7\x004\xe0\x9fB(\xd1htYY\x96\xce\xddZ\xae^\xb7\x8c\xe3x\x86\xa2(^\xaf\xd7s\x1fI\x968\x8e\xe3y^\xe0\x85\xdf/\x9e\xeb\xd4\xb5\xc5\xeauK\xa3\xa3be90\x1a\x80\x10Rd\xa5M\xebN\xcc\xaf\xb8n\xdd:\x97\xcb\x05\x07\x02\xfc\x0f\xb8\x80T\x81\xda\xac?\xba\xef\xda\x1e6\xe2m\xbb\xdd&amp;\x08\x02\xb3\x14\xcf&lt;\x0b\xe8a\xc0\x17\xf4\x8f\xe00\x871\xfa\xbf\xb7\xbb\x9e8uT\x14EI\x92X\x89MA\x10\xabT~\xb1x\xf1R\x06\x9d\xde\x92\x95y\xe2\xd4\xb1\x0b\x17\xcf!\x84\x98\x0c\xc8\xb2\xf2\xf6\xe0^1\xd1\xb1\xb5^z%;\xdb\xea\xffx\x00+\x0eZ\xa9bR\xc9\xe2\xa5/\\&lt;\x7f\xe1\xc2\x85\x1d;v\xbc\xfa\xea\xab\x84\x10(\x0b\xe1O@\x00\x02\x8f\n\xad\xbf,\xcbqq\xf1\xe3\'~|\xe0\xd0&gt;\x9e\x17\xfc\xbcN\x04\rxJ\x14E\x8e\x89\x8e\x9b&lt;\xed\xb3\xfd\x07~\x11\x84?\xad\x7f\xd3&amp;\xad\x07\rx\xafd\x892\x1aQ\x831&amp;\x948\x1c\xf6\x1d\xbb\xb6~\xfc\xc9\xfb7o\xfd\x811\xc7qXQ\x94w\xdf\xfb\xbf\x1f\xd7\xfel2E\x04\xe4\x003\x9bc\xaf\xb5\xec\xf0\xf9\xc4\xd1\x18\xe3\x95+W6m\xda\xd4\xcfc\x00\xc0\x05\x14`Th\xfd\x15E\x89\x8c\x8c\xfcu\xff\xcfS\xbe\x19/\x08\x02!J\xc1\xe7\nGG\xc7"?f\xbc\x80/\xe8o\xa1\x94j4\xda\x1b7\xaf\xcf\x983\x15c\x8e\xe9"!\xa4g\xb77\xe7L\xff\xbeD\xf1\xd2N\xa7\xc3\x92\x95\x99iI\xcf\xca\xb2(\x8a\xd2\xb2y\x9bU\xdfo)Q\xbc4\xa5\x84R\xc4\xf3\xc2\xed\xdb7\xa7M\x9fh2F\x10\x12\x80\x14L\x8e\xe3\xdc.W\xdd\xda\rxA\xa0\x94n\xdc\xb81--\r\xbc@~\x06\x04 \x90\xa8\xd0\xfaSJ\x05Ap:\x9d\xc3F\x0c\x90$\x89\xbd\xf2f\x9fAF\xa3\xd1\xcf#\x01\rx2\x84(&amp;c\xc4\xa6-\xeb,\x96\x0c\x8e\xc3\x18cBH\x95\xa4\xe4Q\xc3?\xb3Z-N\xa7\x83\xbb\x17\x10\x10x\x9e\xc7\x18\xa7\xa7\xa7\x15|\xae\xf0\xb4/\xe7\x18\x0cF\x8c\x11\xa5\x04c\xbcl\xc5\xc2\xcbW/j\xb5z\xff\x7f\x99\x1c\xc79]\xcere\x12_\xa8R\r!\x94\x96\x96\xb6q\xe3F\x04\x07\x02\xfc\x0b\x08@\xc0P\xa1\xf5G\xf7\x96\xff\xe6O\xbe\xf8\xe8\xfc\xefgEQ#\xcbr\xf5\xe4\x97^\xae\xdb0--\x15!\xc4*\xb9\xfb\r\xd0\x80\'\x801\'\xcb\xd2\xce][\xefo\xcb(B\xa8O\x8f\x01&lt;\xcf\xcb\x8f*\xb0,\x8a\xa2%+3\xa9\xf2\x8b\xdd\xba\xf4!\x84`\x8c9\x8e\xb3\xd9\xb37m^g4\x18\x03\xb2\t \x84hu\xba\xd6-\xda#\x84\x98\x17\x08!\x04\x99\xa0\xfe\x04\xbe\xeb\xc0\xa0V\xeb/GGGo\xda\xb2n\xc1\xc2\x99&lt;/\x10B8\x8c?\x186V\xf2z\xbd^O@\x86\x04\x1a\xf0H\xd8F-\xd3\x92q\xf6\xf7\xd3\x94RD\x11!$&amp;:\xb6jR\xb2\xd3\xe9\xe4\x1fS\x97B\x10x\xbb\xdd\xde\xbe\xed\x1bz\xbdAQ\x14\x840\xc6\xf8\xa7\xed\x9b&lt;\xde\xc0\x94\xb1\xe3y\xde\xe9t\xd4\xac^\xc7`0RJw\xec\xd8\t}"\xfd\x0c\x08@\x00P\xa7\xf5\xa7\x94j\xb5\xba\xbbw\xef\x8c\x18\xf9.F\x98\xe3\xb0\xa2\xc8=\xba\xbdY\xbbf\x9d\xd4\xf4\xd4\x00\xdaY\xd0\x80\x87\xa1\x94\x8a\x82\x98\x96\x9e\x9a\x91\x91\x8e\x10b\xc9\x94E\n\x17\x8b\x89\x89\x93\x95\xc7Ft1\xe6&lt;\x1ew\xd1\xc2\xc5+W\xaa\xea\xfb\x9c\xd3gO\xdc\xbcuC#j\xfd\xff5\xb2&gt;\x91\xc5\x8a\x16\xaf\xffrc\x84\xb0\xcb\xe5\\\xb7n\x1d\x82\x03\x01~\x04\x04\xc0\xdf\xa8\xd3\xfa\xb3\x81\xe9\xf5\x86\x8f&gt;\xfe\xdf\xad\xdb7\x05Q\x90$)\xb1\\\xa5\xff\r\xfa0\xdbf\'\x8a\x8c\x02Z\xf3\x004\xe0a8\x9e\xb7Z\xb3$\xc9\xeb{%66^#\x8a\x84&gt;\xc9z\x12J4ZM\xc5\xc4\xca\x08!\x8c\x11\xc6\xd8n\xb7]\xberA\xa3\xd1\x12\x12\xa8\xef\x107m\xd2\x1a!\x8a1\x9e?\x7f\x01\xf4\x89\xf4\' \x00~E\xb5\xd6_\x96\xe5\x98\xe8\xd8%\xcb\xe6o\xd8\xb4Z\x10\x04B\x88N\xab\xfb\xfc\x93\xa9Z\xad\x96\x10\xf2g\\.pf\x164\xe0\x010\xc6\x92,\xa1{\xc2\x8c\x11BZ\xad\x16a\xfc\xe4{\x84\x11\xa6\x94\x16(P\x10\xdd/\xf4\x84\x10\xbaz\xed\xb2 \xf0\x08\x05`\xdd\xcdq\x9c\xddn\xabU\xa3n\x91\xc2\xc5(\xa5\xa7O\x9f&gt;z\xf4(\xc6\x18B\xc1\xfe\x01\x04\xc0\x7f\xa8\xd6\x</t>
        </is>
      </c>
    </row>
    <row r="290">
      <c r="A290" s="1" t="n">
        <v>288</v>
      </c>
      <c r="B290" t="inlineStr">
        <is>
          <t>grid_number_color</t>
        </is>
      </c>
      <c r="C290" t="inlineStr">
        <is>
          <t>What is the missing color if the part denoted with the question mark has the number 4?</t>
        </is>
      </c>
      <c r="D290" t="inlineStr">
        <is>
          <t>['orange', 'blue', 'purple', 'green']</t>
        </is>
      </c>
      <c r="E290" t="inlineStr">
        <is>
          <t>purple</t>
        </is>
      </c>
      <c r="F290" t="inlineStr">
        <is>
          <t>There is a 3x3 colored grid of numbers. The first row has number-color pair [(1, 'green'), (4, '?'), (1, 'green')], the second row is [(4, 'purple'), (2, 'orange'), (5, 'blue')], and the third and final row is [(2, 'orange'), (5, 'blue'), (4, 'purple')].</t>
        </is>
      </c>
      <c r="G290" t="inlineStr">
        <is>
          <t>We observe that the grid cells with number 2 is orange in color, the grid cells with number 1 is green in color, the grid cells with number 5 is blue in color, and the grid cells with number 4 is purple in color. Thus, the pattern is that the grid cell with the same number will have the same color.</t>
        </is>
      </c>
      <c r="H290" t="inlineStr">
        <is>
          <t>Based on the pattern that the grid cell with the same number will have the same color, the missing color of the part with 4 should be purple.</t>
        </is>
      </c>
      <c r="I290" t="inlineStr">
        <is>
          <t>b'\x89PNG\r\n\x1a\n\x00\x00\x00\rIHDR\x00\x00\x02\x00\x00\x00\x02\x00\x08\x02\x00\x00\x00{\x1aC\xad\x00\x00s\xebIDATx\x9c\xed\xddw`\x14\xd5\xbe\x07\xf0\xdf93\xb3}7=\x81$\xf4^\xa4\x8at\xe9\x1d\x14;\x82\x88\r\x0b\xf6rm`\xc5^\x9f\x8a\xa2\x80(M\x05\x0bM:\xa24\x01\xe9\xbdw\x08\xe9\xc9\xf62s\xcey\x7f\x0c\xe4r\x15\x95\xb2\xc9\xee\xb2\xbf\x8f\xde\xf7$$\xcb\xb03\xfb\xfb\x9e6g\x88\x10\x02\x10B\x08\xc5\x1f\x1a\xe9\x03@\x08!\x14\x19\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94\x1c\xe9\x03\xf8/!\x84\x10"\xd2GqY!\x84\x10B*\xfe\xcf\xc5S\x19v\x119\x95\xfaI\xc4S\x19F\xfaI\x8c\xc8\xa7\xf2\x9cHd\xcf\xae\x10\x82s.\x84\xa0\x94R\x8a\xdd\x91r\xc1\x18\xab\x80w\x98s\xce9\'\x84H\x92T~\x7fJ&lt;\x13B0\xc6\x08!\x94\xd2\xf2\xab zx\xe3\xa9,We\x1f\xc9H5\xd1\xcaD,\x00\xf4\xba\x7f\xf6\x15\xe6\xf7\x05\xf2\xf3\xf2\n\x0b\x8a\x08\x89p,]\x1e\x08%\xb5\xeb\xd4\xb2\xdb\xed\x84\xfe\xf7\nc\x8c\x85\xb7|\xe8\xc5\xe2O\xaf\xe9\xf1x\xf6\xed\xdb\x17\n\x85\xc2\xf5\xa7\xc4-B\x08\xe7&lt;11\xb1j\xd5\xaaV\xab\xb5\xec\xeb\x8c1\x00\x08o\x81\xd6\x03F\x96\xff;*\x10\n\xa9\xa5%\xa5\xc7\x8f\x1d\x07 \x80\x1f\xc9K\xa3\x97\xb5*U\xb3\x13\x93\x92\x0cF\xa5\xec\xeb\x9a\xa6I\x92\x14\xa9\x18\x88@\xa9\xe5\x9c\x03\x80\xde\x1a-).]\xbd\xf2\xf7\xa5K\x97\xec\xda\xbb\xf3d\xdeq_\xc8\xabX\xa8\xe0x\xa9]2B4U3\n\x8b\xc3\x9eP=\xabf\x9b\xab\xda\xf4\xe8\xd5\xe3\x8a\xa6\x8d\xf5\xdf\x0cW\x0c0\xc6\xcaj\xd0\x9e={\x16.\\\xb8n\xdd\xba\x9c\x9c\x1c\xaf\xd7\x0b\x00V\xabU\xafS\xe8RH\x92\xe4t:\x15EIHH\xa8V\xadZ\xc7\x8e\x1d{\xf4\xe8\x91\x95\x95\x05gZ\xeb\x97\xde\xb1\xd3S\\?\x95\xc1@p\xf3\xc6-\x0b\x17,\xdc\xb8e\xe3\xf1SG\xbc~\x0f\x18\x19\x10\x00\xfcP^"\x02 @\x04%\x9b\xd9V\xa5r\xf5\x16\xcdZ\xf6\xee\xdd\xab\xc5\x95\xcd\x8d&amp;#\x94C\xcb\xec|\x0f\xaa"\x03\xe0\xec\xebl\xc3\x1f\x1b\xc7}1n\xf9\xdae\xa6tZ\xb5q\xa5j\xf5\xb2*WO7[\xcd\x8eD+\x17\x82@\xb4\x8c\x91\xc5*\x02L\xe3\xa5\x85N\x8f\xd3{\xe2`\xee\xa1\xed\xc7\xf3\xf6\x95\xa4[\xb3n\xb8\xf6\xc6;\xee\xbe#1)\x01\xfe\xb7|_(\xbd\xd5\x0f\x00\x81@`\xf2\xe4\xc9\xdf\x7f\xff\xbd\xd3\xe9l\xd6\xacY\xeb\xd6\xad\x1b5j\x94\x9e\x9e\x9e\x9a\x9aj6\x9b\xf5\x91\x84p\xfe\xbd\xe2\x8c^\xdf\x9dN\xa7\xd3\xe9&lt;v\xec\xd8\xb6m\xdb\xd6\xae]\xbbg\xcf\x9e:u\xea\xdcq\xc7\x1d}\xfb\xf6\x05\x00\xfdM\xbe\xe8\xf7\xb9\xec28r\xe8\xe8\xb8/\xc6\xcd_:/d\xf0d7H\xab\xd60\xabJ\xad\xca&amp;\xab)1\xd5\x81\x9f\xc7\xb0\x10 \x9c\x85.\xbf7p\xfc\xe0\xa9\xa3\xbbN\x9e\xdc]\xa0\x04\xad}\xba\xf7\xbf\xf7\xfe\xe15jV\x87K\xfbH^\x9c\x8a\x0b\x80\xb2\x92\xb1q\xc3\xa6g\x9fy&amp;\xd7w\xacv\xeb\xec\xabz6\xcd\xc8N\x93eI\rijP\xe5\\0\x8d\xe1\xc5\x16\x06\x02\x08!\x92"I\x12U\x0c\x8a\xa4H^\xb7o\xdf\x96\x83\xeb\x16ls\x1e\x0e\xde8`\xd03\xcf=m\xb1\x985M;\xbb\xcb\x7f\x9e\xca~\xea\xe3\x8f?\x9e4iR\x9d:un\xbe\xf9\xe6\xae]\xbb&amp;&amp;&amp;\x02@ \x10PUU\xd34\xbd\xab\x87.\x9d$I\xb2,\x1b\x0c\x06\x83\xc1\x00\x00999\xf3\xe6\xcd\x9b3gNaa\xe1\xc8\x91#\xfb\xf7\xef\x0f\x17U;\xca:\x10\'O\xe4\x8cz~\xd4\xef\xdbVd7Mi\xd7\xb7E\xd5:YF\xb3Q\x0bi\xa1\xa0*8\xd74\xec\xc6\x85\x8d,K\x84R\x83Q\x91\rr\xd0\x1f&lt;~ \xe7\xf7y\x1bOl-jsE\xc7\xd7\xdf|-+;\xeb\x12\xe3\xfcBUP\x00\xe8%\xc3\xe7\xf3=\xf2\xe0\xa3\x8b\x7f\x9f\xd7mX\xeb6=\x9b\x9b\xcc&amp;\x9f\xc7\xaf\x864\x10\x82\x10rf\x82\xbc\x02\x0e\'^\xfcw\x11\x87\x10T\xa2&amp;\xb3\xd1`6\x9c8\x943o\xe2oE\xbb\xfco\x8c~\xf3\xfa\x1b\xaf\xd3/\x80\xf3\xbf\xe0\xf4B\xb3z\xf5\xea\x87\x1f~\xb8F\x8d\x1a#G\x8el\xd1\xa2\x05c\xcc\xe5ri\x9aF\xceR\x8e\x7f\xb18S\xb6\x1aG\xff\x0f\x83\xc1\xe0p8\x18c\x8b\x17/~\xe3\x8d7\xecv\xfb\xb8q\xe3\xb2\xb3\xb3/(\xce\xcb\x1ado\xbd\xfe\xf6\xd8\xaf\xc64\xebS\xbb\xebM\xed\x92\xd3\x12}\x9e@(\x10\x12B\x00!\x84\x80\xfe\x0f\n\x1bq\xe6\x1f!\x08!\x06\x93\xc1b3\x15\x17\x94.\xfb~\xcd\x96\x05\xfb\xef\xbb\xe3\xc1\xe7G=\x0bg\x9d\x9d\xf2V\x11\x01\xa0_\x97[6m\x1d:\xf4\xb6\xa4&amp;\xca\xa0G\x06\x98mf\x8f\xd3+\xb8 \x94b\xa1\xa80\x82\x0b\xce\x85\xd1\xacXl\x96\x9d\xeb\xf7N}}\xce\xcd\xbd\x87~\xf8\xf1\xfbp~\x17\\Y\x83\xf1\xed\xb7\xdf\x9e8q\xe2\x1bo\xbcq\xc3\r7\x04\x02\x01\xb7\xdb\x8d\x8b\xb8*\x92&gt;\x94\n\x00\x89\x89\x89\x9c\xf3\x8f&gt;\xfa\xe8\x8b/\xbex\xef\xbd\xf7\x06\x0e\x1cx\x9e\x19\xa0\xa7xIq\xc9m\x83o?\xe8\xdav\xc7\x0b7fV\xcbp;\xbd\x9a\xca\xf4\x95)\xe5\xff\x97@\x00\xa7O\xa5\x90e\xc9\x96h\xcd=\x9a\xff\xd5k?\xd4\xb46\x9a\xfa\xed\x94\xe4\x94\xe4\x8a\x19\x0e*\xf7\x00PUUQ\x94\x1f\xbf\xff\xe9\xbeG\xee\xb9\xf1?=:\xf4kUZ\xe4\xe2\x1a\xa7\x12\xd6\x8b\xc8\x10Bp&amp;l\t\x16Me_\xbc\xf8\x8d\xcd\x9d\xbep\xf1\x02\x8b\xc5\xf2\xcf\x19PV\xfdo\xbc\xf1\xc6\x92\x92\x92)S\xa6dff\x16\x14\x14`\xe9\x8f }UhJJ\xca\xda\xb5k\x87\r\x1b6t\xe8\xd0Q\xa3F\xfdk\x06\xe8\xdf\xb0w\xf7\xde&gt;\xfd\xfa4\xe8\x9d}\xcbC\xfd}\x9e@\xd0\x1f\x92d&lt;\x8f\x11\xc34n4\x1b,6\xd3\x8cO\xe7\xed\\pl\xfe\xcf\x0b\x1a4\xac\x7fq#\xb4\x17\xa4|\x03@\xff\x0b\xcc\xf8\xf6\x87GG\xde\xff\xd8gwdd\xa79\x8b\\\x92\x8c\x8b\x8b#\x8f3N%\x9a\x9c\x9e\xf0\xed\xc7s\x8a\xd6kK\x96.\xb6\xda\xac\x7f\x97\x01e\xd5\xff\xba\xeb\xaeKKK\x1b7n\x9c\xdb\xed\x0e\x04\x02\xe5}u\xa2\xf3\xa1\xaajRRR \x10\xe8\xd7\xaf_\xd7\xae]_~\xf9\xe5\x7f(\x1cz\xbbr\xd7\x8e\xdd}\xae\xe9u\xedS\x1d[woQ\x94[B\xb0\xd5\x1f\x05\x84\x10\x82\x8b\x94\x8c\xa4u\xcb6\xcf~w\xc5\xfc\xd9\x0b\x1b]\xd1\xb0\xbc\xfb\x01\xe5\x18\x00\xfa\xa1\xff\xf8\xfd\xcc\x87\x9e\x19\xfe\xd4\xb8\xbb\x13\x92\x1d^\xb7\x0f\xab\x7f\xf4\x10\x028ci\x99)\xd3\xc7\xcc-\xda\xa0-Z\xb4\xd0d6\xfdu-Z\xd9\xf2\xf0\x9bn\xba)99\xf9\x8b/\xbe(**\x823\x0byQ4\xd04\xcdd2\xc9\xb2\xdc\xabW\xaf^\xbdz\x8d\x1c9\xf2\x9c\x19\xa0\x07\xfc\x9e\xdd{{\xf7\xef9\xf0\xe9N-:6.\xcew\xca\n~$\xa3\x88\xa6\xb2\xe4\xf4\x84\xcd\xabv\xce|\xfb\xd7\x05s\x177hX\xbf\\\xe7\x03\xca+\x00\xf4\x83\xde\xbeuG\xa7\x1e\xed\x9f\x99&lt;&lt;%=\xc9\xe7\xf1\xe3\xb0O\x14b*\xcb\xa8\x92\xf6\xf9\xcbS\x92\x9d\xd5\x7f\x9a\xf3\xe3_\x0b\x87\xfe\x95\'\x9ex\xe2\xe0\xc1\x83\xb3g\xcf.,,\x8c\xc8\x82e\xf4\xcf8\xe7\x8a\xa2(\x8a\xd2\xacY\xb3\xd7^{\xed\xa6\x9bn\xfaS\xe3Q\x9f9\x08\x04\x02-\x9a\xb7\xe8t_\x93\x8e\xfdZ\x17\xe5\x96`\xf5\x8fB\x9a\xcaR*%\xad^\xf0\xc7\xb2\xcf\xb6l\xde\xbc\xd9l1\x97\xdf\xaa\x8ar\xa9\xc8\xfa\x88\x81\xd7\xeb\x1dt\xeb\xa0\x9b\x9e\xed\x9d\x91\x9d\xe6u\xfb\xb0\xfaG\'I\x91\xf2O\x16\xde\xf5\xdc\xa0-\'\xd7|\xf8\xdeG\xb2,\x9f}\xf7\x96\xde\xf6\x9f3g\xce\xfc\xf9\xf3\xa7M\x9bVRR\x82\xd5?:QJC\xa1\x10!d\xc6\x8c\x19O&lt;\xf1\xc4\x91#G(\xa5g\xaf\xc4\xd5\xf3\xe0\xee;\x86g^\xe5\xe84\xa0\rV\xff\xa8%+RQnI\xc7~\xad\xb3\xdb&amp;\xdc9\xec\xee?\x9d\xc7\xf0*\x97\xa2\xac\xdf\xed\xf5\xe8\x83\x8f%4\x92\xae\xee\x7f\x15\x8e\xfbG9B\x89\xd7\xed{\xf8\xbd;^{\xff\xa5m[\xb7SJ\xf5\x0c\xd0W\xaa\xe5\xe7\xe7?\xfc\xf0\xc3\x93\'OV\x14E\x9fu\x8c\xf4\xf1\xa2s\x93$\xc9\xe5r5m\xda\xf4\xd9g\x9f\x1d&lt;x\xf0\xd9[\xaa\xe8A\xfe\xd5\x84\xafW\xed^2\xec\xd9\x1b\x8b\xf2J\xb1\xfaG3Y\x91\x8a\xf2J\x87=s\xe3\x9a\xbd\xcb\xbe\x1c7Q\x92\xa4r\xba\xa9&gt;\xfcC@\xfa\x8d\x0c\xdb\xb6l\xef9\xb0\xcb\xcb\xd3\x1ff\x0c\xef\x06\x8a\x01L\xe3I\xe9\t?\x7f\xbd\xc4\xb3E\x99\xbfh\x9e\xdeZ\xd4\x07\x7fF\x8c\x18A\x08\xf9\xf4\xd3O\xf3\xf3\xf3\x15E\xf9\xf7\xd7B\x11\xc5\x18KMMm\xdf\xbe\xfd\x83\x0f&gt;8x\xf0`}\x8f\x01!\x84\xcf\xe7o\xda\xbc\xc9-/w\xaf\xd1\xa0J\xc0\x1b&lt;{\x87(\x14\x85\x04\x17&amp;\x8b\xf1\xe8\xbe\x13\xdf\xbe\xb0x\xeb\xe6m\x16\xab\xa5&lt;\x06\x82\xca\xa5\x07@\x08y\xe2\xf1\'z\xdd\xdd\xdel3s\x0c\x80X \xc9\xb4\xb4\xc0\xd9\xe7\xb6\xae;s6\xcd\x9d\xf5\xb3$I\xa1PH\x92\xa4\x1d;v\xfc\xf2\xcb/\xa3G\x8f.--\xc5\xea\x1f\x13\x08!\x81@\xe0\xbd\xf7\xde\x1b=zt \x10\xa0\x94j\x9aF)}\xfd\xd57\xd2\x1b[\x1a^Y\xd7\xe7\xf6c\xf5\x8f~\x84\x12\x9f\xc7_\xbfE\x9d\x8c\xa6\xb6\xd7^y\xbd\xac_\x1e^a\x0e\x00}\xeew\xf3\x86-GJ\xf6u\xe8\xd7\xca]\xea\xc1\xa1\xff\x98A\x00\x00\xba\ri\xf3\xc5\xf8/N\x7f\x81\x90\xcf&gt;\xfbl\xf0\xe0\xc1\xc9\xc9\xc9\xaa\xaaF\xf2\xd8\xd0y\xa3\x94\xba\xdd\xee\xb6m\xdb\xd6\xabWo\xc6\x8c\x19\xfa\xae\xce\x1e\x97g\xce\xc2\x99}\x87u\xf18\xbd\xf8\x91\x8c\x15T\xa2\x1e\xa7\xb7\xef\xb0.s\x16\xcfr;\xdd\x92$\x85}\xc0&amp;\xfc\x01\x00\x00\x9f|\xfcI\x83\x8e\xd5Mf\x13\xee\xeb\x19C(\xa5^\x97\xafU\x97\xa6\xdb\x0en\xdc\xb6e\x87\xc1`(((X\xbe|\xf9m\xb7\xdd\xe6\xf1xpk\xf8\x18B\x08\xd14\xed\xf6\xdbo\x9f0a\x82\xde&amp;\x9b\xfe\xed\x0c\x92\x1c\xacV\xafJ(\x10\xc2Y\x9cXA\x08\t\x05B\xd5\xeadK\xa9\xeaw\xdf\xcc \x84\x84\xbd\x13\x10\xce\x00\x10B\xc8\xb2\xec,u\xaeX\xf7k\xfb&gt;W\xe2\xca\x9f\x98\xc3\x19\xb7%Xk\xb5\xca\xfa\xea\xcb\x89\x00\xf0\xddw\xdf\xd5\xad[\xb7V\xadZ~\xbf\x1f\xabF\x0c\xd1g\x83{\xf6\xec\xe9r\xb9\xb6l\xd9\x02\x00S\xbe\x99\xd2\xb6_sM\xc59\xfc\x18C\x08QCZ\xbb~\xcd\xbf\xf9n*\x94\xc3\xcd7\xe1|9\xbd\xf9\xbfz\xe5\xef\xc6tR\xa9j\xba\x1a\xc4A\x83\x18C(\t\xf8B-\xbb4^\xbbq\x8d\x10\xb0b\xc5\xf2\x01\x03\x06\xe0\x96\xce\xb1\x881f\xb3\xd9\xda\xb6m\xfb\xebo\xbf\x06\xfc\xc1\xe3\x05\x87\x1a\xb6\xaa\xe3\xf7\xe0\xe8\x7f\x8c!\x94\xf8\xbd\x81\x06-\xeb\xe4\x94\x1c;y"G\x9f\xcf\x0f\xe3\xeb\x87\xb9\x07\x00\x00\x0b\x17-\xaa\xde$K\xc2\xb6\x7f\x0c"\x84\x04\xfd\xc1\x1a\r\xaa\x14\xfb\xf2\xb6o\xdbq\xeaTn\xfb\xf6\xed}&gt;\x1f\xde\xf4\x1bs\xf49\xc3\xce\x9d;o\xda\xb4q\xf9\xb2\xe5\xa64)%=\x89\xe1\xc6\xce1\x88i,9=\xd1\x94.-\xffu\x05\x9cig\x87K8?\xd8\xfa\r\x0b;w\xef\xa8\xd90[\rj\x80\xcd\xc6\x18\xc4\x197\xdb\xcc)U\x13\xa7M\x99\x96\x94\x9c\x94\x99\x99\xa9\xdf^\x14\xe9\xe3B\x17\x86\x10\xe2\xf7\xfb\x1b6lXRR2g\xee\x9c\x1a\x8d\xaaD\xfa\x88\xd0%\xc9\xaa\x93\xb1a\xc3z8\xd3\xce\x0e\x97\xb0\x05\x80\xbeY\x98\xa6\xb2\xbc\xa2\x9c\x8c*ijH\xc5\xaa\x11\xa3\x08!\x995\xd2fL\x9f\x9e\x99Y\xd9f\xb3\xe1c\x1dc\x11!DU\xd5\xac\xac,5\xa4-^\xb2\xb8F\xfdl5\x84m\xb2\xd8D\x88\xa6\xb2\xcc\x1ai\xfb\x0f\xee\x87\x0byt\xc7\xf9\x08g\x00\x00\xc0\xa9\x9c\x1c_\xd0c\xb5[\xf0iP\xb1Kp\xeeH\xb1\x17\x95\x14&amp;\'\'G\xfaX\xd0\xc5\xe3\x9c\x9b\xcdfE1\xe4\x17\xe6\'\xa48\xf0\x96\xcc\xd8\xc5\x19OHv\xe4\xe6\x9d\xd2o\xe9\x08c\' \xccc\xbby\xb9\xf9\xd4\x04\xf6$\x1bc\x1c[\x1b1\x89\x10\xa6\xf1J\xd5\xd2\xdc^w\xadZ\xb5#}4\xe8\xe2\xe9\x01\x90\x91\x9e\xe1r9\xd3\xb3S\xb5\x90\x86\x9d\xf2XD\x08\xd1BZZf\x8a\'\xe0\x0c\x05\xc3&lt;\xb2\x12\xe6\x00\x90e\x99\x00\xc1\xe5\xff\xb1\x8ek\x1c\x004M\x8b\xf4\x81\xa0K\xa5o\xe8\xc45\x8eOv\x8ca\x048\xe3\x12\x95\xa3}+\x88\n{\xc4&lt;*_\x04 \xdc\xa3\x8d(R\x84\x10X\xfdc\x1e\x01\x01\xe1\xaf\xae\xb8\xbc\x0f!\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J\x8e\xf4\x01\xc4$\xce\x05\x08A\x08!\x94D\xfaX\xd0\xf9\xe2\x9cs\xce\x01\x80RJ\x08!\x84\xe8_\x14B\x08!(\xa5\x94b{(V\t.\x84\x10@\x08\xc5\x8f\xe4\x85\xc0\x00\xb80B\x08\x000\xdb\x8c\x94\x12Me\xa1\x80\xaa\xd7\x11\x14\xb5\x84\x10\x8c1I\x92,\x16\x8b\xc9d\x02\x00UUC\xa1\x90\xa6i\x00`\xb1X\x0c\x06\x03\xa54\x10\x08\xf8|&gt;\x00\xc0\x18\x889\x9cq\x93\xd5(\xc9\x943\x11\xf4\x87"}8\xb1\x04\x03\xe0\x02p\xc6\x15\xa3L%\xba\xf3\xf7\xfd\x01_(9#\xa1J\xbd\xca\x9a\xaaa\x06D3\xa3\xd1h\xb1X|&gt;\xdf\xce\x9d;\xff\xf8\xe3\x8f\xad[\xb7\x1e9r\xa4\xb4\xb44\x18\x0c\x12B\xecv{vvv\xb3f\xcd:w\xee\xdc\xacY3\xce\xb9\xc7\xe3\x91$)\xd2G\x8d\xce\x8b\xe0\x82PbM\xb0\x1c\xd8|\xb4\xa4\xc0e\xb6\x1ak7\xab\xa6\xb7\xd2\xd0\xf9\xc0\x008_Lc\x16\x87\xd9\xeb\xf4M\x7fw\xfe\xda\xf9[\x01\xa0U\xaf+\x1ex\xf7Vw\x89J$\x0c\x80(E\x089q\xe2\xc4\x9c9sf\xcd\x9a\xb5i\xd3\xa6@ p\xceo\xfb\xf6\xdboM&amp;S\xb7n\xdd\x9e\x7f\xfe\xf96m\xda\x14\x17\x17c\x06D?\xce\xb8\xc1\xa4PJ\xe6~\xb1\xec\xe7\xf1\xbf2\x8d\xa7e\'\xbf\xfc\xfd\xc3\x82a\x00\x9c/\x0c\x80\x7f\'\x84\x00\x01\x8ed\xdb\x9e\r\x87\xa7\xbc6\xfb\xd4\xa1|*Q\x10\xc2`T\xb0\xa9\x11\xb5\x84\x10\x92$\xf9|\xbe&gt;}\xfa\x1c&gt;|X\xff\xa2\xd9l\xaeS\xa7N\x8d\x1a5222,\x16\x8b\xa6i\x05\x05\x05{\xf7\xee\xdd\xbe}{ \x10\x987o\xde\xd2\xa5K?\xfc\xf0\xc3{\xef\xbd\xb7\xa4\xa4\x043 \x9a1\xc6m\t\x96\xc2\x93%S\xdf\x98\xb3c\xf5&gt;\x00\xa0\x94\x18-\x86H\x1fW\x8c\xc1\x00\xf8\x17\x9cq\xc5 +Fe\xc1\xd7+g}\xbaD\rj\xb6D\x0b!\xc4]\xe2\x15\x80\xe5?z\x11BTU\xcd\xc8\xc8h\xd3\xa6\xcd\xe1\xc3\x87;v\xecx\xddu\xd7u\xee\xdc\xb9F\x8d\x1a6\x9bM\x92$B\x88\x10B\x1f\xf3\xd9\xb9s\xe7g\x9f}6m\xda\xb4`08b\xc4\x08\xab\xd5:d\xc8\x10\xcc\x80\xe8\xa4\x0f\xfb\xd8\x93\xac\x9b\x97\xed\x9a\xf6\xe6\x9c\x92&lt;\x97b\x90mI\xd6\x92&lt;\'`\x8b\xec\x02\xe1|\xd7?a\x1a\xb7\xd8\xcd&gt;O\xe0\xf3\xa7\xbf\xfd\xfe\x83\x05jP\xabT=u\xc4\x07C\xac\x89\x16\x00\xc0\xa1\xff(G\x08\t\x06\x83O&gt;\xf9\xe4\xacY\xb3\x16/^\xfc\xd8c\x8f\xd5\xabWO\x08QZZZXXXPPPXXXRR\xc2\x18k\xd1\xa2\xc5\xd4\xa9S\xc7\x8d\x1b\xa7(\n!\xe4\xb1\xc7\x1e;z\xf4\xa8\xc9d\xc2\xd1\xe4h\xc3\x18WL\x8a\xac\xc8?\xfc\xdf\xa2O\x9f\x98V\x92\xe72Y\x0c\xf7\xbf;\xa8V\xd3\xaa\x00@p\x02\xff\x02\xe1\xfbun\x82\x0b\xc1\x85#\xd9\xba\xfb\x8f\x83o\xdf5~\xe3\xd2\x9d\x00pE\x87\xbaO\x7f9&lt;\xabv\xba\xcf\xe5\x07\x00\xec\x00D9J\xa9\xdf\xef\xafW\xaf^\xdf\xbe}}&gt;_aa\xa1\xdf\xef\x07\x00I\x92\xe43\xf4\xae\x80\xd7\xeb\xcd\xcf\xcf\x1f&gt;|\xf8\xb3\xcf&gt;+\x84())\xf9\xfa\xeb\xafm6\x1bc,\xd2\x7f\tt\x86\x00\xce\xb8-\xd1Rt\xaa\xf4\xa3\x87&amp;-\x98\xb8\\p\x91Y3\xfd\x89\xcf\xefl\xd5\xab\x89\xa7\xc4s\xfa\x9b\xd0\x85\xc0\x008\x07!\x84b\x94\x8d\x16\xc3\x9c/\x96}\xf4\xf0\xe4\x82\xe3\xc5\x84\x92~\xc3;?\xf8\xc1\x10\x8b\xc3\xe4s\x9d{"\x11E!BH(\x14r:\x9d\x84\x10Y\x96\xffn\x89\'\xa5T\x96e\xa7\xd3\xf9\xc0\x03\x0fdff\x12B\x16.\\\xe8\xf5zq\x08(Z\x08\xa0\x12\xb1%Y\xd7/\xda\xfe\xce]\xe3\xf7\xac?\x04\x00W\xf6h\xfc\xd4\x84\xbb\xab5\xccr\x97xOw\xd5\xb0\xfe_ \x9c\x03\xf8\x0b\x01T\xa2\xa5\x05\xeeo\xdf\xf9y\xdb\x8a\xbd\x00\x90\x98\xee\xb8\xed\xf9kZtm\xe8.\xf5I\x12\xa5\x12\xc5\xeb,\x86\x10B\xce\xa7\x8e\xebQ\x91\x9e\x9e\xde\xbe}\xfb\xef\xbf\xff\xfe\xc8\x91#yyyiii\xaa\x8a\xb7zD\x01\x02\x9a\xca\xbe{g\xde\x92\xa9\xab\x01@1\xc8\xd7=\xd4\xa3\xc7m\xedC\xc1\x90\xdf\x130Y\x8d\xf8\x91\xbc8\x18\x00\xe7@\t\xf9\xfc?\xdf\x1e\xdd\x9d\x03\x00\rZ\xd7\xba\xfd\x85\x81i\xd9I\xaeb/\x95\xf0\xd6\xdf\xcb\x9c$I5k\xd6\x04\x00\xb7\xdb]RRR\xb9r\xe5P(\x84\x01\x10Y\x9cs\xab\xc32\xf5\xf5\xd9\xbf}\xff\x07\x00\xa4WM\x19\xf6\xe2\xc0\x06W\xd5\xf2\x94\xfa\x80\x00\x95p\x18\xe3\xe2\xe1{\xf7gB\x08I\x91\xfa\xde\xdd\xd9l3\xf5\xbe\xa3\xe3\xa3cnOL\xb3{\x9c~I\xc6\xf7*.\x98\xcdf\x00`\x8ca\xdb?J\x10BBA\xb5\xeb\xa06\t\xa9\xf6&amp;W\xd7{\xf6\xab\xe1uZTw\x15{\x08%x\x82.\x11\xf6\x00\xfe\x8cP\x12\n\xa8M:\xd6}f\xe2\xf0\xca5\xd3\xd4\xa0\xca\x99\x90\xb0\x95\x117\xbc^/\x00(\x8ab2\x99\xf4\xbd\x83Pd\x11B\xb4\x90\x96Q-\xf5\xc9qw%\xa5;d\x83\xe4w\x07$\x19\xa7g\xc2\x00\xeb\xda\xb9\xa9!-\xa3Zj\xd0\x17\x12\x1cp\xd8\'N\x10B\x18cG\x8e\x1c\x01\x80\x84\x84\x84\x94\x94\x14M\xc3}&gt;\xa2\x02!$\xe8\x0b\xa5e%\x01\x80\x1a\xd0p\xd8\'\\\xf0}&lt;7B\x88\x1aR\t%\x80\x1f\xff\xf8 \x84\x90e\xb9\xb0\xb0p\xdd\xbau\x84\x90\xfa\xf5\xeb\xa7\xa7\xa7\xe3(P\xf4 \x94\xa8!M\xff\x8fH\x1f\xcb\xe5\x03\x03\xe0o\xe1\'?\xae\xa8\xaa\x9a\x98\x98\xf8\xc3\x0f?\x1c;vL\x08q\xed\xb5\xd7\x1a\x0c\x06\x1c\x02\x8a*\xf8\x91\x0c;\x9c\x03@\x084MKHH\xd8\xbf\x7f\xff\xe8\xd1\xa3\t!\xd5\xabW\xbf\xf5\xd6[].\x17\xde\x07\x80.o\xd8\x03@\xf1N\xd34\xbb\xdd^ZZ:h\xd0\xa0\xbc\xbc&lt;!\xc4\xbb\xef\xbe\x9b\x9c\x9c\x8c\xe3?\xe8\xb2\x87\x01\x80\xe2\x9a\xaa\xaa\xc9\xc9\xc9\xc7\x8e\x1d\xeb\xdd\xbb\xf7\xa6M\x9b\x00\xe0\x95W^\xb9\xfe\xfa\xebq\'8\x14\x0f0\x00P\x9c\xd2\x9f\x14\x96\x9e\x9e\xfe\xeb\xaf\xbfv\xef\xde}\xeb\xd6\xad\x00\xf0\xca+\xaf\x8c\x1a5\xaa\xb8\xb8X\x96qt\x14]\xfe0\x00P&lt;\x12B\x10B\x92\x92\x92&gt;\xf8\xe0\x83\xfe\xfd\xfb\x1f?~\xdcd2}\xf1\xc5\x17/\xbe\xf8bII\t&gt;\x15\x12\xc5\tl\xe6\xa0\xb8\xa3W\x7f\xb3\xd9&lt;b\xc4\x88q\xe3\xc6\x01@\xadZ\xb5\xc6\x8f\x1f\xdf\xb9s\xe7\x82\x82\x02l\xfb\xa3\xf8\x81\xd7:\x8a;B\x08\x9b\xcd6|\xf8\xf0\xc9\x93\'\x03@\x8f\x1e=&amp;N\x9c\x98\x91\x91QXX\x88\xd5\x1f\xc5\x15\xec\xea\xa2\xf8\xa2iZrr\xf2\x07\x1f|\xa0W\xff\xeb\xaf\xbf~\xd6\xacY\x89\x89\x89\xa5\xa5\xa5X\xfdQ\xbc\xc1+\x1e\xc5\x11!\x84\xd9l&gt;p\xe0\xc0[o\xbdE\x08\xb9\xea\xaa\xab&amp;M\x9a\xa4iZ(\x14\xc2\xea\x8f\xe2\x10\xf6\x00P\x1ca\x8c\xd9l\xb6\x993g:\x9dNEQ\xdey\xe7\x1d\x83\xc1\x10\x0c\x06q\xc5\'\x8aO\x18\x00(\x8e\x10B4M[\xb3f\r!\xa4M\x9b6\xad[\xb7v\xb9\\\xd8\xf6Gq\x0b\x03\x00\xc5\x11I\x92|&gt;\xdf\xd1\xa3G\x85\x10\xed\xda\xb53\x1a\x8d\xf8\xd8w\x14\xcf0\x00P\xbc\x10BPJ\xbd^oII\t\x00T\xaf^\x9ds\x8e\x9b=\xa0x\x86\x01\x80\xe2\x08\xa5TUU\xbf\xdf\x0f\x00\t\t\t\xd8\xfcGq\x0e\x03\x00\xc5\x17!\x84^\xf7\x15E\xc1\x00@q\x0e\xa7\xbfP\xbc\xd0\x1f\xf8e\xb3\xd9\x16,X\xc0\x18\xcb\xcc\xcc\xf4z\xbd\xb8\xfe\x07\xc53\x0c\x00\x14G\xf4i\x80\x06\r\x1a\x00@(\x14\xc2\xe7\xbd\xa08\x87\x01\x80\xe2\x8e\xcf\xe7\x03\x00B\x08\xce\x00\xa38\x87s\x00(\x1e\xe1\xe8?B\x80=\x00\x14o\xf4\x9d\xe0dY\xf6\xfb\xfd\xc1`\x10w~F\xf1\x0c\x03\x00\xc5\x17\xa3\xd1\xb8r\xe5\xca\xbc\xbc\xbc+\xaf\xbc\xb2J\x95*~\xbf\x1f3\x00\xc5-\x0c\x00\x14/\x18c\x89\x89\x89c\xc6\x8cy\xfc\xf1\xc7\x01 33s\xe9\xd2\xa5U\xaaT\t\x85B8\x19\x80\xe2\x13\xb6}.\xc6\xe9\xf9C,\x1a1\x85\x10\xa2\xaa\xea\xb4i\xd3\x00\xc0l6\xe7\xe4\xe4,Z\xb4\xc8j\xb52\xc6"}h\xe8R\x11\x82\xb3\xfa\x17\x03\x03\xe0bh*\x13Bp\x86\x8b\x08c\t!\x84s\xce9\x97$I\xaf\x14\x9a\xa6a\xc9\xb8&lt;0\x8d\x0b!\x98\x86Y~a0\x00.\x18!\xc4\x91b\xb5%Z\xcc6\x13.&amp;\x89!\x9cs\xb3\xd9\xdc\xb7o_\xc6\x98\xcf\xe73\x99L]\xbat\xf1\xf9|8\x07\x10\xf3\x04X\x13,\xb6D\x8b-\xd1\x12\xe9C\x8918\x07p\x01\x08!\x9cq\xb3\xd5\xf8\xd4\xb8\xbb\x84\x00I\xa6~o\x80JX&gt;b\x83$I.\x97\xeb\xc9\'\x9f\xacQ\xa3\xc6\x89\x13\':w\xee\xdc\xb0aC\x0c\x80XG\x08QC\xda\xed/\x0e\xe4\x8c\x13J\xb0_~A0\x00.\x1c\x01\x93\xd5\x04\x04\x84\x10\x82c\x0f \x96\xe8=\xb6a\xc3\x86I\x92\x14\x08\x04\xbc^/V\xff\xcb\x83\xc1\xac\x10B@\x08\x8e\x1f\xc9\x0b\x81\x01p18\xe3\x02\x00G\x8fcTII\x89\xbe\'\x04V\xff\xcb\x86`\x82\x83 \x00\xb84\xe3\x82`\x00\\\x14\\\x01\x14\xcbp\x03\xb8\xcb\x10~$/\n\xb6\x8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T\xf8\x03\x80\x10BH\xd8_\x15U(\xfd\x14R\x8a\xed\x83\x98G\t\x853\'\x14\xc5.B\x08\x94\xc39\x0c\xf3\'\x9cP\xa2\xa9L\xd38^p\xb1\x8b\x10\x08\x05TJ\xa9\xcf\xe7\x8b\xf4\xb1\xa0\x8bG\x08\xe1\x9c\xfb\x83~J\xa9\x1aT\xf1#\x19\xbb\x08!jH\x13L\x84\xfd\x1c\x86-\x00\xf4\xcb\xabV\xedZ\x1238\x0b]\x92$\t\x11\xae\xd7F\x15H\x08I\x91s\x0e\xe5&amp;\xd9\x93\xf7\xef\xdf\x87U#vI\x92\xe4\xf1x\xf2\xf3\xf3\xd2R\xd3O\x1d\xcdS\x0c\xb2\xc0\xcfd\x0c\x12B\xc8\x06\xf9\xd4\xb1\xbc\x8c\x94L\xa3\xc9\xc8\x18\x0b\xe3\xa72\x9c=\x00!\x84\xc5jI\xb4\'y\x9c\x1eI\xc2\xd1\x83\x18\xe6*\xf16j\xd4\xd8\xedv\xab*\xb6\x1cc\x15\xa5\xd4\xe3\xf1(\x8a\\\xb7v\xdd\xe2B\xa7$I\x91&gt;"t\x91$\x89\xba\x8a=\x95+U\x0e\xfb\x871\x9c=\x00\xce\xb9\xa2\xc8\xd5\xb2j\x1c\xdd\x7fR1)\xd8\xdc\x88I\x04\x98\xca\x8e\xef\xcd\xbd\xf7\xbe\xe1\xc7\x8e\x1d/))\x91e9\xd2\xc7\x84.\x98\x10\xc2d2\x1d8p\xc0h2^\x7f\xdd\xf5\xfb6\x1f\x96\x15\t\xf0#\x19\x8b\x84\x90d\xe9\xe8\x9e\x9c\xa6W4\x03\x80\xf0\xd6\xd50\xf7\x00\x00\xa0M\xeb\xb6\x87\xb6\x9f\x90e\xbc\xdab\x92\xac(\xc5\xf9%\x9aK\xf4\xed\xdf\x17\x04\xec\xdd\xbb\xd7l6s\xce#}\\\xe8\xc2p\xce\x8dF\xe3\x86\r\x1b\xaaV\xad\xd6\xb7\x7f\xbf\xbcCE\xc1`\x08;s\xb1\x88\x10\x12\n\xaa\x85GJ\xdb\xb5o\x07\xe1^\x9a\x11\xd6\xd7\xa2\x14\x00\xfa\xf6\xeb\x93\xb3\xab\xc0\xeb\xf6\xe1\x1a\x92\x98\xc397\xdbL\xdb\xd7\xee\xad\x95]/)9\xb1q\xe3F\xf3\xe7\xcf7\x1a\x8d\x18\x001G\x08!\x84X\xbat\xe9\xd5\x1d\xaf\xae[\xbf\xb6!d;\xbe?\xc7`2`\xbf&lt;\xb6\x08!\x0c&amp;\xe5\xf8\x81\x93J\xc0rU\xdb+!\xca\x03\x80s^\xb7~\x9d4K\xd6\xeeM\xfbMV#^m1F\x00\xa5d\xf3\xaf\xbb\xae\x19p-\x00\x0c\x1cx\xdd\xb2e\xcb\x02\x81\x00fyl\x11B\x98\xcd\xe6\x03\x07\x0e\x1c;v\xec\xea\xab\xaf\x06\x10\xedZuX\xbfl\x9b\xd9j\x12\x1c?\x92\xb1Dpa\xb6\x9a6\xfc\xba\xfd\xaa\xe6m\x8dF#c,\xbc\xaf\x1f\xe6\x0f6\xe7\\\x96\xe5!\x83\x86\xae\x9e\xbb\xc9h6p\x86-\xc7\x98!\x84P\x8c\xca\xc9\x83\xa7\xd4\x02\xe9\x96\xc17s\xce\xbbv\xed*I\xd2\x8a\x15+\xecv;v\x02b\x08c\xccf\xb3M\x9f&gt;\xbdu\xeb\xd6\x19\x19\x19\x00\xe4\xfe\xfb\xef\xdf\xb3\xeap0\x10\xc4Q\xa0\xd8B\x08\t\x05C\xbbV\x1e\xbe\xef\xbe\xfb\xca\xe3\xf5\xc3\x1c\x00\x92$\t!\xee\xbc\xe7\x8e\xe2\xfd\xbe\xe3\x07r\x8cf\xec\x04\xc4\x0c\xce\xb8#\xc9\xb6\xf0\x9b\xdf\x06\xf6\xb9\xc1\xe1\xb0\x87B!B\xc8\xddw\xdf\xfd\xc9\'\x9f\x18\x0c\x86\xb07=P\xf9\x91e\xd9\xe3\xf1L\x9f&gt;\xfd\xf1\xc7\x1f\x07\x00US\xafl\xdd\xb2FZ\xbd\xb5\x8b7\xd9\x13m\xd8,\x8b\x15\x9cq[\xa2u\xed\x92M\xd5\x92\xeb\\\xd5\xb6\x15c,\xecK\xb9\xc2}#\x18!\x9cs\xbb\xc3v\xfb\xcdw\xcd\x1e\xb7\xc4\xea\xb0\xe0\xd5\x16\x13\x84\x10F\x93\xe1\xd8\x81\x9cc\x1b\x8aF&lt;\xf4\x80\x10\xc2`0p\xceo\xb9\xe5\x96\xe3\xc7\x8f/[\xb6,!!\x01;\x011A\xd3\xb4\xa4\xa4\xa4O?\xfd\xb4^\xbdz\x8d\x1b7\xe6\x9c\xeb7\x03\xff\xe7\xa9\xa7\x7f\x99\xb6V\xd34\xec\x04\xc4\nB\x08\xd3\xd8/S\xd6=\xfd\xd4\xd3\xe5\xf4G\x84\x7flW\x9f\txn\xd43\xf9\xdb\xbd\xdb\xd7\xec\xb6%X\xb1pD?\xce\xb8#\xd9&gt;\xf9\xad\x1f\xef\x1d\xfa@\xb5\xeaU\x19c\x94R!\x84\xcdf\x1b9r\xe4\x13O&lt;a0\xe0\xfca\x0c\xe0\x9c\x9bL\xa6\x13\'N|\xfc\xf1\xc7\xef\xbe\xfb\xae~\xca$Ib\x8c\xf5\xee\xdb\xabq\xf6\x95s&amp;.NJO`\x1a\xf6\xe7\xa2\x1d\xd3XRz\xc2\xdc\xaf\x974\xc8l\xde\xa7\x7f\xef\xf2h\xfeC9\xed\x05$\x840\x9a\x8c\xff\xf7\xc1G\x93F\xcf\xd44\xbd\x94\x84\xfd\xcfAa\xc34\x96\x98\x9a\xb0\xe8\xbb\xe5Vo\xda\x7f\x9e{\xaa\xecR\xd3\x0b\xc7M7\xddT\xadZ\xb5\x91#G\xa6\xa6\xa6\xe2}aQ\x8esn\xb7\xdb\xef\xba\xeb\xae\x11#F\xd4\xa8Q\x83s\xaeO\xe0\xeb]\xf3O&gt;\xfdx\xfd\xcc=\x07w\x1e5\xdbpioT\xe3\x9c\x9bm\xe6C\xbb\x8e\xad\xfbq\xf7\x98\xcf&gt;\xe6\xbc\xbc6\xd7)\x97\xd5\x1dz\xe1\xb8\xf6\xbakn\x1bp\xd7g\xcfMNNO\xe48\x82\x1c\xad8\xe3\x16\xbb\xe5\xc4\xa1\x9c\x05\x9f\xad\xfef\xda4EQ\xc8Y\xfb\xf9\xe9\xfd\xb9\xc9\x93\'O\x9f&gt;}\xc1\x82\x05\xe9\xe9\xe9\xfa\xdc@d\x8f\x19\x9dS(\x14JKK{\xf9\xe5\x97\x01`\xe4\xc8\x91g\xb7\x19\xf5\xfe\\\x8d\x9a\xd5?~\xef\xb3\xcf\x9e\x9aJ)\xd1\xa7\xeb"y\xb8\xe8o\x08!$I\x92$\xfa\xe9SS?~wL\xcdZ5\x85\x10\xe5\xb4\x12\xaf\xbc\x96\xf7QJ5M{\xef\xff\xdeM\x0cd}\xfb\xf1\xac\xb4\xcc\x14\xa6b\x06D\x1d\xce\xb8\xc1dPC\xea\xc7\x8fM\xfe\xe8\xdd1u\xeb\xd7\xd54\xed\xecKM\xef\xcf%$$L\x992\xe5\x81\x07\x1e\xd8\xb7o_bbb(\x14\x8a\xe01\xa3s\n\x85B\x19\x19\x19?\xfd\xf4\xd37\xdf|\xf3\xddw\xdf\x95\xb5\xfd\xcbH\x92\xa4i\xdaM\x83n\x18\xdc\xff\xae\x0f\x9f\x98\xe0H\xb6\x81\x08\xf3m\xa5\xe8\xd2\t!@\x80#\xd9\xfe\xe1\x13\x13n\xed3\xec\xe6[o\xd24\xad\xfc\xb6\xf1(\xaf\x00 \xe4t\x13c\xfe\xc2y\xc5\x1b\xd8\xf41s3\xaa\xa4q\xc6\xf1\x82\x8b\x1eLc\xfaP\xc0\xebw|\xf6\xca\xe3o\xdez\xdb M\xd3\xfe\xba\xf1\x83\xde\x9fk\xd7\xae\xdd\xa7\x9f~\xda\xbf\x7f\xff#G\x8e\xe8\xfd\x80\x88\x1c3\xfa+!\x84\xaa\xaa\x19\x19\x193g\xce|\xee\xb9\xe7\x16.\\\x98\x9c\x9c\x0c\xe7\xda\x02Z\x96eM\xd3&gt;\xfc\xf8\xfd\xf65{\xbd\xf7\xf0\xb8\xa4\xb4\x04I\xa2\xb8L#zp\xc6)\xa5I\xe9\t\xef?:\xaem\xb5\xee\xff7\xe6\xc3s~$\xc3\xa8\x1co\xf0\xd1\xaf?\xab\xd5\xbax\xe9\x92\xa2\xf5\xea\xb8W\xa6%\xa68dEf\x1a^p\x11&amp;\x84`\x1aKLu\xe4\x9f,x\xf5\xb6\x8fG=4\xfa\xfe\x87\xee\xfb\x87KMo&lt;\xf6\xeb\xd7\xef\x83\x0f&gt;\xe8\xdb\xb7\xefo\xbf\xfd\x96\x91\x91\xa1i\x1a\x8e#G\x9c\xbe7dzz\xfa\xd8\xb1c\x9f{\xee\xb9\x05\x0b\x16\xd4\xacYS\x9f\xc3?\xe7\xf7\xebq&gt;\xee\xcb\xcf\xdbT\xeb\xf6\xda=\x9f\x10J-v3\xce\tG\x03\xa61\x8b\xdd,I\xf4\xb5{\xc6\xb4\xca\xee2\xfe\xabq\xe54\xf1{\xb6\xf2\xbd\xc3S\x1fA\xb6Z-K~Y\x92PZ\xf5\xd5;&gt;\xf1{\x03Ii\x0e\xce\x04\xc7;\x12#A\x08`\x1aW\x149\xa5r\xf2o\xb3\xd6~\xfa\xe0\xf4\xf7^\xf8\xe4\x81\x7f\xac\xfe:\xbd\xf1\xd8\xbf\x7f\xff\xb1c\xc7\x0e\x1f&gt;\xfc\xcd7\xdfLKK\xb3Z\xad\xaa\xaab\xaf."8\xe7\x9a\xa6%\'\'\x1b\x8d\xc6\xa1C\x87N\x9c8q\xd1\xa2Ez\xf5\xff\x87\xaaA\x08\xa1\x942\xc6\xbe\x98\xf0\xf9\xf5\xed\x87\xbe&lt;\xe8\x93\x83;\x8f\xa5VN&amp;\x00\xd8\x15\x88\x14\xfd\x9dO\xad\x9c|h\xd7\xb1\x97\x07}r]\xdb!\xe3\xbf\xfcBO\xf1\xf2\x9eo#\x15\xf0\xe9-\x1b\x8e|\xef\xad\xf7\xdf\xff\xfc\xedN\x83[\xf6\x1ct5\x00\xf8\xdc~\xce8\xa1\xf8\x08\xb1\xf2\'\x80\x0b\x01B\x18\x8c\x8a5\xc1r\xf2P\xeew\xff\xf7\xb3R\x9c0e\xca\x94\xfa\r\xea\x9d\x7f7S\xff\xce\x82\x82\x82\xa1C\x87\xaa\xaa\xfa\xd6[o\xb5j\xd5\xca\xe7\xf3\xe9\x8f\x8e\xa9\x80\xeb\x15\t!\xf4\xd2`\xb7\xdb\r\x06\xc3O?\xfd4z\xf4\xe8\xb6m\xdb~\xfa\xe9\xa7\x84\x90\xf3l3\n!8\xe7\x92$\xcd\x9f\xbb`\xc4\xa3\xf7\xd7\xea\x90q\xfd\xfd}\xec\x89V\x8f\xd3\xa7\xa9\x1a!\x84P&lt;\x8f\xe5Np!\x84\x90\x15\xc9\x96`u;\xbd?}\xbe\xf0\xc0\xca\xdc\xcf\xfeol\xbfk\xfaVL\xf5\x87\x8a\t\x008\xeb\x82\xdb\xbcq\xf3K/\xbd\xbc;ws\xe7AW\xb5\xe8\xd0\xd8\x9a`\r\xfa\x83A\x7f\xa8\xac\xf5A\x08\xc1\xf6d\xd8\x08\x01\x00\x84\x10Y\x91MV#!$\xe7H\xee\xb2\x1f\xd6\x1c\xdfPt\xdb\x8dw&lt;\xff\xc2\xb3\xfa\xd8\xce\x05\r2\x96\x95\x981c\xc6|\xf5\xd5W-Z\xb4x\xf0\xc1\x07\x9b6mJ\x08\xf1x&lt;\xc1`P\x1f\x17\xd2\x97\x12\t!0\x12.\x85\xfe\x06\xea;\xbb\x01\x80$If\xb3\xd9l6\x07\x83\xc1\x95+W~\xf2\xc9\'\xa5\xa5\xa5O?\xfdt\xbf~\xfd\xf4\xef\xb9\xa0\xb5"\xfa\xa9\xcf\xcb\xcd{\xe9\x85\x97\x97\xae]\xd0\xb4W\xed\x0e\xfdZ\xa5d$\xa9!\x16\xf0\x05\xfe;.\x84g0\x8c\xce\xd4[I\x96L\x16\xa3b\x90\x8b\xf3KW\xcd[\xbfe\xe1\xfen\xad\xfb\xbc\xf2\xda\xcb\x95*e\x94\xf7\xb8\xff\xd9*(\x00te\xb5\xe3\xa7\xefg~\xf3\xdd\xb4m\x876Vm\x9a\xd1\xacS\x83\x1a\xf5\xab\x98mfB\x88\xe0\x1cg\x08\xc2\x86\x80\xac\xc8 \x84\xa6\xb1\xe2\xfc\xd2]\xeb\xf7\xefX\xb9?\x94O\xfa\xf7\x1c\xf8\xc0\x88\xfb\xabV\xab\x02gu\xce.HY\xadq:\x9d\x1f}\xf4\xd1\xfc\xf9\xf3SSS\xfb\xf5\xeb\xd7\xbd{\xf7\xaaU\xab\x1a\x8dF\x00\xc0\x19\x820\x92$I\xff\xe0x\xbd\xde\xbd{\xf7.X\xb0`\xe9\xd2\xa5\x06\x83\xe1\xfa\xeb\xaf\xd7\xb7\x88\xb9\xe8\xc1\xe2\xb2\x1f\\\xbbf\xdd\x84\xf1\x13V\xac_\x96^\xcfqE\xc7zu\x9b\xd6p$\xd9\xa9DA\x08\r\xd7\xef\x85\x8f\xacH@\x08g\xdc]\xe2\xde\xb7\xf5\xf0\xb6\x95{\xf3\xf7\xba\xaen\xd5\xf5\x9e{\xeei\xd3\xae5\\\xc2\xa9\xbc8\x15\x1a\x00\x00\xa0\x17\x05\xbd\xe8l\xde\xb8e\xf2\xd7\x93\xd7o\xfd\xa3\xc8\x9b\x97\x94i\xcf\xac\x95nK\xb4V\xaa\x96\xc6\x19/\x8f\xc7\x1f\xc7\x11\x01\x94\x92`@\xcd9\x98\xe7)\xf5\xe6\x1c*P\x9d\xa2N\x95\xfa}z\xf7\xbd\xe9\x96\x1b\x93\x92\x13\xe1L\xeb\xefR\xfe\x90\xb2+5\x10\x08\xfc\xf8\xe3\x8f3g\xce&lt;~\xfcXJJJ\x83\xfa\xf5\xb3\xb22k\xd6\xac\x95\x9c\x9c\x8c;\x08]2!\xcb\xca\xb1cGsss\xf7\xef?\xb0\x7f\xff\x01\xbf\xdf_\xaf~\xfd\xa1C\x87v\xed\xda\x15\xce\xea[_\xfc\x1f \x04cL\xbf\x18\x8e\x1e96e\xd2\xd4UkV\x1e\xcb?dN1T\xa9[\xc9\xe20g\xd7\xae\x14\xb6\xbfM\xdc;q \xcf\xe7\xf6\x1f\xdf{\xca_\x14\xaa\x9aV\xa3}\xdb\x8e\xb7\x0f\xbb\xadZ\x8dj\x00\xc0\x98F\xa9T\xd1=f\x11\t\xa1P(\x18\n\x96\xfdr\xcb\xa6-/\x8ez\xa1v\xcd\x9a\x06\x05\x1f&gt;\x15NU23{\xf7\xe89\xf9\xebI\x1e\xb7\xa7\xec\xdd\x0e\x04\x02\x8c\xb1\xb0\x9cG\xcey \x108\xfb\xb4~\xf3\xdd\xf7\xfd\x07\xde\x94\x96Y-\xd2\x7f\xf5\xcbMFv\x8d{\xee\x7fp\xc9/\xbf\x96\xbd\xdb\x9a\xaa\x06\x83\xc1s\x9c\x95\x8b\xa2i\xda\xd9\xa7\xf2\xe4\xf1\x93c&gt;\xfc\xa8\xd5\x15MS\xed\x8eH\xff\xd5/+\xa9v\xc7\x95W4\xfd\xe4\x83\xff;y\xfcD\xd9\xbb\x1d\x08\x044M\x0b\xd7\xa9\xbc \x15\xdd\x03\x10g57\n\x0b\x0b~\xf8i\xc6\xca\x15\xab\x0e\xec;\x06\xccd5\xa7\x99\x0c\xb6\xd4\xa4l\xce\x19`\x17\xe0\x92\x08B\xa8\xaa\x06\nJ\x8fk\x9a\xdf\x17*\xb2\'(W\xb6j\xda\xa7O\xbf.\x9d\xbb\xe9\xdfq\xe9=\xcd\xb3\xe7\xa9\xfe\xd8\xb8\xe5\xc7\x99\xb3\xb7\xac_-\xbc\x05\x95\x1d4\xc9*WO\xb5$\xd9\x8d\x8cq\x1c@\xbe\x14B\x80$\xd1\x13\x85\xde\x02W\xe8\x943T\xe8\xa3\xb6\xb4jm:t\x1at\xd3\xf55\xaaU\x813\xcb@/\xf16\xd1\xb2\xee`(\x18\x9c;\xeb\xc7\xdf~\xfbm\xd3\xce}nM6&amp;gJ\x06kbVm\x0283w\xa9\x08\x80\x00Qz\xf2\x00\x0by\x83\xc59vYk\xde\xa8n\xe7\xce\x9d\x07\x0c\xbc\xdeh4\x01\x80\xa6i\x92,W\xf0\xc7%2s\x00\xdb\xb6m\x992u\xf2\xbc9\xcbd\x9e\xda\xa8n\x87:5\x9a\'\'\xa6\x9bL\x16\x02X\xf9\xc3G\x80\x00`L\xf3\xfa\\9\xb9\x87w\xec\xfd\xfdX\xde\xd6\xcc\xaa\x96;\xef\x1av\xeb\xa0!\x06\x83\xf1RV\x1a\x94\x9d\xca\x19?\xce\xfe\xea\xcb\xf1\xa5\xc7\xb6\xb6\xafc\xbf\xa6M\xadF53R\x12\xac\x80=\xb9r\xc0\x02\xa1\xbcb\xf7\xfa=9s\xd6\x1e\xda\x9e\xcb\x1b\xb4\xeav\xe7\x9dwv\xee\xd8\x0e.!\xce\xcb&amp;\x81N\xe5\x9c\x9c6\xf9\xeb\xa9\xdf\xcf*\x81\xc4\xcc\xc6\x1dj6\xbb:\xb9RU\xb3\xcd\x8e\xeb\x81\xc2K\x00\x08\xce\xfd&gt;w\xf1\xa9c\x87\xb7\xae&lt;\xb9}e\x92(\x19r\xf3\xc0\xdbn\xbf\xb3rf\x16\\\xec\xb4\xdcE\xab\xb8\x00\xd0[\x19\x85\x85\x05o\xbc\xf9\xda\x8f\xd3\x175\xae\xdd\xa3M\xf3\xde\x95+U\xe7\x9c\x05\x83&gt;\x8d\xa98gX.\x08\x91\xa8dPLF\xa3\xd9\x1f\xf0\xee=\xb0i\xc5\xba\x1f\x0c\x0e\xd7\xd3\xcf&lt;~\xd3\x8d\x83\xe0\xc2k\x07\xe7\x9c\x12\x02\x84,\xfdu\xc5\x9b\xaf\xbff(\xd9\xf9@\xff+z^U\xdb\x94`\x83\x80\x1a\x0c\xaa\x9a\xc68\xde\x19P\x0e(%\x06YRL\x060HE\xb9\xa53W\xee\x9a\xb0x\x7f\xcd+{\xbf8jd\xfdzu."\xce\xf5\x8f$\xe7|\xcc\xff\xbd\xff\xc9\x84)J\xd5V-z\r\xc9\xae\xdbD\xa2R(\xe0UCA\xce\x19\x08\x81\x8d\xb2\xb0\x12@\x08\xa5\x92b0\x1aLV\xc6\xd9\x89}\xdb6-\xfaF=\xb6\xee\xa1\xbb\x87&gt;\xf4\xd8S\x92D/\xb7U@\xfa`\x13\xa5t\xce\xdc\x99\x8f&gt;\xf2\x9f\xac\xe4V7\xf4\x19a\xb7\'\xfb\xfcnU\r\x9e^0\x88\x17Yy\x12B\x08\xc1\t\xa1f\x93\xd5\xa0\x98\xb6\xed^=k\xf1\'\xad\xda\xd7\x9a8q\x92\xc3\xee8\xff\x0c8\xf3\x9d\xe2\x81G\x9e\\5\xfb\xeb\x97n\xbb\xf2\xc6\x9e\xcd\x80q\xbf7\xa01N)\xc1{:\xca\x95\x10 \x84\xe0B\x18\x15\xd9`3\xf1\xa0\xfa\xfew\xab&amp;,;\xf1\xc0S/=\xf6\xd0\xfdpf\xd9\xe8\xf9\xbc\x94^e\xf6\xee\xdeu\xdb\xd0\xa1y$\xa3\xe7\xdd/U\xaaY?\xe8\xf5\x84\x02^\x01@\x08\xde\xd2Q\xbeN\x7f$\x01\x0c&amp;\x8b\xd1b\xcf=\xb2g\xc9\x97\xaf\xa6\xb1SS\xa7L\xa9\xdf\xb0Q\x85e@\xb9\x07@Y\xf5\x7f\xe6\xb9\'\'M\x98y\xfbu\xa3\x1b\xd4i\xe9t\x171\xa6\x11J\xb1\xeeW0!8\x17\xc2j\xb6K\x92&lt;c\xeeG\'\x8aW\x7f\xf5\xf5\x97m\xdb\xb4?\x9f\x0bN\xaf\xfe\xfb\x0f\x1e\xbe\xed\xb6\xa1WXO\x8dyj\x80\xc9\xa4xJ\xbd@\x88\x84\xe3\x04\x15K\x9c\xde7\x86X\x92\xed\'\x8e\x17\xdc\xf6\xda\xdc\x94\xc6=\xa7~=\xdel6\x9f\xcf\x18\x82~\xba\xa7~\xfd\xe5\x13\xcf\xbf\xd2\xec\x96\xe7Z\xf7\x19\xe2s\x97\xaaA?\xa9\xf8U(qO\x08!8S\x8cf\x8b#\xf1\x8f\xf9\xdfl\x9e\xfe\xc6\xfb\xaf\xbf8\xf4\xce{*&amp;\x03\xca7\x00\xca\xaa\xff\xadCn\xd9\xbc\xfa\xd4\x83w\xbe+K\xb2\xd7\xe7\x96$\x1c#\x8e$.8\x01HLH\xdb\xb8\xf5\xd7\x19\xf3\xdf\x986}|\xcf\x1e}\xfe\xf9\x82\xd3\x18\x93%i\xc7\xae\xbd\x03\xfbv\x7fn`\x8d\xbboj\xef/v3\xc6%\t\x9f\x17\x1fI\x1a\xe3f\x93"\x9b\x0c\x8f\xbf?gmq\xfa\xd2\xc5\x8b\xacV\xcb?g\x80~\xa2\xdf\x7f\xfb\x8dW?\xfd\xe6\xe6Q\x13\xd3\xaa\xd4\xf6\x94\x14`\xe9\x8f,=\x06lIi\x05\xc7\x0f~\xff\xfa\x9d\xa3\x1e\x18\xf4\xd4\xb3\xa3TUU\x14\xa5\\\xff\xdcr\x0c\x00qf\x85\xf2\xa0[o&lt;\xb4\x83\x8d\xb8\xe3\xedRg\xc1?lS\x85*\x18cj\x82#5\'\xf7\xc8g\xd3\x1e\x9a2ml\xcf\x9e}\xffn,H/(\xdbw\xed\xbd\xbeo\xf7\xf1#Zt\xee\xd0\xc8\x95W"\xcb\x12\x16\x8ch\xc0\x85\x10\x02l\x95\x93&gt;\x1c\xb7\xe8\xdb\x9d\xc6eK\x16[\xadf8\xd7n\xa0p\xa6\xfa\xbf\xf7\xd6ko}5\xf7\xaewf\t\xc1\x83&gt;\x0f\xc5\x06Yt\xe0L3\x9a\xad\x84J_=}\xdd\x7f\x86\xf5}\xfa\xf9\x17\xcb\xbb\x1fP\x8e\x01\xa0\x1f\xfa\xd0a\x83wo\xf0&gt;x\xe7\xdb\xc5%y8\xb0\x18m\x18\xd3\xac\xd6\x84\xfc\x82\x13\x9fN\x1d\xf1\xe3\xac\xa9\x1d;t\xfak\x06\xe8O#:t\xe4X\xaf.\x1d&amp;&lt;\xd8\xa2s\xeb\xfa\xceB\x97A\xa9\xb8\x9b\x15\xd1\xf9PU\xe6\xa8\x94\xf4\xe1\x97\x8b\xbf\xdfkY\xfe\xeb/\xfa~\xec\x7f\xfa\xb8\xe9\x1f\xc91\x1f\xbd\xff\xe2\'\xdf\xde\xfd\xde\x1c\xa6\x8545D)\x9e\xca(\xc29\x93\x15\x83\xac\x18\xbf|\xea\x9a\x97G\xdc\xf2\xf0\xe3O\x95k\x06\x94W\x00\xe8u\xe4\xe3O&gt;x\xf7\xb5I\xaf&lt;\xf5]\xa9\xb3\x80\x10\x82\xcb\t\xa2\x10cZ\x82#e\xc7\x9eu\xb3~\x1d\xbdq\xe3\x86\xe4\xe4\x148s\xab6\x9c\xe9\xc6\x01\x90Vm\xdb?\xdcF\xba\xf3\xd6\xab]\xa7J\x14\xac\xfeQI\xd5\x98#3e\xf8\xf3S\xb5Z\xfd\xbf\x1a7\xe6OY\xae\xffr\xed\xea\x95=\x06\xdez\xc7G\xcb\x8c&amp;\xb3&gt;\xe8\x1f\xc1\x03F\xe7$8S\x8c\xa6P0\xf8\xd5#]\x17\xcf\x9c\xd6\xb6\xc3\xd5\xe5\xb7?D\xb9\x04\x00c\x8cRi\xfd\x86\xb5}{\xde\xf0\xf4}SL&amp;\x8b\xa6\xe1\xb3d\xa3\x97\xc6\xd4\x94\xa4J3\xe6|,%\x1c\x99\xf7\xf3\x82\xb3\xaf6\xfd\xbfG&lt;\xf2\xa4\x7f\xfb\x0f_\xbd&gt;\xc4\x95W\xa2\xc8X2\xa2\x17\x17\xc2d5]u\xcf\x84G_\x1fw\xfb\xe0[\xcaN\xa5\x1e\xe4.\x97\xb3U\xab\xd6M\x86\xbeY\xafe\'\xaf\xab\x18G~\xa2\x16g\x9a\xc5\x91\xb4\x7f\xf3\xca-\x93\x9e\xd9\xf0\xc7:GBb9m\x0eZ.\xc3\xf1\x84\x10\x001|\xf8\xf0\x01\xdd\x1eMJLS\xd5 V\xffh&amp;KJIi\xfe\xcd\xd7&lt;\xb2\xf5\x8f\x13\x13\xbf\x1a\xa7o\x11\ng\xaa\xffo+\x7f_&lt;\xe3\xf3\xcf\x9f\xbd\xceW\xe4\x92+p\x9b*t\x11\x84\x00\xe0|\xea\xf3\xfd\x9f\x7f\xea\xd1\xa2\xe2\x12}\'Q\x00\xd0g\xe3\x9e~\xe2\x11\xa5v\xe7+:\xf4\xf18\x8b\xb0\xfaG3*\xc9^gq\xe3v\xbd\x8du\xbb=\xf5\xf8#\x92$\x95\xd3mR\xe1\x0f\x00}\x9aw\xdc\x84\xb1Agb\x87V\xfd\x9c\xee"\x1cd\x8c~\x84\x90@\xc0;x\xe0\xb3\xef\xbc\xf5\x7f\xc5%\xc5\xfa3\xc4\x01@\xd5\xd4\x17F\x8d|\xe7\xae\xb6F\xa3\xc2q_\x87\xa8\'Q\xe2\xf3\x04\x1b4\xacz\xebUI/\xbc\xf2\xba\xfeD&amp;}\x0e\x7f\xf3\xc6\xf5\xb3\x7f\xdd\xd4\xeb\xae\xe7\x9cE\xb9\x92\\\xbekK\xd0\xa5\x93d\xc5Y\x98\xdb\xeb\x8eg\xe7.\xdf\xbci\xfd:\xfdT\x86\xfdO\ts\x00\xe8\x8b&gt;UU\xfd\xe0\xdd\x8f\xaf\xed9"\x10\xf2S\x82\xd5?\x06\x10B}~O\xc3\xbaW\x9a\xa0\xda\xf8\xf1c)\xa5\xc1`P\x92\xa49\xf3\x97H\x05\xdb\xae\xef\xd3\xd2S\xea\xc5\x15\x9f1A\x92i\xb0\xd43jX\xe7_fN:v"\x87RI\xdf/h\xf4\xab\xaf\xd4\xeb1\xcc\x96\x90\xc45-\xd2\xc7\x88\xce\x0bg\x9a\xc5\x91X\xbf\xe7\x9d\xaf\xbe\xfajYg.\xbc\xc2\xfc\x91\xd6/\xb5\xe9\xdf\x7f\xa3\x88\xcauk6\t\x04\xbc8\xf8\x13+(\x95&lt;&gt;W\xef.\xc3\xbe\x9d\xf6C0\x14\xd4\x17 \x7f\xfe\xe9\x98\xc7oh)4\x86O\x05\x89\x15\x04 \x18b\t\xe9\t\xd7\xb7\xca\xf8\xe8\xd3\xcf\t\x01YQ\xf6\xef\xdd\xbdn\xf7\x89+{\xde\xe2)\xc5\xc1\x9f\x98A%\xd9\xeb,j\xd9\xf3\xe6\xf5{O\xee\xdb\xb3\xb3&lt;\x06\x82\xc2\x1c\x00\x94R\xc1\xc5\xc4\t_\xb5j\xd2Wc8\xf1\x1bK\x08!\xc1\xa0\xbff\xb5\x86\x9e\x12\xc3\xdc\xb9\xb3$I\xda\xb0y[\xf1\xa1\x8d=\xdb\xd4\x0bx\x02x\xafo\x0c\x91%\xaay\x02\xb7\xf7\xbcb\xc9\x9c\x19N\x97\x1b\x04\x8c\xffblR\xdd\xb6VG\x12\xc7\'4\xc4\x14\xce\x98\xd5\x9e\x98\\\xaf\xfd\xf8/\xbe\x803\xcfS\t\xa3p\x06\x80&gt;\xfes\xf4\xd8\xe1\x83\xfbr\x9b4l\xeb\xf3{\x08\xc1A\x83\xd8"(\xa5W\xd4\xeb4c\xc6\x0c\x00\x98\xf1\xfdOW\xd7K0\'Z</t>
        </is>
      </c>
    </row>
    <row r="291">
      <c r="A291" s="1" t="n">
        <v>289</v>
      </c>
      <c r="B291" t="inlineStr">
        <is>
          <t>shape_size_hexagon</t>
        </is>
      </c>
      <c r="C291" t="inlineStr">
        <is>
          <t>What is the size of the missing shape denoted with a question mark if it is a hexagon?</t>
        </is>
      </c>
      <c r="D291" t="inlineStr">
        <is>
          <t>['large', 'small', 'medium']</t>
        </is>
      </c>
      <c r="E291" t="inlineStr">
        <is>
          <t>small</t>
        </is>
      </c>
      <c r="F291" t="inlineStr">
        <is>
          <t>There are 7 shapes with different sizes in the image, of which there is a missing hexagon in the center. The other shapes are arranged around the center, which are ['pentagon', 'hexagon', 'square', 'pentagon', 'hexagon', 'square'] in anti-clockwise order. Their corresponding sizes are ['medium', 'small', 'large', 'medium', 'small', 'large'].</t>
        </is>
      </c>
      <c r="G291" t="inlineStr">
        <is>
          <t>We observe that the pentagons are medium size, the hexagons are small size, and the squares are large size. Hence, the pattern is that each shape appears with a distinct size.</t>
        </is>
      </c>
      <c r="H291" t="inlineStr">
        <is>
          <t>Based on the pattern that each shape appears with a distinct size, the size of the missing hexagon should be small.</t>
        </is>
      </c>
      <c r="I291" t="inlineStr">
        <is>
          <t>b'\x89PNG\r\n\x1a\n\x00\x00\x00\rIHDR\x00\x00\x02\x00\x00\x00\x02\x00\x08\x02\x00\x00\x00{\x1aC\xad\x00\x008\xdbIDATx\x9c\xed\xddy|U\xd5\xb9?\xfe5\xec}2@\x08\x01\x87\x88\xa8\xb5L\xf5V\xaa\xc0\x97*\x8a\x80V\x06me(\x83\x0c\xf5W\xf1j\xe9\xd7\x022z\xb1\n\x94\xc9R\x91A\x10\xbf\xc5\xaa\xad\xd7\n\x88\xc5^\x14\xadA\xc1\x04\x04A!\\\xab^\x05\xc4Z-B#!d \x90\xec\xbd\xd6\xfa\xfd\xf1\x90s#\x83\x15r\xce\xd9{\x9f\xf5y\xbf|\xf9\x92\x10OV\xce9k\x7f\xf6\xb3\xd6s\xf6\xe6\xc6\x18\x06\x00\x00\xf6\x11A\x0f\x00\x00\x00\x82\x81\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94\x13\xf4\x00\x00\xd2\x961&amp;\xe8!\xa4\x03\xcey\xd0CH[\x1c\xefQ\x00\x00;\xa1\x02\x00H\n\xdf\xf7+++9\xc79\xd6Y\xa2\xa7\xceu\xdd\xc6\x8d\x1b\x07=\x96\xb4\x85\x00\x00H0\xa5\x94\x94\xf2\xad\xb7\xde\xea\xd7\xaf\x1f\x02\xe0\xac\t!\xb4\xd6]\xbbv}\xf1\xc5\x17\xb5\xd6B`\xc32\xf1\x10\x00\x00I\xe1y^YYY\xd0\xa3\x88\xbc\xf2\xf2\xf2\xa0\x87\x90\xce\x10\x00\x00I\xc19\xe7\x9c\xd3il\xfc+\xc1\x0e)*\xa8f\x92R*\xa5\x1c\x07\xc7\xa8$\xc2\x93\x0b\x90,\xa6N\xfc\x8f\xc1\x8e\'ZNx\xf6 \x19\x10\x00\x00\xa9\xe082\xa7Q#\xc3p8\xfb:\x9cs\xcf\xf3\xab\x8eT\x07=\x10[ \x00\x00\x92\x8b\x962\xbat\xbab\xcds\x8f\xf9U\xd5\xd8\xcc&lt;\x1d\xa5\xb4\xdb\xa4q\xd1\x867\x07\x8c\x9c\x80g)5\x10\x00\x00\xa9\xe0\xbaN^\xf3f&amp;#\xc6qh;\r\xad\xb4\xc8m\x92\xdb$\'\xe8\x81X\x04\x01\x00\x90\n\xc6\x18\xe3y\x9e\xe7\xe3\xdc\xf6t\x94\xd21\xcf\xf3}?\xe8\x81X\x04\x01\x00\x90"\xbcN\xd0\x03\t)&lt;?\xa9\x87\x93\x11\x00\x00K!\x00\x00\x00,\x85\x00\x00\x00\xb0\x14\x02\x00\x00\xc0R\x08\x00\x00\x00K!\x00\x00\x00,\x85\x00\x00\x00\xb0\x14\x02\x00\x00\xc0R\x08\x00\x00\x00K!\x00\x00\x00,\x85\x00\x00\x00\xb0\x14\x02\x00\x00\xc0R\x08\x00\x00\x00K!\x00\x00\x00,\x85\x00\x00\x00\xb0\x14\x02\x00\x00\xc0R\x08\x00\x00\x00K!\x00\x00\x00,\x85\x00\x00\x00\xb0\x14\x02\x00\x00\xc0R\xb8)|\xda2\xc6$\xf0\xd1p\xabn\x80\xf4\x83\x00H[\x89=d\x1bc\x90\x01\x00i\x06\x01\x90\x86\xe8`}\xf8\xf0a\xd6\xe0:\x80sn\x8c\xc9\xcc\xcc\xcc\xca\xcaJ\xcc\xe0\x00 4\x10\x00\xe9F)%\xa5\x9c;w\xeeo~\xf3\x1b\xc7q\x94R\ry4\n\x80s\xce9g\xeb\xd6\xadyyy\x0ckA\x00i\x04\x01\x90V\xb4\xd6\x9c\xf3\x03\x07\x0e\xcc\x9b7\x8f*\x80\x84(++[\xb0`\xc1\xec\xd9\xb3)]\x12\xf5\xb0\x00\x10,t\x01\xa5\x15c\x8c\x10\xe2\xbe\xfb\xee;t\xe8\x90\xeb\xba\x9cs\xd10\xf4\x08R\xcay\xf3\xe6\xed\xd9\xb3GJ\xa9\xb5\x0e\xfa\xb7\x04\x80\xc4@\x00\xa4\x0f\xad\xb5\x10b\xc7\x8e\x1d+V\xac\x10Bx\x9eg\x8c\xd1\rC\x0f\xcb\x18\xab\xad\xad\xbd\xff\xfe\xfbY\xa2\x9b\x8b\x00 @X\x02J\x1ft\xfa?q\xe2\xc4\x9a\x9a\x9a\xf8B\x8d\x10"77\xc7(\xcd\xcep\xe9\x9e3\xae\x94\xaa\xa8:\xc2\xeb\xf6\x15\x9e\x7f\xfe\xf9\xa2\xa2\xa2\xee\xdd\xbbc!\x08 = \x00\xd2D\xfdc\xb4\x94R)%\xa5`\x8c\xbd\xf0\xd4\x82\xeb\xbaw\xf1\xaa\x8eHq\x06\xd5\x9ea\xcc\x18\xcd33\x87\xde&gt;~\xfd\xa6mR\n\xea,\x9a8q\xe2\xe6\xcd\x9b]\xd7EW(@\x1a@\x00\xa4\x03:\x1c\xd7_\xa5\xa1\x0c\xf8\xc9\xa0\x1f\xf6\xbd\xb5\xaf9T\xc6\xcfm\xce\xd8\x19-\xddp\xa35o\x94\xbd\xe4\xc1)\xdf\xbb~\x90\xd6Fk-\xa5\xdc\xb1c\xc7\xca\x95+\x7f\xfa\xd3\x9f\xa2\x08\x00H\x03\xd8\x03H\x07\xb4\xfa\xff\xf0\xc3\x0f\xef\xd9\xb3\xc7q\x1cc\x8c1&amp;\xb7I\xce\xb4\x89?W\x95U\x9e\xaf}\xcf\xf3=\xffL\xfe\xf1\x94R5e\x87/\xbb\xf2\xbb?\xfb\xc9@:\xfa\xd3O\x992e\xca\xa1C\x87\xa8=4\xe8\xdf\x1b\x00\x1a\x04\x01\x10y\xf1\xd6\xcf\xf9\xf3\xe7\x0b!h\xf1Gk}\xcf\x9d\xc3\xdat\xf8\xae\x7f\xe4\xa8\x94\x82\x9f\x15)\xa5\xae\xae\x9e9et^\xd3&amp;\xb4\x15L?h\xc1\x82\x05B\x08\xb4\x03\x01D\x1d\x02 \xf2\xea\xb7~r\xce9gJ\xe9V\xdf\xbah\xdc/n\xf7\xcb\x0eK\xe7\xec\x17j8\xe7\xfe\xb1\xda\xe6-\xf3gL\xfa9\xfd\x14*\x02\xa8%\x14\x19\x00\x10u\x08\x80h\xa3\xc5\x99\xe2\xe2\xe2\xe5\xcb\x97\xd3\xe9?\xe7\xc2\x18\xf3\xc0\xb8;\xf3.8O\xd5z\r\xdc\xaa\x15R\xfa\xe5\x95\xa3\xfe}X\xdbV\x97P\xa9\x11\xdfl\xc0*\x10@\xd4!\x00\xa2\xcd\x18\xa3\x94\x1a7n\\mm-\xe7\\J\xa1\x94\xba\xee\xea\x8e\xb7\xfdd\xa0WZ\xe68\r\xdd\xe4\xe7\x9ci\xa5b\xd9Y\x8f\xcc\x9al\x8c\xe1\xfc\x7f\xdb\x8d\xd6\xad[G[\xcd\t\xf9E\x00 \xf5\x10\x00\x11F\xc7\xe2\xe5\xcb\x97o\xda\xb4\xa9\xee\xb2?\\\x081s\xf2\xff\x95\xae\x93\xa8\xd3s)\xa5WQ\xd9\xe7\xe6\x1f\xf4\xec~\xb5R:\xde\x12:v\xecX\xdf\xf7Q\x07\x00D\x17\x02 \xaa\xe8(\\^^&gt;c\xc6\x0c\xce9\xad\x05)\xa5~2\xf0\xe6\x1e}z\xd4\x1e.Ol\x9b\xa6Q\xea\x91\xd9\xf7\xc6b\xae1\xcc\x18-\x84\xd8\xb5k\xd7\xb2e\xcb\xb0\x13\x00\x10]\x08\x80\xa8RJ\t!\x16-Z\xb4w\xef^)\xa51\xc6h\xdd,/w\xee\xd4\xf1\xfaH5O\xe8\xd1_\x08\xe1U\x1d\xb9\xac\xe3\xf7&amp;\x8e\xbaMk-\x84\xa4\xfd\x80\xa9S\xa7\x96\x95\x95\t!P\x04\x00D\x11\x02 \x92\xe8|\x7f\xef\xde\xbd\x0b\x17.&lt;\xde\xfa)\x846f\xfc]#.h}\x89w\xf4\x98H\xf4\xc7t\x85\x94\xba\xaaj\xc2/~z\xfey\xcd\xe9p/\x84(++\x9b:u*\xd5\x1f\x89\xfdq\x00\x90\x02\x08\x80H\xa2\xf5\x9f\x993g\x96\x97\x97Sg\x8e\xafT\xebK/\x9e&lt;\xeeN\xbf\xac\\\xca\xc4\x7f\xc0\x9bs\xee\x1d\xab9\xe7\xa2\x0b\x1f\x9c2\x9a\x9aA\xa9\x04Y\xb6l\xd9\xae]\xbb\xb0\x10\x04\x10E\x08\x80\xe8\xa1\xbd\xdf\x8d\x1b7&gt;\xfb\xec\xb3\xb4\xeeO\xbd\x9e\xb3\xff\xe3\xee\x8c\x9cF\xdaWI\xbaH\x8ft\x1c\xff\xf0\xe1\xe1\xc3\xfau\xfc\xdee\x94\x01\x9cs\xdf\xf7\xc7\x8e\x1d\x8b\xad`\x80(B\x00D\x92Rj\xea\xd4\xa9\xd4\x82I\xad\x9f\xdd\xbat\xbaux\x7f\xefpyC&gt;\xf9\xf5\xf58cZ\xe9\xccF\x8d\x1e\x9e6\x9eJ\x10\x8a\xa2u\xeb\xd6\xa1%\x14 \x8a\x10\x00\x11\x13o\xfd\xdc\xb8q#\x1ds\x8da\xb1\x98\xfb\xf0\xf4\t\xc6W\xe6L/\xfa|\x86\xa4\x94\xde\xe1\xf2\x1e7^7\xe8G7\xd2H\xd0\x12\n\x10]\x08\x80(\xa1\xeb1TTTP\xeb\']\xf5Sk=\xb4_\xef\xce\xdd\xae\xf6*\xab\xce\xe8\x9a\xcfg\x89s\xa6\xf5\xec\xfbF\xbb\x8e\xa3\xb5FK(@t!\x00\xa2\x84\x9a/\x1fz\xe8\xa1\xbd{\xf7R\xf3\xa5\xd6\xfa\xc2\x0b\xce{\xf0\x81q\xaa\xb2*\xb1\xad\x9f\xa7#\x84\xf0*\xab\xda}\xef\xdf\xa6\x8c\xbd\xc3\x18\x13o\t\x9d6m\xda\xbe}\xfb\xd0\x12\n\x10!\x08\x80(\xa1M\xd7\xb5k\xd7\n!\x18ct\xb4\xfd~\x87\xcb/l\xf7mu,\xf1\xad\x9f\xa7\x1f\x870J\r\xfa\xd1\x8d\x8e#\xe9\xd2\xd3B\x88C\x87\x0e\xbd\xfd\xf6\xdbh\t\x05\x88\x10\x04@\x94\x18c\x1c\xc7\x19?~&lt;\x1dd\xa9\x11\xf3\xd57\xb6\xbc\xfd\xc6\x167\xa7\xb1R):\xf2rf\x981\xb3\x17\xfd\xce\xf7\x15\xdd5^k\xfd\x9d\xef|\xa7w\xef\xde\x14\x06\xa9\x19\x06\x004\x10\xe6j\x94\xd0\x8a\xffm\xb7\xdd\xd6\xad[7\xda\x83\xe5\x9c\x1d=zl\xf2\xcc\x85\xdc\x91\x9c\xa7b\xedE)\xe56\xcd-\\\xff\xe6\xf3/\xbeVw\xfdQn\x8cy\xe4\x91G\xb2\xb3\xb3i9(\x05\xc3\x00\x80\x86C\x00D\x0c\x9db\xcf\x9a5\x8b.\xf5\xa3\x94\x96Rn|k\xc7s\xcb\xff\xcbm\x9a\xab\xfc\xe46b\x1a\xc6\x84\x14\xc7\x8e\x1c\x994s!\x1d\xe8\xa9\x13\xa9W\xaf^\xbdz\xf5\xc2}"\x01\xa2\x05\x01\x101t\xc0\xed\xd6\xad\xdb\x88\x11#\xe2\x8d\x98\x8c\xb1\x07~\xf3XM\xe5\x11\xe1\xc8\xa4n\xc1*\xdfw\x9a6]\xbebM\xf1_?\xa4\x95\x1fZ\x95Z\xbcx1n\x13\x0f\x109\x08\x80\xe8\xa1%\x97i\xd3\xa6\xe5\xe6\xe6\xd2\x1e\xac#\xe5\xc7\x7f\xfbl\xde\xa2\'\x9c\xbc\\\xad\xfc$\xfd\\c\x8c\x9b\x99q\xf0\xf3}\xbf\x9c\xfb(\x1d\xfdiIj\xd4\xa8Q\xed\xda\xb5\xa3\xcf\x06\'\xe9G\x03@2`\xc6F\x0f\xad\xbc\xb7j\xd5\x8av\x83\xa5\x94Jk\xc1\xf9\xc2\xdf=\xfb\xc5\xc7\x9f\xca\xccL\x9d\x9c*@+%\x1a7Z\xb0\xf4\xe9\x7f\x96\x94\xd2\xc9\xbe\xd6://o\xd6\xacY\xd8\xfb\x05\x88"L\xdaH\xa2S\xefq\xe3\xc6\xb5j\xd5\x8a\xb6a\xb9\x10\x87\xca\xca\xef\x9b\xf5\x88\xccil\x92pI\x06\xad\xb5\x9b\xd3h\xd7\xce\x0f\xe6/{F\x08\xa1\xb5\xa2&amp;\xd4Y\xb3f\xe5\xe5\xe5a\xef\x17 \x8a\x10\x00\x91D\xab@\xb9\xb9\xb9\xd3\xa7O\x8f_\x96G\x08\xb1r\xcd\xab\xdb7n\x8d5\xc9I|K\xa81\xdcq\x1e\x98\xfbhm\xad\xc79\xe7\\h\xad\xdb\xb5k7j\xd4(,\xfe\x00D\x14\xe6mT\xd1n\xf0\xf0\xe1\xc3\xeb\xb7\x84\xd6\xd6z\xe3\xa7?\xac\xb4N\xec\xe9\xb8R\xca\xcdm\xf2\xeaK\xaf\xffi\xed\xebt\xed9J\xa0\xc5\x8b\x17;\x8e\x83\xed_\x80\x88B\x00D\x9b\x94r\xd6\xacYt\x02\xae\x94v\xa4|s\xdb\xceg\x9eY\xed6\xcf\xf3\xfd\xc4\xec\x06\x1b\xc3\x84\x94\xb5\xd5G\xef\x996\x8fsn\x0cZ?\x01\xd2\x04\x02 \xc2\xe2-\xa1\xb7\xddv\x1b\x1d\x88\xb5\xd1\x9c\xf3\xd9\x8b\x9e(\xdb_"cnB.\xcb\xa3\x95rrs\x96=\xb9b\xf7\xde\xbf\xd3\xba\xbf1&amp;\x16\x8b\xa1\xf5\x13 \xea\x10\x00\xd1FK1s\xe7\xcem\xd6\xac\x991\xc6\x18&amp;\xa5\xd8\xfb\xe9\xe7\x8b\x96\xfe\xc1\xc9k\xda\xf0\xcf\x85\x19c\x9c\xccX\xe9?\x0eL\x7f\xf8\xb7t\x9d\x1fj\x00\x9d&lt;y2Z?\x01\xa2\x0e\xb37\xda\xe8p\x9c\x9f\x9f?q\xe2\xc4\xe3-\xa1J\x0b!\x1eyb\xc5\x9e\x9d\x1f\xb8\x8d\xb3\xb5nP\x11\xa0\x95\x16\xd9\xd9\xd3\xe6&gt;Zv\xb8\x82\x8e\xf5\xc6\x98\xfc\xfc\xfc\t\x13&amp;\xe0\xe8\x0f\x10u\x98\xc0\x91G\x190i\xd2\xa46m\xda\xd0]Y8\xe7\xe5\x15\x953\xe7\xffVde\x19}\xf6E\x80\xd6\xdam\x9c\xfd\xe1\xce\xf7\x1f\xff\xe3\xea\xf8M\x80\xb5\xd6\xf1\x82\x03\xeb?\x00\x91\x86\x00\x88&lt;Z\x05\x8a\xc5bs\xe6\xcc\xa1?\xd2~\xc0\x8a?\xff\xa5\xf0\xd57\xdc\xdc&amp;\xb5\xb5\x9eR\xfa\xcc\xffQZi.\xe5=S\x1f\xf2}\xc5\xf9\xf1\xa4\xe9\xd4\xa9\xd3\xd0\xa1Cq\xfa\x0f\x90\x06\x9c\xa0\x07\x00\t@\xbb\xc1\x83\x07\x0f\xee\xde\xbd{QQ\x91\x94\x921\xa3\x94\x9e6\xef\xffm\xec\xd5-\xabY\xd3\xb3yP\xa5Y\xd3\x9c\x82\x95/\xbeV\xb4UJAW\x9d\xd3Z\xcf\x9f??##\x83\xaa\x81\x04\xff\x1a\x00\x90Z\x08\x804Au\xc0\xfc\xf9\xf3\xaf\xbd\xf6Z\xcf\xf3\xe8\x0c}\xd3\xd6\xe2\xe9\xd3\xe7\xf7\xb8\xe1Z\xaf\xea\xc8Y\x1c\xaf\xb5\x94\xbf\xf8\xe5\\\xce\x19\xdd{2\x9e1h\xfd\x04H\x0f\x08\x804Ak\xf4\x9d:u\x1a6l\xd8\x1f\xfe\xf0\x07:^s\xceg.x|\xe6\x82\xc7\x1b\xf8\xe0\xc6\x18!\xbe\xb2\xca\x94\x88!\x03@\xc0P\xc5\xa7\x0fj\xd3\xfc\xf5\xaf\x7f\x1d\xdf\xa1\xa5k\xb4\x9d5)D\xfc\xa2\xff\xd4\xfa\xd9\xa6M\x1b,\xfe\x00\xa4\r\xcc\xe4\xf4A\x9f\xd2\x8a\xb7\x84\xba\xae+\xa5\xe4\r\xc08\x17B\xb8\xae\xcb\x18C\xeb\'@\xfa\xc1dN+\xf1\x96\xd0\xd6\xad[\xd7\xd6\xd6\xaaD\xf0&lt;O)\x85\xd6O\x80\xf4\x83=\x80\xb4B\xab@\xb1Xl\xde\xbcy\x8b\x17/\xa6\x9d\x80\x86&lt;`\xfc\x83fC\x87\x0e\xc5E\xff\x01\xd2\x0c\x02 \xdd\xd0M"\xfb\xf7\xef\xdf\xbf\x7f\xff\xa0\xc7\x02\x00\xa1\x86\x00HCT\x07$\xf0\x01\xe9\xdc\x1f\x8b?\x00i\x06\x01\x90\x9e\xb0V\x03\x00\xff\x12\x0e\x13\x00\x00\x96B\x00\x00\x00X\n\x01\x00\x00`)\x04\x00\x00\x80\xa5\x10\x00\x00\x00\x96B\x00\x00\x00X\n\x01\x00\x00`)\x04\x00\x00\x80\xa5\x10\x00\x00\x00\x96B\x00\x00\x00X\n\x01\x00\x00`)\x04\x00\x00\x80\xa5\x10\x00\x00\x00\x96B\x00\x00\x00X\n\x01\x00\x00`)\x04\x00\x00\x80\xa5\x10\x00\x00\x00\x96B\x00\x00\x00X\n\x01\x00\x00`)\x04\x00\x00\x80\xa5\x10\x00\x00\x00\x96r\x82\x1e\x00\x80\x15\x8c1J)\xa5\xb41A\x0f%\xac\x94\xd2J)\xadu\xd0\x03\xb1\x08\x02\x00 \x15\\\xc7\x91Ms\xa5\x94L\xa0\xec&gt;\r\xa5Y\xd3&amp;\x8d\x1be\x07=\x0e\x8b \x00\x00\x92\xcb\x18\xc3\x18\xfb\xf2P\xd9\x1b\xaf\xac\xf7\x8f\x1e\xe3\x9c\x07=\xa2\x90\xd2\xda\xb8\x8d\xb2w\xbc\xf3.c\xcc\x18\x83\'*\x05\x10\x00\x00\xc9Ek\x1a\xff\xfd\xfe\xae\x1b\xfa\x8e\x0cz,\x91a\xb0R\x96\x12\x08\x00\x80T\xe0\x9cq\x8e\xc5\x9fo\xc2h\x8d\xa3\x7f\x8a \x00\x00\x92\x82s.\xa5\x14B`)\xe3\x0cq)\x19cLJ\xc9\x18\x13\xd82I&amp;\x04\x00@Rx\x9e\xa7\x94RJ\x05=\x90\xa8\xa2\xa7\xae\xaa\xaa*\xe8\x81\xa43\x04\x00@\x82\xd1)\xff\xb9\xe7\x9e{\xfd\xf5\xd7\x0b!\xd0\xd7xv\xa4\x94J\xa9\x0e\x1d:\xb0\xba\xa7\x14\x12\x8ec\xb3\x05\x00\xc0N\xa8\x00\x00\x92\xc2\x18\x83\xb3\xab\x84\xc06@\xf2\xa0\x02\x00\x00\xb0\x14\xa2\x15\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94\xed\x01`\x8c\tz\x08\x00\x10\x0cL\x7f\xab\x03@)\xc59\xd7Z\xe3}\x00`\x1bL\x7ffm\x00\x18c\x8c1R\xca\x83\x07\x0f\n!\xe8}\x10\xf4\xa0\x00 \x150\xfd\xe3l\x0c\x00J~\xce\xf9\xd2\xa5K\xaf\xb8\xe2\x8a\xd1\xa3GWVV\n!|\xdf\x0fzh\x00\x90\\\x98\xfe\xf5q\xab\xca\x1fc\x8cR\xcaq\x9c\xd2\xd2\xd2\xbb\xef\xbe{\xd5\xaaU\xf4\xf5\x8e\x1d;\xfe\xeew\xbf\xeb\xd8\xb1\xa3R\x8a\xce\x08\x82\x1d\'\x00$\x1c\xa6\xff\xc9,\xaa\x00\xb4\xd6\x9cs\xc7q\n\n\n\xae\xb9\xe6\x9aU\xabV9\x8eC_)..\xee\xd1\xa3\xc7\x92%K\xa4\x94\x9cs\xa5T\xd0\x83\x05\x80D\xc2\xf4?5c\x07\xcf\xf3\xe8\xdf\xbf\xfa\xd5\xaf\xe8\x17w\x1c\x871&amp;\x04g\x8c\tq&lt;\x08\x87\x0c\x19r\xf0\xe0\xc1\xf8\xf7\x03@\x1a\xc0\xf4?\x9d\xf4_\x022\xc6h\xad\xa5\x94{\xf6\xec\x199r\xe4\xe6\xcd\x9b\xe9\xf5\xa6/\xd2\x82 }\xa7\x94\xd2\xf7\xfd\xb6m\xdb.^\xbc\xb8w\xef\xde\xb4/\x14\x7fs\x00@\xe4`\xfa\x7f\xbd4\xff\xf5\xe8\x05\x96R\xae\\\xb9\xb2K\x97.\x9b7ov\x1c\x87^Z\xaa\xf5Z\xb68\x9f\x92Pp\xee\xfb\xbe\xe38\xbbw\xef\xee\xd3\xa7\xcf\x8c\x193\x84\x10\xd6n\r\x01\xa4\x01L\xff\x7f-\xa0\xca#\x15\xa8\x8e\xab\xa8\xa8\xb8\xf3\xce;\xe9\x97\x95R2\xc6\x1c)\xe9\x8fS\'\x8e\xaa\xd8W\xbc\xe2\xf1\x87\x9a5m\xc2\xfe\xb7*\x14\x14\xfb\xbd{\xf7\xde\xbd{7=\x0e5\x0b\x03@T`\xfa\x7f\x13\xe9\x19\x00J)\xa5\x941f\xeb\xd6\xad\x1d;v\xa4\xd7\x9ez\xbf\xe8en}\xe9E\x7fY\xf5[S\xfd\xb1\xdaWl\x8e\xec\xd9\xf5\xf6\xcb\xd7t\xbe\xe2\xf8\xcb\xcfy\xfc\xdd\xd0\xbcy\xf3\xe7\x9e{.\xfe\x98\x81\xfeN\x00\xf0\x8d`\xfa\x7fsi\x18\x00\xbe\xef\xd3\x7f,\\\xb8\x90^HJ\xfe\xf8r\xde\xe0\xbe\xbd\xbe\xdc\xf3\xa6\xa9\xdc}\xec\xef\xdb\xbc\x7fl?\xf6\xf7m\xa6\xf4\xfd\xda\xfd;\xa7M\xfa9}\x03\x9d#\xc8\xba3\x851c\xc6TTT\x18\x9b\xb6\x86\x00"\n\xd3\xff\x8c\xa4\xd5&amp;\xb0\xa9\xeb\xf3\xdd\xbf\x7f\xff\xc8\x91#\x0b\n\n\x18cB\x08\xad\xb5\xe3H\xdfW9\x8d\xb2g?p\xcf\xd8\x9f\xdf\xc6j\xbd\x9ac\xc7\xe8\xfd\xc1\x18\xd3J\x0b)d^\xee\xab/\xbdv\xc7\x98\xa9\xfbK\x0e:R\xfaJq\xce\x85\x10J)\x9b;\x85\x01"\x01\xd3\xff,\xa4\xcf&amp;p\xfd&gt;\xdfN\x9d:\x15\x14\x14\xd0\x0bl\x8c\x91R\xf8\xbe\xea\xd0\xfe;o\xac}z\xec\xb8;k+\x8f\xf8\xb5^\xfc\xe5g\x8c\t)\x8c15_\x96\xf6\xb9\xe9\x86\xedo&lt;?\xf8\x96\x9e~\xdd\xc7\x05\xe9-eu\xa70@\xe8a\xfa\x9f\x9d4\xa9\x00\x94R\xd4\xc55y\xf2\xe4E\x8b\x161\xc6\xa8\xc7\x8b\xfe\xcd\x18\x1b}\xe7\xb09\x0f\x8ck\xd24\xa7\xe6p\xa5\xe3:\xa7{\x1c\xdfW\x19Y\x99,\xe6.X\xfc\xd4\x7f\xcc\x98\xef\xab\xe3\xbdbt\x1e\xc1\x18\x1b2d\xc8c\x8f=\xd6\xbcys\xea\x19H\xd5\xef\x07\x00\xa7\x85\xe9\x7f\xd6"\x1f\x00\xa6\xae\xcf\xb7\xb8\xb8\xf8\xee\xbb\xef\xde\xb6m[\xbc\xcf\x97\xea\xbe\x0b\xce;g\xe1\x9c\xff\xb8u\xc4\x00S^\xe1y~|i\xeft\xe8\x95v\xf3\x9an}k\xfb\xdd\xe3g\xec|\xff#)%}\xd1\xceNa\x80\xd0\xc2\xf4o\xa0h\x8f&gt;\xde\xe7\xfb\xc4\x13O\xf4\xe8\xd1c\xdb\xb6m\xf1&gt;_\xc6\x98\xef\xab^=\xbal_\xff\xdc\xad\xc3\xfa\xd5|Y\xaa\x94\xfe\x97/?\xab\xeb\x03\xab)=tu\xe7+\x0b_\xf9\xcf\x7f\x1f\xf1cj\x00\xb0\xb7S\x18 \x940\xfd\x1b.\xc2\x15\x00\xbd\x1e\xa5\xa5\xa5\xa3G\x8f^\xb9r%\xfbj\xdd\xe7H\xf9\xcb\tw\xcd\x982\x9ai]S}\xf4,\xea5\xa5\x94\x1bsyV\xd6\x8a\xe7^\x1c}\xef\xecC\x87+\x1c\xc7\xf1}?~\x8a\xd1\xbbw\xef%K\x96\xb4i\xd3\xc6\xf7}Z\x1cL\xfc/\t\x00\xa7\x82\xe9\x9f\x10\x91\x0c\x80x\xf1UPP0v\xec\xd8\xdd\xbbw\xc7\xcb4!\xb8R\xba\xcd\xb7/~j\xc9\xec\xae7\\\xeb\x1d,c\xcc\x9cu\x99F\x05f\xacy\xde\xee\x0fv\x8f\xfc\xc5/\xb7\xbc\xf3\xae\x10\x82\x19\xa3\x8d\xa1wC\xf3\xe6\xcd\x1f{\xec\xb1!C\x86\xd0\xa8\xa2^\x0f\x02\x84\x1f\xa6\x7f\x02Eo\xc4\x14\xc2B\x88\x193f\xf4\xe9\xd3g\xf7\xee\xdd\x8e\xe3(\xa5\x04\xe7\xc6\x18\xa5\xf4\xbf\x8f\xf8\xf1\xdbo&lt;\xdf\xf5\xda\xce5%\x07\x85\xe0\ryU\xa8\xc0\xac9x\xa8m\xabK\n_\xfc\xc3\xb4I?\xd7Zkc\x1c))\xf6KKKo\xbd\xf5\xd6\xb1c\xc7\xda|Iq\x80\x94\xc1\xf4O\xac(U\x00\xf1&gt;\xdf={\xf6\x8c\x193\xa6\xa0\xa0\xe0\x84\r\x9f&amp;\x8d\x1b=&lt;k\xf2]w\x0e7UG&lt;\xcf\xfb&amp;K~\xdf\x90\xcd\x9d\xc2\x00a\x80\xe9\x9f\x0c\x91\xa9\x00h\xc3\xc7q\x9cU\xabVu\xe9\xd2\x85\xfa|\xb5\xd6\xcc\x18!\x84\xef\xabk:_\xf9\xf6\xfa\xe7\xee\xbakxm\xd9aZ\nL\xe0O\xb7\xb9S\x18 p\x98\xfeI\x12\x8d\n\x806|*++\xef\xbf\xff\xfe%K\x96\xb0\xba\r\x1f\xcaa\xc6\xd8\xb4I?\x7f`\xe2(7\xe6\xd6T\x1dIj\x7f\xae\x85\x9d\xc2\x00\xc1\xc2\xf4O\x9e\xb0\x07@|\xc3g\xdb\xb6mw\xdf}wqq1m\xf8\x18Z\x89S\xea\x82\xf3\xceyj\xc9\xac&gt;\xb7\xf4Te\xe5T\xa9\xa5fH\xf6t\n\xa7\x07z\x9f\xc7/\x81r\xc2\xdf\xf2z\x82\x18\x1d\x9c\x1a\xa6\x7f\xb2\x85zp\x14\xadB\x88E\x8b\x16u\xed\xda\xb5\xb8\xb8\x986|h\xa2\xfaJ\r\xbe\xa5\xe7\xf67\x9e\xefs\xd3\r5_\x96\x1acR\xf0\xf23\xfb:\x85#Mk\xed\xfb~\xfc=#\x84\x90R:\'\x91R\xd2\xd2-}\x7f\xbc\x97\x1c\x02\x84\xe9\x9f\x02!\xad\x00\xea_\xd7i\xdc\xb8q\xabV\xad\xa2W=\xbe\xe1\xe3H\xf1\x9b\xe9\x13\'\x8c\xbd\x83\xd5z5G\x8f9N"\x97\xfc\xbe!K:\x85\xa3Hk\xad\xb5&gt;\xa1\x06/))\xd9\xb7o\xdf\x97_~y\xf0\xe0\xc1\x8a\x8a\x8a\xda\xdaZcL,\x16\xcb\xcd\xcd=\xef\xbc\xf3Z\xb6ly\xf1\xc5\x17ggg\xc7\x1f\x81\x85\xfe\xf4-]a\xfa\xa7L\x18\x03 \xdeQ[PP0r\xe4\xc8\xfd\xfb\xf7\xd33\xcb9\xa7&gt;\xdf\x0e\xed\xbf\xf3\xd8\x82\xe9Ww\xf9?^\xd9a\x16\xe8,\xb5\xa1S8B\xe8\xe5\xa03}\xfa\xca\xff\xfc\xcf\xffl\xda\xb4\xe9\xcd7\xdf|\xef\xbd\xf7&gt;\xfd\xf4\xd3\xf2\xf2\xf2\xd3\xfd\xbf\x8e\xe3\\p\xc1\x05W^ye\xcf\x9e=o\xbe\xf9\xe6V\xadZ\xb1\xba\x93\xd0pN\xddt\x85\xe9\x9fJ\xa1\x0b\x80\x93\xaf\xebDO\xe5\x89\xd7u\xcakRs\xb8"$\xdb,\xbe\xefg4n\xe4\xd5z\xb3\xe7/\x9b\xf9\xf0o\x19c\xb4@\x19\x1f\xf3\x981c\xe6\xcc\x99\x93\x93\x93\x13\x95\xad\xa1(\xaa\xdf\xfb\xf1\xe1\x87\x1f\xae^\xbdz\xcd\x9a5;w\xee&lt;\xa1%\x83\xbe\xa7\xfe1\x9dv\x05\xea/\xfbdgg\xf7\xed\xdbw\xd2\xa4I\x9d:uba\x9d\xbai\t\xd3?\xc5B\x14\x00\xf1\xeb:\xed\xde\xbd\xfb\x8e;\xee\xa8\x7f\xfbfz\x134k\xda\xe4\xb1\x87\xa7\xde:\xfc\x9b^\xd7)\x95\xd2\xb8S8\x12\x8c1\xb4D\xf0\xe2\x8b/&gt;\xfe\xf8\xe3\xaf\xbd\xf6Z|\xed\x95\xa6\\\xfc\xae~\xa7{\x84\xfa\xfb\xc0\xf4\xff:\x8e3n\xdc\xb8\xd9\xb3ggdd \x03\x92\r\xd3?\x10a\t\x80\xf8\xe9\xdb\x13O&lt;1i\xd2\xa4\xf2\xf2\xf2\xf8\x82\x1a\x9d\x9a\xf5\xea\xd1e\xc9o\xeeo{y\xbb\x9a\x83\x87\xc2\xb9\xa0F\x0b\x97\x19yM\xbf\xf8\xfc\x8bqS\x1e|\xfe\xa5\xd7\xea-\\:\xbe\xef\xe7\xe4\xe4\xcc\x993g\xcc\x981\xec\xab\xa7\xab\xd0@\xf4\x1e^\xb1b\xc5\xfc\xf9\xf3\x8b\x8b\x8b\xe9\x8b\xd4\'\xfe\xf5\x07\xfd\xd3\xa1yK\xff\xfbu\xd7]\xb7j\xd5\xaa\xfc\xfc|d@\xf2`\xfa\x07%\x14\x01p\xba\xeb:\xd5m\xf8\xd4]\xd7\x89\xb1d\xf7\xf96\\\xfau\n\x87\x1f\x1d\x9a{\xf6\xec\xf9\xfa\xeb\xaf\xc7b1\xa5\x14\x1d\xbbO\xfe\xceS\xf6z~Mo\xa8\xe38\x9e\xe7\xb5o\xdf~\xc3\x86\r\xcd\x9b7g_];\x82\x84\xc0\xf4\x0fP\xc0\x01\x10\xef\xb5\xd8\xbcy\xf3\x1dw\xdcq\x8a\xeb:]z\xd1S\x8f\xcei\xf8u\x9dR)\xcd:\x85\xc3\x8f\xce\xa7\xb6n\xdd\xda\xb5k\xd7\x13V\xf3Y\xdd\xe9&lt;}&gt;\xf3k\xde\xedR\xca\x93\xff_\xc6\x98\xeb\xba\x9e\xe7\xddx\xe3\x8d\x05\x05\x05\xc6\x98P\xd5\xefQ\x87\xe9\xcf\x82\x9e\xfeA\x06@&lt;\x03g\xcc\x981{\xf6l\xfa\xa3\xef\xfbR\x08\xa55c\xec\xd6\xfe}\x1e}\xe8\x81s\xce?\xa7\xa6\xac\xfck\xee\xe3\x13N\xbe\xefg\xe46\xa9\xa8\xa8\x9cp\xdf\xdc\'\x9f}\x811F\xbf\x17\xfd\x8e\x8c\xb1_\xfd\xeaW\xd3\xa7Og\xf5\x9e\x078kT\x04t\xeb\xd6m\xd3\xa6M\xf1\xcd7\xaa\xb2\xebo\x027k\xd6\xacE\x8b\x16\xcd\x9b7\xcf\xc9\xc9\x89\xc5b\x9e\xe7\x95\x97\x97\xff\xe3\x1f\xff\xf8\xec\xb3\xcf\xe8E\x89\x7f\xce\xa8\xfe\x83S\x06\xcc\x9f?\x7f\xc2\x84\t\xe1)\xde\xa3\x0e\xd3?\x0c\xd3?\x98\x00\xf8\xba\xdb7K\xe9+\x95\x9b\xd3h\xde\xcc\xc9w\xdd5\xdcTU{\xb5\xb5\x11\x9dr\xe9\xd1)\x1c\t4\x8b\xd6\xacY\xd3\xbf\x7f\x7fz&amp;\xe3\x9b\xc0\xb9\xb9\xb9\xdd\xbbw\xef\xdd\xbb\xf7\xf7\xbf\xff\xfdo\x7f\xfb\xdbyyy\'&lt;\xcf555\x7f\xfb\xdb\xdf\xd6\xaf_\xff\xfb\xdf\xff~\xc7\x8e\x1d\x8c1\xce\xbf2/\xe8\xf5\xca\xcd\xcd\xfd\xe8\xa3\x8f\xce=\xf7\\\x86\x85\xa0\x86\xc1\xf4g\xa1\x99\xfe\x01\x04@|3m\xd5\xaaU\xe3\xc7\x8f\xff\xe2\x8b/\x1c\xc7\xf1}\xc59\xa3=\x93k:_\xf1\xd4\xa3s\xda}\xb7m\xed\xa1\xc3Q\xaf\xb8\xd3\xa0S8*\xe8\xb0\xd2\xa1C\x87\xf7\xdf\x7f\x9f\xber\xddu\xd7\x8d\x181\xe2\x87?\xfca\xcb\x96-\xeb\x7fg\xfds\xfc\xfa\x1f\x1aPJ-]\xbat\xf2\xe4\xc9\x9e\xe7\xb1\xba\xbdeB/\xd6C\x0f=4y\xf2dTl\r\x81\xe9\x1f\xaa\xe9\x9f\xea\x9fG\x01XYY9v\xec\xd8[o\xbd\xf5\x8b/\xbe\x90\xc7/\xae-\xe8\xc9\xba\xe7g?)|\xe9\xe9v\xad\xbfUSZ\x96\x06\'\xc56\\R&lt;$\xe8\xa4r\xec\xd8\xb1\x99\x99\x99#G\x8e\xdc\xbcy\xf3\xc6\x8d\x1bG\x8d\x1a\xd5\xb2e\xcb\xf8\x05\x1eh\xb3\x97.\x08A\x848\xfe\xc6\xa3w\xe6\xd8\xb1cW\xaf^\xed8\xce\t{\xc5\xd4f\xbaj\xd5*cLDOH\xc3\x00\xd3?l\xd3?\x80\n\xa0\xb8\xb8\xf8\xae\xbb\xee:\xedu\x9d~x\xa3*\xafH\xcdu\x9dR\xe9\x9bw\n\x07=\xd2h;r\xe4\xc8\xbe}\xfb\xda\xb6m\xcb\xeaj\x82o~\x1c1\xc6x\x9e\x17\x8b\xc5\xa6M\x9b6k\xd6\xac\xf8^\x02\xab[\x14\xca\xc8\xc8\xd8\xb5k\xd7%\x97\\\x82Z\xed\xaca\xfa\x87j\xfa\xa7\xe8Y\xa6x\xaf\xaa\xaaZ\xb2dI\x8f\x1e=\xea]\xd7\x891\xce|u\xfc\xf6\xcd}n\xbe\xa1\xa6\xb4,e\xd7uJ\xa5\xd3_R\x9c\x9dpI\xf1\xaa\xaa\xaa\xd3u1\xc2\xbf\xd4\xa8Q\xa3\xb6m\xdbR\'(\xf5q~\xf3\xb3H\xfa~\xad\xf5\x84\t\x13\x9a7oN\xd7\x1d\xa3\xbf\xa2\xba\xa1\xa6\xa6\xe6\x83\x0f&gt;`_]\x1d\x82\x7f\t\xd3?\xb4\xd3?E\x15\x00\x9d1\xed\xda\xb5\xeb;\xdf\xf9\x0e\xab\xeb\xf3\xa5\xb3\xaa\xe3\xd7u\x1a3\x92y~P\xd7uJ\xa5\x93;\x85\xe9y\x88\x9fo~\xf4\xd1G\xed\xda\xb5\xc39\xe6\xd9\x89/\xf2\x9c\xf5#P\xd1\xf0\xe3\x1f\xff\xf8\xcf\x7f\xfes\xbcg\x83\xd5m\x03,]\xba\xf4\xee\xbb\xef\xc66\xc0\x19\xc1\xf4\x8f\x0b\xdb\xf4O\xd1!\x86\xb6\xf8\xdb\xb6m{\xcd5\xd7\xd0Y\x95\x10\x9c1\xd6\xfe\xb26\x9b\xfe\xf2\xc7\t\x13\x7f\xe6\x1d\xa9\xf6jj\xd2\xfe\xe5g\x8c9\x8e\xf4jj\xbc\xca\xaa\t\x13\x7f\xb6\xe9/\x7fl\x7fY\x1bV\xf7lp\xce\xaf\xb9\xe6\x9a\xb6m\xdb\xe2\xe8\x7f\xd6\xeao\xea\x9e\x1d\x8a\x90\xcb/\xbf\xfc\x94\x7f{\xe8\xd0\xa1\x86&lt;\xb8\x9d0\xfd\xe3\xc26\xfdSw\x94\xa1\x92|\xc0\x80\x01\xb4\x9f\xc6\xb90\xc6\\ta\xfe\xd5\xdd\xbb\x1c+)\x15\r\x9e\xb7\x11B\x17\n?VRzu\xf7.\x17]\x98o\x8c\xe1\\\xd0\x89\xc0\x80\x01\x03\xa8\x17"\xe81Z\x8ds\x9e\x9b\x9b{\xca\xbf\xa2\x06!8S\x98\xfeq\xa1\x9a\xfe\xa9{\xd2\xe9\x05\xbe\xe5\x96[\xe2\x1f\xd6g\x8cm\xdc\xba\xe3\xf3\xf7we6\xca\xb2mQ\xd5\x18\x93\xd9(\xeb\xf3\xf7wm\xdc\xba\x831\xa6\xb5VJ\xc5b\xb1[n\xb9\x85\x05\xfd\xe1@`\xa7?\xd0\xc7b\xb1\x14\x8f$=`\xfa\xd7\x17\x9e\xe9\x9f\xd2\x000\xc6\\z\xe9\xa5\x97^z)\x9d\x05H)\xab\xaa\xaa_\xdb\xb8\x95eg+e\xd79\xafR\x9aeg\xbf\xb6qkUU5\xb5\xa9\xd4\x7fr\x10\x00\xc12\xc6\xec\xdf\xbf\xff\x94\x7fEW\x04\x823\x85\xe9__x\xa6\x7fJ\x0f4\x94r}\xfb\xf6e\xf5Rn\xf5\xcb\xeb\x99R"\xda\xfd\xbegLp\xc6\x94Z\xfd\xf2\xfa\xe3\x7f\x14\x821\xd6\xb7o_:?\nth\xb6\xa3\x0f\x1f\xbd\xfb\xee\xbb\xec\xab\xdd&gt;t\xd2\xfa\xado}\x8b\xe1\x93\xc0g\x05\xd3?.&lt;\xd3?\xa5\x01@\xd3f\xe0\xc0\x81\xb4)D3j\xd3\xd6\x1d\xfb&gt;\xf9\xcc\xcd\xcc\xb0\xa7\x0c4\xc6\xb8\x99\x19\xfb&gt;\xf9lS]\x01H\xdb&gt;\x03\x07\x0ed8\xb8\x04\x8a\x96\xaa?\xff\xfc\xf3w\xdey\xa7\xfej,\xfdwff\xe6\xbf\xfd\xdb\xbf1\xbcFg\x05\xd3\x9f\x84j\xfa\xa74\x00\xe8\x82\x8b\x1d:th\xdd\xba5\xcd4)eeUuA\xe1\x16\xab\xca@*\x00\x0b\n\xb7T\xd6\x15\x80Z\xeb\xd6\xad[w\xe8\xd0\x01\x1f4\r\x16\xbd-\x17-ZT]]MoW\xfa:\x95\x05\xdf\xfb\xde\xf7.\xba\xe8"\xac\xd1\x9d\x1dL\x7f\x12\xaa\xe9\x9f\xea\xf71\x95\x81\xfd\xfa\xf5c\x16\x97\x81\xa7,\x00\xfb\xf5\xeb\x87\xf5\x9f`Qw\xff\xf6\xed\xdb\x97.]J\x9f\xcf\xac\xff\xb7\xc6\x98a\xc3\x86\xd1e\xa5\x83\x1aa\xd4a\xfa\xb3\x90M\xffT\x07\x00\xca\xc0P\x15\x80\x10G\x1f\xc8\xfc\xe7?\xff9t\xe8\xd0\x9a\x9a\x1aVo\x03\x8060\xcf;\xef\xbc\x9f\xfe\xf4\xa7(\xd1\x1a\x02\xd3?l\xd3?\xd5\x01p\xba2p]\xd1[,;\xcb\x862P)\xcd\xb2\xb3\xd6\x15\xbd\x15\x86\x02\x10\x08}\xfa\xb7\xa4\xa4\xe4\xe6\x9bo\xde\xbbwo\xfc\x0e\x1e\x84\x8eV3g\xce\xcc\xcb\xcb\xa37m\x80C\x8d4L\xff\xb0M\xff\x00\x962\xa9\x0c\x1c0`\x00;\xbe\xb4\xca\x18c\x85[\xb63\xc6l\x98Y\'\xfc\xbeT\x00\x0e\x180\x00\xeb?A\xa1\xeb2~\xfa\xe9\xa7?\xf8\xc1\x0f\xe8"e\xf5_\x08\xba\x02D\xef\xde\xbd\x7f\xf6\xb3\x9f\xe1n0\r\x87\xe9\xcf\xc24\xfd\x03\x08\x00:\x81\xea\xd3\xa7\x0f;\xfe\t\x08\xcd\x18[W\xf8V\xf9\xfe\x127\xe6\xa6w\x19h\x8cqcn\xf9\xfe\x92u\x85o1\xc6\x94:^\x05\xd3\xb3\x81S\xcb\xd4\xa3u\xffw\xdey\xa7{\xf7\xee\xef\xbf\xff&gt;]\xa4,\xfe\xb7t\xf4o\xd5\xaa\xd53\xcf&lt;\xc3\xf0\x02%\x02\xa6\x7f\xa8\xa6\x7f\x00\x01@\xa1\xd7\xa1C\x87\xfc\xfc\xfc\xba\xbbb\xca\x03%\x077n\xd9\xce\xb3\xb3\xd3\xfb*\x08Zk\x9e\x9d\xbdq\xcb\xf6\x03%\x07\x85\x90\xf4\x95\xfc\xfc\xfc\x0e\x1d:0|\x008\xb5\xe2\xf7\xa5Z\xbdz\xf5\r7\xdc\xf0\xd9g\x9f\xd1\xb5\xe9\xe3\xdf@G\xff\x0b/\xbc\xf0\xe5\x97_&gt;\xf7\xdcs\xd1\xfc\x93\x10\x98\xfe\xa1\x9a\xfe\xc1T\x00J\xa9\xdc\xdc\\\xca=)%\xfd\xe2\xab_^\xcflh\x05\x10\x9c\x1a\x00\x848~\xd3\xda&gt;}\xfa\xe4\xe6\xe6\xd6\xbf\xf80$[|\x01z\xce\x9c9\x83\x06\r\xaa\xaa\xaa:\xa1\xed\'~\xee\xbfa\xc3\x86v\xed\xda)\xa5p\xf4O\x08L\xffPM\xff \xdf\xd3\x83\x07\x0ff\xf5\xca\xc0\x82\xc2-\xe9]\x06\xc6\x0b\xc0\x82\xc2-\xac^\x01H\xcf\x03\xa4\x0c\xf5]\x1c;vl\xc4\x88\x11\x0f&lt;\xf0\x00\xf5\xf8\xd7?\xf7\xa4\xa3\x7f\xe7\xce\x9d\x0b\x0b\x0b\xe9\xee\x02X\xfaO8L\xff0L\xff`\x02\x80N\xa6\xbav\xed\xfa\xd52\xb04\xbd\xcb\xc0z\x05`i\xfd\x02\xb0k\xd7\xae\x0c\xeb?\xa9BG\xff\xb2\xb2\xb2\x9bn\xbai\xf9\xf2\xe5\x8e\xe3\xd0\xf5\x9f\xe9o\xa9,\xf0}\x7f\xc0\x80\x01\xeb\xd7\xafo\xd9\xb2%\x8e\xfe\t\x87\xe9\x1f\x9e\xe9\x1f\xccO\xa52\xb0I\x93&amp;\'\x94\x81\x7fzy}\x9a\xb7\x02p\xfe\xa7\x93\n\xc0&amp;M\x9a`\xfd\'5\xe82d\x87\x0f\x1f\xee\xd3\xa7Oaa\xa1\xeb\xba\xbe\xef\x9f\xd0\xef\xaf\x94\xba\xef\xbe\xfb^x\xe1\x85\x9c\x9c\x1c\xad5\x8e\xfe\t\x87\xe9\x1f\x9e\xe9\x1f\xf0Y\xe7\te\xe0kE[\xab\xbe,u]\'\xfd\xca@c\x8c\xeb:U_\x96\xbeV\xb4\x95\x85\xa6\x00\xb4\n\xdd\x98P)5h\xd0\xa0\xb7\xdf~\xdbu\xdd\xfa\xd7|\xa6\xde\xff\xec\xec\xec\x15+V&lt;\xf8\xe0\x83t[&gt;\x94eI\x85\xe9\x1f\xf8\xf4\x0f\xec\xfd\x1d/\x03[\xb4hA;rB\x88\x92/K\xff\xfa\xc1.\x9e\x99\xa9u\xba\xbd\x03\xb46&lt;3\xf3\xaf\x1f\xec*\xf9\xb24\xbe\xe8\xdc\xa2E\x0b\xac\xff\xa4\x0c\x9d\xce\xdf{\xef\xbd\xeb\xd7\xaf?\xf9\xe8\xaf\x94\xba\xf0\xc2\x0b7l\xd80t\xe8P\xdf\xf7\xe95\np\xb4\xe9\r\xd3?$\xd3?\xb0\x1f\x1c/\x03;w\xee\xcc\xea\xee\xe4\xa7\xb4~\xe1\x95\r,\x163&amp;\xdd\xd6\x01\x8d\xd1,\x16{\xe1\x95\rJ\xeb\xf8\xc1\xa5s\xe7\xceX\xffI\rZ\xca\xdf\xbcy\xf3\xc2\x85\x0b\xeb\xdf\xe9\x97\xd5\x1d\xfd\xdb\xb6m[TTt\xd5UWy\x9e\x87\xfb\xfd&amp;\x1b\xa6?\x0b\xc7\xf4\x0f\xf2\xc4\x93\n\xbd\xfe\xfd\xfb\xd3\x1f\xb5V\x8c\xb1\x97\xd6\x15\xd5\x94\x95\xbbn\xba\xcd@\xd7uj\xca\xca_ZW\xc4\xea~SV\xf7\xbb\xa7_\xc1\x1bB4\xc7\xa6N\x9d\xca\xea\xee\xfaK_\xa7\xee\xcf\xb6m\xdb\xae_\xbf\xbeU\xabV\xbe\xef\xbb\xae\x1b\xe4@\xad\x81\xe9\x1f\x86\xe9\x1fd\x00\xc4\xb7Arrr\x94R\xc60!\xc4\x9eO&gt;\xdbQ\xfcW\x91^\x97\x87UJ\x8b\xec\xec\x1d\xc5\x7f\xdd\xf3\xc9gB\x08c\x98R*\'\'\'\xbe\t\x16\xf4\x00\xd3\x1cu\xfe\xec\xdc\xb9\xb3\xb0\xb0\xb0~\xbf?\xed\xfa\x9es\xce9k\xd7\xaem\xd9\xb2%}*8\xd8\xa1\xda\x03\xd3?\x0c\xd3?\xc8\x00\xa0\x85\xb0\xfc\xfc\xfcn\xdd\xba\xb1\xba{%\x1bc\xfe\xfc\x977\x98\xeb\xa6S\x19h\x8cf\xae\xfb\xe7\xbf\xbcA\xfb\x8a\xb4\xe4\xd7\xad[7j\x83\xc3\xfaO\xb2\xd1\x86\xdb\x9a5kN\xde\xd75\xc6&lt;\xfe\xf8\xe3m\xda\xb4\xc1\xcaO\x8aa\xfa\x87a\xfa\x07\xbc\xf7x\xc2V8\x15G/\xa6]\x19H\x05\xe0\x8b_-\x00\xe3-\x10A\x8e\xcc\x0e4\xe56o\xde\xcc\xeaU\xdc\xd4\xf6\xd3\xabW\xaf\x01\x03\x06`\xe5\'\x10\x98\xfe\x81O\xff\x80\x03\x80\xca\x9f\xde\xbd{\x9fT\x06\xbe\x976e`]\x01\xf8\xde\t\x05`\xef\xde\xbdY\xd0\x05\xa0\r\xe8\xb4\xab\xb6\xb6v\xef\xde\xbd\xec\xa4%\xd7Q\xa3Fa\x0f&amp;(\x98\xfe\x81O\xff\x80\x03\xe0Te 7\xc6\xac~e\x03s\x9d\xf4(\x03\x8d\xd1\xccuV\xbf\xb2\xc1\x18#\x04\x0fU\x01h\x8f\xc3\x87\x0f\x1f&lt;x\x90\xd5\x05\x00u\xa1dee]u\xd5U\xf4\xe9\xdf\xa0\x07h#L\xff\xc0\xa7\x7f\xf0\xed\xe7\'\x94\x814?\x0b\xb7\xbc\xa3\xab\x8f\xa6\xc7\xb4\x94R\xea\xea\xa3\x85[\xdea\xf5N?CR\x00\xda\x80\x9e\xf3\x8a\x8a\x8ac\xc7\x8e\xc5\xbfH\x13\xafe\xcb\x96\xe7\x9f\x7f~`#\x03L\xff\xa0\x05\x1f\x00\xf42\xf7\xec\xd93;;[)\xa5\xb5\xe1\x9c\x7f\xf0\xd1\xc7\xbb&gt;\xfc\xd8\xc9\x8a\xfcGB\xb46NV\xe6\xae\x0f?\xfe\xe0\xa3\x8f9\xe7Z\x1b\xa5Tvvv\xcf\x9e=Y\x08\n@{\xd4\xd6\xd6\xd6\xbf\xd8\'\x05@\xb3f\xcd\xe8Z@\x81\x9f\x88Y\x0b\xd3?X\xc1\x07\x00\x95\x81\xe7\x9f\x7f~\xfb\xf6\xed\x19cB\x08)eM\xad\xf7\xd2kE,33\xbeg\x12QZ+\x96\x99\xf9\xd2kE5\xb5\x9e\x94\x92\n\xc0\xf6\xed\xdb\x9f\x7f\xfe\xf9a(\x00\xedAGy\xf1U\x19\x19\x19,\xe8Fl\xcba\xfa\x07+\xf8\x00`u\x9f\xd1\x1f4h\x10c\x8csNk\x7f/\xbc\xbcA\x1f=*e(Fx\xd6\xa4\x14\xfa\xe8\xd1\x17^\xde\xc0\x183\xe6\xf8K&gt;h\xd0\xa0\x13\xee:\x0b\xc9FW\x01\x8a\xff\xdb\xf3&lt;\xaduuuu\xd0\xe3\x02L\xff \xf10\x9c\xfe\xd0\xe7tv\xef\xde\xdd\xbe}\xfb\xf8\x15Z\x1cG\xbe\xbb\xfe\xb9\xcb\xbe\xdb\xce\xab&gt;&amp;\xa2y\xa7\x08\xad\x8d\x9b\x9d\xf9\xe1\x07\xbb\xae\xf8\xc1\xad\xbe\x7f\xfc\\\xc6u\xdd\xf7\xde{\xafm\xdb\xb6\xf4[\x07;B\x1b\xd0\xb9\xff\x91#G\xde~\xfb\xed\x13\xfe*77\xb7c\xc7\x8eX\x02\n\x16\xa6\x7f\x80B\xd1l+\x84\xd0Z\xb7n\xdd\xbac\xc7\x8e[\xb7n\x95Rr\xce=\xcf\x7f\xe9\xb5\x8d\x97u\xbaBW\x1d\x11"\x14\xe3&lt;Su\x05\xe0F\xcf\xf3i\xadY)\xd5\xb1c\xc7\xd6\xad[\x87\xe4\xe5\xb7\x01\x1d\xdc\x1b5jt\xfd\xf5\xd7\x7f\xcd7@P0\xfd\x03\x14\x8aA\xb0\xba\xb3\x80\x81\x03\x07\xb24*\x03OY\x00\x0e\x1c8\x90\xde\xf1A\x8f\xce.4\xfdN\x80W!$0\xfd\x83\x12\x96\'\x97\xf2\xb0o\xdf\xbe\xb1X,\xde\x0cP\xfc\xde\x87\x1f\xbd\xbf\xcb\xc9\xca\x8ab3\x80\xd6\xc6\xc9\xca\xfa\xe8\xfd]\xc5\xef}\x18o\x00\x88\xc5b}\xfb\xf6e\xb8\xfes\xcaQ\xb3\xff\t\xf0*\x84\x04\xa6\x7fPB3\x8e\xba2\xb0C\x87\x0e\xf4\xd1M)\xa5\xe7\xf9\x05E[#\xda\x0c@\x05`A\xd1V\xcf\xf3\xe9Xc\x8c\xe9\xd0\xa1C\xa8\n@\x800\xc0\xf4\x0fJX\xc6\xc1\xea\xca@\xfa\x88\x04\xe7\xc7w\xa77\xbc\xf96\xf3\xbd(\xee\x02\t\xc1\x99\xefmx\xf3mV\xb7\x0f\xc9\x18\x1b&lt;xp\xa8\n@\xab\xd0*\x90\xef\xfb\xf4\xef\xfa7\x83\x84\xc0a\xfa\x07"D\x01@\xcfQ\x8f\x1e=\xe8\x82\xbd\xf44\x15\xbd\xb5}\xdf\'\x9f\xbb\x19\x19\xd1\x9a\xab\xc6\x187#c\xdf\'\x9f\x17\xbd\xb5\x9d\xd5\xf5 \n!z\xf4\xe8\xc1\xb0\xeb\x18\x04j\xbb\x96R:\x8eC\xffv\x1c\x87.\x08\x11\xf4\xd0\x801L\xff\x80\x84(\x00\xa4\x94\xc6\x98\xcb/\xbf\xbcu\xeb\xd6\x94\x99R\xca\xca\xaa\xea\x82\xc2-,jW\x86RJ\xb3\xec\xec\x82\xc2-\x95U\xd5\xd4\xd5`\x8ci\xdd\xba\xf5\xe5\x97_n\x8c\t\xc3\'\x00\xadBg\x97\x9e\xe7\xadY\xb3\xe6\xde{\xef\xbd\xfd\xf6\xdb\xc7\x8c\x19\xf3\xe4\x93O\x96\x94\x94\x84\xa7#\xdbr\x98\xfe\x81\x08Q\x000\xc6\x94R\x19\x19\x19\xfd\xfa\xf5c\xf5\xf6IV\xbf\xbc\x9e)\x15\xad*Pp\xc6\x94Z\xfd\xf2\xfa\xe3\x7f\x14\x821\xd6\xaf_\xbf\x8c\x8c\x0c\x9cr\xa6\x18\x1d\xfd\xdf}\xf7\xdd\xab\xae\xba\xaa\x7f\xff\xfe\xf3\xe6\xcd{\xfa\xe9\xa7\x1f}\xf4\xd1;\xef\xbc\xb3}\xfb\xf6O?\xfdt\xd8\xaarka\xfa\xa7^\xb8\x02\xe0\x84N)\x9a\x96\x9b\xb6\xee\xd8\xf7\xc9gnfd\xca@c\x8c\x9b\x99\xb1\xef\x93\xcf6m\xdd\xc1\x18\xa3_\xa4~\x97[\xd0\x03\xb4\x08\x9dK\x96\x94\x94\xdct\xd3M;w\xeet\xbe\xaa\xa4\xa4\xe4\xf6\xdbo_\xbbvm\xfd\xdb\x84AP0\xfdS/\\\x01@e`|\xaf&lt;\xa2e\xe0\xc9\x05`\xfd\x0e\x87P\x15\x80i\x8f\xee\xb8\xfd\xfb\xdf\xff~\xff\xfe\xfd\xb1X\xcc\xff*\xda\x06\x98={6&gt;\x0c\x1c\x06\x98\xfe\xa9\x17\xae\x00`\x8cQ\xb7\xec\x89e\xe0\xda\xd7Mt\x9a\x01\x84\xe0\xc6\xf7V\xaf}\xbd\xee\x8f\xc7\x0b@\xeaq\x0eth\xd6\xa1\xc3zQQ\xd1)\xf7{\x95R\xc6\x98\xf7\xde{o\xff\xfe\xfd\xd4\xa8\x17\xc4\x18\xe1\x7fa\xfa\xa7X\xe8\x02\xe0\x94e\xe0\x96\xed\xef\x1e\xfa\xa2\xc4\x8d\xb9\xe1\x9f\xa2\xc6\x187\xe6\x1e\xfa\xa2d\xcb\xf6wY\xe8\x0b\xc0\xb4G\'\\%%%\xc6\x98\x93\xdf&lt;\xf4\x95\xea\xea\xea\x03\x07\x0e0\\\x164\x040\xfdS,t\x01pr\x19(\x84,\xaf\xa8\xda\xb2\xfd]\x96\x95\x15\xfe\xcd:\xad5\xcb\xca\xda\xb2\xfd\xdd\xf2\x8a*!\xc2^\x00Z\xe2k\xde64\'\xe9\x1b\xc2\x7f|I{\x98\xfe)\x16\xba\x00`\x8ci\xadc\xb1\xd8\xb5\xd7^\xcb\x8e\xdf%\x8e\x19c\xfe\xb4\xf6u\x16\x91\x1a\x90\t\xfe\xa7\xb5\xaf\x1bc\x848^\x00^{\xed\xb5\xb1X,\xfco\xdf\xf4C\xcfynn.\xe7\xfc\xe4\xf3/\xea\xcfs]7//\x8f\x85\xf2\x04\xcdB\x98\xfe\xa9\x14\xc6\x00 T4i\xadi\xf3g]\xe1\x96\xf2\xfda/\x03\xa9\x00,\xdf_\xb2\xaep\x0bcL\xa9\xe35,\xfd.\x90z\xf4\xfc\xd35\x9fO\xfe\xfc=\xdd"\xe6\x92K.\xb9\xf8\xe2\x8bO\xf9\r\x10\x14L\xff\xd4\x08\xe3;\xfe\x84\xfb&amp;3\xc6\x84\x90\x07JJ7n\xd9\xce\xb3\xb3\xc3\x19\xa4Dk\xcd\xb3\xb37n\xd9~\xa0\xa4T\x08I_\xa9\x7f\xcf\xeb\xa0\x07h\x1dz\xceo\xbf\xfdv\xcey\xbc\xed\x87\xd0\xe7\x81\xb5\xd6\xa3F\x8dr]7\x84\x1btv\xc2\xf4O\xa50\x8e\x89\x1a6rrr\xfa\xf4\xe9\xc3\x18\x93R\xd2S\xb7\xfa\xe5\xf5\x11(\x03\x05\xa7\x0f\x80\x08q|\x07\xb2O\x9f&gt;999\xd4\x8f\x18\xf4\xe0\xacC{\x89\xed\xdb\xb7_\xbcx\xb11\x86\xae\xffC\x94R\xb5\xb5\xb5\xc3\x86\r\x1b7n\x1c\xdd\x94*\xe8\xc1\x02c\x98\xfe\xa9\x15\xc6\x00\x88\xa3+C\xc5\xcb\xc0\x82p\x97\x81\xf1\x02\xb0\xe0\xab\x05 \xfd\x16\x10\x14\xca\x80\xd1\xa3G\xbf\xf1\xc6\x1b\xfd\xfb\xf7o\xd1\xa2E\xa3F\x8d\xf2\xf2\xf2\xae\xbd\xf6\xda\xa7\x9ezj\xf9\xf2\xe5\xf1\xb2 \xe8\x91\xc2W`\xfa\xa7@Ho\xb5C\xe5R\xd7\xae]\xf3\xf3\xf3\x0f\x1c8@k\xb5\x07JJ\x8b\xb6l\xbf\xf9\x96^5\xd5\xe5N\xf8n\x13\xe1+\x9d\x91\x9d]\xb4\xa5\xe8@I)5\x95S\x01\xd8\xb5kW\x16\xd6\x02\xd0\x12\x94\x01=z\xf4\xe8\xd1\xa3GeeeEEEFF\xc69\xe7\x9c\xc3\xea&gt;*\x8c\xa3\x7f\xa8`\xfa\xa7LH\x03\x80\xca\xc0&amp;M\x9a\xf4\xee\xdd\xfb\xe9\xa7\x9f\x96R2f\xb4f\xff\xf5\xea\x1b}\xff\xbfa\x8e+Y\xf8\n\xf6\x0c\xa5X\xe3\xa6\xff\xf5\xea\x1b\x8c.\x06\xcb\x84\xef\xfb\xbd{\xf7n\xd2\xa4\x89R\n+\x0c\xc1\xa2\x8b=p\xcesrrrrr\x18c4E\xf1\xba\x84\x10\xa6\x7f\xca\x844\x00\xe2\x86\x0c\x19\xf2\x9f\xff\xf9\x9fZk\xaa\xfb^/\xda:c\xca\x0c\xe5\xf9!&lt;e3\xc6H\xd7y\xbdh+cL)M\xe7\x95C\x86\x0c\tz\\p\x1cMB\xda\x00\x88\xef\x03\x07=(\xf8:\x98\xfe\xc9\xc6\xc3\xb9\xa0\xc6\xeaj\xf3\xb2\xb2\xb2V\xadZ\x95\x95\x95\xc5\xef\x11\x11\t4\xda\xbc\xbc\xbc\xbd{\xf7\xe6\xe5\xe5\xe1R3\x00g\x04\xd3?5\xc2[\x01\xd0\x87\xe8\x9a6m\xda\xa5K\x97W^y%^\xc2S=\xc8X\x08\x9fP\xc3\x18\xa7\xcb\xcb\xd0h\xbbt\xe9\xd2\xb4i\xd3P\xdd\x01\x0e \x120\xfdS#\xbc#cuwq\x1a2d\x88\x10\xc2u]\xba\x97\x13c,\x94/?\xa3QQw\xb9\xeb\xbaB\x88!C\x86\xd0\xfb8\xe8\x81\x01D\x0f\xa6\x7f\n\x84\xba\xb0\xa2\xd2\xe9\xc0\x81\x03-Z\xb4\x08\xf38O\x89s\xfe\xc5\x17_\xe4\xe7\xe7\x87\xb9\x00\x04\x08-L\xff\x14\x08\xef\x12\x10\xab[J\xcb\xcf\xcf\x7f\xf2\xc9\'\xff\xfe\xf7\xbfG\xe5\x82\xbd\x14\xfb\x97\\rI\xf8_~\x80\xd0\xc2\xf4O\x81PW\x00\x00\x00\x90&lt;\xa1\xae\x00\xe2hk%\xe8Q\x9c\x19t\x19\x02$\x04\xa6\x7f\xf2\xa0\x02\x00\x00\xb0T\xa8\xbb\x80\x00\x00 y\x10\x00\x00\x00\x96B\x00\x00\x00X\n\x01\x00\x00`)\x04\x00\x00\x80\xa5\x10\x00\x00\x00\x96B\x00\x00\x00X\n\x01\x00\x00`)\x04\x00\x00\x80\xa5\x10\x00\x00\x00\x96B\x00\x00\x00X\n\x01\x00\x00`)\x04\x00\x00\x80\xa5\x10\x00\x00\x00\x96B\x00\x00\x00X\n\x01\x00\x00`)\x04\x00\x00\x80\xa5</t>
        </is>
      </c>
    </row>
    <row r="292">
      <c r="A292" s="1" t="n">
        <v>290</v>
      </c>
      <c r="B292" t="inlineStr">
        <is>
          <t>color_grid</t>
        </is>
      </c>
      <c r="C292" t="inlineStr">
        <is>
          <t>What is the color of the missing part denoted with a question mark?</t>
        </is>
      </c>
      <c r="D292" t="inlineStr">
        <is>
          <t>['green', 'orange', 'blue', 'yellow']</t>
        </is>
      </c>
      <c r="E292" t="inlineStr">
        <is>
          <t>green</t>
        </is>
      </c>
      <c r="F292" t="inlineStr">
        <is>
          <t>There are circles with different colors arranged with a grid formation in the image. The colors in the first row are ['green', 'red', 'green'], the colors in the second row are ['red', 'yellow', 'red'], and the colors in the third row are ['?', 'red', 'green'].</t>
        </is>
      </c>
      <c r="G292" t="inlineStr">
        <is>
          <t>We observe that the circles at the corners are green, while the circles directly adjacent to the center are red. Only the center circle is yellow. Hence, the pattern is that the circles alternate in color depending on if they are at the corner or adjacent to the center.</t>
        </is>
      </c>
      <c r="H292" t="inlineStr">
        <is>
          <t>Based on the pattern that the circles alternate in color depending on if they are at the corner or adjacent to the center, the missing color of the part that is at the corner should be green.</t>
        </is>
      </c>
      <c r="I292" t="inlineStr">
        <is>
          <t>b'\x89PNG\r\n\x1a\n\x00\x00\x00\rIHDR\x00\x00\x02\x00\x00\x00\x02\x00\x08\x02\x00\x00\x00{\x1aC\xad\x00\x00~\x93IDATx\x9c\xed\xddy|T\xd5\xdd?\xf0\xef9w\x9b\x99\xec\x0b\xc9\x84\x04\x81\x90\x100\x0b\x8b\x04* * \x8a\x16\xad\x15\xb7\n\xa5\xe0\xfaH\x1fE\x1f\x1f\x7f\xda\xda\xd6\xd2Z\x85\xaa\xb5&gt;n\xd5\x8a\xad\xe2R\x94\x82\x82\x85 \xe0\x06\xa2\xa2\x01\x12 !\xac\x01\xb2\xaf\x93ef\xee\xcc\xbd\xe7\xfc\xfe\xb80\xc4\x84U3\x93;s\xbf\xef?\xfa\xf2!\xf3$3\x9f\xf9\xde\xf3=\xf7\xdes\xef%\x9cs@\x08!d=\xb4\xaf\xdf\x00B\x08\xa1\xbe\x81\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f6\xf5\x1b\xb0"\xce\xf9I\xff\x9d\x10\x12\xe2wbM\x98\x7f\xdf\xc2\xfc\xcd\x03\x1b@p\xf1.\x00\x80R\x1a\xf8\xdf\x9e\x18c\x81\xff%]\x84\xf0\xfdF\x1a\xcc\xbfoa\xfe&amp;GN\xd5\x8d\xd1\xf7f\x94;c\x8c\x10"\x08B\xcf\x170\xc6\\.\x17!\xc7\xc27\xfe\xc3f\xb3\xd9\xed\xf6\x93\xbe\xd8\xf8U\x94R\xdc\x18\xce\x06\xe6\xdf\xb70\xff0\x82\r\xa0\xd7\x18E\xcf9\x17\xc5\x13\xfbU\xba\xaeWWW\xef\xdb\xb7\xaf\xa4\xa4\xa4\xb1\xb1q\xeb7[5M\xab\xad\xad\xad\xad\xad%\x04\x8c\xec\t\x00\x07\x88\x8e\x8e\xce\xce\xca\xe2\x00\x05\xf9\xf9\xc9\xc9\xfd\xc6\x8c\x193`\xc0\x80\x81\x03\x07:\x1c\x8e\xae\xbf\r\x00pK8\xa9\xb3\xc9\xff\x9b\xad\xc7\xf3\xaf\xa9\xe96\x00EGGgggs\xce\xf3\x0b\n\x92\xfba\xfe\xe7\x0c\xeb?\x1ca\x03\xe8\x05\x9cs]\xd7\x03u\xaf\xebzEEEQQ\xd1\xa6M\x9f\xef\xd9\xb3\xe7PeeG{\xc7\xf7\xf8\xb5\x92,\xf5\xef\xdf\x7fX\xce\xb0\x0b/\xbcp\xda\xb4i#F\x8c\x08l\x0c\x9a\xa6QJO\xb5+m5\xa7\xcc\xff\xf3\xcf+\xf6\xec\xa9\xac\xacl\xeb\xf8&gt;\xf9\xcb\xa2\x98\x9e\x9e\x9e3l\xd8\x8f0\xff\xd3\xc2\xfa\x0f_\xd8\x00~\x10cJb\xec\xe7\xea\xba\xfe\xd5W_\xadX\xb9b\xcd\x9a5\x15\x15\x15~\x9f\xbf\xeb+\xedQ6\x9bCI9/\x89\n\xc4\xe6P\xd2\xb3S\x19c\x04\x08\x00p\xce\x05Ih\xacji\xadk\xa3\x02\xad?\xd2\xe4\xedP\xdb]\x9d\xdd\xfe\xd6\xa0A\x03\'O\x9e|\xcd5?\xb9\xe4\x92Kbcc\xe1\xf8\x9c\xcb\xca\x13\xa2\x9e\xf9\xaf\\\xb1b\xcd\x9a5{+*T\xffw\xf2\x8f\xb6\xd9\xa2$iH\\\x9c@i\xb4$\xe5&amp;&amp;\xea\xc7+\x9f\x03H\x94V\xb6\xb5Uwv\n\x94\x1et\xb9\xda}\xbe\x16\xb7\xbb\xdb\xdf\x1a&lt;p\xe0\xa5\x93\'_\xf3\x13\xcc\xff\x04\xac\xffp\x87\r\xe0{\xd2u=PyG\x8f\x1e}\xe7\x9dw\x96\xbe\xb9t\xc7\xf6\x1d\x81\x17PB\x93\xfa\xc7\x0f\xc8I\x1b0\xd4\x991\xd4\xe9\x1c\x94l\x8f\xb1E\xc7G\x19\xffO\x82$\x02tM\x9e0\x9d1\x9d\x01\x81\x8e\x16\xb7\xea\xf1\xd5\x1fn:\xba\xaf\xaez_}eYU\xc3\xe1fU\xf5\x05^z\xdey\xe7\xddp\xe3\r\xb3g\xcd.((\x08\xbc\x99\x93\x1el\x8d`=\xf3\x7fs\xe9\xd2\xed;N\xe4O(\x1d\x10\x13\x93\x9f\x9c\x9c\x97\x9c\x9c\x97\x94\x94\x9d\x90\x10#\xcbIv\xbb@\x08\x01\x90z\xc4\xa51\xa63F\x08i\xf6z;\xfd\xfe\xfd\xad\xade\xcd\xcdeMM\xdb\x1b\x1a\x0e\xb6\xb5y}\'\xf2\x1f8`\xc0\r7\xde8k6\xe6\x8f\xf5\x1f\xf6\xb0\x01\x9c3\xe3@\xa7Qp_|\xf1\xc5\xab\xaf\xbe\xba\xfc\xdf\xcb]\xad.\xe3\xa7\xd1\xb1\x8e\x01\xc3\xd2\x86\x8f\xcd\xcc\x1e=\xc89(9:!J\x10\xa8\xae3\xcd\xa71\xc6uM\x07\x0e\xfc\xbb+\xe1\x8cc\xa0\xc48\x18\r \x88\x94R"\xca\xa2 \n\x9csO\xbb\xb7\xe1h\xf3\xa1\x9dU\xbb\xb6\xec\xad,\xabi\xacn6\xfe\xbf$Y\xba\xf4\x92K\xef\xbe\xfb\xee\xe9\xd3\xa7\xcb\xb2l\xcc\x86\xac\xb0\x19\xf4\xcc\xff\xdf\xcb\x97\xb7\xba\x8e\xe5\x1fo\xb7\x17$\'O\xca\xc8\xb8\xb0\x7f\xff\xac\xf8\xf8d\xbb]\xa4\xd4\xcf\x98O\xd7u\xc6\xfc\x8c\x01t\xcf\xdf\x10Xn"RJ\tQ\x04A\xa2\x94\x03\xb8T\xf5\x90\xcbU\\_\xbf\xf1\xc8\x91\x1d\r\rG\x8e\xff!Y\x14/\x99&lt;\x19\xf3\xc7\xfa\x0fk\xd8\x00\xceA\xd7c\x9d\x1b6lX\xb4x\xd1G\xeb&gt;2~D\x80\x0c\x19y^\xc1E9\x17\\\x96\xdb/=Q\x10\xa9\xe6\xd7\xfd&gt;\xcd\xa8x \xc6\x1a\xe7\xb3\xdbU\xe5\xc0\x8d\r\xc4X9\'PI\x11EI\xe4\x9c\xb77w\x96|V\xbe\xfd\x93\xf2\xf2\xaf\x0fx=\xaa\xf1\xf2\xfc\xfc\xfc\xfb\xee\xbbo\xee\xdc\xb9\xf0\xddyY\xe4\xe9\x96\xff\xe2E\x8b\xd6}t,\x7f\xa0t\xac\xd3y\xf9\xc0\x81Wge\r\x8c\x8d\x95(\xf5\xeb\xbaW\xd7\xfd\x8cq\xce\t!\x14\xce&gt;\xfec\xe3\x13\xe3\x9c\x10"\x10\xa2\x08\x82"\x8a\x9c\xf3\x06\x8f\xa7\xe8\xe0\xc15\x87\x0e}VU\xe5V\x8f\xe7\x9f\x97w\xdf\xfd\xf7[0\x7f\xac\xff\x08\x80\r\xe0l\x19G\x1b\x01\xa0\xa2\xa2b\xd1\xa2EK^[b\xec\xc2*6y\xcc\xb4\xbc\xf1W\x8f\xca\xcc\x1f \xdbe\xd5\xe3\xd3T\xcd\x18t\x081\x0er\xfeP\x9cq\xce9\x10\x10EAq(\x9c\xf3\xaa\xbdu\xdf\xac\xdf\xb9i\xc5\xb7\xad\rm\xc6k\xa6N\x9d\xfa\xd0C\x0fM\x992\x05"t\x8f\xb8[\xfe\xaf-Yb\x14\xaeM\x96\xaf\x1d2\xe4\xe6a\xc3\xc68\x9d\x0eQ\xec\xf4\xfbU]\x0f\xe4\xdf+#\x01;\xbe\x91H\x94FK\x12\x03\xd8\xdd\xd4\xf4\xc1\xbe}o\x94\x95\xd5\x1d?\xbdl\xb5\xfc\xb1\xfe#\x036\x80\xb3\xa2i\x9a(\x8a&gt;\x9fo\xf1\xe2\xc5O?\xfdTKK+\x00D\xc7:\xc6_3j\xec\x15\x05\x83\xf32t\x8dy\xdd*g\x9c\xd0`^\xba\xc2\x811\x06\x04\x14\x9b,\xdb\xa5\xfa\xc3\xcd[\xd7\x95n~\xbf\xb8\xf6P\x83\xf1\xf3y\xf3\xe6\xfd\xe1\x0f\x7f\xe8\xdf\xbf\x7f\x84M\x85\xbe\x93\xffSO\xb5\xb4\xb6\x02@\xbc\xdd\xfe\xb3a\xc3~\x9a\x9d}Aj\xaa\x9f\xb1N\x9fO\xe7\\\x08\xe6\xa5C\xc6n\x01\x008D\xd1!I\x07Z[W\xee\xdb\xf7fy\xf9\xbe\xe6f\x00 \x00s\xad\x90?\xd6\x7f\x04\xc1\x06p\x06\xc6u\x89\x94\xd2\xcd\x9b7\xdfu\xd7];w\xee\x04\x00Y\x91\xc7L\xcb\x9d\xf6\xf3\x89\x03\xcf\xef\xef\xed\xf4\xf9&lt;&gt; \x84\xd2\xd0U\x1b\xe7\x9c1.\xc9\xa2#\xc6\xd6R\xd7\xb6\xf1\x9d/?_\xf1\x8d\xab\xb1\x1d\x00RSS\xff\xf8\xc7?\xdev\xdbm\x10\x11S\xa1\x93\xe6\xafH\xd2\xb5C\x86\xcc\x1f5jdJJ\x87\xcf\xe7\xd64\x02@C\xb8\xb53\xce\x19\xe7\x8a(\xc6\xc9rug\xe7+%%o\x94\x95\xd5wt\x00@jJ\xca\x1f\x1f{,\xb2\xf3\xc7\xfa\x8f\x18\xd8\x00N\'P@\x8f&gt;\xfa\xe8\xe3\x8f?\xee\xf3\xf9\x00`Xa\xe65\xff5%\xa7p\xb0\xea\xf1\xabn\x95RJBX\xfa]q\xce\x99\xceEYp\xc4\xd8\xeb*\x1bW\xfdm\xe3\x97\x1f\xee0\xb6\xd8\x9bn\xba\xe9\xb9\xe7\x9eKJJ2\xe6n}\xf2\xf6~\xb8\xae\xf9?\xf1\xf8\xe3\xaa\xcf\x07\x00\x1332\x1e\x1e;vbFF\xa7\xdf\xdf\xe9\xf7\x0b\x84\x84r\xe8\xef\x8a\x03\xe8\x8c\xc9\x82\x10\xa7(\xfb[[\x17}\xfd\xf5\xb2\xbd{\xb9\xaeC$\xe6\x8f\xf5\x1f\x91\xb0\x01\x9c\x92Q\xfd555s\xe7\xce-**\x02\x00G\x8c}\xc6\x9d\x97N\xbe\xe9G@\x88\xa7\xc3K\t\xe9\xab\xd2\xef\x8as`:\x93m\xa2\xcd\xa1l\xfb\xb8l\xd9Sk\xea\x0e7\x02\xc0\xd0\xa1C\x97,Y2a\xc2\x840\x9d\x07\xf5\xcc?\xd6f{p\xcc\x98\xdb\x0b\n\x00\xa0\xdd\xe7\xa3}7\xf4we\xb4\x01\x9b(F\xcb\xf2\x7f\x0e\x1cxd\xd3\xa6\x03\xad\xad\x10\x89\xf9c\xfdG\x1el\x00\'gL\x1c6o\xde|\xc3\r7TWW\x03\xc0\x90\x82\xf3~\xfe\xdb\x9f\x0c\x18\xea\xecp\xb99\x87P\xee\xf0\x9e\rc\xa78*\xd6\xde\xd9\xe6y\xf7\xa95\x9b?(\x06\x00Y\x96\x9f}\xf6\xd9;\xef\xbc3\xec\x0e\x89\xf6\xcc\x7f\x8c\xd3\xf9\xd7\xc9\x93s\x93\x93\x9b=\x1e\x0e \x98\xec\xb3p\xceu\xce\x13l\xb6\x16\xaf\xf77\x9b7\xbf]^\x0e\x9c+\x92\xf4\xd7\xff\xfb\xbf\xc8\xc8\x1f\xeb?"a\x038\t\xa3\xfa_y\xe5\x95\xf9\xf3\xe7\xfb\xfd~\x02\xe4\xd2\x1b\xc7]\xb7\xe0rA\xa4\xdeN\x9f \x9a\xf7\x02t\xa63Q\x12\x95(\xf9\x93e_\xfd\xfb\xaf\x1f\xb9;&lt;\x00p\xe7\x9dw\xbe\xf4\xd2Ka\xb4\rt\xcb\x1f(\xbd-7\xf7w\x13&amp;H\x94v\xf8|\xa2\x89o\x00\xa01&amp;\x0bB\xb4,/)-\xfd\xfd\x96-\xed\xaa\n\xe1\x9f?\xd6\x7f\x04\xc3\x06\xd0]\xa0\xfa\xef\xb8\xe3\x0e\x00\xb0G\xd9f\xdew\xf9\xe4\x9b~\xd4\xd1\xeaf\x8c\x9bm\xe2\xd3\x13\xe7\x9c3\x1e\x9b\x14]\xbe\xf5\xc0\x92\xdf,o8\xda\x0c\x00\xb7\xdf~\xfb\xcb/\xbf\x1c\x16\xdb@\xb7\xfc\xa3\x15e\xe1\xf8\xf1\xb7\x15\x144{&lt;\xc6"\x9f\xbe~\x83g\xc09\xd7\x01R\xec\xf6MUUw\xaf_\x7f\xc8\xe5\x82p\xce\x1f\xeb?\xb2a\x03\xf8\x8en\xd5\x1f\x15k\xff\xe53\xb3\x86\x8d\xcdt5v\x08\x02\xed\x95E\xcd\xa1\xa1k\xba#\xd6\xde\xde\xdc\xf9\xec\x7f\xbf^YV\ra\xb2\rt\xcb?\xdef{\xf3\xca+/\xca\xc8\xa8w\xbb\x05\xf3\x8f=]\xf8\x19\x8bW\x94F\x8f\xe7\xa6U\xabv44@x\xe6\x8f\xf5\x1f\xf1\xb0\x01\x9c\xd0\xad\xfa\x07\x0e\xeb\x7f\xeb\x9f\xaew\x0eJv\xb7y\x041\xfcN"\xe9:Sl\x92_\xd5\xdeZ\xb4\xfa\xcb\x0f\xb7\x83\xe9\xb7\x81n\xf9\x17\xf4\xeb\xf7\xd2\xb4i\xd9\xf1\xf1\xad\xaa*\x99\xf8\xb0\xcf\xa9h\x8c\xd9%I\xd5\xb4\xff\xf7\xd9g\xef\xee\xd9\x03\xe1\x96?\xd6\xbf\x15`\x038\xa6g\xf5\xdf\xfb\xfc\x9c\xe8x\x87\xbb\xc3+\x08\xe17\xfa\x18\x18\xe3\xa2$\xc86\xe9\xb5\xdf.\xffb\xd568\xbe\r\x18O\xd80\xd56\xd0s\xf4_v\xf5\xd5\x896[\x9b\xaa\x9a\xf9\xa0\xff\xe9\xe9\x9c\xcb\x94:$i\xfe\xfa\xf5\xef\x94\x97C\xf8\xe4\x8f\xf5o\x11\xd8\x00\x00\x8e\xafx\x0bT\xffy\xc3\xfa/x~\x8e#\xc6\xe6\xf5\xf8\xc2\xb7\xfa\r\xc6\xc5\x99\xb6(e\xc9o\x96oY}b\x1b0\xd5\xda\xb8n\xf9\xe7\xf7\xeb\xf7\xee\xd5W\xc7\xc9r\xa7\xdf\x1f\xbe\xa3\xbf\x81qN\t\x89\x96\xe5\xf9\xeb\xd7\xff\xabK\x0f0s\xfeX\xff\xd6\x81\r\xe0X\xf5o\xd9\xb2e\xc2\xc4\t\x9cqG\x8c\xfd\xa1\x7f\xde\xe1\x1c\x98\x1c\xd6s\x9f\xae8\xe3T\xa0\x82$,\xfa\xc5\xcb\x87vW\x01\xc0_\xfe\xf2\x97\x05\x0b\x16\x98\xe4\x1a\x99@\xfe\x13\'L`\x9c\xc7)\xca\xda\x993\x87\xc4\xc7\x87\xf5\xdc\xbf+\xc6\xb9@\xa9D\xe9\x95\xcb\x97o\xaf\xaf\x07\xb3\xe6\x8f\xf5oAVo\x00\xc6\xce`}}}AAA}}\xbdb\x97\xef}~N\xd6\xc8\xf3\xdc\xed\x11R\xfd\x06c_Xu\xfb\x9e\xbc\xfd\xd5\xea\x03\r\x00|\xdd\xbau\x97]vY\x9f\xcf\x83\xba\xe5\xef\x90\xa4e3f\x8cKKsE\xca\xe8o`\x9cK\x82\xd0\xe9\xf7_\xb3b\xc5\x9e\x96\x16\xe0&amp;\xcd\x1f\xeb\xdfj"\xe7;\xfe~\x8c\x0b\xc7g\xcf\x9e]__\x0f\x00\xd7\xdf?}\xf8\xd8Lw[DU?\x00PJ\xfc&gt;-&amp;\xc11\xf7\x0f\xd79bl\x000{\xf6\xec\xba\xba:J\xa9\x91@_\xe9\x96\xff\x1f&amp;L\x98\x94\x91\xd1\x1aY\xa3?\x00PBTMK\xb6\xd9\x9e\x9f:5^\x96\xc1\xac\xf9c\xfd[MD}\xcd\xe7\xca\xd8\x07\\\xb8p\xe1G\x1f}\x04\x00\x97\\?v\xea\xcf.t5v\x98\xf9R\x97\xefM\x10hG\x9b\'\xab\xe0\xbc\x9b\xff\xdf\x8f\x01\xa0\xae\xaen\xf6\xec\xd9\x81\x07\xa3\xf7\x89n\xf9\xcf\xcd\xcb\xbbc\xc4\x88:\xb7;\x1c\xd7\xfc\x9c\x91Hi\x8b\xaa\x8eu:\x1f\x9f4\tL\x99?\xd6\xbf\x05E\xe07}\x96\x18c\xa2(~\xf9\xe5\x97\x8f=\xf6\x18\x00\x0c:?\xfd\x86\xff\xb9\xb2\xbd\xa5\x93\n\x11\xbb6@\x14\x05WS\xc7\x84kF_r\xfdX\x00\xf8\xe8\xa3\x8f\x9ey\xe6\x19A\x10\x8c\'\xbb\x86X\xb7\xfcG\xa5\xa4\xfca\xe2\xc4&amp;\x8f\'\xc2\xe6\xfe]I\x94\xd6\xb9\xdd?\x1b&gt;|n^\x1e\x98,\x7f\xac\x7fk\xb2h\x034\x1e \xa7\xebz^~\xde\xde\x8a\xbd6\x87\xf2\xf0\xebw:\x07&amp;{=\xbe\xb0\xba\xde\xe8\x9c\x19O\xea\x10D\xe1\xf1\x9f\xbftto\x1d\xa5t\xd7\xae]C\x87\x0e\xe5\x9c\xd3\x10\x8e\xbc\x81\xfc\xf3\xf3\xf2*\xf6\xee\x8d\x96\xe5\xa2\x993\x87\xc4\xc7\x1bw\xf7\x0c\xd9\xdb\x08=\xe3\xd9\x87\x12\xa5\x97\xbf\xf7\xde\xce\xa6&amp;\xa1\xaf\xf3\xc7\xfa\xef\x93\xfc\xcd\xc3\x8a\x9f\x19\x00\x8c\xc7\x87&gt;\xf9\xe4\x93{+\xf6\x02\xc0\x8c;\'\x0f\xc8qz:\xd5\xc8\xae~\x00 \x840\xc6DI\xf8\xd9\xc33DI\xd0\x99~\xcf=\xf7\x84~G8\x90\x7f\xc5\xde\xbd\x00\xf0`aa^rr\xbb\xcf\x17\xd9\xa3?\x00\x10\x00\x9dsI\x10\x16M\x9a\xa4\x08\x02\xd3\xfb8\x7f\xac\xff&gt;\xc9\xdf&lt;\xac\xd8\x00\x8c\x87\xdb\xed\xdf\xbf\x7f\xf1\xe2\xc5\x00\x905r\xe0e\xb3\xc6w\xb4\xb8#\xf2\xd0gO\x94Rw\xbbwXa\xe6\xa57\xfe\x088\xac[\xb7\xee\xddw\xdf\r\xe5\x8ep\xb7\xfc\xc7\xa5\xa5\xdd5rd\x93\xc7\x13\x91\x87\xfe{\x12\x08q\xa9\xeaE\x03\x06\xdc\x96\x9f\xcf\xa1\xef\xf3\xc7\xfa\x0fq\xfe\xa6b\x89\xaf\xbc\x1bc7p\xe1\xc2\x85.\x97KV\xa4\x9f\xfe\xf74\xb0\xd8\x04\x80\n\xd4\xdd\xe6\x99&gt;\xf7\xa2\x94\x01I\x84\x90G\x1ey\xc4\xe7\xf3\x85l\x1e\xd45\x7f\x9b(\xfe\xe6\xc2\x0b\xc1x\x14\xbbe\x88\x94\xb6z\xbd\xf7\x8c\x1e=8&gt;\x9e\xf6i\xfeX\xff\xa1\xaf\x7fS\xb1\\\x030V\xfe~\xf6\xd9go\xbe\xf9&amp;\x00\x8c\xba\xf4\xfc\xe1\xe32\xdd\x1d\x91\xbf\xf3\xdb\x15!\xe0\xf7\xebq\xfdb\xa6\xfd|"\xe7\xbc\xa2\xa2\xe2\xc9\'\x9f\x0c\xcd\x92\xb8n\xf9_\x95\x999)#\xa3MU#\xfe\xe0OW\x04\xc0\xa7\xeb\xce\xa8\xa8_\x8e\x1c\xc9\xfa4\x7f\xac\xff\x10\xd7\xbf\xd9X\xae\x01\x18\x07\x01\x7f\xf7\xe8\xeft]\x8f\x8esL\xbfu\x92\xd7\xed\x8b\xe0\x95\x0f\xa7"\x08\xb4\xd3\xe5\x19w\xe5\x88A\xe7\xa7\x13B\x9e~\xfa\xe9\xfa\xfazJi\xb0\'AF\xfe\x8f\xfe\xeew\xba\xae\'\xd8l\x0b.\xb8\xa0\xc3\xef7\xc3\x83\xbdBL\xa4\xb4\xc5\xeb\x9d\x99\x9332%%\xf4\xf9c\xfd\xf7U\xfd\x9b\x8d\xb5\x1a\x80q#\xc0\xe2\xe2\xe2O&gt;\xf9\x04\x00\xc6]9bPn\xba\xea\xf6Y\xf3\xb6P\xba\xce\x1c\xd1\xca\x15s\'q\xce\x9b\x9a\x9a\x96.]J\x08\t\xea\x91\xd0n\xf9_?t\xe8\xa8\x94\x94NK6\x00\x00\xd0\x18\x8b\x95\xe5{G\x8f\xee\xab\xfc\xb1\xfeC\\\xff&amp;d\xad\x06`x\xfe\x85\xe7\x81\x83$\x8b?\xbaj\xa4\xb7C\xb5\xe0\xf4\xc7 \x08\xd4\xd3\xee\x1d&gt;nH\xda\xa0~\x84\x90W\x97\xbc\xea\xf1x\x04A\x08\xf6$\xe8\x85\xe7\x9f\xe7\x00\x8a(\xde\x90\x93\xd3\x1e\xe9\xeb&gt;OC\xa4\xd4\xa5\xaa\x93\x06\x0c\xc8JH \x84,y5D\xf9c\xfd\x1b\xfa\xaa\xfeM\xc5B\r\x80sn&lt;\xe4\xfa\xbdw\xdf\x03\x801\x97\xe5e\x16\x0cP=\x16\x9d\xfe\x184\x9dE\xc7;\xa6\xdc2\x9es\xbe{\xd7\xee\r\x1b6\x18\x87\x08\x82\xf1\xb7\x02\xf9\xbf\xfb\xee\xbb\x00pMV\xd6\x05N\xa7\xdb\xe7\xb3\xe6\xf4\xdf\xa01\x96d\xb7\xff\xd7\x88\x11\x9c\xf3]\xbbC\x94?\xd6\x7f@(\xeb\xdf\x9c,\xd4\x00\x8c\x9d\xbb\xb7\xdf~\xbb\xa3\xa3\x83\nt\xc2O.\xd0\xfd:X\xb8\xfa\x01\x80R\xe2\xed\xf0\x8e\x9er~bJ\x1c!\xe4\xe5\x97_\x06\x80 \x8d\x08\'\xf2\xef\xec\x14(\xbde\xf8p\x8d1\x8b\xe7/P\xda\xa6\xaa?\x1e2$-&amp;&amp;t\xf9c\xfd\x1f\x17\xca\xfa7\'\x0b5\x00A\x10|&gt;\xdfk\xffx\x8d\x102hx\xfa\x90\x82\xf3\xbcnk-~\xe8\x89\x10\xe2\xf7\xebq\xc91\xa3\xa7\xe6r\xce7l\xd8\xb0w\xef\xde -\x870\xf2\xff\xc7k\xaf\x11BF\xa6\xa4\x14:\x9d\x1d\x16\xb8\xf2\xeb\xf4\x8c\xe5@\xa9QQ323C\x93?\xd6\x7fW\xa1\xac\x7fs\xb2J\x03\xd0u\x9d\x10\xb2\xadx\xdb\xae\x9d\xbb8\xe7#.\x1e\xa68$\xc6,t\xb0\xefT\x08!\xba_\x1fq\xf10J\xa9\xdb\xed^\xb9r%\x1c\xbfId/2\xf2/\xde\xb6m\xe7\xae]\x9c\xf3+\x06\rrH\x92n\xa5\x83\xad\xa7B\x08\xf1\xeb\xfa\xf4\xc1\x83C\x90?\xd6\x7fO\xa1\xa9\x7f\xd3\xb2J\x030N\xec,\xff\xf7r\xceyt\x9cc\xcc\xb4&lt;\xb53\xc2o{r\x96(%\xaa[\xcd\x1a503\x7f\x00!d\xc5\xca\x15\xc6\x95\xa2\xbd\xfbW\x8c\xfc\xff\xbd|9\xe7&lt;\xden\xffIVV\xa7\xdf/X\xe3\xd2\xdf\xd3\x13\x08\xe9\xf0\xf9\xc6\xa5\xa5]\xe0t\x12BV\xae\x08b\xfeX\xff=\x85\xa6\xfeM\xcb*\x9f\xd3\xd8\xff]\xfd\xe1j\x00\xc8\xc8v\xf6\xcbH\xf4\xfb4K\x1d\xec;\r\x9dq\xc5.\r\xbd`\x10\xe7\xbc\xb8\xb8x\xdf\xbe}\xbd\xbe\x17l\xe4\xff\xe1\xea\xd5\x00\x90\x9b\x944(.N\xd54L\xdf\xa0s\x1e%I\x13\xd3\xd2\x82\x9d?\xd6\xffI\x85\xa0\xfeM\xcb\x12\r\xc0x\xec\xd1\x81\x03\x07\x0e\xec?\x00\x00\xc3\xc6f\n\x12ex\xfc\xe18B\x88\xe6\xd3s\xc6f\n\x02U\xbd\xea\xe6\xcd\x9b\xa1W\xf7\x82\x03\xf9\xef\xdf\xbf\x1f\x00.NO\x97(\xe6\x7f\x02!D\xd5\xf5\x89\x19\x19\x02\xa5^5\x88\xf9c\xfd\x9fT\xb0\xeb\xdf\xcc\xac\xd2\x00\x00`\xcd\x9a5\xaa\xaa\n\x02\xcd\xbe`\x90\xeeg8\xfd\t \x04\xfc^\xffy9i\t)q\x00\xf0\xc1\x07\x1f@\xaf\xae\x858\x91\xbf\xcf\'P:&gt;=\xdd\xc70\xff\x13(!^M\xcbONN\x8b\x89\x81\xa0\xe6\x8f\xf5\x7f2\xc1\xae\x7f3\xb3D\x030\xbeK\xa3\xb1\xc7\xf7\x8bK\x1b\xd4\xcf\xef\xf5[\xe3\xfb=+\x84\x10Mg1\xf1\x8e\x8c\xa1N\x00(\xdeV\xecv\xbb{\xf1\x8a\x98\xae\xf9;cb\xb2\xe2\xe3\xbd\x9af\xe5\xe5\xff\xdd\x10\x00?cIv{^b"\x00l+\x0eb\xfeX\xff=\x05\xbb\xfe\xcd\xcc\x12\r\x80R\xea\xf3\xf9v\x97\xed\x06\x80\x81\xc3\xd3b\x13\xa34\x1dg@\xdf\xc19\'\x02\xcd\x1a5\x10\x00\xea\xeb\xea\x8f\x1c9\x02\xd0k\xf7\x884\xf2/\xdb\xbd\x1b\x00F$\'\xf7s8\xfc\x8ca\xfa]q\xce\x05J\x7f\x94\x96\x06\x00uuu\xc1\xc8\x1f\xeb\xff4\x82Z\xfff\x16\xf9\r\xc08\x00ZSSs\xf8\xf0a\x00\xc8\xc8I\xa3\xa2\xe5n\xf9tF\x84\x10]c\x19C\x9d\x84\x10\xaf\xd7[RR\x02\xbd\xb4\x01\x9c\xc8\xbf\xb2\x12\x00\xf2\x93\x92D\xeb\xddr\xeb\x8c\x08!~\xc6\xf2\x92\x93)!^U\rJ\xfeX\xff\xa7\x16\xbc\xfa7\xb9\xc8o\x00\xc6\xb7x\xf0\xe0\xc1\xce\x8eN\x00H\xcfN\xd5q\xfa\xd3\x03!\xa0\xfb\xfc)\x03\x92\xa2b\xec\x00PVV\x06\xbd\xb4\x01\x04\xf2\xefp\xbb\x01\xe0\xfc\xa4$\rO\x00\xf4@\t\xf1i\xda\xe0\xb8\xb8X{\xb0\xf2\xc7\xfa?\x8d\xe0\xd5\xbf\xc9Y\xa5\x01\x18-\xdd\x11mO\x1b\xdcOS5\xac\xffn\x08!\x9a\x9f\xc5\xf7\x8bI\x19\x90\x04\x00\xa5;K\xa1\x97\xce\x83u\xcd?\xc6f\x1b\x9a\x90\xa0\xea:\x0e@\xdd\x10\x00\x1fc\xa9QQ\x83cc\x01`giP\xf2\xc7\xfa?\x95\xe0\xd5\xbf\xc9E~\x030\xd4\xd6\xd6\x02\x80b\x93\xec\xd16\xa6G~c\xff\x1e8\xe7\x92,F\xc5\xd9\x01\xa0\xae\xae\xcexnTo\xfdr#\x7f\x87$\xc5*\x8a\xcey\xe4oX\xe7\x8esn\x13\xc5\x04E\x81\xa0\xe5\x8f\xf5\x7f\x1aA\xad\x7f\xd3\x8a\xfc\x06`\\\xd4W\xbc\xad\x18\x00R\x06&amp;\xc7&amp;D\xe9\x1a\xce@O\x82q.\x88\xd4X\x08Q\xb1\xa7\xa2\xb5\xb5\xb5W\x9e\x8fa\xe4\xbf\xad\xb8\x18\x00\x86\xc4\xc5%\xd9\xed~]\xc7\xf4{b\x9c\x8b\x94\xe6%\'\x03\xc0\x9e={z7\x7f\xac\xff3\nR\xfd\x9b\\\xe47\x00\x83\xf1E\x12\x00\x82\x97\xbf\x9f\x069\xb6\xdb\xab3]\x10\x84^\xfc\xc5\x81\r\tW\x7f\x9e\x06\x010\xd2azP\xf2\xc7\xfa?\x83\xa0\xd5\xbfiE~\x030N\xebWUU\x01\x80=\xc6\x86s\x9f\xd3\xe0\x9c\xdbcm\x00\xe0\xeet\x1b\x89\xfd\xf0\x19P\xd7\xfc\xe3d\x19\x1b\xc0ip\xce\xe3\x14\x05\x00:\xddA\xc9\x1f\xeb\xff\xf4\x82Q\xff&amp;\x17\xe1\r\xc08\x90\xe7v\xbb\x8f\x1e=\n\x00\xe9\xd9\xa9x\x11\xfc\xa9\x10B\x98\xce\xd3\xb3S\x01 \x90\xd8\x0f\xdc\x00N\xe4\x7f\xe4\x08\x00\x9c\x9f\x94\x847\x818\x15B\x88\xc6ynR\x12\x00\xb8=\x9e^\xce\x1f\xeb\xffL\x82Q\xff\xe6\x17\xe1\r\xc0@\x08\x91$\t\x008\xde\xff\xf6L\x02\x11\x19\x89\xf5\x8a@\xfe8\xf4\x9cQ\xe0\x16\xd9\xc1\xc8\x1f\xeb\xff\x8c\x82Q\xffff\x89\x06\x00\x16\xe8\xe4\xbd\xaew\x13\xc3\xfc\xcfR\xe0\x00\r\xe6\xdf\xb7,\x92\x98U\x1a\x00B\x08\xa1n\xac\xd2\x00\x8cs_\x16\xe9\xea?D \xa2\xde=[x,\xff^\xfc\x8d\x11*\x10QP\xf2\xc7\xfa?\x93 \xd5\xbfiY\xa2\x01p\xce5M\x03\x00Q\xb2\xc4\xd2\xae\x1f"\x10\x91\x91X\xaf\x08\xe4/\xe13\xa8\xceD:\xfe,\xaa`\xe4\x8f\xf5\x7fF\xc1\xa8\x7f3\x8b\xfc\x06\xc09\x97$)..\x0e\x00\x1a\x8f\xb60\xbc\x11\xca\xa9\x11J\x1a\x8f\xb6\x00@ \xb1\x1f\x9e\xd5\xb1\xfc\xe3\xe3\x01\xa0\xb2\xad\xcd\x8f7\x02:5JHe[\x1b\x04#\x7f\xac\xff\xb3\x10\x8c\xfa7\xb9\x08o\x00\x84\x10\xceyLLLNN\x0e\x004V\xb72\r\xefCpr\x9csJIcU+\x00\xc4\xc5\xc7\r\x1d:\x14~\xf0\x06\xd0-\xff\xc3\xed\xed\x1a\xde\x07\xe2\x148\xe7\x02!\x87\xda\xda\x00 &gt;66\x18\xf9c\xfd\x9fF0\xea\xdf\xfc"\xbc\x01\x04\xf8|&gt;\x00\x90d\x01\xaf\x84&lt;=I\x11\x01@\xd7u]\xd7{\xf1\xd7\x1a\xf9+\x82\x80\x17\x82\x9d\x9eM\x10 h\xf9c\xfd\x9fQ\x90\xea\xdf\xb4"\xbf\x01\x18\xcf\xc3\x1b1b\x04\x00\xd4\x1fmno\xe9\x14\xf0~\xe8\'c\xdc\x12\xbdjo\x1d\x00dgg\xc7\xc6\xc6\xf6\xca\xfd\xb0\xba\xe6\x7f\xb0\xad\xad\xc9\xed\x16)\xc5\xf4{2\x1e\t\xb0\xbb\xb9\x19\x82\x96?\xd6\xffi\x04\xa9\xfeM.\xf2\x1b\x80!\xcd\x99\x06\x00\x9ev\xaf\xd7\xadRj\x95O}N\x08\x80\xae\xb1\xf6\x96N\x00\xe8\xd7\xaf\x9f(\x8a\xbd8L8\xd3\xd2\x00\xa0MU;\xfc~!\xd27\xaa\xef\x87\x02h\x8c5z&lt;\x00\xd0/%\xa5w\xf3\xc7\xfa?\xa3\xa0\xd6\xbfiE~)\x18=\xbc\xa0\xa0\x00\x00:;&lt;\xf5G\x9a\x04Y\xb0\xc07{n8\xe7\xa2(\xb47w6V5\x03@^n\x1e\x1c\x9f&lt;\xfe@]\xf3o\xf3z\x0f\xb9\\\xb2(\xe2%\xc1\xddp\x00Q\x10\x1a\xdd\xee\xca\xf6v\x00\xc8\xcd\x0bJ\xfeX\xff\xa7\x12\xbc\xfa79\xab4\x80A\x83\x06)6\x853^\xb5\xb7^\x10-\xf1\xb8\xe7s\xc29\x08\x8a\xd8P\xd5\xdc\xd6\xd2\t\x00\xc69\xc3^\x11\xc8\xdf\xa6(\x8c\xf3]MM\x92\x05\xee\xb2{\xae8\xe7\x8a T\xb6\xb55\xb9\xdd\x10\x9c\xfc\xb1\xfeO#x\xf5or\x16j\x00iii\x00P\xb5\xb7\x16p!J\x0f\x9csQ\xa45\xfb\xebuM\x17%q\xe4\xc8\x91p\xfcV\xf2?\xd0\x89\xfc\x9dN\x00\xd8\xd5\xd4\xc41\xff\x1e\x18\xe7\x12\xa5\xe5\xcd\xcd\x9a\xaeKbp\xf2\xc7\xfa?\xb5\xe0\xd5\xbf\xc9E\xfe\'$\x840\xc6\xecv\xfb\xb0\x9ca\x00phW\x95\xbb\xcd+\x08\x14\xafK\xed\xca\x18\x11\xf6m\xab\x04\x80\xc4\xc4\xc4\xcc\xccL\xe8\xa55p\x81\xfcs\x86\x0f\x07\x80m\r\r\xad\xaa*Z`\xd3:\'F\xd0_\xd6\xd4@\xd0\xf2\xc7\xfa?\x8d\xe0\xd5\xbf\xc9Yb;4\x8e\xe5\x15\x16\x16\x02@CUK\xdd\x91&amp;Q\x91p\'\xb8\x0b.\x08\xd4\xdd\xee\xad,\xab\x06\x80\xf3\xcf??&amp;&amp;\x86\xf5\xde\x15[]\xf3?\xecr\x1dlmUD1\xf2\x0f\xaf\x9e\x0b\x91R\x97\xaanol\x84 \xe7\x8f\xf5\x7f2\xc1\xad\x7f3\xb3D\x030\xbe\xc8\xe9\xd3\xa7\x0b\xa2\xe0\xf7\xf9\x0f\x96\x1e\x95d\xc1\x02\'x\xce\x16\xe7 )R\xed\xa1\xc6\x86\xea\x16\x00\xb8r\xfa\x95\x94\xd2^&lt;\x03\x16\xc8_\x14\x04U\xd3\xbe\xad\xabS\x04\xc1\ng\xd8\xce\x12\x03PDq_K\xcba\x97\x0b\x00\xa6_\x19\xac\xfc\xb1\xfeO*\xd8\xf5of\x96h\x00\xc6\xb1\xbc\x11#F\x18\x87Aw}\xb1\x973Np\x17\xf88\xc6\xb8\xa4\x88\xe5[\x0f\xf8U?\xa5t\xca\x94)\xd0\xab\xfb\xbf\xdd\xf2\xdfp\xf80\xb3\xc0\n\xeb\xb3\xc7\x18\xb3\x89\xe2gUU\xaa\xa6\x85 \x7f\xac\xffn\x82]\xffff\x89\x06@\x08\xd1u\xdd\xe1pL\x9d2\x15\x00\x8e\x94\xd7\xb8\x9a;E\t\xd7B\x1cC\x800\x9d\xed+\xae\x04\x02Cs\x86\xe6\xe6\xe6r\xce{\xf1\x99\xa8\x81\xfc\xa7L\x9d\n\x00%MM\rn\xb7\x8c\x97\x83\x1dG\x08\xd1\x19\xfb\xb2\xa6\x86\x00\xe4\x0c\rb\xfeX\xff\'\x15\xec\xfa73K4\x80\x80\x993g\x02@S]\xeb\x8eO\xcb\x94(\x05W\xa3\x83\xb1\x00\xd1.\x1d\xdeSS\xfe\xcd\x01\xe00\xe3\xc73\x14E\t\xd2u\xf0F\xfe\xd5mmk\x0f\x1e\x8c\x92e\xcc\x1f\x00\x18\x80C\x92J\x1b\x1a6UUq\x80\x1f\xcf\x08z\xfeX\xff]\x85\xb2\xfeM\xc8*\r\xc0\xd8\x0b\x9e4iRzz:\x00l\xdb\xb0\x1b\x18\'X\xff\x00\x8cq\xd9.\x95|^\xa1z|\x82 \\w\xddu\x10\x84\xfd\xdf\x13\xf9\xf7\xefO\x00V\x1d8\x80\xd3O\x03c\xcc!\x8a\xeb*+\xdd\xbe\x90\xe4\x8f\xf5\xff]\xa1\xa9\x7f\xd3\xb2J\x03 \x84h\x9a\x16\x13\x13s\xd3M7\x01@E\xf1\xa1#{k\x15\xbb\x8c\xc3\x90@\xa9\xbb\xdd\xfbMQ)!d\xcc\x981\x85\x85\x85\x8c\xb1^\xdf\xff=\x91\xff\xcd7s\x80-55\xbb\x1a\x1b\x1d\x92d\x89\x13m\xa7e\xac\xffY\xb1o_\x88\xf2\xc7\xfa\xff\xae\xd0\xd4\xbfiY\xa5\x01\xc0\xf1I\xd0\xdc\xb9s%IR=\xbe\xadkKe\xbb\xcc\xac\xfd\x98l\xc6\xb8=Z\xd9\xb3\xf5`\xd5\xfe:\xce\xf9\xad\xb7\xde\x1a\xbc\xf5\x0f\'\xf2\x17E\xb7\xcf\xf7\xef\xbd{\x1d\xa2h\x91\xb5\x16\xa7\xa2s\x1e#\xcb\x9b\x8e\x1e-oj\n]\xfeX\xff\xc7\x85\xb2\xfe\xcd\xc9Z\r\x801\x96\x9b\x9b{\xf1\xc5\x17\x13B&gt;_\xf1M\xfd\xe1&amp;Y\xb6\xc4-\x9fN\x85\x00h\x9a\xbe\xee\xf5M\x9c\xf3\xd4\xd4\xd4k\xaf\xbd6x\xa7\xbfN\xe4\x7f\xc9%\x84\x907\xca\xca\x0e\xb4\xb6\xdaD\xd1\xba\xe9\x03\x10\x00\x1fc\xcfo\xdf\x1e\xd2\xfc\xb1\xfe\x8f\x0be\xfd\x9b\x93\x85\x1a\x00\x1c\x7f\xe0\xe7}\xf7\xdd\xc79oo\xe9\xfcj\xcd\x0e{\xac\x8d\xe9\x16\xdd\x00\x8c\xe9\xcf\xfe\x1dG*\x8a\x0f\x01\xc0\xacY\xb3\x92\x93\x93u]\x0f\xde\x01\xd0\xae\xf97\xb9\xdd\xefUT\xc4)\x8af\xa5\tWW:\xe71\x8a\xf2MM\xcd\x17\xd5\xd5\x10\xf2\xfc\xb1\xfeC_\xff&amp;d\xad\x06@)\xe5\x9c_z\xe9\xa59\xc3r\x08![&gt;\xd8\xd6R\xdb&amp;Y\xf8\xe6\x88\x1c`\xe3\xdb[\x00@Q\x94[o\xbd\x95s\x1e\xd4\xfb\x9f\x04\xf2\x1f\x96\x93C\ty\xa7\xbc\xbc\xaa\xa3C\x11\x04\xab\xc6\x0f\xc0\xf9\xcb%%\x10\xf2\xfc\xb1\xfe\r!\xae\x7f\x13\xb2\xd6\xa7\r\xdc\x17\xe5W\x0f\xff\x8as^{\xb8\xf1\xa3\xa5\x9b\x1d\xb1v\xa6[n\x12\xca\x18\x8b\x8a\xb1\x95n\xaa\xf8v\xc3.\xce\xf9\xcd7\xdf&lt;|\xf8p\xc6XP7\x80@\xfe\x0f\xff\xeaW\x8c\xf3\xfd\xad\xad/n\xdf\x1eo\xb3\xe9\xd6\xdb\t\xd09\x8fW\x94\xf5\x95\x95\xab\xf6\xef\x0f}\xfeX\xff}R\xff&amp;d\xadO\x0b\x00\x82 \xe8\xba~\xcb-\xb7\\|\xf1\xc5\x00\xb0i\xe5\xb7\xb5\x87\x1ae\x9b\xe5\x8e\x84\x12 \x9a\xa6\x17\xbd\xf69!$))\xe9\xf1\xc7\x1f\x0f\xcd\xf3\x8f\xba\xe6O\x00\x96\x96\x95\xedmn\xb6[\xefL\x00\x01\xf03\xf6lqq\x1f\xe6\x0fX\xff!\xaf\x7f\xb3\xb1\\\x030\x08\x82\xb0p\xe1BA\x10\xda[:W&gt;\xbf\xde\x16e\xad#\xa1\xba\xc6\xa2\x13\x1c\x9bV|[\xb1\xed\x10\xe7\xfc\xfe\xfb\xefw:\x9d\xa1\x9c\xfe\x18\xf9SAhr\xbb\x1f\xff\xea\xabhY\xb6\xd4N\x80\x9f\xb1$\xbb}\xe9\xee\xdd[\xaa\xab\xfb0\x7f\xac\xff\xbe\xaa\x7f\xf3\xb0\xdc\x07\x86\xe3\x93\xa0I\x93&amp;\xcd\x9a=\x0b\x00\xb6\xae+-\xde\xb0+:\xce\xae[cG\x98s.\xdb\xc4\xfa#\xcd\xab\xfe\xf61\xa54\'\'\xe7\x81\x07\x1e\x08\xf1\xe8c\xe4?{\xd6,\x00X\xb1o\xdf\xea\xfd\xfb\x13l6\x8b\x9c\rf\x9c\xdbE\xf1\xa0\xcb\xb5x\xeb\xd6\xbe\xcd\x1f\xeb\xbfO\xf27\x15+~f8~0\xf4\x89\xc7\x9f\x88\x8b\x8f\xe3:\xff\xd7\x9f\xff\xd3\xd9\xe6\x91\xacqw\x14\xce\xb8\xe2P\x96\xfd\xf9?\xae\xa6v\xc6\xd8\xb3\xcf&gt;+\xcbr\x88\xf7\x7f\x8d\xfc\x1f\x7f\xe2\x89\xf8\xb88\x9d\xf3_o\xda\xd4\xaa\xaa\xb25\xce\x063\xce\xa3%\xe9\xd7\x9f\x7f^\xdf\xd9\xd9\xb7\xf9c\xfd\xf7U\xfe\xe6a\xd1\x06`,\x87p:\x9dO?\xf54\x07\xdeP\xd5\xfc\xf6\xa2\xd5\xb6(\x1b\x8f\xf4\xebbtM\x8fI\x8c\xda\xf0\xd6\x96\xe2\x8fw\x03\xc0\xdc\xb9s\xa7M\x9b\xa6\xebz\x88\xd7&gt;\x07\xf2\x7f\xea\xe9\xa7\x81\xf3C.\xd7C\x9f}\x16c\x81\x03A~\xc6\xfa9\x1c/\x97\x94|x\xe0\x00\x98 \x7f\xac\xff&gt;\xc9\xdf&lt;\x88\x15z\xfe\xa9h\x9a&amp;\x8a\xe2\x8d7\xde\xb8l\xd92\x00\xf8\xd9C3.\x9b5\xde\xd5\xd8.\x88\x91Y\r\xba\xce\xa2bl\x87vW?y\xfb\xab\xaa\xc7\x97\x99\x99YRRb\xb7\xdb\t!}2\xfd\xe9\x96\xff\xe2\x8b/\xbek\xe4\xc8\xba\xceN)Bw\xc65\xc6\xe2\x15e[}\xfd5+W\xba\xfd~\xb3\xe5\x8f\xf5oA\x91\xb9\xa5\x9d%\xe3`\xe8\x8b/\xbe\x98\x99\x99I\x08Y\xfe\xd7\xa2\xf2\xad\x07\x1c\xb1\x91y0\x941.\xc9b{\xab\xfb\xb5\xdf.\xf7y\xfd\xa2(\xbe\xf5\xd6[QQQ\xd0w\xb7\xbe\xea\x96\xff\xa3_|\xf1\xf9\xd1\xa3\xf1\x11zi\x18\xe3\\\x11\xc5&amp;\xaf\xf7\xbf7lpk\x9a\t\xf3\xc7\xfa\xb7 K7\x00\xa3\xf3\'&amp;&amp;\xbe\xf5\xd6[\x84\x10\x9f\xc7\xff\xf7_\xbd\xdb\xde\xd2\xa9\xd8\xa4\x08\xbbG\n\xe7@\x08(v\xf9\xf5\xdf\xaf\xa8&gt;P\xcf9\xff\xf3\x9f\xff&lt;n\xdc8M\xd3\xfa\xf0\xdcW\xb7\xfc\xdd\x9av\xd7\xbau\x8d\x1e\x8f]\x92\xf4\xc8\xda15&gt;L\x94$\xdd\xbbqcys3\x982\x7f\xac\x7f\x0b\xb2\xf4\x87\x07\x00J\xa9\xa6i\xe3\xc6\x8d{\xf1\xc5\x179\xf0\xa6\x9a\xd6\xbf\xce\x7f\xdd\xef\xd3DI\x88\xa4m\x803\x16\x15\xebx\xed\xb7\xcb\xb7\x7fZ\x0e\x00s\xe6\xccY\xb0`\x81q\x04\xa0o\xdfX\xd7\xfc\x81\xf3#\x1d\x1d7\xaeZ\xa5j\x9aLi$\xdd\xad\x9eq\x9e`\xb3\xcd_\xbf~\xed\xc1\x83`\xd6\xfc\xb1\xfe-\xc8\xea\r\x00\x00DQ\xd44\xed\x8e;\xee\xb8\xf3\xce;\x01\xe0py\xf5\xd2\xc7&gt;P\xec\x12\xa5\x11r\x82D\xd7X\\r\xcc\xba76m\xfe\xa0\x18\x00\n\x0b\x0b_x\xe1\x05\xf3\xdc\xf3\xf6;\xf9s^\xd2\xd0\xf0\xbf\x9f~\xea\x90$BHd\xf4\x00\x8d\xb1\x14\x87\xe3\x85m\xdb\xde.+\x03\x93\xe7\x8f\xf5o1\xd8\x00\x00\x00\x04A\xd04\xed\xa5\x97^\xba\xfd\xf6\xdb\x01\xe0\xeb\xb5%K~\xb3\xdc\x16\xa5PJ\xc3z\x1e\xc490\x9d\xc5%G\x17\xbd\xbei\xd9\x93k\x00\xa0\xb0\xb0\xb0\xa8\xa8\xc8\xe1p\x80\x99\x0e}v\xcb\x7fyE\xc5\xfc\xf5\xebcdY\x08\xf3\xfd\x00\x0e\xa0s\x9e\x1a\x15\xf5\xfc\xb6m\xbf\xde\xbc\x19\xc2$\x7f\xac\x7f\xeb\x88\x90&amp;\xff\xc3q\xce\x8dI\xc1\x1dw\xdc\xf1\xca+\xaf\x00\xc0\xf8\x19\xa3f?r\rc\\\xf3iT\x08\xbfN\xc9\x19\x07\x02Q\xb1\xf6\x8f\xde\xfc\xe2_\x8b\xff\xc3\x81\x1b\xd5\x9f\x90\x90`\xc2\xcb^z\xe6\x7f\xd3\xb0aO_z)\xe3\xdc\xabi\xa2\xc9\xde\xed\xd90\x1e|\x1f\xaf(/m\xdf\xfe\xf0\xa6M\xc0\xf9\xd8\xc2\xc2\xb5\xe1\x93?\xd6\xbf\x15`\x038\xa1\xe76\x90\x99?`\xfe_n\x89M\x8c\xeal\xf3\x84\xd7\xda8\xa63Q\x16e\x9b\xf4\xcf\xdf\xaf\xd8\xb4\xf2[\x00\x18;v\xec\xda\xb5k\xcd\\\xfd=\xf3\xbf 5u\xe9UW\xf5\xb3\xdb[T5\xbc\xd6\x86j\x8c)\xa2\xe8\x10\xc5{6n|s\xf7n\x000\xf3\xe8o\xc0\xfa\xb7 l\x00\xdf\xd1s\x1b\xc8\xc8v\xfe\xe2\xd1k3\x0b\xcekk\xea\x10\x04\n\xe1\xb0\xd7\xa8k\xba#\xd6\xde\xd1\xe2~\xe3\x8f\xefo\xfbx7\x00\x14\x8e-,Zk\xea\xd1\xc7\xd0=\x7fB\xceOL|v\xca\x94B\xa7\xb3\xc1\xed\x16(\r\x87\xf8\xc1\xcfX\xbc\xa24y&lt;\xff\xf3\xc9\'\xc6\x05_\xe6\x1f\xfd\rX\xffV\x83\r\xa0\xbb\x9e\xdb@T\xac\xfd\xe6\xff\xf7\xe3\xf13Fu\xb6y\x98\xce\xcc\xbc;\xcc9\xe7\x8c\xc7$F\xed\xdfq\xe4\x9f\xbf_qto-\x84\xdb\xdc\xa7g\xfeq6\xdb\xa2\x8b.\xbai\xf8\xf0V\xafW\xe7\\0\xf1\xa1[\xc69\xe7&lt;\xc9\xe1\xf8\xa6\xb6\xf6\xde\x8d\x1bw56B\xf8\xe7\x8f\xf5\x1f\xc1\xb0\x01\x9c\x04\xe7\xdcx4\xc43\xcf&lt;s\xdf}\xf7\x01\x00\x00\x99|\xd3\xb8\x99\xf7^.\xca\xa2\xbb\xddK\x053^:\xa8kL\xb6I\x8a]\xfex\xd9\x97\xcb\x9fY\xe7\xe9\xf4\x02\xc0\xbcy\xf3\x9ey\xe6\x99\x98\x98\x980\xaa\xfe\x93\xe4O\xc8m\xf9\xf9\x8f\x8e\x1f/\x0bB\x9b\xaa\x9asW@c\xcc&amp;\x8aQ\x92\xf4ji\xe9\xef\xb7liWU\x88\x98\xfc\xb1\xfe#\x146\x80\x93\x0bl\x03EEE\xf3\xe6\xcd\xab\xae\xae\x06\x80A\xb9\x197&gt;0=gL\xa6\xbb\xdd\xa3\xf9tA4K=1\x9d\x11J\xa2\xe3\x1d\xf5G\x9a\xdf\xfb\xcb\xdao&gt;\xda\t\x00\xb2"/zb\xd1\x82\x05\x0b\x00 \xec\xaa\xff\xa4\xf9\x8fJM}l\xe2\xc4\t\xe9\xe9.U\xf5\xe9\xbay\xce\x0c\xeb\x9c\x13\x80D\xbb\xfd\x90\xcb\xf5\xbb\xcd\x9b\xdf\xdf\xbf\x1f8Wd\xf9\x89E\x11\x95?\xd6\x7f\xe4\xc1\x06p:\xc6\xa5"555s\xe7\xce-**\x02\x00I\x96\xa6\xce\xba\xf0\xb2Y\x13\xe2\x93c\xcc\xb0Gl\xac\xd2s\xc4\xd8t\xbf\xbe\xf9\x83\xe2\xd5\x7f\xfb\xb8\xa5\xa1\r\x00rrr^}\xf5\xd5\t\x13&amp;0\xc6\xc2\xf7V\'=\xf3\x97E\xf1\xee\x11#\xfek\xe4\xc8\xd4\xa8\xa8V\xafWgL\xe8\xd3\r\xdb\xb8b9NQ\xfc\xba\xfevy\xf9\xe2\xad[k;:\x00 g\xe8\xd0W\x97,\x89\xbc\xfc\xb1\xfe#\x0c6\x803\x08\xdc)\xf0\x99g\x9ey\xe8\xe1\x87T\xaf\n\x00\xceA\xfd\xa6\xcd\x9ePxE\xbe=\xda\xe6i\xf72\x9dQ\x1a\xea\xf3c\x8c1\x02\xc4\x16\xad\x00\x87][\xf6\x16\xfdsS\xf9\xd6\x03\xc6\x8fn\xbb\xed\xb6\'\x9f|2...\x02\xaeu\xec\x9a\xff\xc3\x0f=\xe4UU\x00\xc8JH\x98?r\xe4O\xb3\xb3c\x14\xa5MU5\xc6B\x7fP\xc8\x98\xf5\xc7\xc82\x00l&lt;|\xf8\xb9m\xdb&gt;?z\xd4\xf8Q\xa4\xe6\x8f\xf5\x1fy\xb0\x01\x9cY`\x12\xb1s\xe7\xce\x07\x1f|p\xcd\x9a5\xc6\xbfg\xe6\r\xb8b\xeeE9c2\xa3\x13\x1c\x9e\x0e\xaf\xee\xd7\x81\x90`\x0fD\xc6i.*P[\x94\xa2\xf9\xf5\x83;\x8f|\xfc\xceW[\xd7\x95\x1a?\xcd\xcb\xcf[\xbch\xf1\xf4\xe9\xd3\xa1\xcb\xa6\x1b\xeeN\x95\xff\x05N\xe7=\xa3GOLOO\xb4\xd9\xda}&gt;\x9f\xaeSBh\x90\xe7z\x8cs\xc6\xb9Hi\xb4,\xfbu\xfd\xdb\xba\xba\xbf\x97\x96\xae\xdc\xb7\x0f8\x07\x80\xfc\xbc\xbcE\x8b\xad\x92?\xd6\x7f\x04\xc0\x06p\xb6\x02\xf5\xf4\xce;\xef\xfc\xe9O\x7f*-=Vs\x19Y\xce\xc97\x8f\x1by\xe9\xf9qI1\xba\xa6{\xdd*c\x9c\x1a{\x9d\xbd\xb7-p\xc69\xe7@@\xb1\xc9\x92M\xf2tx+\xbe=\xb4\xfe\xcd/\xca\xbe&lt;\xc0\x81\x01@\xaa3\xf5\x97\xf3\x7f\xf9\xe0\x83\x0f\xca\xb2\x1c\x91\xbb\xbd\xdf\xc9\xff\xb1\xc7Jw\xee4\xfe}xr\xf2\xed\xf9\xf9Wef\xa68\x1c~\xc6:}&gt;\x9d\x1f\xcb\xbf\x17?\xbf1\xee\x13B\x1c\xa2h\x17\xc56\x9f\xef\x8b\xea\xea\x17w\xec\xf8\xf4\xe8Q`\x0c\x00\x9c\xa9\xa9\xf3\x7fi\x99\xfc\xb1\xfe#\x056\x80s\xc0\x18\x03\x00J\xa9\xcf\xe7[\xbcx\xf1\xf3\xcf?_[[k\xfc(9-a\xd4\x94\xf3GL\x1a6d\xe4y\x8a]\xd2|\xbaO\xf5\xeb\x9a\x0e\xdc\xb8\xe9\xe29_w\xce\xf9\xb13q\x00@\x05*)\xa2\xa4HLgG\xf6\xd4\xec\xfab\xef\xd6\xa2\x9d\x87\xf7T\x1b\xaf\xb4\xd9l?\xfb\xd9\xcf\x16.\\\x98\x9e\x9e\x0e\x11=\xf1\xe9\x9e\xffs\xcf\xd5\xd6\xd5\x19?\xca\x88\x8d\x9d\x91\x99y\xf9\xa0Ac\xd3\xd2\xa2$I\xd5u\xaf\xa6\xf9\x19\xe3F38\xf7\xeb\xfe\x8f\xc5\x0f\x00\x00\x02!6A\xb0\x89\xa2\xceyic\xe3\xc6\xca\xca\x15\xfb\xf7\x9764\x18\xb3~\xbb\xa2\xdc|\xcb-V\xcc\x1f\xeb?\xfca\x038g\x81\n\xab\xab\xab{\xe3\x8d7^\x7f\xe3\xf5\xd2\x92c\xb3!\x02$k\xe4y9\x85\x83s\xc6df\x0cuF\xc7;\xa8@uM\xd7|\x9a\xeeg\x8cs\xe0\x9c\x03\x10\x00 \x04\xe0\xd8\x7f\x1e\xfb\x8f\xe3\xdf\x841w\x11DA\x94\x04A\x12\x00\xc0\xd3\xee\xad?\xdcT\xbe\xf5\xe0\xbem\x95e_\xed\xf7zT\xe3\xcf9\xd3\x9c\xb3n\x995g\xce\x9c\xbc\xbc&lt;\x00\xd04M\x10\x84\x88\x9f\xf8t\xcb\xff\x8d\xd7_/9&gt;\x1b\x05J\xc79\x9d\x13\xd3\xd3\'\xa4\xa7\xe7%\'\'\xdal"!~\xc6T]\xf73\xc6x`H?\xf9xd\xfc\xd4\x98:J\x94\xca\x82`&lt;\xa5\xb2MU\x0f\xb8\\\x9f\x1f=\xfaeM\xcd\xa7UUn\xf5X\xfeiN\xe7-\xb3\xac\x9e?\xd6\x7fX\xc3\x06\xf0}\x04.\x96\x01\x00\x9f\xcf\xb7v\xed\xda%\xaf-Y\xb7n\x9d\xc7\xed1^@\x80$\xa7\'\x0c\xc8I\x1b2b@F\xb63\xe5\xbc\xa4\xb8\xe4hI\x16\xa9(\x10\x02\x9c\x03\xd3\xd8wv\x909\x10\xe1\xd8\xf1S]c\xba\xc6\xda[:\x1a\x8f\xb6\xd4\x1cl\xd8\xbf\xe3\xf0\xe1\xb2\x9a\xba\xc3M&gt;\xd5\x17x\xf9\x84\t\x13~\xf1\x8b93f\\\x9d\x9a\x9a\n\x00\xba\xaeSJ\xadS\xfa=\xf3\x7fm\xc9\x92uEEn\xaf\xf7\xd8+(\x1d\x18\x1b\x9b\x97\x944\xd6\xe9\xccMJ\xca\x8c\x8fOu8\x14A\x10)%\x84p\xce5\xc6\xa0k\\\x9cSJ\x8dK\xcc\xfc\x8ci\x8c5z&lt;\x95.WEK\xcb\xd7\xb5\xb5;\x1a\x1b\xf7\xb7\xb6\xaa~\x7f\xe0\xe5\x13\'L\x983g\xce\x8c\xab1\x7f\xac\xff\xf0\x86\r\xe0\xfb\xe3\x9c\xeb\xba\x1eXfP^^\xbez\xf5\xea\x95\xef\xaf\xdc\xba\xf5k\x9f\xea\xef\xfa\xca\x98\xf8\xe8~\x19\x89\x8eX[\xc6P\xa7 R[\x94\x92\x91\xedd:\x0bL\x80\x04\x896\x1emi\xaes\t\x02\xad\xdaW\xdf\xe9\xf2\xd4\x1fnjml\xe7\xfc;\xcff\xca\xcd\xcb\x9d~\xc5\xf4k\xaf\xbdv\xfc\xf8\xf1\xc6\xbf\x18O\xb4\xb0\xe6\x1a\xe7\x93\xe6\xff\xfe\xca\x95[\xbf\xfe\xba\xeb`\r\x00\t\x0e\xc7\xe0\xb8\xb8xE\xc9KJ\x12)\x8d\x96\xa4\xdc\xa4$c\x19\x8f\xf1{$A\xa8lk\xab\xea\xe8\x10(-kjjV\xd5\x03.W]g\'|\xf7\xd9dy\xb9\xb9WL\xc7\xfc\x8f\xc1\xfa\x8f\x00\xd8\x00~(c6D\x08\tTaYY\xd9W_}\xb5j\xf5\xaa\xe2o\x8b\xab\xab\xab|&gt;\xff\xe9\x7f\xc3\xe9\xa5\xa6\xa6\xe4\xe7\x17\\q\xc5\x15\x93&amp;M\x1a=z\xb41\xed2\xfe(\xcez\xe0\xd4\xf9\xaf^\xb5\xaa\xf8\xdbo\xab\xab\xab\xbb5\x83s\xe5LI\xc9\xcb\xcf\xbfb\xfat\xcc\xff\xa4\xb0\xfe\xc3\x1a6\x80^\xc3\x183\xf6\x8b\x03E\xe9v\xbb+++\xcb\xcb\xcbKKKKJK\x9a\x9a\x9av\xef\xde\xad\xebz[[\x9b\xffd[ERr\x12\x00dee%$$\x8c\xb9`\xcc\x90!Crss\xb3\xb3\xb3\xe3\xe3\xe3\x03\xaf\xd14\x8d\x10\x82\xa7\xb9z:]\xfe%%\xa5\xa5\xa5M\x8d\x8deee\x9a\xa6\xb5\xb5\xb5\xf94\xad\xe7o\xe8\x97\x94\xc49\xcf\xca\xcaJHL\x1c3fL&amp;\xe6\x7f.\xb0\xfe\xc3\x116\x80\xdegl\t\'-S\x97\xcb\xc5\x18\xab\xad\xad\r,\x9f\x08\x88\x8e\x8e\xce\xce\xce\xe6\x9c\'$$\x9c\xea\x17\xe2\x94\xe7l`\xfe}\x0b\xf3\x0f#\xd8\x00\x82\x88wa,L&gt;\x9b\x83\x95\xc6\xeem`E\n\x16\xfd\xf7\x86\xf9\xf7-\xcc\xdf\xfc\xb0\x01\x84\x94\x916\xef\xb2\x1e\xb1+c\xf3\xc0r\x0f\x1e\xcc\xbfoa\xfef\x83\r\x00!\x84,\n\x97O!\x84\x90Ea\x03@\x08!\x8b\xc2\x06\x80\x10B\x16\x85\r\x00!\x84,\n\x1b\x00B\x08Y\x146\x00\x84\x10\xb2(l\x00\x08!dQ\xd8\x00\x10B\xc8\xa2\xb0\x01 \x84\x90Ea\x03@\x08!\x8b\xc2\x06\x80\x10B\x16\x85\r\x00!\x84,\n\x1b\x00B\x08Y\x146\x00\x84\x10\xb2(l\x00\x08!dQ\xd8\x00\x10B\xc8\xa2\xb0\x01 \x84\x90Ea\x03@\x08!\x8b\xc2\x06\x80\x10B\x16%\xf6\xf5\x1b\xb0\xa2S=\x87\x19\x1f\x87\x1d\x1a\x98\x7f\xdf\xc2\xfc\xcd\x03\x1b@p\xf1.\x00\x80R\x1a\xf8\xdf\x9e\x18c\x81\xff%]\x84\xf0\xfdF\x1a\xcc\xbfoa\xfe&amp;GN\xd5\x8d\xd1\xf7f\x94;c\x8c\x10"\x08B\xcf\x170\xc6\\.\x17!\xc7\xc27\xfe\xc3f\xb3\xd9\xed\xf6\x93\xbe\xd8\xf8U\x94R\xdc\x18\xce\x06\xe6\xdf\xb70\xff0\x82\r\xa0\xd7\x18E\xcf9\x17\xc5\x13\xfbU\xba\xaeWWW\xef\xdb\xb7\xaf\xa4\xa4\xa4\xb1\xb1\xf1\x9b\xad[5M\xab\xad\xad\xad\xad\xa9\xe9\xb6\x01DGGgggs\xce\xf3\x0b\n\x92\xfb\xf5\x1b3f\xcc\x80\x01\x03\x06\x0e\x1c\xe8p8\xba\xfe6\x00\xc0-\xe1\xa4N\x9f\x7fiIIcc\xe3\xd6o\xb6j\x9aVW[[[{"\x7f \x048\x8f\x8e\x8e\xce\xca\xca\xe6\xc0\xf3\xf3\x0b\x92\x931\xffs\x86\xf5\x1f\x8e\xb0\x01\xf4\x02\xce\xb9\xae\xeb\x81\xba\xd7u\xbd\xa2\xa2\xa2\xa8\xa8h\xd3\xe7\x9fW\xec\xd9SYY\xd9\xd6\xd1\xf1=~\xad,\x8a\xe9\xe9\xe99\xc3\x86\xfd\xe8\xc2\x0b\xa7M\x9b6b\xc4\x88\xc0\xc6\xa0i\x1a\xa5\xf4T\xbb\xd2Vs\xca\xfc7}^Q\xb1\xa7\xb2\xb2\xb2\xad\xed\xfb\xe4\xaf\xc8b\xff\xfe\xe999\x98\xff\x19`\xfd\x87/l\x00?\x881%1\xf6su]\xff\xea\xab\xafV\xaeX\xb1f\xcd\x9a\xbd\x15\x15\xaa\xdf\xdf\xf5\x95\xd16[\x94$\r\x89\x8b\x13(\x8d\x96\xa4\xdc\xc4D\xfdx\xf2\x1</t>
        </is>
      </c>
    </row>
    <row r="293">
      <c r="A293" s="1" t="n">
        <v>291</v>
      </c>
      <c r="B293" t="inlineStr">
        <is>
          <t>color_overlap_squares</t>
        </is>
      </c>
      <c r="C293" t="inlineStr">
        <is>
          <t>What is the missing color of the part denoted with a question mark?</t>
        </is>
      </c>
      <c r="D293" t="inlineStr">
        <is>
          <t>['orange', 'yellow', 'blue', 'purple']</t>
        </is>
      </c>
      <c r="E293" t="inlineStr">
        <is>
          <t>yellow</t>
        </is>
      </c>
      <c r="F293" t="inlineStr">
        <is>
          <t>There are 3 squares which overlap each other in the image. The color of the squares are ['blue', 'red', '?']. The part where the first and second squares overlap is purple. The part where the second and third squares overlap is orange.</t>
        </is>
      </c>
      <c r="G293" t="inlineStr">
        <is>
          <t>We observe that the blue and red squares overlap to form purple. Hence, the pattern is that the color of the part where two squares overlap is determined by mixing the two colors.</t>
        </is>
      </c>
      <c r="H293" t="inlineStr">
        <is>
          <t>Based on the pattern that the color of the part where two squares overlap is determined by mixing the two colors, the missing color of the part which overlaps with red to form orange should be yellow.</t>
        </is>
      </c>
      <c r="I293" t="inlineStr">
        <is>
          <t>b'\x89PNG\r\n\x1a\n\x00\x00\x00\rIHDR\x00\x00\x02\x00\x00\x00\x02\x00\x08\x02\x00\x00\x00{\x1aC\xad\x00\x00!KIDATx\x9c\xed\xddo\x90\\e\x81\xef\xf1\xe79\xe7tw\xe6\x0fI\x86\x18\xdc?\xc1\xf2\xa2\xeb\xde\xeb\x92\x85T\x12V)I\xf0\x02\x15\xa1ta\xafE\xf9"\xc2\xa5J\x93  l\x95%\x86\xc8\x1bJ%\xbb\xa5/ \xael\x08\x05\x1bb\xb6\x16\xdd\xb5\xb4\xdc-Xn\xad,\x99\xc2\x92\x98\x04\x8c\x02^)\x8aUd\x97\n\xc1L\x92\xf9\xdb\xdd\xe7\x9cg_&lt;0\x0c\x93\xc9\xa4\xa7\xfb9\xe7&lt;\x7f\xbe\x9f\xb2\xac\x18\xa39\xf4\x9c\xfe}\xa7\xbb\xcftK\xa5\x94\x00\x00\x84\'\xaa\xfa\x00\x00\x00\xd5 \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e0MY\x96)\xa5\xaa&gt;\n\x94G\xf2\xf5\x06 \x84PJI)g\xfe\x02\xde\xe3\x11\x00\x10:\xa5\x94\x1e\xfd\xbb\xef\xbe\xfb\xc8\x91#R\xca&lt;\xcf\xab&gt;(\x94\x81\x00\x00ASJ\xe5y.\xa5\xbc\xf1\xc6\x1b\xbf\xfc\xe5/_}\xf5\xd5###Q\x14\xd1\x80\x10\x10\x00 \\z\xfd\xe38\xde\xbcy\xf3\xfd\xf7\xdf\xdf\xdf\xdf\xbf\x7f\xff\xfe\r\x1b6\xd0\x80@\x10\x00 P3\xd7\xff\x81\x07\x1eh4\x1a\x13\x13\x13I\x92\x1c8p\x80\x06\x04\x82\x00\x00!:u\xfd\x9b\xcd\xe6G&gt;\xf2\x91,\xcbh@8\x08\x00\x10\x9cY\xeb\xdf\xd7\xd7\xd7l67n\xdc\xb8o\xdf\xbe{\xee\xb9\'M\xd3F\xa3A\x03B@\x00\x80\xb0\x9c\xba\xfe\x93\x93\x93\xd7_\x7f\xfd\xee\xdd\xbbGFFn\xbd\xf5\xd6{\xef\xbd\xb7\xd9l\xd2\x80\x10\x10\x00  \xa7[\xff\x07\x1f|pttT\x08q\xf4\xe8Q\x1a\x10\x0e\x02\x00\x84b\xfe\xf5\xcf\xf3&lt;\x8a\xa2$Ih@8\x08\x00\x10\x84N\xd6_\xffI\x1a\x10\x0e\x02\x00\xf8\xaf\xf3\xf5\xd7h@ \x08\x00\xe0\xb9\x85\xae\xbfF\x03B@\x00\x00\x9fu\xb7\xfe\x1a\r\xf0\x1e\x01\x00\xbc\xd5\xcb\xfak4\xc0o\x04\x00\xf0S\xef\xeb\xaf\xd1\x00\x8f\x11\x00\xc0C\xa6\xd6_\xa3\x01\xbe"\x00\x80o\xcc\xae\xbfF\x03\xbcD\x00\x00\xaf\x14\xb1\xfe\x1a\r\xf0\x0f\x01\x00\xfcQ\xdc\xfak4\xc03\x04\x00\xf0D\xd1\xeb\xaf\xd1\x00\x9f\x10\x00\xc0\x07\xe5\xac\xbfF\x03\xbcA\x00\x00\xe7\x95\xb9\xfe\x1a\r\xf0\x03\x01\x00\xdcV\xfe\xfak4\xc0\x03\x04\x00pXU\xeb\xaf\xd1\x00\xd7\x11\x00\xc0U\xd5\xae\xbfF\x03\x9cF\x00\x00\'\xd9\xb0\xfe\x1a\rp\x17\x01\x00\xdcc\xcf\xfak4\xc0Q\x04\x00p\x8cm\xeb\xaf\xd1\x00\x17\x11\x00\xc0%v\xae\xbfF\x03\x9cC\x00\x00g\xd8\xbc\xfe\x1a\rp\x0b\x01\x00\xdc`\xff\xfak4\xc0!V\x9c1\x00\xe6\xe7\xca\xfak4\xc0\x15\x16\x9d4\x00\xe6\xe4\xd6\xfak4\xc0\t\xd6\x9d7\x00frq\xfd5\x1a`?KO\x1d\x00\xc2\xe5\xf5\xd7h\x80\xe5\xac&gt;{\x80\x90\xb9\xbe\xfe\x1a\r\xb0\x99\x03\'\x10\x10 ?\xd6_\xa3\x01\xd6r\xe6\x1c\x02\xc2\xe1\xd3\xfak4\xc0N\x8e\x9dF\x80\xf7\xfc[\x7f\x8d\x06X\xc8\xc93\t\xf0\x95\xaf\xeb\xaf\xd1\x00\xdb8|2\x01\x9e\xf1{\xfd5\x1a`\x15\xe7\xcf\'\xc0\x0f!\xac\xbfF\x03\xec\xe1\xc9)\x058-\x9c\xf5\xd7h\x80%\xbc:\xab\x00\x17\x85\xb6\xfe\x1a\r\xb0\x81\x87\'\x16\xe0\x900\xd7_\xa3\x01\x95\xf3\xf6\xdc\x02\xec\x17\xf2\xfak4\xa0Z\x9e\x9f^\x80\xb5X\x7f\x8d\x06T(\x883\x0c\xb0\r\xeb?\x13\r\xa8J@\'\x19`\t\xd6\xffT4\xa0\x12\xc1\x9dg@\xb5X\xff\xd3\xa1\x01\xe5\x0b\xf4T\x03*\xc1\xfa\xcf\x8f\x06\x94,\xe8\xb3\r(\x13\xeb\xdf\t\x1aP&amp;N8\xa0\x0c\xac\x7f\xe7h@i8\xe7\x80\xc2\xb1\xfe\x0bE\x03\xca\xc1i\x07\x14\x8b\xf5\xef\x0e\r(\x01g\x1eP \xd6\xbf\x174\xa0h\x9c|@QX\xff\xde\xd1\x80Bq\xfe\x01\x85`\xfdM\xa1\x01\xc5\xe1\x14\x04\xccc\xfd\xcd\xa2\x01\x05\xe1,\x04\x0cc\xfd\x8b@\x03\x8a\xc0\x89\x08\x98\xc4\xfa\x17\x87\x06\x18\xc7\xb9\x08\x18\xc3\xfa\x17\x8d\x06\x98\xc5\xe9\x08\x98\xc1\xfa\x97\x83\x06\x18\xc4\x19\t\x18\xc0\xfa\x97\x89\x06\x98\xc2I\t\xf4\x8a\xf5/\x1f\r0\x82\xf3\x12\xe8\t\xeb_\x15\x1a\xd0;NM\xa0{\xac\x7f\xb5h@\x8f8;\x81.\xb1\xfe6\xa0\x01\xbd\xe0\x04\x05\xba\xc1\xfa\xdb\x83\x06t\x8ds\x14X0\xd6\xdf64\xa0;\x9c\xa6\xc0\xc2\xb0\xfev\xa2\x01]\x90J\xa9\xaa\x8f\x01p\x06\xebo\xc4\xac\xd9\x91R\x9a\xfa\x7fN\xd3t\xf9\xf2\xe5;v\xec\xb8\xed\xb6\xdb\x1a\x8dF\xb3\xd9\\\xbbv\xed\xe3\x8f?&gt;44\xc4W\xe7T\x04\x00\xe8\x14\xeb\xdf\x8b&lt;\xcf\xf3&lt;\x97R\xc6q\x1c\xc7q\x14ERJ}\x93fY\x96e\x99\x10B\xfff\x8f\x7f\x11\r\xe8\x1c\x01\x00:\xc2\xfawG)\x95eY\x92$\xfd\xfd\xfd\xf5z=\xcb\xb2\xb1\xb1\xb1\xd1\xd1\xd1\xc9\xc9\xc9V\xabU\xab\xd5\xfa\xfb\xfb\x97,Y288\x98\xe7\xf9\xe8\xe8h\x96eq\x1c\xf7\xf8\x97\xd2\x80\x0e\x11\x00\xe0\xccX\xff\xee\xe4y\xdeh4\x06\x06\x06N\x9c8q\xf8\xf0\xe1\xe1\xe1\xe1\x83\x07\x0f\xbe\xfc\xf2\xcbG\x8e\x1c\x99\x9c\x9c\xcc\xb2,\x8a\xa2\xfe\xfe\xfe\x15+V\\p\xc1\x05W]u\xd5\xe5\x97_&gt;88x\xe2\xc4\t\x1aP\x0e\x02\x00\x9c\x01\xeb\xdf\x9d&lt;\xcf\x07\x06\x06^y\xe5\x95G\x1ey\xe4{\xdf\xfb\xde\xcf\x7f\xfe\xf33\xfeO.\xb8\xe0\x82\xbb\xee\xba\xeb\x13\x9f\xf8\x84~\xe5\xb6\xc7\x03\xa0\x01gD\x00\x80\xf9\xb0\xfe\xdd\xc9\xb2l\xc9\x92%\x0f?\xfc\xf0\xed\xb7\xdf&gt;22\xa2\x7f\xb3V\xab\xe9\xa7\xf8\xf5\xeb\x01B\x08)\xa5\xbe\x01\xf5\xed\xac\x7fs\xfb\xf6\xed_\xfc\xe2\x17GFFx\x1cP\xb4\xd0\xff\xf9\x81y\xb0\xfe\xbdPJ\xbd\xfb\xdd\xef\x1e\x19\x19\xa9\xd5j\xb5Z-\x8e\xe3v\xbb\xddj\xb5Z\xadV\x9a\xa6z\xee\xb3,k\xb7\xdb\xedv;\xcb2\xa5\x94~}\xf8\x8e;\xee\xd8\xb3g\xcf\xd0\xd0\x90~e\xb8\x17\\\x1b:?\x1e\x01\x00sc\xfd{\x94\xe7\xf9\x92%K&gt;\xf6\xb1\x8f\xfd\xe8G?\xd2\xbfs\xce9\xe7\\|\xf1\xc5k\xd6\xacy\xdf\xfb\xde\xb7t\xe9\xd28\x8e\xc7\xc7\xc7_|\xf1\xc5G\x1f}t\xdf\xbe}\xfa\xcfDQ\xa4\x94Z\xb6l\xd9\xc1\x83\x07\xcf&gt;\xfb\xecv\xbb\xcduA\xc5!\x00\xc0\x1cX\xff\xdeeY\xb6t\xe9\xd2\x1f\xfe\xf0\x87\x9f\xfc\xe4\'\xd7\xaf_\xff\xe9O\x7f\xfa\xf2\xcb/_\xb1bE\x92$Y\x96\xe5y\xae\x94\x8a\xa2(\x8e\xe34M\xf7\xec\xd9\xf3\xf9\xcf\x7f\xbe\xd9l\xea\xdf\xcc\xb2l\xfb\xf6\xed[\xb7n=z\xf4h\x92$\xbd\x1f\x0c\r\x98\x13\x01\x00fc\xfdM\x91R\xb6Z\xad\x17^x\xe1\xa2\x8b.\xea\xeb\xeb\x1b\x1b\x1b\xd3\x13\xaf\xbf\xa9\xd7?\x07\xa0\'h\xf9\xf2\xe5_\xff\xfa\xd7o\xbf\xfdv\xfd\xbc\x7f\x9e\xe7\x97^z\xe9c\x8f=666f\xea\xd6\xa6\x01\xa7"\x00\xc0;\xb0\xfefI)\xfb\xfa\xfa\xc6\xc7\xc7\xf5\x05\xfes&gt;\x9f\xa3\xbf\xeb\x1f\x1f\x1f_\xb5j\xd5\xd1\xa3G\xe38\xce\xb2\xec\xbd\xef}\xef\xd3O?\xbdh\xd1\xa2,\xcbL\xfd\xa80\r\x98%\xb8\x7f``\x1e\xac\xbfqJ\xa9\xb1\xb11)e\x92$\xa7\xdbq)\xa5~\xbe\xe8\xbc\xf3\xce\x13o\xbd3\xc4\xc9\x93\'\xa7\xa6\xa6\xcc\xde\xe0\xbc&amp;&lt;\x0bg3\xf0&amp;\xd6\xbf \x1d\xdenR\xca\x99\x850\xf2\xb6\x10\xa7\xa2\x013qB\x03B\xb0\xfe\x95\xd2\x17\x80\x8e\x8f\x8f\xbf\xf6\xdak\xd3\xbf\xb9t\xe9\xd2\xfe\xfe\xfe\xde\xaf\x04=\x15\r\x98\xc69\r\xb0\xfe\x15\xcb\xb2lpp\xf0\x99g\x9ey\xe5\x95W\xf4e\xa0R\xca\x0f|\xe0\x03K\x96,I\xd3\x94\xc7\x01\xc5\xe1\xb4F\xe8X\xffj\xe5y^\xab\xd5\xda\xed\xf6]w\xdd5}M\x8aR\xea\xe3\x1f\xffx\x1c\xc7\xc5]\xa5B\x03\x04W\x01!p\xac\x7f\xb5\xf4-\xbcx\xf1\xe2\xcf~\xf6\xb3\xbbw\xef\xd6\xb7v\x9e\xe7\xef\x7f\xff\xfb\x7f\xf2\x93\x9f$I\xa2\xdfA\xba\xb8\x03\x08\xfc\xba \xcf\xff\xf1\x80y\xb0\xfe\xd5J\xd3\xb4\xd1h4\x1a\x8d\x1bn\xb8a\xf7\xee\xdd3\xdf\xf9\xe7\x9e{\xee)\xee\xf9\x9f\x99\x02\x7f\x1c\xc0\xf9\x8d@\xb1\xfe\xd5J\xd3t\xf1\xe2\xc5\'O\x9e\xbc\xe6\x9ak\xf6\xee\xdd;\xfdlO\x9e\xe7;v\xec\xb8\xf2\xca+\x8f\x1f?\xde\xfb\x9b\xc1u"\xe4\x06\xf0\x14\x10B\xc4\xfaW+M\xd3\xa1\xa1\xa1\xc3\x87\x0fo\xdc\xb8\xf1W\xbf\xfa\x95\x1ez\xfd\xf1\x00\xdf\xfa\xd6\xb7\xb6l\xd9\xf2\xbb\xdf\xfd\xae\x9c\xf5\x9fyH\x01&gt;\x17D\x00\x10\x1c\xd6\xbfZz\xfd\x87\x87\x87\xaf\xbd\xf6\xdac\xc7\x8eM\xaf\xff\xd0\xd0\xd0C\x0f=t\xcd5\xd7\x98z\xff\x9f.\x0e,\xb4\x06\x10\x00\x84\x85\xf5\xaf\x96\xfe\x94\x98\xe7\x9e{\xee\x8a+\xae\x98~\x92\'\xcb\xb2\xf3\xcf?\xff\xdb\xdf\xfe\xf6\xca\x95+\x8f\x1d;V\xc9\xfak\xa15\x80\x00  \xac\x7f\xb5\xf4\x05\xfeR\xcau\xeb\xd6\xfd\xe2\x17\xbfH\x92D\x7fb\xf0\xa5\x97^\xfa\xc8#\x8f,]\xba\xf4\xc4\x89\x13\xb5Z\xad\xda\x83\x0c\xaa\x01^\xfd\xc3\x00\xf3`\xfd+\xa7?&amp;l\xef\xde\xbdz\xfd\xf5\x07\xc2\xac_\xbf\xfe\xfb\xdf\xff\xfe\xc0\xc0\xc0\xc9\x93\'+_\x7f\x11\xd8k\xc2\x9c\xf1\x08\x02\xebo\x83(\x8a\xda\xed\xf6w\xbf\xfb]\xfd8@)\xb5b\xc5\x8a={\xf6\xd4\xeb\xf5\xa9\xa9\xa9\n\x9f\xf9\x99%\x9c\x06p\xd2\xc3\x7f\xac\xbf\r\x94R\xf5z\xfd\xc8\x91#\xbf\xfc\xe5/\xd5[n\xbd\xf5\xd6\xf7\xbc\xe7=ccc%_\xf3sF\x814\x80\xf3\x1e\x9ec\xfd-\xa1\xdf\xf1\xed\x8d7\xde8q\xe2\x84\x10B\x7f&lt;\xc0\xbau\xeb&amp;\'\'m[\x7f-\x84\x06p\xea\xc3g\xac\xbfU\xa2(\x9a\x9c\x9c\x9c\xfed\x98\xc5\x8b\x17/_\xbe\xbc\x84\x1f\xf7\xed\x9a\xf7\r\xe0\xec\x87\xb7X\x7f\x0b\xe9O\x03\xd6\xff&gt;55e\xe7\xf7\xfe3\xf9\xdd\x00.\x03\x85\x9fX\x7f\xdb\xe8\xa7\x80FGG\x9fy\xe6\x19\xfd;\xb5Zm\xed\xda\xb5\xfab\xd0j\x8f\xed\x8c|\xbd6\x94\x00\xc0C\xac\xbf\xb5\xa2(\x1a\x18\x18\xd0\xbfVJ\x8d\x8f\x8f\xbb2A^6\x80\x00\xc07\xac\xbf\xcd\x94Ri\x9a\xeagN\xa2(\xb2\xe1\xc2\xff\xce\xf9\xd7\x00\x02\x00\xaf\xb0\xfe\x96\xd3o\x05\xb1h\xd1"!D\xbb\xdd\x1e\x1d\x1d\x15o}\n\xbc\x13&lt;k\x00\x01\x80?X\x7f\xcb)\xa5\x06\x06\x06~\xfa\xd3\x9f\xee\xdb\xb7ojj\xea\xa2\x8b.\xba\xe2\x8a+\x9a\xcdf\xd1\x9f\xfab\x96O\r \x00\xf0\x04\xebo9\xfd&gt;\x10;v\xec\xf8\xd2\x97\xbe4\xfdQ\xef\xd7_\x7f\xfd}\xf7\xdd\xd7l6\x1d\n\x80\xf0\xa8\x01\x04\x00&gt;`\xfd-\xa7\x94J\x92\xe4\xf8\xf1\xe3+W\xae\xd4\xef\xf9\xa3\x7f\x128\xcb\xb2G\x1f}\xf4\xb2\xcb.\x1b\x1d\x1du\xebk\xe4G\x03\xdc8J`\x1e\xac\xbf\xfd\x94R\x8dF\xe3\xd7\xbf\xfe\xf5\xe8\xe8\xa8\x94\xb2\xddn\xeb\x9f\xff\x8a\xa2\xe8\xf9\xe7\x9f\xaf\xd5j\xce]P\xef\xc7\xcf\x07p\xc7\x80\xdbX\x7f\x87\xcc\xf9\xb5p\xf7\x0b\xe4A\x03\\\xbd\xe9\x01\xc1\xfa\xbbCJ955u\xdey\xe7-[\xb6L\xbf+\x9c~;\xe8&lt;\xcf/\xbc\xf0\xc2V\xab\xe5\xe8W\xca\xf5\x068y\xa3\x03\x82\xf5w\x8a~\xdag\xf9\xf2\xe5_\xfb\xda\xd7\xea\xf5z\xab\xd5\xd2?\rp\xcb-\xb7\\|\xf1\xc5ccc\xee~\xb1\x9cn\x00/\x02\xc3I\xac\xbf\x8b\x94R\x83\x83\x83\x87\x0e\x1dz\xe2\x89\'&amp;\'\'?\xfc\xe1\x0f_v\xd9eSSS\x1e\xac\x90\xa3\xaf\t\x13\x00\xb8\x87\xf5wW\x9e\xe7\xfd\xfd\xfd}}}B\x88V\xab\xe5\xdc\xc5?\xf3p\xb1\x01\x04\x00\x8ea\xfd]\xa7\x9f\xfa\x17BH)\xed\x7f7\xd0\x05q\xae\x01\x04\x00.a\xfda9\xb7\x1a`\xd7\xd1\x00\xf3`\xfda?\xb7^\x13\xe6\x0e\x037\xb0\xfep\x85C\r\xe0&gt;\x03\x07\xb0\xfep\x8b+\r\xe0n\x03\xdb\xb1\xfep\x91\x13\r\xe0\x9e\x03\xab\xb1\xfep\x97\xfd\r\xe0\xce\x03{\xb1\xfep\x9d\xe5\r\xe0\xfe\x03K\xb1\xfe\xf0\x83\xcd\r\xe0.\x04\x1b\xb1\xfe\xf0\x89\xb5\r\xe0^\x04\xeb\xb0\xfe\xf0\x8f\x9d\r\xe0\x8e\x04\xbb\xb0\xfe\xf0\x95\x85\r\xe0\xbe\x04\x8b\xb0\xfe\xf0\x9bm\r\xe0\xbd\x80\xc2R\xf9U\x07\xf3PJ\xe9\xcf\x08\xd4\xeb\xaf\xdf5~\xe3\xc6\x8d\x0f=\xf4\x10\xeb_\x1an\xe4\x12\xcc|\xbf\xa08\x8e\xb3,\x9b~\xbf }/(\xedH\x08\x00\xec\xa2\xd7\xbf\xd1h\xb4\xdb\xed-[\xb6\xdcw\xdf}\xcdfS)\xc50\x95 \xcb\xb2\xa9\xa9\xa9\xaa\x8f"\x08\xd3\r\xd8\xb6m[\xbb\xddn\xb5Z\x1f\xfa\xd0\x87\xbe\xf3\x9d\xef\xacX\xb1BJYZ\x03\x08@(\xf4w\x16_\xf8\xc2\x17\x9e}\xf6Y\xfdMG\xd5G4\x9b\x94\xf2\xc4\x89\x13\x87\x0e\x1d\xd2\x87\x17\xc7\xf1%\x97\\\xa2\x94J\xd3\x94\xf5/\x9a~\xfea\xe5\xca\x95\xdf\xf8\xc67&amp;\'\'\xcb\xfc&amp;4L\xfa\xb1\xf8\xb2e\xcb.\xb9\xe4\x92\xa7\x9ez\xaa\xbf\xbf\x7fbb\xe2+_\xf9\xca\x9dw\xde\xa9O\xfer\x0e#)\xe7\xafA\xe5t\x00~\xfc\xe3\x1f\xef\xdf\xbf\xbf\xeac\x99O=I\xf2&lt;\x8f\xa3(\xcb\xb2\'\x9f|\xb2\xea\xc3\t\xcb\xc4\xc4D\x92$%?\x0b\x11 \xfd|\xe6Yg\x9du\xddu\xd7=\xf5\xd4S\x8dFcbbb\xcb\x96-w\xdcq\x87~\r\xac\xb4#!\x00a\x19\x1c\x1c\x8c\xe38\x8e\xe3V\xabU\xf5\xb1\xcc\xad\x95\xa6\xfa\x17R\x88\xe8\xad{\x82\x85\x8fW&lt;S\xaf\xd7\xb3,\x1b\x1c\x1c\xe4)\x81\xa2M\xaf\xffg&gt;\xf3\x99\xbd{\xf7\xea\xcf\x0c\xd8\xb4i\xd3\xce\x9d;\xcb\xbf\xf1\t@X\xf2&lt;\xcf\xb2L)\xf5\xa1?\xf8\x83\x8f\x9e{\xeex\xbb\x1dY\xf6\xbd\x9e\x12"\x89\xa2c\x93\x93\x7f\xf7\xdcsy\x9eI!\xa3H\xde\xf4\x89?\xfd\xbde\x83\x13\x13\xad8\x8e\x84PB\xd8u\xcc\xee\xca\x95j,\xaa=q\xe87O=\xff\xda\xf4\x07u\xa183\xd7\x7f\xcf\x9e=\xfa:\xb7M\x9b6\xed\xda\xb5+\xcb\xb2(\x8aJ~\xecE\x00B\x94\xe7\xf9\xa5\xe7\x9e{\xf7\xfa\xf5\xc7&amp;&amp;\x12\xfb\x9e^\xcf\x95Z\x94$\x7f|\xf6\xd9[\x87\x87\x93Xf\xb9z\xe9?\x8f\x7f\xf3\x96\x8fF\x83\r1\x95\x8aX\n\xbeI5%\xcb\xc5\xd0@\xf2\xcd\'\x86\x7f\xf1\x9fU\x1f\x8a\xffl[\x7fA\x00\x825\xd1n\x1f\x9b\x988je\x00\x84\x10J\x88\x9b.\xbcP\x08\xb1ux\xb8\x16G\xff\xef\x99WV\xdd\xf8\xf7\xff\xba\xfd\xff\x0c\r\xd6\xa7\xa6\xd28\xe6\x11\x80\x19i\x96\x9f%\xc4\xf8d\xbb\xea\x03\xf1\x9f\x85\xeb/\x08@\xb0")\x93(\xd2\xff\xaa\xfaX\xe6\xf6\xfa\xc4\xc4t\x03\x1aI\xfc\xf3\xffx\xe3\xe3w\xfe\xe0\xf1\xbf\xfa\x8b\xa1\x81\xc6$\r0\'\x89\xa3(\xe2\xc6,\x96\x9d\xeb/\xf8I`X+\x89"\xdd\x80\xbfZ\xb7\xae\x99f\x8d$~\xe6\xa5\xd77l\xfd\xfe\xc8x\xb3oQ\x92e&lt;\r\x047X\xbb\xfe\x82\x00\xc0f4\x00\xae\xb3y\xfd\x05\x01\x80\xe5h\x00\xdce\xf9\xfa\x0b\x02\x00\xfb\xd1\x00\xb8\xc8\xfe\xf5\x17\x04\x00N\xa0\x01p\x8b\x13\xeb/\x08\x00\\A\x03\xe0\nW\xd6_\x10\x008\x84\x06\xc0~\x0e\xad\xbf \x00p\x0b\r\x80\xcd\xdcZ\x7fA\x00\xe0\x1c\x1a\x00;9\xb7\xfe\x82\x00\xc0E4\x00\xb6qq\xfd\x05\x01\x80\xa3h\x00\xec\xe1\xe8\xfa\x0b\x02\x00w\xd1\x00\xd8\xc0\xdd\xf5\x17\x04\x00N\xa3\x01\xa8\x96\xd3\xeb/\x08\x00\\G\x03P\x15\xd7\xd7_\x10\x00x\x80\x06\xa0|\x1e\xac\xbf \x00\xf0\x03\r@\x99\xfcX\x7fA\x00\xe0\r\x1a\x80rx\xb3\xfe\x82\x00\xc0\'4\x00E\xf3i\xfd\x05\x01\x80gh\x00\x8a\xe3\xd9\xfa\x0b\x02\x00\xff\xd0\x00\x14\xc1\xbf\xf5\x17\x04\x00^\xa2\x010\xcb\xcb\xf5\x17\x04\x00\xbe\xa2\x010\xc5\xd7\xf5\x17\x04\x00\x1e\xa3\x01\xe8\x9d\xc7\xeb/\x08\x00\xfcF\x03\xd0\x0b\xbf\xd7_\x10\x00x\x8f\x06\xa0;\xde\xaf\xbf \x00\x08\x01\r\xc0B\x85\xb0\xfe\x82\x00 \x104\x00\x9d\x0bd\xfd\x05\x01@8h\x00:\x11\xce\xfa\x0b\x02\x80\xa0\xd0\x00\xcc/\xa8\xf5\x17\x04\x00\xa1\xa1\x018\x9d\xd0\xd6_\x10\x00\x04\x88\x06\xe0T\x01\xae\xbf \x00\x08\x13\r\xc0La\xae\xbf \x00\x08\x16\r\x80\x16\xec\xfa\x0b\x02\x80\x90\xd1\x00\x84\xbc\xfe\x82\x00 p4 d\x81\xaf\xbf \x00\x00\r\x08\x13\xeb/\x08\x00 h@xX\x7f\x8d\x00\x00B\xd0\x80\x90\xb0\xfe\xd3\x08\x00\xf0&amp;\x1a\x10\x02\xd6\x7f&amp;\x02\x00\xbc\x8d\x06\xf8\x8d\xf5\x9f\x85\x00\x00\xef@\x03|\xc5\xfa\x9f\x8a\x00\x00\xb3\xd1\x00\xff\xb0\xfes"\x00\xc0\x1ch\x80OX\xff\xd3!\x00\xc0\xdch\x80\x1fX\xffy\x10\x80\xb0(\xc5l-\x00\rp\x1d\xeb??\x02\x10\n\xa5\x94R*I\x92\xaa\x0f\xc414\xc0]\xac\xff\x19\x11\x80 (\xa5\xa4\x94R\xca\xe3\xc7\x8fW},\xee\xa1\x01.b\xfd;A\x00\xfc\xa7\x94\xd2w\x86\xcd\x9b7\x1f&lt;x\xb0\x9e$B\x08FkAh\x80[X\xff\x0e\x11\x00\xcf\xe9\xf5\x8f\xe3x\xf3\xe6\xcd\x0f&lt;\xf0@\x1c\xc7y\x9e\x0b!jQ\xc4\xeb\x01\x0bB\x03\\\xc1\xfaw\x8e\x00\xf8l\xd6\xfa\xd7\xea\xf5,\xcb\xf4\x7f\xf5\xc6\xe4d#Ih\xc0\x82\xd0\x00\xfb\xb1\xfe\x0bB\x00\xbcu\xea\xfa\xb7[-)e\x9a\xe7\x91\x94{_x\xe1\x9eC\x87\xde=8\x98\xe6y\xd5G\xea\x12\x1a`3\xd6\x7f\xa1\x08\x80\x9ff\xad\x7fcQ_\xbb\xd5\xba\xf0\xca\x1b\xce=\xffb!\x84\x90Q\xa6\xd4\x1d\xc3\xc3\xf7=\xfb\xec9\xfd\xfd4`Ah\x80\x9dX\xff.\x10\x00\x0f\x9d\xba\xfe\xcd\xa9\xc9\x0f^z\xedU\x7f\xb9C?\xe7\xa3\x84\x10J%Q\xbcux\xf8\xbe\x9f\xfd\x8c\x06,\x14\r\xb0\r\xeb\xdf\x1d\x02\xe0\x9b9\xd7\xffO\xfe\xf7\xa7\xae\xba\xed\xde\xd6\xc4X\x9e\xbf\xf9\x1a\x80\x12"\xcd3\x1a\xd05\x1a`\x0f\xd6\xbfk\x04\xc0+s\xae\xff\xf9z\xfd\'\xc7\x94\xc8\xf5=A\xe5\xd9\xba\x8b\xae\xfd\xa3\xff\xb1&amp;\xcd\xb3Z\x9c\xd0\x80\xee\xd0\x00\x1b\xb0\xfe\xbd \x00\xfe8\xdd\xfa_\xa9\xd7_\xe5R\xbe\xfd\xe5^|\xd6\xbbn\xbb\xe1o\xff\xf0\xf7\xfe\xa8\x9d\xa54\xa0k4\xa0Z\xac\x7f\x8f\x08\x80\'\x16\xb4\xfeB\x88fs\xa2o\xd1\xe0\xcd\xd7}\xf3\xdc\xdf\xff\x9f4\xa0\x174\xa0*\xac\x7f\xef\x08\x80\x0f\x16\xba\xfeB\x88(\x8a[\xad\xa9\xfe\xbe\xb3n\xf9\xbf\x7fC\x03zD\x03\xca\xc7\xfa\x1bA\x00\x9c\xd7\xc5\xfak\xba\x01}\x8bh\x80\x014\xa0L\xac\xbf)\x04\xc0m]\xaf\xbf\x16Eq\xab5I\x03\x8c\xa0\x01\xe5`\xfd\r"\x00\x0e\xebq\xfd5\x1a`\x10\r(\x1a\xebo\x16\x01p\x95\x91\xf5\xd7h\x80A4\xa08\xac\xbfq\x04\xc0I\x06\xd7_\xa3\x01\x06\xd1\x80"\xb0\xfeE \x00\xee1\xbe\xfe\x1a\r0\x88\x06\x98\xc5\xfa\x17\x84\x008\xa6\xa0\xf5\xd7h\x80A4\xc0\x14\xd6\xbf8\x04\xc0%\x85\xae\xbfF\x03\x0c\xa2\x01\xbdc\xfd\x0bE\x00\x9cQ\xc2\xfak4\xc0 \x1a\xd0\x0b\xd6\xbfh\x04\xc0\r\xa5\xad\xbfF\x03\x0c\xa2\x01\xdda\xfdK@\x00\x1cP\xf2\xfak4\xc0 \x1a\xb0P\xac\x7f9\x08\x80\xed*Y\x7f\x8d\x06\x18D\x03:\xc7\xfa\x97\x86\x00X\xad\xc2\xf5\xd7h\x80A4\xa0\x13\xac\x7f\x99\x08\x80\xbd*_\x7f\x8d\x06\x18D\x03\xe6\xc7\xfa\x97\x8c\x00X\xca\x92\xf5\xd7h\x80A4\xe0tX\xff\xf2\x11\x00\x1bY\xb5\xfe\x1a\r0\x88\x06\x9c\x8a\xf5\xaf\x04\x01\xb0\x8e\x85\xeb\xaf\xd1\x00\x83h\xc0L\xac\x7fU\x08\x80]\xac]\x7f\x8d\x06\x18D\x034\xd6\xbfB\x04\xc0"\x96\xaf\xbfF\x03\x0c\xa2\x01\xac\x7f\xb5\xaa\x1f\x14hN\xac\xbfF\x03\x0c\n\xb9\x01\xac\x7f\xe5l\xd9\x94\xc09\xb4\xfe\x1a\r0(\xcc\x06\xb0\xfe6\xb0kV\xc2\xe4\xdc\xfak4\xc0\xa0\xd0\x1a\xc0\xfa[\xc2\xc6e\t\x8a\xa3\xeb\xaf\xd1\x00\x83\xc2i\x00\xebo\x0f{\xc7%\x04N\xaf\xbfF\x03\x0c\n\xa1\x01\xac\xbfUl\xdf\x17\x8fy\xb0\xfe\x1a\r0\xc8\xef\x06\xb0\xfe\xb6qcb\xfc\xe3\xcd\xfak4\xc0 _\x1b\xc0\xfa[\xc8\xa5\x95\xf1\x86g\xeb\xaf\xd1\x00\x83\xfck\x00\xebo\'\xf7\x86\xc6u^\xae\xbfF\x03\x0c\xf2\xa9\x01\xac\xbf\xb5\\\xdd\x1aGy\xbc\xfe\x1a\r0\xc8\x8f\x06\xb0\xfe6s{n\xdc\xe2\xfd\xfak4\xc0 \xd7\x1b\xc0\xfa[\xce\x87\xc5qB \xeb\xaf\xd1\x00\x83\xdcm\x00\xebo?\x7fF\xc7fA\xad\xbfF\x03\x0cr\xb1\x01\xac\xbf\x13|\xdb\x1d\x0b\x05\xb8\xfe\x1a\r0\xc8\xad\x06\xb0\xfe\xae\xf0sz\xec\x11\xec\xfak4\xc0 W\x1a\xc0\xfa;\xc4\xe7\xf5\xa9\\\xe0\xeb\xaf\xd1\x00\x83\xeco\x00\xeb\xef\x16\xff\x07\xa8*\xac\xff4\x1a`\x90\xcd\r`\xfd\x9d\x13\xca\x06\x95\x8c\xf5\x9f\x85\x06\x18dg\x03X\x7f\x17\x855C\xe5`\xfd\xe7D\x03\x0c\xb2\xad\x01\xac\xbf\xa3B\\\xa2B\xb1\xfe\xf3\xa0\x01\x06\xd9\xd3\x00\xd6\xdf]\xe1\x8eQ\x11X\xff3\xa2\x01\x06\xd9\xd0\x00\xd6\xdfi\xa1\xef\x91A\xac\x7f\x87h\x80A\xd56\x80\xf5w\x1d\x93d\x06\xeb\xbf 4\xc0\xa0\xaa\x1a\xc0\xfa{\x80U2\x80\xf5\xef\x02\r0\xa8\xfc\x06\xb0\xfe~`\x98z\xc5\xfaw\x8d\x06\x18Tf\x03X\x7fo\xb0M=a\xfd{D\x03\x0c*\xa7\x01\xac\xbfO\x98\xa7\xee\xb1\xfeF\xd0\x00\x83\x8an\x00\xeb\xef\x19\x16\xaaK\xac\xbfA4\xc0\xa0\xe2\x1a\xc0\xfa\xfb\x87\x91\xea\x06\xebo\x1c\r0\xa8\x88\x06\xb0\xfe^b\xa7\x16\x8c\xf5/\x08\r0\xc8l\x03X\x7f_1U\x0b\xc3\xfa\x17\x8a\x06\x18d\xaa\x01\xac\xbf\xc7X\xab\x05`\xfdK@\x03\x0c\xea\xbd\x01\xac\xbf\xdf\x18\xacN\xb1\xfe\xa5\xa1\x01\x06\xf5\xd2\x00\xd6\xdf{lVGX\xff\x92\xd1\x00\x83\xe6i@\xff\xa2D\xe5s7\x80\xf5\x0f\x01\xb3uf\xac\x7f%h\x80A\xa7m\xc0XS.J\xd2l\xf6\x8d\xc9\xfa\x07\x82\xe5:\x03\xd6\xbfB4\xc0\xa0\xb9\x1b\xb0\xed\x07\xe3\xe3\xad\xb3\xfaj3\xff$\xeb\x1f\x0e\xc6k&gt;\xac\x7f\xe5h\x80A\xa76\xe0\xf0\xcbG\xaf\xfe\xe2?\xbdvlb\xfa\xcf(\xa5X\xffp\xb0_\xa7\xc5\xfa[\x82\x06\x184\xab\x01\xb58\xfa\xd1\xe1W\xbf\xf5\xcf\x87\xe38\x16B\xe4y.\x84`\xfd\xc3\xc1\x84\xcd\x8d\xf5\xb7\n\r0hf\x03\xdaY^\x8b\xa3\xe9QO\x92\xa4\xd1h\xb0\xfe\xe1`\xc5\xe6\xc0\xfa[\x88\x06\x184\xab\x01\xe2\xade\x97R~\xees\x9f\xdb\xbbw/\xeb\x1f\x08\x86l6\xd6\xdfZ4\xc0\xa07\x1b\xb0j\xd5\xf6u\xebb)U\x9e\x0b!\x86\x87\x87w\xee\xdc\xd9h4X\xff@\xb0e\xef\xc0\xfa[\x8e\x06\x18\x94D\xd1\x91\xb1\xb1\xbf\\\xbd\xfa\xd3\x1f\xfc`\xaeT\x12Ey\x9e\xd7\xeb\xf5f\xb3\xc9\xfa\x07\x829{\x1b\xeb\xef\x04\x1a`\x90\x94\xb2\x99\xa6\xef\xea\xeb\xd3\xff1\x8e\xe3V\xab\xc5\xfa\x87\x83E{\x13\xeb\xef\x10\x1a`\x90\x94\xb2\x9d\xe7B\x88(\x8a\xb2,c\xfd\x83\xc2\xa8\t\xc1\xfa;\x88\x06\x18\xa4g\xbe\x95\xa6k\xd6\xac\xd9\xb5k\x97\xfeA0\xd6?\x04\xec\x1a\xeb\xef*\x1a`\xdc\xd2\xa5K\x95RJ)\xd6?\x10\xa1O\x1b\xeb\xef4\x1a`V\x9a\xa6RJ\xd6?\x1cA\xaf\x1b\xeb\xef\x01\x1a`\x10\xd3\x1f\x9ap\x07\x8e\xf5\xf7\x06\r\x00\xba\x13\xe8\xc6\xb1\xfe\x9e\xa1\x01@\x17B\x9c9\xd6\xdfK4\x00X\xa8\xe0\x96\x8e\xf5\xf7\x18\r\x00\x16$\xac\xb1c\xfd\xbdG\x03\x80\xce\x05\xb4w\xac\x7f h\x00\xd0\xa1P&amp;\x8f\xf5\x0f\n\r\x00:\x11\xc4\xea\xb1\xfe\x01\xa2\x01\xc0\x19\xf9?|\xac\x7f\xb0h\x000?\xcf\xb7\x8f\xf5\x0f\x1c\r\x00\xe6\xe1\xf3\xfc\xb1\xfe\x104\x008=o\x17\x90\xf5\xc74\x1a\x00\xcc\xc9\xcf\x11d\xfd1\x0b\r\x00N\xe5\xe1\x0e\xb2\xfe\x98\x13\r\x00f\xf1m\nY\x7f\xcc\x83\x06\x003y\xb5\x86\xac?\xce\x88\x06\x00\xd3\xfc\x19D\xd6\x1f\x1d\xa2\x01\x80\xe6\xc9&amp;\xb2\xfeX\x10\x1a\x00\x08?\x02\xc0\xfa\xa3\x0b4\x00p~\x19Y\x7ft\x8d\x06 pn\x8f#\xeb\x8f\x1e\xd1\x00\x84\xcc\xe1}d\xfda\x04\r@\xb0\\\x9dH\xd6\x1f\x06\xd1\x00\x84\xc9\xc9\x95d\xfda\x1c\r@\x80\xdc\x1bJ\xd6\x1f\x05\xa1\x01\x08\x8dc[\xc9\xfa\xa3P4\x00Aqi.Y\x7f\x94\x80\x06 \x1c\xce,&amp;\xeb\x8f\xd2\xd0\x00\x04\xc2\x8d\xd1d\xfdQ2\x1a\x80\x108\xb0\x9b\xac?*A\x03\xe0=\xdb\xa7\x93\xf5G\x85h\x00\xfcf\xf5z\xb2\xfe\xa8\x1c\r\x80\xc7\xec\x1dP\xd6\x1f\x96\xa0\x01\xf0\x95\xa5\x1b\xca\xfa\xc3*4\x00^\xb2qFY\x7fX\x88\x06\xc0?\xd6-)\xeb\x0fk\xd1\x00x\xc6\xae1e\xfda9\x1a\x00\x9fX\xb4\xa7\xac?\x9c@\x03\xe0\r[&amp;\x95\xf5\x87Ch\x00\xfc`\xc5\xaa\xb2\xfep\x0e\r\x80\x07\xaa\x1fV\xd6\x1f\x8e\xa2\x01p]\xc5\xdb\xca\xfa\xc3i4\x00N\xabr^Y\x7fx\x80\x06\xc0]\x95-,\xeb\x0fo\xd0\x008*\xa9\xe4oe\xfd+\xa7T\x9e\xe5i\x9egU\x1f\x88?&amp;\xa7\xc6\x1a\xf5\xfe\x9b\xae\xbb\xf7\x9b\x0f\xdf\xfc_G^J\xa2x\xeb\xf0\xb0\x10\xe2\xa6\x0b/&lt;21!\xab&gt;\xbc9\xa5y\x9e\xe6y\xaeT\xd5\x07\x82jT\x10\x00\xd6\xdf\x06\xf5z\xdf\x92\xc1wI!\xa2\xa8\x9ao\x02&lt;$E\x96eg\r\x9c\xbd\xed\xa6\x7f\xf8\x9b=\xb7\xbc\xf8\xf2\x81\xe9\x06\xdc\xb6z\xf5T\x9aF\xd2\xba\n\xa4y~v\x7f\x7f\x7f\xadV\xf5\x81\xa0\x1ae\xdf\xf9Y\x7f\x1bH\x19\xfd\xff\x97\x9e~\xe4_\xb67[\x93\xdc\xe0\xe6(!d\x9eg\x8dF\xff\xf2e\xe7\xbe\xf8\x1f\x073\x95K)\xb7\x0e\x0f\xff\xea\xd8\xb1\xb3\xfb\xfa\xd2&lt;\xb7\xad\x00\xb9R\x03\xb5\xda\x93\xbf\xfdm\x14E9OU\x85\xa7\xd4\x00(\xa5\x84\x10\xd3\xeb_\xaf7X\xff\x92I\x19\xc9(\x96Q\xfc\xd2o\x9e}\xe97\xcfV}8&gt;\x93Q$\xa4\x14BH\xa5\xfe\xee\xb9\xe7\xaa&gt;\x9c3\xa8\xd7\xebY\x96E\x11w\xc0\xb0\x94\x1d\x00\xa5\xd4\xcd7\xdf\xac\xd7\xbf\xd5j\xfe\xc9G\xafe\xfdK$\xdbS\xe3*\xcf\x14O\xfd\x17O\xcd\xf8\x86:\x8e")D\x14E\xad4\xad\xf0\x90\xe6\xd1j\xb5\x84\x10cccU\x1f\x08JU^\x00\xb2,\x8b\xe3\xf8\xab_\xfd\xea\xfd\xf7\xdf\xdf\xd7\xd7?99\xb1\xe2\x83\x7f\xf6\xe7\xb7?0&gt;\xf2\xba\x90\x82\xf5/\x9c\x94*O\x7f\xff\x8fW\'\x8d&gt;\x19\xc54\xa0PRH\xa5r\x19\xc5R\xca\xdf&gt;\xfft\x96gq\x1c\xb7\xd2t\xf5\xea\xd5K\x96,Q\xf6\xbd\xe8\x1a\xc7q\x96e\xabV\xad\x12BH\xfb^\xab@Adi\xe7\xa2\xfe\xf6\xff\xd5W_\xfd\xd4\xa7&gt;\xf5\xf4\xd3O\xd7\xeau\x11%\xeb\xaf\xbfs\xf5\xd5[&amp;\x8e\x1f\x8db^\x8a,CRo\xc8(\x16J\x08\xee\xe3ERy.eT\xef\x1f|\xec\xde\xdb~\xf6\xaf\x0f\xd7\x92Z\xab\xd5\xdc\xb4i\xd3\xae]\xbb\xaa&gt;4\xe0m\xe5\x05@\x08\xa1\x94\x92R\x8e\x8c\x8cl\xd8\xb0\xe1\xc0\x81\x03I\x92\xa4iz\xf9\xe6\xbb\xd7\\s\xe3\xf8\xc8\xeb4\xa0\x04J\xe5\xc2\xba\xef&gt;\xfd"\xdf\xb1\xfe\xcf\xff\xfb?\xd6\xeb\xf5V\xab\xa5\xd7?\xcfs}/\xa8\xfa(O\x8b\x97\x01\x82Rj\x00\x84\x10y\x9eGQ4\xdd\x00\xfdJ\x00\r\x807\xf4\xabY\xf5\xbe\xc1\xc7\xee\xbd\xf5\xb9\'\xbe\xab\xafs\xd3\xeb\xaf_e\xb5y\xfd\x11\x9a\xb2k\xaf\xaf6\x1b\x1a\x1az\xfc\xf1\xc7\xd7\xae]\xdbj5\xeb\xf5\xc6\xbf\xed\xdav\xf0\x07;\x07\x86\xce\xc93K_"\x03:1c\xfdoc\xfda\xbf\n\x1e\xee\xd1\x00x\xe9\x9d\xeb\xff\x1d\xd6\x1f\xf6\xab\xe6\xf9&gt;\x1a\x00\xcf\xb0\xfepQe/\xf8\xd0\x00x\x83\xf5\x87\xa3\xaa|\xc5\x9f\x06\xc0\x03\xac?\xdcU\xf1%_4\x00Nc\xfd\xe1\xb4\xea\xaf\xf9\xa5\x01p\x14\xeb\x0f\xd7U\x1f\x00A\x03\xe0 \xd6\x1f\x1e\xb0"\x00\x82\x06\xc0)\xac?\xfc`K\x00\x04\r\x80#X\x7fx\xc3\xa2\x00\x08\x1a\x00\xeb\xb1\xfe\xf0\x89]\x01\x104\x00\x16c\xfd\xe1\x19\xeb\x02 h\x00\xac\xc4\xfa\xc3?6\x06@\xd0\x00X\x86\xf5\x87\x97,\r\x80\xa0\x01\xb0\x06\xeb\x0f_\xd9\x1b\x00A\x03`\x01\xd6\x1f\x1e\xb3:\x00\x82\x06\xa0R\xac?\xfcf{\x00\x04\r@EX\x7fx\xcf\x81\x00\x08\x1a\x80\xd2\xb1\xfe\x08\x81\x1b\x01\x104\x00%b\xfd\x11\x08g\x02 h\x00J\xc1\xfa#\x1c.\x05@\xd0\x00\x14\x8c\xf5GP\x1c\x0b\x80\xa0\x01(\x0c\xeb\x8f\xd0\xb8\x17\x00A\x03P\x00\xd6\x1f\x01r2\x00\x82\x06\xc0(\xd6\x1far5\x00\x82\x06\xc0\x10\xd6\x1f\xc1r8\x00\x82\x06\xa0g\xac?B\xe6v\x00\x04\r@\x0fX\x7f\x04\xce\xf9\x00\x08\x1a\x80\xae\xb0\xfe\x80\x0f\x01\x104\x00\x0b\xc4\xfa\x03\xc2\x9b\x00\x08\x1a\x80\x8e\xb1\xfe\x80\xe6O\x00\x04\r@\x07X\x7f`\x9aW\x01\x104\x00\xf3b\xfd\x81\x99|\x0b\x80\xa0\x018\r\xd6\x1f\x98\xc5\xc3\x00\x08\x1a\x80S\xb0\xfe\xc0\xa9\xfc\x0c\x80\xa0\x01\x98\x81\xf5\x07\xe6\xe4m\x00\x04\r\x80\x10\x82\xf5\x07N\xcf\xe7\x00\x08\x1a\x10&lt;\xd6\x1f\x98\x87\xe7\x01\x104 `\xac?0?\xff\x03 h@\x90X\x7f\xe0\x8c\x82\x08\x80\xa0\x01\x81a\xfd\x81N\x84\x12\x00A\x03\x82\xc1\xfa\x03\x1d\n(\x00\x82\x06\x04\x80\xf5\x07:\x17V\x00\x04\r\xf0\x1a\xeb\x0f,Hp\x01\x104\xc0S\xac?\xb0P!\x06@\xd0\x00\xef\xb0\xfe@\x17\x02\r\x80\xa0\x01\x1ea\xfd\x81\xee\x84\x1b\x00A\x03\xbc\xc0\xfa\x03]\x0b:\x00\x82\x068\x8e\xf5\x07z\x11z\x00\x04\rp\x16\xeb\x0f\xf4\x88\x00\x08A\x03\x1c\xc4\xfa\x03\xbd#\x00o\xa2\x01\x0ea\xfd\x01#\x08\xc0\xdbh\x80\x13X\x7f\xc0\x14\x02\xf0\x0e4\xc0r\xac?`\x10\x01\x98\x8d\x06X\x8b\xf5\x07\xcc"\x00s\xa0\x01\x16b\xfd\x01\xe3\x08\xc0\xdch\x80UX\x7f\xa0\x08\x04\xe0\xb4h\x80%X\x7f\xa0 \x04`&gt;4\xa0r\xac?P\x1c\x02p\x064\xa0B\xac?P(\x02pf4\xa0\x12\xac?P4\x02\xd0\x11\x1aP2\xd6\x1f(\x01\x01\xe8\x14\r(\r\xeb\x0f\x94\x83\x00,\x00\r(\x01\xeb\x0f\x94\x86\x00,\x0c\r(\x14\xeb\x0f\x94\x89\x00,\x18\r(\x08\xeb\x0f\x94\x8c\x00t\x83\x06\x18\xc7\xfa\x03\xe5#\x00]\xa2\x01\x06\xb1\xfe@%\x08@\xf7h\x80\x11\xac?P\x15\x02\xd0\x13\x1a\xd0#\xd6\x1f\xa8\x10\x01\xe8\x15\r\xe8\x1a\xeb\x0fT\x8b\x00\x18@\x03\xba\xc0\xfa\x03\x95#\x00f\xd0\x80\x05a\xfd\x01\x1b\x10\x00ch@\x87X\x7f\xc0\x12\x04\xc0$\x1apF\xac?`\x0f\x02`\x18\r\x98\x07\xeb\x0fX\x85\x00\x98G\x03\xe6\xc4\xfa\x03\xb6!\x00\x85\xa0\x01\xb3\xb0\xfe\x80\x85\x08@Qh\xc04\xd6\x1f\xb0\x13\x01(\x10\r\x10\xac?`1\x02P\xac\xc0\x1b\xc0\xfa\x036#\x00\x85\x0b\xb6\x01\xac?`9\x02P\x86\x00\x1b\xc0\xfa\x03\xf6#\x00%\t\xaa\x01\xac?\xe0\x04\x02P\x9e@\x1a\xc0\xfa\x03\xae \x00\xa5\xf2\xbe\x01\xac?\xe0\x10\x02P6\x8f\x1b\xc0\xfa\x03n!\x00\x15\xf0\xb2\x01\xac?\xe0\x1c\x02P\r\xcf\x1a\xc0\xfa\x03."\x00\x95\xf1\xa6\x01\xac?\xe0(\x02P%\x0f\x1a\xc0\xfa\x03\xee"\x00\x15s\xba\x01\xac?\xe04\x02P=G\x1b\xc0\xfa\x03\xae#\x00Vp\xae\x01\xac?\xe0\x01\x02`\x0b\x87\x1a\xc0\xfa\x03~ \x00\x16q\xa2\x01\xac?\xe0\r\x02`\x17\xcb\x1b\xc0\xfa\x03&gt;!\x00\xd6\xb1\xb6\x01\xac?\xe0\x19\x02`#\x0b\x1b\xc0\xfa\x03\xfe!\x00\x96\xb2\xaa\x01\xac?\xe0%\x02`/K\x1a\xc0\xfa\x03\xbe"\x00V\xab\xbc\x01\xac?\xe01\x02`\xbb\n\x1b\xc0\xfa\x03~#\x00\x0e\xa8\xa4\x01\xac?\xe0=\x02\xe0\x86\x92\x1b\xc0\xfa\x03! \x00\xce(\xad\x01\xac?\x10\x08\x02\xe0\x92\x12\x1a\xc0\xfa\x03\xe1 \x00\x8e)\xb4\x01\xac?\x10\x14\x02\xe0\x9e\x82\x1a\xc0\xfa\x03\xa1!\x00N2\xde\x00\xd6\x1f\x08\x10\x01p\x95\xc1\x06\xb0\xfe@\x98\x08\x80\xc3\x8c4\x80\xf5\x07\x82E\x00\xdc\xd6c\x03X\x7f d\x04\xc0y]7\x80\xf5\x07\x02G\x00|\xd0E\x03X\x7f\x00\x04\xc0\x13\x0bj\x00\xeb\x0f@\x10\x00\x9ft\xd8\x00\xd6\x1f\x80&amp;\x95RU\x1f\x03L\xca\xf3&lt;\x8a\xa2\x91\x91\x91\r\x1b6\x1c8p\xa0^o\xb4Z\xcd\xcb7\xdf\xbd\xe6\x9a\x1b\xc7G^\x97Q\xc4\xfa\x03\xd0\x08\x80\x87N\xd7\x80\xd5Wo\x99&lt;\xf9\xbbF\xffb\xd6\x1f\x80 \x00\xbe:]\x03\xd6\xfe\xc5M?\xfc\xebM\xcf?\xf9\x8f\xac?\x00\x02\xe0\xadY\rH\x92$\xcd\xb2\x15\xff\xeb\xa2W_\xd8\xaf{\xc0\xfa\x03\x81#\x00&gt;\x9b\xa3\x01i\xca\xfa\x03\xd0\xb8\n\xc8g\xb3\xae\x0bJ\xd3\xb4\xaf\xaf\x9f\xf5\x07\xa0\xf1\x08\xc0\x7f\xd3\x8f\x03\xae\xbc\xf2\xca\xfd\xfb\xf7o\xd9\xb2e\xe7\xce\x9d\xac?\x00\x02\x10\x04\xdd\x80#G\x8e&lt;\xf8\xe0\x83\xdb\xb6m\xd3_t\xd6\x1f\x08\x1c\x01\x08\x85RJ/\xfe\xf4/\x00\x04\x8e\xd7\x00B!\xa5TJeY\xc6\xfa\x03\xd0x\x04\x00\x00\x81\xe2\x11\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fe\x1bw\x8a\x88\x0f!\xf8\x04\xa5\x00\x00\x00\x00IEND\xaeB`\x82'</t>
        </is>
      </c>
    </row>
    <row r="294">
      <c r="A294" s="1" t="n">
        <v>292</v>
      </c>
      <c r="B294" t="inlineStr">
        <is>
          <t>grid_number</t>
        </is>
      </c>
      <c r="C294" t="inlineStr">
        <is>
          <t>What is the missing number of the part denoted with a question mark?</t>
        </is>
      </c>
      <c r="D294" t="inlineStr">
        <is>
          <t>['2', '8', '4', '3']</t>
        </is>
      </c>
      <c r="E294" t="inlineStr">
        <is>
          <t>3</t>
        </is>
      </c>
      <c r="F294" t="inlineStr">
        <is>
          <t>There is a 3x3 grid of numbers. The first row is [9, '?', 2]. The second row is [3, 2, 9]. The third and last row is [4, 2, 8].</t>
        </is>
      </c>
      <c r="G294" t="inlineStr">
        <is>
          <t>We observe that [3, 2, 9] sums to 14, and [4, 2, 8] also sums to 14. Thus, the pattern is that the numbers in each row add up to the same value.</t>
        </is>
      </c>
      <c r="H294" t="inlineStr">
        <is>
          <t>Based on the pattern that the numbers in each row add up to the same value, the missing number of the row [9, '?', 2] should be 3.</t>
        </is>
      </c>
      <c r="I294" t="inlineStr">
        <is>
          <t>b'\x89PNG\r\n\x1a\n\x00\x00\x00\rIHDR\x00\x00\x02\x00\x00\x00\x02\x00\x08\x02\x00\x00\x00{\x1aC\xad\x00\x00\x80aIDATx\x9c\xed\xddw\x9c\x14E\xda\x07\xf0\xa7\xaaz\xf2\xce\xceF\x96%gEQ8\xa2\x02\n\x06\x0c\x98\x01ADT\xa2J\x12\x14s\x00\xc3\x9d9\x87\xe3@\x0fN=\xf4\xd4\xd73\x0b\x82\x18\x10\x05\x84\x93\x0c\x92\xe3\xb2ygv\xf2tW\xd5\xfbG\xed\x8e\x88\n\x0bL\xd8\xd9y\xbe\x9f\xf7=u6\xd0\xfc\xa6\xa7\x9e\xee\xaa\xea*"\xa5\x04\x84\x10B\xe9\x87&amp;\xfb\x00\x10B\x08%\x07\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85\x05\x00!\x84\xd2\x14\x16\x00\x84\x10JSX\x00\x10B(Ma\x01@\x08\xa14\xa5%\xfb\x00\xea\x05)e\xb2\x0f!\t\x08!\xc9&gt;\x84\x1a\x98\x7fra\xfei+M\x0b\x80\x94R\x08!\xa5$\x84\x10B(M\xc7;\xa1$\x86\x80\xf9\x03\xe6\x9fl\x18\x02\x00\x90\xb4*\xfe\xea-\x07\x00\xc6\xd8\xa1\xaf{&lt;\x1e!\x04!\xe9\x92\x86\xba\xf6\xc9\xca\xca:\xf4E\xf5a\xa0\x94\xc6\xef\xca\x08\xf3W0\xff\xe4JV\xfe\xf5P\xba\xbc\xe5RJ\xce\xb9\xa6\xd5\xdc\xf1x\xbd\xde\x95+W._\xb1\xe2\xe7\xff\xfd\xaf\xb2\xb2r\xf3\xe6\xcd\x86\xc1\x81\x00\xa4E\x18\x00\x04\x00\xa0]\xdb\xb6YYY\xdd\xbbw\xef\xda\xb5k\xcf\x9e=\x9b6m\xaa\xbeh\x18\x06\xa54\xb6\x17D\x98\xffo`\xfe\xc9\x95\xf0\xfc\xeb/\x99\x06\x0c\xc3P\xff\x12\x0e\x87?\xfa\xe8\xa3\xc1\x83\x07\xb7l\xd92\xd9\xc1\xd7/\xd9\xd9\xd9\x03\x06\x0c\x983gNII\x89\xcaJ\xd7uuM\x84\xf9\'\x00\xe6\x9f\\q\xcd\xbf&gt;k\xe0w\x00\xeaoG\x08\xf1x&lt;s\xe6\xccy\xf3\xcd7\xd7\xad[\x17\xfdj\x86\xd3\xd9\xa4Y\xcb\xfc\x82\x82VmO\xce\xca\xc9\xe5\x86\x91\x0ew\x7f\x12$%T\xd7#[6\xac\xf5\xb8\xab\xf6\xed\xdeQUY\x11\xfdjaa\x93\x11#\xae\x1d;v\xecI\'\x9d\x04\x00B\x88\x13\xb9\x14\xc2\xfc\x7f\x0f\xf3O\xaeD\xe6_\xff5\xe4\x02\xc09W}\x9ds\xe7\xce}\xf2\xc9\'\xb7l\xd9\xa2^o\xd2\xac\xc5\x19g\x9f\xdb\xef\xfc\x8bO\xee\xd4\xa5QA\xa1#\xc3\xc94h\xd0\xef\xf2\x1f\x90\x12\x0c\x03\xc2\xa1pEY\xf1\xb6_6\xfd\xf0\xcd\xa2e_/\xda\xbay\x83\xfajNN\xce\xe4\xc9\x93\xa7M\x9b\xe6r\xb9\x0c\xc3\x88v\x1d\x1c\x13\xcc\xff\x080\xff\xe4J@\xfe)\xa1\xc1\x16\x00u\xf6\x17\x15\x15\x8d\x1e=z\xe1\xc2\x85\xea\xc5\x0e\x1d;]\x7f\xd3\xe4\x01\x97\\\x95\x9b\x9f/%\x84\xc3\x11=\xa2\x0b\xc1\xa5\x14\r4\x86?E\x00\xd4\xd4\x07\x93\xc9l\xb1Z4\r\xbc\xd5\x81\x95?|;\xef\xd5\xe7\x96}\xb3H}\xcfI\'\x9d\xf4\xfa\xeb\xaf\xf7\xe9\xd3G\x8d\x10\x1e\xd3\xe5!\xe6\x7fd\x98\x7fr\xc5;\xffT\xd10\x0b\x80*\xda\x0b\x17.\x1c=fL\xd1\x81\x03\x00\xd0\xba]\x871\x93\xa6_r\xd5\xb0\xcc\xacL\x9f7\xa0\xeb\x11\x00B)%\x04j\x86\x84\xd2\x95\x94R\n!\xa5d\x9a\xe6\xc8\xc8\xe0\\,\xfb\xfa\xcb\xd7^zr\xf9\xd2\xaf\x01\xc0l\xb1&lt;\xf1\xf8\xe3S\xa7N=\xa6\xcf\x00\xe6_w\x98\x7fr\xc5#\xff\x14\xd2\x00\x0b\x80:\xfb\xe7\xcc\x993~\xfcx\xf5\xca\xb5\xa3\'L\xbd\xf7\xa1\xbcFy\x1e\xb7\x8f\x1b\x06e\xac\xe1\xbd\x911\xc19\'\x8483397\xde\x9c\xfd\xf2\x8b\x8f\xcf\xf0y\xab\x01`\xdc\xb8q\xb3g\xcf\xe6\x9c\xd7e\x92\x1c\xe6\x7f\xdc0\xff\xe4\x8aI\xfe\xa9\xa5\xa1\x15\x00u\xe7\x1b=\xfb]Y9\x0f&gt;\xf9\xd2\xa0\xe1\xd7V{\x02\x91H\xa4\x01\xf7\xe5\xc5\x90\xfa\x18\xe4\xe6e\xae^\xf1\xd3}S\xc6m\xd9\xb8\x16j?\x03G\xbd\x0e\xc2\xfcO\x1c\xe6\x9f\\\'\x92\x7f\xcaiP\x05\xe0\xb0\xb3?\xafQ\xe3\x97\xe6\xbd\xdf\xbb_\x9f\xd2\xe2*\xa6i\r\xe9mK\x00]\xd7\xb3\xb2\xb3+\xcaJn\xbe\xf6\x8a\xb5\xabW\xc0!\xd7A\x87=F\x14\x85\xf9\xc7\x10\xe6\x9f\\\xc7\x91\x7f*j8\x05@\xbd1\x8b\x17/\x1e0`\x00\x00d\xe7\xe6\xbd\xbb\xf0\xc7\x96m\xday\xaa\xaa4\x93)\xd9G\x97\x92\xb8a\x98\xad\x16F\xd9\xa8\xc1\x17\xae\\\xf6\r\x00\xcc\x9c9s\xc6\x8c\x19\x7f8/\x02\xf3\x8f9\xcc?\xb9\x8e)\xff\x14\xd5@\n\x80\x9a\xae[RR\xd2\xb9s\x97\xd2\xd2\x92LW\xd6\xac\xf9\x1fw;\xa3\x8f\xc7\xed\xd64&lt;\xfb\x8f\x1f\xe7\xdcb\xb5\xf8&lt;\x9e1C/\xde\xb4\xeegB\xc8\xc2\x85\x0b\x07\x0c\x18p\xd8u\x10\xe6\x1f\'\x98\x7fr\xd51\xff\xd4\xd5@f\xffJ)9\xe7#G\x8e,))\x06\x80\x07\x1e\x7f\xa9w\xbf\xbe\xee*&lt;\xfbO\x14c,\x1c\x0c\xe5\xe47zv\xf6|WV\xb6\x940r\xe4\xf5\xc5\xc5\xc5\x84\x10\xb5\xaa\x8c\x82\xf9\xc7\t\xe6\x9f\\u\xcc?u5\x84\x02\xa0\xaa\xf1\xfc\xf9\xf3\x17-Z\x04\x00W\x8f\x1c;\xf8\xba\x11%\xc5U&amp;\xbc\xf3\x8d\x05\xa6i\x1e\xb7\xbb\xc3)\'\xdf\xfb\xd7\xe7\x01dII\xf1=\xf7\xdcC)\x8d\xde;b\xfeq\x85\xf9\'\xd7Q\xf3Oi)\xdf\x05\xa4V\xb4p\xbb\xdd\xbdz\xf5\xda\xb9sg\xb3\x96\xad\xdf_\xbc\xd2b\xb1\xaa\xa1\xfcd\x1f]\xc3\xc19\xcf\xcavM\xb8n\xf0\x97\x9f~`\xb1X\x96.]\xda\xbd{w)\xa5ZB\x12\xf3\x8f7\xcc?\xb9\xfe,\xffT_("\xb5\x8f\x1e\x00\xd4\xe4\xdc\xb9s\xe7n\xdf\xbe]\x081v\xf2\x9dy\x8dr"\x91\x08\x9e\xfd\xb1E\x08\xd1#\xc6\xc4;\x1e\xb4X\xad\xe1px\xc6\x8c\x19\xaa\xe9\xc1\xfc\x13\x03\xf3O\xae?\xcb?\xd9\xc7u\xa2R\xbb\x00H)\x19c\xc1`p\xee\xdc\xb9\x84\x90\xd6\xedN\xbal\xc8pO\x95\xaf\xc1\x8c\xd1\xd7\x1f\x94R\x9f\xcf\xd7\xa9K\xe7\x0b/\x1b\x0c\x00\xdf}\xf7\xdd\xe6\xcd\x9b\x19c\x94R\xcc?\x010\xff\xe4\xfa\xb3\xfcS}$ \xb5\x0b\x80z.c\xf1\xe2\xc5\x1b7n\x94R\x8e\x9ap[\xa6\xcb\xc9\r#\xd9\xc7\xd50QJ#a}\xf4\xc4\xe96\xbb\xc3\xef\xf7\xbf\xf6\xdak\xeaE\xcc?10\xff\xe4\xfa\xc3\xfc\xb1\x00$\xdf\xbcy\xf3\x08!\x8d\n\x9b\\p\xe9 \x9f7@\x1b\xc4\xf4\xacz\x88R\xea\xf7\x07:u\xe9\xd2\xb3\xcf\xd9\x84\x90\xf7\xdf\x7f\xdf\xe7\xf3\x01\x80\xba\xfc\xc4\xfc\xe3\r\xf3O\xae\xdf\xe7\x1f\x08\x044MK\xe9\x8e\xa0\x14.\x00\xaa\xff\xc7\xe3\xf1\xac\\\xf9\x93\x94\xb2\xf7\xd9\xe7\xe75\xca\xd3u\x1d{?\xe3HJB\xe0\xbc\x8b\xaf\x94R\x1e8P\xb4i\xd3&amp;\xc30V\xacX\x81\xf9\'\x08\xe6\x9f\\\xbf\xcd\x7f\xed\xda\xb5\x90\xe27\x01)\\\x00T\xee\xabV\xad\xda\xbf\x7f\x1f\x00\xf4\x1b00\xd9G\xd4\xf0Q\xc6\x82\xc1\xc8\x19}\xcf\xc9pfrn|\xf7\xddw\xeb\xd7\xaf/**\x02\xcc?!0\xff\xe4:,\xff/\xbeX\x00\xb5\xbb\xee\xa4\xa8\x14.\x00*\xf7\x95+\x7f\x02\x00\xbb\xc3\xd1\xb1S\xe7p(\x92\xea\xb3\xb2\xea9BH$\x1c.l\xd6\xa2e\x9bv\x00\xb0v\xed\xdae\xcb\x96\x01\x80\xc3\x91\x81\xf9\'\x00\xe6\x9f\\\x87\xe5\xbfj\xd5O\x00\x90\xd2\x99\xa7\xf0\xa1\xab[\xdd\xd5\xabW\x01@\xb3\x16\xad\x0b\n\x9b\xe2\xfdo\x02\x08!lv\xcbI\xa7\x9e\x0e\x00k\xd7\xad\xfb\xfc\x8b/\x00\xa0I\x8b\x96\x98\x7fb`\xfe\xc9uh\xfe\x9b7o\xf6\xf9|)\xfdPX\nO\x17S\xf3p\xcb\xca\xca\x00 \'/\xdf\x9e\xe1\xf4y\xabS\xba\x1a\xa7\x04)%cPP\xd8\x14\x00\xaa*+UG\\N.\xe6\x9f \x98\x7fr\xa9\xfc\x1b\x176\x03\x00\xb7\xdb\x13\x0c\x06322\x92}P\xc7/U\x0b\x80z\x06\xcf\xedvo\xdd\xba\x15\x00\xdav8E\xd3d\xea\xd6\xe1\x14B\t1\x0ch\xdb\xe1\x14\x00()))//\x07\xcc?\x810\xff\xe4R\xf9\xb7\xe9\xd0\x11\x00\xaa\xab=\x9b7o\xce\xcf\xcf\x17B\xa4\xe8\xdap\xa9Z\x00\x14)\xa5\xae\x1b\x00\x90\x9d\x93KiCx0/%H\t\xd99\xb9\x00`\x18\x86\xba\x02\xc5\xfc\x13\t\xf3O\xaeh\xfeB\x08#\xc5\x9f\xbaH\xf9\x1bF\xd5\xe9\x99\xeaoC\xcaQ\x81GwG\xc2\xfc\x13\x0c\xf3O\xaeh\xe0\xa9&gt;\xe8\x92\xf2\x05@I\xf5\xb7!\xe5\x1c\x168\xe6\x9f`\x98\x7fr5\x98\xc0\x1bH\x01@\x08!t\xac\xb0\x00 \x84P\x9a\xc2\x02\x80\x10Bi\n\x0b\x00B\x08\xa5),\x00\x08!\x94\xa6\xb0\x00 \x84P\x9a\xc2\x02\x80\x10Bi\n\x0b\x00B\x08\xa5),\x00\x08!\x94\xa6\xb0\x00 \x84P\x9a\xc2\x02\x80\x10Bi\n\x0b\x00B\x08\xa5),\x00\x08!\x94\xa6R{?\x80T$\xa5\x94RH\t\x00\x12$\x00\x81\xdae}I\x83Yb\xb0\xde\x92\xb5j\xc2\x87\xda\xfc\x01\x08\xa5\x98\x7f\x02H)jN\xffC\xcf\x7f\x00B\t!x=\x9ahX\x00\x12DJ)\x04\xa7\x94\x9a\xcc\x16\xb3\xd9\xc2\x98:\xeb\x01$\x08\x01\x86!"\xe1\x90\xae\xeb\x04\x80\xa6\xe6\xd6B\xf5\x96\x94R\n!AR\xcaLf\xb3\xc9df\x8c\x10\n5\xad\xbd\x04)\x81s\xd0#\x91H$\xac\xde#l\x89bN\x08.\xa5dL\xb3Xl&amp;\xb3\x89\xd2_\xcf\x7f)A\x08\xd0#z$\x12\xe6\xdc \x84\xe2\xc6\x96\t\x83\x05 \xeeT\xd3o\xb1X\xed\x0eg8d\x1c,\xda\xb7o\xd7\x8e\xe2\x83\x07&lt;\x95\x95\xba\x111[\xacy\xf9\x05\xcdZ\xb4j\xd1\xbamn\xa3|)\xc0\xe7\xf5J!\xb0\x0c\x9c8!\x84\x94\xc2d2\xdb\x9cN\xc6 \xe0\x0f\x95\x15\x1f,.\xda_VZ\\UQ\x1e\x0c\xf89\xe7&amp;\x93)+;\'\xbfq\x93\xe6-[\x176ma\xb3\x9b\x83\xc1H(\x18\xa0\x94\xe1\rA\x0cH\xc9\x05gL\xcbp\xba4\r\xbc^\xff\xde\xdd;\x0e\xec\xdb]VR\\\xed\xae\xd2u]\xd3\x9833+\xbf\xa0\xb0Y\xcb\xd6M\x9a\xb5\xc8\xce\xc9\x8aDx\xc0\xef\x03 X\x06\x12\x00\x0b@|\xa9\xcdB]Y\xce}{\xf6\xfe\xfb\xf5\xf7\x96|\xf1\xc9\xe6\rk\xbc\xd5\x9e\xdf\x7fg\x93f-\xba\x9d\xd1\xf7\x92A\xc3\xfb\x9e3\xc0d6{\xab=\x8c\xe1\xbbs\x9c\xd4U\xbf\xdd\x91a\xb6\xb0\xf2\xd2\x8a\x1f\xbf\xfb\xea\xfb\xaf\x17\xfd\xbc\xf2\x87\xbd\xbb\xb6\xffa\xf8\x00`wdt\xe8xj\xbf\x0b.\x1dx\xe5\xb0v\'\xb5\xf7V\xfb9\xe7\xd8\x06\x9d\x08\xce9cZV\xb6\xd3\xef\x0b\xfe\xf0\xed\xe2\xaf\xbe\xf8h\xe5\xb2o\xf7\xee\xdc\x1e\n\x05\x7f\xff\xcd\x16\x8b\xb5U\xdb\xf6\xbd\xfb\x0f\x18x\xe5\xd0\xce\xdd{\xe9\xba\x1e\x0c\xf8\xf1#\x10o\x98o\x1cq\xce\xed\x0eG$\x1c~\xf1\xf1G\xde\x9a\xf3rEy\xa9z\x9d\x10B(%\x00\xea\x1eXJ\x10\x82\x17\xed\xdf[\xf4\xfe\xfcO\xde\x9f\xdf\xadW\xdf\xc9w\xcd\xe8{\xde\xf9\xd5n/4\xa0\xbd\x87\x12FJi\xb1ZM&amp;\xd3\xba\xff\xfd\xf4\xc9\xfb\xf3\xbf\xfa\xfc\xc3\xfd{w\x1f\xfa\r\x942B@u?\x03H\t \x85\x08\xf8}kV\xadX\xb3j\xc5?_~z\xc4\x98\t7M\xbb\xc7b\xb5\x86\x82\xc1\x14\xdd\xec;\xb9\xa4\x94B\x88L\x97\xcb\xef\xf3\xbd=w\xf6;\xf3fo\\\xbb:\xfaUB)\xad9\xabk\xdf\x02)\xc3\xe1\xd0/\x9b\xd6\xff\xb2i\xfd\xbff\xbdp\xe1\xe5\x83\'\xdf5\xa3}\xc7S&lt;U\x1e\xcc?\xae\xf0\x02\'^87\x9c\x99\x99{vn\xbb\xfe\x8as_x\xec\xc1\x8a\xf2R\xc64\xd5\xb1P\xd3+]3\x1a,\xa5\x14\x84\x10B(c\x8cR\xbaz\xc5\xf77\x0e\x1a\xf0\xf4C\xf7\xd9\xecvJ)\xee\xf4}L\xa4\x14f\xb3i\xc7\xd6\xcd\x93\xae\x1f&lt;\xec\xa2\xde\xff\x9a\xf5\xfc\xfe\xbd\xbb\t\xa5\x8ci\x94R5\xd2.\xa5\x10B\x08)\x84\xac\xfd\xa7\x94\x84\x10J)c\x9a\xb7\xda3\xeb\xb9\xc7F\r\xbe\xb0\xbc\xb4\xd8f\xb7\xa9]\xd7Q\xddq\xce\x19cY\xd9\xae%\x0b&gt;\x19q\xc9Y\x0fL\xbbi\xe3\xda\xd5\x84\x90\xe8[\xa0\xe2\xaf\xc5\xd5?\xa2\xf9\x0b\xc1\xbf\xf8\xf0\xdda\x17\xf6\xfe\xe8\x9d\xb7\xb2r\\\x9c\xf3d\xff\x85\x1a2,\x00q\xc19\xcfp:7\xaf_s\xfd\x15\xe7\xad\xfb\xdfJM\xd3\x08!\x9c\x1bj\x8cQ5\xeb\xd1O\x80\x94\x92\x10J\x08\xe1\x9c\x0b!(c\x94\xd2Y\xcf\xfe\xed\xce[\xae7\x99M\xaa`$\xfb/\x942\xa4\x94\x9a\xc9\\UQ\xfe\xe5\xa7\x1fp\x833M#\x84J!\x84\xe0\x84\x10J\x19D\xe7\x02\xd56\xfdRJ\xc6\x18!D\x08\xc1\xb9A\x08\xd1L\xa65?\xfd8n\xe8\xc0j\x8f\xdbd2a\xfeu\xa7.\xfc\xc3\xe1\xd0=S\xc6\xdd|\xed\xe5\x9b\xd6\xafQ\x975RJ\xce\r\x00\xf2\xeb5\xd0\xaf\x17@\xbf\xc9\x1f\x00T\x19\x9e~\xf3\xc8\xb7\xe6\xfc=+\xdb\xc5\r\xac\x01\xf1\x82\x05 \xf6\xa4\x10V\xab\xa5\xe4`\xd1-\xd7]YVrP\xd34\xc30\xd45f\xb4\x95\xcfte\xb5\xed\xd0\xf1\xd4\xce]\xdbv\xe8\x98\xe1\xcc\x14\x82\xab\xda\x00\x00\x82s)\xa5f2}\xf2\xfe\xfc\x19\xb7\xdd\xe2pf`\x03Tw\x942\x9f\xd7\xdb\xa7\xff\xb9\xe7\\t\x19!\x00R\x12\x02\x8c1)%\xe7\x9csCJi\xb5\xd9s\xf3\x0b\x9a6o\xd5\xb4y\xcb\xac\x9c\\\x00\xa8)\xbd\x94\x02\x80\x94\xd2\xd0u\xcdd\xda\xb6e\xe3\x8c\xdbn\xb1X-\x98\x7f\x1dI)\xcd\x16\xf3\xaa\xe5K\xaf\xbb\xac\xff{o\xbc\xa6\xaeu\xa2\x975\x84\x10!j\xde\x02\x9b\xdd\x9e\x9b\xdf\xa8\xa0\xb0iVv\xce\xaf\x97&gt;\xb5#.\x9c\x1b\xeag\x1f\xbac\xe2\xd2\xaf\x169]N\xbc\x0f\x88\x13\x1c\x03\x88=\t\xa0\x99L\x0fN\xbb\xf9\xe0\xfe\xbd\xaa\xf5\x07\x80\xe8\x85\xfc\xb9\x17]6x\xc4\xe8SO\xef\x9a\x99\x95\xad\x99L\x86\xae\xbb++\xd6\xac\xfaq\xfe\xeb\xaf\xaeZ\xfe\xbd\xea\xf1\xafi\x834\xd3\xfb\xff\xfeg\xc7\xd3\xba\xdcx\xcb\xe4\xaa\n7\xd3\xf0\xcd\xaa\x13\x02 \x84\xbcv\xd4\x84\xaf\x17~\n\x84\x08\xce\x01\xc0fwt?\xf3\xac3\xcf&gt;\xef\x94\xd3\xba\x146k\x91\xe1ti&amp;\r\x00\xc2\xa1Piq\xd1\xcf?\xfd\xf0\xc1\xfcy\x9b\xd7\xaf!\x94J!\x00\xc0\xd0u\xc6\xb4/?\xfd\xe0\xeb\x85\x9f\x9f{\xd1%^O5\xce\xcb:*!\x84\xcdf]\xfc\xd9\xc7[7\xad7[\xac\x91p\x08\xd4\x03\x16\x00\xea]\xe8vF\xdf\xfe\x17\\r\xda_z4i\xd6\xc2\x91\xe1\xa4\x94\xe9z\xa4\xac\xa4x\xed\xaa\x1f?x{\xde\x865\xab\xa3\x1f\x13U\x0f\xa4\x943\xef\x98\xf8\xc1W+5\xcd$\x85\x00\x1c\x0f\x8b5lSb\x8cs\xc3\x95\x9d\xf5\xc9{\xef|\xbb\xf8s\xf6\xdb\xd6?\xc3\x99\xf9\xf0\xb3\xb3.\xbfz\xb8\x90\x10\x0e\x86\x0c\x83s]\'\x84\xe6\x17\x14^~\xf5\xf0\x8b\xaf\xbc\xfa\xf5\x97\x9fy\xe6\xe1{\xd4\xb8\xaf\xbae\xa6\x94&gt;\xfb\xc8\xbd}\xce\xb9\xa0y\xcb\xd6\xa1P\x08\'\xa5\xd4\x05e\xcc\xe7\xf5\xf59\xe7\xbcN\x9d\xbbmX\xb3\xaa\xe3i].\x1b|\xed\xb9\x17_\xde\xaam\x07\x93\x99\x18:\xe8zD\xddf\x01\x80\xcd\xe6\xc8k\xd4\xf8/=z\\s\xe3M\xaf&lt;\xf9\xc8\xac\xe7\xfeF)\xad\xed\xf7\x97\x84\x90w\xe6\xcd:\xf7\xa2K\x92\xfb7J\x15\x8c1o\xb5o\xfa\x8c\xbfm\xdf\xb2\xe1\xbb\xaf\x160\xa6\x01H\xce\xb9\x04\xe87`\xe0\x98I\xd3\xbb\x9fq\x96\xc5\xa6\x19\xba\xd4#\xba\x10\\J \x94\xe45j\xdc\xa5{\xb7\xa17\x8c{\xfd\xe5g\x9e\xff\xeb\xfd\xaa\xddW}\xa4\x8ci{vn\xfb\xef;o\x8c\x9a0\x05\xaf\x81\xe2\x01\x03\x8d1J\xb5P 8\xe7\xc5\'\xa3\xd72\xaa\xe7\xc7j\xb5\xbd\xf2\xc6\x7f\xfb]pny\x89\x1bH\xed&lt;\x08B\x00\x84\xaeG\xc2\x95AB\xe9\x94\xbb\xee\xca\xce\xcd\xbfo\xca\x18\xc6\x18\xe7\\JI)\xf5\xfb}\xaf&gt;\xfd\xe8\xb3s\xde\x0c\x06\x03\xd8eWGRJJ\xc9\xd4{\x1f)+9x\xe9\xe0k\xec\x19\xb6` \xe2\xf7y\xa5\x10\xbf{\xe2\x94\xebz\xc4\xef\x13\x8c\xb1{\xff\xf6W\xaf\xd7\xf3\xef\xd7^\xa1\x94\xa9\xc1I)\xe5\xea\xe5\xdf\x1f\xd8\xbb7\xafQc]\x8f\xe0\x8c\xac\xa3\x92Bp.\x9exu\xde5\x17\xf5\xdd\xb3k;\x00\xb4h\xd5v\xfa\xcc\xc7/\xbcl0\x00\xf8\xbd\xde\x80\xff\xb7o\x01\x07=\x12\xf1\xfb\x04\xa5\xf4\xb6\xfb\xef\xb5X\xac\x8f?p{t\xee\x83\x04I\x08\xf9\xf0\xdd7\xaf\xb9\xf1&amp;\xbc\x03\x8b\x07lPbIp\xee\xc8\xb0\xff\xf4\xc3\xd2\xcd\xeb\x7f\x06\xa8\xe9| \x94\n!&amp;\xdd5\xb3\xff\x85\xe7\x96\x1e\xacd\x9a\xa6\x86\xbcj\xe7\xc0\x11B\x08\xd34BH\xf1\xc1\xaa\xeb\xc6\x8e\x1e=\xf1v\xce\xb9\x1a\xaeT\xb3#\xbe\xf8\xe8\xddM\xeb\xd6\xd9\xec\x0e\x9c\x91RG\x94\xd2\x80/\xd8\xbb\xdf\xf9C\xae\x1be\x18\xbc\xaa\xdc\x1d\t\x87(\xa5L\xab\x99\x88u(J\xa9\xa6iRJwe\xe8\xe6\xa9\xf7fe\xe7\xa8\x11c58\xef\xad\xf6\xec\xda\xfe\x8b\xd9b\x96\x18~\x1d\x10J\xc3\xa1PN^\xa3g_{\xdb\x91\xe1\xbcd\xd05\xef-\xfaq\xe0\x95C|\xdej_u5\xf9\xa3\xb7@\xe5O\x08)9\xe8\x19=qZ\x8f&gt;\xfdD\xed\x83\x90j\x94\xfe\x97\x8d\xebv\xed\xd8f\xb1Z\xf1-\x889,\x00\xb1$\xa54\x99\xe8\x92\x05\x9f\x00\x00e\x14T\xeb\xcfy\xf3\x96m\xae\xb9\xf1\xa6\xcar\x9f\xc9l\xfa\xb3\x9f%\x84h\x9aVU\xe1\x9ft\xc7\x03-\xdb\xb4\x93\xb2\xa6\x0f\x942\xa6G"\x1f\xbd\xf7\x96\xcdf\xc2\x0f@\xdd\x11J\x82\xc1\x80\xc7\xed\x01\x005\x17\xe8\xc8\xdfO)\x8dD\xc2\x8d\n\x9bt\xee~\x86\xfaO\x00POk\x14\x17\xedg\x8c\xe0@p\x1d1\xc6|^o\xc7N\x9d\xdfY\xb0\xec\xb1\x97\xe6:\x9c.w\xa5\x9bRv\xe4Kx\xd5\xefI)\xb9\xfa\xba1\xd1\x17\xd5M\xb0\x1e\x89\xec\xdc\xba\xd9l6\t\x1c\x8d\x8f5,\x00\xb1D\x99\xe6\xf7\x85\xfe\xb7r\x19\x00\xa8\xc6Z\xb5#\x17\\6(;\'\xd30\x8c\xda\xab\xfe?F\x08\xd1u\xdd\x95\xed\xba\xe1\xe6\xa9RJ5\xe4\xa5~\xcf\xe2\xcf&gt;tWVk\xa6?\xad\x1f\xe8\xf7(\xa5\xc7\xf8\x18\x91d\x0c\n\x9b\xb6\x00\x80C\xc7\x1b\xfd&gt;\x9fz+b{x\r\x18\xa54\x18\x0c\xb6iw\xb2a\xe8\x91P\xa8\x8e}\xf7\x94\xd1pH?\xe5\xf4\xae&amp;\xb3Yp\xae:\xdcT\xe5..\xda\xa7f\xf0\xc6\xf5\xb0\xd3\x10\x16\x80\x98\x91R\x9a\xcc\xa6\xb2\xd2\xe2\xbd\xbbw\xaa\xff\x84\xda\xe6\xbbG\xef\xb3\rC\xd2:\xf4 3\xc6\xfc\xfe\xd0\xf9\x03\xaf\xcc\xca\xceU\x9f\x01\xd5\x0b\xb4w\xe7\xf6\xcd\x1b\xd6Xm\xf8\\R\\\xd5\xae\x0f\xf7[\xf80\xeaq\xa0\x94\x86CA\xd5\xc5S\xe7\x1f"\x9c\x1b\xd99\xb9\x99\xae\xacC^\x03P5\x18\xb0\xfd\x8f=,\x001#\xa54i\xa6\xb2\x83E&gt;o5\x00H\t\xaa\xf96\x9b\xcd-Z\xb5\xd5#\x06\xa1G/\x00\x84\x90H8\xdc\xb8I\xd3\xae\xbd\xfa@\xb4#\x821\t\xf2\xe7\x95?\x9a\xcd\x14{\x81\xe2\x8a\x0b(+9\x08\xa0V\x88P\xff\x03Y9\xb9B\xc0\x91\xef\xde\xd0\xef\x1dK\xd3_CJ\xa0\x94j\xda\xe1w\xbaX\x83\xe3\x04\x0b@\xccH))\xa3nw%HI)\x8d^\xae83\xb32\xb3r\xd4c\x90u\xfcEL\x83\xd3\xbb\xf5\x04\xa8\xed\x88\x90\x00\x00\x1b\xd7\xfd\x8f\x0b\xc0\xa9\xd0q"\xa5\xd44\xcdSU\xb5q\xdd\xff\x00@H\x01\x00j4\xb8Y\x8bV\x86!p\nP\x02\x10Jt=\x12\n\x06~}IJ\x00\xc8teK\x89%8\xf6\xb0\x00\xc4\x12!\x10\x08\xf8k\xfe\xad\xf6\x7f\xadv\xfb\xb1-\'@\x88\xe0\xd0\xbam\x07\x00\x90B]\x87\n\x00\xd8\xb3c[\xd0\x1fRc\xcb(\xe6\x0c\xc3\xc8t9\x16}\xf6A\xf1\x81\xfd\x94R)\xa4Z\xb8\xa6I\xf3\x16\xad\xdb\x9f\x14\x0e\x85\xea\xd2\x83\x87N\x84\x94R\xd3L\x15ee\xea\x1e:\xfa"\x00\x146k\xa1\xa6\xd4%\xed\xe0\x1a(lMbL5\xd9\x87;\x96\xf3\x96\x10\x10Bfe\xe7Bm\xd3\xaf&gt;\x03\xa5%\x07}^\x0fc\x1a\xaeL\x10s\xdc0222\xf6\xed\xde\xf7\xe2c\x0fF\xaf\xf4\t\xa1R\xca\x01\x03\xaf\xca\xc9\xcd6\xf4\x08\xde{\xc5\x9b\x94\xd2lf\xdb\xb6lP\xcb\xc9\xa9\xd5S\x84\x10\x16\xab\xadU\xdb\xf6\x91H\x04kp\xcca\x01\x881\x8b\xd5\nP\xdb\xfd#%\x00\x84\x02\x01=\xa2\x1fK\x07\x02Q=\xa1\x87\xbd\xea\xf3V{\xabqu\xdc\xd8\xe3\x86a\xb3\xdb\x03\x01\xff\xad\xa3\x87\x96\x1c,\x8a\x0e\xbcK)2\x9c\x99#\xc6N\x0c\x06\xc2\xf8\x14R"H\t\x04\x96~\xb5\x00\x00j\xf6\x8a\xa4\x94\x10\xd2\xa1c\xa7f-[E\xc2\xe1\xe3\x18T@G\x86\x81\xc6\x0c! \xb8T\x13\x18\xd4\x95\xbbR\xedqWU\x963\xcdT\xc7I\x0cRJ\xc6\xa0\xb4\xf4 \xfcv\x18-\x12\x0e\xf9\xbd^F\x19\xde\x01\xc4\x90a\x18\x19\x99\x99\x1ew\xd5\xb8\xa1\x97\xacY\xb5\x9c1\xa6\xe6Y1M\x13B\xdcz\xcf\xc3m\xda\xb7\x0b\x05\x838\x00\x10oR\n\x8b\xcd\xb6g\xc7\xaeo\xbe\xfc\x0c\x00\x84P=&gt;DJy\xde\xc5\x97\xdb\xed\x16\x81\xeb\xc1\xc5\x01\x16\x80\x98!@uC\xcf/hb\xb1\xda\xd4\xddk\xcdc,zd\xc7/\x9b\xccf&amp;\xfe\xb0w\xe8w\xa4\x94\x94\x91\x1f\xbe^\x04\xb5\xbb\xc1D\x97\xc7\n\x85Cu\x99J\x84\xea\xc80\xf4\xec\x9c\xac\x9d\xdb\xb6\x8c\xbc\xe2\xdc\x9f\x7f\xfa\x811M\xad:\xa9i&amp;C\xd7\xaf\x1a~\xe3\r7OqWU\xe3\x124\t\xc0\xb9\xc8\xc8\xb0\xbc9\xe7%u\x9b[\xdb\xff\xc3\xd5\xe3\xc4\x01\x7f\x04G\xbf\xe2\x013\x8d\x195\x81\xa1\xa0\xb0I\xd3\xe6-\xa1\xb6\xedV\x97\xf0\xdf|\xf9\x19\xa5uZ\xd6_\x08n\xb3\xdbwn\xdd\xbe\xf0\x93\x0fH\xedJ\x96\xd1\xdf&amp;\xea&gt;\x95\x08\x1d\x91Z\x1d:7/\xfb\xdbE\x0b\xaf\xbb\xec\x9c\x1d\xbflb\x8c\xa9\xcd\x00\x98\xa6\x19\x86~\xc9\xa0k\x1e}\xfe\x1f~\xbf\x1f\xaf\xfd\x13@p\x9e\xe1\xccX\xbb\xfa\xe7w\xe6\xce\x8a.\xc6G)\x93R\x0e\xbavT\xdb\x0e\xedB\xa1\xc0Q\x9f\xe5F\xc7\x013\x8d%n\x18\x99\xae\x8c.\xdd\xcf\x88&gt;\xff\xa2\x1e\xe6Z\xf4\xd9\x7f\xb7\xff\xb2\xcdn\xb7\x1fyYs\xd5\xf5l\xb5\x9a\x1f\x7f`\xba\xcf\xebQ\x83\x90\xeaK\xea\x1f\xf8\x19\x88\t\xb5\xd8dv\x8ek\xee\xab/\x8d\xbb\xe6\x92\xca\xf2R\xca\x18\xe7\xbcf[\x1e\xc3\x18&gt;\xea\xe6\xa7\xff\xf1\xa6\x1e\xd1\xa5\x90X\x00\xe2NJJ\xa9\x14\xe2\xe1;\'\x87BAP\xab0Q*\xa4\xc8\xc9\xcd\x1f;y\xba\xdf\x17RKc\xa1\x98\xc3\x06%\xb6\x08\xe7\xf2\xfcK\xaeR\xab\xd9\x02\x80ZP\xcc\xef\xf3&gt;1c\xba\xc5jf\x1aS\x9b\xc3\x1c\xf6cR\x08\xc3\xd0\xcdf\xb3++\xf3\xd1{n\xfb\xea\x8b\x8f\x98\xa6\xa9n\xd0\xda\xef\x90\x00\xc04\rp\x00\xe0DI)efV\xe6S3\xef}\xe4\xee)R\x08J\xa9\xe0\x9cR\xaavi\xbb\xed\xfe\xbf=\xfc\xec\xdfC\xc1Pt5\x02\x14W\x06\xe7Y9\xceg\x1e\xb9\xef\x7f+\x971\xc6\xd4]\xaf*\tS\xef{\xb4Y\x8b\xe6\xe1P\x08\xdf\x888\xc1\x02\x10K\x8c1\xbf\xcf\xdf\xa7\xff\xf9\x1dN9M\xad\xe3\x06\x00BpJ\xd9\x92/&gt;~`\xda\x04\xb3\xd9\x9c\x95\x93\xa5i\x9a\x14Bp.8W\xad\xbc\xc5f\xcb\xcd\xcfvWUL\xb9q\xf8\xbc\xbf?\xc7\x98\xc6\r#\xfak\xd5\xd9O\x19\xb3X,\xb8\x1e\xd6\t\xe2\\\xb8\xb23\x9f{\xf4\x81Y\xcf=\xc6\x98\x06\x00B\x085\xf6\x9b\x99\x95\xfd\xd2\xbf\xfeo\xd2\x9d\xf7T{&lt;\xea"4\xd9\x07\xdb\xf0\x19\xba\x9e\x9b\x9f\xf5\xf6\xbc\xb9\xaf\xbf\xfc\xb4Z\x05\x1d\x00\xd4\xf9\x7f\xde\xc5W\x0c\xbba\x1c\x8e\xc1\xc4\x15\x9e\xe21\xc69\xb7;\xec\x13\xefxP\xca_\x17\xffQ\xdb=\xbe=\xf7\xef\xc3\x07\x9e\xfd\xf9\x07\xefV{\xdc\x16\x9b\xdd\xe9r9]\xae\x0c\xa7\x0b\x08\xec\xdc\xb6\xe5\xa5\xc7\xffz\xd59\xdd?\xfb\xef;L\xd387\xb2s\xf2lv\xfb\xa1\xbf\xd9l2\xdb\xec\x0e)\xf0\xb2\xf4\xf8qn\xb8\xb2\\\x1f\xfd\xe7\xedW\x9f~T\xddc\xa9\ri9\xe7-Z\xb7{\xf3\xe3\xaf\x07^9\xa8\xa2\xbcJ\xadW\x9c\xec\x83m\xf8\x0c]\xcf\xce\xcd\xfez\xc1\x82\x19\xb7\xdf|H\xd7?\xe5\xdch\xde\xb2\xcd#\xcf\xfd#\x12\x0e\xe1\xfb\x10WXZc\x8c1V\xed\xae\xbe\xf8\xca!K\xbe\x18\xf9\xd1\xbbo\x9aL&amp;]\xd7\xa1v\x8b\xbbu\xabW\xdc:zXN^\xa3\x96m\xda\xe5\xe4\xe5k\x9a\xc9\xef\xad.&gt;x`\xf7\xf6\xad\x86\xa1\x03\x80f2q\xc3\xb0\xda\xecO\xcdz\xf3\xde)c\x82\x81@\xb4%\xb2\xda\xec\x8e\x0c\'\xc7\xb5\x80\x8e\x97\x94\xd2l\xb6\x94\x1c,z\xec\xbei\x84\x10\xb5\xd6\xbc\xea\xfd\xefxZ\x97Y\xf3?n\xdc\xa4YeE\xd5\xef\x17\xa2A\xf1`\x18\x86+\'{\xcd\xaa\x95S\xc7\x0e\xd7#\x11B\xa9\xea/\x95R:2\x9c\xcf\xbf\xfeNN^\xbe\xcf\xeb\xc5\x07_\xe2\n\x0b@\xec\x11J\x82~\xff\xcc\xa7_9x`\xef\xcae\xdf\xaa\x19\xe5R\x88\xe8\xb6\xd7\x95\xe5\xa5\x95\xe5\xa5\x87\xfd\x14c\x1a\xa1\xc4\xd0u\x00x\xf2\xd5y\'\x9dzzE\xed\xf7\xa8\x19\xa5\xae\xacl\x9b\xcd\x8e\xb3\xa1\x8f\x9b\x10&lt;\xc3\xe9|\xfd\xe5\xa7\xcb\xcbJ\x18\xd3\xd4\x8e\x9b\x82\xf3\xb6\x1d:\xbe\xf6\x9f\xcf\xb3\xf3\xf2\xbd\x1e\x0f\xb6\xfe\x89a\x18Fff\xe6\xf6-\x9bn\x19q\xa5\xd7\xe3V[\xb0\x11R3u\xee\xa9Yov\xee\xde\xa3\xaa\xd2\xada\xe7O\x9ca\x17P\xec\x11B\x0c\x83k\x9a\xe9\xef\xff\xfe\xf0\xa2\xcb\x87p\xc3\x90B0\xc6\x18cR\xd6\x0c\x0bS\xf5\xdfLcZ\r!\x84\xa1\xebv\x87\xe3\xa9Yo\x0e\x1eq\xf5\x9e\x9d\xdb\x04\xe7js`\xb5\x08AN^\xbe\xdd\x91\xa1f\n%\xfb\xaf\x98\x92\x18\xd3|\xbe\xe0\x97\x9f|P\xbb\xdb\x17\x91R\xda\x1d\x19\xcf\xcc\x9e\x9fW\xd0\xd8\xef\xf3a_sbp\xc3\xc8p:\xf7\xef\xdd5\xfe\x9aK\xcbJ\x0e2V\xdb\xfaS*\x84x\xe4\xb9\xd9\x17]q\x05\xb6\xfe\x89\x81\x05 .(\xa5\x91HD\xd3\xcc\xcf\xbd\xfe\xce#\xcf\xcdn\xde\xaa\r\xe7\x9cs.\xa5\x90R\x02H5\x15\x91s\x83\x1b5\xa4\x14\xfd\x06\x0c\x9c\xff\xf9\xf7\x97_=\xc2[\xcd+\xcaJU\xa9\x00\x00\x02\x04\x00\n\x9b\xb60\x995\xdc\x0f\xe0\xf8H)\xccfK\xd1\xde=;\xb7oQ[\x8eS\xc6\xa4\x94\xd7\xdcxS\x97\xee]&lt;nln\x12\x84s\xc3\x91\x91Qz\xf0\xc0\xb8a\x97\xee\xdf\xb3\x8b\xd5L\xc0%\xean\xec\x9eG\x9f\x1d&gt;zLe\x19\xbe\x1d\t\x82)\xc7\x0b\xa5\x94s\x1e\xf4\xfb\x87\x8f\x1aw\xc1\xa5W}\xb5\xe0\xe3\xaf\x17|\xbaq\xed\xea\xb2\x92b]\x8fDg\x82\xda\xec\x8ef-Zu?\xe3\xac\x8b\xaf\x1a\xda\xb3w?!\x85\xbb\xb2"\xbf o\xcf\xcem\xa0\x9e#\x13B=\xfb\xd5\xb2m{\xca\x00\xa7\x81\x1e\x1f)\xa4f\xd2\x0e\x1e\xd8\x17\x9dS\xa8\xa6~^|\xc5\xd5\xc1\x80\x81\x1d\xcd\x89\xc19\xb7;\x1c\xe5\xa5%c\x87\x0e\xdc\xb9m\x8b\xea\x88S\xad?\xe7|\xda\xfd\x7f\x1d7eZe\xb9\x1bo\xc5\x12\x06\x83\x8e#B\x08\x10\xe2\xaer[m\xf6\xa1#G\x0f\x191\xba\xb2\xa2\xbc\xb4\xb8\xa8\xaa\xa2&lt;\x1c\nQJ\xed\x8e\x8c\xdc\xfc\x82F\x8d\x0b3]\x19\xba.\xfd&gt;/\x00h\x9a\x89s\xf8e\xd3z\x80\x9a\x07\xc0\xd4\n\xa3\xedO&gt;U\xe0~\x00\xc7K\x02PJ\xdc\x95\x15\x00@(\x95BJ)r\xf3\x1b5m\xde*rlK\xf5\xa1\xe3\xc49\xb7\xd9\xedU\x15\xe5c\x87\r\xdc\xb6e#\xd34n\xfc\xda\xfa\xdfz\xef#\x93\xef\xbc\xb7\xb2\xc2\xa3\xe6\xe6\xa2\xc4\xc0\xac\xe3N\xad0\xe3\xae\xf2\x10\x00\x9b\xcd\xde\xb6\xc3)\x9a\xa6\xa9\x06G\x08a\x18\x86\x1e\x89TU\xba\t!\xb5\x8f;\x12o\xb5w\xd3\xba\x9f\x01@J\xa1VD1\x99\xcc\xed;\x9e\xaa\x87\xb1\xa9:~\x84@$\x12\xd64\x8d2\x06R\n!r\xf2\x1a\xa9]61\xd3x\xe3\x9c\xdb\xec\xb6jw\xe5\xb8a\x97\xfc\xb2q]\xb4\xf5\'D]\xfb\xffm\xf2\x9d\xf7TUx\x18&gt;{\x91XX\x00\x12\x81\x10\xa2:\x198\xe7\x86\x11\x00\x90\xd1\xb5\x1d\x94\xe8U\x8f\x10\xc2n\xb7oZ\xb7f\xef\xae\xedP;yTJ\xd9\xaa]\xfb\xe6-\xdb\x86\xc3\xe1\xdf/\x13\x8d\xea\x88\x10\x08\x87\xc2\x86a@\xedCv\xdej\x8f\x1a\t\xc0\xfb\xaa\xb8\xe2\x9c[m6o\xb5g\xdc\xb0K7\xad\xfb\xf9\xd7\xd6\x9fR\xc1\xf9\x9d3\x9f\xbc\xf9\xf6;*\xcb=\x8cQ\\\xea*\xc1\xb0\x00$\x14\xa9\x9d\xe9\xf6g\xa4\x10\x16\xab\xf6\xc3\xb7\x8b9\xe75\x9f\x13JA\x88\x1e\xbd\xfb93\xedU\x15\xd8=z\x9c(\xa5\xa1P\xa4\xe3\xe9]n\x9ev/\xa1DJ\x00)s\xf2\x1b\xe1\xda\xda\xf1\xc69\xb7Z\xad\x01\xbf\xf7\xa6k.\xdb\xb0f\x95z\xca7\xda\xfa\xdf\xfd\xc8\xd37M\xbd\xbd\xa2\x1c7\xbaH\x0elM\xea\x17\xca\x98\xdf\x1f\xfe\xe2\xa3w\x01\xa0f5!!\x00\xa0\xff\x80K8\xc7\x85\xc9\x8e\x1f!$\x1c\nw&lt;\xadK\xf73z\xd6\xdc}\x01p\x0e\xdej_\x92\x8f\xacA\xe3\x9c[\xac\xd6P(p\xd3\xf0\xcb\xd7\xae^\x11\x1d\xf5%\xa4f\xce\xcf\xb8[\xa7U\x94\xbb\xb1\xdf?Y0\xf7z\x84s#3\xcb\xb5\xe4\x8b\xcf6\xad\xfbY=\x19O)\x15B\xb6h\xd5\xb6\xdb\x19}\x02\xfe\x00\xeeKu"\x08!\x91p8\x18\x08\x90_WW%x\xe1\x19?\x82s\x8b\xc5\x12\t\x87n\x1e~\xc5\xcf+\x7f8\xac\xe7\xe7\xbe\xbf=?f\xf2\xad\x95\xd8\xfa\'\x15v(\xd7\x17RJJ\x99\x1e\x8e\xbc\xfc\xe4C\x00P\xb3%\x1e\xa1\x00\xf2\xd2!\xd7f\xe7\xb8\xd4C\xc2\xe8D\x10B4M\xa3\x8cRJ\x19\xa3\xd8\xfa\xc7\x8f\xe0\xdcl\xb1\x18\x86~\xcb\x88+W-_zX\xeb\x7f\xffc/\x8e\xc5\xd6\xbf\x1e\xc0\x02P_pC\xcf\xcds\xbe\xfa\xf4_7\xacYEk\x9f\x8d\x14R83]\x83\xae\xbd\xd1\xef\xc7mic@\x08!\xa54[\xacvG\x86\xd9bU\xebs$\xfb\xa0\x1a !\xb8\xc9l\xe6\xdc\x98p\xddU+\x97}\xa3\xfd:\xe7\x87\x08\xce\x1f|\xe2\xa51\x93&amp;W\x94a\xeb\x9f|\xf8\x06$\x9f\x10B\x08\xd1\xa8q\xce\x7f\xdex\xf3\xd5g\x1e\xa5\xb5\xdb\xd2R\xca87F\x8c\x99\xd8\xa6]\x1b|:\xe6\xc4\t!\xecv\x87\x94r\xef\xee\x1d\x9e\xaaJWvN\x8b\xd6m\x01H0\xe0\xc7\xb9U1$\x840\x99L\x00r\xd2\rC~\xfc\xee+M\xd3\x8ch\xeb/\xc4\x8c\'_\xb9\xf1\x96\t\x15ex&gt;\xd7\x0b\xf8\x1e\xc4\x91\x94\xe2\x08{x\xa9}\xa9\x84\x10V\xab\xd5\xe1\xb4\xbe\xf1\x8f\xd93\xef\x98\x00@\xa4\x10j\x8f$\xce\x8d\x96m\xda\x8d\x9d&lt;\xbd\xda\x83\xbd\xff\'J\x08aw\xd87\xae\xfd\xdf3\x0f\xdf\xbdf\xd5\x8a`\xc0o\xb3;\xba\xf6\xec}\xfb\x83\x8fu\xec\xd4%\x805 F\x84\x10\x9a\xa6\x11B&amp;]?\xe4\xfb%\x0b\xa3\xad\xbf:\xdb\x1fx\xe2\xa5\x91\xe3\'\x94\x16\x973M;\xf2\xeex\x7f\x88R\x8a\xf3 b\x0b\x0b@\xbcPJ5\xcd\x12\x0e\x87\x84\x105\xeb7\xa8SW\x02\x10 \x840\xcdd\xb5ZMf\xba\x7f\xf7\xde\x87\xefz\xe4\xbd7_SK!\xaau\xca\x80\x10\xc6\xd8#\xcf\xfe\xc3\xe9ry\xabqQ\xdc\x13"\xa54[,\x07\x0f\xec\x1f7l`UE\xb9z1\x18\xf0/\xfbf\xd1\xe6\xf5k\xde[\xb4\xbcQaS=\x12\xc1\xc6\xe5\x04I)Mf3%0e\xd4\xb0o\x17\x7f\xaeZ\x7f5\xf7\xd9\xeep&lt;\xfa\xfck#\xc7\x0c\xab\xa8\x94\xb9\xf9y\xc7\xf7\xfb\x03\xfe\xa0*\'\xb1=\xect\x86\x05 .(\xa5\x01\xbf\xaf\xaa\xb2\xa2y\xcb\xd6V\x9bU\xb5\xde5U\x80\x80\x94`\x18\xe0\xa9\xaa\xdc\xb8f\xd5\xa2\xcf&gt;\xfc\xe8\xdd7\xab*\xca\t\xa5\xea\xa6\x80\x10B\x19\xe3\x86q\xffc/\xf49\xf7\xdc*\xec\xfc9a\x82s\x87\xc3\xf2\xc6\x7f\xdf\xad\xaa(7\x99\xcd\x86\xae\xab\x9c5\x93\xb9\xb2\xa2\xec\x93\xf7\xdf\x9er\xf7}\x95\xc1 \xe6|b$!\x84\xeb\xe1\xdb\'\x8cZ\xb2\xe0\xe3\x9a\xd6\x1f\x80\xd4\xdc~9\xd7\xacZ\xbet\xc9BJit\x16V\xdd\xa9{\x88\xd1\x13nk\xd1\xa6]$\x1c\xc6\x1a\x10+x\xc6\xc7\x9e\x14\xc2d\xb5\x96\xee88\xe2\xd2\xb3\x9b\xb7j\xd3\xa6\xfd\xc9\x8d\x9b4\xcf\xca\xc9\xb5X,\x9c\xf3\x80\xdfWQ^\xbao\xd7\x8e\x9d\xdb\x7f9\xb0w\xb7\xfa\x91C6\xc3cB\x08n\x18S\xee~\xe8\xc6\tS\xaa*&lt;\xd8*\xc5\x00!B\xc2\xae\xed\xbf\x10B\x04W\x0b\xb2\x82\x94Rp\x83\x10\xb2c\xebf\\d\xe9\xc4\t.\x9c.\xd77_~\xbe\xe8\xb3\xffF[\x7f\x00Pi\x97\x95\x1c\xfc\xd7\xac\xe7O\xf0\x8f\xb8l\xc8\xb5mO:\x05\xb7\x08\x8e!l\\\xe2BJI)\r\x06\x02\x9b\xd7\xaf\xd9\xbc~\xcd\x11\xbe\x931M\x08\xce9W\xfd\x9b\x9cs\x93\xc9|\xef\xdf\x9e\x1d9~\xa2\xa7\n\x1f\x8f\x8c\x1d\t\x86\xa1\xff\xfe\xb9_)%7t|\x1c8\x86\xa2\x9b;\x1e\xea\x90\xa5\xae\x8e\x87\xba\x03\xd04\r\x9f\xdc\x8e-,\x00q\xc4\x18\x93RPJ%\xa8\x9b^Y\xbb\xb6\x7f\xed\x10\xb0\x94B\xd6\xac\xf6\xa3&gt;3\x9d\xbb\xf5\xba\xe7\xd1g{\xf4\xee]U\x89\xad\x7f\xecHI)\xe45j|\xd8R\x1c\x84PBD~A!\xc3u\xb6cG]\xfd\xfc\xfe"]\x88\xe3\xdf\xcc.:\x8c|b\x87\x86\x0e\x873\x1f\xe2K\r\xe7\xd6\xb6\xfe\xa0\xb6\x82\x01\t@\x08\xa8sZ\x08\xce\xb9\x10\xa2C\xc7N\x0f?;\xeb\x8d\x8f\x97t\xe9qFU\x85\x1b[\xff\x18"\x94F"\xbc\xdf\x80\x81j\x13\x1eM\xd3\x18c\x9a\xa6qnH)\xcf\xbd\xf8\xf2H\x84\x13\x9c\x05\x14\x0b\xb2f\xa7#.cJ=\xc0\x81\x05 \xe6\xf0\x0e ^\x08\xa1z$"A\xc2\x11\xa7\xbb5k\xd1\xaak\xaf&gt;\x17\\6\xb8w\xbf\xf33]No\xb5\xcf\xef\xf5b\xbf\x7flQJ\xfd&gt;\x7f\x8f\xdegM\xbas\xc6\xcbO&gt;\x14\xed\x9e&amp;\x84L\xb9\xfb\xa1^}\xfb\xf9}8\r4\x06\xa4\x94\x9a\xc9\xe4te\xfda/\xd0\x89\xc0.\xa08\xc1\x86&amp;\xf6\x08\xa5z8\xdc\xb8i\xb3\x7f}\xbcd\xe7\xd6\xcd\x07\xf7\xef\xad\xac\xac\xf0U{\xc2\xa1\x10!`\xb1X\x9d\xae\xac\xbcF\x8d[\xb4n\xdb\xba\xddI-\xdb\xb4\xcb\xc9\xcb\x95\x12\x02&gt;\xbf\xbb\xca\xcd\x98\x86S\xfe\xe3\x81R\x1a\xf4\x07&amp;\xdf5\xf3\x8c\xbe\xe7|\xb3\xe8\xb3\xf2\xd2\x92\xbcF\x05\xe7^ty\xf73\xfb\xfa\xbc^l\xfdO\x1ce,\x18\x08t\xee\xda\xf3\xb3\xef\xd7\xc7\xe9\x8f\xb0g8\xc3\xa1 \xbeY1\x84\x05 .$\x80\xa6i={\xf7\xeb\xd3\xaf?! $H\xf1\xeb4PJ\x81\x10\x10\x02t]D\xc2!O\x95\x07\x00\x18\xa5\xf8d||\x11\xe2\xf3Vw\xef}\xd6\x99\xfd\xfb\t\x0e\x94\x81\x1e\x16\xdej\xcf\x89\x0cN\xa2C\xa9;\x80\xec\xdc&lt;\x19\x9fu\xfdU\xcfR\x1c~q\xfa\xc2\x16\'^\xa4\x94~\x9fWJQ\xd3\xe3\x7f\xc8s`5\x1b\xc2\xfc\xba\x1b\x0c6@\tB)\xf5\xfb|R\x08\xf58\x06\xa1\x14[\xff\xd8\x92R\xeaq[\xb5\x10g\x7f\xc6\x1c\x16\x808\xa2\x94\xe20{}C)\x05\xecC\x88\'l\xa6S\x08~\x12\x10B(Ma\x01@\x08\xa14\x85\x05\x00!\x84\xd2\x14\x16\x00\x84\x10JSX\x00\x10B(Ma\x01@\x08\xa14\x85\x05\x00!\x84\xd2\x14\x16\x00\x84\x10JSX\x00\x10B(Ma\x01@\x08\xa14\xd5@\n\x00&gt;}\x9e`\x87\x05\x8e\xf9\'\x18\xe6\x9f\\\r&amp;\xf0\xd4.\x00\xd1\x8d\xb4t=\x82\xab\x04&amp;\x92\xaeG\x00\xf3O\x1e\xcc?\xb9T\xfe\x00\x10\xdbm\x0f\x12/U\x0b\x80\xda "33\xb3}\xfbv\x00\xb0e\xc3Z\xdd\x00\\(&lt;\x01\x84\x94&amp;\x13l\xd9\xb0\x16\x00\n\n\n\xda\xb6\xc3\xfc\x13\n\xf3O.\x95\xff/\x1b\xd6\x01@f\xa6\xab}\xfb\xf6\x90\xca7\x04)|\xc6\xa8\x1d\x82\xf2\xf2\xf2\x00\xc0\xed\xae\x8c\x84\xc2\xa9\xfb6\xa4\x16!\xa1\xa2\xbc\x14\x00\x9cNgAA\x01`\xfe\x89\x85\xf9\'W4\x7f\x87\xc3\x9e\x9d\x9d\rX\x00\x92B\xdd|\x9d~zg\x00\xd8\xbbs{y\xc9A\xb3\xd9\x8c\xfbE\xc4\x1b\xa54\x1c\xe2\xea\n\xb4S\xa7N\x17^p\x01\x00\xec\xdb\xb5\x03\xf3O\x0c\xcc?\xb9T\xfe\x9b7\xac\x01\x80\xf6\xed\xdb;\x1c\x0e!\x04\x16\x80$P\xa1w\xef\xde\r\x00\xbc\xd5\x9e\x1d\xdb\xb6\x98-f\x99\xe2]r\xf5\x9c\x94\xd2l6W\x94\x16\xef\xde\xb1\x15\x00:\x9dvZ\xdf\xbe}\x01\xf3O\x14\xcc?\xb9\x0e\xcb\xbfK\x97.1\xdf\xfd8\xc1R\xb8\x00\xa8\x1e\xcf3\xcf&lt;3\'\'G\x08\xb1\xec\x9bE\x9aF\x04^\x01\xc5\x93\x14\xc2j\xb3\xacY\xb5\xbc\xb2\xbc\x8cRzV\xdf\xbe={\xf6\xcc\xca\xca\xc2\xfc\x13\x03\xf3O\xae\xc3\xf2\xbf\xe0\x82\x0b \x95\xfb\x7f \xa5\x0b\x00!D\x08QXX\xd8\xb9sgB\xc8\xb7\x8b&gt;\xab\xf6\x044\r\xf78\x8b#!%cd\xf1\xe7\x1fI)\xb3\xb2\xb2\xbau\xebf\xb7\xdb\xbbt\xe9\x82\xf9\'\x06\xe6\x9f\\\x87\xe5\xdf\xa7O\x1f\x80\xd4\x1e{O\xe1C\x87\xdaa\x80a\xc3\xae\x91R\xee\xde\xb1m\xe5\xb2\xaf\x1d\x19\x0e\xcey\xb2\x8f\xaba\x92RZ\xad\xd6}{\xf6\x7f\xff\xf5B\x00\xb8\xf0\xc2\x8b\xd4\x08\xd85\xd7`\xfe\x89\x80\xf9\'\xd7\xef\xf3w\xb9\\\x9cs\xbc\x03H\x1a\xb5\x9d\xfa\x90!\x83\x0b\n\n\xa4\x94\xaf\xbd\xf4TJ\x0f\xc8\xd4s\x9cs\x87\xd3\xfa\xf6?_\xad(+e\x8c\x8d\x1f?NM\xc6\x1d2d\x08\xe6\x9f\x00\x98\x7fr\xfda\xfe\xc9&gt;\xa8\x13\x95\xda\x05\x80\x10b\x18Fnn\xeeu\xd7]\'\xa5\xfc\xe9\x87\xef\xbe[\xfcef\xa6\x13/\x82bNJi\xb1Z\x0f\xec9\xf0\x9f7\xe6\x10B\xfe\xf2\x97\xbf\xf4\xef\xdf_\x08\xc19\xc7\xfc\x13\x00\xf3O\xae?\xcb_]\x83\xa6\xae\xd4.\x00\x00@)\x95R\x8e\x1f?&gt;++\x0b\x00f?\xff\x18\xc7\x8b\xa08\xe0\x86\x91\x99i\xfd\xd7\xac\x17\xaa*\xca\x01\xe0\x8e;\xee\x00\x00)%\xe6\x9f\x18\x98\x7fr\xfdY\xfe\xc9&gt;\xae\x13\xd5\x10\n\x80\x10\xa2C\x87\x0eS\xa7N\x95R\xaeZ\xbet\xde\xdf_\xc8\xcd\xcb\xd4u=\xd9\x87\xd6pp\xc3pe\xb9\x96/\xfd\xe1\x8d9/\x02\xc0\xd9g\xf7\x1b:t\xa8\xba\xfc\xc1\xfc\x13\x00\xf3O\xae#\xe4\x9f\xecC;Q\xa4\x01\x141\xb5"\x8a\xcf\xe7\xeb\xda\xb5\xeb\xce]\xbb\x1c\x0e\xc7\x1b\x1f~}Z\xd7n\xd5n\x0f\xc3I\x11\'L\n\xa1\x99L\x86\x1e\xb9\xe6\xe2\xbe\xdb\xb6l\xa4\x94\xadX\xb1\xbck\xd7\xae\xea\xf2\x130\xff8\xc3\xfc\x93\xeb\xa8\xf9\xa7\xb4\x94\xff\x0b\x00\x00!\x84\x10\xe2r\xb9\xe6\xcf\x9f\xaf1\x16\xf0\xf9\xee\x9etcey\x99\xd9j\xc1\xce\xd0\x13$\xa5\x94RZ\xad\x96\x07o\x9f\xb0u\xf3\x06)\xe5\xd3O?\xd5\xad[7!D\xf4\xec\xc7\xfc\xe3\x07\xf3O\xae\xba\xe4\x9f\xd2\x1a\xc2\xdf\x01\x00(\xa5\x86a\xf4\xea\xd5\xeb\xa9\xa7\x9e\x92\x00\xdb\xb6l\x1c7\xecRF\xa9\xc5j\xe5\x86\x91\xec\xa3KUB\x08)E\xa3B\xd7\xcc;\'\x7f\xfa\x7f\xf3\x01`\xc8\x90!S\xa7N5\x0c\xe3\xb0\x9b_\xcc?\x1e0\xff\xe4\xaa{\xfe\xa9\xab\x81\x14\x00\x00\xd04\xcd0\x8c\xa9S\xa7\x8e\x1b7\x0e\x00\xd6\xff\xfc\xd3\x98\xab\x07z=n\xa7\xcb\x85\xfd\xa1\xc7\x81\x1b\x86\xc9d\xca\xc8p\xde=i\xd2;s\xff\x0e\x00=z\xf4\x98={\xf6\x9fu}b\xfe\xb1\x85\xf9\'\xd7\xb1\xe6\x9f\xa2\x1aN\x01\x00\x00\xc6\x98\x10b\xf6\xec\xd9\xea3\xb0|\xe9\x92q\xc3\x06\xee\xda\xb6%/?\x9bs\x9e\xd2Kv$\x92\x94\xd2\xd0u\xa7\xcb\xa5\xeb\xe1;\'\xdc\xf8\xef\xd7^\x11B\xf6\xe8\xd1c\xe1\xc2\x85G^\xfb\x10\xf3\x8f\t\xcc?\xb9\x8e;\xffT\xd4\x10\x06\x81\x0f\xa5\x06\xc4\x18c\xe3\xc7\x8f\x9f3g\x0e\x00de\xe7\xde\xf7\xd8\xf3W\x0e\xbbN\xd7y\xc0\xe7%\x946\x8c\xce\xbbx\x90Rr\xce-V\xab\xd3i]\xb9\xec\x87\x19\xd3\'\xa8U\'{\xf6\xec\xb9`\xc1\x82\xec\xec\xec\xa3v}b\xfe\'\x02\xf3O\xae\x13\xcf?\xe54\xb4\x02\x00\xb5\xe36\x94\xd2\x87\x1e\x9a9s\xe6C\xea\xc5\x81W\x0e\xbd\xf9\xb6{N9\xbdK$b\x04\xfc~\x00I)kH\x95\xfcD\xd4l,%\xa5\xc5judX\xf7\xef=\xf0\xef\xd7_\x99\xfb\xca3\x91H\x04\x00\x86\x0e\x1d:k\xd6\xac\xba\x9f\xfd\x98\xff\xb1\xc2\xfc\x93+\xb6\xf9\xa7\x96\x06X\x00\xe0\x90\xcf\xc0\xc2\x85\x0bG\x8f\x1eSTt\x00\x00\xacV\xeb\xc0\xab\x86]\x7f\xd3\x94S;w%\x04B\xc1H$\x12\x16BH)I\xfa}\x14$\x80\x94\x92\x10 \x84\x9a\xccf\x9b\xcd\xca\x18\xec\xdb\xb3\xff\xdd7f\xbf\xfb\xc6\x9c\xb2\x92b\x000\x9b\xcdO&lt;\xf1\xc4\xd4\xa9S\x01\xe0\x98\xce~\xcc\xff\xa80\xff\xe4\x8ak\xfe)\xa4a\x16\x00\xc50\x0cM\xd3\x8a\x8a\x8a\xee\xbf\xff\xfe\xf9\xf3\xdf\x0e\x87C\x00`\xb3\xd9{\xf7?\xff\x9c\x0b/\xeb\xd5\xb7_a\xd3\x16V\x9b\x8510\x0ch\xb81\xfc)\x93\t\x84\x80H\x84\x97\x95\x14\xaf]\xf5\xe37_~\xbet\xc9\x82\xd2\xe2\x83\xea\xab\x03\x06\x0cx\xe4\x91Gz\xf5\xea\xa5\x96\x979\x8e&amp;\x02\xf3?2\xcc?\xb9\xe2\x9d\x7fJh\xc8\x05\x00\x008\xe7j\xc8~\xc5\x8a\x15\x8f=\xf6\xd8\xa2E\x8b\x02\x81\x80\xfa\x9233\xb3M\xfb\x8em;tl\xd2\xbcy\xab\xb6\'g\xe7\xe4\x1a\x86\xd1P\xdf\xe6\xdf\x92\x84P]\x8fl\xd9\xb0\xb6\xb2\xa2l\xeb\xa6\xf5;\xb6n\xae(+\x8d~\xb9w\x9f&gt;\x93&amp;N\x1c&gt;|8\x1c\x12\xe0\xf1\xc1\xfc\xff\x08\xe6\x9f\\\x89\xcb?\x05\xc8\x86N\x08a\x18\x86\xfa\xf7\xf5\xeb\xd7O\x9f&gt;\xbdU\xeb\xd6\xc9N\xbd&gt;j\xd4\xa8\xd1\xf57\xdc\xf0\xe5\x97_\xaa\xac8\xe7\x9cs\xcc?a0\xff\xe4\x8aS\xfe\xf5\\\x03\xbf\x03\x88R}\x9d\xaa\x98{\xbd\xde\xcd\x9b7/[\xb6l\xf5\xea\xd5\xeb\xd7\xafw\xbb=\x07\x0f\x16\xa5\xdf3\x93\xa4QA#\x87\xc3\xd1\xa5K\x97\xd3:u\xea\xd5\xabW\xb7n\xdd\xf2\xf3\xf3\xe1\x90\x99$1\xfc\xc30\xff\xdf\xc1\xfc\x93+\xa1\xf9\xd7[\xe9\xb2T\x88\xda&gt;LJI\x08q:\x9d=z\xf40\x99L\x94\xd2\xaa\xaa*\xcaXiiI\x9a\x14\xc2Z\x04\x00\\\x99\x99\xb9\xb9\xb9\xdd\xbav=\xf3\xcc3\xbbu\xeb\xe6t:\xd5\xd78\xe71\x1f\xef\xc2\xfc\x7f\x0b\xf3O\xaeD\xe7_\x7f%\xe5\xbe#\xc1\xa2\xb7\xc0\xe1p\xf8\xa3\x8f&gt;\x1a4hP\xb3f\xcd\x93\x1d|\xfd\x92\x99\x99y\xde\xf9\xe7\xcf\x9e=\xbb\xa4\xa4De\xa5\xeb\xbaj20\xff\x04\xc0\xfc\x93+\xae\xf9\xd7g\r\xbc\x0bH\xfd\xed\x08!\x1e\x8fg\xce\x9c9o\xbe\xf9\xe6\xbau\xeb\xa2_\xcdp:\x0b\x9b\xb6\xc8/(h\xd</t>
        </is>
      </c>
    </row>
    <row r="295">
      <c r="A295" s="1" t="n">
        <v>293</v>
      </c>
      <c r="B295" t="inlineStr">
        <is>
          <t>polygon_sides_number</t>
        </is>
      </c>
      <c r="C295" t="inlineStr">
        <is>
          <t>What is the missing number of the part denoted with a question mark?</t>
        </is>
      </c>
      <c r="D295" t="inlineStr">
        <is>
          <t>[8, 7, 5, 9]</t>
        </is>
      </c>
      <c r="E295" t="inlineStr">
        <is>
          <t>5</t>
        </is>
      </c>
      <c r="F295" t="inlineStr">
        <is>
          <t>There are 6 numbered polygons arranged in a triangle with number ['?'] in the top row, [6, 4] in the middle row, and [3, 8, 7] in the bottom row.</t>
        </is>
      </c>
      <c r="G295" t="inlineStr">
        <is>
          <t>We observe that the polygon with 6 sides has the number 6, the polygon with 3 sides has the number 3, the polygon with 8 sides has the number 8, the polygon with 7 sides has the number 7, and the polygon with 4 sides has the number 4. Thus, the pattern is that the number inside the polygon represents the number of sides the polygon has.</t>
        </is>
      </c>
      <c r="H295" t="inlineStr">
        <is>
          <t>Based on the pattern that the number inside the polygon represents the number of sides of the polygon, the missing number of the polygon with 5 sides should be 5.</t>
        </is>
      </c>
      <c r="I295" t="inlineStr">
        <is>
          <t>b'\x89PNG\r\n\x1a\n\x00\x00\x00\rIHDR\x00\x00\x02\x00\x00\x00\x02\x00\x08\x02\x00\x00\x00{\x1aC\xad\x00\x00\x92\xcaIDATx\x9c\xed\xddw|\x93\xc5\xff\x00\xf0\xbbg%M\x9a\xa6\xe9\x02D\x99\xb2\x0b\xc8\x902d\xcb\x94-{o\xf8""\x88\x03D\x05D\x14T\x86\x88\xcaFd\xc8\x1e\x02\xb2\xa5\x80(\xab\x8c\xb2e\xab\xc8\xeaN\xdb\x8c\xe7\xb9\xbb\xdf\x1f\x07\xb1?\x96\xa8m\xf2$\xf9\xbc_\xbe|\xd14m\x9f\xf6I\xees\xf7\xb9\xbb\xcfa\xc6\x18\x02\x00\x00\x10|\x04__\x00\x00\x00\x00\xdf\x80\x00\x00\x00\x00A\n\x02\x00\x00\x00\x04)\x08\x00\x00\x00\x10\xa4 \x00\x00\x00@\x90\x82\x00\x00\x00\x00A\n\x02\x00\x00\x00\x04)\x08\x00\x00\x00\x10\xa4 \x00\x00\x00@\x90\x82\x00\x00\x00\x00A\n\x02\x00\x00\x00\x04)\x08\x00\x00\x00\x10\xa4 \x00\x00\x00@\x90\x82\x00\x00\x00\x00A\n\x02\x00\x00\x00\x04)\x08\x00\x00\x00\x10\xa4 \x00\x00\x00@\x90\x82\x00\x00\x00\x00A\n\x02\x00\x00\x00\x04)\x08\x00\x00\x00\x10\xa4 \x00\x00\xf0\x8fQJ}}\t\x00\xe4\x02\x08\x00\x00&lt;)J\xa9\xa6i\x8c1A\x10\x18c\xbe\xbe\x1c\x00\xfe+\x08\x00\x00&lt;\x0ec\x8c\x10\xe2i\xf7%I\xc2\x18_\xbf~\x1dc\x0c1\x00\xf8;\x08\x00\x00&lt;\x84\xa7\xdd\xc7\x18\x8b\xa2\xc8\xdb\xfd\xb3g\xcfN\x992\xa5f\xcd\x9ae\xca\x949x\xf0 \xc6\x18rA\xc0\xafA/\x06\x80\xbf0\xc6(\xa5\x8c1I\x92\xf8#\x84\x90\x83\x07\x0f\xae[\xb7n\xdf\xbe}\xc7\x8e\x1dw\xbb]\xfc\xf1b\xc5\x8a\x1d&gt;|\xd8j\xb5\n\x82\x801\xf6\xdd%\x03\xf0\xefA\x00\x00\xe0n\xbb\x8f\x10\x12E\x91?\xe2i\xf7\xb7l\xd9r\xfa\xf4\xe9\xfb\x9e/\x8a"!\xa4c\xc7\x8e+V\xac\xd04\xcd\x13-\x00\xf0/\x10\x00@\xf0z\xb0\xdd\xcf\xce\xce&gt;~\xfc\xf8C\xdb\xfd\x82O=S\xbe\\\xc5\xc6\x8dZ\x84Y\xac\x83_\xed\x81\x18\xd2\x88\xb6`\xc1\x82&gt;}\xfa\x10B&lt;\xdf\x01\x00?\x02\x01\x00\x04\x1d\x9e\xe4A9\xda\xfd\x8c\x8c\x8c\xf8\xf8\xf8\xf5\xeb\xd7\xff\xf8\xe3\xeek\xd7\xae\xe6|\xf2SO=]\xabz\xddF\r\x9bW\xabZ3::\x861f2\x99\xde\xff\xe0\xcd\x99_O\x91$\xc9`0$&amp;&amp;\x16+V\x8cR*\x080\xa3\x06\xfc\x0c\x04\x00\x10,(\xa5\xbc\x99\xf6\xb4\xd4\x9ev\x7f\xd7\xae]\xbf\xfd\xf6[\xce\'?U\xe0\xe9Z5\xee\xb6\xfb\xf9\xf2\xe5\xa7\x94fgg\xab\xaa\x9b\xaf\x052\x9b\xcc\x9dz\xbc\xf4\xcb\xc1\x9f\x10B\xd5\xabW\xff\xe9\xa7\x9f\x10B0\x19\x00\xfc\x0e\x04\x00\x10\xe0\x1el\xf7\xff\xf8\xe3\x8fC\x87\x0em\xda\xb4i\xe7\xce]\xbf\xff\xfe\xff\xda\xfd\x92%\xca\xbcP\xb3^\xdc\xf3\xb5\xaaW\xab\x15\x13\xf3W\xbb\x8fr\xb4\xef\x94\x92\x90\x10\xf3\x95\xab\x17[wh\x98\x95\x95E\x886|\xf8\xf0i\xd3\xa6\xc1d\x00\xf0;\x10\x00@`zh\xbb\xbfc\xc7\x8e\r\x1b6\xec\xd9\xb3\'---\xe7\x93K\x96(S\xaf\xce\x8b\x8d\x1a4\xafP\xbeR\xb8\xd5\xa6\x11\xed\xc1v?\'M\xd3"#\xa3V\xae^2ld\x7fEQ\xdcn\xf7\xf6\xed\xdb\x1b5j\x04\x93\x01\xc0\xbf@\x00\x00\x01\x85\xb7\xfb\xa2(zZ\xedG\xb5\xfb\x18\xe3\x12\xcf\x96\xaaW\xa7\x11o\xf7\xad\xd6pUU\xb3\xb3\xb34\xa2a\x84\xff6\x9f\xa3iZtt\xcc\xf07\x06.[\xf1\x8d \x88\xd1\xd1Q\'N\x9c\x88\x89\x89\xe19\xa2&lt;\xfd\x1d\x01\xc8-\x10\x00\x80\xdfc\x8c\xf1\xf5&lt;9\xdb\xfd3g\xcel\xdf\xbe=&gt;&gt;\xfe\xbev_Q\x0c\x15b\x9f\xe3\xc9\xfd2\xa5cm\xe1\x11n\xd5\xcd\xdb}\x01\x0bO\xdev3\xc6\x04A\xd44\xb5M\xc7\x86\xbf^8\x8f\x10k\xd4\xa8\xd1\xf6\xed\xdb!\x11\x04\xfc\x08\x04\x00\xe0\xaf\x1e\xdc\xb4\x85\x10:{\xf6\xec\xe6\xcd\x9b\xd7\xaf_\x7f\xf8\xf0a\xb7\xdb\xedy\xdc\xd3\xee\xd7\xab\xd3\xa8d\x892!!!n\xb7\xdb\xe1phD\xfdG\xed~N\x84\x10\x8b%,\xf1\xe4\xb1\x8e\xdd\x9a\xb9U\xb7\xaa\xaa\xd3\xa6M\x1b&gt;|8\xc4\x00\xe0/ \x00\x00?\xf3\xd0\xcd\xba\xbf\xfe\xfa\xebC\xdb\xfd\xd0PK\xa9\x92e\x1b\xe7h\xf7\x9dN\xa7\xd3\xe9\xa0\x94\xe0\x7f\xdb\xee\xe7\xa4\xaaj\xbe\x98\xfc3\xbe\xfat\xc2\xc7\xefH\x92\xcc\x18\xdd\xbf\x7f\x7f\\\\\x1c\xac\n\x05~\x01\x02\x00\xf0\x0f\x8f)\xd2\xb0e\xcb\x96\x8b\x17.\xba\xee\x15i@\x08Y\xc3\xc2\xabU\xad\xd1\xe8\xc5\xe65\xe2\xea\x14|\xea\x19\x93\xc9\xect:r\xb1\xdd\xcf\x89\x10\x12f\xb1\xf6\x1d\xdci\xfb\xce\xcd\x82 \x14)R$111$$\x04c\x0c\xabB\x81\xceA\x00\x00\xba\xf6\x8f\x8a4\xdcm\xf7\x1b6\xafU\xb3^\xe1BEEQt8\x1cn\xb7\x8bP\xf2\xaf\xf3&lt;\x7f\x8bR\xaa(\x8a\xddno\xd5\xbe\xde\x1f\xd7\x7f\xa7\x94\xf6\xe9\xd3g\xc1\x82\x05\x90\x08\x02\xfa\x07\x01\x00\xe8\xd1\x83\xed\xbe\xddn?t\xe8\xd0\xd6\xad[\x1fV\xa4\xe1\xe9Z5\xea&gt;_\xa5F\xcd\xeau\n\x17.&amp;\x8a\xa2\xc3\x91\xedr9\x19\xf3\xd2\xe6,M\xd3"l\x91\xdbvn\xee3\xb0\xbd$)\xaa\xea^\xb9re\x87\x0e\x1d \x06\x00\x9d\x83\x00\x00t\x84/\xe2\xe4\x15\x98\xf9#\x8f\xdb\xac\x9b\xa3HC\xbe|\xf9\x11B^n\xf7s\xd24-:*f\xfc\xc4Q_\xce\x9e*\xcb\xb2\xc5b9|\xf80\x94\x88\x00:\x07\x01\x00\xf8^\xae\x14i@&gt;-\xc6\xc0\x18\xc3\x18\x8b\xa2\xd4\xaes\xa3\xc4\x93\xc7\x10B\xd5\xabW\xdf\xbbw/\xff\xa5`2\x00\xe8\x13\x04\x00\xe03\x8f\xda\xac\xbbo\xdfO\xbbv\xed\xbc\xaf\xdd/Y\xa2t\xbd:\x8dj\xd7\xaa\x1f[\xb6b\x81\xfcO\x11}\xb4\xfb9\x11B\xcc&amp;\xf3\x95\xab\x97Zwl\x98\x9d\x9d\xa5\xaa\xea\xd8\xb1c\xc7\x8d\x1b\x07\x89 \xa0[\x10\x00\x80\xb7\xfd\xeb"\rV\xabM\xd3T\xa7\xd3\xc1\x17z\xea\xa4\xdd\xcfI\xd5\xd4\xe8\xc8\x98\xefV.\x1a\xfe\xe6@(\x11\x01\xf4\x0f\x02\x00\xf0\x1eBH\xceV\xfbQ\xed\xbe\xc1`(R\xb8X\xdd\x17^l\xd4\xf0\x81"\r\x18\x0bXw\xed~N\x84\x90p\xabm\xe8\x88&gt;k7\xac\x10\x04!::\xfa\xe4\xc9\x93QQQP"\x02\xe8\x10\x04\x00\xe0m|\xb3\xee\xb6m\xdb\x8e\x1c9\xf2\xd0"\r\xf5\xea4*R\xb8X\xcev?\xef\x16q\xe6:\xc6\x98(J\xbcD\xc4\x85\x8b\xe7)\xa5\xed\xdb\xb7_\xb5j\x15$\x82\x80\x0eA\x00\x00\xde\xc0_f\xf3\xe7\xcf_\xb0`\xc1\xe1\xc3\x875M\xf3|JQ\x94\n\xb1\x95\x1a\xfd\xff\xcd\xba.\x97\x93\x10-\xd77my\x87F4kXx\xc2\xd1\x83\xed:7\x16\x04\x01JD\x00\xdd\x82\x00\x00\xbc\x81\'\xfd\xabV\xad\x9a\x90\x90\xc0\x0f\xd4\r\x0b\xb3V\x88\xadT\xabF\xdd\x06\xf5\x9a\xe4E\x91\x06\xdf\xe2\xf5\xa2?\x9f9\xf9\xe3O\xc7\xca\xb2L)=r\xe4\xc8s\xcf=\x07\x93\x01@W \x00\x00o\xe0\x01\xa0Q\xa3F\xbbw\xeff\x8c\xfdo\xe0\x88&gt;=\x06EG\xe73(\x06\xa7+p\xda\xfd\x9c(\xa5a\x16k\xdfA\x1d\xb7\xed\xdc,\x08Bll\xecO?\xfdd2\x99t8w\r\x82V\xe0\xbc\xdf\x80\xfe\x11B\x08!\x94\xd2z\xb5\x1b\x15.T\xd4n\xcfHIMr8\xb2\xf9\n\xfa@j\xfd9\x97\xdb\xf5\xe1\xb8\xa9\x91\x91\xd1\x08\xa1\xc4\xc4\xc4\xd1\xa3G\xf3\xd1\x8f\xaf\xaf\x0b\x80\xbb\x02\xed-\x07\xfcBf\x96\xdd\xe5r\n\x82\x10\x90\xed&gt;\'\x08\x82\xc3\x91]\xf0\xa9g&gt;\xfb\xf8K^/\xe8\xcb/\xbf\\\xb3f\x8d$I\x10\x03\x80N\x04\xe6{\x0f\xe8\x9c \x08\x18\x07\xfekO\x92\xa4\xd4\xb4\x94\xe6MZ\xf5\xec\xd6\xdf\xedv\x8b\xa28`\xc0\x80K\x97.\t\x82\xc0+\x1d\x01\xe0[\x81\xff&amp;\x04\xc0\x87DQLKO\x1b;fr\x85\xf2\x95\t!\xa9\xa9\xa9\x83\x06\r\xc2\x18\xe6\xde\x80.@\x00\x00 \x0fa\x8c\t!\x92(~\xfe\xd9\x9c\x90\x10\x93,\xcb\xbbv\xed\x1a?~\xbc(\x8a9\xd7\xc2\x02\xe0\x13\x10\x00\x00\xc8[\xa2(ffe\x96)U\xee\xbdQ\x13UU\x95ey\xdc\xb8q\xbbv\xed\x82\xc9\x00\xe0s\x10\x00\x00\xc8s\x92$\xa5\xa4\xa6\xf4\xed\xf5\xbfv\xad;\xa9\xaa*\x08\xc2\xa0A\x83RSS\x05A\x80\\\x10\xf0!\x08\x00\x00x\x83 \x08\xf6L\xfb\x87\xe3\xa6&gt;\xf3t!\x84\xd0\xa5K\x97\x06\x0e\x1c\xc8\x13D\xbe\xbe4\x10\xbc \x00\x00\xe0\r\x18cUu[,aS\'\xcf\xc6\x18\xcb\xb2\xbcz\xf5\xea\xaf\xbe\xfaJ\x92$\x98\x0c\x00\xbe\x02\x01\x00\x00/\x11E1##\xbdn\xed\x86o\xbd\xfe&gt;\x9f\x0c\x185jTbb\xa2$I\xb0*\x14\xf8\x04\x04\x00\x00\xbcG\x92\xa4\xe4\x94\xa4!\x83^\xafY\xbd\xb6\xaa\xaav\xbb\xbdw\xef\xde\x84\x10\xc6\x18L\x06\x00\xef\x83\x00\x00\x80\xb7\xa9\xaa{\xda\'s"l\x91\x82 \x1c;v\xec\x8d7\xde\x80\x12\x11\xc0\' \x00\x00\xe0U\x82 8\x1c\x8eB\x85\x8a\x8c{w2/\x111}\xfa\xf4\xd5\xabW\xc3\xaaP\xe0}\x10\x00\x00\xf06I\x92RR\x92;w\xe8\xc9KD\x08\x820d\xc8\x90[\xb7nA\x89\x08\xe0e\x10\x00@\xb0`\x8c\x11J\x08\xd1xERv\x17\xa5\xf7\x1e\xf4f\x16^\x14\xc5\xd4\xb4\x94qc&amp;\x97)U\x8eRz\xe7\xce\x9d\x1e=z \x84 \x00\x00o\x82\x00\x00\x02\x1f/C-IR\x98\xc5\x1a\x11\x11\x15\x1en\x0b\r\xb5\x18\x0c\x06Y\x96\x8dF\x93\xc5b\x8d\x88\x88\xb2Z\xc3\xef%\xe2\xbd\x11\x06\xee\x96\x88\x90\xa4\xcf&amp;}\xc5KD\xec\xd8\xb1\xe3\x83\x0f&gt;\x80U\xa1\xc0\x9b\xe0\x80:\x10\xc8\xf8A4\xd60+\xc6\xc2\x8d[\xd7\xf7\xff\xb2\xe7\xe4\xe9\xe3W\xae\\\xbay\xeb\xcf\xec\xec,B\x88\xac(\x11\xb6\x88bEKV\xad\x1c\x17\xf7|\xcd\xe8\xe8|\x19\x19\xe9\xfc\xab\xf2\xfa\xdaDQ\xb4g\xda\x9f\xafR\xfd\xddQ\x13\xc7\x8c\x1d!\x8a\xd2\x87\x1f~\xd8\xb4i\xd3\xb8\xb88\xef\\\x00\x00\x10\x00@\xc0\xa2\x94\x86\x86Z\x9cN\xc7\xb6\x9d\x9b\xbf\xdf\xb4\xfa\xe7\x03{o\xdf\xb9\xf5\x88\xe7n\x99\x8d\xd0\xd3\x05\x0b\xf5\xea&gt;\xa0O\xcf\xc1\x92$\xbb\xdd./4\xc1\x92$%%\xdf\xe9\xdf\xfb\x7f\xfb~\xda\xb5u\xc7&amp;A\x10\xbav\xedz\xf8\xf0a\xab\xd5\xca\x18\x83\x83\xc3@^\x83^\x06\x08L\x94RS\x88i\xe7\x8f[\xdauj\xdcwP\xa7\xf5\x1bW\xdd\xbesK\x10\x04EV\x0c\x8aAQ\x14YVdYV\x14EQ\x14I\x92\x05A\xf8\xe3\xfao\x13\'\xbf\xd7\xb3\xff\xcb\x19\xf6t\x83\xc1\xe0\x9dt\xbc \x88\xf6L\xfb\xa4\x0fg\xf0\x12\x11\x97/_\xfe\xdf\xff\xfe\x07\xabB\x81w@\x00\x00\x81\x891&amp;+JJJ\xf2\xc9\xd3\xc7%I\x92eY\x92dJ\xa9[u\xbb\xdc.\xb7\xdb\xad\xaanUU\xddn\xb7\xdb\xed\xd64\x15!\x8c1\x96%\xf9\xe7_\xf6\x0e\xf8_\x17M\xd3DQ\xf4\xc2\xb40\xc6\xd8\xedvEG\xc5L\x9d&lt;K\x10\x04I\x94V\xae\\\xb9p\xe1BX\x15\n\xbc\x00\x0e\xa6\x00\xde\xc0\x93\xda\r\x1a4\xd8\xbd{7Bh\xd1\xbc5/\xd6o\x9a\x9e\x91&amp;\x8ab^\xfeX\xa6(\x86\x16\xed\xea\x9d={\x8a2\x8a\x10\x92$)\xb6l\xc5\xd8r\xcf=\xf3t\xa10\x8b\x15a\x9c\x9a\x96r\xf6\xec\xc9\xf8};\xed\xf6\x0c\xbe\nS\x96eUU_\x1b\xfa\xf6\xe87\xc6\xa7\xa4&amp;\x89\xa27\xd2\xa4\xaa\xaa\xe6\x8b\xc9?\xfe\xa3\xd13\xbf\xfeL\x92$\x83\xc1\x90\x98\x98X\xacX1\x98\x0c\x00y\n\xe6\x00@\xc0"\x84\x18\x8d!=\xbb\xf6\x7f\xfb\xdda\xa5J\x96m\xd3\xb2\xc3\x8b\r\x9a\x15/V\xd2\x14bB\x181\xc6\x10C\x18c\xca\xe8\xb5\xdf\xae\x8c\x9d\xf0\xd6\xf6\x9d\x9b\x05A\xd04\rca\xf1\xb2y=\xbb\r\xb0\x86Y5M\xf3B.^\x96\xe5\xa4\xe4;o\x8dx/\xe1\xe8\x81_\x0e\xfe\xa4iZ\xb7n\xdd~\xfa\xe9\'\x84\x10L\x06\x80\xbc\x03\x9d\x0b\x10\xb0DQ\xcc\xca\xcal\xd4\xb0\xf9\xec\x99\x8b\xd7\xaf\xdc\xf9\xfa\xb0wJ\x14/\xe5v\xbbRR\x93RR\x92RSSR\xd3RRR\x93RSS\n\xe4\x7fj\xce\xcc%\x95\x9f{\x9eR\x8a\xb1\x801JII&gt;\x92\xf0\x8b)\xc4\xe4\xc5\x85\xf9\x8c2\xf6\xd1\x07\xd3\xc3\xc2\xac\xa2(\x1d8p\x00JD\x80\xbc\x06\x01\x00\x040\xaciZhhX\x8bf\xedDQLJ\xb9\xe3p:0\xc6\xa2(\x89\xa2$\xde%I\x92\x94\x99i7\x18\x8d\xfdz\x0f\xe1_&amp;\x08\x02\xc6\xf8\xdc\xf93\xa2(1\xafl\x0b@\x08\t\x82\x98\x95\x95Y\xa6t\xec\x87c\xa7\x10\xa2\xf1\x12\x11;v\xec\x80\xc9\x00\x90w \x00\x80@\x861\xa6\x94\xa4g\xa4QJ%QzT&gt;]\x14%\x97\xcbY\xbcxIQ\x14)%\x08!\xc6XJj2c\x0c#\xef\xa5_$IJNN\xea\xdc\xb1g\xd7N\xbd\xddn\xb7 \x88=z\xf4\x80\x12\x11 \xef@\x00\x00\x01\x0ec,\x8a\xe2\xdf\xa7\xd1\x19\x12\x05\x11\xe3\xbf\xde\x11&gt;\xc9\xbb\x8b\xa2\x98\x96\x96\xf6\xee\xa8\x89%K\x94\xa6\x94\xde\xbau\xabG\x8f\x1e\x18c\x08\x00 /@\x00\x00\x00!\x84DILNI\xd24\x95\xc7\x00\x8c\xb1\xcd\x16\x891\xf6Z\n\x88\xc3\x18k\x9aj\xb1\x84M\xfbd\x8e\xd9t\xb7D\xc4\xf4\xe9\xd3\xa1D\x04\xc8\x0b\x10\x00\x00@\x84\x10\xa3!$~\xcfv\x84\x90(\x08\xbcT\\\xa9\x92e\t\xd1\xbc\x99\x02\xe2DQLOO\xabV\xb5\xc6\xeb\xaf\x8dQUU\x92\xe47\xdex\xe3\xe0\xc1\x83pp\x18\xc8u\x10\x00@\xb0\xd34\xcdj\r?q\xf2\xe8\xd2\xe5\xdf\xf0U\xa1\x8c\xb1\x88\x88\xa8jUkd;\xb2}\xb2\x0c_\x96\xe5;I\xb7\x07\xf5\x1b\xd6\xf8\xc5\x974Me\x8cu\xed\xda5++\x0b!\x04\x1bw@.\x82\x00\x00\x82\x9a\xa6i\x96P\xcb\x9d;\xb7^\x19\xde\xc7\x9e\x99\x811\x16\x04\x811\xd6\xab[\xff\xa7\n&lt;\xedv\xbb|\xb5\x06\x1fc\xecr;?\x998\xb3\xd03\x85\x11B\x97/_~\xf5\xd5W\x05A\x80\x15A \x17A\x00\x00\xc1K\xd3\xd4\xf0p\xdbo\x7f\\\xeb\xd2\xab\xd5\xf9_\xcf\x08\x82 `A\xd3\xb4\n\xb1\x95\x06\x0f\x1c\x91aO\x17\x84&lt;\xdd\xa8\xfc8\x82 8\x9d\xce|1\xf9?x\x7f\ncT\x96\x95\x85\x0b\x17\xaeZ\xb5\nV\x85\x82\\\x04\x01\x00\x04)B\xb4\xc8\xc8\xe8\x83\x87\xf6\xb7\xef\xda\xf4\xfc\xafgDQ\x14\xb0\xa0\x11\xadH\xa1b\xb3g.Qd\x85\x10\xe2\xdb-\xb8\x92$\xa5\xa4&amp;5o\xd2j\xc8\xc0\xd7U\xd5-I\xd2\xe0\xc1\x83\xaf\\\xb9"\x8a"L\x06\x80\\\x01\x01\x00\x04#BI\x84-\xea\xbb\x95\x8b\xba\xf4ly\xf3\xe6\x9f\xa2("\x845\xa2\x95-]\xfe\xbbo\xbf\x7f\xea\xa9\xa7\x1d&gt;\xca\xfe\xdfG\x14\xa5\xd4\xb4\x94\xe1\xaf\x8e\xaaU\xb3.!$%%\xa5c\xc7\x8e\xe9\xe9\xe9\x18C\x15/\x90\x0b|\xff\x12\x07\xc0\xcb\x08!6k\xc4\xccYSF\xbc9\xc8\xe5v\x89\x82\xc8\x18"DkP\xaf\xc9\x8a%\x9b\n\x14x:+\xcb\x9e\xc7U\xea\x9e\x14\xc6X\xd3\xb4Ps\xe83\x05\x0b3\xc6\x04A\xb8t\xe9\x92\xd3\xe9\xf4\xf5u\x81\x00\x01\x01\x00\x04\x17BHx\xb8m\xc9w\x0b&gt;\x9c4F\x14DA\x10\x18b\x94\x92A\xfd\x86-\x9c\xbd\xc2\x14b\xce\xce\xce\xf2N\x05\xd0\'\xa1jjTd\xf4\xf2U\x8b\x97\xaf\xfaV\x92$\xc6\xd8\xaaU\xab\xf2\xe5\xcbG)\x85\nq\xe0\xbf\xd3\xcb\x0b\x1d\x00/\xe0\xa7\xc4\x9c;\x7f\xfa\xfd\to`,\xf0M^\x94\xd2\xb1c&amp;\r\x194"55\x851\xa6\x93\xbe?B\x88\x10b1[\xce\x9e;5n\xe2\xdb\xb2$\xab\x9a:v\xec\xd8\x86\r\x1bj\x9a&amp;I\xf0\xce\x05\xb9\x00F\x00 \x880\xc6\x0cF\xe3\xecy3\x1c\x0e\x87(\x08\x08!J\xe9\xb8w\'\x0f\xfd\xdf\x1bI\xc9w\x10Bz\xc8\xfbs&lt;\x14\xa9\x9a6\xec\x8d\xfe\xe9\xe9i\xaa\xa6V\xaf^}\xcc\x981\x84\x10\xfd\x84(\xe0\xef\xf4\xf2r\x07 \xaf1\xc6dY\xbe}\xfb\xe6\xee\xbd;0\xc6\x08cJ\xe9\xcbm\xba\x0c\x194\xe2\xce\xed\x9b\x92(\xe9*\xa9B\x08\xb1\x85GL\x9b\xf1Q\xe2\xc9c\xb2,GDD,]\xbaT\x96e\x8c\xb1\xae\xae\x13\xf85\x08\x00 X0\xc6\x14\xc5\xf0\xdb\xefW\xef\xdc\xb9\x85\x10"D\x93ey`\xbfW\xb3\xb3\xb3\xb1\xa0\xaf&amp;U\xd34[x\xc4\xe6\xad\xeb\xbf\x9a3UQ\x14UUg\xcd\x9aU\xacX1M\xd3\xf43F\x01\x01\x00^L X0\xc6$IJNIB\x08I\xa2\x84\x10*\xf4L\xd1\xc2\x85\x8a\xba\\N\x1fn\xf8z\x10\xa54$\xc4t\xfd\xcf\xdf\xdf\x18\xfd\n\xc6\x82\xdb\xed\xee\xd3\xa7O\x87\x0e\x1d \xf5\x0fr\x1d\x04\x00\x10\\\x1c\x0e\x07cL#\x1ac,,\xccj4\x86\xe8pS\x95A1\xbc;\xee\xf5\xe4\xe4;\x08\xa1\n\x15*|\xf1\xc5\x17\x90\xfa\x07y\x01:\x14 \x880\xc6dY\t\x0b\xb3\xf2E5\xe1aV\xbd\xa5\xd35M\x8b\x8c\x8c\xfa|\xe6\xe4m;7\xcb\xb2L)]\xb4h\x91\xd9l\xf6\xf9\xb6d\x10\x90 \x00\x80`!\x8abvvV\x8d\xb8\x17v\xfdp\x08a\x84\x18\x12%\xc9\xe5t\xe9\'\xab\xae\x11\xcdj\r?xh\xff\'S?\x90eYU\xd5i\xd3\xa6=\xf7\xdcs\x90\xfc\x01y\x04^U \x88\xf0\x85@\x11\x11\x91\x8c1\x840BL?\x85\xd5\x18c\x8al\xb0\xdb3\xde\x1a3\x941\xa6\xaaj\xfb\xf6\xed\x87\x0f\x1f\x0e\xad?\xc8;\xf0\xc2\x02\xc1\x85\x10\xa2\xaa\xaa(\x8a\x081B\xe8\x13\x9d\x16\xe9\x15\x94\xd20\x8by\xe8\x88&gt;\xe7\x7f=+\x08B\xbe|\xf9\xbe\xfa\xea+^\xfe\xc1\xd7\x97\x06\x02\x16\xbc\xb6@\x10a\x8c\x19\x14\x83\xcd\x16!\x8a\xa2$)\x11\xb6HQ\x14\xf5PUM\xd5\xd4\xc8\x88\xa8\x95k\x96\xac\xdd\xb0\x82\xa7\xfe\x17/^\x1c\x1d\x1dM)\x85\x00\x00\xf2\x0e\x8c\x00@\xb0\xe0\xfb\x00n\xdd\xba1s\xd6\x94\xe3\x89G\x04,\xbcP\xab\xfe\x90\x81\xc3CBL\x9a\xa6\xf9p\x1c\xe0)\xf90\xf6\xc3\xb7x\xea\x7f\xdc\xb8q\x8d\x1a5\x82\xe4\x0f\xc8k\xf0\xf2\x02A\x811\x841v\xbb]\x03\x86t9u&amp;\x91?x\xf2\xf4\xf1K\x97\x7f\x9d\xfb\xd5RMU\x91\x8f\x02\x00/\xf9\xa0\x11\xc2K&gt; \x84\x1a6l8v\xecXB\x08\xb4\xfe \xaf\xc1\xe8\x12\x04\x05\xc6\xa8\xc9d&gt;\x91\x98p\xeaL\xa2$I\x82 \x88\xa2(\x8a\xe2\xce\x1f\xb7^\xba|\xc1\xe0\xbb\xdd\x00\x84\x90pk\xf8\xf8\x89o\'\x9e&lt;&amp;\x8a\x92\xcdf\x9b={6cL\'3\x13 \xb0A\x00\x00A\x81\xcf\xa6\xa6\xa6\xa5\x08\x82@)\xa5\x94\x12B\x08!\x8c\xd1\xd4\xd4\x14_\xed\xb1\xd24\xcdf\x8b\xf8a\xdb\xf7\xdf.\x9d\xa7(\n!\xda\xdc\xb9s\x8b\x17/\x0e\xa9\x7f\xe0\x1d0\xc6\x04A\x01c\xcc(\r\xb7\xda(\xa5\xbc\xb0\xfe\xdd\xaaj\x8cY\xad\xe1&gt;Y\x0cJ)\r\t\t\xf9\xfd\xf7ko\x8c~E\x14E\xb7\xdb\xfd\xca+\xaf\xbc\xfc\xf2\xcb\x90\xfa\x07^\x03\xbd\x0c\x10\x140\x16\xb2\x1d\xd9\x15+Ty\xb6xIM\xd3\x18c|\x10P\xabf\xbdg\x8b\x97t\xba\x1c&gt;\xe9q\xcb\xb22\xe2\xadA\xc9\xc9w\x08!\xe5\xcb\x97\xff\xf8\xe3\x8f\xa1\xe4\x03\xf0&amp;\x08\x00 (`\x8c\x08!!\xc6\x90\xd93\x974\xac\xdf422:_L\xfe\x97\xdbt\x99:y\x16!\x04#o\'\xdc5M\x8b\x8c\x88\xfaj\xf6\xd4\x9f\x0f\xec\x95e944t\xe9\xd2\xa5\x16\x8b\x05\xaa=\x03o\x82\x91&amp;\x08\x16\x82 8\x9c\x8ebEK,\x9c\xbd\xe2N\xf2mA\x10\xa3\xa3b\\.\xa7\xaa\xaa^ns\t!aa\xd6=\xfbvyJ&gt;L\x9f&gt;\xbd|\xf9\xf2\x90\xfc\x01^\x06\xaf6\x10D\x04Ap:\x1d\x08!kX8B\xc8nO\xc7X\xf0r\xeb\xcf\x0b\xd2\xd9\xed\x19\xaf\xbf=\xc8S\xf2a\xc8\x90!\xd0\xfa\x03\xef\x83\x17\x1c\x08.&lt;\xd7\xafi\x1aB\xc8\'\xc7\x00PJ\xc3\xad\x96!\xaf\xf5\xfa\xfd\x8f\xdf\x04A(^\xbc\xf8\x9c9stu\x161\x08\x1e0\x07\x00\x82\x91\xafR\xed\x9a\xa6E\xd8"\x16,\xfa\xdaS\xf2a\xf6\xec\xd96\x9b\x8dR\n\xa9\x7f\xe0}\x10\x00\x00\xf0\x12BH\xa89\xf4\xec\xf9\xd3\x13&amp;\x8d\xf1\x94|h\xd8\xb0\xa1\xa6i\xd0\xfd\x07&gt;\x01) \x00\xbc\xc1S\xf2\xe1\xb57\x06:\x1c\xd9\x08J&gt;\x00\x1d\x80W\x1e\x00\xde@\x08\x89\x8a\x8cz\xf3\x9d\xa1\x89\'\x8f\x8a\xa2\x18\x16\x16\x06%\x1f\x80\xcfA\n\x08\x80&lt;\xf7@\xc9\x07\x02%\x1f\x80\x1e\xc0\x8b\x0f\x80\xbc\xf5\x98\x92\x0f\x90\xfa\x07\xbe\x05) \x00\xf2\x9c\xa7\xe4\x03B\x08J&gt;\x00\xfd\x80\x11\x00\x00y\x08J&gt;\x00=\x83\x11\x00\xf0\x01J)c\xbe\xa9\xbf\xefMP\xf2\x01\xe8\x1c\x8c\x00\x80\x0f\x84\x9a-\x06\x83\x91RJ\x88\xe6\xab\x93X\xf2\x1a\x94|\x00\xfa\x07/D\xe0=\xfc\x10.\xc6X\xfc\xbe\x1dE\x8b\x14\x8b\x8e\xcegP\x0cN\x97\xd3\xe9tPJ0\x16\x02iI\x0c\x94|\x00\xfa\x87\x19c\xbe\xbe\x06\x10\xf8\xf8z\xc7\xaaU\xab&amp;$$\x88\xa2\xc8s#\x15b+\xd5\xaaQ\xb7A\xbd&amp;%K\x94\t\t\tq:\x03\'\x12h\x9a\x16\x19\x11\xb9`\xd1\xacw\xc6\x8e\xe0\xc9\x9f\x9d;w6l\xd8\x10\xe6~\x81\xae@\x00\x00\xde\xc0_f\xf3\xe7\xcf_\xb0`\xc1\xe1\xc3\x87y-6NQ\x94\n\xb1\x95\x1a5l^\xafN#O$p\xb9\x9c\x84h~\x1a\t\x08!f\x93\xf9\xf2\xd5\x8b\xcd\xdb\xd4\xd14\x95\x97|\x18;v,$\x7f\x80\xde@\x00\x00\xdev\xf6\xec\xd9\xcd\x9b7o\xdb\xb6\xed\xc8\x91#iii\x9e\xc7\x15\xc5P!\xf69\x1e\t\x8a\x14.f\xb5\x86\xab\xaa\x9a\x9d\x9d\xa5\x11M\xf0\x9fH\xc07\xf7J\x92\xdc\xb6S\xa3\xc4\x93G\x11B\r\x1b6\xdc\xb9s\'\xf4\xfd\x81\x0eA\x00\x00\xdeC\x08\x11\x84\xbf\xea\xef\xff\xf1\xc7\x1f;v\xec\xd8\xb0a\xc3\x9e={rF\x02\x83\xc1P\xa4p\xb1\xba/\xbc\xd8\xa8a\xf3\n\xe5+\xe5\x8c\x04\x18c\xc1\xeb\x15\xfc\xff\x11M\xd3x\xc9\x87o\x97\xce\xe3%\x1f\x0e\x1f&gt;\\\xacX1~*\xbd\xaf\xaf\x0e\x80\xff\x07\x02\x00\xf06J)\x9f\x12\xf04\x88\x8f\x8a\x04\x08\xa1\x92%\xca\xd4\xab\xf3b\xa3\x06&lt;\x12\xd84Mu:\x1dn\xb7\x1b!\x943\x96\xe8\x04/\xf9\xb0m\xc7\xa6&gt;\x03;*\x8a\xe2v\xbbW\xaf^\xfd\xf2\xcb/C\xf7\x1f\xe8\x13\x04\x00\xe03\x8f\x8a\x04\xfb\xf6\xfd\xb4k\xd7\xce\xdf~\xfb-\xe7\x93K\x96(]\xafN\xa3\xda\xb5\xea\xc7\x96\xadX \xffS\x84\xd2\xec\xeclU\xd5Q$\xa0\x94\x1a\x0c\x86;wn7o[\'--\x85\x10\xf2\xca+\xaf\xcc\x9c9\x13R\xff@\xb7 \x00\x00\xdf{0\x12ddd\xc4\xc7\xc7\xaf_\xbf~\xd7\xae]\xf7E\x82\xa7\n&lt;]\xabF\xddF\r\x9bW\xabZ3_\xbe\xfcT7\x91\x80R\x1a\x1aj\xe9\xd4\xbd\xf9\xcf\x07\xf6!\x84\xca\x97/\xff\xf3\xcf?\x87\x84\x84\xe8$&gt;\x01\xf0 \x08\x00@Gx$\xc0\x18{\x12&amp;\x8f\x8b\x04O=]\xab\xfa_\x91\x00!\xe4pd\xbb\\N\xc6|\x10\t4M\x8b\x8e\x8a\x99\xf6\xc5\xc7\x1f\x7f:V\x92$\x83\xc1\xf0\xcb/\xbf\x94/_\x1e\xea}\x02=\x83\x00\x00\xf4\x881\xc6w\x08{"\x81\xddn?t\xe8\xd0\xd6\xad[\xb7l\xd9r\xfa\xf4\xe9\x9cO.\xf8\xd4\xd3\xb5j\xd4}\xbeJ\x8d\x9a\xd5\xeb\x14.\\L\x14E/G\x02B4kX\xf8\xcf\x07\xf6u\xee\xd9\x02#\xac\x11m\xc1\x82\x05}\xfa\xf4\x81\xe4\x0f\xd09\x08\x00@\xd7\x1e\x8c\x04\x84\x90\x83\x07\x0f\xae[\xb7\xee\xc1H`\r\x0b\xafV\xb5F\xa3\x86\xcdk\xd5\xacW\xb8PQQ\x14\x1d\x0e\x87\xdb\xed"\x94\xe4\xddBR\xc6\x98$I\x99\x99\xf6\x96/\xd7\xbb\xfe\xe7\x1f\x94\xd2\x8e\x1d;\xaeX\xb1\x02Z\x7f\xa0\x7f\x10\x00\x80\x7f\xe0\x91\x80\xb7\xb6\xfc\x91\x9c\x91\xe0\xe2\x85\x8b.\xb7\xcb\xf3\xe4\xbb\x91\xe0\xc5\xe65\xe2\xea\x14|\xea\x19\x93\xc9\xect:\xf2h\x9b1!ZdDT\xaf\xfe\xed\xb7\xee\xd8$\x08B\x91"E\x0e\x1f&gt;l\xb5Z!\xf5\x0f\xf4\x0f\x02\x00\xf03\x0f\x8d\x04\xbf\xfe\xfa\xeb\xe6\xcd\x9b\xd7\xaf_\x7f\xf8\xf0a\xbeH\x94\x0b\r\xb5\x94*Y\xb6\xf1\xff\xdff\x9c\x8b\x91@\xd3\xb4\xe8\xa8\xe8\xb9\x0b\xbf\x1a3v\x84(J\x18\xa3\x9f~\xfa)..\x0eR\xff\xc0/@\x00\x00\xfe\xea\xc1H\x80\xeem3~0\x12\xe4\xdcf\xcc#\x81\xdb\xedv8\x1c\x1aQ\xffuv\x88\x10\x12j\x0e=y\xfax\xfb\xae\xcd\xa0\xe4\x03\xf0G\x10\x00\x80\xdfc\x8c\xf1` \x8a\xa2\'\xebr\xe6\xcc\x99\xed\xdb\xb7\xc7\xc7\xc7\xdf\xb7\xb9\xcc\x13\t\xaaU\xadY\xa6t\xac-&lt;\xc2\xad\xba\xffE\xc1\t^\xf2A\x96\xe4\x97\xda\xd69{\xfe4B\xa8Q\xa3F\xdb\xb6m#\x84@\xeb\x0f\xfc\x05\x04\x00\x10P\xf8B\xd2\x9c\x91\xe0Q\xdb\x8c1\xc6%\x9e-U\xafN\xa3{\xdb\x8cs\x14\x9c@\xf8o3\xf8|\xdd\xe7\x1b\xa3\x87|\xbbt\x9e \x08\x91\x91\x91\'O\x9e\x8c\x89\x89\x81\x92\x0f\xc0\x8f@\x00\x00\x81\xe9_\x17\x9c\x08\xb7\xda4\xa2=~s\x99\xa6i\x11\x11\x91\xab\xd6,\x1d6\xb2?/\xf9\xb0j\xd5\xaa\xf6\xed\xdbC\xc9\x07\xe0_ \x00\x80\x00\xf7\xd0Hp\xe8\xd0\xa1M\x9b6\xed\xdc\xb9\xeb\xf7\xdf\xef+8Q\xe6\x85\x9a\xf5\xe2\x9e\xafU\xbdZ\xad\x98\x98\x87o3\xa6\x94\x1a\x0c\xc6;wn5k\xfdBZz*\xa5t\xf8\xf0\xe1\xd3\xa6M\x83\xd4?\xf0;\x10\x00@\xb0\xc8\x95\x82\x13&lt;\xc3c6\x99;\xf7l\xc1K&gt;T\xaaT\xe9\xf0\xe1\xc3\xc8\xd7\x85(\x00\xf8\x17 \x00\x80\xa0\xc3\xd7\x0e\xa1\x1c\x9b\xcb&lt;\x91\xe0\xc7\x1fw_\xbbv5\xe7\x93s\x16\x9c\x88\x8e\x8ea\x8c\x99L\xa6\xf7?xk\xe6\xd7\x9fI\x92l0(?\xff\xfcs\x85\n\x15`\xdd\'\xf0G\x10\x00@\xf0zp\x9bqvv\xf6\xf1\xe3\xc7\x1f\xba\xcd\xb8\xe0S\xcf\x94/W\xb1q\xa3\x16a\x16\xeb\xe0W{ \x86&lt;%\x1f \xf5\x0f\xfc\x14\x04\x00\x00\xfeY\xc1\t\xfe4B\x08\x94|\x00\xfe\x0e\x02\x00\x00\x7fyL\xc1\x89}\xfb\xf6\x1d;v\xdc}\xaf\xe0D\xb1b\xc5\xa0\xe4\x03\xf0w\x10\x00\x00x\x88Gm3\xfe\xe1\x87\x1f\xd6\xacYs\xea\xd4\xa9\x1d;v@\xc9\x07\xe0\xef \x00\x00\xf08\x9eH\x90ss\xd9\xf5\xeb\xd7\x0b\x16,\xc87\x03\xfb\xf6\xf2\x00\xf8/ \x00\x00\xf0\xa4rn3\x86\xd6\x1f\x04\x00\x08\x00\x00\xfcc\x90\xf9\x01\x81\x01\x02\x00\x00\x00\x04)\xe8\xc5\x00\x00@\x90\x82\x00\x00\x00\x00A\n\x02\x00\x00\x00\x04)\x08\x00\x00\x00\x10\xa4 \x00\x00\x00@\x90\x82\x00\x00\x00\x00A\n\x02\x00\x00\x00\x04)\x08\x00\x00\x00\x10\xa4 \x00\x00\x10\xc8\x08!\xbc\xd25\x00\x0f\x82\x00\x00@\xc0\xe2\x95\x8b\x04A\x80\x18\x00\x1e\n\x02\x00\x00\x81I\xd34A\x10\xe6\xcc\x99\x13\x1f\x1f/\x08\x82\xa6i\xbe\xbe"\xa0;\x10\x00\x00\x08@\xfc\x9c\xb2y\xf3\xe6\r\x1a4\xa8M\x9b6\x87\x0f\x1f\x96$\tb\x00\xb8\x0f\x04\x00\x00\x02\ro\xfd\xe7\xce\x9d;`\xc0\x00E1\xa4\xa7\xa77i\xd2\x04b\x00x\x10T\x03\x05 \xa0xZ\xff\x81\x03\x07J\x92\xaci*\x7f\xdcf\xb3m\xdb\xb6\xed\xf9\xe7\x9f\x87C\x8c\x81\x07\x8c\x00\x00\x08\x1c9[\x7fEQ4M-S:6:*\x06!\x94\x96\x96\x06\xe3\x00p\x1f\x08\x00\x00\x04\x88\xff\xdf\xfa\x1b\xdcnw\xb9\xb2\x15\xd6\xad\xd8\xb1p\xce\xca0\x8b\x15A\x0c\x00\x0f\x80\x14\x90\x7f\xe3\'\xd6\xfa\xe3\xd9\x84p\xa2V\xeez\xa0\xf5w\xc5\x96\xad\xb8\xf4\x9b\r\xa1\xa1\xa1F\x83\xf1p\xc2\x81\x9e\xfd\xda\xd93\xed\x08\xa1\xf0\xf0p\xc8\x05\x01\x0e\x02\x00\xf0\r8S7\x17=\xaa\xf5\xb7\x86Y\xb3\x1d\xd9\x8c\xb1\x08[\xe4\xc1\xc3\xfb!\x06\x80\xfb@\x00\xf0W\xbc\xe3\x7f\xf9\xf2\xe5!C\x86\x10B\x18c~q+EQ$\x84\xd4\xa9Sg\xdc\xb8qp\xb2n\xaex|\xeb/\x8a"BHU\xd5\xc8\x88(\x88\x01\xe0&gt;\x10\x00\xfc\x15!D\x14\xc5^\xbdz}\xfb\xed\xb7\xbe\xbe\x96\x7f\xe3\xdc\xb9s%K\x96d\x8cA\x0c\xf8/\x9e\xa4\xf5\xe7 \x06\x80\x07\xc1{\xcf/\xf1\xd6\x7f\xef\xde\xbdK\x97.U\x14\xc5\xd7\x97\xf3\xcf(\x8a\x821\x1e6l\x18\xc6\xd0\xff\xf8O\x9e\xbc\xf5G\x08\xc9\xb2\x9c\x9c\x92\x14\xf7|\xado\xe7\xaf\xb5\x84Z\x10\xcc\t\x03\x18\x01\xf8)B\x08B\xa8A\x83\x06{\xf7\xee\xc5\x187\xac\xd7d\xf0\xc0\xe1v{\x86 \x88\x7f\xfb\xb5\xbe\xc2\x18U\x14\xe5\xe6\xcd\x1bo\x8d\x19J)\xa5\x94n\xdb\xb6\xadq\xe3\xc6&lt;\x98\xf9\xfa\xea\xfc\xcf?j\xfd=`\x1c\x00r\x82\x00\xe0\x7fx\x8b\xb9x\xf1\xe2\x9e={\x8a\xa2$\x08\xf8\x87\xf5\xfb\xaaT\xaa\x96\x99\x95)\xea8\x00 \xc4\x08\xa5a\x16\xcb+\xc3\xfb.]\xbe\x10c\\\xb2d\xc9\xc4\xc4DI\x920\xc60!\xfc\x8f\xfc\xbb\xd6\x9f\x83\x18\x00&lt; \x00\xf8\x19&gt;\xd9k\xb7\xdb\xabT\xa9r\xe5\xcaUJ\xc9\xe0\xfe\xaf\x8d{w\xf2\x9d\xa4[\x92$\xe9\xfafb\xc4(3(\x86\xf4\x8c\xf4\x06M\xab\xd83\xed\x94\xd2\x89\x13\'\xbe\xf3\xce;0\x08\xf8G\xfeK\xeb\xcfA\x0c\x00\x1c\x04\x00?\xc3\xdf\x9f\xe3\xc7\x8f\x1f7n\x9c(\x8a6[\xe4\xb6\xef\xf7\x87\x87\xdbTU\xf5\x8bN\xb4\xa6i\x11\xb6\xc8\xaf\xe6L\x9d\xf0\xf1\x18A\x10\xc2\xc3\xc3O\x9f&gt;\x1d\x13\x13\x83`g\xc0\x93\xf9\xef\xad?\x071\x00 \x98\x04\xf6/\xbc\xbc\xfb\xa5K\x97\xa6M\x9b&amp;\x8a\x12!d\xe4\xb0w\x9e.X\xc8\xe9t\xfaE\xeb\x8f\x10\x12E\xc9n\xcf\xe8\xd9m@\xd1"\xc5\x19c)))\xa3G\x8f\x16\x04\x01:"O"\xb7Z\x7f\x04s\xc2\x00!\x04\x01\xc0\xbf\xf0\xcdS\x1f|\xf0Azz:c\xb4\\\xd9\n\xed\xdbvMKO\xf5\xa3\xfe\x1a\xc6H#\x9a)\xc4\xfc\xee\xa8\x89|\r\xe8\xb2e\xcb\x12\x12\x12\xe0\xd0\x92\xbf\x95\x8b\xad?\x071\x00@\x00\xf0\x1b9\x97~J\x92D)\x1d5r\x9c94\x94\xaf\x08\xf2#\xa2(f\xd8\xd3\x9b\xbc\xf8R\xad\x1au)\xa5n\xb7{\xe4\xc8\x91\xb0$\xf4\xf1r\xbd\xf5\xe7 \x06\x049\x08\x00\xfe\x84\x10\xf2\xde{\xef\x11B4Mk\xda\xb8e\xfd\xba\x8d\xd2\xd2R\xfdt\xfa\x94P\xfa\xde\xe8\x8fdY\x16Eq\xcf\x9e=\xabW\xaf\xe6\x9b\x84}}]z\x94G\xad?\x071 \x98A\x00\xf0\x0f\xbc\xfb\xbfl\xd9\xb2\xbd{\xf7\x8a\xa2$\xcb\xf2\xeb\xc3\xde\xf1\xd32p\x08!A\x1023\xed\x95*V\xed\xd7k\x08!D\x10\x84\xb7\xdf~;==\x1d!\x04\xe3\x80\xfb\xe4i\xeb\xcfA\x0c\x08Z\x10\x00\xfc\x00O\xfd\xa7\xa7\xa7\x8f\x1f?^\x10DB\xb4~\xbd\x86T(_\xc9\x9ei\xf7\xdf\x953\xa2(ff\xd9\x07\xf4\x1d\x1a\x15\x15\xc3\x8b\x1aM\x9f&gt;\x1d\x06\x01\xf7\xf1B\xeb\xcfA\x0c\x08N\xfe\xda|\x04\x15\xdeG\x9e&gt;}\xfa\xa5K\x970FQQ1\x03\xfa\x0e\xcd\xca\xca\xf4\xd3\xe4\x0f\x871v:\x9dO\x17,4r\x18\xdf\x07 M\x9b6\xed\xd2\xa5K\xa2(\xc2l0\xe7\xb5\xd6\x9f\x83\x18\x10\x84 \x00\xe8]\x00,\xfd|\x14I\x92\xd2\xd2S\xdb\xb7\xedZ\xael\x05\xc6hzz\xfa\x07\x1f|\x00\xb3\xc1\x9c\x97[\x7f\x0eb@\xb0\x81\x00\xa0w\x01\xb0\xf4\xf31\x08!\xe6\xd0\xd0Q#\xc7QJ%IZ\xbat\xe9\xde\xbd{!\x11\xe4\x93\xd6\x9f\x83\x18\x10T \x00\xe8Z\xc0,\xfd|\x14Q\x14\xd3\xd2R\xeb\xd7m\xdc\xa4Q\x0bM\xd3\xf82\xa7 O\x01\xf9\xb0\xf5\xe7 \x06\x04\x0f\x08\x00z\x17HK?\x1f\nc\xac\x11m\xd4\xc8q\x16K\x98(J{\xf7\xee]\xbcxq\xd0\x0e\x02|\xde\xfas\x10\x03\x82\x04\x04\x00\xfd\n\xb0\xa5\x9f\x8f\xc2\x97\x84\xc6\x96\xab\xd8\xab\xdb\x00B4A\x10G\x8d\x1a\x95\x92\x92\x12\x84\x93\x01:i\xfd9\x88\x01\xc1\x00\x02\x80N\x05\xe4\xd2\xcfG\xe1\xb3\xc1\x03\xfb\xbdZ\xb8P\x11\x84\xd8\xcd\x9b7\xa7N\x9d\x1al\xc5!t\xd5\xfas\x10\x03\x02^\xa05%\x01# \x97~&gt;\n\xc6\xd8\xedv\xe7\xcbW`\xc8\xc0\xd7)\xa5\xa2(}\xfa\xe9\xa7\x17.\\\x08\x9e%\xa1:l\xfd9\x88\x01\x81\r\x02\x80\x1e\x05\xf0\xd2\xcfG\x91$)%%\xb9S\x87\x9e\xcfW\xa9N\x88\xe6v\xbb\xc7\x8c\x19\x83\x82cc\xb0n[\x7f\x0eb@\x00\x83\x00\xa0G\x81\xbd\xf4\xf3Q\x18c\xb2$\xbf6t\x94 \x08\xa2(\xadZ\xb5j\xcf\x9e=\x01?\x1b\xac\xf3\xd6\x9f\x83\x18\x10\xa8 \x00\xe8N\xc0/\xfd|\x14Q\x14\xd3\xd2S\x1b5h\xda\xbaE{B4\x8c\xf1\xc8\x91#5M\x0b\xe0\xd9`\xbfh\xfd9\x88\x01\x01\t\x02\x80\x1e\x05\xfc\xd2\xcfG\x11E1+;\xeb\xed\x91c\xc3\xad\xe1\x18\xe3\x84\x84\x84\xd9\xb3g\x07\xeal\xb0\x1f\xb5\xfe\x1c\xc4\x80\xc0\x03\x01@_4M\xf3,\xfd\x94$I\x96\x95\x80\\\xfa\xf9(\x18c\x87\xc3Q\xac\xe8\xb3\xbd{\x0c\xa2\x94\n\x82\xf0\xde{\xef\xa5\xa6\xa6\x06\xde\x91a~\xd7\xfas\x10\x03\x02\x0c\x04\x00\x1d\xe1\'dedd\xf0\xa5\x9f\x9a\xa6\xf5\xed58P\x97~&gt;\x8a(\x8a\xa9i\xa9C\x06\xbd^\xa4pQ\xc6Xjj\xea{\xef\xbd\x871\x0e\xa4A\x80\x9f\xb6\xfe\x1c\xc4\x80@\x12,\xcd\x8a_\xe0}\xde\xc9\x93\'_\xbat\t!V\xb8P\x91\xa1\x83G\xda\xedv\x9d\xb7\x08\xb9\x0bc\xaciZh\xa8e\xf8\xd0\xd1&lt;"\xce\x9e=\xfb\xfc\xf9\xf3\x01\x93\x08\xf2\xeb\xd6\x9f\x83\x18\x100 \x00\xe8\x05_\xfay\xe1\xc2\x85\xcf&gt;\xfbL\x14%J\xe9\x90\x81\xaf\xc7\xc4\xe4w\xbb]A\x92\xff\xf1\x90$)==\xadC\xbbn\xd5\xaa\xd6\xa0\x94j\x9a6l\xd8\xb0\xc0\x98\n\x0e\x80\xd6\x9f\x83\x18\x10\x18 \x00\xe8\x05o\xdd\xc6\x8c\x19\xe3v\xbb\t\xd1\x9e\xafR\xbdS\x87\x9e))\xc9\x81\xbd\xf4\xf31\x08\xd5F\xbd1^\x92$A\x10\xb6o\xdf\xbe}\xfbv\x7f_\x12\x1a0\xad?\x071 \x00@\x00\xd0\x05\xbe\xf4s\xcf\x9e=\xabV\xad\x12EI\x10\x84\xd7\x86\x8e\x92%9\x00\xfa\xbc\xff\x8e \x08v\xbb\xbdV\x8d\xba\x9d\xda\xf7\xe0s\xe0\xc3\x86\rs\xbb\xdd\xfe;\x0e\x08\xb0\xd6\x9f\x83\x18\xe0\xef \x00\xf8\x1e\xdf\xf6\xe5r\xb9F\x8e\x1c\x89\xb1@\x88\xd6\xf2\xa5v\x8d\x1a4KK\x0f\x8a\xa5\x9f\x8f\xc2\xcf\x8c|}\xd8\x18k\x98\x15c|\xfe\xfc\xf9\xcf&gt;\xfb\xccOg\x02\x02\xb2\xf5\xe7 \x06\xf85\x08\x00\xbe\xc7\xe7~\x97/_\x9e\x90\x90 \x08\x82\xc5\x126l\xc8[\x0eGv\xf0\xac\xfcy(~f\xe4S\x05\n\x0e{\xe5-\xfe\'\x9a2e\xca\xcd\x9b7\xfdnEP\x00\xb7\xfe\x1c\xc4\x00\xff\x15\xd4M\x8c\x1e\xf0\xee\x7fJJ\xca\xa8Q\xa3DQ$D\xeb\xd5m@\x85\xf2\x952\xb32}\x1e\x00(\xa3\x84\xf0\xedh\x1a!\x1a!\x9aF4\x8dh\x84\x10\xef4\xc1\xa2(\xd9\xed\x19=\xbb\r(Z\xa48c,%%e\xf4\xe8\xd1\xfe\xb5\'@W\xad?\xfb\xffr\xf1;C\x0c\xf0S\xfe\x9aQ\r\x18&lt;\xfb\xff\xee\xbb\xefN\x9c8Q\x10\x84g\x9e.\xb4qM|H\x88\x89\x10\xe2\xab\xc5?\x8c1J\x89(J\x8abP\x14E\x14DO\xe6\x9d_\x12\xa5\xd4\xe5v9\x9d\x0e/\\!!\xc4\x1a\x16\xbeu\xc7\xc6~\x83;\x0b\x82 I\xd2\xcf?\xff\\\xb9re\xbeB4\xaf\x7f\xfa\x7f\xa4\xb7\xd6_\x92\xa4\xbfn\x19C\x1a!\x08\xe5\xe6\xdb_U\xd5\xc8\x88\xa8\x83\x87\xf7\xf7\xec\xd7\xce\x9eiG\x08\x85\x87\x87o\xdb\xb6\xed\xf9\xe7\x9f\xe7\x7f\x8a\\\xfcY W@\x00\xf0%\x9e\xd9\xb8p\xe1Bll,!\x94\x10m\xf2\x873z\xf7\x1c\x94\x94t\xc7\'\xef\x16\xc6\x18\xa5\xd4h\x0c1\x85\x982\xb3\xec\xd7~\xbbz\xf9\xf2\xaf\xbf_\xbf\x96\x9c\x9c\x94\xed\xc8f\x8c\x1a\x14ch\xa8%_\xbe\xfc\xb1e+\x96,Q\x86\x17\xea\xc9\xeb\xab\xa2\x94ZB-\x9dz\xb4\xd8\xff\xcb\x1e\x84P\xdd\xbau\xe3\xe3\xe3y\xe0\xcc\xeb\x1f\xfd_\xe8\xac\xf5\xa7\xb2lH\xcfH#\x9a\x860B\x0c!\x8cB\xcd\x96\\\x0f\xa2\x10\x03\xfc\x0b\x04\x00_\xe2\xadX\xc7\x8e\x1dW\xadZ\x85\x10z\xbeJ\xf5U\xcb\xb6\xfa*\xfbO\x08\x91e\xd9\x12j\xf9\xf5\xe2\xf9\r\x1bWm\xdf\xb9\xf9\xfc\x85\xb3n\xb7\xeb\xa1O\xae^\xed\x85\xd5\xdfm\xb5\xdb3\xbcp\xa9\x94R\x93\xc9|\xf6\xdc\xa9\x96/\xd7\xa3\x94\x12BV\xadZ\xd5\xbe}{=\xc7\x00]\xb5\xfe\x84\x10\x8b%\xec\xd0\xe1\x9f\x07\xbf\xda\xc3\xad\xaa&lt;\x15\xa4\xc8\x86U\xcb~(R\xb8\xb8\xcb\xe5\xc087o"\xc4\x00?\xa2\xf7At\x00\xd3\xd5\xd2OB\xb4\xd0P\x8b\xd3\xe9\x18\xf7\xe1\xa8\x97\xda\xd6\x99\xf2\xf9\xc4\x93\xa7\x8f\xbb\xdd.I\x92\x14\xc5`0\x18\r\x06\x83A1\x18\x0cF\x93\xc9,\xcb\x8a\xa2(^\xbbN~fd\xa5\x8aU\xfb\xf5\x1a\xc2\xcf\xc9y\xfb\xed\xb7\xd3\xd3\xd3\x91^O\x0b\xd0U\xeb\xcf3?YY\xf6Q\xef\xbdv\'\xe9vzzjzzZFFzJZ2\xa5y\xb2\xa9\x02\xe6\x03\xfc\x08\x04\x00\xdf\xd0\xd5\xd2O\x8dhVk\xc4\xf1\x13G\xdavj&lt;k\xde\xe7v{\x86$I\xb2,#\x844Ms\xbb].\x97\xd3\xe5r\xb9\xdc.\x97\xcb\x99\x9d\x9d\xa5\xaan\x97\xcb\x85\x90\xf7\xa6(\xf8\x92\xd0\x01}\x87FE\xc5`\x8c/_\xbe&lt;}\xfat}\xee\x0b\xd3U\xeb\x8f\x10"\x84\x84\x85Y\'N~\xef\xc2\xc5s|\x0e@\x10\x04\x8c\xb1,\xc9yw\x07!\x06\xf8\x0bH\x01\xf9\x06\xef\xfe/Z\xb4\xa8w\xef\xde\xa2(\x99L\xa6\xf5+w\x16/Z\xc2\xe1tx9\xffC\x88f\r\xb3\xed\xf9i\xd7\x80!]\xb3\xb22%I\xa2\x94\xf1\xbe!\xc6\xb8T\xc9\xb2\xa5K\x96-X\xf0\x99\xb0\xb0pI\x94\\.gjZ\xca\xb9\xf3\xa7\xa3"c\xa6\x7f6\xc7\xe1\xc8\xf6\xdaL\xb5\xa6iQ\x91\xd1\x0b\x16}=\xfa\xfd\xe1\xa2(\x85\x86\x9a\x13\x12\x12\x8a\x15+\xa6\xab\xd9`\xfd\xb5\xfeZxx\xc4\x0f[7\xf4\xff_\x17Q\x94\x18\xa3|W\x1dcLQ\x0c[6\xec+V\xb4D\xae\xa7\x80&lt; \x17\xa4\x7f\x10\x00|\x80/\xc2KKK+W\xae\xdc\x9d;w\x08!C\x07\x8f\x1c\xfb\xee\xa4[\xb7n\xf2~\xb7\xd7\xf0\xf4\xfa\xf9_\xcf\xbc\xdc\xa5\x89\xdd\x9e!\n"C\x8cR\xaa(\x86\xee]\xfa\xb6o\xdb\xa5\xc4\xb3\xa5\xcd\xe6P\xfe8b\x08c\xcc\x10s\xbb\xdd\x99\x99\xbe)Q\'`\xa1M\xa7\x17\xcf\x9e;E)\xed\xd9\xb3\xe7\xa2E\x8b\xf43\x13\xa0\xb7\xd6\x9f1*\xcbJZz\xdaKm\xeb\xdc\xbau\x03!\xcc\x18E\x08y-\x00 \x88\x01\xba\xa7\x97\xaeSP\xe1\x8b\x7f\xa6N\x9dz\xf3\xe6M\xc6X\xe1BE\x06\xf6{5-\xcd\xdb\'&gt;2\xc6DQt:\x1d\xaf\x8d\xeco\xb7g\x88\xe2\xdd\xd6\xbfx\xb1\x12k\x97o\xfbx\xc2\xf4re*PJ\xd3\xd2R\x93R\xee\xa4\xa4$\xa5\xa4&amp;\xf1\x7f\xf0\x81\x827/\x95#\x84\x98CCG\x8d\x1cG)\x95$i\xe9\xd2\xa5{\xf7\xee\xd5I"Ho\xad?B\x88R\x16b\x0cyo\xfc\xc8\x9b7\xff\xc4\x18\x8b\xa2P\xb2Dito-\xafw@.H\xe7 \x00x\x9b\xa7\xea\xe7\xa7\x9f~\xea\xa9\xfa\x99/_\x01^\xe8\xc6\xbbWB\xc2,\xd6Ys??{\xfe\xb4(J|\rh\xa9\x12eV.\xfd\xe1\xb9\x8aU\xef$\xdd\xcevd#\x84DQ\x94DI\x14%Q\x94\xf8?|\xb5\x15K\x14\xc5\xb4\xb4\xd4\xfau\x1b7i\xd4B\xd34~n\x9a\x1ev\x05\xeb\xb0\xf5\xd74-""r\xf1w\x0b~\xd8\xbaA\x96\x15\xc6X\x8d\xb8\xda-\x9a\xb5E\x08y9c\x061@\xcf \x00x\x9bN\xaa~2\xc6\x8c\x06\xe3\xd5\xdf./X\xf4\xb5\x80\x05\xc4\x18B\xc8b\t\xfb\xf2\xf3ob\xa2\xf3\xa7\xa7\xa7\xca\x92\xac\x9f\xdc\xba\x07\xc6X#\xda\xa8\x91\xe3,\x960Q\x94\xf6\xee\xdd\xbbx\xf1b\xdf\x0e\x02t\xd8\xfaSJ\xcdf\xf3\xb9\xf3g&gt;\x9c4F\x10\x04\xc6(cl\xd8\x90\xb7\xdc\xaa\xea\xfd\x8bA\x10\x03tLw\xef\xf0\xc0\xa6\x9f\xa5\x9f\x94\x12\xb39t\xdd\x86\x15\xe9\x19iX\xc0\x08#J\xe9\xd0\xc1#+\x94\xaf\x9c\x9e\x9e&amp;I^\x9d\x8axr|Ihl\xb9\x8a\xbd\xba\r D\x13\x04q\xd4\xa8Q)))\xbe\xaa\x12\xaa\xc3\xd6\x1f!\x841\xc6\x18\x8f~w\x98\xdd\x9e!\x8a\x92\xa6i\xf5\xeb6n\xd2\xa8\xe9\x8d\x1b\xd7}r=\x08b\x80^A\x00\xf0\x1e]-\xfd\x14E)#\xd3\xfe\xfd\xe6\xd5\x18c\x840!$_\xbe\x02\x9d;\xf6JO\xf7\xf6T\xc4?%IRZz\xea\xc0~\xaf\x16.T\x04!v\xf3\xe6\xcd\xa9S\xa7\xfa\xa4J\xa8&gt;[\x7fM\xd3l\xe1\x11_\xce\x9a\xfa\xcb\xa1\x9fdY\xe6\x1f\x8e\x7f\xef\x13\x97\xcb\xedpf\xfb\xe4\x928\x88\x01:\x04\x01\xc0{\xf4S\xf5\x93R\x1a\x12\x12r\xe6\xcc\xc9\xf3\xbf\x9eE\x08\xf1\xa9\x87\xa6/\xb6\xc8\x17\x93\xdf\xadz{*\xe2\x9f\xc2\x18\xbb\xdd\xee|\xf9\n\x0c\x19\xf8:\xa5T\x14\xa5O?\xfd\xf4\xc2\x85\x0b\xa2(z3\x06\xe8\xb3\xf5\'\x84\x84Y\xc2\x0e\x1e\xde?}\xe6$Q\x14\x19c\x8c\xd1\xb1c&amp;\x15/Z";\xdb\xa1\xba\xdd\x08\xe5n\xf9\x9f\x7f\x06b\x80\xde@\x00\xf0\x12]U\xfd\xa4\x8c*\x8a\xe1\xe0\xe1\x9f\xf8\x8c4%\x14!T\xaf\xee\x8bD\xd3\x04\x8cy18r\xaf\xea\'\xa5\x94\xdc\xfbP\'\x8b\x86%IJII\xee\xd4\xa1\xe7\xf3U\xaa\x13\xa2\xb9\xdd\xee1c\xc6 /n\x0c\xd6g\xeb\xcf7\xfd:\x9c\x8e\xb7\xdf\x1d\xe6v\xbb\x05A\xd44\xadm\xabN\x9d\xda\xf7HMK\x16E\x91\xcf\x01\xf8\xf6\x16B\x0c\xd0\x15\x08\x00^\xa2\x93\xa5\x9f\x1cF\x98\x10\x92p\xec\xf0\xddkc4\xccb-[\xa6\x82\xd3\xe5\xa4\x94\t\x82`\xb1X#"\xa2\xac\xd6\xf0\xd0PKh\xa8\xc5z\xefCQ\x94t\x12\x06\x18c\xb2$\xbf6t\x94 \x08\xa2(\xadZ\xb5j\xcf\x9e=\xde\x99\r\xd6g\xeb\x8f\xeen\xfa\r\x9f\xf4\xd9\xb8\xb3\xe7N\xc9\xb2\xac\xaa\xeeg\x9e.&lt;\xee\xbd\xc9YY\x99\x82 0\x84\xf4\xb0b\nA\x0c\xd0\x13]g{\x03\xc6}K?\t\xd1\xf8\xd2O_U\xfd\x14E\xd1n\xcf\xb8t\xe9\xbc\xe7\x91bEKDE\xc6\xb8\\N[xD\x86=\xfd\xc7\xf8m\x07\x0f\xff|\xe5\xea\xc5\xb4\xb4T\xc6XX\x98\xb5p\xa1bU*=\x1f\xf7\xfc\x0b\xf9\xf2\xe5\xb7\xdb3xM\x1e\xef_y\xce_!-=\xb5Q\x83\xa6\xad[\xb4_\xf7\xfdJ\x8c\xf1\xc8\x91#\x0f\x1c8\xc0\x97\xa8\xe6]\x16K\xc7\xad\xbf\x16\x1en\xdb\xb6c\xe3\x82E_\x8b\xa2D)\xc3\x18\x7f\xf4\xc1\xf4\xa8\xc8\xe8\xb4\xf4T\x81o\xf5\xd2A\xe4\xe6r\xc6\x00\xbeG\x8c\xc7\x00\xd8#\xe6e\xf0W\xf6\x86\x9cK?\x11BU+\xc7u\xf6\xdd\x81\xef\x8c1YQn\xdd\xbaq\xf3\xf6\r\xcf\x83\x85\x0b\x175\x85\x84\x88\xa2\xb8b\xcd\xe2Ys??\xff\xeb\x99\x87~\xedS\x05\x9e\xee\xde\xa5o\xbf\xdeC\x8c\xc6\x10\xa73[\x10|\xb9\x05W\x14\xc5\xac\xac\xac\xb7G\x8e\xdb\x15\xbf\xcdn\xcfHHH\x98={\xf6+\xaf\xbc\x92w{\x83y\x8e\x85\xb7\xfe\xb2,\xbb\xdd\xae\xd8r\x15\x97.\xf4}\xeb\xcfw\xf6\xdeI\xba\xfd\xce\xd8\x11\x08!A\xc0\xaa\xaa\x0e\xe8;\xb4q\xc3\xe6I\xc9w$I\xd2I\xdf?\xa7\xfbb@\x86=#55\xd5\x13\x03\xf8\x88\xd9\xd7\xd7\x18\xf8\xe0O\x9c\xe7x{\xb4m\xdb\xb6U\xabV\t\x82h2\x99\xdf\x18\xfe.\x9f\xa0\xf3\xc9\xf50\xc6dQNJ\xba\x9d\x95\x95\xe9y\xf0\x99\x82\x85\x0cF\xe5\xcd\xd1\xaf\x8cxs\xd0\xf9_\xcf\xc8\xb2,I2\xc6\x02\xc6\x98\x17\x04\x95eY\x10\x84?o\xfc\xf1\xc9\xd4\x0f\xba\xf6ju\xf3\xd6\x9f!!&amp;\xdf6+\x18c\x87\xd3Q\xa4p\xd1\xff\r\x18\xcek\x9c\xbd\xff\xfe\xfb\xd7\xaf_\xcf\xa3}j\xbc\x12\xf5\xacY\xb3\x06\x0e\x1c(I\x12!\xa4j\x95\xea\xdf\xc</t>
        </is>
      </c>
    </row>
    <row r="296">
      <c r="A296" s="1" t="n">
        <v>294</v>
      </c>
      <c r="B296" t="inlineStr">
        <is>
          <t>grid_number</t>
        </is>
      </c>
      <c r="C296" t="inlineStr">
        <is>
          <t>What is the missing number of the part denoted with a question mark?</t>
        </is>
      </c>
      <c r="D296" t="inlineStr">
        <is>
          <t>['8', '2', '1', '9']</t>
        </is>
      </c>
      <c r="E296" t="inlineStr">
        <is>
          <t>9</t>
        </is>
      </c>
      <c r="F296" t="inlineStr">
        <is>
          <t>There is a 3x3 grid of numbers. The first row is [2, 6, 8]. The second row is [1, 6, '?']. The third and last row is [8, 2, 6].</t>
        </is>
      </c>
      <c r="G296" t="inlineStr">
        <is>
          <t>We observe that [2, 6, 8] sums to 16, and [8, 2, 6] also sums to 16. Thus, the pattern is that the numbers in each row add up to the same value.</t>
        </is>
      </c>
      <c r="H296" t="inlineStr">
        <is>
          <t>Based on the pattern that the numbers in each row add up to the same value, the missing number of the row [1, 6, '?'] should be 9.</t>
        </is>
      </c>
      <c r="I296" t="inlineStr">
        <is>
          <t>b'\x89PNG\r\n\x1a\n\x00\x00\x00\rIHDR\x00\x00\x02\x00\x00\x00\x02\x00\x08\x02\x00\x00\x00{\x1aC\xad\x00\x00\x82\x93IDATx\x9c\xed\xddw|T\xc5\xda\x07\xf0gf\xce\x96\x94MvS\x08Az\x15\x05A\xaa\x14\x05\x0b\x16D_\x05\xa4\x08\xa8(`\x03E\xc5^\xc0.X\xafX\xb8\xa0\x82zE\xaf\xedZ\xd1\x00\x8a\x8a( H/\xd2kH\xdf\xddd\xfb93\xf3\xfe1\xc9\x8a(\x10`7\xcb\xee&gt;\xdf?\xfchB\xe2\xf2\xdb\xb3\xf3\x9c3\x95H)\x01!\x84P\xf2\xa1\xb1~\x01\x08!\x84b\x03\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d2b\xfd\x02N\nR\xcaX\xbf\x84\x18 \x84\xc4\xfa%T\xc3\xfcc\x0b\xf3OZIZ\x00\xa4\x94B\x08)%!\x84\x10Bi2&gt;\t\xc50\x04\xcc\x1f0\xffX\xc3\x10\x00\x80$U\xf1Wo9\x000\xc6\x0e\xfe\xba\xdb\xed\x16B\x10\x92,i\xa8{\x1f\xbb\xdd~\xf0\x17\xd5\x87\x81R\x1a\xbd;#\xcc_\xc1\xfcc+V\xf9\x9f\x84\x92\xe5-\x97Rr\xce5\xad\xfa\x89\xa7\xaa\xaaj\xf9\xf2\xe5K\x97-[\xf5\xfb\xef\x15\x15\x15\x9b6m2\x0c\x0e\x04 )\xc2\x00 \x00\x00-[\xb4\xb0\xdb\xed]\xbat\xe9\xd4\xa9S\xb7n\xddN9\xe5\x14\xf5M\xc30(\xa5\x91\xbd!\xc2\xfc\xff\x02\xf3\x8f\xad:\xcf\xff\xe4%\x93\x80a\x18\xea_\x82\xc1\xe0\xe7\x9f\x7f&gt;h\xd0\xa0&amp;M\x9a\xc4:\xf8\x93\x8b\xc3\xe1\xe8\xd7\xaf\xdf\xacY\xb3\x8a\x8b\x8bUV\xba\xae\xab{"\xcc\xbf\x0e`\xfe\xb1\x15\xd5\xfcOf\t\xfe\x04\xa0\xfev\x84\x10\xb7\xdb=k\xd6\xacw\xdf}w\xed\xda\xb5\xe1\xef\xa6\xdbl\r\x1a6\xc9\xcd\xcbk\xda\xe2T{V67\x8cdx\xfa\x93 )\xa1\xba\x1e\xda\xbc~\x8d\xdb\xe5\xdc\xbbk\xbb\xb3\xa2&lt;\xfc\xdd\xfc\xfc\x06#F\\=f\xcc\x986m\xda\x00\x80\x10\xe2Dn\x850\xff\xbf\xc3\xfcc\xab.\xf3?\xf9%r\x01\xe0\x9c\xab\xbe\xce\xd9\xb3gO\x9b6m\xf3\xe6\xcd\xea\xeb\r\x1a6&gt;\xeb\x9c\xf3\xfa\\p\xc9\xa9\xed:\xd6\xcb\xcbOK\xb71\r\x12\xfa]\xfe\x07R\x82a@0\x10,/-\xda\xfa\xc7\xc6_~X\xb0d\xd1\x82-\x9b\xd6\xab\xeffeeM\x980\xe1\x8e;\xee\xc8\xcc\xcc4\x0c#\xdcupL0\xff#\xc0\xfcc\xab\x0e\xf2\x8f\x0b\t[\x00\xd4\xd5_XXx\xfd\xf5\xd7\x17\x14\x14\xa8/\xb6n\xdb\xee\x9a\x1b\'\xf4\xbb\xf4\xca\xec\xdc\\)!\x18\x0c\xe9!]\x08.\xa5H\xd0\x18\x0e\x8b\x00\xa8\xa9\x0f&amp;\x93\xd9b\xb5h\x1aTU\xfa\x96\xff\xf2\xe3\x9c\xd7^\\\xf2\xc3\x02\xf5g\xda\xb4i\xf3\xe6\x9bo\xf6\xea\xd5K\x8d\x10\x1e\xd3\xed!\xe6\x7fd\x98\x7flE;\xffx\x91\x98\x05@\x15\xed\x82\x82\x82\xebo\xb8\xa1p\xff~\x00h\xd6\xb2\xf5\r\xe3\']z\xe5\xd0\x0c{\x86\xa7\xca\xa7\xeb!\x00B)%\x04\xaa\x87\x84\x92\x95\x94R\n!\xa5d\x9a\x96\x96\x9e\xce\xb9X\xb2h\xfe\x1b\xd3\xa7-]\xbc\x08\x00\xcc\x16\xcb\xd4g\x9e\x998q\xe21}\x060\xff\xda\xc3\xfcc+\x1a\xf9\xc7\x91\x04,\x00\xea\xea\x9f5k\xd6\xb8q\xe3\xd4W\xae\xbe\xfe\x96\x89\x0f&lt;\x9aS/\xc7\xed\xf2p\xc3\xa0\x8c%\xde\x1b\x19\x11\x9csB\x88-#\x83s\xe3\xdd\x99\xaf\xbc\xfc\xccdOU%\x00\x8c\x1d;v\xe6\xcc\x99\x9c\xf3\xdaL\x92\xc3\xfc\x8f\x1b\xe6\x1f[\x11\xc9?\xbe$Z\x01PO\xbe\xe1\xab?\xd3\x9e\xf5\xc8\xb4\xe9\x03\x87_]\xe9\xf6\x85B\xa1\x04\xee\xcb\x8b \xf51\xc8\xce\xc9X\xb9\xec\xb7\x07o\x1b\xbby\xc3\x1a\xa8\xf9\x0c\x1c\xf5&gt;\x08\xf3?q\x98\x7fl\x9dH\xfeq\'\xa1\n\xc0!W\x7fN\xbd\xfa\xd3\xe7|\xdc\xb3O\xaf\x92"\'\xd3\xb4Dz\xdb\xea\x80\xae\xebv\x87\xa3\xbc\xb4\xf8\xa6\xab\xffo\xcd\xcaep\xd0}\xd0!\xcb\x88\xc20\xff\x08\xc2\xfcc\xeb8\xf2\x8fG\x89S\x00\xd4\x1b\xb3p\xe1\xc2~\xfd\xfa\x01\x80#;\xe7\xc3\x82_\x9b4o\xe9v:5\x93)\xd6\xaf..q\xc30[-\x8c\xb2\xd1\x83.Z\xbe\xe4\x07\x00\x982e\xca\xe4\xc9\x93\xffq^\x04\xe6\x1fq\x98\x7fl\x1dS\xfeq*A\n\x80\x9a\xae[\\\\\xdc\xa1C\xc7\x92\x92\xe2\x8cL\xfb\x8c\xb9_t&gt;\xab\x97\xdb\xe5\xd24\xbc\xfa\x8f\x1f\xe7\xdcb\xb5x\xdc\xee\x1b\x86\\\xb2q\xed*BHAAA\xbf~\xfd\x0e\xb9\x0f\xc2\xfc\xa3\x04\xf3\x8f\xadZ\xe6\x1f\xbf\x12d\xf6\xaf\x94\x92s&gt;j\xd4\xa8\xe2\xe2"\x00x\xf8\x99\xe9=\xfb\xf4v9\xf1\xea?Q\x8c\xb1\xa0?\x90\x95[\xef\x85\x99s3\xed\x0e)a\xd4\xa8k\x8a\x8a\x8a\x08!jW\x19\x05\xf3\x8f\x12\xcc?\xb6j\x99\x7f\xfcJ\x84\x02\xa0\xaa\xf1\xdc\xb9s\x17,X\x00\x00W\x8d\x1a3h\xe4\x88\xe2"\xa7\t\x9f|#\x81i\x9a\xdb\xe5j}\xda\xa9\x0f&lt;\xf9\x12\x80,..\xba\xff\xfe\xfb)\xa5\xe1gG\xcc?\xaa0\xff\xd8:j\xfeq-\xee\xbb\x80\xd4\x8e\x16.\x97\xab{\xf7\xee;v\xech\xd8\xa4\xd9\xc7\x0b\x97[,V5\x94\x1f\xebW\x9788\xe7vG\xe6-#\x07\xcd\xff\xeaS\x8b\xc5\xb2x\xf1\xe2.]\xbaH)\xd5\x16\x92\x98\x7f\xb4a\xfe\xb1u\xb8\xfc\xe3}\xa3\x88\xf8~\xf5\x00\xa0&amp;\xe7\xce\x9e={\xdb\xb6mB\x881\x13\xee\xc9\xa9\x97\x15\n\x85\xf0\xea\x8f,B\x88\x1e2n\xbd\xfb\x11\x8b\xd5\x1a\x0c\x06\'O\x9e\xac\x9a\x1e\xcc\xbfn`\xfe\xb1u\xb8\xfcc\xfd\xbaNT|\x17\x00)%c\xcc\xef\xf7\xcf\x9e=\x9b\x10\xd2\xace\x9b\xcb\x06\x0fw;=\t3F\x7f\xf2\xa0\x94z&lt;\x9ev\x1d;\\t\xd9 \x00\xf8\xe9\xa7\x9f6m\xda\xc4\x18\xa3\x94b\xfeu\x00\xf3\x8f\xad\xc3\xe5\x1f\xef#\x01\xf1]\x00\xd4\xba\x8c\x85\x0b\x17n\xd8\xb0AJ9\xfa\x96;32m\xdc0b\xfd\xba\x12\x13\xa54\x14\xd4\xaf\xbfuRJj\x9a\xd7\xeb}\xe3\x8d7\xd4\x171\xff\xba\x81\xf9\xc7\xd6?\xe6\x8f\x05 \xf6\xe6\xcc\x99C\x08\xa9\x97\xdf\xe0\xc2\x01\x03=U&gt;\x9a\x10\xd3\xb3NB\x94R\xaf\xd7\xd7\xaec\xc7n\xbd\xce!\x84|\xfc\xf1\xc7\x1e\x8f\x07\x00\xd4\xed\'\xe6\x1fm\x98\x7fl\xfd=\x7f\x9f\xcf\xa7iZ\\w\x04\xc5q\x01P\xfd?n\xb7{\xf9\xf2\xdf\xa4\x94=\xcf\xb9 \xa7^\x8e\xae\xeb\xd8\xfb\x19ER\x12\x02\xe7_r\x85\x94r\xff\xfe\xc2\x8d\x1b7\x1a\x86\xb1l\xd92\xcc\xbf\x8e`\xfe\xb1\xf5\xd7\xfc\xd7\xacY\x03q\xfe\x10\x10\xc7\x05@\xe5\xbeb\xc5\x8a}\xfb\xf6\x02@\x9f~\xfdc\xfd\x8a\x12\x1fe\xcc\xef\x0f\x9d\xd5\xfb\xdct[\x06\xe7\xc6O?\xfd\xb4n\xdd\xba\xc2\xc2B\xc0\xfc\xeb\x04\xe6\x1f[\x87\xe4\xff\xcd7\xdfB\xcd\xa9;q*\x8e\x0b\x80\xca}\xf9\xf2\xdf\x00 5-\xadm\xbb\x0e\xc1@(\xdege\x9d\xe4\x08!\xa1`0\xbfa\xe3&amp;\xcd[\x02\xc0\x9a5k\x96,Y\x02\x00ii\xe9\x98\x7f\x1d\xc0\xfcc\xeb\x90\xfcW\xac\xf8\r\x00\xe2:\xf38~\xe9\xeaQw\xe5\xca\x15\x00\xd0\xb0q\xb3\xbc\xfcS\xf0\xf9\xb7\x0e\x08!RR-mN?\x03\x00\xd6\xac];\xef\x9bo\x00\xa0A\xe3&amp;\x98\x7f\xdd\xc0\xfcc\xeb\xe0\xfc7m\xda\xe4\xf1x\xe2zQX\x1cO\x17S\xf3pKKK\x01 +\'75\xdd\xe6\xa9\xaa\x8c\xebj\x1c\x17\xa4\x94\x8cA^\xfe)\x00\xe0\xac\xa8P\x1dqY\xd9\x98\x7f\x1d\xc1\xfccK\xe5_?\xbf!\x00\xb8\\n\xbf\xdf\x9f\x9e\x9e\x1e\xeb\x17u\xfc\xe2\xb5\x00\xa85x.\x97k\xcb\x96-\x00\xd0\xa2\xf5i\x9a&amp;\xe3\xb7\x0e\xc7\x11J\x88a@\x8b\xd6\xa7\x01@qqqYY\x19`\xfeu\x08\xf3\x8f-\x95\x7f\xf3\xd6m\x01\xa0\xb2\xd2\xbdi\xd3\xa6\xdc\xdc\\!D\x9c\xee\r\x17\xaf\x05@\x91R\xea\xba\x01\x00\x8e\xaclJ\x13aa^\\\x90\x12\x1cY\xd9\x00`\x18\x86\xba\x03\xc5\xfc\xeb\x12\xe6\x1f[\xe1\xfc\x85\x10F\x9c\xaf\xba\x88\xfb\x07F\xd5\xe9\x19\xefoC\xdcQ\x81\x87OG\xc2\xfc\xeb\x18\xe6\x1f[\xe1\xc0\xe3}\xd0%\xee\x0b\x80\x12\xefoC\xdc9$p\xcc\xbf\x8ea\xfe\xb1\x950\x81\'H\x01@\x08!t\xac\xb0\x00 \x84P\x92\xc2\x02\x80\x10BI\n\x0b\x00B\x08%),\x00\x08!\x94\xa4\xb0\x00 \x84P\x92\xc2\x02\x80\x10BI\n\x0b\x00B\x08%),\x00\x08!\x94\xa4\xb0\x00 \x84P\x92\xc2\x02\x80\x10BI\n\x0b\x00B\x08%),\x00\x08!\x94\xa4\xe2\xfb&lt;\x80x$\xa5\x90Bm\xdc.A\x02\x10\x00 \x04\x80PB\x08\xd6\xe3\xba\'k@\xf5;\x02\xeaM\x01\xb5\xe7#!4a\xb6~&lt;\x19\x1c\x14\xf7\xc1i\x93\xb0\xd8\xbe\xbcd\x83\x05\xa0\x8e\x08\xc1\xa5\x94\x8ci\x16K\x8a\xc9l\xa2T\xb5\xfa\x00\x12\xa4\x04!@\x0f\xe9\xa1P\x90s\x83\x10\x8a\x07\xfbE\x9b\x94R\x1d\xa5\xc2\x98f\xb6\x98L&amp;3\xa5@iM\xd3/A\xaa\xf7\x85\xcb\x90\x1e2t=\xb6\xaf6\x01\xa8\xc0\t\x80f2\x9b-fMc\x07\xa7-\x04pC\x84B!]\x0fI)(eX\t\xea\x06\x16\x80(\x93\x92\x0b\xce\x98\x96n\xcb\xd44\xa8\xaa\xf2\xee\xd9\xb5}\xff\xde]\xa5\xc5E\x95.\xa7\xae\xeb\x9a\xc6l\x19\xf6\xdc\xbc\xfc\x86M\x9a5h\xd8\xd8\x91e\x0f\x85\xb8\xcf\xeb\x01 X\x06\xa2AJ)\x047\x9b-\xa9i)\x00P\xe9\xae\xda\xb7{gQ\xe1\xbe\xf2\xd2\x12\xb7\xb3"\x10\xf0\x0b\xc15\x93)55-\xd3\x9e\x95\x95\x93\xdb\xa0Q\x93\xac\xec\xdcX\xbf\xea8vp\xe0B@yi\xc9\x96M\xbb\x0e\xec\xdbS^Z\xe2\xf3y\x01\xa45%5;\xa7^\xfd\x06\rOi\xdc47\xaf\xbe\xc9D}\xbe`0\xe0\xc72P\x07\xb0\x00D\x11\xe7\x9c1\xcd\xee\xb0y=\xfe_~\\\xf8\xdd7\x9f/_\xf2\xe3\x9e\x1d\xdb\x02\x01\xff\xdf\xff\xb0\xc5bm\xda\xa2U\xcf\xbe\xfd\xfa_1\xa4C\x97\xee\xba\xae\xfb}^\xc6\xf0\r\x8a$n\x18\xd6\x94\x94\x94TKQa\xd1\xfc/?\xfdyQ\xc1\xba\xd5+\xf7\xef\xd9\x15\xf0\xfb\x0e\xf7#\x99v\xc7\x7f\xbe\xfa\xb1y\xabS\x03~?\x96\xe4c\xa5\x0e\xcb\xcd\xb4\xdb\x8a\n\x8b\xbe\xfa\xe4\xfdE\x05_\xae[\xb5\xa2\xf8\xc0\xfe\x7f&lt;\xbd2;7\xef\xb4\xf6\x1d\xcf\xe9\xd7\xff\xfc\x8b/o\xd2\xbc\xa9\xd7\xe3\x0f\x85Bqz\xd6n\xbc\xc0\xf6%*\xd4\x03oFf\xa6\xd7\xe3y\x7f\xf6\xcc\x0f\xe6\xcc\xdc\xb0fe\xf8\xbb\x84RZ}kCj\xfe\xb8\x0c\x06\x03\x7fl\\\xf7\xc7\xc6uo\xcf\xf8\xd7E\x97\x0f\x9ap\xef\xe4VmOs;\xdd\xf8\x01\x88\x08!\x04!\xc4\x91m\xdf\xb5}\xe7\x07sf|\xf1\xd1{\xc5\x07\xf6\x87\xbfK\x08!\x94\x12\x80p\xf7?\x80\x94@\xa4\xe0n\x973\x14\x0c\xe2\xf0\xccq\xe0\xdcHKK\x0f\x04\x02\xaf=\xf7\xcc{o\xbeZT\xb8/\xfc-J\x19!p\xd0\xf5\x0fB\xf0\xf2\xd2\xe2\xc5\xdf\x17,\xfe\xbe\xe0\xd5g\x1f\x1b4b\xf4\x98\xf1wg\xe5\xe4VUV\xe2G z\xb0\x00D\x1e\xe7\xdcd2ed\xda\x16\xce\xfb\xf2\xe5\xa7\x1f\xd9\xb8n5\x00\x10B(eR\nY\xdd\x1b\x1a.\x00\x12\x00\xa4\x945c`\x94s\xe3\x9b\xcf&gt;\xfc\xf9\xfb\x82\xc9\xd3^\xb9b\xf8HW\x05\xd6\x80\x13\xc59\xb7ZS\x80\xc0\xcc\x7f=\xf7\xef\x97\x9eqU\x94\x03\x00e\x8c\xd4\x8cI\x02\xa8\x06\xbf\xfa\xed\xa8!\x01\x801\xec\x888\x1e\x9cs[F\xe6\xd6\xcd\x1b\xee\xbbu\xf4\xfa\xd5+\x00@]\xc6BH\x00\xa9\x06~k\xda\x7f\x02D\xaa\x90U\x19vU\x94\xbf9\xfd\xb9\x85_\x7f\xfe\xd4\xf47\xbb\xf5&lt;\xdb\xedt1\r[\xaa\xa8\xc0X#L\xdd\xf8\xbb\x9c\x15O&lt;p\xfbG\xef\xbc\x01\x00\x8c1\xd5\xe6snP\xca(\xa5j@\x18\x00\xc2\xcdM\xf8\xcf\x00T\x8fLVU\xba\'\xdd4\xca\xe3\xa9\x1a9\xe6fW\x85\x9biX\x03\x8e\x13\xe7&lt;-=\xbd\xb4\xb8\xf0\xfe\tc\x96,\x9a\x0f\x00\x8ciBp\xc19\xa5\x94\x10*%\xff\xb3\x0c\xfc\x13,\x00\xc7Jp\x9en\xb3\xad_\xbdr\xec\xd0K+\xcaJ4M\xe3\x9cs\xce\t!\x94R\xce\x85\xe4\xfc\xef?\xc5\x18\x13B\x08)\t!\x8c\xb1\xdd;\xb6\xde0\xf8\xe2\xd7\xfe\xf3\xbf\xde\xe7\xf6\xabt\xe3s@T`\x01\x88$)\xa5\xd9b^\xb1t\xf1\x94I\xb7n\xd9\xb8Nu\x19s\xce\x01\x802&amp;\x85\x10\xa2\xfa\xbaOIMMMK\xd74S0\xe0w\xbb\x9c\xd5\x7f\x86R55\x85sC\xfd\xec\xa3w\xdf\xda\xa4Y\xcb\x9e}\xcf\xaf\xaa\xac\xc2\x0f\xc0qP\xad\xff\xee\x1d[\xc7\r\xbbl\xcf\xcemL\xd3\x04\xe7\x9c\x1b\x84\x10\xca\x98\xe0\\U\xdc\x0c\xbb\xa3~\x83\x86\x8e\xec\x9ct[\x86\xa6\x99\x0c]\xf7T\xb9\x9d\x15\xe5E\xfb\xf7V\xba]\x86a`\r\xa8=)\xa5\xd9b)-)\x9ap\xed \xd5\xfa\x1b\x86\x01\x00\x84\x10)%\xe7\xdcl\xb1\xb6m\xdf\xa1Y\x8b\xd6\x99\x8el\x00\xe9\xaa\xa8\xd8\xb5}\xcb\xe6\xf5k\x82\xc1@\xf8\x8f\x19\x86\xc1\x18\x0b\xf8}w\xdc0\xec\xc3\xf9K\x1b6n\x12\x08\x04q\x0c&amp;\xe2\xb0\x00D\x92\x10"%\xc5\xba\xf0\xeb/\xb6l\\g\xb6XC\xea\x82\xa6\x94\x00\x08\xce\x01\xa0\xf3Y\xbd\xfb^xi\xfb3\xbb6h\xd88-\xddF)\xd3\xf5Piq\xd1\x9a\x15\xbf~\xfa\xfe\x9c\xf5\xabW\xaa\xab_\xfd*J\xa9\x94r\xca\xdd\xb7~\xfa\xddrM3I!\x00\x9b\xa1c!\x84\xb0\xa6XK\x8a\n\xc7\x0e\x1d\xb0w\xd7\xf6pK\xa4\n\xad\xe4\xbcq\xb3\x16\x17]&gt;\xb8\xc79\xe77o\xd5\xc6\xee\xc8\xb6\xa6\xa4RJ\x08Q\x13se\xc0\xefs9\xcb\xb7m\xdeX//_\x0f\x85\xb0\x06\xd4\x92\x10"%\xd5\xfa\xc8\x9d\x0f\x14\xee\xdbsH\xebo\xb1ZG\xdf|\xc7\xff\r\xbd\xa6q\xd3\xe6\x16\xabY\r\xacH\x01\xc1@h\xcf\xae\x1d_|\xf8\x9f\xd9\xaf\xbf\x18\xf0\xfb\xc2\xa5\x82i\x9a\xdb\xe5\x9c6\xf9\x9e\xd7\xdf\xfb_ \x10\x8c\xf1_,\x11a\x01\x88$\xc6XU\xa5g\xd2\xe4\xa7\xb6m^\xff\xd3w\xdf2\xa6\x01H\xce\xb9\x04\xe8\xd3\xaf\xff\r\xe3\'u9\xeblK\x8af\xe8R\x0f\xe9Bp)\x81P\x92S\xaf~\xc7.\x9d\x87\\;\xf6\xcdW\x9e\x7f\xe9\xc9\x87T\xbb\xafz\x84\x18\xd3v\xef\xd8\xfa\xbf\x0f\xde\x19}\xcbm\xcer\xec\t=\x16RRJ\xa5\x10w\x8c\x19~p\xeb\xcf\x18\xe3\x9c;\xb2rn\xbb\xef\xd1\xcb\xaf\xba\xda\x9em7t\x08\x05\x03\x86ax=U exq\x1e\xa54;\'/\xff\xfc\xc6\x81\x80\xdf0t,\x00\xb5!\x85HIM\xdd\xbc~\xfdW\x9f\xbcO)U\x8f\xb6\x84R\x1027/\x7f\xfa\xdb\x1f\x9f\xd5\xbb\xa7\xc7\x13\n\x06\x02~\xbf\x1fT\xb7\x1b!\x94\x92FM\x9b\xdf\xfb\xd8\x13\xe7]|\xd9\xf8k\x07\x15\x1f\xd8O\x08\x95Rp\xc3\xa0\x94.*\xf8j\xcd\xca\x15\xed:v\xf2y\xbd\xf8\x10\x10Y\x98f\x84I!8\x17S_\x9b\xd3\xa4YK\xce\r\xcey\xe3\xa6-^\x9e\xf3\xd1\xcc\x0f\xbe\xea\xde\xbbo\xc0\xefs\x96\xb9&lt;U\x95\xa1P\xd00\x0c\xce\rC\xd7\xfd&gt;oE\xb9+\x18\x08\xde\xf9\xd0\x03\xf7&gt;\xf6\x9c\x9a\xafR\xfd\xdb@\x12B&gt;\xfb\xf0]\xbf/H\xb1\x0b\xe8Xp\xce3\xec\xe9\xd3\xa7&gt;\xfa\xfb\xb2%\x9af:\xb8\xf5\xef\xd0\xb9\xfb\x87\xf3\x7f\xbd\xf6\xe6[\x98fr\x96\xb9&lt;Un]\xd7\x01\x80RJ\x19c\x8cQ\xc6TC\xa3\xeb!O\xa5\x9bc\x17P\xad\t!\xac)\xa6\x1f\x17\xce\xd3\xf5\x10!4&lt;\xb2B\x19}\xfa\x95\xd9g\xf5\xeeY\\T\x11\n\x04\x88JZ\xd3\x98\xa61\xc6\x08\xa1\xa1@\xa0\xb8\xa8\xa2K\xcf\xee\xcf\xbc2G;\xe8F\x87\x10*\x04\xffi\xe1&lt;\xb3\x85I!b\xf4\xd7JXX\x00"\x8cP\x1a\x0c\x04\xb2r\xea\xbd\xf0\xc6\xfbi\xe9\xb6K\x07\x0e\xfbh\xc1\xaf\xfd\xaf\x18\xec\xa9\xaa\xf4TV\x12J\x99\xa6\xa9\x15.a\x94RM\xd3\x08!\xc5\x07\xdc\xd7\xdfzG\xd7^}\x84\x10\xaa\xb9\x97BH)\xff\xd8\xb0v\xe7\xf6\xad\x16\xab\x15?\x00\xb5$\x84H\xb3\xa5\xafZ\xbe\xe2\xad\xd7^\xa0\x8cq^\xdd\xf3\xc39\xefr\xd6\xd9o}Z\xd0\xb0q\xd3\xf2\x12\xa7\x14"\xfcv\xfc\xe3\xefQC\x05\xd8\xfa\x1f\x03B\x04\x87u\xab~\x0b\xcfpS\xa3_=\xfa\\\xd0\xb7\xdfE\xa5%.\xb3\xd9L\xfe\xe9.\x9ePj6\x9b\xcb\x8a\x9dg\x9f\x7fA\xcf\xbe\xfd\xa4\x145\x83^\x12\x006\xac\xf9\x9d\x1b\x80]\xa0\x11\x87\x05 \xf2\x18c\x9e\xaa\xaa\xb6\xed:|\xf0\xed\x92\xa7\xa7\xcfN\xb3e\xba*\\\x94\xb2#\xdf\xc2\xab\xbegJ\xc9U#o\x08\x7fQJI)\xd5C\xa1\x1d[6\x99\xcd&amp;q\xf8\x99*\xe8/$0\xc6^}\xf61C\xd7IM\x8cB\x88FM\x9b\xbf&lt;\xe7#\xab%\xc5\xeb\xf1h&amp;\x136(\x11G)\xd1u\xa3\xb8\xb0P\xcd\xee\x87\x9a\xc9\x9e=\xfb\\@\x88&lt;j\xdc\x84\x10B\xe4Yg\x9f\xa7\xfe\x03j~KIQa(\x18\xc2\xfe\x9f\x88\xc3@\xa3\x82R\xea\xf7\xfb\x9b\xb7&lt;\xd50\xf4P P\xcb\xbe{\xcah0\xa0\x9fvF\'\x93\xd9,8\xaf\x9e\x19M(\x00\x14\x15\xee\xa5\x0c\xfe:K\x1d\xfd3!Djz\xda\xaa\xe5K\x7f\\\xf05\xa9\xe9\x86\x06\x00J\xe9\x94g_\xcb\xcd\xcb\xf3\xf9|8\x9a\x125\x84\x1bF(\xa4\x06l\xff\xdc`/7/_\x08r\xf4\x8aK\x88\x10\xa4^^&gt;\x84\x0b\x08\x00\x00\x84BA\x1c\x86\x89\x06,\x00\xd1B)\r\x06\xfc\xaa\x8b\xa7\xd6?D87\x1cY\xd9\x19\x99\xf6\x83\xbe\x06\x00\xe0\xf5x\x08`\xfb_+R\x08\xb3\x85\xfd\xef\x83\xb7\x85\x10\x94P\xa8\x99`~\xd1e\x83\xfb^x\x91\xcb\xe9\xd2\xb0\xf5\x8f"\xc94\xcdl\xb1\x00\xc0A\xcb\xaa\x81s\x03j\xd9z\x130\x8cCw\xdf3\x9b-L\xd3\x8e\xb0V\x03\x1d\x1f,\x00Qt,M\x7f5)\x81R\xaai\xa6C\xbe\x8e\x8b\x00jIJi2[J\x0e\x94|\xf7\xcd\x17\x00\xa0\x16^\xa8\x1di\xae\xb9\xe96]\xe7\x14\xef"\xa3I\x08i2i\xea\x16^%\xadn\xdb\xf7\xed\xda\xc1(\xc0Q[p)\x19\x85\xbd{v\x86\x7f\x90\x10\x02@\xf2\xf2\x1bX\xad\x16\x81c`\x91\x86\x05\xe0\xe4B(\xd1\xf5\xd0_\xf6&amp;\x93\x12\x0022\x1d5\xf3\x13\xd1\x91H!R\xd3R~_\xb6\xa4\xb4\xf8\x80\x9aPK\x19\x93R\x9e\xde\xa1\xf3\x19\x9d\xba\xfa\xbc&gt;\x9cL\x15]RR\x06m\xcf8\x13\x00\xd4\xf5\xaaf.\xfc\xb8p^0`\x1c\xf5\x96\x88P\x1a\x0c\x18?\x7fW\x10\xfeA5\x98|F\xe7n\x94\xd5\xa2~\xa0c\x84\x05\xe0$"\xa5\xd44Syi\xa9\xa7\xaa\xf2\xe0/\x02@~\xc3\xc6jFu\xcc^\\\x9c\x90RR\nK~X\xa0\xa6\x97C\xcd \xe4\xb9\x17\rHI1\x8b\x7f\xda\x81\x00E\x10\xa14\x14\xe4\xbd\xcf\xbd\x90R\x16~\xfc\xa2\x94\xae[\xb5\xe2\xb3\x0f\xff\x93\x9d\x9b\xa1\x87B\x87\xfbY]\x0f9\xb23\n\xbe\xfct\xcd\xcaej\xd0\x9e\x10"\xa50\x99L\xe7]ty\xc0\xaf\xe3 p\xc4a\xa0\'\x11)\xa5\xd9\xcc\xb6n^\xcf9W\xbb\x03\x11B\x84\x10\x16kJ\xd3\x16\xadB\xa1\x10v_\x1c\x15\xd34\xaf\'\xb0\xea\xb7_\x01\xa4\xba\x85\x14\x82\x03\x81\xae\xbd\xfa\x84B"|\x07\xaa\x16\x9ar\xc3\x10\x9c\x8bj\xbc\xfa+\x7f\xee\xd4\x84\x8e\x19\xa5\xd4\xe7\xf5\xb6?\xb3s\xef\xf3.\x94R\xaa\xaeK)%!\xf4\xc9\xfb\'\xfe\xfa\xe3\xcf\xb9\xf5\xb3\x0cC?dB\xb3\x94R\xd7\xf5\xac\xec\xac\xcd\xeb6&gt;~\xdfm\x84\x10\xf5\x06\xa8\xc1\x9b\xcb\x87\x8cj\xdb\xbe\xbd\xdf\xe7;\x8e&gt;Utd\x18\xe8\xc9DJ \xb0\xf8\xbbo\x01\xa0z9*\xa5\x84\x90\xd6m\xdb5l\xd24\x14\x0c\xe2\x07\xe0\xc8\xa4\x14&amp;\xb3\xb9\xa8p\xdf\xae\xed[A\xb5;\x94H)\xeb\xe5\xe5\xb7huj0\x10T\x05\x95sn2\x9b\xed\x8e\xcc\xac\x1c\xbb\xcd\x9e\x99n\xb3\xa5\xa5\xdb\xd2m\x99vG\xa6#\xc7\x9en\xcbTK\x07\xb0\x0c\x1c7\xc1\xc5\xed\xf7?f2\x9be\xcd&amp;\x10\x00\xd2S\xe5\xbeq\xf8e_~\xf4qv\x8e\xc3l\xb1\x1aFu\xc2j\xb9on\x9ec\xc5\xd2_\xc6\x0c\xb9\xa4\xbc\xb4\x98\x10"\x85`\x8c\x19\x86\x91\xdf\xb0\xd1\x9d\x0f=\xe1\xf3\x06\xf0\xf6?\x1ap:\xc4\xc9BJaII\xd9\xbd}\xe7\x0f\xf3\xbf\x86\x9a\xd1K\x02DHy\xfe%\x97\xa7\xa6Z\x02&gt;?N^&lt;2!\xa5\xd9d\xde\xb3s\xab\xdf\xe7U\xed\x0e\xa3\x8c\x03o\xde\xaa\xad#+\xc7\xeb\xad\x92R\xa6\xa6\xd9L&amp;\xb6g\xe7\xce\xdf\x97/\xd9\xb8vU\xe1\xde\xdd\x95n\xa7ap\xab5%\'/\xafY\x8b\xd6\xed\xcf\xeczz\xc7.\xd99\x0e\x9f7\x10\x0c\x06\xf0L\x9ecE)\xf5z\xbc\x1d\xbbt\xb9\xf3\xa1\'\xa7&gt;r\xb7\xa6\x99T5%\x94V\xba]\xb7\x8d\xbe\xea\xc7\x85\xa3o\xba\xf3\x81\x16\xadZz\xbdAC7\x1c\xd9vg\x85\xeb\x85\xc7\x1f\xfd\xf7\x8bO\x87BA\xd5\xf9\xc3\x98\xc6\xb9\x91\x96\x9e\xfe\xe2\xac\x0f\xb2s\xf3\xbcUU8x\x13\rxq\x9f,8\x17\x8et\xcb\xf3\xb3\xa6WU\xba\xd5\x8e\x05\x84\x10!\xb8ZN\xec\xf3\x86(\xc3;\xa0\xa3\x91\x92i\xb0k\xc76\x00\xa0\x94qn\xa8\x99(\xcd[\x9d\xaa\x99\xa8\x10\xc2\x91\xedX\xb3b\xc5;\xff~y\xd1\xfc\xaf*]\xce\xc3\xfd\x9a\xc6M[\x0c\x184|\xd8\xe8\x1b\x1b4l\xe8\xc23y\x8e\x1d\xd3\x98\xcbY9f\xfc\xa4\xe2\xc2\xc293^\xa4\x94\xaag/5\xb1\xe7\x93\xf7f/\xf8\xea\xb3\xa1\xd7\x8d\x1bz\xcdXGv\xce\xdc\xd9\xb3f\xbf\xfa\xfc\x8e\xad\x7f\x00\x00\xa1TJ\xc94\x8d\x1bFN\xbd\xbc\x17\xdf\xfco\xe7\xb3z\xe2y\x00\xd1\x83\xb1\x9e\x14\x04\xe7\xe9\xb6\xf45+W}0{FxSh\xd5\x84\r\xbczt\x8b\xd6-+\xca]x+zt\x12\x08\x81\xfd{v\x02\xfcy\xd8\x14\x00\x9c\xd2\xb8\tc`MI}\xe9\xc9\xc93_\x9a\xaa\x96)U\xef\xf1\xa0\xd6*U#\x00 \x04\xdf\xb3k\xfbk\xcf?\xf1\xf1{o\xdd=e\xea\x95\xc3FV\xba*\t\xa9\xc5"&amp;t\x10BHUU\xd5\x83O\xbd\x90\xe9p\xfc\xeb\xe9G\x00@\xdd\xd4\x03\x00c\xac\xd2\xed\x9c\xf5\xaf\xa9\x1f\xbe=\xd3\x9e\x95\xbd{\xc76\xf5E.\x04\x01\x10Rr\xc38\xeb\xecs\x1f{\xe1\xdfM[\xb4r\xbb\xb0\xf5\x8f"\xbc\xa9&lt;\t\xd4\xec[\xf9\xd8=\x13\x02\x01?\x10\xa2\x9e\x97\x85\x14Y\xd9\xb9c&amp;L\xf2z\x02\x94\xe2Mh-\x10\xc29\x14\x15\xee\x07\xa8n\xfaU\xd3^\xbfACJ\xe5=7_\xf3\xca\xb4\xc7B\xa1\xa0\xa6i\x9a\xa6\x11 R\x08\xb5a\x9f\xda\x03T\x82\x0cwV0M+)*\xbc\xfb\xa6Q\xcf?\xfe\xb0-3\x037\xe18V\xeaf\xbf\xb2\xb2\xf2\xb6\xfb\x1f~\xf5?\xff\xabW\xbf\x81j\xfd\x01@=\xdd2\xc6\xdc.\xe7\xee\x1d\xdb\xd4\xd6{\x9cs\x02 \x84H\xb7e\xdc\xfd\xe8\xb47&gt;\xfa\xf6\x94\xc6M+\xddx\xdf\x13]X\x00b\xcf\xe0\xdc\x9ee{\xfe\xf1\x07\x7f_\xbe\x84U\x9fR\x02\xaa$L|\xf0\x89\x86\x8d\x1b\x05\x03\x01\\\x04_\x1b\x84\x10n\x88\xf2\x92b\xa8i\xfa\xd5l\x93&amp;\xcdZM\xbe\xeb\xaeo&gt;\xfb\xd0d21M3\x0cCm\xc5\x1a^X\xa4\xcek\x13\x9c\xab]\xa0\xa5\xa8\xde\x88\x98i\xda\xeb\xcf?1\xe3\xc5g\xec\x8e\x0cn\x181\xfb\x8b\xc5\'\xb5\xd1aE\x99\xf3\xfc\x8b/\xffb\xf1\xea\x11cn5\x99Ljk\x135\x0bK\xfd\x015\x11K\x8d\xf1^x\xd9\xc0\xefW\xed\xb8u\xd2\xdd~\x9f7\xe0\xf7c\xeb\x1fm\x98o\x8c\x19\xba\x9e]\xcf\xf1\xfe\x9c\xd9o\xbe\xf2\x9c\xea\xfa\x07\xf5\xb0l\x18\xe7_\xf2\x7fC\xaf\x1d\xebrV\xe2#p-QJ\x83\xc1@U\xa5\x1b\xa0\xe6\t@J\xb3\xd9\xf2\xfe\xec\xd7?\x99;[\xc5+\x84HMK?\xe7\xfc\x8b\xbb\xf6\xec\xd3\xa4y\xcbt[\x86\x90\xa2\xd2\xe5\xda\xbee\xd3\x92E\xf3\x7f\xf9q\xa1\xa8\xd99N\x08A\xa4d\x8c\xbd\xf8\xc4\x83gv\xed\xd1\xb5G\xef\xaa*\x0f\x8e\x07\x1c\x13\xc1\xb9\xc9d\xa6\x94V\xb9\xddj\xeb[\x80\xea:\xaa\xfe3|F\x9e\x9a\x11\xb4i\xdd\xea\xff\xbc\xf1\xea\xa0\x11\xd7\x9f\xd2\xa8\xa1\xdbU\x19.\x0c(J\xb0e\x89%C\xd7\x1d\xd9\x8eE\xdf~;\xf9\xae\x9b\x0e\xea\xfa\xa7\x9c\x1b\x8d\x9a4\x7f\xfc\xc5\x7f\x87\x82\x01\xbc\xf5\xaf%\xb5\xe5g(\x14\xf2\xf9&lt;\x07\x7f=\x14\n~2wvxW\xb8\x81W_w\xe3\xc4\xfb\x9a\xb7jC)\x18\x06H!\x80\x00\xa5\xb4\xdf\x80\x01c\xc6OZ\xfa\xf3\xf7\x8f\xde=~\xc7\xd6\xcd\xd5\xa7\x86\xd5\x9c\xce6m\xf2=s\xe7\xfd\x84\x8d\xd11\xe1\x86\x91\x96\x9e\x1e\x0c\x85^\x99\xf6\xe8\x1b/?\xeb\xf3y\xd5\xd7kN\x06\xe6R\xaa\xdb\x1d\x16\x8ez\xef\xae\x1d/?3\xf9\xa3w\xdf\x18\x7f\xef\x94AW_g\xe8z \x10\xc0\xa2\x1b=xA\xc7\x8ca\x18\x99Y\x8e\xd5+\x96O\x1c3\\\x0f\x85d\xcdz\x19)eZ\xba\xed\xa57?\xc8\xca\xc9\r\x06C\xea\x91\x19\xd5\x06!\x94\x1bz0\x10\x80\xbf\xee\x1a\xa0f\x10\x9a\xcc\x96g^\x9d\xf3\xdc\x8c\xd9\r\x1b7s\xbb\xdc\xce\n\x97\xa7\xd2\xed\xf5z\xbc\x1eO\x95\xdb\xed,sUUU\xf6\xea{\xfe\xbb_~\xdf\xea\xd4\xd3\xc3\xf7\x9e\x9csJ\xd9\xda\xdf\x97\xff\xb8\xe0\x9bt[:\xc7\xb5\xc4\xb5\xc3\r#\xd3a\xdf\xfa\xc7\xc6k.?\xf7\xe5g\xa6\xf8|^\xd5\x8e\xab\x15\x8e\x9c\xf3\xdc\xbc\xfc\x0e\x9d\xbb\x01\x80\x1a\x83Q\xdf%\x840\xa6\x1d\xd8\xbf\xf7\xc1\xdbn\xb8u\xd4\xc0\xb2\x92b[F\x86\x81\x9doQ\x83\x8dKl\x18\x86\x91\x91\x91\xb1m\xf3\xc6\x9bG\\Q\xe5vQ\xca\xa4\x10\x84\xa8\xc9&amp;\xe4\xd9\x19\xefv\xe8\xd2\xb5\xaa\xb2\x12\xef}\x8e\t!\xc09\xaf\xd9K\xf2\xa0\n %H\x98\xfa\xda\x9c\xe1\xa3\xaf-/s\xaa\x9bJ\xc645\xfcX}\x10\x98\xa61\xc6*\xca+r\xf3\xf2\x9f\x9a&gt;\xdbb\xb5J)\xa1f?2B\xc8W\x1f\xcf%\xb8\x14\xbbv87\xecY\xf6\xef\x0b\xbe\x1e9\xa0\xcf\xda\xdf\x973MS\xd3@\xd5\x8d\xbf#+\xe7\xb6\xfb\x1f\xfd\xe4\xbb\xdf\xde\x9f\xb7\xf8\xfdy\x8b\x07\x8d\xb8&gt;%5\x95s\x0e\x04\x08!\x9c\x1b\x84P\xc6\xd8w\xdf|&gt;\xbc\x7f\xef\xdf\x97\xfdbw\xd8q\x00&amp;J\xb0\x00\xc4\x007\x8ct\x9bm\xdf\x9e\x9d\xe3\x86\r(-&gt;\xc0\x18\x13\x82\xab\x8d\xa3\x85\x10\x8f\xbf8\xf3\xe2\xff\xfb?g\x05\xeeZ|&lt;\xa4\x84C\xf6\x8c\xa4\x8c\t!F\x8d\x1b?h\xf8\xb0\xe2\x03NM3\x1d\xa1\'\xc7d2\xbb+\x9c\x9d\xcf\xea:`\xe0p\xb5\x8e\x0c\x00\x84\x14R\xca\x15K\x7f.-.\xd1Lf\\!|d\x9c\x1b\x99\x99\xf6\x1f\xe6\x7f;~\xd4\xc0J\xb7\x8b1\xc6\r\x03\x80\xa8c\xae\x07\x0e\xbf\xee\xd3E\xbfM\xbc\xff\x11\xbb#\xdb\xef\x0f\x9e\xd9\xb5\xe7\xd4\xd7\xde\xfcx\xc1\xf2\xc1#\xaf\'@\xd4\xbe\xadR\nu"\xfc\x81\xfd{\xc7\x0c\xb9d\xf9\x92\x9fl\x99\x99\xf8\xec\x15\rX\x00\xea\x9aZ\xdfXr`\xff\xd8\xa1\x03\xf6\xed\xde\x19^\xf3\xa5\xa6C\xdc\xff\xc4\x0b\xc3\xaf\xbf\xa1\xa2\x14[\xff\xe3D)9x\xca,!Dpn\xcf\xca\x1e3\xe1\x1e\xb7\xdb_\x9bT)\xa5zP\\v\xd5\x08\xa8Y\x8f\xad\x1e\xceJ\x8b\x8bvo\xdfj\xb1Z\xb0\x00\x1c\x81\x10"%%u\xe7\xf6\xadw\xdd8B\xd7C\xb4\xe6\xf2\x96R\xa4\xa4\xa6=\xfb\xfa;\xcf\xce\x98\x9dS/\xbf\xbc\xcce\x18:\xa5\xc4\xeb\xf5\xb8*\\M[\xb6~\xe6\xd57\xdf\xf9\xfc\xfbS\xdbuP\x1ba\x01\x007\x0c\xc6\x98\xd7Su\xdbuW\xed\xdd\xb5#%\xc5\x8a\xdbAG\x1c\x16\x80:\xc59OMK++)\x1e3\xa4\xff\x8e\xad\x9b\x19\xd3\xc2\xad?\xe7\xfc\x8e\x87\x9e\x1c{\xdb\x1d\x15e\xb8\xf2\xe58\xa9E\xa4\xd5\xa7\x91\x10\x02\x00\xaa\x18\xf4&gt;\xf7\xa2\x06\rO\t\x05\x82\xb5\x99MK(\r\x04\x82\xadNm\x97S/O\xed\xc7\x07\x00\x94R\x00\xb9w\xf7\x0eM\xa3X\x00\x8e\x880\x8d=v\xef\x04\xb7\xb3\x821M\x1dlG\x08IMK\x7f\xfd\xbd\xcf\x06\x8f\x1aUQ\xee\xd2\x83Au\x086\x00PJ\x19\xd3\x02~\xbf\xab\xdc\xd5\xbdW\xdf\xf7\xe7-\xee?p\x18\xe7\\\r\xdbp\xce\x19\xd3\xca\xcbJ&amp;\xdfu3e\x0cw\xc3\x8d8,\x00u\x87s\x9e\x92\x9a\xea,/\x1b3\xb4\xff\xd6\xcd\x1b\x98\xa6qn\x84[\xff\xdb\x1fx|\xc2=\x0fT\x94\xbbq\xee\xf3\xf1Q\xbd\xccf\xb3%--\x1d\xc2M\x05\x01\x00hsz{Bk\xdbj\xabnh\xbb#\xeb\x94FM\xe1\xcfS}\x08\x00\x94\x16\x1f \xb59\xd5$Y\t\xcem\x19\xe9\x8b\n\xe6\xfd\xfc}\x81\xdaP\x0fj\xde\x97\xc9\xcf\xbe\xda\xb7\xdf\x05\xa5\xc5\x15\x9a\xa6\xfd}OC\xb5\xe4\xa2\xd2\xed\xa2\x94\xbd\xf4\xc6\xfb\x03\x06]-\xfe\xac\x01\x06c\xda\x92\x1f\x16,\xf8\xea\xf3\x8cL\x1c\x84\x8f0,\x00u\x84s\x9e\x92\x9aR\xe9\xaa\x18;\xf4\xd2?6\xacU\xbb\x9d\xa8\xa9\xd0\x9c\xf3;\x1ez\xea\xf6\xfb\x1er\x96\xbb\x19N4&lt;\x01R\x08kJj\xa6#\x0b\xa0\xe6&lt;*\t\x00`\xb1X@\x92\xda\xdf&gt;J)4\x93)\xc3\xee\x80\xbf\x16\x12\xaf\xa7\xaaz\xf3\x08t8\x04&gt;\x9d\xfb\x96\x9a\xcd\x005S&lt;\xcf\xbb\xf8\xb2A#\xae)-q\x99L\xe6#\xfc\xa8Z\xa3\xe7\xf7\xf9\x9ex\xe9\xdf\xad\xdb\xb6\x13B\xd4\xf4\xe6IB\xc8\'\xef\xbdY3*\x8f"\x06\x9b\x9b\xba\xc09\xb7\xa6\xa4TU\xba\xc7\x0e\x1d\xb0q\xed\xaa?[\x7fJ\x85\xe0\xf7L\x996\xe1\xde\xfb+\xca\xdd\x94Q\xbc\xc0O\x84\x90\xd2d\xa2\xf5\x1b4\x82\x9as`\xd4?\xaa*+\t9\x96\x13\x95%\x10\x02\x07\x0f\x18\xa8wE\x08\x81o\xcf\xe1H)MfsiQ\xc9\xaa\xdf~U\xe3\xbdP\xb3\xbck\xc4\r\xb7rC\xd4\xa6\xffM\xad\xe4H\xb7\xa5\xdf|\xe7\x83 \xa5z\xcf\xd4*\x815+\x97\x15\xed/4\x9bq\x0c&amp;\x92\xb0\x00D\x1d\xe7\xdcj\xb5\xfa\xbcU7\x0e\xbbl\xfd\xea\x15j\x95ou\xeb\xcf\xf9}\x8f?w\xf3]wW\x94\xa9-\'\xb1y91RR\n\xcd[\xb5\x01\x08o\x06\x07\x00\xb0\x7f\xef.qL\x07j\x12\x90\x12\xd4z\x02\xf8\xf3\xd7\x80\xd9l\xc1s9\x0fG\x9d\xc6\\\xb8wWyi\t\x00H)T\xe7Ovn^\xdb\xf6\x1d\x03\xfe`-\x97\xd11\xc6\xbc^\x7f\xd7^}\x1c\xd995\x87\x82IB\x88\xcbY\xb1\x7f\xef.\x93\x19gaE\x12\x16\x80\xe8\xe2\x9c[\xac\xd6@\xc0w\xe3\xf0\xcb\xd7\xac\\\xa66D\xac^\x04\xcf\xf9\xfdO\xbc0n\xe2]\xe5e.\x9c\xef\x1f\x19\x84\x18\x06\x9c\xda\xae\x03\xd4\xec\x02$\xa5\x00\x80?\xd6\xaf\xf5\xfb\x82\xb5\xdfP\x8f\x12\x1a\n\x06\xdd.\'\x84;\xfc\xa5\x04\x80LG\x96\x14X\x01\xfe\x99\x94\x921ZQ^\xa6\x96dC\xcd~p\xf5\x1b\x9c\x92\x9e\x91\xa9.\xfb\xda\xfc\x1eB\x087\x8c\x0c\xbb\xa3A\xc3&amp;\x00\xa0\x16B\xaa\x9fu9\xcb)\xc3A\xf8H\xc2\x02\x10E\x82s\x8b\xc5\x12\n\x06n\x1a\xfe\x7f\xab\x96\xff\x12\x1e\xf5U=?\x0f&gt;\xf5\xd2\xd8\xdb\xef\xa8(\xc3\xfd\x0e#\x86R\x1a\x0c\x06O=\xbdC\xba-C\xdd&lt;\xaa]&lt;\xb7\xfe\xb1a\xf7\x8em\x16\x8bU\xd5\x83#\x93R2\xcd\xe4vU\x1c\xd8\xbf\x07jJH\xf5\xc9\xcc\r\x1aq\x01X\x01\x0e\x87\x10\xa89\xf2\x97\x84\xffi2\x99\xd9\xb1\xefeK)\xd3L\xa6\x83\x7f7\x00\x08\xce1\xfa\xc8\xc2\x02\x10-\x82s\xb3\xc5b\x18\xfa\xcd#\xaeX\xb1t\xf1_\xfa\xfd9\x7f\xe8\xe9\x97\xc7L\xb8\x1d[\xff\xc8"\x84\x84\x82\xc1\x06\x8d\x1au\xe8r\x96\x9a^\x05R2\xc6B\xc1\xe0w\xf3&gt;KI5q^\xab\x02`\xb6\x98wn\xfb\xa3\xa2\xac4\xdc\xff \x840\x99\xcc\x8d\x9a57B\x06.\x07\xfeG\x04@J0[-\x00\x10\xde\x8c\x15\x00*+]\xc1\xe01mg+\t\xa5\xc1\x80\xcf\xed,\x0f\xff\x12U\x86SR\xd3\x85\xc0\xf2\x1bIX\x00\xa2B\x08n2\x9b97n\x19y\xe5\xf2%?h\x7f\xce\xf9!\x82\xf3G\xa6N\xbfa\xfc\x84\xf2Rl\xfd#OJa2\xb1\x0b\x07\x0c\x942\xdcy#\x01\xe0\xbfo\xcf,+\xa9\xa8M\x0f\xb2\xe0\xdcl\xa1\xdf}\xf3\x05\xd4,#P\x8dW\x93\xe6-\x1b5i\x1e\x0c\x06\xf0d\xe6\x7fF\x08\xe7&lt;++\x87\xd4lk\xa8\xa2\xde\xbf{WQ\xe1&gt;\x93\xd9,j\xf1\xf8\x05\x00BH\xb3\xc9\\\xb8o\xcf\xfe=\xbb\x01\x88\x10R\x95a\x93\xc9\x94\x9bW\xdf0\x0c\xa0X\x02"\x06/\xe5\xc8\x13B\x98L&amp;\x009\xfe\xda\xc1\xbf\xfe\xf4\x9d\xa6iF\xb8\xf5\x17b\xf2\xb4WG\xdf2\xbe\xbc\x14W{E\x05\xa5\xcc\xeb\t\x9c\x7f\xc9\xe5Y9\xb9R\x08\xd5\x18Q\xc6\n\xf7\xed\x99\xf1\xe2\xd3\x0eGj\xcdNA\xffL\x08\x9e\x92\x9a\xbag\xe7\xde\xcf?|W\x1d\xc9\t5\xdd\xd0=\xfa\x9co\xcbL\xc3Mi\x0e\x87\x10\xa2\x87B\r\x1a5\xc9\xce\xc9\x05\x00\xb5\xad!c,\x18\x0c\x14|\xf1qz\xba\x99\xeb\xb5\x8a\x8e\x1bF\x9a\xcd4\xef\xd3\xff\xeaz\x881\xa6\xe6\x80\x02@\x83FM\x1b4j\xa2\x87\x82\x14\xb7G\x8c\x1c\x8c2\xc2\x84\x10j\x95\xe3\x84k\xaf\xfa\xf9\xfb\x82p\xeb\xaf&amp;\xc6=&lt;u\xfa\xa8q\xb7\x94\x14\x95\x01\x01~\xecp\xf8\xeb\xa8\x08!\xa1` \xbfa\xfeU\xa3\xc6H)Uc!8\xa7\x94\xcdy\xfd\x85\xcf&gt;\xfc8/?\xcb\xd0\xf5\x7f\xd8T@J\xc30\x18\xd3,)\x96\'\xef\xbf\xddY^\xa6\xce\xa7\x05\x00!\x05\xa5\xb4\xff\x95\xc3BA\x8e\xb7\xff\x87\xa3\n@N\xbdzgt\xeaF\x08\xa1T\x9d\xaf)\x08!sf\xbc\xb4y\xc3\xe6L\x87C\xd7CG\x98\x8d+\xa5\xd4C\xa1\xac\x9c\xac5+V\xbf;k\xfa\x9f\x05\x98R\x00\xe8q\xceyvG\xc6\x91\xeb7:Vx\x13\x1aIj*4%p\xdb\xe8\xa1?.\x9c\xa7Z\x7f\xa8^\n\x9f\xf6\xc4Ko\x8c\xbaahy\x85\xcc\xce\xcd9\xbe\xdf\xef\xf3\xfaU9\x89\xec\xcbN0\x941o\x95\xff\x9aq\xb7}:wNYIQ\xcd\xce\xfe\x02\x00\xee\xb9y\x94\x1e\n\x0e\xbczD\xc0g\x04\xfc&gt;!%H\t\x04\x08\x10\xa6i\x8eL\x9b\xcf\xeb\xbb\xf7\xe6\xd1\x0b\xbe\xfe\x1f\xad9\x9aMm\xd6t\xf6\x05\x97t\xeav\x96\xa7\xd2C\x19\x16\x80\xc3\x92\x00\x84\x90\x01\x83\xae\xfe\xfe\xdb/\xab\xbf"%\xa5\xd4\xed\xac\xb8m\xf4\x90\x7f\xbf\xffE\x93\xe6M\xddN/7tP\xbb\xac\xd6\xfc\x94\xfa\x87\xa6\x99s\xeb\xdb6\xad\xdbx\xdb\xe8\xab&lt;U\x95\xea\x8d#\x84H!)e\x03\x87\x8f\x0e\x85\x0c\xdc\x1d=\xb2\xb0\x00D\x90$\x84p=x\xd7-\xa3\xbf\xff\xf6\x8b\xea\xd6\x1f@\x9dt\x9a\x9af[\xbdb\xe9\xe2\xef\x0b(\xa5\xc7\xb4&amp;IQ\xcf\x10\xd7\xdfrg\xe3\xe6-C\xc1Z\xedi\x93\xb4\x08!\xa1P0/\xbf\xfe\xbd\x8f=;\xe9\xc6\x91\x8c1)\x84\x1a\xcb\r\x06\x02\x93n\x1c\xf9\xebO\xdf]{\xd3\xed-Z\x9ff\xb1\x98(\x05)\x81sp;+\xbe\xf9\xfc\xdb\xd7\x9f\x7fr\xe3\xdaU\x94V\xb7\xfe*g\x93\xd9&lt;\xf1\x81\xc7\x05\xc7\xf1\xc7\xa3`\x8cy\xaa&lt;\xfd\x06\xfc_\xbb\x0e\x9d\xd7\xafY\x19&gt;\x82\x8dR\xbae\xe3\xba\xe1\x97\x9c}\xc7\x83O\x9c\xdf\xff\xff\x1c\xd9v\x00\x10\x02\xd4\x88.\xa1\xa0\xde\x85\xb2\xd2\xd2O^}k\xfa3S\\\xce\xf2\xf0\xf9H\x8c1\xc30\x06\x0e\x1f\xdd\xa9{w\x97\xd3\x8d\x13\xa6#\x0b\x0b@\xc4\x08.l\x99\x99?\xcc\x9f\xb7\xe0\xeb\xff\x85[\x7f\xa8\x19\n+-&gt;\xf0\xf6\x8c\x97N\xf0\x7fq\xd9\xe0\xab[\xb49\r\x8f\x08&gt;*\xc64\xb7\xd3}\xc5\xd0\x11\xab\x7f[\xfa\x9f7^\xd1L&amp;C\xd7\xc3;\xbb}\xf2\xde\xec\xcf&gt;x\xb7\xfd\x99]Z\xb4n\x9baw\x84B\xc1\xa2\xfd{7oX\xbb\x7f\xcf.\x00\xa0\x94U\x9fSH\x08\xd34C\xd7\xefx\xe8\xa9\x0e\x9d;;\xcb\xddL\xc3\xd6\xe7(\x84\xe0&amp;-\xe5\xe1i\xd3G^\xd6\xd7\xd0\xf5\xf0\xe1\x9a\x94\xd2\xa2\xc2}\xf7\xdez]\xe3f-\xba\xf5\xea{\xea\xe9g\xd4o\xd0(5-M\x02\xf8\xbc\x9e\xc2}\xbb7\xad]\xb5\xec\xe7\x1f\x0e\xec\xdf\x0b\x00\xe1\xd6_}\x8e\x9a\xb5ls\xefcS\xbd^?\x9e\xc8\x16qX\x00"/|\xf9\x1e\x8c\x10R\xfb\x85H\x7f\xa7\x9e\x004M\xc3a\x80Z\xa2\x94VUV=\xf8\xd4\x8bng\xc5\x97\x9f\xccU\x07Q\x85o*97V\xafX\xbaz\xc5\xd2C~\x04j\xb6\x80\xa6\x94\x12B\x0c]\x1fv\xddM\xe3n\xbf\xc7\xe5\xac\xc4\xd6\xbf6(e\x1e\x8f\xa7s\xf7\x1eO\xbd\xfc\xe6\xdd7\x8dR\xfb\xb3r\x83\x8b\xea\xf3\x8e\xc8\x9e\x9d\xdb\xf7\xec\xdc~\xd8\x1fgL\xaa\xd3\x98\tQ\xf7\xfe\xf9\r\x1b\xbf\xfa\xee\xa7\xb6L\x87\xcf\xeb\xc5\xdb\xff\x88\xc3\x02\x10y\xaa\xdf\xf3\xef7\xe9\xe1\xf3\xaf\x8f\x83*\x00\xd8\xfa\x1f\x03B\xa4\x94\xc1`p\xea\xebog\xe5\xd6S\x8f_\x8ciR\n^\xdd\x18\xd1\x9a-\xcb\x00\xa4\x14R\xaav\x87R\xa66\x04\x05\x80\xb1\xb7\xdf3\xe9\xe1\xa7\xbd\x9e*|\xe4\xaa=\xc6\x98\xcb\xe9\xber\xd8\xc8\xd4\xd4\xb4G\xee\xbaI\xed\x0c\xa1\x92\xaf\xf9hP\x80?\xaff\x02D\xc5+\xa4\x90B\x10B)%\x9c\x1b\x86at\xe9q\xf63\xaf\xccn\xd8\xa4\xa9\xa7\xca\x83\xad\x7f4\xe0#U\x84\xa9fZ\xcd\xd8\x89 \xb5\x1f\x16\x16\x80c\xa2\xe6\xdd\x06\x03\x81\x87\x9fy\xf1_o\xfd\xb7Y\xcb6\x9c\x1bB\x08P\xcd\x90\x1a\x8bQ\xe3\xc0@\xd4\xc1\x90RJ!8\xe7F\x8b\xd6m_}\xe7\xd3{\x1f\x9d\xea\xf5z\xa5\x04,\x00\xc7\x841\xe6r\xba.\xbc\xec\xca\xff~\xfb\xcb\x95\xc3\xaf5\x9b\xcd*y)e\xf56}jI\xa4*\xc2\x04\x80T\x7f9\x9c\x7f\xbd\xfa\xf9wO\x99\xf6\xd6\xc7\x05\xf9\r\x1bc\xeb\x1f=\xf8\x04\x10IRJ\xcdd\xb2e\xda\xff\xb1\x17\xe8D`\x17\xd0\xf1Q\xb9\xb9\x9c\xee\xfeW\x0e\xe9\xd1\xe7\x82\xaf&gt;\x9e\xfb\xc5G\xef\xad_\xbd\xe2p\xe7\x8c\x9b\xcc\xe63:u\xbbl\xf0\x88K\x07\x0e\xb5;\x1c8\xeax\xdc\x18\xd3\xdc.w\xfd\x06\x8d\xa6\xbd6\xe7\xda\x1bo\xff\xfa\x7f\xff\xfdq\xfe\xbc\x1d\xdb6\x1b\xba\x0e\x87\xffd\xa4\xa4\xa6\x9e\xde\xa1\xcb\x85\x03\xae\xbc\xe4\x8a!\r\x1a6\xa8t{t]\xc7\xb7 z\xb0\x00D\x0ce\xcc\xef\xf3u\xe8\xd4\xed\xeb\x9f\xd7E\xe9\x7f\x91\x9an\x0b\x06p(\xec\xd8\xa8\xded\xb7\xcbm\xb1X\xaf\xbdi\xfcU\xd7\x8c\xdd\xfe\xc7\xc6\rk~\xdf\xf6\xc7\x86\x92\xa2\x03~\x9f\x8f2\x9an\xcb\xa8W\xbfA\xcb6\xa7\xb5m\xd7\xb1Y\xab6\xd6\x14\xb3\xa7\xd2\xebva\xeb\x7fB\x18c\xa1P \x10\xf0\xb7&gt;\xad}\xfb3\xcf\xbcu\xd2\xc3{vn\xdf\xf6\xc7\xc6];\xb6\x96\x16\x1dp\xbb*\x82\x81\x80\x94\xd2b\xb5\xda\x1d\xd9y\rNi\xde\xea\xd4\xd6m\xdb5j\xda\xdcj5y=\x01g\x85\x8b1\x86W{Ta\x01\x88$\xf5\x04\xe0\xc8\xce\x89\xd2\xa6\xc1\xb8\x16\xec\xb8\xa9)\x89\xce\n\x17\xa5\xac\xf5i\xed\xdbu&lt;\x93R\xe0\xbcz\xb3OJ\x81R\x10\x02\x82A#\x18\xf0\x07\xfc&gt;J\x19\xb6\xfe\'\x8e\x10\xca\x18\xf8}&gt;\x9fW0\xa6\xb5lsZ\xdb\xf6g0\x06R\x82\x10\xd5\xe1\x13\x02\x94\x02!\xc09\x04\x83\xa1` \xe0\xf7y)e\xb8QJ\x1d\xc0\x88#LJ\xa9\xeb\xd1Z\xac\x88=\xd1\'\x82\x10\xa2\xda\x14\xbf\xcf\xe7\xf3\xaa%`\x07\xadE\x92\x12T\x974\xa5\xd8\xf4D\x16\xa5T\r7\xfa\xfd&gt;\x9f\xafz\xf1\xdd\xa1\x0b\xc1$\x80\x1a\x16 \x98\x7f\xdd\xc1\xa0#\x0f\x9b\xe9\x93\x1c\xf6*\xc4\n&amp;\x7f\xb2\xc1\xf7\x03!\x84\x92\x14\x16\x00\x84\x10JRX\x00\x10B(Ia\x01@\x08\xa1$\x85\x05\x00!\x84\x92\x14\x16\x00\x84\x10JRX\x00\x10B(Ia\x01@\x08\xa1$\x85\x05\x00!\x84\x92\x14\x16\x00\x84\x10JR\tR\x00p\xf7\x85:vH\xe0\x98\x7f\x1d\xc3\xfcc+a\x02\x8f\xef\x02\x10&gt;\xe4O\xd7C\xb8Kf]\xd2\xf5\x10`\xfe\xb1\x83\xf9\xc7\x96\xca\x1f\x00"{\xecG\xdd\x8b\xd7\x02\xa0\x0e\xfa\xc8\xc8\xc8h\xd5\xaa%\x00l^\xbfF7p\xab\xa9\xba \xa44\x99`\xf3\xfa5\x00\x90\x97\x97\xd7\xa2%\xe6_\xa70\xff\xd8R\xf9\xff\xb1~-\x00ddd\xb6j\xd5\n\xe2\xf9\x81 \x8e\xaf\x18uBVNN\x0e\x00\xb8\\\x15\xa1@0~\xdf\x86\xf8"$\x94\x97\x95\x00\x80\xcdf\xcb\xcb\xcb\x03\xcc\xbfna\xfe\xb1\x15\xce?--\xd5\xe1p\x00\x16\x80\x98P\x0f_g\x9c\xd1\x01\x00\xf6\xec\xd8VV|\xc0l6\xe3y)\xd1F)\r\x06\xb8\xba\x03m\xd7\xae\xddE\x17^\x08\x00{wn\xc7\xfc\xeb\x06\xe6\x1f[*\xffM\xebW\x03@\xabV\xad\xd2\xd2\xd2\x84\x10X\x00b@\x85\xde\xa5Kg\x00\xa8\xaato\xdf\xba\xd9l1\xcb8\xef\x92;\xc9I)\xcdfsyI\xd1\xae\xed[\x00\xa0]\xfb\xf6\xbd{\xf7\x06\xcc\xbf\xae`\xfe\xb1uH\xfe\x1d;v\x8c\xf8\xe9\xdfu,\x8e\x0b\x80\xea\xf1\xec\xd1\xa3GVV\x96\x10b\xc9\x0f\x0b4\x8d\x08\xbc\x03\x8a&amp;)\x845\xc5\xb2z\xc5\xd2\x8a\xb2RJ\xe9\xd9\xbd{w\xeb\xd6\xcdn\xb7c\xfeu\x03\xf3\x8f\xadC\xf2\xbf\xf0\xc2\x0b!\x9e\xfb\x7f \xae\x0b\x00!D\x08\x91\x9f\x9f\xdf\xa1C\x07B\xc8\x8f\x0b\xbe\xaet\xfb4\r\xcf8\x8b"!%cd\xe1\xbc\xcf\xa5\x94v\xbb\xbds\xe7\xce\xa9\xa9\xa9\x1d;v\xc4\xfc\xeb\x06\xe6\x1f[\x87\xe4\xdf\xabW/\x88\xf3c\xce\xe2\xf8\xa5C\xcd0\xc0\xd0\xa1\xc3\xa4\x94\xbb\xb6o]\xbedQZz\x1a\xe7&lt;\xd6\xaf+1I)\xadV\xeb\xde\xdd\xfb~^T\x00\x00\x17]t\xb1\x1a\x01\x1b6\x0c\xf3\xaf\x0b\x98\x7fl\xfd=\xff\xcc\xccL\xce9&gt;\x01\xc4\x0cc\x0c\x00\x06\x0f\x1e\x94\x97\x97\'\xa5|c\xfa\xb3q= s\x92\xe3\x9c\xa7\xd9\xac\xef\xbf\xf5Zyi\tcl\xdc\xb8\xb1j2\xee\xe0\xc1\x831\xff:\x80\xf9\xc7\xd6?\xe6\x1f\xeb\x17u\xa2\xe2\xbb\x00\x10B\x0c\xc3\xc8\xce\xce\x1e9r\xa4\x94\xf2\xb7_~\xfai\xe1\xfc\x8c\x0c\x1b\xde\x04E\x9c\x94\xd2b\xb5\xee\xdf\xbd\xff\xbf\xef\xcc"\x84\x9cy\xe6\x99}\xfb\xf6\x15Bp\xce1\xff:\x80\xf9\xc7\xd6\xe1\xf2W\xf7\xa0\xf1+\xbe\x0b\x00\x00PJ\xa5\x94\xe3\xc6\x8d\xb3\xdb\xed\x000\xf3\xa5\xa79\xde\x04E\x017\x8c\x8c\x0c\xeb\xdb3\xfe\xe5,/\x03\x80\xbb\xef\xbe\x1b\x00\xa4\x94\x98\x7f\xdd\xc0\xfcc\xebp\xf9\xc7\xfau\x9d\xa8D(\x00B\x88\xd6\xad[O\x9c8QJ\xb9b\xe9\xe29\xaf\xff+;\'C\xd7\xf5X\xbf\xb4\xc4\xc1\r#\xd3\x9e\xb9t\xf1/\xef\xccz\x19\x00\xce9\xa7\xcf\x90!C\</t>
        </is>
      </c>
    </row>
    <row r="297">
      <c r="A297" s="1" t="n">
        <v>295</v>
      </c>
      <c r="B297" t="inlineStr">
        <is>
          <t>color_overlap_squares</t>
        </is>
      </c>
      <c r="C297" t="inlineStr">
        <is>
          <t>What is the missing color of the part denoted with a question mark?</t>
        </is>
      </c>
      <c r="D297" t="inlineStr">
        <is>
          <t>['blue', 'red', 'yellow', 'purple']</t>
        </is>
      </c>
      <c r="E297" t="inlineStr">
        <is>
          <t>yellow</t>
        </is>
      </c>
      <c r="F297" t="inlineStr">
        <is>
          <t>There are 3 squares which overlap each other in the image. The color of the squares are ['?', 'blue', 'red']. The part where the first and second squares overlap is green. The part where the second and third squares overlap is purple.</t>
        </is>
      </c>
      <c r="G297" t="inlineStr">
        <is>
          <t>We observe that the blue and red squares overlap to form purple. Hence, the pattern is that the color of the part where two squares overlap is determined by mixing the two colors.</t>
        </is>
      </c>
      <c r="H297" t="inlineStr">
        <is>
          <t>Based on the pattern that the color of the part where two squares overlap is determined by mixing the two colors, the missing color of the part which overlaps with blue to form green should be yellow.</t>
        </is>
      </c>
      <c r="I297" t="inlineStr">
        <is>
          <t>b'\x89PNG\r\n\x1a\n\x00\x00\x00\rIHDR\x00\x00\x02\x00\x00\x00\x02\x00\x08\x02\x00\x00\x00{\x1aC\xad\x00\x00 \xdfIDATx\x9c\xed\xdd}\x90]e\x81\xe7\xf1\xe79\xe7\xbet\xdf\xee\xa4\x13bp\xd6JQ,:b\xcd\xc2\x02e\x02\x8a\x1a\xa8JR\x11GK\xb6\x1ctwMe\x1c5/\x0b!n\x8d%\x08Z[\xc5\xaa`\x95\xffHV^\x12\n\x0b\x02\xcc"\x8e\xe5\x96\xbb\x85R\x03V\x11u!&amp;\xbc\x89\x8aQF\x19Fp\xdb@:\x9d\xee\xce\xed{\xef9\xe7\xd9?\x1eh\x9aN\xa7s\xfb\xde\xe7\x9c\xf3\xbc|?EQ\xb1+T\x8e\x9d\xee\xdf\xf7\x9e{N\xdf+\x95R\x02\x00\x10\x9e\xa8\xec\x03\x00\x00\x94\x83\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80\xd7\xa4i\xaa\x94*\xfb(P\x1c\xc9\xdf7\x00!\x84RJJ9\xfb\x17\xf0\x1eg\x00@\xe8\x94Rz\xf4o\xbc\xf1\xc6\xd1\xd1Q)e\x96ee\x1f\x14\x8a@\x00\x80\xa0)\xa5\xb2,\x93Rn\xdf\xbe\xfdK_\xfa\xd2G?\xfa\xd1\xb1\xb1\xb1(\x8ah@\x08\x08\x00\x10.\xbd\xfeq\x1co\xdd\xbau\xf7\xee\xdd\x8d\xc1\xc1\xfd\xfb\xf7o\xdc\xb8\x91\x06\x04\x82\x00\x00\x81\x9a\xbd\xfew\xdcqG\xbdZ=\xdelV*\x95\x03\x07\x0e\xd0\x80@\x10\x00 Ds\xd7\xbfVku:\xefy\xdb\xdb\xd2$\xa1\x01\xe1 \x00@p\xe6\xac\xff`\xbd\xdej\xb7?~\xf6\xd9\x0f_q\xc5\xd7\xd7\xaeM\x92\xa4^\xad\xd2\x80\x10\x10\x00 ,\'\xae\x7f\xb3\xd5\xfa\x8f\xefz\xd7\xad\x1b6\xfc\xf9\xf8\xf1\xed\xe7\x9f\xff\xf5\xb5k[\x9d\x0e\r\x08\x01\x01\x00\x02r\xb2\xf5\xff\xd6\xfa\xf5\x93\xed\xb6\x10\xe2\xf0\xf1\xe3W\xd2\x80`\x10\x00 \x14\x0b\xaf\x7f\xa6T$e%\x8a\xfeL\x03\x82A\x00\x80 t\xb3\xfe\xfaw\xd2\x80p\x10\x00\xc0\x7f\xdd\xaf\xbfF\x03\x02A\x00\x00\xcf-v\xfd5\x1a\x10\x02\x02\x00\xf8\xac\xb7\xf5\xd7h\x80\xf7\x08\x00\xe0\xad~\xd6_\xa3\x01~#\x00\x80\x9f\xfa_\x7f\x8d\x06x\x8c\x00\x00\x1e2\xb5\xfe\x1a\r\xf0\x15\x01\x00|cv\xfd5\x1a\xe0%\x02\x00x%\x8f\xf5\xd7h\x80\x7f\x08\x00\xe0\x8f\xfc\xd6_\xa3\x01\x9e!\x00\x80\'\xf2^\x7f\x8d\x06\xf8\x84\x00\x00&gt;(f\xfd5\x1a\xe0\r\x02\x008\xaf\xc8\xf5\xd7h\x80\x1f\x08\x00\xe0\xb6\xe2\xd7_\xa3\x01\x1e \x00\x80\xc3\xcaZ\x7f\x8d\x06\xb8\x8e\x00\x00\xae*w\xfd5\x1a\xe04\x02\x008\xc9\x86\xf5\xd7h\x80\xbb\x08\x00\xe0\x1e{\xd6_\xa3\x01\x8e"\x00\x80cl[\x7f\x8d\x06\xb8\x88\x00\x00.\xb1s\xfd5\x1a\xe0\x1c\x02\x008\xc3\xe6\xf5\xd7h\x80[\x08\x00\xe0\x06\xfb\xd7_\xa3\x01\x0e!\x00\x80\x03\\Y\x7f\x8d\x06\xb8\x82\x00\x00\xb6sk\xfd5\x1a\xe0\x04\x02\x00X\xcd\xc5\xf5\xd7h\x80\xfd\x08\x00`/w\xd7_\xa3\x01\x96#\x00\x80\xa5\\_\x7f\x8d\x06\xd8\x8c\x00\x006\xf2c\xfd5\x1a`-\x02\x00X\xc7\xa7\xf5\xd7h\x80\x9d\x08\x00`\x17\xff\xd6_\xa3\x01\x16"\x00\x80E|]\x7f\x8d\x06\xd8\x86\x00\x00\xb6\xf0{\xfd5\x1a`\x15\x02\x00X!\x84\xf5\xd7h\x80=\x08\x00P\xbep\xd6_\xa3\x01\x96 \x00@\xc9B[\x7f\x8d\x06\xd8\x80\x00\x00e\ns\xfd5\x1aP:\x02\x00\x94&amp;\xe4\xf5\xd7h@\xb9\x08\x00P\x0e\xd6_\xa3\x01%"\x00@\tX\xff\xd9h@Y\x08\x00P4\xd6\xffD4\xa0\x14\x04\x00(\x14\xeb\x7f24\xa0x\x04\x00(\x0e\xeb\xbf0\x1aP0\x02\x00\x14\x84\xf5\xef\x06\r(\x12\x01\x00\x8a\xc0\xfaw\x8f\x06\x14\x86\x00\x00\xb9c\xfd\x17\x8b\x06\x14\x83\x00\x00\xf9b\xfd{C\x03\n@\x00\x80\x1c\xb1\xfe\xfd\xa0\x01y#\x00@^X\xff\xfe\xd1\x80\\\x11\x00 \x17\xac\xbf)4 ?\x04\x000\x8f\xf57\x8b\x06\xe4\x84\x00\x00\x86\xb1\xfey\xa0\x01y \x00\x80I\xac\x7f~h\x80q\x04\x000\x86\xf5\xcf\x1b\r0\x8b\x00\x00f\xb0\xfe\xc5\xa0\x01\x06\x11\x00\xc0\x00\xd6\xbfH4\xc0\x14\x02\x00\xf4\x8b\xf5/\x1e\r0\x82\x00\x00}a\xfd\xcbB\x03\xfaG\x00\x80\xde\xb1\xfe\xe5\xa2\x01}"\x00@\x8fX\x7f\x1b\xd0\x80~\x10\x00\xa0\x17\xac\xbf=h@\xcf\x08\x00\xb0h\xac\xbfmh@o\x08\x00\xb08\xac\xbf\x9dh@\x0f\x08\x00\xb0\x08\xac\xbf\xcdh\xc0b\x11\x00\xa0[\xac\xbf\xfdh\xc0\xa2\x10\x00\xa0+\xac\xbf+h@\xf7\x08\x00pj\xac\xbf[h@\x97\x08\x00p\n\xac\xbf\x8bh@7\x08\x00\xb0\x10\xd6\xdf]4\xe0\x94\x08\x00pR\xac\xbf\xebh\xc0\xc2\x08\x000?\xd6\xdf\x0f4`\x01\x04\x00\x98\x07\xeb\xef\x13\x1ap2\x04\x00\x98\x8b\xf5\xf7\x0f\r\x98\x17\x01\x00\xde\x84\xf5\xf7\x15\r8\x11\x01\x00\xde\xc0\xfa\xfb\x8d\x06\xccA\x00\x80\xd7\xb0\xfe!\xa0\x01\xb3\x11\x00@\x08\xd6?$4`\x06\x01\x00X\xff\xe0\xd0\x00\x8d\x00 t\xac\x7f\x98h\x80 \x00\x08\x1c\xeb\x1f2\x1a@\x00\x10.\xd6\x1f\x817\x80\x00 P\xac?\xb4\x90\x1b@\x00\x10"\xd6\x1f\xb3\x05\xdb\x00\x02\x80\xe0\xb0\xfe8Q\x98\r \x00\x08\x0b\xeb\x8f\x93\t\xb0\x01\x04\x00\x01a\xfd\xb1\xb0\xd0\x1a@\x00\x10\n\xd6\x1f\xdd\x08\xaa\x01\x04\x00A`\xfd\xd1\xbdp\x1a@\x00\xe0?\xd6\x1f\x8b\x15H\x03\x08\x00&lt;\xc7\xfa\xa37!4\x80\x00\xc0g\xac?\xfa\xe1}\x03\x08\x00\xbc\xc5\xfa\xa3\x7f~7\x80\x00\xc0O\xac?L\xf1\xb8\x01\x04\x00\x1eb\xfda\x96\xaf\r \x00\xf0\r\xeb\x8f&lt;x\xd9\x00\x02\x00\xaf\xb0\xfe\xc8\x8f\x7f\r \x00\xf0\x07\xeb\x8f\xbcy\xd6\x00\x02\x00O\xb0\xfe(\x86O\r \x00\xf0\x01\xeb\x8f"y\xd3\x00\x02\x00\xe7\xb1\xfe(\x9e\x1f\r \x00p\x1b\xeb\x8f\xb2x\xd0\x00\x02\x00\x87\xb1\xfe(\x97\xeb\r \x00p\x15\xeb\x0f\x1b8\xdd\x00\x02\x00\'\xb1\xfe\xb0\x87\xbb\r \x00p\x0f\xeb\x0f\xdb8\xda\x00\x02\x00\xc7\xb0\xfe\xb0\x93\x8b\r \x00p\t\xeb\x0f\x9b9\xd7\x00\x02\x00g\xb0\xfe\xb0\x9f[\r \x00p\x03\xeb\x0fW8\xd4\x00\x02\x00\x07\xb0\xfep\x8b+\r \x00\xb0\x1d\xeb\x0f\x179\xd1\x00\x02\x00\xab\xb1\xfep\x97\xfd\r \x00\xb0\x17\xeb\x0f\xd7Y\xde\x00\x02\x00K\xb1\xfe\xf0\x83\xcd\r \x00\xb0\x11\xeb\x0f\x9fX\xdb\x00\x02\x00\xeb\xb0\xfe\xf0\x8f\x9d\r \x00\xb0\x0b\xeb\x0f_Y\xd8\x00\x02\x00\x8b\xb0\xfe\xf0\x9bm\r\x90J\xa9\x82\xffH\x94\xa8\xf4\xbb\x0e\x16\xa0\x94\x92RFQ\xa4\xd7\xbfV\xab\xb5\xdb\xed\x8f\x9f}6\xeb_$&gt;\xc9\x05H\xb2\xec\xf4F\xe3\xb6\xa7\x9f\xbev\xdf\xbeJ\xa5\x92$\xc9\x9a5k\x1ez\xe8\xa1\xe5\xcb\x97\xeb\xef\x82\xc2\x8e\x84\x00\xc0.z\xfd\xeb\xb5Z\xa7\xd3\xf9\xbbs\xce\xf9\x1f\xeb\xd6Mv:\x05\x7fW\x04+\xcb\xb2\xe94-\xfb(\x82\x90d\xd9\xcaF\xe3\xb6\xa7\x9f\xfe\xef\x8f=\x96\x08\xd1\xeet\xde\xf3\x9e\xf7|\xe7;\xdfY\xb5j\x95\x94\xb2\xb0\xafv\x02\x10\n\xbd\xa1\x9f\xff\xfc\xe7\x9fz\xea\xa98\x8eS\xfb\xbe\xcf\xa5\x94\xe3\xe3\xe3O&lt;\xf1\x84&gt;\xbcX\xca\xf7\xbe\xedmJ\x88T\xa9H\x08\xbeLs\x15K\x99*\xf5\xefV\xac\xf8\xca\x07&gt;0\xdd\xe9\x90\xdb\xbceJ\t!No46|\xf7\xbb\x8f\xbd\xfcrcp\xf0x\xb3\xf9\x95\xaf|\xe5\xcb_\xfer\x9a\xa6q\x1c\x17s\x18\x95b\xfe\x18\x94N\x07\xe0g?\xfb\xd9\xfe\xfd\xfb\xcb&gt;\x96\x85T\xaa\xb5,\xcb\xa28N\xd3\xf4\xa7/\xbdT\xf6\xe1\x84\xa5\x99$\x15)\x95\x10\xcc\x7f\xae\xf4\xf3\x99\xc3\xb5\xda\xa7\x7f\xf4\xa3\xc7^~\xb9^\xab\x1do6\xb7m\xdbv\xddu\xd7\xe9k`\x85\x1d\t\x01\x08\xcb\xf0\xf0p\x1c\xc7q\x1c\xb7\xdb\xed\xb2\x8fe~Ig\xe6\xc0d$_[\xa2\x94\xf3\xd4\x9c\xd5\xa2(Uj\xa8Z\xe5\x13\x9d\xb7\x99\xf5\xdf\xf1\xf0\xc3\x0f\x1c:T\xaf\xd5Z\xed\xf6\x96-[n\xbf\xfd\xf6\xe2\x9f\x8f!\x00a\xc9\xb2,MS\xa5\xd4\xaa\xbf\xba\xe8\xcc\x0b.\xedLOIi\xd7\x9d`J\xa9\xa8Ri\x8e\x1fy\xfaGw+!\x95\x90R\xca\x0f\xac\xf9\x0f#KV\xb6Z\xc7\xa3(\x16\x82G\xa8\xc6(\x95\xd5k\x83\xcf=\xff\xf8\xef_|:S*#\xb49\x9b\xbd\xfe\xf7\xff\xe67\xfa&gt;\xb7-[\xb6\xec\xd9\xb3\'M\xd3(\x8a\n~\xf2\x8d\x00\x84(\xcb\xb23\xcf\xbfd\xfd\xf6\xafO\x1d\x19\x8d*\xd5\xb2\x0f\xe7\xcd\x94\x12J\xc5\xb5\x81\xb7\x9cq\xf6\xc3{\xae\x8f\xe38\xcb\xb2\xc3\xaf\xfe\xeb\'\xfe\xfa\xda\xc1\x81%\xadv3\x8ec.\x08\x98\x92e\xc9\xd2\xe1\xb7\xfc\xcf\xffs\xd3\xf3\xff\xf2T\xd9\xc7\xe2?\xdb\xd6_\x10\x80`uZ\xc7\xa7\xc6\xfe||\xfc\x95(\xb6\xf2k@\xa9\xd5\x97o\x17B&lt;\xbc\xe7\xfa8\xae\xfc\xe6\x9f\xf7\xdfx\xeb\x7f\xba\xfaoo\x19\x1cX\xd2\x9aj\xc6QqO\x92\xfa-\xcbR%D\xbb\xdd,\xfb@\xfcg\xe1\xfa\x0b\x02\x10,)\xa3(\xae\xe8\x7f\xca&gt;\x96\xf9M\x8d\xfdy\xa6\x01\x95J\xed\xe5\xd1\xe7o\xbdg\xe7\x8e\xbf\xbdep`I\xbb\xdd\x8ch\x80!qT\xb1\xedi@\xff\xd8\xb9\xfe\x82\x9f\x04\x86\xb5\xa2\xb8\xa2\x1b\xb0~\xeb\x8dI\xd2\xaeTj\xff\xfa\xa7C\xdf\xba\xfb\xaa\xe6\xf4D\xad6\x98e\xd6\xdd\xc6\n\xcc\xcb\xda\xf5\x17\x04\x006\xa3\x01p\x9d\xcd\xeb/\x08\x00,G\x03\xe0.\xcb\xd7_\x10\x00\xd8\x8f\x06\xc0E\xf6\xaf\xbf \x00p\x02\r\x80[\x9cX\x7fA\x00\xe0\n\x1a\x00W\xb8\xb2\xfe\x82\x00\xc0!4\x00\xf6sh\xfd\x05\x01\x80[h\x00l\xe6\xd6\xfa\x0b\x02\x00\xe7\xd0\x00\xd8\xc9\xb9\xf5\x17\x04\x00.\xa2\x01\xb0\x8d\x8b\xeb/\x08\x00\x1cE\x03`\x0fG\xd7_\x10\x00\xb8\x8b\x06\xc0\x06\xee\xae\xbf \x00p\x1a\r@\xb9\x9c^\x7fA\x00\xe0:\x1a\x80\xb2\xb8\xbe\xfe\x82\x00\xc0\x034\x00\xc5\xf3`\xfd\x05\x01\x80\x1fh\x00\x8a\xe4\xc7\xfa\x0b\x02\x00o\xd0\x00\x14\xc3\x9b\xf5\x17\x04\x00&gt;\xa1\x01\xc8\x9bO\xeb/\x08\x00&lt;C\x03\x90\x1f\xcf\xd6_\x10\x00\xf8\x87\x06 \x0f\xfe\xad\xbf \x00\xf0\x12\r\x80Y^\xae\xbf \x00\xf0\x15\r\x80)\xbe\xae\xbf \x00\xf0\x18\r@\xff&lt;^\x7fA\x00\xe07\x1a\x80~\xf8\xbd\xfe\x82\x00\xc0{4\x00\xbd\xf1~\xfd\x05\x01@\x08h\x00\x16+\x84\xf5\x17\x04\x00\x81\xa0\x01\xe8^ \xeb/\x08\x00\xc2A\x03\xd0\x8dp\xd6_\x10\x00\x04\x85\x06`aA\xad\xbf \x00\x08\r\r\xc0\xc9\x84\xb6\xfe\x82\x00 @4\x00\'\np\xfd\x05\x01@\x98h\x00f\x0bs\xfd\x05\x01@\xb0h\x00\xb4`\xd7_\x10\x00\x84\x8c\x06 \xe4\xf5\x17\x04\x00\x81\xa3\x01!\x0b|\xfd\x05\x01\x00h@\x98X\x7fA\x00\x00A\x03\xc2\xc3\xfak\x04\x00\x10\x82\x06\x84\x84\xf5\x9fA\x00\x80\xd7\xd0\x80\x10\xb0\xfe\xb3\x11\x00\xe0\r4\xc0o\xac\xff\x1c\x04\x00x\x13\x1a\xe0+\xd6\xffD\x04\x00\x98\x8b\x06\xf8\x87\xf5\x9f\x17\x01\x00\xe6A\x03|\xc2\xfa\x9f\x0c\x01\x00\xe6G\x03\xfc\xc0\xfa/\x80\x00\x84E)U\xf6!\xb8\x84\x06\xb8\x8e\xf5_\x18\x01\x08\x85RJ)U\xa9T\xca&gt;\x10\xc7\xd0\x00w\xb1\xfe\xa7D\x00\x82\xa0\x94\x92RJ)\x8f\x1e=Z\xf6\xb1\xb8\x87\x06\xb8\x88\xf5\xef\x06\x01\xf0\x9fR*\xcb\xb2(\x8a\xb6n\xddz\xf0\xe0\xc1J\xb5\xa6?Z\xf6q\xb9\x84\x06\xb8\x85\xf5\xef\x12\x01\xf0\x9c^\xff8\x8e\xb7n\xddz\xc7\x1dw\xc4q\x9ce\x99\x10"\xaaT\xb8\x1e\xb0(4\xc0\x15\xac\x7f\xf7\x08\x80\xcf\xe6\xac\x7f\xadVK\xd3\xd7v\xea\xf8\xf8\xab\x95Z\x9d\x06,\n\r\xb0\x1f\xeb\xbf(\x04\xc0[s\xd6\xbf^\xaf\xb7\xdb\xed(\x8a\xb24\x91Q\xf4\x8b\x7f\xfa\x87\xfd\xff\xb8k\xf8\xb4\xb7fiR\xf6\x91\xba\x84\x06\xd8\x8c\xf5_,\x02\xe0\xa79\xeb?88\xd8j\xb5\xb6o\xdf\xbev\xedZ!D$\xa5\xca\xd2G\xf6|\xe9\xe0\xff\xba}h\xf9\xe94`Qh\x80\x9dX\xff\x1e\x10\x00\x0f\x9d\xb8\xfe\xcdfs\xd3\xa6M\xb7\xddv\xdb\xccs&gt;J\x88\xa8Ryx\xcf\xf54\xa0\x074\xc06\xac\x7fo\x08\x80o\xe6]\xff\xcd\x9b7\xdfy\xe7\x9d\xadV+I\x92\x99\xdf\x97%\t\r\xe8\x19\r\xb0\x07\xeb\xdf3\x02\xe0\x95\x05\xd6\x7fbbB\x08\x11E\x91\x10"M\xd3K?~\xe1\xd9\xab\xffm\x96$\x95j\x95\x06\xf4\x86\x06\xd8\x80\xf5\xef\x07\x01\xf0\xc7\xc2\xeb\x9fe\xd9\xec\xef\x84\x91\x15K\xfe\xfe\xf6\xbf[\xf5\x97\x7f\x91t:4\xa0g4\xa0\\\xac\x7f\x9f\x08\x80\'N\xb9\xfe\xfa\xb1\xff\x8c\xe9\xe3\xed\xc6\xf0\xc0\xe7\xbe\xb5\xf9\x8cw\xfd\x1b\x1a\xd0\x0f\x1aP\x16\xd6\xbf\x7f\x04\xc0\x07\x8b]\x7f!D\x1cG\xad\xe9vc\xc9\xe0\x7f\xbd\xe5S4\xa0O4\xa0x\xac\xbf\x11\x04\xc0y=\xac\xbf\x16\xbd\xd6\x80\x01\x1a\xd0?\x1aP$\xd6\xdf\x14\x02\xe0\xb6\x9e\xd7_\x8b\xe2\xa8\xd5\xa4\x01f\xd0\x80b\xb0\xfe\x06\x11\x00\x87\xf5\xb9\xfe\x1a\r0\x88\x06\xe4\x8d\xf57\x8b\x00\xb8\xca\xc8\xfak4\xc0 \x1a\x90\x1f\xd6\xdf8\x02\xe0$\x83\xeb\xaf\xd1\x00\x83h@\x1eX\xff&lt;\x10\x00\xf7\x18_\x7f\x8d\x06\x18D\x03\xccb\xfdsB\x00\x1c\x93\xd3\xfak4\xc0 \x1a`\n\xeb\x9f\x1f\x02\xe0\x92\\\xd7_\xa3\x01\x06\xd1\x80\xfe\xb1\xfe\xb9"\x00\xce(`\xfd5\x1a`\x10\r\xe8\x07\xeb\x9f7\x02\xe0\x86\xc2\xd6_\xa3\x01\x06\xd1\x80\xde\xb0\xfe\x05 \x00\x0e(x\xfd5\x1a`\x10\rX,\xd6\xbf\x18\x04\xc0v\xa5\xac\xbfF\x03\x0c\xa2\x01\xddc\xfd\x0bC\x00\xacV\xe2\xfak4\xc0 \x1a\xd0\r\xd6\xbfH\x04\xc0^\xa5\xaf\xbfF\x03\x0c\xa2\x01\x0bc\xfd\x0bF\x00,e\xc9\xfak4\xc0 \x1ap2\xac\x7f\xf1\x08\x80\x8d\xacZ\x7f\x8d\x06\x18D\x03N\xc4\xfa\x97\x82\x00X\xc7\xc2\xf5\xd7h\x80A4`6\xd6\xbf,\x04\xc0.\xd6\xae\xbfF\x03\x0c\xa2\x01\x1a\xeb_"\x02`\x11\xcb\xd7_\xa3\x01\x06\xd1\x00\xd6\xbf\\\xe5\x0f\n4\'\xd6_\xa3\x01\x06\x85\xdc\x00\xd6\xbft\xb6lJ\xe0\x1cZ\x7f\x8d\x06\x18\x14f\x03X\x7f\x1b\xd85+arn\xfd5\x1a`Ph\r`\xfd-a\xe3\xb2\x04\xc5\xd1\xf5\xd7h\x80A\xe14\x80\xf5\xb7\x87\xbd\xe3\x12\x02\xa7\xd7_\xa3\x01\x06\x85\xd0\x00\xd6\xdf*\xb6\xef\x8b\xc7&lt;X\x7f\x8d\x06\x18\xe4w\x03X\x7f\xdb\xb811\xfe\xf1f\xfd5\x1a`\x90\xaf\r`\xfd-\xe4\xd2\xcax\xc3\xb3\xf5\xd7h\x80A\xfe5\x80\xf5\xb7\x93{C\xe3:/\xd7_\xa3\x01\x06\xf9\xd4\x00\xd6\xdfZ\xaen\x8d\xa3&lt;^\x7f\x8d\x06\x18\xe4G\x03X\x7f\x9b\xb9=7n\xf1~\xfd5\x1a`\x90\xeb\r`\xfd-\xe7\xc3\xe28!\x90\xf5\xd7h\x80A\xee6\x80\xf5\xb7\x9f?\xa3c\xb3\xa0\xd6_\xa3\x01\x06\xb9\xd8\x00\xd6\xdf\t\xbe\xed\x8e\x85\x02\\\x7f\x8d\x06\x18\xe4V\x03X\x7fW\xf89=\xf6\x08v\xfd5\x1a`\x90+\r`\xfd\x1d\xe2\xf3\xfa\x94.\xf0\xf5\xd7h\x80A\xf67\x80\xf5w\x8b\xff\x03T\x16\xd6\x7f\x06\r0\xc8\xe6\x06\xb0\xfe\xce\te\x83\n\xc6\xfa\xcfA\x03\x0c\xb2\xb3\x01\xac\xbf\x8b\xc2\x9a\xa1b\xb0\xfe\xf3\xa2\x01\x06\xd9\xd6\x00\xd6\xdfQ!.Q\xaeX\xff\x05\xd0\x00\x83\xeci\x00\xeb\xef\xaep\xc7(\x0f\xac\xff)\xd1\x00\x83lh\x00\xeb\xef\xb4\xd0\xf7\xc8 \xd6\xbfK4\xc0\xa0r\x1b\xc0\xfa\xbb\x8eI2\x83\xf5_\x14\x1a`PY\r`\xfd=\xc0*\x19\xc0\xfa\xf7\x80\x06\x18T|\x03X\x7f?0L\xfdb\xfd{F\x03\x0c*\xb2\x01\xac\xbf7\xd8\xa6\xbe\xb0\xfe}\xa2\x01\x06\x15\xd3\x00\xd6\xdf\'\xccS\xefX\x7f#h\x80Ay7\x80\xf5\xf7\x0c\x0b\xd5#\xd6\xdf \x1a`P~\r`\xfd\xfd\xc3H\xf5\x82\xf57\x8e\x06\x18\x94G\x03X\x7f/\xb1S\x8b\xc6\xfa\xe7\x84\x06\x18d\xb6\x01\xac\xbf\xaf\x98\xaa\xc5a\xfdsE\x03\x0c2\xd5\x00\xd6\xdfc\xac\xd5"\xb0\xfe\x05\xa0\x01\x06\xf5\xdf\x00\xd6\xdfo\x0cV\xb7X\xff\xc2\xd0\x00\x83\xfai\x00\xeb\xef=6\xab+\xac\x7f\xc1h\x80A\x0b6`\xe0d\r`\xfdC\xc0l\x9d\x1a\xeb_\n\x1a`\xd0\xc9\x1ap\xbc9\x7f\x03X\xff@\xb0\\\xa7\xc0\xfa\x97\x88\x06\x184o\x03n\xb9\xe7\xea\xe6\xf4d\xbd\xde\x98\xfd;Y\xffp0^\x0ba\xfdKG\x03\x0c:\xb1\x01/\xfd\xbf\xdf\xed\xba\xeb\xbf\x1c\x9bxe\xe6\xf7\xb0\xfeAa\xbfN\x8a\xf5\xb7\x04\r0hN\x03\xa2\xb8\xf2\xdb?\x1c\xdc\xf7\xf3\xef\xc6R\n!\x94R\x91\x10\xac\x7f8\x98\xb0\xf9\xb1\xfeV\xa1\x01\x06\xcdn@\x96&amp;Q\\\x11\xaf\xcfz\x1cE\xac\x7fPX\xb1y\xb0\xfe\x16\xa2\x01\x06\xcdi\x80\x14B\x08)\x84\x90R\xeex\xe4\x91\x07\x0e\x1db\xfd\x03\xc1\x90\xcd\xc5\xfa[\x8b\x06\x184\xd3\x80u[\xbf&amp;\xa38\x93B\x08\xf1\x7f_z\xe9\xdb\xcf&gt;[\xabVY\xff@\xb0eo\xc2\xfa[\x8e\x06\x18\x14\xc5\x95\xc9#\xa3\x17\xfd\xcd\xce\x7f\xbf\xe1?\xab,\x8b\xe2J\xa6T\xadZmw:\xac\x7f \x98\xb37\xb0\xfeN\xa0\x01\x06I)\x93v\xab1\xb2B\xff\xcf8\x8eY\xff\xa0\xb0h\xafa\xfd\x1dB\x03\x0c\x92RfI"\x84\x88\xa2(MS\xd6?(\x8c\x9a\x10\xac\xbf\x83h\x80IR\n!\x92N{\xf5\xea\xd5{\xf6\xec\xd1_\xf0\xac\x7f\x08\xd85\xd6\xdfU4\xc0\xb8e\xcb\x96)\xa5\x94R\xac\x7f B\x9f6\xd6\xdfi4\xc0\xac$I\xa4\x94\xac\x7f8\x82^7\xd6\xdf\x034\xc0 \xa6?4\xe1\x0e\x1c\xeb\xef\r\x1a\x00\xf4&amp;\xd0\x8dc\xfd=C\x03\x80\x1e\x848s\xac\xbf\x97h\x00\xb0X\xc1-\x1d\xeb\xef1\x1a\x00,JXc\xc7\xfa{\x8f\x06\x00\xdd\x0bh\xefX\xff@\xd0\x00\xa0K\xa1L\x1e\xeb\x1f\x14\x1a\x00t#\x88\xd5c\xfd\x03D\x03\x80S\xf2\x7f\xf8X\xff`\xd1\x00`a\x9eo\x1f\xeb\x1f8\x1a\x00,\xc0\xe7\xf9c\xfd!h\x00pr\xde. \xeb\x8f\x194\x00\x98\x97\x9f#\xc8\xfac\x0e\x1a\x00\x9c\xc8\xc3\x1dd\xfd1/\x1a\x00\xcc\xe1\xdb\x14\xb2\xfeX\x00\r\x00f\xf3j\rY\x7f\x9c\x12\r\x00f\xf83\x88\xac?\xbaD\x03\x00\xcd\x93Md\xfd\xb1(4\x00\x10~\x04\x80\xf5G\x0fh\x00\xe0\xfc2\xb2\xfe\xe8\x19\r@\xe0\xdc\x1eG\xd6\x1f}\xa2\x01\x08\x99\xc3\xfb\xc8\xfa\xc3\x08\x1a\x80`\xb9:\x91\xac?\x0c\xa2\x01\x08\x93\x93+\xc9\xfa\xc38\x1a\x80\x00\xb97\x94\xac?rB\x03\x10\x1a\xc7\xb6\x92\xf5G\xaeh\x00\x82\xe2\xd2\\\xb2\xfe(\x00\r@8\x9cYL\xd6\x1f\x85\xa1\x01\x08\x84\x1b\xa3\xc9\xfa\xa3`4\x00!p`7Y\x7f\x94\x82\x06\xc0{\xb6O\'\xeb\x8f\x12\xd1\x00\xf8\xcd\xea\xf5d\xfdQ:\x1a\x00\x8f\xd9;\xa0\xac?,A\x03\xe0+K7\x94\xf5\x87Uh\x00\xbcd\xe3\x8c\xb2\xfe\xb0\x10\r\x80\x7f\xac[R\xd6\x1f\xd6\xa2\x01\xf0\x8c]c\xca\xfa\xc3r4\x00&gt;\xb1hOY\x7f8\x81\x06\xc0\x1b\xb6L*\xeb\x0f\x87\xd0\x00\xf8\xc1\x8aUe\xfd\xe1\x1c\x1a\x00\x0f\x94?\xac\xac?\x1cE\x03\xe0\xba\x92\xb7\x95\xf5\x87\xd3h\x00\x9cV\xe6\xbc\xb2\xfe\xf0\x00\r\x80\xbbJ[X\xd6\x1f\xde\xa0\x01pT\xa5\x94?\x95\xf5/\x9d\xcaT\x9adY\x9a\x95} \x9e\x90B\x1c\x9f\x9c\xae7jW\xef\xda\xfc\xcd+\xefz\xe9\xf9\xd18\xae&lt;\xbc\xe7z!\xc4\xea\xcb\xb7O\x1d\x19\x15R\x96}\x8c\xf3\xc8\xd2$K\x13\xa5\xf82\x08T\t\x01`\xfdmP\x1f\xac\x8d\xbceXH\x11\xc7|\xb6M\x91Y\x9a-=m\xe8\xbf\xdd\x7f\xd5\xcdW\xdd\xfd\xdc\x81?\xcc4\xe0\xc2\x8f]\x9d\xb6\xa7\x85\x94\xb6e K:C\xcbO\xaf\xd6\x1be\x1f\x08\xcaQt\x00X\x7f\x1bDQ\xf4\xab\xc7\x9f\xbf\xef\xa6\xff\xddjv"\xcb&amp;\xc9]J()d\x9af\x03\x8d\xda\xca3V\xfc\xe6\xe0\x1f2\x95J)\x1f\xdes\xfd+/\x1e\x1a\x1c9-K\x12i\xd9g[\xa9\xac:0\xf4\xc2\xd3\x8fFQ\x94e\x9c\x07\x04\xa7\xd0\x00(\xa5\x84\x103\xeb_\xaf\xd7Y\xff\x82EQ\x14\xc7q\x1c\xc7\xbf{\xea\x85\xdf=\xf5B\xd9\x87\xe3\xb38\x8e\xa5\x94B\x8a4\xcb\x9e\xfe\xd1\xdde\x1f\xce)\xd4j\xb54M\xf9\x06\x0cM\xd1\x01PJ]u\xd5Uz\xfd[\xad\xd6\xa6M\x9bX\xff\xc2H)\'\'\'\xd34M\xd3\xb4\xecc\xf1\xdf\xecOr\x14\xc7B\xc8(\x8a\x92N\xbb\xc4CZ@\xbb\xdd\x16BLNN\x96} (Tq\x01H\xd34\x8e\xe3\xaf~\xf5\xab\xbbw\xefn4\x1a\xc7\x8f\x1f\x7f\xff\xfb\xdf\x7f\xcf=\xf7\xbc\xfa\xea\xabB\x08\xd6?oR\xca$I.\xba\xe8\xa2F\xa3\xc1\xf9~\x01\xb2,\xabT*R\xca\x9f\xfc\xe4\'\xfa\x8b?\xe9\xb4\xdf\xfd\xeew\x8f\x8c\x8c\xe8Sa\xab\xc4q\x9c\xa6\xe9\x05\x17\\ \x84\xb0\xedy*\xe4G\x16\xf6\xb5\xa8\x1f\xfe\xff\xf1\x8f\x7f\xfc\xc4\'&gt;\xf1\xf8\xe3\x8f\xd7j\xb5j\xb5z\xe3\x8d7\xee\xdc\xb9\xf3\xf0\xe1\xc3\x95J9\xf7#\x85f`` \x8e\xe3\xb2\x8f\xc2\x7fY\x96I)\xeb\xf5\xfa\x95W^\xb9{\xf7\xeej\xb5\xdaj\xb5\xb6l\xd9\xb2g\xcf\x9e\xb2\x0f\rxCq\x01\x10B(\xa5\xa4\x94ccc\x1b7n&lt;p\xe0\x80~\xd0q\xf3\xcd7\xd3\x80\xc2\xf0\xc0\xbf\x00\xfa\xf9\xcc%K\x96|\xfa\xd3\x9f\xbe\xef\xbe\xfbj\xb5Z\xbb\xdd\xd6\xeb\x9fe\x99\xfe.(\xfb\x18O\x8as\xf1\xa0\x14\x1a\x00\xf1\xfa\xf7\xc6L\x03\xf4\x95\x00\x1a\x00o\xcc\xac\xffg&gt;\xf3\x99\xbd{\xf7\xea\xfb\xdc\xf4\xfa\xeb\xab\xac6\xaf?BSt\xed\xf5\xb3\xcf\xcb\x97/\x7f\xe8\xa1\x87\xd6\xacY\xd3j\xb5\xea\xf5\xfa\xe7&gt;\xf7\xb9]\xbbv\xad\\\xb92I\xf8\x99I8\x8c\xf5\x87[J8\xdd\xa3\x01\xf0\x12\xeb\x0f\xe7\x94\xf3|\x1f\r\x80gX\x7f\xb8\xa8\xb4\x0b&gt;4\x00\xde`\xfd\xe1\xa82\xaf\xf8\xd3\x00x\x80\xf5\x87\xbbJ\xbe\xe5\x8b\x06\xc0i\xac?\x9cV\xfe=\xbf4\x00\x8eb\xfd\xe1\xba\xf2\x03 h\x00\x1c\xc4\xfa\xc3\x03V\x04@\xd0\x008\x85\xf5\x87\x1fl\t\x80\xa0\x01p\x04\xeb\x0foX\x14\x00A\x03`=\xd6\x1f&gt;\xb1+\x00\x82\x06\xc0b\xac?&lt;c]\x00\x04\r\x80\x95X\x7f\xf8\xc7\xc6\x00\x08\x1a\x00\xcb\xb0\xfe\xf0R\xd1/\x07\xbd(\x1e\xbfv\xf4\x9cO;\xf3a3\xd6\x1f\xbe\xb2:\x00\xc2\xaf\x06dY\xa6\xdf(J\xbf-\xbb\x1e\x0e\xa5T\x96e3\xef\xd3\xcb\x9a\xd8\x86\xf5\x87\xc7l\x0f\x80p\xbf\x01J\xa94M+\x95J\xa3\xd1\xa8\xd5ji\x9aNNNNLL4\x9b\xcdv\xbb]\xadV\x1b\x8d\xc6\xc8\xc8\xc8\xf0\xf0p\x96e\x13\x13\x13\xfa\xfdc\xcb&gt;j\x08\xc1\xfa\xc3w\x0e\x04@\xb8\xdc\x80,\xcb\xea\xf5\xfa\xd0\xd0\xd0\xf8\xf8\xf83\xcf&lt;\xb3o\xdf\xbe\x83\x07\x0f\xfe\xfe\xf7\xbf\x1f\x1d\x1dm6\x9bzD\x1a\x8d\xc6\xaaU\xab\xce;\xef\xbc\x0f}\xe8C\xeb\xd7\xaf\x1f\x1e\x1e\x1e\x1f\x1f\xa7\x01\xa5c\xfd\xe1=7\x02 \xdcl@\x96eCCC/\xbe\xf8\xe2\xfd\xf7\xdf\xff\xbd\xef}\xef\x17\xbf\xf8\xc5)\xff\x93\xf3\xce;\xef\x86\x1bn\xf8\xc8G&gt;266\xc6\xbb\xb3\x96\x88\xf5G\x08\x9c\t\x80p\xad\x01i\x9a\x8e\x8c\x8c\xdc}\xf7\xdd\xd7\\s\xcd\xd8\xd8\x98\xfe`\xb5Z\xd5\xc3\xa1\xaf\x07\x08!\xa4\x94z\xe8\xf5\xc5\x00\xfd\xc1\x9bn\xba\xe9\x0b_\xf8\xc2\xd8\xd8\x18\xe7\x01\xa5`\xfd\x11\x08\x97\x1ec:wo\xa8R\xea\xado}\xeb\xd8\xd8X\xb5Z\xadV\xabq\x1cw:\x9dv\xbb\xddn\xb7\x93$\xd1s\x9f\xa6i\xa7\xd3\xe9t:i\x9a*\xa5\xf4\xf5\xe1\xeb\xae\xbbn\xef\xde\xbd\xcb\x97/\xd7W\x86Q$\xd6\x1f\xe1p\xe9\x0c@s\xe8&lt; \xcb\xb2\x91\x91\x91\x0f~\xf0\x83\x8f&lt;\xf2\x88\xfe\xc8\xe9\xa7\x9f~\xf1\xc5\x17\xaf^\xbd\xfa\xedo\x7f\xfb\xb2e\xcb\xe28\x9e\x9a\x9a\xfa\xedo\x7f\xfb\xe0\x83\x0f&gt;\xfa\xe8\xa3\xfa\xf7DQ\xa4\x94Z\xb1b\xc5\xc1\x83\x07O;\xed\xb4N\xa7\xc3\xe2\x14\x86\xf5GP\xdc\x0b\x80p\xa7\x01i\x9a.[\xb6\xec\x07?\xf8\xc1\xc7&gt;\xf6\xb1K.\xb9d\xd3\xa6M\xeb\xd7\xaf_\xb5jU\xa5RI\xd34\xcb2\xa5T\x14Eq\x1c\'I\xb2w\xef\xde\xab\xaf\xbe\xba\xd5j\xe9\x0f\xa6iz\xd3M7}\xf1\x8b_\xb4\xea\xff\x91\xdfX\x7f\x84\xc6\xc9\x00\x08w\x1a \xa5l\xb7\xdb\xbf\xfe\xf5\xaf/\xbc\xf0\xc2\xc1\xc1\xc1\xc9\xc9I=\xf1zJ\xf4\xcf\x01\xe8\xbf\x82\x95+W~\xe3\x1b\xdf\xb8\xe6\x9ak\xf4\xf3\xfeY\x96]z\xe9\xa5?\xfc\xe1\x0f\'\'\'\xb9\x1a\\\x00\xd6\x1f\x01r5\x00\xc2\xa9\x06\x0c\x0e\x0eNMM\xe9\x1b\xfc\xe7\xdd\x11\xfd\xa8\x7fjj\xea\x82\x0b.8|\xf8p\x1c\xc7i\x9a\x9ey\xe6\x99\x8f?\xfe\xf8\xc0\xc0@\x9a\xa6\xacO\xaeX\x7f\x84\xc9\xe1\x87\x96\xae\\\x13VJMNNJ)+\x95\xca\xc9vDJ\xa9\x9f/:\xeb\xac\xb3\xc4\xeb\xaf\x0cq\xec\xd8\xb1\xe9\xe9i\x1e\xfe\xe7\x8d\xf5G\xb0\xdc\x1e\x17W\x1a\xd0\xe5\x88K)go\r\xd3S\x00\xd6\x1f!s;\x00\xc2\x9d\x06,L\xdf\x00:55\xf5\xa7?\xfdi\xe6\x83\xcb\x96-k4\x1a\xdc\t\x9a\x1f\xd6\x1f\x81s&gt;\x00\xc2\x8b\x06\xa4i:&lt;&lt;\xfc\xe4\x93O\xbe\xf8\xe2\x8b\xfa6P)\xe5;\xdf\xf9\xce\x91\x91\x91$I\x98\xa1&lt;\xb0\xfe\x80\x0f\x01\x10\x8e7 \xcb\xb2j\xb5\xda\xe9tn\xb8\xe1\x86\x99k\xf2J\xa9\x0f\x7f\xf8\xc3q\x1c\xbb{\x95\xdef\xac? \x9c\xbe\x0b\xe8D\xae\xdc\x174\x9b&gt;\xe6\xa5K\x97~\xf6\xb3\x9f\xbd\xeb\xae\xbb\xf4\xd5\x82,\xcb\xde\xf1\x8ew&lt;\xf6\xd8c\x95JE\xbf\x82t\xd9\x87\xe9\x15\xd6\x1f\xd0&lt;9\x03\xd0\x9c;\x0fH\x92\xa4^\xaf\xd7\xeb\xf5O}\xeaSw\xddu\xd7\xecW\xfe\xf9\xe67\xbf\xc9\xf3?y`\xfd\x81\x19^\x05@8\xd5\x80$I\x96.]z\xec\xd8\xb1\xcb/\xbf\xfc\xde{\xef\x9dy\xb6\'\xcb\xb2]\xbbv]v\xd9eG\x8f\x1e\xe5\xc5\xe0\xccb\xfd\x81\xd9\xbcz\nh\x86\xfd\xcf\x05%I\xb2|\xf9\xf2g\x9ey\xe6\x93\x9f\xfc\xe4\xa1C\x87\xf4\xd0\xeb\r\xba\xe5\x96[\xb6m\xdb\xf6\xea\xab\xaf\xb2\xfef\xb1\xfe\xc0\x1c~\x06@\xd8\xdd\x00\xbd\xfe\xfb\xf6\xed\xbb\xe2\x8a+\x8e\x1c92\xb3\xfe\xcb\x97/\xff\xf6\xb7\xbf}\xf9\xe5\x97\x97~\x84\xfea\xfd\x81\x13y\x1b\x00ak\x03\xf4\xbb\xc4\xfc\xf2\x97\xbf\xdc\xb0a\xc3\xcc\x93&lt;i\x9a\x9es\xce9\xf7\xdcs\xcf\xb9\xe7\x9e{\xe4\xc8\x11\xd6\xdf,\xd6\x1f\x98\x97\xcf\x01\x10\xf65@\xdf\xe0/\xa5\\\xbbv\xed\xb3\xcf&gt;[\xa9T\xf4;\x06_z\xe9\xa5\xf7\xdf\x7f\xff\xb2e\xcb\xc6\xc7\xc7\xab\xd5j\xc1G\xe57\xd6\x1f8\x19\xdf.\x02\xcfa\xdb5a\xfd6a\xf7\xde{\xaf^\x7f\xfd\x860\x97\\r\xc9\xf7\xbf\xff\xfd\xa1\xa1\xa1c\xc7\x8e\xb1\xfef\xb1\xfe\xc0\x02&lt;\x0f\x80\xb0\xac\x01Q\x14u:\x9d\x07\x1ex@\x9f\x07(\xa5V\xadZ\xb5w\xef\xdeZ\xad6==\xcd3?f\xb1\xfe\xc0\xc2\xfc\x0f\x80\xb0\xa6\x01J\xa9Z\xad6::\xfa\xdcs\xcf\xa9\xd7\xed\xdc\xb9\xf3\x8c3\xce\x98\x9c\x9c\xe4\x9e\x1f\xb3X\x7f\xe0\x94\x82\x08\x80\xb0\xa3\x01\xfa\x15\xdf^y\xe5\x95\xf1\xf1q!\x84~{\x80\xb5k\xd76\x9bM\xd6\xdf,\xd6\x1f\xe8F(\x01\x10v4 \x8a\xa2f\xb39\xf3\xce0K\x97.\xd5\x7f4{d\x10\xeb\x0ft)\xa0\x00\x08;\x1a\xa0\xdf\rX\xff{zz\x9a\xc7\xfef\xb1\xfe@\xf7&lt;\xbf\rt^e\xdd\x1b\xaa\x9f\x02\x9a\x98\x98x\xf2\xc9\'\xf5G\xaa\xd5\xea\x9a5k\xf4\xcd\xa09\xfd\xa1Aa\xfd\x81E\t1\x00\xa2\xd4\x9f\x0f\x88\xa2hhhH\xffZ)555\x15\xe6_\x81q\xac?\xb0X\x81\x06@\x94z\x1e\x90$I\x96eB\x88(\x8a\xb8\xf1\xdf\x08\xd6\x1f\xe8A\xb8\x01\x10%5@\xbf\x14\xc4\xc0\xc0\x80\x10\xa2\xd3\xe9LLL\x88\xd7\xdf\x05\x1e\xbda\xfd\x81\xde\x04\x1d\x00Qx\x03\x94RCCC?\xff\xf9\xcf\x1f}\xf4\xd1\xe9\xe9\xe9\x0b/\xbcp\xc3\x86\r\xadV\x8bw}\xe9\x19\xeb\x0f\xf4,\xf4\x00\x88\x02\x1b\xa0_\x07b\xd7\xae]\xd7^{\xed\xcc[\xbdo\xde\xbc\xf9\xd6[om\xb5Z\xecT\x0fX\x7f\xa0\x1f\x04@\x88B\x1a\xa0\x94\xaaT*G\x8f\x1e=\xf7\xdcs\xf5k\xfe\xe8\x9f\x04N\xd3\xf4\xc1\x07\x1f\\\xb7n\xdd\xc4\xc4\x84~?Ht\x89\xf5\x07\xfa\xc4\xe2\x08Q\xc8\xcf\x07(\xa5\xea\xf5\xfa\x0b/\xbc011!\xa5\xect:\xfa\xe7\xbf\xa2(\xfa\xd5\xaf~U\xadV\xf5eat\x89\xf5\x07\xfaG\x00^S\xcc\xcf\x88\xcd\xfb\x18\x9f\x07\xfe\x8b\xc5\xfa\x03F0=o\xc8\xb5\x01R\xca\xe9\xe9\xe9\xb3\xce:k\xc5\x8a\x15\xfaU\xe1\xf4\xcbAgYv\xfe\xf9\xe7\xb7\xdbm2\xd0%\xd6\x1f0\x85\xd1y\x93\xfc\x1a\xa0\x9f\xf6Y\xb9r\xe5\xd7\xbe\xf6\xb5Z\xad\xd6n\xb7\xf5O\x03\xec\xd8\xb1\xe3\xe2\x8b/\x9e\x9c\x9c$\x00\xdd`\xfd\x01\x83\xb8\x08&lt;\x8f\xfc\xae\t+\xa5\x86\x87\x87\x9fx\xe2\x89\x1f\xff\xf8\xc7\xcdf\xf3\xbd\xef}\xef\xbau\xeb\xa6\xa7\xa7\xf9[\xe8\x06\xeb\x0f\x98E\x00\xe6\x97_\x03\xb2,k4\x1a\x83\x83\x83B\x88v\xbb\xcd\xcd?]b\xfd\x01\xe3\x08\xc0I\xe5\xda\x00}\xcf\x8f\x94\x92W\x03\xed\x06\xeb\x0f\xe4\x81\x00,\xc4\xb6\xf7\x94\x0f\x13\xeb\x0f\xe4\x84\'\x1f\x16b\xc3\xfb\x07\x04\x8e\xf5\x07\xf2C\x00N\x81\x06\x94\x88\xf5\x07rE\x00N\x8d\x06\x94\x82\xf5\x07\xf2F\x00\xbaB\x03\n\xc6\xfa\x03\x05 \x00\xdd\xa2\x01\x85a\xfd\x81b\x10\x80E\xa0\x01\x05`\xfd\x81\xc2\x10\x80\xc5\xa1\x01\xb9b\xfd\x81"\x11\x80E\xa3\x019a\xfd\x81\x82\x11\x80^\xd0\x00\xe3X\x7f\xa0x\x04\xa0G4\xc0 \xd6\x1f(\x05\x01\xe8\x1d\r0\x82\xf5\x07\xcaB\x00\xfaB\x03\xfa\xc4\xfa\x03%"\x00\xfd\xa2\x01=c\xfd\x81r\x11\x00\x03h@\x0fX\x7f\xa0t\x04\xc0\x0c\x1a\xb0(\xac?`\x03\x02`\x0c\r\xe8\x12\xeb\x0fX\x82\x00\x98D\x03N\x89\xf5\x07\xecA\x00\x0c\xa3\x01\x0b`\xfd\x01\xab\x10\x00\xf3h\xc0\xbcX\x7f\xc06\x04 \x174`\x0e\xd6\x1f\xb0\x10\x01\xc8\x0b\r\x98\xc1\xfa\x03v"\x009\xa2\x01\x82\xf5\x07,F\x00\xf2\x15x\x03X\x7f\xc0f\x04 w\xc16\x80\xf5\x07,G\x00\x8a\x10`\x03X\x7f\xc0~\x04\xa0 A5\x80\xf5\x07\x9c@\x00\x8a\x13H\x03X\x7f\xc0\x15\x04\xa0P\xde7\x80\xf5\x07\x1cB\x00\x8a\xe6q\x03X\x7f\xc0-\x04\xa0\x04^6\x80\xf5\x07\x9cC\x00\xca\xe1Y\x03X\x7f\xc0E\x04\xa04\xde4\x80\xf5\x07\x1cE\x00\xca\xe4A\x03X\x7f\xc0]\x04\xa0dN7\x80\xf5\x07\x9cF\x00\xca\xe7h\x03X\x7f\xc0u\x04\xc0\n\xce5\x80\xf5\x07&lt;@\x00l\xe1P\x03X\x7f\xc0\x0f\x04\xc0"N4\x80\xf5\x07\xbcA\x00\xecby\x03X\x7f\xc0\'\x04\xc0:\xd66\x80\xf5\x07&lt;C\x00lda\x03X\x7f\xc0?\x04\xc0RV5\x80\xf5\x07\xbcD\x00\xeceI\x03X\x7f\xc0W\x04\xc0j\xa57\x80\xf5\x07&lt;F\x00lWb\x03X\x7f\xc0o\x04\xc0\x01\xa54\x80\xf5\x07\xbcG\x00\xdcPp\x03X\x7f \x04\x04\xc0\x19\x855\x80\xf5\x07\x02A\x00\\R@\x03X\x7f \x1c\x04\xc01\xb96\x80\xf5\x07\x82B\x00\xdc\x93S\x03X\x7f 4\x04\xc0I\xc6\x1b\xc0\xfa\x03\x01"\x00\xae2\xd8\x00\xd6\x1f\x08\x13\x01p\x98\x91\x06\xb0\xfe@\xb0\x08\x80\xdb\xfal\x00\xeb\x0f\x84\x8c\x008\xaf\xe7\x06\xb0\xfe@\xe0\x08\x80\x0fzh\x00\xeb\x0f\x80\x00xbQ\r`\xfd\x01\x08\x02\xe0\x93.\x1b\xc0\xfa\x03\xd0\xa4R\xaa\xecc\x80Iz\xdf\xc7\xc6\xc66n\xdcx\xe0\xc0\x81z\xbd\xdej\xb5n\xbe\xf9\xe6\x9d;w\x1e&gt;|8\x8a"\xd6\x1f\x80\xc6\x19\x80o\x16&gt;\x0f\x10B\xb0\xfe\x004\xce\x00\xfct\xb2\xf3\x80\x1d;vl\xde\xbc\xf9\xbe\xfb\xeec\xfd\x01\x10\x00o\xcdi@\xa5RI\xd3\xf4}\xef{\xdfO\x7f\xfaS\xdd\x03\xd6\x1f\x08\x1c\x01\xf0\xd9\x89\rH\x92\x84\xf5\x07\xa0q\r\xc0gs\xae\x07$I\xd2h4X\x7f\x00\x1ag\x00\xfe\x9b9\x0f\xb8\xec\xb2\xcb\xf6\xef\xdf\xbfm\xdb\xb6\xdbo\xbf\x9d\xf5\x07@\x00\x82\xa0\x1b0::z\xe7\x9dw^\x7f\xfd\xf5\xfa/\x9d\xf5\x07\x02G\x00B\xa1\x94\xd2\x8b?\xf3\x0b\x00\x81\xe3\x1a@(\xa4\x94J\xa94MY\x7f\x00\x1ag\x00\x00\x10(\xc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xf5\xff\x01H\xabCs\xe3\xc4%\xe2\x00\x00\x00\x00IEND\xaeB`\x82'</t>
        </is>
      </c>
    </row>
    <row r="298">
      <c r="A298" s="1" t="n">
        <v>296</v>
      </c>
      <c r="B298" t="inlineStr">
        <is>
          <t>circle_size_number</t>
        </is>
      </c>
      <c r="C298" t="inlineStr">
        <is>
          <t>What is the missing number of the part denoted with a question mark?</t>
        </is>
      </c>
      <c r="D298" t="inlineStr">
        <is>
          <t>[5, 6, 4, 2]</t>
        </is>
      </c>
      <c r="E298" t="inlineStr">
        <is>
          <t>4</t>
        </is>
      </c>
      <c r="F298" t="inlineStr">
        <is>
          <t>There are 6 numbered circles with varying sizes arranged in a ring with number [4, 1, 3, 1, '?', 3] in a clockwise order.</t>
        </is>
      </c>
      <c r="G298" t="inlineStr">
        <is>
          <t>We observe that the size of the circle is related to the number in the circle. The circle with the largest value 4 seems to be the biggest and the circle with the smallest value 1 seems to be the smallest. Thus, the pattern is that the larger the number the larger the circle.</t>
        </is>
      </c>
      <c r="H298" t="inlineStr">
        <is>
          <t>Based on the pattern that the larger the number the larger the circle, the missing number of the circle denoted with a question mark should be 4.</t>
        </is>
      </c>
      <c r="I298" t="inlineStr">
        <is>
          <t>b'\x89PNG\r\n\x1a\n\x00\x00\x00\rIHDR\x00\x00\x02\x00\x00\x00\x02\x00\x08\x02\x00\x00\x00{\x1aC\xad\x00\x00\x97\x9eIDATx\x9c\xed\x9dw\\S\xf7\xf7\xffo6!\x90\xc5\x12\xf7\x02\x99\xb2\x04\x07\xe2\xaa\x8a\x1b\x9c\xadu\x8fZ\xb7bm\xeb\xa8\xd6Z[Gm\xad\xd5\xba\xaa\xadU\xab\x82\x0b7\xb6j\xeb\x00AD@\x11p!n\x19I\x80\x10B\x92{o~\x7f\x9c\xaf\xf9\xf1q\xb4.\x92\x9b\xe4&lt;\xff\xf8&lt;\xfcP\xc6;w\x9c\xd7Y\xef\xf3f\x19\x8dF\x02A\x10\x04\xb1?\xd8\x96^\x00\x82 \x08b\x19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14\x00\x04A\x10;\x05\x05\x00A\x10\xc4NA\x01@\x10\x04\xb1SP\x00\x10\x04A\xec\x14\xae\xa5\x17\x80X\x12\xa3\xd1H\x10\x04M\xd3\xa6\x7f\x13\x04\xc1f\xbf\xd8-\x80o#\x08\x82\xc5b\x99\xbe\r\xfe\x8d \x885\xc22\xbd\xf6\x88\x9d@\xd3\xb4\xd1h4\x1a\x8dl6\xfbe\xb6\xfe\xb5~\x1b\x08\x03\x9b\xcdf\xb1X\xa8\x07\x08bE\xa0\x00\xd8\x05&amp;\xa3\xcf\xe5\xfeO\xccG\x92\xa4J\xa5\xca\xcd\xcd-++\xcb\xcc\xccT*\x954MgffR\x14\xf5\xfc/\xf1\xf5\xf5\x15\x8b\xc5\\.\xb7]\xbbvB\xa10$$\xc4\xd9\xd9\xd9\xc9\xc9\xa9\xe6\xf7P\x14\xf5\xae\xa4\x05A\x90\xda\x06\x05\xc0\x961\x1a\x8d\x14E=c\x8eo\xdd\xba\x95\x92\x92\x92\x96\x96\x96\x99\x99\xa9V\xab\xab\xaa\xaa\x9c\x9c\x9c\xf8|~\xb3f\xcd\xa4R)A\x10m\xda\xb4\xe1\xf1x\xcf&lt;\x18\x1c\x0e\xe7\xf2\xe5\xcb\xe5\xe5\xe5$I\xe6\xe4\xe4\x90$YQQ\xc1\xe1pd2\x99\x8f\x8fOHHHTTT`` \x8f\xc73\xfd\x08I\x92\xa8\x04\x16\xe1e/5\xc6g\xc83\xa0\x00\xd8 F\xa3\x91\xa6i\x16\x8be2\xbe\x85\x85\x85g\xce\x9c\xf9\xe7\x9f\x7f\xae\\\xb9RYY)\x95J\xfd\xfd\xfd[\xb5j\x15\x18\x18X\xaf^=777\x91Hd\xfa\xe6\xff4\x1f\x14E\x91$\xf9\xf8\xf1c\xa5Ry\xe5\xca\x95\x8c\x8c\x8c\x9c\x9c\x9c\xd2\xd2R6\x9b\xed\xe5\xe5\xd5\xbe}\xfbN\x9d:\x05\x07\x07\xd7\\\x0c$\x88j\xf7c\xdb\x1f\xc6\x1a\x10\x04aJ\xc1\xfdg\x15\x07\xfe\xc1\xaa\x81\xb9\x96\x8c0\x0b\x14\x00\x9b\x02\xac-\x87\xc3\x81\xff{\xe7\xce\x9d\xc4\xc4\xc4\xa3G\x8f\xde\xbcy\xb3a\xc3\x86\xed\xdb\xb7\x8f\x8c\x8c\x0c\t\t\xf1\xf4\xf4\x04\x1b\xa1\xd3\xe9\x0c\x06\x83\xc1`0\xe5\x88\x88\x97\xfb\x89\xcfT\x89\xf9|&gt;\x97\xcbupp\x80\xefW*\x95\xd7\xae]KIIIII\xc9\xce\xcevss\xeb\xde\xbd\xfb\xc0\x81\x03CCC\xe1\xa7(\x8a\xaa\xa9I\xc8\x9b\x01\xb7\xd8h4\xb2X,\xd3\x8d~\x86\xca\xcaJ\xadV\xcbb\xb1L7\xd4h4r8\x1c\xb9\\\xfe\xc2\xef\x87B\x0e(\x01\xde \xbb\x02\x05\xc0F\x00\xa3\x00\x16A\xa7\xd3\xed\xdb\xb7o\xd3\xa6M\xf7\xef\xdf\x0f\x08\x08\xe8\xd3\xa7O\x97.]\x1a7n\xcc\xe1pH\x92\xac\xaa\xaa\x02\x8b\xff\x96\x0e\xa0\xa9\x83\x08\x8c\x11\x97\xcb\x15\n\x85\x02\x81\x80 \x88\'O\x9e\xa4\xa5\xa5\x1d8p --\x8d\xcf\xe7\x8f\x181\xe2\xc3\x0f?\xac[\xb7.\xf1\x9cD!\xaf\x88\xc9F\xd7\xbct\x14E\x15\x14\x14\xe4\xe5\xe5\x15\x14\x14\xc0?\xd4j5A\x10*\x95\xca`0&lt;\xf3j\xb3\xd9l\x17\x17\x176\x9b\xcd\xe1p\x82\x82\x82&lt;&lt;&lt;\x82\x83\x83\x1b4h\xe0\xed\xed]\xb3\x90c\xfaC\x18\xb4\xd9\x03(\x00VOM\xd3_XX\xf8\xd3O?%%%I$\x92\x01\x03\x06\xc4\xc4\xc4x{{\x1b\x8dF\x8dF\xa3\xd3\xe9L\xa9\x98Zz\xb1M\xb6\x83\xc7\xe3\x89D".\x97[RRr\xe4\xc8\x91\xbd{\xf7^\xbf~=,,\xec\x93O&gt;\x89\x88\x88xf\xcd\xc8\xbf\x00U\x1c\x0e\x87c\xbae\xe5\xe5\xe5g\xcf\x9e=s\xe6\xcc\x95+W\x1e?~L\x92\xa4\x93\x93S\x9d:u\xea\xd7\xaf_\xbf~\xfd\xe6\xcd\x9b\xeb\xf5z???\x99LV\xb3\x92\xcfb\xb1H\x92\xcc\xcc\xcc$\x08B\xa9T^\xbdz\xb5\xac\xac\xac\xa0\xa0\x00\xbc\x0177\xb7\xa0\xa0\xa0\xd6\xad[w\xe8\xd0\xa1q\xe3\xc6\xa6\x9f\xc2*\x8e\xcd\x83\x02`\xc5\xd4\xf4\xa6\xb3\xb2\xb2\x96,Y\x92\x95\x95\x15\x1c\x1c&lt;u\xea\xd4\xc8\xc8H\x1e\x8fgJ\x05\x98\xd9\x9b\x83l\x12M\xd3|&gt;_,\x16\xb3X\xac\xdc\xdc\xdc\xf5\xeb\xd7\x9f&lt;yR&amp;\x93\xcd\x9d;\xb7o\xdf\xbe\xc4\xd3L4\xda\x97\xe7\x81\xabG\x10\x84I#\xb3\xb3\xb3\xff\xfe\xfb\xef\xe3\xc7\x8f\x17\x16\x16r\xb9\xdc\xa0\xa0\xa0\xa8\xa8(\x7f\x7f\xff\xe6\xcd\x9b\xbb\xbb\xbb\x9b\x9a\xbb@\x80\xab\xab\xab\x9f\xef\xe3b\xb1XB\xa1\xb0\xa6\xfcS\x14U^^^XX\x98\x93\x93\x93\x9c\x9c\x9c\x9e\x9e^ZZZ\xbf~\xfd\xce\x9d;GGG\xb7o\xdf\x1en\rVql\x18\x14\x00k\x85$Ix\xed\xc1\xf4\xa7\xa6\xa6\x0e\x180`\xc6\x8c\x19\xcd\x9a5\xd3\xe9t\x95\x95\x95\xa0\r\x96}iM\x86\xcc\xd1\xd1\xd1\xd1\xd1Q\xa1P\xfc\xf6\xdbo\x1b7ntss3\xc9\x00I\x92\x16_\'sx&amp;EVXX\xb8y\xf3\xe6\xc3\x87\x0f\xabT\xaa\x90\x90\x90\x9e={\xb6i\xd3\xa6E\x8b\x16B\xa1\x90 \x08\x9dN\x07U\x1cP\\\xd35|Y\x90g*\x02\xc37CBI \x10@!\x87$\xc9;w\xee\xa4\xa7\xa7\x9f8q"99\x99\xc5bu\xec\xd8q\xc2\x84\t\x10\xb4\x11\x04\x01\x1dex\xa7l\t\x14\x00\xeb\xc3\x94\xbe/**Z\xb6l\xd9\x9e={\xfa\xf7\xef?k\xd6\xac&amp;M\x9a\x80\xcb\xcf\xc0\xb0\x1dR\x19&lt;\x1eO*\x95\x96\x95\x95m\xd9\xb2e\xfd\xfa\xf5\xbe\xbe\xbe_\x7f\xfd5\xf4\x0bA\xa2\xc3\xd2\xcb\xb4$5M?M\xd3\x87\x0e\x1d\xda\xbau\xeb\xd5\xabW\xfd\xfd\xfdccc\xa3\xa3\xa3\xeb\xd5\xabG\x10DUU\x158\xf8\xef\xaa\x87\xc7TUf\xb3\xd9\x02\x81@$\x12\xb1X\xac\xb2\xb2\xb2s\xe7\xce\xed\xdb\xb7/55\xd5\xc5\xc5\xe5\xc3\x0f?\x1c&gt;|\xb8D"!P\xb0m\x0b\x14\x00+\xc3\xe4\xf8\xaf]\xbbv\xd9\xb2e\x1d:tX\xbati\xa3F\x8d\xc0\xf43\xff\xcd$I\x12d\xa0\xa2\xa2\xe2\xfb\xef\xbf\xdf\xbcy\xf3\xfb\xef\xbf\xff\xd5W_9;;\xdb\xb3e1\xe9\x9fN\xa7\xdb\xb0a\xc3\xc6\x8d\x1b\x85Ba\xff\xfe\xfd?\xf8\xe0\x83\xe6\xcd\x9b\x1b\x8dF\xb5Z\xad\xd7\xeb\x89\xa7;\xaeki\x19&amp;1\xe0\xf1xNNNP\xc59t\xe8\xd0\xf6\xed\xdb\xef\xdd\xbb\x17\x13\x133{\xf6l\xd0!{\xbeY\xb6\x04\n\x80\xd5`\x9a\xdf\x90\x9b\x9b;z\xf4h\x8a\xa2~\xfe\xf9\xe76m\xdaX\x8b\xe9\xaf\x89I\x06\xee\xdd\xbb7g\xce\x9c\xf3\xe7\xcf\xaf^\xbd\xba\x7f\xff\xfe\x84\xfd\x85\x02\xa6\xbc\x8a\xc1`X\xbbv\xed\xb6m\xdb\xa4R\xe9\xc4\x89\x13ccc\x05\x02\x81\xa5\xaa8\xc4\xd3\x92\xbe\xa9\x8a\x93\x9c\x9c\xbcj\xd5\xaa\xeb\xd7\xafw\xeb\xd6\xed\xd3O?\xf5\xf4\xf4$j\xb8#\x88\x95\x82\x02`\x1d\x98\xcc\xe2\x92%K~\xfd\xf5\xd7I\x93&amp;\xcd\x981\x83 \x88\xf2\xf2r\xeb2\xfd&amp; )$\x14\n\x9d\x9c\x9c\x0e\x1c8\xb0`\xc1\x82\xd0\xd0\xd0\xb5k\xd7\x8a\xc5b;1+5s&gt;k\xd6\xac\xf9\xf9\xe7\x9f}||&gt;\xf9\xe4\x93\xa8\xa8((\xcf&gt;\xd3\xffc\xc1E\x12\x04\xe1\xe4\xe4\xe4\xe0\xe0p\xf3\xe6\xcd5k\xd6$%%\xf5\xed\xdbw\xe1\xc2\x85\x12\x89\x04+\xf9V\r\n\x80\x15\x00\x06\xf1\xf1\xe3\xc7\xb1\xb1\xb1B\xa1\xf0\x97_~\xf1\xf2\xf2R(\x14\x84\xf5\xbfx \x03...UUU\x9f~\xfa\xe9\x91#G\xb6o\xdf\xde\xa9S\'\x9b\xaf7\x9a\x14\xfd\xd8\xb1cK\x97.\xd5\xeb\xf5\x9f}\xf6\xd9\xc0\x81\x03u:\x1d\xf4\xf23-\x0c\x82\x80\x00\x04\xfb\xd2\xa5K_\x7f\xfd\xf5\x8d\x1b7\xa6L\x992u\xeaT\x02C\x01\xab\x05\x05\x80\xd1\x98\xd2&gt;\x87\x0e\x1d\x1a?~\xfc\xf8\xf1\xe3\xbf\xf9\xe6\x1b\xadV[YYYs\xea\x8e\xb5\x03\xe6C&amp;\x93\xc5\xc7\xc7O\x9d:u\xda\xb4i\x0b\x17.$l4\x1d\x04\x9a\xc7\xe5r+**f\xcc\x98q\xf2\xe4\xc9\xb9s\xe7N\x9a4\x89\xa6i\xa5R\xc9\xc0\x02~M\x8cF#I\x92\xce\xce\xceB\xa1\xf0\xcf?\xff\x9c;w.\x9f\xcf\xdf\xb2e\x8b\x9f\x9f\x9f\xa97\xc1\xd2kD^\x03\x14\x00\xe6\x02\xcd\xd7\x04A\xc4\xc5\xc5\xed\xde\xbd\xfb\xd7_\x7f\xed\xd9\xb3\xa7m8\xfe\xcf\x03\x96\xc5\xdd\xdd\xfd\xf6\xed\xdb\x83\x07\x0fvqq\xd9\xbbw\xafD"\xb11\r0\xdd\xd3\x83\x07\x0f\xce\x9e=;""b\xd5\xaaU\xee\xee\xee\xa5\xa5\xa5\x04\xf3\xbc\xfe\x97\x01\xd1\x80T*e\xb1XK\x96,\xd9\xb6m\xdbG\x1f}4w\xee\\\xc2F5\xdb\x86A\x01`(\xf0"UVV\x8e\x1c9\xb2\xa8\xa8h\xef\xde\xbd\xee\xee\xee\n\x85\xc2\x96\x1c\xff\xe7!IR$\x12\t\x04\x82I\x93&amp;\x9d={\xf6\xe0\xc1\x83-Z\xb4\xb0\x99\xf4\x02|\x10\xa3\xd18~\xfc\xf8\xe3\xc7\x8f\xff\xf2\xcb/\xbd{\xf7.//\xd7\xeb\xf5\xd6\xf8\x01\xa1\x15\xd5\xc5\xc5\xe5\xc6\x8d\x1b\x1f|\xf0\x01\x9f\xcf\xdf\xbf\x7f\x7f\xdd\xbaum\xe6~\xd9\x03\xb6\xe6H\xda\x06`\xfd\xcb\xca\xcaBCCi\x9aNNNvrrR*\x95\xb6m\xfd\t\x82\xe0r\xb9Z\xad\xb6\xac\xacl\xd3\xa6M\xa3F\x8d\n\r\r\xbdp\xe1\x02\x97\xcb%I\xd2\xd2K{[\xc0,^\xbf~\xbde\xcb\x96%%%W\xae\\\xe9\xd1\xa3GII\t\xa4\x83,\xbd\xba7\x81\xc3\xe1\xb0\xd9\xec\x92\x92\x92\xfa\xf5\xeb\xa7\xa7\xa7w\xe9\xd2%88\xf8\xd0\xa1C\\.\x17zI-\xbd@\xe4\xbfA\x01`\x1c`\xfdo\xdc\xb8\x11\x1e\x1e&gt;l\xd8\xb0\xc4\xc4D\x85Ba\xa5N\xe2\x1b\x00\xb5\xdf\xe2\xe2\xe2\xb9s\xe7&amp;$$\xf4\xeb\xd7\xef\xf0\xe1\xc3V\xad\x01\xa6\xa4\xff\xef\xbf\xff\x1e\x15\x155b\xc4\x88C\x87\x0e\xf1\xf9|\xa5R\xc9\xe5r\xad=in\xd2\xeco\xbf\xfd\xf6\xf7\xdf\x7f\xff\xf8\xe3\x8f?\xf9\xe4\x13\xb8\x89\xa6\x8d\xc7\x08c\xc1\x14\x10\xb3\x00?\xf1\xd2\xa5Km\xdb\xb6]\xbcx\xf1\xdc\xb9sKJJ,\xde\x0bh\x11\x0c\x06\x83\xbb\xbb\xfb\xdf\x7f\xff\xfd\xde{\xef\xadY\xb3f\xca\x94)\x06\x83\xc1\xeab S\xaf\xe7\x92%KV\xaf^\x1d\x1f\x1f\xdf\xa5K\x17\x9b\xbc\xa7\x06\x83\xc1\xd5\xd5\xf5\xc9\x93\'\xd1\xd1\xd1-Z\xb4\xd8\xbau\xab\x93\x93\x93\xa9\xe6\x810\x13\x14\x00\x06\x01\xbe\xff\xa5K\x97Z\xb7n\xbd|\xf9\xf2\xd9\xb3g\x17\x17\x17[\x9d\xc9{\x87\x80\x06\x9c;w\xaeC\x87\x0ek\xd7\xae\xb5:\r0Y\xff\xc1\x83\x07gdd$\'\'\xbb\xb9\xb9\xd9p*\x8f$I\x07\x07\x07gg\xe7\xd8\xd8\xd8\xdc\xdc\xdc\x8b\x17/J\xa5R,\x0b3\x19\x14g\xa6\x00\xefINN\x0eZ\x7f\x13&lt;\x1e\xaf\xb8\xb88**\xea\xec\xd9\xb3S\xa7N\xfd\xe5\x97_x&lt;\x9e\xc1`\xb0\xf4\xba^\t\x93\xf5\x1f0`\x80Z\xad\xce\xcb\xcbsvvV\xa9T6|O\xb9\\\xae^\xafW*\x95\x89\x89\x89\xc3\x86\r\x0b\x0f\x0fW\xa9T\x1c\x0e\xe7\x85GL#L\x00#\x00F\x00\x91\xb2R\xa9l\xd9\xb2\xe5\x94)S\xe6\xce\x9d\x8b\xd6\xdf\x84)\x17\xd4\xa7O\x9f\x13\'N\xb4o\xdf\x9e\xf9NeM\xeb\xaf\xd5j\x8f\x1f?\x0e\xc7)\xdbC&gt;\x04j\x1ennn\x8b\x17/\xde\xb6m[zz:\x1cN\xc0\xf0[f\x9f\xa0\x00X\x1e\xd8\xedUQQ\xd1\xbau\xeb\xe1\xc3\x87/X\xb0\x00\xad\xff3\x80\x06\x9c&lt;yr\xc8\x90!\xc7\x8f\x1fo\xdd\xba5\x93\r\xca\xf3\xd6_\xa5R\xd9[6\x1cn\x19j\x00\xc3A\x01\xb00\xa6\x16\x91N\x9d:\xb9\xba\xba\xee\xdd\xbb\x17\xad\xff\x0b\xd1\xeb\xf5\x1e\x1e\x1e\x1b6l\x983gNAA\x81L&amp;#^~|\xb1\x051m\xde\xb6g\xeb\x0f\x984`\xfb\xf6\xediiir\xb9\xdc&gt;\xaf\x03\x93\xb1\x8b\xceB&amp;\x03\xd6\x7f\xec\xd8\xb1\\.w\xcf\x9e=\xa5\xa5\xa5v\xd2\xee\xf9\xba\xf0\xf9\xfc\xe2\xe2\xe2\x89\x13\'\x16\x15\x15\xb5o\xdf&gt;\'\'\x07\xec,\xd34\x00n\xe8\xfb\xef\xbfo\xe7\xd6\x9fxZ\xc2Y\xb8p\xa1\xd1h\x8c\x8c\x8cLNN\x96J\xa55\x0f\xaeA,\x0eF\x00\x96\x04\x82\xe2\xed\xdb\xb7\x7f\xf6\xd9g\xb9\xb9\xb9PC\xb3Oc\xf1\x8aP\x14\xe5\xea\xea\x1a\x1d\x1d]\xb7n\xdd\xdf~\xfb\x8di\x9bN\xa1I)..\xee\xe8\xd1\xa37n\xdc\xb0g\xebo\x02\xe2\x80q\xe3\xc6]\xbat);;\x1b\x0f\x12`\x14(\x00\x16\x03L\xc3\xcd\x9b7CCC\x8f\x1f?\x1e\x11\x11Q^^\xce(s\xc6@\xe0(y\x8a\xa2\xfc\xfd\xfdW\xacX1b\xc4\x08\xe6d\x96a%\xeb\xd6\xad\xfb\xe6\x9bo222\x1c\x1d\x1d\r\x06\x83\x9d[\x7f\xe2iED.\x97\xf7\xea\xd5K"\x91\xc4\xc7\xc73M\xb6\xed\x19\x14\x00\xcb`:z)  `\xd4\xa8Q\xd8\xf6\xf3\xea\x90$)\x91H.^\xbc\xd8\xb3g\xcf\x8c\x8c\x0c///\xc8\x05YvU \xe7\x99\x99\x99\x91\x91\x91\x7f\xfd\xf5W\xeb\xd6\xadU*\x15\x9a9\x00\x0e\x96\x01\xd9\x9e7o\xde\x94)SP\x03\x18\x02\n\x80e\x80\x17`\xd6\xacY\xd7\xae];q\xe2DII\t\xbe\x0f\xaf\x0ed\x15\xbe\xf9\xe6\x9b\x83\x07\x0f^\xbcx\xd1\xe2\xd6\x04\xe4\xbc\xba\xba\xda\xd7\xd7w\xde\xbcy\x13\'N,..\xe6\xf3\xf9\xf8r\x99\xa0(J,\x16\xe7\xe7\xe7\xb7k\xd7\xee\xdc\xb9s!!!\x98\x1cc\x02(\x00\x16\x00\x1e\xfd\xd4\xd4\xd4\x81\x03\x07fee\t\x04\x02\x92$1+\xfaZ\x90$\xe9\xe6\xe6\xd6\xb1c\xc7\x9e={\xce\x993\xc7\xb2\x89 P\xa0\x81\x03\x07r8\x9c\x84\x84\x04\x0c\xe6^\x08\xc8\xf6\xfa\xf5\xeb\x97/_\x9e\x93\x93#\x14\n\x19X\xc3\xb77P\x00\xcc\rx\x8b4M\xfb\xf9\xf9-\\\xb8p\xf8\xf0\xe1\xd8\xf9\xf3\x06\xd04-\x10\x08\x1e?~\xdc\xa6M\x9b\xf3\xe7\xcf\xb7h\xd1\x82\xb0\xd01\t\xa0=\xbf\xfd\xf6\xdb\x17_|q\xeb\xd6\xad\xea\xeajlty\x19\xa0\x01p\xb0\xdd\xae]\xbb,\x1e\xba!\x18\x82\x99\x1b\xd8"\xb4`\xc1\x82:u\xea\x0c\x1f&gt;\\\xa1P\xe0;\xf0\x06\xb0\xd9l\xadV\xeb\xe5\xe55i\xd2\xa4\xd1\xa3G\xb3\xd9l\x8b\xb82p\x0c\xd6\xe3\xc7\x8f\xe7\xce\x9d\xbbk\xd7.6\x9b\rS\xf2\xcd\xbf\x12\xab\x80\xcb\xe5\x96\x97\x97o\xde\xbc9%%\xe5\xe8\xd1\xa3\\.\x17\xa7DX\x16\x8c\x00\xcc\n\x0c\xc8\xbdq\xe3F\x87\x0e\x1d\x92\x93\x93\xeb\xd6\xad[]]\x8d\x99\xd07\x86\xa6i\xb1X\x1c\x12\x12\xf2\xc9\'\x9f\x8c\x193\xc6\xfc\x89 \xf8\x8b\xdd\xbauk\xd1\xa2\xc5\xda\xb5k1\xf9\xf3\x9f\x90$\xe9\xea\xea\x9a\x98\x98\xf8\xf1\xc7\x1f\xdf\xbe}[$\x12\xe1A\x92\x16\x04\x05\xc0\xac\x80\xbd\x88\x89\x89\xa9W\xaf\xde\xbau\xeb\xd0^\xbc%\x14E\xc9d\xb2\x03\x07\x0e\xc4\xc5\xc5\xdd\xbe}\x1b\xc6\xeb\x9b\xcd\x9a\xc0\xdd\xfc\xfd\xf7\xdf\x17.\\\x98\x93\x93c0\x18\xd0\x90\xbd\nP\xbf\x190`\x80H$\xda\xbe};s\x1ay\xed\x10\x14\x00\xf3\x01\x0f\xfa\x89\x13\'\xc6\x8d\x1bw\xed\xda5\x98\x19`\xe9EY=`Mz\xf4\xe8\xd1\xb2e\xcb\x15+V\x98\xcd\x9a\xc0\xed#I\xb2Y\xb3f?\xfe\xf8c\xff\xfe\xfd\x95J%\x1a\xb2W\xc1h4\xf2x&lt;\x95J\x15\x1c\x1c|\xf6\xecY\x7f\x7f\x7f&amp;4\xf2\xda\'(\x00\xe6\x03\x9a\x7fBCC\x07\x0f\x1e\x0c\'\xbd`\xf6\xff\xed\xa1iZ$\x12]\xbe|\xb9W\xaf^7o\xdetuu%\xcc2#\x08\x94\xe6\xb3\xcf&gt;\xbbr\xe5JRR\x12\xde\xcd\xd7\x02d{\xd9\xb2e\x07\x0e\x1cHKK\xc3\x96PK\x81\x02`&amp;\xc0^$%%\x8d\x1d;6//\x0f\xdd\xffw\x08X\x93\xe8\xe8h??\xbfU\xabV\x99!\x08\x80{WZZ\xea\xe5\xe5u\xfc\xf8\xf1\x90\x90\x10\x8dF\x83&amp;\xecua\xb3\xd9&gt;&gt;&gt;\xbf\xfe\xfak\xcf\x9e=1\x11d\x11P\x00\xcc\x04\xb4\x8b\x84\x86\x86\xbe\xff\xfe\xfbs\xe6\xccA\x87\xf1\x1d\x02A@fff\xef\xde\xbd\xf3\xf2\xf2\xdc\xdd\xdd\x89Z\x0e\x02\xc0Z\xcd\x9c9\xb3\xbc\xbc\xfc\xb7\xdf~\xc3\xbb\xf9\x06P\x14\xe5\xe2\xe2\xf2\xfb\xef\xbfo\xd8\xb0!55\x15\x83\x00\x8b\x80W\xdc\x1cP\x14\xc5f\xb3\x93\x93\x93\x15\n\xc5\xc4\x89\x13\xcb\xca\xca\xd0^\xbcC\xd8l\xb6Z\xadn\xdb\xb6mDD\xc4\xbau\xebX,V\xad6\x17B\xc2\xfa\xc9\x93\'G\x8e\x1c\x99?\x7f\xbeF\xa3A\xd7\xf5\r\xe0p8J\xa5r\xd8\xb0a\x14E\x1d9r\x04:h-\xbd(\xbb\x03\x05\xc0||\xf7\xddwC\x86\x0c\x91J\xa5\xd6r\xa8\xa1\x15\xc1b\xb1H\x92\x9c6m\xda\xb6m\xdb\xaa\xab\xab9\x1cN\xed\x85\xb6\x10\xcc-]\xba4""\xa2y\xf3\xe6\x1a\x8d\x06\x9b\x7f\xde\x0c\x9a\xa6\xb9\\\xee\x84\t\x13\x16-ZD0\xf2t\x07\x9b\x07\x05\xa0\xd6\x81\x01\x96\xf7\xef\xdf\xbfx\xf1\xe2\x84\t\x13*++\xd1a|\xe7p8\x9c\xf2\xf2\xf2\xae]\xbb:;;\'&amp;&amp;\xb2X,\xd8r\xf1\xce\x01\xf7\xbf\xa4\xa4\xe4\x8f?\xfe\x98&lt;y2\x88Mm\xfc!{\x00\xf6\x85\r\x1c8\xf0\xf1\xe3\xc7III\x18\x04\x98\x1f\x14\x80Z\x07\x9e\xe9_~\xf9%&lt;&lt;\xdc\xdb\xdb[\xab\xd5\xa2\xa7S\x1b\xc0p\x88\x91#G\xae_\xbf\x9e\xa85w\x126\xfan\xdd\xba588\xb8}\xfb\xf6j\xb5\x1a3\xd7o\x83\xc1`\x90\xcb\xe5\x13&amp;L\xf8\xe9\xa7\x9f,\xbd\x16{\x04\x9f\xddZ\x87\xc3\xe1\x18\x0c\x86\x9d;w\x8e\x1f?\x1e\x87\xbe\xd5\x1e\x1c\x0e\xa7\xa2\xa2b\xe8\xd0\xa17o\xde\xcc\xcd\xcde\xb3\xd9\xb5\x11\x04\xc0\xaf\xdd\xb6m\x1bl&lt;\xc6\xbb\xf9\x96p8\x9c\xca\xca\xcaa\xc3\x86egg\xdf\xbf\x7f\xbfVsw\xc8\xf3\xa0\x00\xd4.`#\x92\x93\x93)\x8a\xea\xd0\xa1\x83Z\xad\xc6\x8cA-\xc1b\xb1t:]\xbdz\xf5BCC\xff\xf8\xe3\x0f\xe2\xe9\xe0\x8dw\x08\x14\xf3\xcf\x9f?_UU\xd5\xb7o\xdf\x8a\x8a\n\xbc\x9bo\t\x8b\xc5\xd2j\xb5\xcd\x9b7\x0f\x0b\x0b\xdb\xb4i\x13\xf14bF\xcc\x03\n@\xed\x02\xee\xcc\x8e\x1d;bcc\xa5R)I\x92\x96^\x91-\x03\xa5\xe0\xf1\xe3\xc7\x1f?~\xbc\xf6\xda\n\x7f\xfa\xe9\xa7\x98\x98\x18\xb1X\x8cw\xf3\x9d`\xbak\xbbw\xef\xd6\xeb\xf5\xa8\xa9\xe6\x04\x05\xa0v\xe1p8:\x9d.%%%66V\xa7\xd3a\xbe\xb8V\x81|B\x87\x0e\x1d4\x1aMNN\xce\xbb\xcd\x02A1\xbf\xa2\xa2\xe2\xfc\xf9\xf3\x03\x06\x0c\xc0\xbb\xf9\xae0\xdd\xb5\xea\xea\xea\x0b\x17.\xd4v\x17/R\x13|\x82k\x11\xc8\xff\x9c;w\x8e \x88\x88\x88\x08\xe6o\x16\x85\xb3\n(\x8a"\xff\x178\xbd\xd2\xd2\xab{%\xa0\xa8\x18\x1c\x1c\xbcs\xe7N\xe2\x9df\x81\xe0W\x1d;vL&amp;\x93\xb5j\xd5\x8a\x99w\xf3ew\x90\xa2(&amp;\xdfA\x83\xc1 \x95J;v\xec\xb8m\xdb6\xe2i\xdc\x8c\x98\x01\xdc\x8eT\x8b\xc0s|\xe8\xd0\xa1\x90\x90\x10\xa1PXYY\xc9\xcc\xfd_`5\x08\x82\xe0\xf1x\x0e\x0e\x0e&lt;\x1e\x0fL\x1b\x1clb4\x1a\r\x06\x83V\xab\x85\xf0\x9c\xe1eOh\x00}\xef\xbd\xf76o\xde\xfcnG\x8c\xc1\xdd&lt;~\xfcxtt\xb4\x83\x83\x83Z\xadf\xd4\xdd\x04\xaf\xf9\x85w\x90 \x08\x92$\xab\xab\xab\xab\xab\xab\t\x82``\x8e\x05\xb2@\x03\x07\x0e\xfc\xf2\xcb/\xe1\xc0\x0cK\xaf\xc8^`\xd0\x13l{\xc0)%\xe9\xe9\xe9\xd3\xa6M\x83\xddC\x96^\xd1\x8ba\xb3\xd9b\xb1\x98\xcdf\x17\x15\x15eff\xde\xb8q\xe3\xc1\x83\x07j\xb5\x9a$IGG\xc7\xbau\xeb\xfa\xfa\xfa\xb6l\xd9\xd2\xc3\xc3C\xadV3&lt;K\xcbf\xb3\xab\xaa\xaa\xbat\xe9\xb2|\xf9\xf2\x92\x92\x12ww\xf7wu&gt;\x17d\xf3\xd2\xd3\xd3\xd7\xaf_\xaf\xd7\xeb\x99\xe3\xfeCiZ,\x16s\xb9\xdc\xe2\xe2\xe2\xec\xec\xec\x9b7o\xde\xbf\x7f\xbf\xa2\xa2\xc2`0\x08\x85BWW\xd7f\xcd\x9a\x05\x06\x066i\xd2\xc4h4VTT0\xed,F\xc8\x02u\xec\xd8Q\xa7\xd3\xe5\xe4\xe4\xb4l\xd9\x12\'C\x98\x07\x14\x80\xda\x02\xdc\xcf\xe2\xe2\xe2\xa2\xa2\xa2V\xadZUUU1\xf0\x81\x86ER\x14u\xf8\xf0\xe1\x03\x07\x0e\x9c?\x7f\xfe\xce\x9d;/\xfc\xce\xe6\xcd\x9b\x0f\x1e&lt;x\xca\x94)nnnL\xee~\x81^\xa0\x86\r\x1b\xcad\xb2\xd4\xd4\xd4~\xfd\xfa\xbd\x13\x8f\x12\xecQ^^\x1eI\x92-[\xb6d\xc8\xdd\x84\xd0M"\x91\x90$\xf9\xcf?\xff\xc4\xc7\xc7\xff\xf3\xcf?\x05\x05\x05/\xfcf\xb9\\\xde\xa1C\x87\x8f?\xfe\xb8[\xb7nj\xb5\x9ai\x1e\t\x1c\x14\xd3\xacY\xb3S\xa7N\xa1\x00\x98\r\x14\x80\xda\x02\xecNjj\xaa\x8b\x8bK\x93&amp;M\xc0\xed\xb2\xf4\xa2\xfe\x07\xa8jVWW\xc7\xc6\xc6\xa6\xa6\xa6\xc2\x17\xb9\\n\xd3\xa6M\xeb\xd7\xaf/\x95J\xd9lvEEEaa\xe1\x8d\x1b7n\xdd\xba\xb5t\xe9\xd2={\xf6l\xd9\xb2\xa5m\xdb\xb6\xe5\xe5\xe5\x8c\xd5\x00\x9a\xa6\xf9|~XX\xd8\xe9\xd3\xa7\xfb\xf5\xeb\xf7N\x12\xca`\x8f\x0e\x1c8\xd0\xb4iS\x99LVZZj\xf1\x8fo4\x1a\x05\x02\x81@ HJJZ\xb5j\xd5\xe9\xd3\xa7\xe1\xeb|&gt;\xdf\xcb\xcb\xaba\xc3\x86...&lt;\x1e\xaf\xaa\xaa\xea\xc1\x83\x07\xb9\xb9\xb9J\xa5211\xf1\xe0\xc1\x83\x93&amp;MZ\xbe|9EQ\x8c\xda\xc7\x00\xb7\xa9}\xfb\xf6\x87\x0e\x1d\x8a\x8b\x8bc\xce\xc2l\x1b\x14\x80\xda\x02\x1e\xe8\x93\'O\x06\x04\x04\xf0x&lt;\x06z4,\x16\xcb`0\xb8\xb8\xb8\xb8\xb9\xb9\x11\x04\xd1\xb5k\xd7&gt;}\xfa\xb4o\xdf\xbeQ\xa3F\xce\xce\xce`\xe0h\x9a\xae\xa8\xa8\xc8\xcd\xcd\xdd\xb4i\xd3\xce\x9d;o\xdd\xba\xd5\xaf_\xbf\x93\'O\xfa\xfb\xfb3\xc4\x0b~\x1e\xa8[\xb4m\xdbv\xfd\xfa\xf5\xef\xaa\x0c\x00\xf6\xe8\xfc\xf9\xf3\xef\xbd\xf7\x1e\xc1\x80*\xa5\xd1h\xe4r\xb9\xf7\xef\xdf_\xbat)\x14N\t\x82\xe8\xd8\xb1\xe3\xa0A\x83\xda\xb7o\xdf\xb0aCggg\xc8\xf3\x18\x8dF\x9dN\xf7\xe8\xd1\xa3\x13\'N\xfc\xf8\xe3\x8f\xb7n\xddZ\xb7n]QQ\xd1\xb6m\xdb\x18\xd5l\xc3f\xb3u:]TT\xd4\x86\r\x1b\xaa\xaa\xaa\x1c\x1d\x1d\xdfU\xee\x0e\xf9\x17\x98\xf8\x02\xdb\x06`w.]\xba\x14\x12\x12B0u\xd0\x15h\xc0\x97_~y\xe4\xc8\x91\xa3G\x8fN\x9f&gt;\xdd\xcf\xcf\x8f\xcb\xe5VVV\x96\x95\x95\x95\x95\x95A\xa93""b\xc7\x8e\x1d\xbf\xfc\xf2\x8b@ (//\x9f6m\x1a\x93_N\x16\x8bU]]\x1d\x18\x18\xf8\xe0\xc1\x83\xf2\xf2\xf2wr^&lt;\x9b\xcd\xae\xae\xae~\xfc\xf8qdd$\x13\n\x004M;::&amp;\'\'\x83\xf5\xef\xd4\xa9\xd3\x91#G\x8e\x1f?&gt;e\xca\x14ooo\x16\x8bUQQ\xa1R\xa9\x94J\xa5J\xa5\xaa\xae\xae\xf6\xf0\xf0\x982e\xca\xb9s\xe7\xbaw\xefN\x10\xc4\xbe}\xfbV\xadZ%\x93\xc9\x98\xa3\x01l6[\xab\xd5\xfa\xfb\xfb;::\xde\xbcy\x93`\x80\xca\xda\x03(\x00\xb5\x028\x9e\x1a\x8d\xe6\xe1\xc3\x87!!!:\x9d\x8e\x99\xe6\x12\xde:\x1f\x1f\x1f\xc8\x0b\x97\x96\x96VUUA\xb0\xc2\xe1p8\x1c\x0e\xb4\xd2WVV\x16\x17\x17\x8f\x1b7\xee\xd3O?%\x08"55\xf5\xe4\xc9\x93\xce\xce\xce\xcc1\x1f5\x01_\xb2i\xd3\xa6|&gt;?77\x97xkS\x02\xe9\xf2\x07\x0f\x1e\xe8\xf5z///&amp;Ls\x82\x1d\t\xc3\x87\x0f\xff\xe8\xa3\x8f\x96-[v\xe2\xc4\x89\xee\xdd\xbbWUU\x95\x96\x96j\xb5Z\x82 Lw\x10\x1a\xb7\x0c\x06Cqq\xb1X,\xde\xb9s\xa7\x8f\x8f\x0f\x9b\xcd\xfe\xf1\xc7\x1f\xef\xde\xbd\xcb\xe7\xf3\x99cgI\x92\x94\xc9du\xea\xd4\xc9\xc8\xc8 P\x00\xcc\x02\n@\xad\x00\xcf\xee\xc3\x87\x0f\x05\x02A\xf3\xe6\xcd\xab\xab\xab-n2^\x06\xf8\xcbP\xa2\xe0r\xb9\xcf\xf7\x87\xb0X,\xb0#\x15\x15\x15\x13&amp;L\xf0\xf0\xf0`\xb1X\x7f\xfe\xf9\'\x8f\xc7c\xec+J\x92\xa4T*m\xda\xb4i^^\x1e\xf1\xd6\xa6\x04~&lt;33\xd3\xd5\xd5\xd5\xc3\xc3\x83!\x03\x9dX,VUU\xd5O?\xfd4k\xd6,\x8dF\x03\xb1\x0e\xdc\xc1\x17~3\x8f\xc7S\xab\xd5...qqq4M\x97\x96\x96\x9e&lt;y\xd2\xc9\xc9\xa9\x96\xc6\xa6\xbe\x01p\x9d\x03\x02\x02\xd2\xd3\xd3\t\x14\x00\xb3\x80\x02P+\xc0\xb3{\xf3\xe6MGGG777\x86\x98\x8c\x97\x01\xde\xe2\x7f~\x8f^\xaf\xf7\xf0\xf0\x08\t\t1\x1a\x8d\xf9\xf9\xf9L\xc8\x84\xbc\x0c\xc8P5j\xd4(\'\'\x87xG\x02p\xe9\xd2%oo\xefZ\x9a1\xf7\xc6\x80\xe9\'^\xad\xbb\x9f\xc7\xe3\xc1\x9e[ggg\x16\x8b\x95\x91\x91\x01E\x82\xda_\xe6+\xc1b\xb1X,Vpp0\xdc5\xc6&gt;]\xb6\x04^\xe2Z\xe4\xe6\xcd\x9b\r\x1a4x\'9h\x86\xc0\xe5r\xeb\xd6\xadK\x10DYYYuu5c_Q\xb0k\xcd\x9a5\xbb\x7f\xff&gt;\xf1\xd6\x05\x18\xf8\xf1\'O\x9exzz2M\xc8_E\xbckB\x92\xa4\\.\xafS\xa7\x8e\xd1h|\xf2\xe4\t\xa3\x1a\x81`;X\x9d:u*++\xf5z=s\x16f\xc30\xf4\x05\xb6v\xc0\xe2\x17\x14\x14xxx\xd8\x92\x00\x10\xd6\xe3\x97\xb1X\xac\xc6\x8d\x1b\xdf\xbbw\x8fxG\x02p\xfd\xfa\xf5\x80\x80\x80\xb7\xffm\x16\x87\xc3\xe1\xf0\xf9|\x82 H\x92d\xd4\x93\t\xd9\xc8\x16-Z\xa8T\xaa\xca\xcaJFE\'\xb6\x8au\xbc\xccV\x07\xd8\x88\xc7\x8f\x1f7n\xdc\x98\xc9\r3\xaf\x0bM\xd3J\xa5\x92 \x08ggg&gt;\x9f\xcf\xa8dHMX,\x96^\xaf\xf7\xf4\xf4\xd4j\xb5pd\xe3\xdb\x98\x12\x18Y\xacR\xa9d2\x19\xc3\xb3y\xff\tl\x94S\xab\xd5\x04A\xc8d2\x8b\xeffx\x06\xe8n2\x1a\x8d\x10\xba\xa1\x00\xd46(\x00\xb5\x02\xd8\x88;w\xeexyyYz-\xef\x0c\x0e\x87\xa3V\xab\xf3\xf2\xf2X,V\xf3\xe6\xcd\x05\x02\x01\x93\x05@\xa7\xd3\xc1\xfe;\xf0%\xdf\xf8W\x81~WTTTWW\xfb\xf9\xf91\xa1\x05\xe8\x8d1\x1a\x8d|&gt;\xff\xfe\xfd\xfb\x8f\x1f?&amp;\x08\xc2\xd7\xd7\x97Q\xe1)t+yzz\xba\xb9\xb9\xdd\xbau\x8b@\x01\xa8}P\x00j\x11&gt;\x9fo\xd5\xf6\xa2&amp;$I:99]\xb8p\xe1\xfa\xf5\xebF\xa3\xb1S\xa7NL\x9b%\xf0\x0cP\xb5f\xb3\xd9&lt;\x1e\xef\xed\x7f\x9b@ \x80\xa8\xc2Z2`/\x84$I\xa1P\x98\x98\x98h0\x18\xf8|\xfe{\xef\xbd\xa7\xd5j\x99\xf6\x89(\x8a2\x18\x0c"\x91\xc8\xd2\x0b\xb1\x0b\x98u\xefm\x03\xf0\x19\xcb\xca\xca\x14\nE``\xa0\rh\x00\x8c\xb5 I\xf2\x9bo\xbe\xa1i\xbaE\x8b\x16=z\xf4`\xf2\xe9f`\xac\xeb\xd5\xab\xe7\xec\xec|\xf5\xeaU\xe2-|I\xf8\xc1;w\xee8::\xba\xb8\xb8X\xef!0z\xbd\xde\xc5\xc5%33\x13\x0e\xde\x8a\x89\x89\t\x0b\x0bc\xdaPk\x18O\xd2\xa0A\x83\xeb\xd7\xaf[z-v\x01\x83\xee\xbd-\x01\x06H\xa7\xd3\xd9@\xd6\x18&lt;}\xb9\\\xfe\xc9\'\x9f\xa4\xa4\xa4\x10\x04\xf1\xd5W_\xc1\x002K/\xed\xdf\x80l2\x9f\xcf\x87\xa2\xc5\xbb\x12\x00\x83\xc1\xc0\xe4\xbbi|\x0e8\x1b\xc0h4zxx\xdc\xbe}{\xc4\x88\x11J\xa5\xd2\xd3\xd3\xf3\xdbo\xbfe\xa0k\x02;(M\x02\x80)\xa0\xda\x06\x05\xa0\xb6\x80\xa6fk\xb7\xfe\x14E\xf1x&lt;\'\'\xa7\xa9S\xa7\xae_\xbf\x9e \x88Y\xb3f\r\x1a4\xa8\xac\xac\x8c\xb1\xee\xbf\t8\xc7\xe6\x9dL\xed\x87]o\x8cj\x9a|\x1e\xd3\x96=\x80\xcb\xe5\n\x04\x02\x89D\xe2\xe6\xe6\xc6\xe3\xf1\xb6o\xdf\xde\xb9s\xe7k\xd7\xae\xd5\xabWo\xef\xde\xbd\r\x1b6dl#/d\xa8,\xbd\n\xbb\x00\x87\xc1\xd5.L\xb6\x17\xff\tI\x92b\xb1\xb8\xbc\xbc|\xd4\xa8Q\x89\x89\x89\x04AL\x9d:u\xd9\xb2eL\x1e\x05\xfa&lt;\xef\xc4\x8b\x84_\xc2\xe4\xbb\t\x15\xd4\x9a\x0e\x07I\x92\xe5\xe5\xe5\x85\x85\x85\x17.\\HHH\x80\x01;\x03\x06\x0c\xf8\xf6\xdbo\xa1&lt;\xce\xd8\x9b\x88\r\xa0f\x03\x05\x00y1\xb0c(##c\xdc\xb8q\xb03\xf3\xeb\xaf\xbf\x9e;w.\xec;E\x18\x05I\x92...K\x97.\xdd\xb4i\x13\x8f\xc7\x83\x19M\xd0\xeeYYYI\x10D\xe3\xc6\x8d\xe7\xcc\x993d\xc8\x90\x90\x90\x90\x8a\x8a\x8a\xb2\xb22FM\x01B,\x05\n\x00\xf2\x02\xc0\xa0$&amp;&amp;\x8e\x1d;\xb6\xbc\xbc\xdc\xcd\xcdm\xed\xda\xb5C\x86\x0cQ(\x14\x90\xda\xb2\xf4\x02\x91ga\xb3\xd9\x8f\x1f?\x86\x8do\xcfc0\x18\n\x0b\x0b\xcf\x9c9\xa3\xd3\xe9BCC\xb9\\nUU\x15c#\x00\xc4l\xa0\x00\xd4.\xd6\xe8dQ\x14%\x93\xc9\x0e\x1f&gt;\xfc\xc1\x07\x1f\x18\x0c\x86\xe0\xe0\xe0\xed\xdb\xb7\xfb\xf9\xf9\x95\x94\x940\xea\x14\xdc\xff\xe4\x1d\xe6m\x18\xaey\xb0E\xe3\xa3\x8f&gt;\x8a\x8e\x8e\x86\xd6~\xa3\xd1\xa8\xd7\xeb\xcb\xcb\xcb\x1f=zt\xf3\xe6\xcd\x0b\x17.\xec\xde\xbd{\xf7\xee\xdd\\.766\xf6\x8b/\xbe\xf0\xf7\xf7gr!\x87\xe1\x17\xdcf\xb0\xa6\xf7\xd9\xba\xa0i\x9a\xa6i&amp;\x8f\xcc|!4M;88\x14\x14\x14\x8c\x1b7\xce`0\x84\x87\x87\x1f&lt;xP.\x97\x97\x96\x96\xbe\x93\x86z\xb3\x01\r\x85\x90\x19\x7f\xfb\xdf\x06\xb9u\xc6Z%\xf8\x98^^^\xfe\xfe\xfe5\xbf\xcef\xb3M\x03\xbd\xf3\xf2\xf2\xb6m\xdb\xb6i\xd3\xa6\xbd{\xf7\x9e&lt;yr\xcb\x96-\xfd\xfa\xf5c\xa6\x06\xb0\xd9l\x86\xf7\x98\xd9\x0cL\xec\x01\xb0v\xa0\x84\xe5\xec\xec,\x16\x8b\x0b\x0b\x0b\x05\x02\x81\x15i\x00M\xd3"\x91h\xd5\xaaU\n\x85\xc2\xd3\xd3s\xc7\x8e\x1d2\x99\xac\xa2\xa2\xc2\xea\xac?\x8f\xc7S(\x14UUUM\x9a4!\xde\xc2\xa3\x84\x1f\x0c\x0c\x0c\xac\xa8\xa8x\xf4\xe8\x11c\x15\x1d\x06\xe9\x94\xfd/J\xa5\xb2\xa4\xa4D\xa9TR\x14\x15\x14\x14\xf4\xf3\xcf?\x9f8q\xa2a\xc3\x86eeeC\x87\x0eMNNf\xda\xa1\x0epB\xf5\xf5\xeb\xd7\xc3\xc3\xc3\t\x8c\x03j\x1f\x14\x80Z\xc1h4::::;;\x17\x16\x16ZQ\xb5\rF\x05&lt;y\xf2\xe4\xd8\xb1c\x04AL\x9b6\xcd\xdb\xdb\xbb\xa2\xa2\xc2\xba2?\x00\x97\xcb\x05\x01h\xdc\xb81\xf1\xd6\x02 \x97\xcb\r\x06\x03\x03\xf7\xcd\xd6\xe4\x996PS3(\xf8\xf8\x1a\x8d\xa6\xb8\xb8\xb8K\x97.\t\t\tR\xa9T\xaf\xd7\xc7\xc5\xc5\xe9\xf5z\xa6E\x00F\xa3\x11\xcaN\x96^\x88]\xc0\xdc\xa7\xd9\x060\x18\x0cB\xa1\xd0Z\xac?\xf1\xf4\x9c\xf1\x82\x82\x82\xfb\xf7\xef\x0b\x04\x82&gt;}\xfah4\x1ak\xb4\xfe\xc4\xd3\xa3\xe1\t\x82\xd0\xeb\xf5o\xff\xdbH\x92\xa4(\xca\x8an\xe5\xf3\xc0T\x8c\'O\x9e\xb4n\xddz\xda\xb4i\x04Adff\xfe\xf5\xd7_L\x0b\x02 w\xfaN\xee\x1a\xf2\x9f\xa0\x00\xd4\n`)\x02\x03\x03\x99v\xe6\xc6\xbf\x03\xdb\xa6\x9e&lt;yb4\x1a\x1b7n\xec\xe9\xe9\xf9N\x12\xe8\xe6\xc7h4\n\x85\xc2\x9c\x9c\x1c\x17\x17\x17\xb9\\\xfe6c\x8b\xe0\xf6\xc9\xe5r\xb1X|\xe5\xca\x15GGG\xc6\x8e\xc0{\x15x&lt;\x9eF\xa3\x198p\xa0P(d\xb1X\xa7O\x9f\xe6p8\x0cy&gt;!\x00}\xf8\xf0\xa1B\xa1h\xd9\xb2%\x81)\xa0\xda\x07\x05\xa0V\x807\xca\xd9\xd9Y\xa5RYz-\xaf\x07\x9b\xcd\x86\x83\xe0\xeb\xd4\xa9#\x12\x89\x18&gt;\xf1\xede\x80\x92A\xf2\xea\xed\xab\x17\xf0\xdb\\\\\\\xd4j\xb55^\x8d\x9a@\xb9\xb8^\xbdz\r\x1b64\x1a\x8d7o\xde4\x18\x0c\xcc\xc9k\xc1!\xd5\x0e\x0e\x0e2\x99\x8c@\x01\xa8}\x98r\xe3m\x0cxp\x83\x83\x83o\xdf\xbem]6\x94\xc5b\xa9\xd5j\x92$\xab\xab\xab\xb9\\.C|\xc3\xd7\x05\x96}\xf5\xeaU\x1f\x1f\x1f\xe2\xad\x9bq\xc1\xe5\xf7\xf5\xf5\xbd|\xf9\xb2\x15\xc5s/\x84\xc5b\xd14-\x14\n\xa5R)A\x10\xe5\xe5\xe5\xcc\x99n\x04\x0b\xbbv\xed\x9aT*\x95H$\xd6\xf5\xe2X)V\x99\xde\xb5\x16\xea\xd5\xab\xa7R\xa9\x18\xe5a\xfd;\xe0\x7f\x85\x84\x84|\xfe\xf9\xe7\xcd\x9a5\xd3\xe9t\xd6\xfb\x06\x1a\x8d\xc6\xc7\x8f\x1f{zz\x12\xefh7F\x9d:u\xe0\x88y\x1b\x00\xf2\xec\x04A\xb0\xd9lF\xddb\x16\x8bUTT$\x93\xc9\xa0\x1d\xc8\xd2\xcb\xb1}P\x00j\x05\xb0\xf8\xfe\xfe\xfe\xb0\x13\xc7\xd5\xd5\x959~\xd6\xbf\x00\xad\x84!!!\xed\xdb\xb7\'I\xb2\xa2\xa2\x82\xf9k~!\xd0\xfc~\xfd\xfa\xf5\xde\xbd{\x13\xef\xe8H\xc8\xb6m\xdb&amp;&amp;&amp;\xeat:\xa6\xb5\xcd\xbc\x16\xb0=B\xa3\xd1\x94\x94\x94\x10\x04\xe1\xe2\xe2\xc2\xe7\xf3\x19\xb2+\x18t:===$$\x84\xb0\xceM\x94V\x87ux\xa6V\x07$\n\\\\\\8\x1c\xce\xf5\xeb\xd7\xad\xa8\x17\x08\xce\xd2*)))++\xb3R\xeb\x0f)\xfb\x92\x92\x92\xc7\x8f\x1fC\n\xe8-?\x08\xc8y``\xa0Z\xadf\xf2V\x80W\xc1\xd4\xe8\xf5\xf0\xe1C\x82 \xfc\xfc\xfc\x98\x93\xe83\xc96n\x020\x1b(\x00\xb5\x05l\xa9m\xdc\xb8qFF\x06\x97\xcb\xb5\xae\xd6\x11\xa6e\x06^\x0b\xa3\xd1\xe8\xe0\xe0\x00\xc3/\xe1H\xce\xb7\x8f\x00\x8cF\xa3\xbb\xbb\xbb\x93\x93\xd3\xb5k\xd7\x98#\xe7o\xb0\x0c\x8a\xa2\x1c\x1c\x1c\xf6\xee\xdd\x0b\xfd]]\xbataHl\n{\xf7\x8a\x8a\x8aJJJ \x02`\xc2\xaal\x1e\x14\x80\xda\x02^\xce\xc8\xc8\xc8\xec\xeclK\xaf\xe55\x80\xe3\xcc\x9c\x9d\x9d\xad\xb7\xdf\x11\x9c\xdc\xac\xac,///GG\xc7w2\xc4\x9f\xa6i.\x97\xdb\xb8q\xe33g\xce0D\xcea\xdb\x17I\x92\xaf\xbe\x18\x83\xc1 \x93\xc9233\xb7l\xd9\xc2b\xb1Z\xb5j\x15\x19\x19\xc9\x90\x93\xdd`\xefdff\xa6\xd1h\x84\x0e%k\xa9\x9cY5x\x89k\x0bx|\xdf{\xef\xbd\xbc\xbc&lt;\x86\xe4X\xff\x13H\x9e\x18\x8d\xc6\xb3g\xcf\xe6\xe4\xe4\x08\x85BK\xaf\xe8M\x00\xe9=\x7f\xfe|TT\x14\xf1\x8eR\xc9\xf0K\xbav\xedz\xe1\xc2\x05&amp;t\xa7@7guu\xb5\x9b\x9b\x9b\xa3\xa3\xa3\xd1h\x84\xadjp\x06\x8e\xe9#\xc3\xbfi\x9a\x86\xff\xea\xea\xea\xfa\xf8\xf1\xe3Q\xa3FUTT\x18\x8d\xc6/\xbf\xfcR \x100A\xcc\x88\xa7\x12{\xe6\xcc\x99\xe0\xe0`&gt;\x9f\xcf\x90U\xd9&lt;(\x00\xb5\x85\xa9\x13T\xab\xd5\xe6\xe7\xe73\'o\xf0\xef\xb0X\xac\xd1\xa3Gw\xeb\xd6-22r\xeb\xd6\xadNNNV\xd7\x8c\x01E\xcek\xd7\xaeu\xe9\xd2\x85x\xaa\xc4o\xff;\t\x82\xe8\xd3\xa7\xcf\xa3G\x8f\x9e&lt;yb\xd9\xf1\x1eP\xc8\xd5j\xb5\xb1\xb1\xb1\xf3\xe6\xcd\xbbv\xed\x1a\x9f\xcfwuu\x95\xc9d\x8e\x8e\x8e&lt;\x1e\xcf\xf4\x91a\xf7\xafH$rqqqvv&gt;v\xecX\xb7n\xdd\xe0\x90\xe4\x05\x0b\x16\xf4\xec\xd9\x939g\xfb@\x9e-55566\xd6\xd2k\xb1#\xb0\x0b\xa8\xb6`\xb1X\x14E\x89\xc5\xe2&amp;M\x9a\\\xb8p!$$D\xa3\xd10\xe4e{!p\x88\xee\xd5\xabW\x0f\x1f&gt;\xccf\xb3\r\x06\xc3\xd6\xad[\xc7\x8e\x1dkqo\xf7\xb5\x80=\xc0\xf9\xf9\xf9:\x9d.88\x98xw\xe3\xa0i\x9an\xd8\xb0\xa1\x8b\x8bKZZZ\xdf\xbe}-;G\x132$\xe9\xe9\xe9\xa9\xa9\xa9\xdf}\xf7]hhh\xbbv\xed\xc2\xc3\xc3\xbd\xbc\xbc\xdc\xdd\xddA\x06\x08\x820\x18\x0ceee\x8f\x1e=\xba|\xf9\xf2\xa1C\x87\xfe\xfa\xeb/\x82 8\x1c\xce\xc2\x85\x0b\xe7\xcd\x9b\xc7\x9cQ\xa0\x90\xb5\xbb\x7f\xff\xfe\xe3\xc7\x8f;t\xe8@\xbc#\xd9F\xfe\x13\x14\x80Z\xc4T\x068z\xf4\xe8\x94)S,\xbd\x9c\xd7\xc0\xba\x8c~M(\x8a\x12\n\x85III\xf5\xeb\xd7\x17\x8b\xc5\x14E\xbd+\x1b\x079\x8av\xed\xda\xed\xdd\xbb\xb7\x7f\xff\xfe\x16\x8c\x00\xc0\xb7\x10\x89D\x8b\x17/\xde\xb1cG^^\xde\xc5\x8b\x17/^\xbc\x08\xff\t\xa6_888\xb0X,\xadV\xabP(\x14\n\x85\xe9g\xa3\xa2\xa2\xbe\xf8\xe2\x8b\xae]\xbb\xaaT*\xe6\x18Y\x9a\xa6\x9d\x9c\x9cv\xef\xde-\x95J\x1b7nL\xd34s\xd6f\xdb\xa0\x00\xd4"\xf0\x10\xc7\xc6\xc6\xfe\xf1\xc7\x1fJ\xa5\x929\xfdv/\x04v\x81\xf9\xfa\xfa\xf6\xec\xd9\xf3\xf8\xf1\xe3l6{\xc4\x88\x11\x0c_\xf3\xcb8{\xf6lLL\x0c\xf1N{\xc9A\x14cbb\xc6\x8c\x19SVV\xc6\x84f\xd09s\xe6L\x980\xe1\xd2\xa5K\xff\xfc\xf3Ozz\xfa\x8d\x1b7\x8a\x8a\x8aJKKKKKk~\x9bH$j\xd6\xacY\x9b6m\xfa\xf5\xeb\xd7\xa9S\'\x1e\x8f\xa7T*\x19\xe2\xfb\x03\xd0z\xb0\x7f\xff\xfen\xdd\xba\x11\x04\x81\x02`6\xac{_;\xf3\x81ZVxx\xf8\xfc\xf9\xf3\x19{\xfe\x86\th\xc5\xd3\xe9t\x17/^\x94H$!!!:\x9d\xce\xd2\x8bz\r`\xfd*\x95\xaas\xe7\xce\x7f\xff\xfd74\x93\xbc\xc3h\x06j\xad\xcd\x9b7_\xb3fM\xaf^\xbd,~7)\x8a\xe2r\xb9"\x91\x88\xc7\xe3UWW+\x14\x8a\xe2\xe2\xe2\xd2\xd2R\xb5Z\r7N(\x14J$\x92:u\xeaxzzB&lt;\xa4V\xabi\x9af\xd4C\x08\xad\x07j\xb5:$$\xe4\xef\xbf\xff\xf6\xf7\xf7G\x010\x1b\x18\x01\xd4.\x907\x88\x8e\x8e\xde\xb7o\xdf\x80\x01\x03\x18.\xb7\xd0[\xc2\xe5r\xbbu\xebFQTUU\x95u\xe5\x82 \x93\xb0s\xe7\xce\x06\r\x1a4l\xd8\xf0\x9d\xdb\x11\x8a\xa2x&lt;^lll|||\xbf~\xfd,~79\x1c\x0eM\xd3\xe5\xe5\xe5P\x12pvv\x96\xc9d\xfe\xfe\xfe\xa6m\x1c\xd0\x02d0\x18\xf4z\xbdR\xa9\x84\x1fa\x94\xf5\'j\xe4\x7f\x1a7n\xec\xe7\xe7\x87\xd6\xdf\x9c\xa0\x00\xd4.\xf0(\x7f\xf8\xe1\x87\xef\xbd\xf7\xde\xc3\x87\x0f\x9d\x9d\x9d\xe1pAK\xaf\xeb\xa5@\xb5\xb3\xbc\xbc\x9c\xc5bY\xe3{h4\x1a\xb7l\xd92|\xf8p\xa2\x162\t\xf0\xdb&amp;M\x9a\xd4\xb5kW\x86\xdcM\xd8\r\x00\xff&amp;I\xd2`0&lt;#K\xac\xa70\xcd\xee?\xc3o\xbf\xfd6n\xdc8(oX\xe3\x83g\xa5\xe0\x85\xae]`w\xbb\xbf\xbf\x7f\xa3F\x8d\x8e\x1e=\xea\xe4\xe4\xc4\xfc\x06g0\x16V\xf7\x12\xc2N\xa2k\xd7\xae=z\xf4h\xc8\x90!\xc4\xd3\xde\xcdw\x08\xdcM\x1f\x1f\x9ff\xcd\x9a\xed\xda\xb5\x0b\x92*\xef\xf6O\xbc\r\xa0\xd9\xcf\x9c\x08\xc6\xf0M\xdd\xe0\xfe_\xbat\xe9\xc1\x83\x07C\x87\x0e\x85\x0eWK/\xca\x8e\xb0\xb2\x97\xdc\x1a\x81}C\xe3\xc6\x8d\xdb\xbau\xab\xd5YU+\x82\xa2(GG\xc7\xad[\xb7\xb6m\xdb\xb6N\x9d:\xefd\x03\xf0\xf3\x80\x7f=i\xd2\xa4\xed\xdb\xb7[\xd1\x9cW\xc6\x02\x13S6m\xda\xd4\xad[7\x10T&amp;\xcb\x95\xed\x81\x8fo\xad\x03\'.\r\x1d:\xb4\xb0\xb0\xf0\xdc\xb9sV\x11\x04X#p\n\xfc\x9e={\xa6M\x9bV{\xd9y6\x9bm4\x1accc\x95J\xe5\xfe\xfd\xfb%\x12\t\xa3\x82\x00\xeb\x026m\x14\x14\x14\xec\xdf\xbf?..\x8e\xc0\xf6\x7f\xb3\x83\x97\xbb\xd6\x81\xac\xbaX,\x1e0`\xc0\x86\r\x1b\x1c\x1c\x1cP\x00\xde9$IJ$\x92\x03\x07\x0e\xb8\xb9\xb9EEE\xd5^&amp;\x01\xee\xa6\x83\x83\xc3\xa7\x9f~\xfa\xcb/\xbfXi\x9b,C\xa0(\xca\xc9\xc9i\xdb\xb6m\x1d:t\x08\x0c\x0c\xc4\xec\xbf\xf9\xc16Ps\x00\xd5\xc8\x1b7n\xb4k\xd7.==\xdd\xcd\xcdM\xaf\xd7c\xa8\xfb\x0e\xa1iZ"\x91\x84\x85\x85M\x9d:\xf5\xa3\x8f&gt;"I\xb2\xf6\xce\xb2\x87\x01;:\x9d.44\xf4\x97_~\x89\x88\x88P\xab\xd5h\xb9\xde\x00x\x05"""\xf6\xec\xd9\xd3\xb2eK\x1c\x00g~\xf0r\x9b\x038\xde\xc8\xdb\xdb\xbb]\xbbv\xcb\x96-\xb3\xc6\x01;L\x86\xa2(\xa9T\xbao\xdf&gt;\xa5R9b\xc4\x88\xda.$\xc2\xd4\x1a\xa1P8y\xf2\xe4/\xbe\xf8\x829\x87\xaa[\x17$IJ\xa5\xd2\x15+V\x04\x04\x04\x04\x05\x05a\xf7\xa7E\xc0\x08\xc0L@)877\xb7}\xfb\xf6\x97/_\xb6\x963\xc2\xac\x02p\xffCBB&amp;N\x9c8e\xca\x94w8\xfe\xe1e@\x10@\x92d\xa3F\x8d~\xfc\xf1\xc7\xc1\x83\x073mo-\xc31\x1a\x8d|&gt;\xbf\xb4\xb44   --\xcd\xcf\xcf\x0f\xdd\x7f\x8b\x80W\xdcL\x98\xfaA;t\xe8\xf0\xed\xb7\xdfB\x0b\xb9\xa5\x17e\x0bP\x14%\x93\xc9\xc0\xfd\xff\xe8\xa3\x8f\xcc\xe3HB\x10\xc0\xe7\xf3\x97.]\xfa\xed\xb7\xdf\xa2\x96\xbf.\x90\xfd\xff\xfa\xeb\xaf\xfb\xf7\xef\x8f[\x7f-\x08F\x00\xe6\x03\x82\x80\xeb\xd7\xafw\xea\xd4\xe9\xcc\x993\xf5\xea\xd5\xc3J\xc0\xdbC\xd3\xb4H$j\xdd\xbau\\\\\xdc\xe8\xd1\xa3\xcd\xe0\xfe\x9b\x80\xbf\x15\x1c\x1c\xfc\xc1\x07\x1f\xcc\x993\xa7\xa4\xa4\xa4\xf6\n\x0f\xb6\x04L\xc9\xcd\xc8\xc8\x88\x8e\x8e.,,\x94J\xa5\xb0U\xcd\xd2\xeb\xb2GPu\xcd\x07T\x02|||\x86\x0e\x1d:m\xda4\xac\x04\xbc=$I\xba\xb8\xb8\xac^\xbd\x1a\x8e10\xa7\xf5\'\x9e\xc6\x01\x1b6lX\xb6l\xd9\xad[\xb7\x1c\x1c\x1c\xd0\x9dz\x15\xc0\xd6\x7f\xfc\xf1\xc7_|\xf1\x85\\.\x7f\xb7\xf3\x9a\x90\xd7\x02#\x00\xb3\x02\xb3Y***\x82\x82\x826o\xde\xdc\xb9sg\xe6\x9c\xc8au\xc0\x101\xadV\x1b\x1a\x1a\xbag\xcf\x9e\xb6m\xdb\x9a?\x8f\x0c\x923s\xe6\xcc\xbc\xbc\xbc\x13\'N`\x10\xf0\x9f\x18\x0c\x06ww\xf7e\xcb\x96%$$\\\xbe|\xd9\xcc\x9a\x8d&lt;\x03\n\x80\xb9\x81\'~\xdb\xb6m_|\xf1E^^\x9e^\xaf\xb7\xf4\x8a\xac\x15\x92$\xdd\xdc\xdc\x06\x0c\x18\xe0\xe8\xe8\xb8c\xc7\x0e\x8b\x98\x12Pt\x9a\xa6\x03\x03\x03g\xcc\x981i\xd2$\xd4\x80\x7f\x01R\xffyyy\xef\xbd\xf7^jj\xaa\x97\x97\x17\xd6~-\x0b\n\x80\x05\x80.\xf5\xe8\xe8\xe8\xb0\xb0\xb0o\xbf\xfd\xb6\xb8\xb8\x18\xceoB^\x1d\x8a\xa2$\x12\xc9\xe9\xd3\xa7\xc7\x8f\x1f\x7f\xed\xda5\x91Hd\xa9\xa17P\xc0LKK\xeb\xd2\xa5\xcb\x95+W\xea\xd4\xa9S]]\x8dF\xed\x85\xd04-\x95J\x03\x03\x03G\x8e\x1c9g\xce\x1ct\xff-\x0e\n\x80\x05\x80\x9d\xc0EEE!!!G\x8f\x1e\r\x08\x08P\xab\xd5\xf8&amp;\xbc:\x905\xe6\xf3\xf9-[\xb6\xfc\xf1\xc7\x1f\xfb\xf6\xedkYS\x02\x7f}\xc9\x92%\xbbw\xef\xce\xca\xca*//G\x01x\x1eH\xfeL\x980\xe1\xf6\xed\xdb\xa7N\x9d\xaa\xd5\xcdz\xc8+\x82\x02`\x19\xc0dl\xdd\xba\xf5\xab\xaf\xbe\xca\xcd\xcd\xad\xae\xae\xc6R\xd8\xab\x03\xc9\x9fA\x83\x06988\xec\xd8\xb1\x83\t\xa6\x04\xd6\xd0\xa5K\x17//\xaf\x8d\x1b7\x16\x15\x15\xf1\xf9|\xcb.\x89Q\x80\xf5\x8f\x8f\x8f\x9f:u\xea\x8d\x1b7$\x12\tv\xfe0\x01\x14\x00\x8b\x01&amp;c\xc0\x80\x01\\.7!!\x01s\xc7\xaf\x08\x98\x9</t>
        </is>
      </c>
    </row>
    <row r="299">
      <c r="A299" s="1" t="n">
        <v>297</v>
      </c>
      <c r="B299" t="inlineStr">
        <is>
          <t>color_grid</t>
        </is>
      </c>
      <c r="C299" t="inlineStr">
        <is>
          <t>What is the color of the missing part denoted with a question mark?</t>
        </is>
      </c>
      <c r="D299" t="inlineStr">
        <is>
          <t>['purple', 'blue', 'red', 'green']</t>
        </is>
      </c>
      <c r="E299" t="inlineStr">
        <is>
          <t>green</t>
        </is>
      </c>
      <c r="F299" t="inlineStr">
        <is>
          <t>There are circles with different colors arranged with a grid formation in the image. The colors in the first row are ['blue', 'green', 'blue'], the colors in the second row are ['green', 'orange', 'green'], and the colors in the third row are ['blue', '?', 'blue'].</t>
        </is>
      </c>
      <c r="G299" t="inlineStr">
        <is>
          <t>We observe that the circles at the corners are blue, while the circles directly adjacent to the center are green. Only the center circle is orange. Hence, the pattern is that the circles alternate in color depending on if they are at the corner or adjacent to the center.</t>
        </is>
      </c>
      <c r="H299" t="inlineStr">
        <is>
          <t>Based on the pattern that the circles alternate in color depending on if they are at the corner or adjacent to the center, the missing color of the part that is adjacent to the center should be green.</t>
        </is>
      </c>
      <c r="I299" t="inlineStr">
        <is>
          <t>b'\x89PNG\r\n\x1a\n\x00\x00\x00\rIHDR\x00\x00\x02\x00\x00\x00\x02\x00\x08\x02\x00\x00\x00{\x1aC\xad\x00\x00\x7f\x9cIDATx\x9c\xed\xddy|T\xd5\xf9?\xf0\xe7\x9c\xbb\xcc\x92\x99\xec!\t\x81\x10B6H\xc2&amp;\x01\x05EYD\xb1R\xb5n\xa8P\x04\x17\xfa\xd5j\xd5\xaf?\xab\xadm-]\x14D\xe5k\x8bu)\xd8\xaaX\xaa\xa5\xa0\xa2\x10(j\x15D\x04\x82\x10 \x90\xb0%\x81ld\x9b$\xb3\xdf{\xce\xef\x8f\x0bcL\x02\x82dfn\xe6&gt;\xef?\xfa\xb2f\x9c\xcc|\xf2\xdc\xfb\x9c{\xee\xb9\xf7\x12\xce9 \x84\x102\x1e\x1a\xee\x0f\x80\x10B(&lt;\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c4p\x7f\x00#\xe2\x9c\xf7\xf8\xef\t!!\xfe$\xc6\x84\xf9\x87\x17\xe6\xaf\x1f\xd8\x00\x82\x8bw\x02\x00\x94\xd2\xc0\xffv\xc7\x18\x0b\xfc/\xe9$\x84\x9f7\xd2`\xfe\xe1\x85\xf9\xeb\x1c9S7F\xdf\x9bV\xee\x8c1B\x88 \x08\xdd_\xc0\x18s8\x1c\x84\x9c\n_\xfb\x07\xb3\xd9l\xb1Xz|\xb1\xf6V\x94R\xdc\x18\xce\x05\xe6\x1f^\x98\x7f\x1f\x82\r\xa0\xd7hE\xcf9\x17\xc5o\x8e\xabTU\xad\xa9\xa99t\xe8\xd0\x9e={\x1a\x1b\x1b\xb7o\xdf\xa1(J]}]mm]\x97\r\xc0n\xb3eeg\x01\x87\xc2\xe1\x85I\x89\x89c\xc6\x8c\x198p\xe0\xa0A\x83\xacVk\xe7w\x03\x00\xdc\x12ztN\xf9\xef\xd8\xae(J]]]]]\x1d!\xa0\xd5&gt;\x01\xe0\x006\x9b-;+\x8b\x03\x0c/,LLL\xc2\xfc\xcf\x17\xd6\x7f_\x84\r\xa0\x17p\xceUU\r\xd4\xbd\xaa\xaa\xe5\xe5\xe5\xc5\xc5\xc5\x9fo\xde|\xf0`yeeeG{\xdb\xf7x[I\x92\xfb\xa7\xf5\xcf\xcb\xcd\xbd\xe4\x92K\xa6M\x9b6b\xc4\x88\xc0\xc6\xa0(\n\xa5\xf4L\x87\xd2Fs\xa6\xfc7o\xfe\xfc\xe0\xc1\x83\xc7*+;\xda;\xbe\xc7\xdbJ\xb2\xd4\xbf\x7f\xff\xbc\xdc&lt;\xcc\xff\xec\xb0\xfe\xfb.l\x00\x17D\x1b\x92h\xc7\xb9\xaa\xaan\xdb\xb6m\xf5\xea5\xeb\xd6\xaf+/\xaf\xf0\xfb\xbc\x9d_i\xb6\xda$\xb35\xae\xff\x10*\x08\x92\xd9\x96\x941\x8c1U\x1b\xc6p\xce\x05Qr\xd4W\xb57\xd5P*\xb4\xd6\x1e\xf5\xb9;\x9cm-]~\xd7\xa0\x8c\xc1\x93\'O\xba\xfe\xba\xeb\xae\xb8\xe2\x8a\xe8\xe8h8=\xe62\xf2\x80\xa8\x87\xfc\xd7\xac^\xb7n]yy\xb9\xdf\xe7\xef\xfcJK\x94\xd9l5\xf5KO\xa0\x021[Mi\xd9\xc9\x8c1\x02\x04\xb4\xfc%\xa1\xf1DKk}\x1b\x15hCu\x93\xa7\xc3\xdb\xeepv\xf9]\x19\x19\x83&amp;O\x9e|\xddu\xd7c\xfe\x01X\xff}\x1d6\x80\xefIU\xd5@\xe5\x1d?~|\xe5\xca\x95o\xbd\xb5b\xf7\xee\xaf\x03/\xa0\x94D\'\r\xec\x97Y\x9048\xbf_F~\xfc\x80,\x93\xd5n\x89N \x94\x12B\x04Q\xe6\xc0\x01Nm\x02\x04\x08S\x15\xa6\xaa\x84\x10W[\xb3\xdf\xebj\xa99\xdcXy\xa0\xb1\xf2@\xfd\xe1\xdd\xad\xb5G}^O\xe0\x9d\x07\xa6\x0f\xba\xf5\x96[f\xcf\x9e5|\xf8\xf0\xc0\x87\xe9q\xb25\x82\xf5\x90\xff\x8a\xb7v\x7f\xbd;\xf0\x02JhB\xff\xd8\x81\xb9\xa9\x03sR\x06\xe4\xa4\xa4d$Z\xecf[l\x94\xf6\x1f\t\x92\x08\xd0\xb9\xf2\tS\x19S\x19\x10\xe8hqy\xdd\xbe\x86\xaa\xa6\xe3\x87\xeak\x0e5T\x96\x9d8Y\xd5\xec\xf5\xfa\x02/MOO\xbf\xe5\xd6[f\xcf\x9a\x8d\xf9c\xfd\xf7u\xd8\x00\xce\x9b6\xd1\xa9\x15\xdc\x17_|\xb1l\xd9\xb2U\xff\xfe\xb7\xa3\xb5U\xfb\xa9\xd5\x1e\xdb/\xb30}\xf8e\x03\xf2/\x8eO\x1bb\x89N\xa0\x82\xc8TE\xf5\xfb\x18S\x99\xea\xd7v;\x9c\xb3.oK\x08\xd1\xb6\x07*\x8a\x84PQ2QQ\xe4\x9c{\x9dm\xadu\xc7\xea*\xbe&gt;Z\xf2I\xc3\x91=\xad\xf5\xd5\xda\xebEI\x9e&lt;\xe9\x8a\xfb\xee\xbbo\xfa\xf4\xe9\xb2,k\xa3!#l\x06=\xe5\xbf\xca\xd1\xea\xd0~j\x8b\xb6\x0e\xccK\x1d:63{tFJF\xa2-.J\x10\xa8\xaa2\xc5\xa70\xc6UE\x05\x0e\xfc\xdb+\x11\xb5s\x00D\x9b\x8c\x06\x10DJ)\x11eQ\x10\x05\xce\xb9\xbb\xdds\xf2x\xf3\xb1\xbd\'\xf6m\xad\xa8,\xabm\xaci\xd6\xfe+I\x96&amp;]1\t\xf3\xc7\xfa\xef\xd3\xb0\x01\x9c\x87\xces\x9d\x9b6mZ\xb8h\xd1\xc6\r\x1b\xb4\x1fQ\x02\xfd\xf3\x8a2\x8b\xa6\xe5\x8e\xbf6&amp;e\x90 H\xaa\xe2W|\x1e\xa6\xfa9\xe7\x84\x10 \x94\x00\xc0\xb9\x1c\xabj\x7f\x12m\xe5\x1c\x01J\x05Q6\t\x92\x893\xe6r4\x1d\xde^|\xe8\xab\xe2\xea=\x9f{\xdd.\xed\xe5\x85\x85\x85\x0f?\xfc\xf0\xdc\xb9s\xe1\xdb\xe3\xb2\xc8\xd3-\xff\x85\x1b7l\xd4~D\x80\x0c\x19\x99&gt;\xfc\xb2\xdc\x8b\xae\xccOJ\x8b\x17D\xaa\xf8U\xbfO\xd1\xf6\xf8@N\xed_\xce)\x18\x0e\\\xfb\x1bh+\x17\x05*\x99DQ\x129\xe7\xed\xcd\xce=\x9f\x1d\xf8\xfa\xd3\x03\x07\xbe:\xe2q\x9f\x9a\xe20p\xfeX\xff}\x1e6\x80s\xa5\xcd6\x02@yy\xf9\xc2\x85\x0b\x97/\x7f]\x9bC\x90M\xe6\x9cK\xaf+\x982\xb3\x7f\xceE\x92\xd9\xea\xf78\x15\x9fW+zB\xc89U\xfcw\xe1\x9cq\xce\t\x00\x15%\xd9l\xe3\x9c\x9d\xac,+\xdf\xf2A\xe9\xc6\x15\xed\xcd\xf5\xdak\xa6N\x9d\xfa\xf8\xe3\x8fO\x992\x05"\xf4\x88\xb8k\xfe\xaf/\xd7\xc6\x92&amp;\xb3&lt;fZ\xc1\xf8\x1f\x8e\xca,\x1c([d\xaf\xdb\xa7x\x95N\xf9\xf7\xc2\xaf\xe6\xec\xd4\xceH\x14\x05\x93\xd5\xc49?QQ\xbf\xe3?{7\xaf\xde\xd9z\xf2\xd4\xe9M\xc3\xe5\x8f\xf5\x1f\x11\xb0\x01\x9c\x13EQDQ\xf4\xf9|\x8b\x16-z\xee\xf9\xe7[[Z\x00\xc0b\x8f-\x9823\xef\xb2\x1b\xfa\xe7\x8cVU\xbf\xcf\xed\xe4L%T\x08\xe2\x00\x84s\xc6\x19\x01\x90LV\xd1di\xad=z`\xf3\xfb{7\xbd\xddt\xfc0\x00\x00\x90y\xf3\xe6\xfe\xeew\xbf\xeb\xdf\xbf\x7f\x84\r\x85:\xe7\xff\xfc\xf3\xcf\xb5\xb4\xb4\x02\x80-\xda:\xfe\xbaQc\xaf\x1e&gt;\xb8`\x80\xaa0\x8f\xcb\xcb\x19\'4\x98\x97\x0eq`\x8c\x01\x01\x93Y\x96-RCU\xf3\xf6\r\xa5[\xde+\xa9;vR\xfb\xf9\xbcy\xf3"&gt;\x7f\xac\xffH\x82\r\xe0;h\xd7%RJ\xb7l\xd9\xf2\x93\x9f\xfcd\xef\xde\xbd\x00 \xc9\xa6\xdcK\xaf/\xba\xfe\x7f\x92\xb3F\xf8\xdd\x1d&gt;\xaf\x8b\x00!!\\\x94\xc69\xe3\x8c\x89\xb2\xc9\x14\x15\xd3\xdeXS\xf2\xe1\xb2\xd2\r+:Z\x1a\x00 99\xf9\xf7\xbf\xff\xfd\xddw\xdf\r\x111\x14\xea1\x7f\xd9$\x8f\x99\x96?\xed\xc7\x97\x0e\x1a\xd6\xdf\xe3\xf4\xf9\xdc&gt; \x84\xd2\xd0m\xed\x9cs\xc6\xb8$\x8bV\xbb\xb9\xa5\xbe\xed\xe3\x95_~\xbez\x87\xa3\xb1\x1d\x8c\x91?\xd6\x7f\xc4\xc0\x06p6\x81\x02z\xea\xa9\xa7\x9e~\xfa\x19\x9f\xcf\x0b\x00\xe9\x85\x13.\xbd\xe3\xb1\x81\x05\x13\xfc^\x97\xdf\xe3"\x94\x12\x12\xa6\xf5\xc8\x9c3\xa6\n\xa2l\xb6\xc54\x9f8\xfc\xc5\xca\xc5\xfb?}\x971\x0e\x003g\xce\xfc\xf3\x9f\xff\x9c\x90\x90\xa0\x8d\xdd\xc2\xf3\xf1.\xd8\xb7\xf3\x7f\xda\xe7\xf3\x01@^Q\xe6u\xff3%\xb7h\xb0\xd7\xed\xf7\xba\xbc\x94R\x12\xc2]\x7fg\x9cs\xa6rQ\x16\xacvK}e\xe3\x07\xaf|\xfc\xe5\x87\xbb\xb5=f$\xe6\x8f\xf5\x1f\x81\xb0\x01\x9c\x91V\xfd\xb5\xb5\xb5s\xe7\xce-..\x06\x00sT\xf4%3\x1f\x1d}\xed]\x04\xc0\xebj\x0fg\xe9w\xc69c\xaa(\x9be\x8b\xadb\xdb\xbaO\x97\xfd\xba\xb9\xe6(\x00\xe4\xe4\xe4,_\xbe|\xc2\x84\t}t\x1c\xd4=\x7f\xab\xdd2c\xfe\xa4\xc93/\x06B\xdc\x1d\x1eJH\xb8v\xfd\x9dq\x0eLe\xb2Y4[M\xbb&gt;){\xe7\xb9u\xf5U\x8d\x10\x89\xf9c\xfdG\x1el\x00=\xd3\x06\x0e[\xb6l\xb9\xe5\x96[jjj\x00\xa0\x7f\xeeEW?\xf0|RF\xbe\xbb\xbd\x198\'T_%\xc59\xe7L5\xdbb=\x1d\xad\x9f,\x7fj\xdf\xa6\x95\x1c@\x96M/\xbe\xf8\x7f\xf3\xe7\xcf\xefsS\xa2\xdd\xf3\x1f2&lt;\xfd\xc7\xbf\xbe~`NJ\x87\xc3\xc59\x84r\xc2\xe7\\h\x93BQ\xd1\x16g\x9b\xfb\xdd\xe7\xd6my\xbf\x04\x00dY~\xf1\xc5\x17##\x7f\xac\xff\x88\x84\r\xa0\x07Z\xf5\xbf\xf6\xdak\xf7\xdf\x7f\xbf\xdf\xef\'\x04F^3\xef\x8a;\x7fM\x05\xd1\xe7\xee\xa0\x82~\x8f(\x99\xaa\x08\x92,[l_\x7f\xf4\xb7\xcf\xde\xf8\x9d\xc7\xd9\x0e\x00\xf3\xe7\xcf\x7f\xf9\xe5\x97\xfb\xd06\xd05\x7f \x93n\x1dw\xe3CW\t"\xf58}\x82\xa8\x83Q\xe7\x190\x95\x89\x92h\x8a\x92?}g\xdb\xbf\xffo\xa3\xab\xc3\r\x11\x90?\xd6\x7f\xe4\xc2\x06\xd0U\xa0\xfa\xef\xbd\xf7^\x000Ym\x97\xcf\xfd\xcd\xe8\x1f\xdc\xe5nk\xd6\x169\x84\xfb\x03~\x07\xedN\x8cQ\xb1IU\xa5[&gt;Z\xf2\xd3\xd6\xbaJ\x00\xb8\xe7\x9e{^}\xf5\xd5&gt;\xb1\rt\xc9\xdf\x12e\xbe\xe9\xe1\xab&amp;\xcf\xbc\xb8\xa3\xd5\xc5\x18\xd7\xdb\xc0\xbf;\xce9g&lt;:\xc1v`\xfb\x91\xe5\xbfZu\xf2x3\xf4\xe5\xfc\xb1\xfe#\x1b6\x80o\xe9R\xfdf[\xcc\x8f\x9e|3\xbd\xf0Rgk\x03\xa5B\xaf,j\x0e\r\xa6\xf8M\xb6X\xb7\xa3\xf1_\x0b\xee\xa8?\xbc\x07\xfa\xc86\xd0%\xff\xa8h\xcbO\x97\xcc\xca\x1b\x9b\xe9h\xec\x10\x04\xda+\x8b\xfaCCUTk\xb4\xa5\xbd\xd9\xf9\xe2\x03oT\x96\xd5@\xdf\xcc\x1f\xeb?\xe2a\x03\xf8F\x97\xeaO\x1eR\xf8\x83G^\x8aO\xcb\xf2v\xb4RQ\n\xf7\xa7;oLU$\x93E\xf1{\xff\xf3\xca/\xf6\x7f\xfa/\xd0\xfd6\xd0%\xffAy\xfd\xef\xfa\xe3\xcd)\x19\x89\xae6\xb7 \xea}\xe0\xd9\x9d\xaa2\x93Y\xf2{\x95\xb7\x17\xae\xfd\xf2\xc3\xaf\xa1\xaf\xe5\x8f\xf5o\x04\xd8\x00N\xe9^\xfd7\xfdf\xa5%:\xce\xebl\xd3\xf3\xa4\xe7\xd9q\xa6\n\xa2,\x9a\xad\xeb\x96&lt;\xb8\xf7\xe3\x7f\xc2\xe9m@{\xc2\x86\xae\xb6\x81\xee{\xff\x9f-\x9dc\x8b\xb5\xba:&lt;\x82\xa0\xdfI\xff\xb3c\x8c\x8b\x92 \x9b\xa5\xd7\x7f\xbd\xea\x8b\x0fvA\xdf\xc9\x1f\xeb\xdf \xb0\x01\x00\x9c^\xf1\xf6M\xf5g\x16\xdc\xf4\xd4?MQ\xd1~\x8f\xb3\xefV\xbf\x863F(\x95-\xb6\x8f\x96&lt;\xb8\xef\x93w\xa0\xd38H?k\xe3\xba\xe4\x9f\x9e\xd7\xff\xa1\xa5s\xacv\xb3\xc7\xed\xeb\xbb{\x7f\x8dvq\xb29\xca\xb4\xfcW\xab\xb6\xae\xfd\xa6\x07\xe89\x7f\xac\x7f\xe3\xc0\x06p\xaa\xfa\xb7n\xdd:a\xc2\xa5\x9c3sT\xcc\x1d\x8b&gt;\x8cK\xcb\xec\xd3c\x9f\xce8g\x94\nT\x94\xdf\xfe\xf9\xb5u\x87v\x03\xc0\x0b/\xbc\xf0\xd0C\x0f\xe9\xe4\x1a\x99o\xf2\xbft\x02g\xdcj\xb7&lt;\xfe\xf7{S\x06%\xf6\xe9\xb1\x7fg\x9cq*PA\x12\x16\xde\xf9\xea\xb1\xfd\'@\xb7\xf9c\xfd\x1b\x8f\xd1\x1b\x80v0\xd8\xd0\xd00|\xf8\xf0\x86\x86\x06\xc9d\xbd\xf9\xa9\x7f\xf4\x1f:\xd6\xebtDF\xf5k8c\x82$\xf9\xdc\xae\x7f\xfe\xf2\x86\xa6\xear\x0e\xb0a\xc3\x86+\xaf\xbc2\xec\xe3\xa0.\xf9\x9b,\xf2\xcf\x96\xce\xc9\x1a\x99\xeej\x8f\x90\xbd\xbfF\x9b\x0b\xf2\xba|\x8b\xefYVs\xe4$\x00\xd7g\xfeX\xffF\x139\xdb\xd8\xf7\xa3]\xb8?{\xf6\xec\x86\x86\x06\x00\x98t\xd7S\xe9#.\xf3v\xb4FR\xf5\x03\x00\xa1T\xf1y\xad1\xf1\xd7&lt;\xf4\'\x93-\x06\x00f\xcf\x9e]__O)\xd5\x12\x08\x97.\xf9\xdf\xfc\xc8\xf4\xa1c3]m\x11\xb5\xf7\x07\x00J\x89\xdf\xa7\xd8\xe3\xacs\x7fw\xa3\xd5n\x06\xbd\xe6\x8f\xf5o4\x11\xb5\x99\x9d/\xed\x18p\xc1\x82\x05\x1b7n\x04\x80\x91\xd3\xe7\x8c\x9eq\x8f\xb3\xb9\xbe/\xaey\xf8NT\x10=\xed\xad\xa9yc\xa6\xdc\xf3G\x00\xa8\xaf\xaf\x9f={v\xe0\xc1\xdca\xd1%\xff+n\x1e;\xf5\xf6K\x1c\x8d\x1dz\xbe\xd4\xeb{\x13\x04\xda\xd1\xe6\xce\x1a\x9e~\xdb\xcf\xaf\x05]\xe6\x8f\xf5o@\x11\xb8\xa5\x9d#\xc6\x98(\x8a_~\xf9\xe5\x1f\xfe\xf0\x07\x00H\xc9\x1a9\xe9\xae\x05nGS\x84\x8d}:\xa3\xa2\xe4ji(\x98:s\xd4\xf4;\x01`\xe3\xc6\x8dK\x96,\x11\x04A{\xb2k\x88u\xc9?cX\xda-\xff{M{\x8b\x93\n\x11\xbb6C\x14\x05GS\xc7\x84\xebF_q\xf3X\xd0Y\xfeX\xff\xc6d\xd0\x06\xa8=@NU\xd5\x82\xc2\xc2\x8a\xf2r\xd9b\x9b\xf5\xecGq\xfd3\xfd\x1e\xa7\xfe\xafu\xbc \x9c\x03!T\x94V\xfc\xbfkN\x1e\xdbG\xa9\xb0o\xdf\xbe\x9c\x9c\x1c\xce9\r\xe9\xed|\x03\xf9\x17T\x94W\x98\xad\xa6\'\xde\x98\x9f2(\xd1\xe3\xf6\xe9\xffZ\xdf\x0b\xa1=)E\x10\x85\xa7\x7f\xfc\xf2\xf1\x8azJi\xb8\xf3\xc7\xfa\x0fC\xfe\xfaa\xc4\xef\x0c\x00\xda\xe3C\x17/^\\Q^\x0e\x00\x13f&gt;\x9a4x\x98\xcf\xdd\x1e\xe1\xd5\x0f\x00\x84p\xa6\n\xa24u\xfe\xd3\x82(\xab\x8c=\xf8\xe0\x83\xa1?\x10\xee\x94\x7f\x05\x00\xcc\x98?y`n\x8a\xdb\xe9\x8d\xec\xbd?\x00\x10B\x18c\xa2$\xdc\xfe\xc4\x0cQ\x12T\xa6\x86;\x7f\xac\xff0\xe4\xaf\x1fFl\x00\xda\xc3\xed\x0e\x1f&gt;\xbch\xd1"\x00\x180t\xecE\xd7\xdd\xebv4S!\x02\xa7&gt;\xbb#T\xf0:\x1d\xe9\xc3/\x1d\xfd\x83\xbb\x80\xf3\r\x1b6\xbc\xfb\xee\xbb\xa1&lt;\x10\xee\x92\x7f\xd6\xc8AW\xce\x1a\xdf\xd1\xe2\x8a\xc8\xa9\xff\xee(\xa5\xaevO^Q\xe6\xa4[/\x06\x0ea\xcf\x1f\xeb?\xc4\xf9\xeb\x8a!6\xb9.\xb4\xc3\xf0\x05\x0b\x168\x1c\x0eQ6]\xf6\xe3_\x02\x07\xed\x01\xa7\x06A\xa9\xe8io\x1d{\xe3\x03q\xa9\x19\x84\xd0\'\x9f|\xd2\xe7\xf3\x85l\x1c\xd49\x7f\xd9$\xfd\xe8\x81i`\xb0\x01\x18\x15\xa8\xab\xcd=}\xeee\xfd\x06&amp;\x10B\xc2\x98?\xd6\x7f\xe8\xeb_W\x0c\xd7\x00\xb4\x95\xbf\x9f}\xf6\xd9\x8a\x15+\x00 \xe7\xe2k\x06\x8d\xb8\xcc\xebj\x8b\xfc\x83\xdf\xce\x08Q\x15_T|r\xd1\xf5\xf7q\xce\xca\xcb\xcb\x17/^\x1c\x9a%q]\xf2\x1f5i\xd8\xd0q\x99\xae\x8e\xc8\x9f\xfc\xe9\x8c\x10\xf0\xfb\xd5\x98$\xfb\xb4\x1f_\xca9\x0fc\xfeX\xff!\xae\x7f\xbd1\\\x03\xd0&amp;a\x7f\xf3\xd4S\xaa\xaaZ\xecq\xe3n\xfa\x99\xcf\xdd\x11\xca\xc7\x99\xea\x04\x15DO{\xcb\xb0+nL\xc9\x1aA\x08y\xfe\xf9\xe7\x1b\x1a\x1a(\xa5\xc1\x1e\x04\x9d\xce\xff7\xaa\xaa\xdab\xac\xd3\xef\x9a\xe8q\xf9"x\xe5\xcf\x99\x08\x02u:\xdc\xe3\xae\x19\x911,-\x1c\xf9c\xfd\x87\xa7\xfe\xf5\xc6X\x7fx\xedF\x80%%%\x9f~\xfa)\x00\x0c\xbb\xfc\xc6\xe4\xec\x91~\xb7S\x17O\xb6\x0b9\xa6*\xb25z\xdc\x8d\x0fr\xce\x9b\x9a\x9a\xdez\xeb-BHPgB\xbb\xe4?\xee\x9a\x11\x19\xf9i^\x97\xcf\x98\xb7\xe5RUf\xb5\x99\xae\x9e;1\\\xf9c\xfd\x87\xb8\xfeu\xc8\x88\x7f\xf8\xa5/\xbd\x04\x9c\x8b\xb2i\xd8\xa4\x9b\xfd\xaevb\xd4k\xc1\xa9 z\x9d\x8eA#.KH\x1bB\x08Y\xb6|\xb9\xdb\xed\x16\x04!\xd8\x83\xa0\xa5/-\x05\x0e\x92,^\xfc\x83\x91\x9e\x0e\xaf\x01\x87\xff\x1aA\xa0\xeev\xcf\xd0qCR3\x92\x08!\xcb\x96/\x0bU\xfeX\xff\x00\xe1\xab\x7f]1P\x03\xe0\x9ck\x0f\xb9~\xf7\xddw\x01 w\xfc\x8c\xd4\xdc\xd1&gt;\x8f\xcb\x98\xc3\x1f\rS\x15Kt\xfcE?\x9c\xcf9\xdf\xbfo\xdf\xa6M\x9b\xb4)\x82`\xfc\xae@\xfe\xffz\xf7_\x000\xe6\xca\x82\xcc\xe1\x03\xbdn\x83\x0e\xff5\x8a\xcal\xb1\xd6)w\x8c\xe7\x9c\xef\xdf\xb7?4\xf9c\xfd\x07\x84\xb2\xfe\xf5\xc9@\x7f{\xed\xe0\xee\x1f\xff\xf8\x87\xb3\xa3\x83R\xa1\xf0\xca\xdb\x99\xa2\x18x\xe7\x03\x00@\xa9\xe0u\xb6\xe5\x8c\xffAtB\n!\xe4\xd5W_\x05\x80 \xed\x91\x03\xf9wttP\x81N\xb8\xfe"\xd5\xaf\xf6\xa1\x87L\x05\x03\xa5\xc4\xd3\xe1\x19=eX|\xbf\x98\x90\xe5\x8f\xf5\x1f\x10\xca\xfa\xd7\'\x035\x00A\x10|&gt;\xdf\xeb\x7f\xfb\x1b!$5kD\xff\xbc1&gt;w\x87\xb1\x16?t\xa7-\x87\x88K\xce\x19?\x83s\xbei\xd3\xa6\x8a\x8a\x8a -\x878\x9d\xff\xeb\x84\x90\x8c\xa1iC\x86\xa7{\\\xc6Z\xfc\xd3\x1d!\xc4\xefWc\x12\xed\xa3\xa7\xe6\x87*\x7f\xac\xffNBX\xff\xfad\x94\x06\xa0\xaa*!d\xd7\xae\x92}{\xf7r\xce3\xc7N\x93\xccV\xce\x8cu\xc2\xa7G\x84\x10U\xf1\x0f\x19{\x15\xa5\xd4\xe5r\xadY\xb3\x06N\xdf$\xb2\x17\x9d\xca\xbfd\xd7\xbe\xbd\xfb8\xe7#.\xcf3Y%\xc6\x0c4\xd9z&amp;\x84\x10\xd5\xaf\x8e\xb8&lt;/\x14\xf9c\xfdw\x13\x9a\xfa\xd7-\xa34\x00\xed\xc4\xce\xaaU\xff\xe6\x9c[\xed\xb1y\x97^\xe7w;\xa9\xc1\x87?\x00\x00@\xa8\xe0sw\xa4\r\x1b\xdb?g4!d\xf5\xea5\xda\x95\xa2\xbd\xfb[N\xe5\xff\xefU\x9cs[\x8cu\xcc\xb4\x02\xaf3\xc2o\xfbs\x8e(%^\x977k\xd4\xa0\xcc\xc2\x81\x84\x90\xd5kV\x071\x7f\xac\xffnBS\xff\xbae\x94\xef\xa9\x1d\xff\xae]\xfb!\x00$e\x0c\x8bI\xc9P|^\x83O@\x07p\xa6J\xe6\xa8\x01\x05\x138\xe7%%%\x87\x0e\x1d\xea\xf5\xa3\xe0S\xf9\x7f\xb8\x16\x00\x06d\xa7$\r\x88\xf7\xfb\x14CM\xb6\x9e\x85\xca\xb8\xc9"\xe5\\\x94\x11\xf4\xfc\xb1\xfe{\x12\x82\xfa\xd7-C4\x00\xed\xb1GG\x8e\x1c9|\xe40\x00\xa4\x0f\xbf\x8c\x8a\x12\xe7\x86\xf8\x03\x9f\x0bB\x88\xea\xf7\xa6\x0f\x9f@\x05\xc1\xeb\xf5l\xd9\xb2\x05z\xf5(8\x90\xff\x91\xc3G\x00 ol\xa6 Qf\xa4\xc5vgG\x08Q|j\xee\xd8LA\xa0^\x8f7x\xf9c\xfd\xf7(\xd8\xf5\xafgFi\x00\x00\xb0n\xdd:\x9f\xd7K\x05a@\xc1x\xa6\x18z\xf5a\x17\x84P\xc5\xeb\xe9\x97Y\x10\x1d\x9f\x02\x00\xef\xbf\xff&gt;\xf4\xeaZ\x88@\xfe^\xafW\x10h\xf6E\x19\xaa\x9fa\xfe\x01\x84\x80\xdf\xe3O\xcfM\x8d\xeb\x17\x03\xc1\xcc\x1f\xeb\xbfG\xc1\xae\x7f=3D\x03\xd0\xfe\x96Zc\xb7\xc7\xa7\xc4\xa7e)&gt;\x8f\x91\x97?wE\x08S\xfd\x96\xe8\xf8\xa4\xc1\x05\x00PR\xb2\xcb\xe5r\xf5\xe2\x151\x9d\xf3\x8fM\x8aI\xcdH\xf2{\xfc\xc6\xd8\xbe\xce\t!DQ\x99=\xd6: \'\x05\x00Jv\x95\x04/\x7f\xac\xff\x1e\x04\xb9\xfe\xf5\xcc\x10E@)\xf5\xf9|\xfb\xf7\x97\x01@\xf2\x90\xe1\xd6\xd8D\xa6\xf8q\x02\xb43\xce9\xa5b\xda\xb0q\x00P\xdfP_]]\r\xd0k\xf7\xe8&lt;\x95\x7f\xd9~\x00\x18445:&gt;JQ\xf1\x08\xe0[8\xe7D\xa0Y\xa3\x06\x01@C}CP\xf2\xc7\xfa?\xb3\xa0\xd6\xbf\x9eE~\x03\xd0&amp;@kkk+\xab\xaa\x00\xa0\xdf\xe0\x02*\x88F\xf8\xd3\x9e\x17B\x08S\xfcI\x83\xf3\t\xa1^\x8fg\xcf\x9e=\xd0K\x1b@ \xff\xaa\xaa*\x00\x18\x90\x9bJE\xc3\xddr\xeb;\x11BT\x85\r\xc8I!\x84x\x82\x93?\xd6\xffY\x04\xaf\xfeu.\xf2\x1b\x80\xf6W&lt;z\xf4\xa8\xcb\xd9\x01\x00\x89\x19C\x99\x82\xebO\xba"\x84*\x8a/.u\xb0\xc5\x16\r\x00eee\xd0K\x1b@ \x7fg\x87\x13\x00\xd2\xb2\x93U\x1c\xfewC\x08\xa8&gt;\x7f\xbf\x81\tQv\x0b\x04\'\x7f\xac\xff\xb3\x08^\xfd\xeb\x9cQ\x1a\x80\xd6\xd2-Q\xf6\x84\x019\xaa\xe2\xc5\r\xa0+B\x98\xdf\x17\x15\xdf/.5\x03\x00JK\xf7B/\x9d\x07\xeb\x9c\xbf\xd5fI\x1d\x9c\xa4x\x8d~\x07\x82\xee\x08!\x8a\x9f\xc5&amp;\xd9\xfb\rL\x00\x80\xd2\xbd\xa5\x10\x84\xfc\xb1\xfe\xcf(h\xf5\xafs\x91\xdf\x004uuu\x00 \x99\xac\xa6\xa8h\xae\xaa\x00\x91\xff\xa7=_\x9csQ2\x9bm\xb1\x00P__\xaf=7\xaa\xb7\xde\\\xcb\xdfd\x96,63S#\x7f`\xf5=p\xce%Y\x8c\x8a\xb1@\xd0\xf2\xc7\xfa?\x8b\xa0\xd6\xbfnE~\x03\xd0.\xea+)\xd9\x05\x00q\xfd3-\xd1\xf1*\x9e\x01\xeb\t\xe7\x8c\nb\xe2\xe0\x02\x008X~\xb0\xb5\xb5\xb5W\x9e\x8fq*\xff]%\x00\xd0oPbt\\\x94\xaa\xa8F\xd8\xb4\xce\x17\xe3\\\x10\xa9\xb6\x10\xa8\xfc`y/\xe7\x8f\xf5\xff]\x82T\xff:\x17\xf9\r@\x13\xf8C\x1a\xf0\xe1G\xe7\x81\x10m\xd7\xac\xaaL\xe8\xd5\xdb\xc4k\xf9\x13\x00\x82\xb7\x7f8\x0brj\xdaAej0\xf2\x07\xac\xff\xb3\x0bZ\xfd\xebV\xe4W\x83\xb6\xac\xe2\xc4\x89\x13\x00`\x8a\x8a\xc1\xe5\xcfg\xc197E\xc5\x00\x80\xcb\xe5\xd4\x12\xbb\xf0\x11P\xe7\xfc-v3\x8e\xfd\xcf\x82sn\x896\x03\x80\xcb\xe9\nF\xfeX\xffg\x17\x8c\xfa\xd7\xb9\x08\xaf\x06m"\xcf\xe5rU\x1f?\x0e\x00\x89\x19C\xf1"\xf83!\x84pUI\xca\x18\x06\x00n\x97\xeb\xf8\xf1\xe3p\xc1\x1b@ \x7f\xed\xdd\xd2\xb2\x93\xf1&amp;\x10gB\x08a*O\xcbN\x06\x00Wo\xe7\x8f\xf5\xff\x9d\x82Q\xff\xfa\x17\xe1\r@C\x08\x91$\t\x00\xb81\xee\xefq!\x02\x11i\x89\xf5\x8aN\xf9G\xf8\xe6t\xe1\x02\x11\x05\'\x7f\xac\xff\xef\x10\x8c\xfa\xd73C4\x000@\'\xefu\xbd\x9b\x18\xe6\x7f\xbe0\xff\xf02HbFi\x00\x08!\x84\xba0J\x038u\xee\xd1\x18]\xfd\x82\x04\x96\x8b\xf4\xea\xd9Z\xed\xdd\x0c2\xaa\xba\x10&lt;\x98\xf9c\xfd\x7f\xb7\xe0\xe4\xaf[\x86h\x00\x9csEQ\x00\x80\x8a\x12^\x02svT&lt;5\xf5\xa9%\xd6+\x02\xf9\x8b\x92!\x96\xd6]\x88@D\xc1\xc8\x1f\xeb\xff;\x05\xa3\xfe\xf5,\xf2\x1b\x00\xe7\\\x92\xa4\xd8\x98\x18\x00p\xd4W1\xd5o\x90\xde\xfe=\x10J\x1d\xf5\x95\x00 IRLL\x0c\xf4\xc68H\xcb_{\xb7\xc6\xe3-\x0co\x04tf\x84\x92\xc6\xe3-\x10\x84\xfc\xb1\xfe\xcfE0\xea_\xe7"\xbc\x01\x10B8\xe7v\xbb=77\x17\x00\xda\x1a\xaa\xb8\xaa\xe0 \xa8G\x9csB\x05m\x03\x88\x8e\x89\xcd\xc9\xc9\x81\x0b\xde\x00\xba\xe4\xdfX\xd3\xca\x14\x8e\xe9\xf7\x88sN)i&lt;\xd1\n\x001\xb11\xc1\xc8\x1f\xeb\xff,\x82Q\xff\xfa\x17\xe1\r \xc0\xe7\xf3\x01\x80 \x99\x00\xaf\x84&lt;+A2\x03\x80\xaa\xaa\xaa\xaa\xf6\xe2\xdbj\xf9K\xb2\x80W\x02\x9f\x9dd\x12!h\xf9c\xfd\x7f\xa7 \xd5\xbfnE~5h\xcf\xc3\x1b1b\x04\x00\xb4\xd6\x1es;\x9a\xa9(\xe2\xd9\xb0\xee\x08!L\xf57U\x95\x01@vvvttt\xaf\xdc\x0f\xabs\xfe\r\xc7\x9b\xdb[\x9c\x02&gt;\x0f\xa0\'\xda#\x01NT\xd4C\xd0\xf2\xc7\xfa?\x8b \xd5\xbf\xceE~\x03\xd0\xa4\xa6\xa6\x00\x80\xd7\xd9\xe6\xf7t\x10\x8a\xa7"{D\x99\xa2\xb8\x1c\x8d\x00\xd0/)I\x14{\xf3\xb1!\xa9)\xa9\x00\xe0n\xf7x\\^\x8a\x83\xd0\x9e\x10\x00Ua\xed-N\x00H\xea\xf5\xfc\xb1\xfe\xbf[\x10\xeb_\xb7"\x7fS\xd4z\xf8\xf0\xe1\xc3\x01\xc0\xedlk\xa99*\x8a2^\r\xdf\x15\xe7\x82(\xba\x1cM\x8e\xba*\x00((\xc8\x87\xd3\x83\xc7\x0b\xd49\x7fg\x87\xbb\xa1\xbaI\x90\x05\x03lY\xe7\x87s.\x8aB{\xb3\xb3\xf1D3\x00\x14\xe4\x17@\x10\xf2\xc7\xfa?\xa3\xa0\xd5\xbf\xce\x19\xa5\x01ddd\x98Lf\xceYce\x19\x15%#\xf4\xf6\xf3\xc29\x17$\x93\xa3\xee\x98\xd3\xd1\x04\x00\xda9\xc3^\xf1M\xfef\x13g\xfcDE\x83 \x1a\xe2q\xdb\xe7\x85s\x10L\xe2\xc9\x13\xcdm-N\x08R\xfeX\xffg\x16\xbc\xfa\xd79\x035\x80\x94\xd4T\x008yl?\x07\x8e\x0b!\xba\xe0\x9cQQj\xac&gt;\xa8\xaa\x8a(J#G\x8e\x84\xd3\xb7\x92\xbf@\x81\xfcSSS\x01\xe0DE\x1dp\\\x08\xd4\x15\xe7\\\x14i\xed\xe1\x06UQEI\x0cF\xfeX\xffg\x11\xbc\xfa\xd7\xb9\xc8\xff\x86\x84\x10\xc6\x98\xc5b\x19\x9a\x97\x0b\x00u\x87vy;\x1cT\x10\xc3\xfd\xb9\xf4\x86\x00\x81\x13\xfb\xbf\x02\x80\xf8\x84\xf8\xcc\xccL\xe8\xa55p\x81\xfc\xf3r\xf3\x00\xe0\xd8\xbe\x13\xae6\x8f P\x00\x1c\x84~C\x0b\xfa\xd0\xaeJ\x00\x88\x8f\x0fJ\xfeX\xffg\x15\xac\xfa\xd7\xb9\xc8o\x00pz.\xaf\xa8\xa8\x08\x00\x1c\xf5\xd5-5GE\xd9\x048\r\xda\t\x15Do\x87\xa3\xfe\xf0\xd7\x000l\xe80\xbb\xdd\xceX\xaf]\xb1\xd59\xff\x93\'Z\xea\xab\x9bD\x93\x84\x93\x10\x9dpA\xa0\xaevOeY\r\x00\x0c\x1b\x16\xc4\xfc\xb1\xfe{\x14\xd4\xfa\xd73C4\x00\xed\x0f9}\xfatA\x10\xfd&gt;om\xf9NA2\x19\xe1\x0c\xcf\xb9\xe2L\x94M\xcd\'\x0e;\xea\xab\x01\xe0\x9ak\xa6SJ{1\x9fo\xf2\x17\x05\xbf\xcf\x7f\xb4\xf4\xb8$\x0b\x18\x7f\x00\xe7 \x99\xa4\xbac\x8d\'kZ\x00\xe0\x9a\xe9\xd7\x04+\x7f\xac\xff\x1e\x05\xb9\xfe\xf5\xcc\x10\r@\x9b\xcb\x1b1b\x846\r}\xac\xe4\x13\xce\x19\xc1i\xd0\xd3\x18c\xa2l\xae\xda\xf3\xb9\xdf\xe7\xa5\x94N\x992\x05z\xf5\xf8\xb7K\xfe\xfb\xbe\xa8\xe0\x8c\x13\x9c\x02:\x8d1.\x99\xc4\x03\xdb\x8f\xf8\xbd\xfe\x10\xe4\x8f\xf5\xdfE\xb0\xeb_\xcf\x0c\xd1\x00\x08!\xaa\xaaZ\xad\xd6\xa9S\xa7\x00@\xc3\x91RW\xebI*\xc9x9\x8c\x86\x10\xc2\x98zb\xff6 $\'77??\x9fs\xde\x8b\xcfD\xfd&amp;\xff)S\x01\xa0\xfa@\xad\xa3\xd9)J\xb8\x16\xe8\x14\x02\x84\xa9\xecPI%\x10\xc8\xc9\xcd\tb\xfeX\xff=\tv\xfd\xeb\x99!\x1a@\xc0M7\xdd\x04\x00\x8e\xc6\x9a\xc3_\x15\xcb\x96(|@\x12\x00\x00g\x92\xc9\xdapdoU\xe9\x16\xe0|\xc6\xb5\xd7\x9aL\xa6 ]\x07\xaf\xe5\xdfT\xdf\xba\xfb\xbfe\xa6(\x13&gt;\x1b\x12\xb4\xe7\xd0Z\xa4\xaa\x83\xb5\x07v\x1c\x01\x0e3\xae\x9d\x11\xec\xfc\xb1\xfe\xbf%\x84\xf5\xafCFi\x00\xdaQ\xf0\xc4\x89\x13\xfb\xa7\xa5\x01@\xc5\xd6\x0f9\xe7x\x10\x0c\xda\xf1\xaf\xd9zd\xc7F\x9f\xc7%\x08\xc2\x8d7\xde\x08A8\xfe\r\xe4\x9f\x96\x96\x06\x00\xbb6\xed\x07\xc6\t\xee\xff\x01\x18\xe3\xb2E\xda\xf3y\xb9\xd7\xed\x0bA\xfeX\xff]\x84\xa6\xfeu\xcb(\r\x80\x10\xa2(\x8a\xddn\xbfm\xe6L\x00\xa8\xde\xf7\xe5\xc9\xa3\xfb%\x93\x15\xd7BPA\xf4:\x1d\x07?_C\x08\x193fLQQ\x11c\xac\xd7\x8f\x7f\x03\xf9\xcf\x9c9\x13\x00\xcaK\x8eUW\xd4\x99,2\xce\x02\t\x94\xba\xda=;\x8aKC\x93?\xd6\x7f\x17\xa1\xa9\x7f\xdd2J\x03\x80\xd3\x83\xa0\xb9s\xe7\x8a\x92\xe4\xf3\xb8\x0e|\xbeZ4[\rr\xae\xffL8Se\xab\xbdz\xcf\x96\x93U\x079\xe7w\xdduW\xf0\xd6?\x04\xf2\x97$\xc9\xeb\xf6m__*[df\xec\xc7\xc43\xc6-6\xd3\xc1\xedGO\x1c\xae\x0fY\xfeX\xff\x01\xa1\xac\x7f}2V\x03`\x8c\xe5\xe7\xe7_q\xf9\xe5\x84\x90=\x1bW\xb4\xd6\x1c\x15%\xb3\xb1O\x85\x11\xa6\xf8\xb7\xafy\x89s\x9e\x9c\x9c|\xc3\r7\x04\xef\xf4W \xff\xcb/\xbf\x9c\x10\xf2\xf9\xea\x1d\rUM\xb2l\x88[n\x9d\t\x01P\x14u\xc3\x1b\x9bC\x99?\xd6\x7f\'\xa1\xab\x7f}2P\x03\x80\xd3\x0f\\}\xf8\xe1\x879\xe7.GS\xd9\x7fW\x99l1L5\xc4\xb3\xdf\xba\xe3L5E\xd9k\x0e\xec\xa8\xde\xf7%\x00\xcc\x9a5+11QU\xd5\xe0M\x80v\xce\xbf\xbd\xc5\xb9m\xddnK\xb4\x99\xa9\x06\xdd\x01i\xc3\xff\xc3\xbb\xab\xcbK\x8eA\xc8\xf3\xc7\xfa\x0f}\xfd\xeb\x90\xb1\x1a\x00\xa5\x94s&gt;i\xd2\xa4\xdc\xbc&lt;B\xe8\xde\x8f\xff\xd9\xdexB\x90L\x86\x1d\x04q\x0e%k_\x03\x00\x93\xc9t\xd7]wq\xce\x83z\xff\x93N\xf9\xe7\x12B\xb6\xbe\xbf\xab\xa5\xaeM2\xf0\xcdA9\xc0\xc7\xff\xd8\na\xc8\x1f\xeb\x1f \xe4\xf5\xafC\xc6\xfa\xb6\x81\xfb\xa2\xfc\xe2\x89\'8g\xcd5Gv\xbe\xf7\x8a\xd9\x1e\xcb\x98QV}\x05p\xa6\x9al\xb1Gwn:\xf8\xc5\x87\x9c\xf3\xdbn\xbbm\xe8\xd0\xa1\x8c\xb1\xa0n\x00\x9d\xf2\xff\x05\xe7\xbc\xae\xaaq\xe3[[\xac\xd1\x16\xa6\x1ah\xd6U\xc3\x18\x8b\xb2\x9bK7\x97\xef\xdc\xb4/\x1c\xf9c\xfd\x87\xa1\xfeu\xc8X\xdf\x16\x00\x04APU\xf5\x8e;\xee\xb8\xfc\xf2\xcb\x01\xc8\x9e\xff\xbc\xdd|\xfc\x90([\x8c7\x08"L\xf1\x7f\xb5\xeaO\x84\x90\x84\x84\x84\xa7\x9f~:4\xcf?\xfav\xfe\xb0y\xcd\xce\xbac\x8d\xb2\xd9pg\x02\x08\x10EQ\x8b_\xff&lt;\xac\xf9c\xfd\x87\xba\xfe\xf5\xc6p\r@#\x08\xc2\x82\x05\x0b\x04\x81\xba\x1cM\x9bW&lt;#[m\x86\x1a\x041U\xb1\xc4$\x94n\\Q\xbd\x7f\x1b\xe7\xfc\x91G\x1eIII\t\xe5\xf0\xe7t\xfeB{\x8bs\xcd\xd2\xff\x98\xa3\x8cu&amp;@U\x98-\xce\xbay\xf5\xce\xf2]\xc7\xc2\x9a?\xd6\x7fx\xea_?\x0c\xf7\x85\xe1\xf4 h\xe2\xc4\x89\xb3f\xcf\x06\x80\x03\x9b\xdf\xab\xd8\xfa\xa1\xd9\x1eg\x90\xb3a\x9c3Q6\xb7\xd6\x1e\xfbb\xe5s\x94\xd2\xdc\xdc\xdcG\x1f}4\xc4{\x9f\xd3\xf9\xcf\x02\x80\xed\x1bJK6\xed\xb3\xc5XTcL\x04q\xcee\xb3\xd8P\xdd\xfc\xc1+\x9f\x84;\x7f\xac\xff0\xe4\xaf+F\xfc\xcepz2\xf4\x99\xa7\x9f\x8e\x89\x8d\xe5L\xfd\xf8\xaf\xbf\xf2t\xb4\n\xc6\xb8;\ngL\xb6\xd8&gt;\xf9\xeb\x93\x1d-\r\x8c\xb1\x17_|Q\x96\xe5\x10\x1f\xff\x9e\xce\xff\x99\x98\xd8\x18\xae\xf2\x7f&gt;\xfb\x91\xb3\xcd-\x19\xe3\xee@\x9cq\x93\xd5\xf4\xce\xb3\x1f9\x9a\xda\xc3\x9d?\xd6\x7fx\xf2\xd7\x0f\x836\x00m9DJJ\xca\xf3\xcf=\xc79\xb4\xd6Unz\xf5\x17\xb2\xd5\x1e\xf1\x07\xc2L\xf1[c\x93J&gt;\xf8k\xf9\x97\xeb\x00`\xee\xdc\xb9\xd3\xa6MSU5\xc4k\x9f;\xe5\xff&lt;\x07~\xf2D\xf3?\x16\xae5G\x99y\xa4_\x17\xa6*\xaa=&gt;j\xd3\xdb[K&gt;\xd9\x0f\xba\xc8\x1f\xeb?\x0c\xf9\xeb\x071\xc2\x98\xebL\x14E\x11E\xf1\xd6[o}\xe7\x9dw\x00\xe0\xca\xf9O_t\xdd|gs=\x15\xa5p\x7f\xb4\xa0`\xaab\xb6\xc5\xd4\x1d\xda\xbd\xf2\x97?\xf2{\xdc\x99\x99\x83\xf7\xec\xd9c\xb1X\x08!a\x19\xfet\xc9\xff\xf6\xc7g\\9k\xbc\xa3\xb1]\x10#skTU\x16e7\x1f\xdb_\xb3\xf8\x9ee^\xb7/33SW\xf9c\xfd\x1b\x90\xa1\x1b\x00\xe7\x9c1\xe6p8\x8a\x8a\x8a\x8e\x1e=*\x9a,7?\xb5\xb2\x7f^\x91\xd7\x19\x81\xcf\xcc\xe3\x8c\t\xa2\xe4\xf7\xbaV\xfe\xf2GM\xd5\xe5\x82 l\xde\xbcy\xdc\xb8qa\x9c\xfd\xec\x92\xbfl\x96\x1ezi\xce\x90\x11\xe9\xaev\xed\x99\x91\x11\x851.J\x82\xd7\xed[|\xf7\xb2\xda\xa3\'u\x98?\xd6\xbf\x01\x19\xf7\x9b\x03\x80\xd6\xf9\xe3\xe3\xe3\xdf~\xfbmB\x88\xe2q}\xf8\xfc}\xee\xb6&amp;\xc9d\xe1\x11v,\xcc9\x10\x90,Q\xeb\xff\xf4Hc\xd5A\xce\xf9\xb3\xcf&gt;;n\xdc8EQ\xc2X\xfd]\xf2\xf7\xb9\xfd\x7f\xfd\xc5\xbb\xed-N\x93Y\x8a\xb0{\x04q\x0e\x84\x80\xc9"\xbf\xf1\xdb\xd55G\x1a\xf4\x99?\xd6\xbf\x01\x19\xfa\xcb\x03\x00\xa5TQ\x94q\xe3\xc6\xfd\xe5/\x7f\xe1\x00m\r\xc7\xff\xf5\xd4m\x8a\xdfGE9\x92\xee\x96\xce\x19\xb3\xd8\xe3&gt;Z\xf2\xe0\xa1\xaf\x8a\x01`\xce\x9c9\x0f=\xf4\x906\x03\x10\xde\x0f\xf6\xed\xfcySm\xeb\xff\xdd\xff\x86\xdf\xa7\x88\x92\x10I=\x803\x16\x15m}\xfd\xd7\xab\xbe\xfe\xef\x01\xd0o\xfeX\xff\x86c\xf4\x06\x00\x00\xa2(*\x8ar\xef\xbd\xf7\xce\x9f?\x9f\x03\xd4\x1f)\xdd\xf8\x97\xc7d\xb3\x95P\xc2#\xe2f\xb9LU\xacq\xfd\xb6\xafyy\xef\xa6\x95\x00PTT\xf4\xd2K/\xe9\xe7\x9e\xb7\x9d\xf3\x07\x80\xaa\x035o\xfd\xe1}\x93E\xa24B\xe6\'U\x85\xc5$\xda7\xbc\xb9y\xcb\xfb%\xa0\xef\xfc\xb1\xfe\x8d\x06\x1b\x00\x00\x80 \x08\x8a\xa2\xbc\xfc\xf2\xcb\xf7\xdcs\x0f\x00\x94}\xb6\xfa\xa3%\x0f\xc8\x16;\xa5B\xdf\x1e\x07q\xceU5*\xae\xdf\x8e5\x7f\xf9\xe4\xaf\xbf\x02\x80\xa2\xa2\xa2\xe2\xe2b\xab\xd5\nzz\xeaE\x97\xfc\xbfZ\xbfg\xf9\xafV\x99\xa3L\x94\xd2&gt;}\x1c\xc090\x95\xc5$\xda\x8a\xdf\xd8\xfc\xce\xe2u\xd0G\xf2\xc7\xfa7\x8e\x08\x19d]8\xed\x84\x98 \x08\xf7\xde{\xefk\xaf\xbd\x06\x00\x05\x93o\x9dv\xff\xb3\x9c1\xc5\xe7\xe9\x8b\xe7\xc4\xb4\xe1\x9b\xd9\x16\xb7\xf3\xfdW&gt;~\xedI\x0ePT4\xb6\xb8x}\\\\\x9c\x0eO|u\xcf\x7f\xfc\x8cQ\xb3\x9f\xbc\x8e1\xae\xf8\x14\xda\x07\xcf\ts\xc6\x81@T\xb4e\xe3\x8a/\xfe\xb9\xe8#\x0e\\\xdb\xfb\xf4\x95\xfc\xb1\xfe\x8d\x00\x1b\xc07\xbao\x03\xa99\xa3\x7f\xf4\xe4\x1b\xd6\x98\x04O{k\xdfZ\x1b\xc7TE\x94L\xa2\xd9\xba\xfeO\x0f\x97n|\x1b\x00\x8a\xc6\x8e-^\xaf\xeb\xea\xef\x9e\x7ff\xe1\xc0\xfb_\xb8#:&gt;\xca\xd9\xe6\xee[kC\x99\xcaDY\x94\xcd\xd2\xdf\x7f\xbbz\xf3\x9a\x9d\x000v\xec\xd8\xf5}-\x7f\xac\xff\x88\x87\r\xe0[\xbao\x03I\x19\xc3\xae~\xe0\x85\xb4\xbc1\xce\xd6\x93\x94\n\xd0\x17\x0e\x1b\x99\xe27\xdbc]\x8e\xa6\r/\xfd\xbf\x8a/\xb5\x99\x87\xbe1\xf6\xe9\x9e\xff\x80\xec\x94;\x9f\xba!sxz[S\x87 \xd0&gt;\xf1\x18[UQ\xad\xd1\x96\x8e\x16\xd7\x9b\xbf\x7fo\xd7\'\xfb\x01\xa0hlQ\xf1z\x9d\x8e\xfd;\xc3\xfa7\x1al\x00]u\xdf\x06\xcc\xb6\x98\xa9\xf7&gt;\x9d?\xf9\x16OG+g*\xa1\xfa\x1d\x8ar\xce8\xe3\xd6\x98\x84\x9a\x83;\x8a\xff\xf4H\xc3\xb1\xfd\xd0\x17\xc6\x9e\x9du\xcf?*\xdar\xdb\xcf\xaf\x1d?c\x94\xb3\xcd\xcdT\xa6\xe7\xe9 \xce9g\xdc\x1e\x1fuxw\xf5\xdf\x7f\xbb\xfaxE\x1d\xf4\xfd\xfc\xb1\xfe#\x186\x80\x1ep\xce\xb5GC,Y\xb2\xe4\xe1\x87\x1f\x06\x00\x020\xea\x07\xf3.\xbf\xf3\xd7\x82({]m\xfa\x1c\n1U\x11e\xb3d\x8e\xfa\xfa\xa3\xd7\xff\xfb\xf7\x05^W\x07\x00\xcc\x9b7o\xc9\x92%v\xbb\xbd\x0fU\x7f\xf7\xfc\x01\xc8\xe4\x99\xe3n\xfa\xd9U\xa2,\xba\xda=T\xd0\xe3\xa5\x9b\xaa\xc2d\xb3d\xb2\xc8\x9f\xbc\xf3\xe5\xaa%\x1b\xdcN\x0fDJ\xfeX\xff\x91\n\x1b@\xcf\x02\xdb@qq\xf1\xbcy\xf3jjj\x00 5{\xe4\xa4\xbb~\x97^8\xde\xe3t\xa8~\x9f~\xce\x8cq\xa6\x02!\x16{|k\xdd\xb1O_\xff\xed\xc1-\x1f\x00\x80,\x9b\x16.|\xe6\xa1\x87\x1e\x02\x80&gt;W\xfd=\xe6\x9f\x91?\xe0\xd6G\xa7\xe7\x8e\xc9t\xb5\xbb\x15\x9f*\x88z\xf9FLe\x84\x12[\xac\xb5\xa1\xba\xf9_/\xac\xdf\xb1q/\x00\xc8&amp;y\xe13\x0b#)\x7f\xac\xff\xc8\x83\r\xe0l\xb4KEjkk\xe7\xce\x9d[\\\\\x0c\x00\x92$\x8f\xbe\xee\'E\xd7\xcd\x8f\x8aK\xf6t\xb42U\xa5a]M\xac]\xb1i\x8a\x8aa\x8a\xbf\xf4\xe3\x95[W.no\xaa\x07\x80\x9c\xdc\xdc\xe5\xcb\x96M\x980\x811\xd6wou\xd2C\xfe\xb24u\xd6%W\xce\x9a\x10\x9bh\xd7\xc3\x8c\x90\xb6J\xd5j7\xab~u\xcb\xfb%k_\xf9\xa4\xe5d\x1b\x00\xe4\xe6\xe6.\x8b\xc8\xfc\xb1\xfe#\x0b6\x80\xef\x10\xb8S\xe0\x92%K\x1e\x7f\xfc\t\xaf\xd7\x03\x00\tiC\xc6\\\x7f_\xde\xc4\xebMV\xbb\xd7\xd9\xc6T\x85\n\x02\x84\xf6\x04\xa56\xea1Y\xec\x1c\xf8\xb1]\x9fn_\xfdR\xe5\x9e\xcd\xda\x8f\xee\xbe\xfb\xee\xc5\x8b\x17\xc7\xc4\xc4D\xc0\xb5\x8e\xdf\xca\xff\x89\xc7\xbd\x1e/\x00\xa4d$M\x9b=\xa1\xe8\xeaB\x8b\xcd\xecn\xf70\x95Q\x1a\xea\xf3\xc3\x8c1\x02\xc4l3\x01\x87}[+\x8a\xff\xbe\xf9\xc0\xf6#\xda\x8f"6\x7f\xac\xff\x88\x83\r\xe0\xbb\x05\x06\x11{\xf7\xee}\xec\xb1\xc7\xd6\xad[\xa7\xfd\xfb\xfe9\xa3\xc7\xde\xf8@z\xe1xKt\xbc\xd7\xd9\xae*&gt;B(\t\xf2\x91&amp;\xe7\x8c3F\x05Q\xb6\xd8\x98\xe2\xaf)/\xd9\xf5\xe1\xb2\x83\x9b\xdf\xd7\xfe\x8a\x05\x85\x85\x8b\x16.\x9c&gt;}:t\xdat\xfb\xba3\xe5\x9fY0\xf0\xea\xb9\x97\xe5\x8e\xc9\xb4\xc5Y\xdd\x1d\x1e\xd5\xaf\x02!\x94\x06w7\xa4\x9d\xe6\xa5\x025G\x99\x14\xbfzto\xf5\'+\xb7m\xdfP\xaa\xfd\xb4\xa0\xb0`\xd1\xc2E\x06\xc9\x1f\xeb?\x02`\x038W\x81zZ\xb9r\xe5\x1f\xfe\xf8\xc7\xbd\xa5\xa7\xb6\xf9\xa4Ay\xa3\xaf\xbd;\xfb\xe2\xe9Qq\xfdT\xc5\xefs;9S\t\xa1\x84\x92^\x1c\x13i\xcb\x1b\x08\x01\xd1d\x95L\x16\xaf\xb3\xadz\xdf\xd6\x9d\xef\xbfR\xb5\xfb3\xedR\xd9\xe4\x94\x94\x9f\xde\x7f\xffc\x8f=&amp;\xcbrD\x1e\xf6v\xce\xff\x8f\x7f\xfcc\xe9\xe9\xfc\x07d\xa5L\xbem\xdc\xc8I\xc3b\x12\xec\xaa\xa2z\\^\xc68\xd5\xbe~\xef\x05\xc0\x19\xe7\x9c\x03\x01\x93Y\x96\xcc\x92\xbb\xc3S\xbe\xf3\xd8\x7fV|Q\xf6\xe5\x11\x0e\x0c\x00\x92S\x92\x7fz\xffO\r\x92?\xd6\x7f\xc4\xc0\x06p\x1e\x18c\x00@)\xf5\xf9|\x8b\x16-\xfa\xf3\xd2\xa5\xf5uu\xda\x8fb\xfa\r\xc8\xbe\xe4\x07YE\xd3\xfa\x0f-\x92LVU\xf1)^\x0fS\xfd\x9c\x03!\x04\xbeG9j\xa7\xe1\x80\x03\x00\xa5\x82(\x9bD\xd9\xccT\xb5\xe1\xe8\xbe\xa3%\x9f\x1c\xdc\xbc\xa6\xfe\xc8^\xed\x85&amp;\xb3\xe5\x8e\xdbo[\xb0`AZZ\x1aD\xf4\xc0\xa7K\xfeK\x97.\xad;\x9d\x7fbj\xdc\xa8)\xc3FL\xcc\x1b22\xddd\x91\x14\x9f\xea\xf3\xfaUE\x05\xae\xdd\xf4\xf2\xbc\xaf\xfb\xe7\xfc\xd4\x9f\x00\x00\xa8@%\x93(\x99$\xa6\xb2\xea\x83\xb5\xfb\xbe\xa8\xd8^\xbc\xb7\xea`\x8d\xf6J\xb3\xd9|\xfb\xed\xb7\x1b0\x7f\xac\xff\x08\x80\r\xe0\xbc\x05*\xac\xbe\xbe\xfe\xcd7\xdf|\xe3\x8d7KK\xf7h?"\x04\xd2\xf2\x8a\x06\x16^\x9a^8&gt;ip\x81\xc5\x1eG\x05\x81)\x8a\xe2\xf72\xc5\xcf9?}w\xad\x1e6\x07\x0e\xda^\xe7\xd4\x06#\x08\x92 \xc9\xda\xe5\x97^g{K\xcd\x91\xaa\xd2\xcd\'\xf6o\xab\xda\xfd\x99\xd7\xe3\xd2\xfe\x93\x94\xd4\xd4Yw\xdc1g\xce\x9c\x82\x82\x02\x00P\x14E\x10\x84\x88\x1f\xf8t\xcd\xff\xcd7J\xf7\x9c\x1a\x8d\x12 Y#\xd3s\x8b\x06\xe7\x8e\xc9\x1c\x90\x93b\x8b\xb5R\x81\xaa\x8a\xaa\xf8\x14\xd5\xcf\x18\xe7\xc09\xd7\xc6\xa5\x84\x00\xf0\xd3CT\x0e@\xe0\xf4\x96\xa0\xed\xac\x04Q\x10%A\x90\x04\x00p\xb7{\x1a\xaa\x9a\x0el?zhWe\xd9\xb6\xc3\x1e\xb7W\xfbu)\xa9)\xb3\xee\x98e\xf4\xfc\xb1\xfe\xfb2l\x00\xdfG\xe0b\x19\x00\xf0\xf9|\xeb\xd7\xaf_\xbe\xfc\xf5\xe2\r\x1b&lt;\xeeS\xa5I\x08\xc4&amp;\xa7\'\r\xce\xef\x9fW\x94\x94\x91\x1f\xd7?3*\xb6\x9f(\xcbT\x90\x80\x10\xe0\x8c\xa9]\xef\xb7N\xa86\x7fJ\x98\xe2g\xaa\xe2r4\xb6\xd6W5\x1f\xaf\xa8)\xdb^\x7fxwK\xcd\x11\xbf\xcf\x1bx\xf1\x84\t\x97\xce\xb9s\xce\x0fg\xccHNN\x06\x00UU)\xa5\xc6)\xfd\x1e\xf2\x7f}\xf9\x86\r\x1b\xdc.\xb7\xf6\x02\x02$1-n`n\xea\x90\x11\x03\x07d\xa7\xf4KO\x88I\xb4I\xb2HE\x81\x10\xe0\x1c\x98\xc2\xbe5?\xc1\x81\x08\xa7\xce\x1f\xa8\nS\x15\xd6\xde\xd2\xd1x\xbc\xa5\xf6\xe8\xc9\xc3\xbb\xab\xaa\xcaj\xeb\xab\x9a|^_\xe0\xe5\x13&amp;L\xb8\xf3\xce93f\xfc\x10\xf3\xc7\xfa\xef\xd3\xb0\x01|\x7f\x9csUU\x03\xcb\x0c\x0e\x1c8\xb0v\xed\xda5\xef\xbd\xf7\xd5W\xdb;\x17+\x00DE\xc7\xc5\xa6f\x98\xa2b\x93\x06\xe7k\xe7\xaf\x922\x861\xa6j\xb3\xd4\x9csA\x94\x1c\xf5\x95m\x8d5T\x10\x1a+\xcb&lt;\xed\xad-5G\x9c-\xf5]n\x85\x99_P0\xfd\xea\xabo\xb8\xe1\x86\xf1\xe3\xc7k\xffF{\xa2\x851\xd78\x9f!\xff5\xdb\xb7\x7f\xe5\xf3\xfa;\xbf\xd2\x1ekK\x1a\x10o\x8d6\x0f\xc8I\x11Dj\x8e2\r\xc8Na*\x0b\x1c\x00\x08\x12m&lt;\xde\xd2\\\xef\x10\x04z\xe2P\x83\xd3\xe1n\xa8jjml\xefr?\xe4\xfc\x82\xfc\xe9WO\xc7\xfc5X\xff\x11\x00\x1b\xc0\x85\xd2FC\x84\x90@\x15\x96\x95\x95m\xdb\xb6\xed\x83\xb5kw\xee,\xa9\xa9\xa9\xe9\xb21\x9c\xaf~\xc9)\xc3\x0b\x0b\xae\xbe\xfa\xea\x89\x13\'\x8e\x1e=Z\x1bvi\xbf\x14G=p\xb6\xfc?(\xd9YRSs\xc2\xe7\xf3\x9f\xfd\x1d\xce.9\xb9_a\xe1p\xcc\xffL\xb0\xfe\xfb4l\x00\xbd\x861\xa6\x1d\x17\x07\x8a\xd2\xe5rUVV\x1e8p\xa0\xb4\xb4t\xcf\x9e\xd2\xa6\xa6\xa6\xfdee\x8a\xa2\xb4\xb5\xb5)~_\xf7wHHL\xe2\x9cgee\xc5\xc7\xc5\x8d\x19s\xd1\x90!C\xf2\xf3\xf3\xb3\xb3\xb3ccc\x03\xafQ\x14\x85\x10\x82\xa7\xb9\xba\xfb\x8e\xfcK\xf7455\xed\xdf\xbf_U\xd5\xb6\xb66\x7fO]!!1\x01\x00\xb2\xb2\xb2\xe2\xe2\xe2\xc6\\4\x06\xf3?/X\xff}\x116\x80\xde\xa7m\t=\x96\xa9\xc3\xe1`\x8c\xd5\xd5\xd5\x05\x96\xaf\x04\xd8l\xb6\xec\xecl\xcey\\\\\xdc\x99\xde\x10\x87&lt;\xe7\x02\xf3\x0f/\xcc\xbf\x0f\xc1\x06\x10D\xbc\x13ma\xf2\xb9LVj\x87\xb7\xfc\xf4\x8a\x08,\xfa\xef\r\xf3\x0f/\xcc_\xff\xb0\x01\x84\x94\x966?\xbd\xc0\xbc\x0bm\xf3\xc0r\x0f\x1e\xcc?\xbc0\x7f\xbd\xc1\x06\x80\x10B\x06\x85\xcb\xa7\x10B\xc8\xa0\xb0\x01 \x84\x90Aa\x03@\x08!\x83\xc2\x06\x80\x10B\x06\x85\r\x00!\x84\x0c\n\x1b\x00B\x08\x19\x146\x00\x84\x102(l\x00\x08!dP\xd8\x00\x10B\xc8\xa0\xb0\x01 \x84\x90Aa\x03@\x08!\x83\xc2\x06\x80\x10B\x06\x85\r\x00!\x84\x0c\n\x1b\x00B\x08\x19\x146\x00\x84\x102(l\x00\x08!dP\xd8\x00\x10B\xc8\xa0\xb0\x01 \x84\x90Aa\x03@\x08!\x83\x12\xc3\xfd\x01\x10\n\xb53=\x07\x1b\x1fG\x1e\x1a\x98\xbf~`\x03@\x91\x8cw\x02\x00\x94\xd2\xc0\xffv\xc7\x18\x0b\xfc/\xe9$\x84\x9f7\xd2`\xfe:G\xce\xd4\x8d\x11\xea\xa3\xb4\xdd\rc\x8c\x10"\x08B\xf7\x170\xc6\x1c\x0e\x07!\xa7\x8a_\xfb\x07\xb3\xd9l\xb1Xz|\xb1\xf6V\x94R\xdc\x19\x9d\x0b\xcc\xbf\x0f\xc1\x06\x80"\x84\xb6\xd3\xe1\x9c\x8b\xe27\xc7\xb5\xaa\xaa\xd6\xd4\xd4\x1c:t\xa8t\xcf\x9e\xc6\xc6\xc6\xed;\xb6+\x8aR_WWWW\x0b@\x00\xb4\xe2\'\x00\xdcf\xb3geeq\x0e\x85\xc3\x0b\x13\x13\x93\xc6\x8c\x193p\xe0\xc0A\x83\x06Y\xad\xd6\xce\xef\x06\x00\xb8\'\xea\xd1\xd9\xf3\xdf\xd3)\xff\xba\</t>
        </is>
      </c>
    </row>
    <row r="300">
      <c r="A300" s="1" t="n">
        <v>298</v>
      </c>
      <c r="B300" t="inlineStr">
        <is>
          <t>shape_reflect</t>
        </is>
      </c>
      <c r="C300" t="inlineStr">
        <is>
          <t>What is the missing shape denoted by a question mark?</t>
        </is>
      </c>
      <c r="D300" t="inlineStr">
        <is>
          <t>['pentagon', 'triangle', 'square', 'hexagon']</t>
        </is>
      </c>
      <c r="E300" t="inlineStr">
        <is>
          <t>triangle</t>
        </is>
      </c>
      <c r="F300" t="inlineStr">
        <is>
          <t>There are six shapes in the image separated by a line. In the top part there are ['hexagon', 'pentagon', 'triangle']. In the bottom part there are ['hexagon', 'pentagon', '?'].</t>
        </is>
      </c>
      <c r="G300" t="inlineStr">
        <is>
          <t>We observe that the hexagon is reflected across the line as a hexagon. Similarly, the pentagon is reflected as a pentagon. Hence, the pattern is that each shape in the top part is reflected in the bottom part.</t>
        </is>
      </c>
      <c r="H300" t="inlineStr">
        <is>
          <t>Based on the pattern that each shape in the top part is reflected in the bottom part, the missing shape which is reflected from a triangle part should be a triangle.</t>
        </is>
      </c>
      <c r="I300" t="inlineStr">
        <is>
          <t>b'\x89PNG\r\n\x1a\n\x00\x00\x00\rIHDR\x00\x00\x02\x00\x00\x00\x02\x00\x08\x02\x00\x00\x00{\x1aC\xad\x00\x00b\xd7IDATx\x9c\xed\xddg\\\x14\xd7\xfe\x06\xf0\xdf\xcc\xec.\xbd\xaa\x80%E\x8d-\xb1\x8b\x11\xb1\x17\xb0E\x93\xd8Mb\x01[l\xa8\xb1`A\xec\x055jD\x13\x8dFM\xd5\xd8n\x9a\xb1`\xc3\x12\xd1\x80\x15\x8dXcb\x01\xa4-}w\xa7\xfc_\x9c\xeb^\xfe&amp;v\xd8\xc2&lt;\xdf\xcf}\x91\x0b\x08\xb3\xb3\xb3\xe79\xf3;g\xce\xe1\x14E!\x00\x00P\x1f\xde\xda\x07\x00\x00\x00\xd6\x81\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04\x00\x00\x80J!\x00\x00\x00T\n\x01`M\x92$\xc9\xb2l\xed\xa3P/Y\x96q\xfe\xadHQ\x14\x9c\x7f\xeb\xe2\x14E\xb1\xf61\xa8\x91,\xcb\x8a\xa2\x08\x82@D\xa2(\n\x82\xc0q\x9c\xb5\x0fJ]$Ib\xe7\xdf\xfc\x1f\x00j\x83;\x00KS\x14E\x14E\x9e\xe7\x05A\xd8\xbf\x7f\x7fbb\xa2F\xa3\xe18N\x92$k\x1f\x9aZ\xb0\xb7@\x10\x84?\xff\xfc\xf3\xe4\xc9\x93\x82 \xe0V\xc0\xc2\x14EQ\x14%99\xf9\xd2\xa5K\xb8\x0f\xb0"\x04\x80EI\x92\xc4q\x9cF\xa3\xb9r\xe5\xca\x90!C\x82\x82\x82Z\xb4h1{\xf6l\xbd^\xcf\x9a!\xc4@I\x93e\x99\xbd\x05[\xb7n\r\x0c\x0cl\xd6\xbc\xd9\x9c9sx\x9e\xe7y^\x14Ek\x1f\x9dZ\xb0\x0f\xc2\xe2\xc5\x8b\xfb\xf6\xed\xcbq\xa8CX\x8f\x02\x16!I\x92$I\x8a\xa2dee\xcd\x9c9\xd3\xdb\xdb\xbb\xe8\xbbP\xabV\xad\r\x1b6\xb0\x9f\x14E\x91\x15\x88\xa0\xd8\x99L&amp;EQ\xb2\xb3\xb3\xc7\x8c\x19S\xf4\xfcw\xec\xd8\xf1\xee\xdd\xbb\xec\x07p\xf2K\x1a\x1b\xfa\xbaq\xe3\x86\xa7\xa7\'\x11m\xdf\xbe]Q\x14Q\x14\xad}\\j\x84\x00(q\xb2,\x9b/\xee\xcd\x9b7\xd7\xacY\xd3\xdc\xee\xf4\xfe\xa0G\xef\xfe=\xcd\xff7((h\xff\xfe\xfd\xec\'\xd1\x12\x15/\xf3\xbb\x90\x90\x90\xd0\xc8\xbf\x11;\xe1\xcd\xdb\x04\xf6\x0b\xe9\xc3\xfe\xbbb\xa5\x8a\xdf\x7f\xff=\xfba\x16\xd5PB\xd8\x1b\xd1\xb3gO"\x12\x04\xa1Z\xb5j\x06\x83\x01\xfd\x1e\xab@\x00\x94\xa0\xa2M\x7f\\\\\\pp\xb0\xb9\xado\xd6\xaa\xe9\xb7?mJ6\xfe\x95l\xfc\xeb\xdb\x9f65o\x1d\xc8\xbe\xceq\\hh\xe8\x9d;w\xd8\xbfB\xb7\xa8X\x98O\xe3\xca\x95+=\xbd&lt;\x89\x88#.,|\xd4\xd5\xb4\x8b\xc9\xa6\xbf\x16E\xcf\xf3\xf0\xf4`\xe7\x7f\xcc\x981\xd9\xd9\xd9\xca\x83{\x05(v\xec\xbd8|\xf80\x11\xf1\xdc\x7fK\xd0\xf3\xe7\xcfWp\xb5[\x03\x02\xa0\xa4\x98\xaf\xe6\xdb\xb7o\x87\x86\x86:8:\xb0k\xdd\xaf\x82_\xd4\xaa\xf9\x7ff_\xb9Sp\xe3\xe2\xdd3\x17\xef\x9e\xb9Sp\xe3\xa6&gt;i\xc9\xea\x85\xafU\xaf\xca~\xa6|\xf9\xf2s\xe7\xce5\x18\x0cJ\x91\xda\x11&lt;\x07Y\x96YS~\xe7\xce\x9d&gt;}\xfe\xdb\xd9\xaf\xfc\xda\xab_\xee\xfc"\xc5\xf4WR\xea\x85\x8bw\xcf\xdc3\xdc:tz\xaf\x7f@C\xf6\xddF\x8d\x1a%$$(\xa8\xc5\x95\x006\xcaUXX\xd8\xa8Q#\x9e\xe7\xdd\xdc\xdd^\xa9\xfc2\x11\xb9\xbb\xbb_\xbbv\x8d}\xd7\xda\xc7\xa8.\x08\x80\xe2gn\xb2\r\x06\xc3\xca\x95+\xfd\xfc\xfcX\xcb\xe2\xe0\xe80z\xe2\x88\xf8k\xbf%\x1bo]N&gt;\x7f\xe9\xde\xd9\xa4\xd4\x0bI\xa9\x17.\xdd;\xfbG\xf2\xb9\x14\xd3_\xe7\xfe\xfa}\xfc\xb41\xac\x8bJDu\xeb\xd6\xdd\xbcy3\xfb\x9dh\x8c\x9e\x83\xb95\xd9\xb3gO\xa5J\x95\xd8Y\xed\xf2N\xa7\xb3\x7f\x9e\xbak\xf8\xf3\xe2\x9d3\x97S\xce\xb3\x0c\xb8\x95s\xf5j\xfa\xc5\xb0\xf0Ql2\xae\xa7\x97\xe7\xca\x95+\xd9\xbfE\xb7\xb4\x18\xb1\x93\xb9i\xd3&amp;\xf6^\x0c\x19\x1d\xba/n\x97V\xab%\xa2\x01\x03\x06(8\xdb\x16\x87\x00(N\xe6\xfe\xa6\xa2(\xbf\xfe\xfak\x9d:u\xcc5\x9f\xae=\xba\xec;\xb9\xeb\x9e\xf1\xd6\xf5\x8c?.\xde=\xc3\x9a\xfe\xa2\xff\xbbx\xf7\xcc\xd5\xb4\x8b\xa9\xd2\xedC\xa7\xf7v\xeb\xf9\x96\xf9\x1f\x06\x07\x07\xc7\xc5\xc5\xb1\xdf\x89\x18xz\xec\x8d0\x99L\xe3\xc7\x8fg\xcd\xba\xbb\x87\xfb\xac\xc53\xfe\xce\xbb\xfe\xcf\xb7\xe0\x8f{\xe7\x92R/\xa4\x8a\x7fo\xda\xb1\xce\xb7\xbc\x0f;\xf3}\xfa\xf4a\xb58\x8c\xc7\x14\x0b\xd6\xc1\xcf\xc8\xc8\xf0\xf3\xf3\xe3y\xde\xc3\xd3\xe3\xd4\x95c\x19J\xf2;\xbd\xbb\xb1\xc1\x80\xd8\xd8X\x05\x19`Y\x98\x80UlDQ\xd4h4D\x94\x98\x98\xb8`\xc1\x82\xcd\x9b7\xb3\xaf\xd7x\xbdz\xf8\xec\x89\x1d\xdej/\x8aRnN\xeec\x9e\xf9R\x14E\x12%\x177\x17A\x10b\xf7\x1fY6\xef\x93\xd3\xbf\x9f%"GG\xc7\xf7\xde{o\xce\x9c9\x15+V$&lt;\xb8\xf4$\x8a\xa2\xc8\xb2,\x08\xc2\xe9\xd3\xa7G\x8d\x1a\x15\x17\x17GD\xf5\xfd\xeb\xcd_&gt;\xfb\xcd@\xff\xfb\xa9i\x1c\xc7\xf1\xfc\xc3\x13\xa0\x15E\x91$\xc9\xcb\xdb\xf3\xf6_wfO\x9e\xbf\xeb\x87\xddDT\xa9R\xa5\xf5\xeb\xd7w\xe8\xd0\x81\x88dY\xfe\xe7\xbf\x82\xa7\xc7\xae\xdb\xd1cF\xaf^\xb5\x9a\x88f,\x98:\xe2\xa3a\xb99\xb9\xe9i\x99\x9d\x9b\xbd\x9d\x99\x91\xd9\xaaU\xab\x03\x07\x0e\x10\x11.o\x8bA\x00\x14\x03I\x92x\x9e\xe78.555::\xfa\xe3\x8f?.(( \xa2\xb2&gt;eGM\xf8\xf0\x83\xc1\xfd\x9c\x9c\x9dr\xf49\xc4\xd1\xd3\xb4 \xac\xb3\xe9\xe1\xe5\x91\x97\x93\xf7\xc3\xf7?-_\x18}\xef\xce="\xf2+\xef7m\xea\xb4\xe1\xc3\x87\xebt:\xf6\xe0\x0c\xda\xa3\x7f2\xa7cttt\xe4\xcc\xc8\xac\xcc,\x8e\xb8A#\x06D\xcc\x0f\xd7j\xb59\xd9\xb9\x1a\xad\xe61\xff\\\x14E\'g\'\xadV\xfb\xc5\xeaM\xcb\xe6\x7f\x92\xad\xcf\xe68n\xe6\xcc\x99\xd3\xa7O\xd7h4\x88\xde\xe7\xc6\x1e\xbf\xb8r\xe5J\xed:\xb5eI~\xbdN\xad\x1f\x0fm\x13E\xc9d2\xf9\xf8\x96[0c\xf1\x8a\x85\xd1D\xf4\xd5W_\xf5\xef\xdf\x1f\xe7\xd9b\x10\x00/\xa4\xe8\x8a\x0e\x1b7n\x8c\x8c\x8c\xbc}\xfb6\x11\xe9\x1c\x1c\xde\xee\xf5\xd6G\xd3\xc7V\xae\xfa\x8a&gt;+\xfb9.h\xf6O&lt;&lt;\xddo\xffug\xd3\xda\xaf\xd7Go,,,$\xa2:u\xebD-\x8a\xea\xd4\xa9\x13\x15\t\x9e\x12xe\xf6\x87u\xe15\x1aMzz\xfa\xa8Q\xa3\xbe\xff\xfe{"\xf2-\xef\x1b\xb5j^\xc7\xae\xc1O\xff.\xb0\xf7\xb4\x9cO\xd9S\xbf\xc5O\x1f?\xf3l\xfc9"j\xde\xa2\xf9\x17\xeb\xbf\xa8^\xbd:\xce\xf9\xf3a\'\xbfC\x87\x0e\xfb\xf6\xed#\xa2\xaf\xff\xb3\xa1]\xa76\x99\x19z\x8dF "\x8e\xe3:\x04\xbc\xf5\xe7\x8d[U\xabV\x8d\x8f\x8fwss\xe38\x0e\'\xd9\x02\xd0\x85|NJ\x91\x15\x1d\x0e\x1c8\x10\x14\x14\x14\x1a\x1a\xcaZ\xff\x16m\x9bm\xd9\xf5\xd5\xaaM+||\xcb\xa5\xa7e\xd0s\xdd\xd2\xb2\x7f\x92\x9e\x96\xe1\xe5\xed\x151\x7f\xea\x8f\x87\xb6\xb5\tnED\x17\xce_\xe8\xdc\xb9s\x97.]\x12\x13\x13Y5\x89\xd5L\x8b\xfb\xf5\xd9\x19\xf3\xf3\xbd{\xf7\xeem\xd6\xbc\x19k\xfd\xbb\xbc\xd3\xe9\xe7\xd8\x1d\xc1]\xda\xa7\xa7e\x98s\xfa\x89\xd8{\x9a\x9a|\xbfN\xfd7v\xec\xdb\x1c:b \x11\x1d;z\xaci\xd3\xa6\xeb\xd7\xafg\xe7\x1c\x0fl?\x13\xd6\xfa\xef\xdb\xb7\x8f\xb5\xfe\x1d\xbbuh\xd3\xa1UV\xe6\x7f[\x7fQ\x14]\xdd]\xc7N\x19MD\xd7\xae][\xb1b\x05\xcf\xf38\xc3\x96\x81;\x80\xe7a\xeeK^\xb9r%**j\xe3\xc6\x8d\xec4Vy\xad\xf2\xf8ic\xde\xed\xfb\x8e,I9\x8f-\xf7?=\xd6\xb1uus\xe5y.\xe6\xd7\x83Q3?N\xba\x94DDNNNC\x87\x0e\x9d&gt;}\xba\x8f\x8f\x0f\xa9{`\x80\xbdvQ\x14\xe7\xcf\x9f?{\xf6lEQ\xdc\xdd\xdd?\x8a\x18;x\xd4 \x93\xc9T\x90_\xc0\xc6f\x9e\xef\xd7zzyl\xfdf\xc7\xbci\x8bR\xee\xa5\x10Q\xbf~\xfd\xa2\xa3\xa3\xcb\x94)c\x1e\xf2\x81\xc7c\x83\x8d\xb2,\xd7\xae]\xfb\xea\xd5\xab\x1a\x8d\xe6\x97\xa3\xff\xa9\xf9z\xf5\xbc\xbc|s\rS\x96dw/\xf7\xee\xedz\x9f&lt;\xfe\xbb\xa7\xa7g|||\x95*U\x14EA\x91\xb3\xa4!\x00\x9e\x8d\xb9\xf8n4\x1a\x17/^\xbcl\xd9\xb2\xcc\xccL"\xf2\xf4\xf2\x18\xf4\xe1\x80\x90\x11\x03|\xfc|2\xd33\xffu\x98\xf1\xc5\xff\xae\x9b\xbb[A~\xc17_l\xfel\xd9\xda\xd4\x94\xfbD\xf4\xd2K/\xcd\x9e=\xfb\x83\x0f&gt;\xd0j\xb5*\x1c\x180\x8f\xf7^\xb9re\xf0\x90\xc1\xc7\x8e\x1e#\xa2\xda\xf5\xde\x88Z=\xbfqS\xff\xb4G\x8c\xf7&gt;\xd3\xef\x97$\xc9\xbb\xac\xf7_7\xfe\x9a8r\xea\xd1\x83\xc7\x88\xa8F\x8d\x1a_|\xf1E\xb3f\xcdTx\xc2\x9f\x03\xcb\xd1\xd5\xabW\x8f\x1e=\x9a\x88\x86\x8f\x1d:{\xe9\x8c\xf4\xfb\xe9E\xe3S\x96e\x17W\x97\xf8\xb8\x84~]\x06\x18\x0c\x86\x01\x03\x06|\xf9\xe5\x97\x88X\x0b@\x00&lt;-s[CD[\xb6lY\xb0`\xc1\x85\x0b\x17\x88\x88\xe3\xb8\x9e\xef\xbd\xfb\xe1\xf8au\x1a\xd4\xd6g\xea\x8dF\x13\xbb\xb1-\t\x92$\t\x1a\xc1\xdd\xdd\xed\xee\xed{\xd1\x8b?\xdd\xf2\xe5660\xd0\xb4i\xd3\xd9\xb3g\x07\x05\x05\x91\x9a\x16\x976\xdf\xf4\xac_\xbf&gt;&lt;&lt;&lt;##\x83\x88\x06\x0e\xfb`\xf2\xac\t\xee\x1e\xee\xfa,=\x9b`\xfe\xe2DQtrr\xd2h5\x9f\x7f\xb2~\xf1\x9ceF\x83\xd1\xc1\xd1a\xea\x94\xa93g\xce\xa4"\xb3\xbf\xe0\x9fXF\xa6\xa6\xa6\xbe\xfe\xc6\xeb\xfa,\xfdK\xafT\xfa\xe5\xc8\x7f\x1c\x9d\x1d%Qz\xe8\x12\x15E\xb1\x9co\xd9\x0f\xdf\x1f\xbds\xcb\x8f\x82 \x1c:t\xa8E\x8b\x16j\xbe\xaf\xb5\x0c\x04\xc0\x93\x15m\xfaO\x9e&lt;9c\xc6\x8c\x98\x98\x18\xf6\xad\x06\xfe\xf5&amp;\xcd\xfc\xa8m\x87\xd6\x05\x05\x85\xf9\xb9\xf9\x82\xa6\xe4[^\x85DIrttprq\xbap\xfa\xc2\xa2\x99K\x0f\xed\x8be\xdf\xe9\xf7^\xbfiS\xa7\xd5\xae]\x9bT\xd0*\xb1\x17\x98\x9e\x9e&gt;f\xcc\x186\xe3\xd6\xb7\xbco\xc4\x82)\xbd\xfb\xf7\xcc\xce\xd2\x9bLb\xf16\x1c\xac!\xf3.\xeb}\xe4\xc0\xd1\xf0Q\xd3o\\\xbbID\x1d;v\\\xb9re\xb5j\xd5\xd4\x13\xba\xcf\x8a\xb5\xe0!!!\xec\xe1\xaf\xa8\xe8\xf9\x83F\x0cHKM\xfb\xe7\xc5\xa9(\x8aV\xa7MM\xbe\xdf)\xb0kV\xa6\xbeQ\xa3F\xc7\x8f\x1f\xd7j\xb5\x18\r.Q\x08\x80\'0\xf7ARSS\xe7\xcd\x9b\xf7\xf9\xe7\x9f\x1b\x0c\x06"*_\xc1o\xdc\xb41\xef\xf6y\xdb\xc5\xd5%+3\x8b\xad\'l\xb1\xa3R\x14E\x96d\x17WgA\xa3\xd9\xb9\xf9\x87O?^{\x99\r\x0c8;M\x9c0q\xf4\xe8\xd1&gt;&gt;&gt;Es\xab41\x17^\xf6\xee\xdd;n\xdc\xd8\xcb\x97\x93\x88\xa8E\xdb\xe6K?]\xf8r\x95\x973\xd22J\xae-\x16E\xd1\xdd\xc3=[\x9f=g\xca\x82\xef\xbf\xdaFD\xe5\xca\x95[\xb5jU\xef\xde\xbdI\xdd\xc30\xff\x8a\x8d\xcc\x9f&gt;}\xbaY\xb3f\x06\x83\xa1qS\xffm{\xbf+\xc8/x\xd4\'E\x14\xc5\xb2\xe5\xca\xacZ\xf2\xd9\xdci\x0b\x89h\xd3\xa6M\x03\x07\x0e\xc4Y-Q\x08\x80G*Z\xee_\xbbv\xed\x82\x05\x0b\x92\x93\x93\x89\xc8\xd1\xd1q\xc8\xe8\x90A\x1f\xf6\xaf\xf4r\xc5\xe7\x9b\xe2Y\xbcG\xe8\xe1\xe9\x91\x93\x9d\xf3\xf9\xca\xf5_\xad\xfb\xee~\x91\x81\x81\x90\x90\x10z\xb0\xf0z\xa9\xa9S\x9b\xeflf\xcf\x9e\xcd\xc6{u:\xdd\xe4\x99\x1f\r\x1b;D4\x89\x05\x05\xcf9\xde\xfb\xf4$I\xd2\xe9tN\xce\x8e;\xbe\xfba\xd6\xe4y\x19\xe9\x19D4f\xcc\x98\xf9\xf3\xe7\xbb\xb9\xb9\x95\xfa\x1b\xafg\xc2&gt;\x1a\xad[\xb7\x8e\x8d\x8d\x15\x04\xe1\xcb\x9d_\xb4\tn\xa9\xcf\xca~\xfc\xe7\x85\x17\xf8\x0e\x01o\xfdy\xfd\x96\xaf\xafobb\xa2\xa7\xa7\'n\x02JN)i\x17\x8a\x97y\x8a\'\xcf\xf3\xbbw\xef\xf6\xf7\xf7\x0f\x0b\x0bc\xad\x7f\xeb\xa0\x96?\x1e\xda\x16\xb1`\xaa\x97\xb7\xd7sO\xf1,.\xec\x08\xb32\xb2\x88h\xf2\xac\x89?\x1d\xde\xd1\xfb\x83\x1e\x0e\x0e\x0e\x7f\xff\xfdwhhhpp\xf0\x81\x03\x07\x04A`[\x9d\xd8{\xd2\x9b\xa7\xf9_\xbdz\xb5S\xa7N\xb3f\xcdR\x14\xa5v\xbd7\xb6\xed\xfdn\xf4\xa4\x11\xf9y\xf9\x06\x83\xc1\x02\x8d/\x9bn\xa4\xcf\xca\xee=\xa0\xe7\x8e\x98-\x8d\x9a4$\xa2\xe8\xe8\xe86m\xdb\x9c&lt;yR\xa3\xd1`s1\x86\xb5\xfe\xdb\xb7o?r\xe4\x08\x11u\xed\xde9\xa8s\xdb\xacL\xfd\xe3?/\x92$9;;M\x9f\x17.\xcb\xf2\xbd{\xf7\x96-[\xc6\xf3&lt;\xceg\xc9\xc1\x1d\xc0\xc3\x1e\xb9\xa2C\xad\xea\xe1s&amp;\x06un+\xcb\xca\xe3Wt\xb0\x02\x85DIttttuw\xf9-6n\xe9\xdc\xe5\xc7\x0f\x9f "\x8e\xe7B\x06\x85\x84\x87\x87W\xaf^\x9d\xec\xb9Fa&gt;\xf2-[\xb6\x8c\x1d;655\x95\x1e\x8c\xf7zxz\xe8\xb3\xf4\x96\xefw\x8b&amp;\xd1\xd5\xdd\xd5d4\xae\\\xfcit\xd4\xa7\n)\x0e\x0e\x0e\x8b\x16-\x1a7n\x1c\xd9\xf3\xa9.\x16\xac\xfc\x98\x9b\x9b\xdb\xb0a\xc3\x9b7o\xba\xba\xba\xfcph{\xd5j\x95\x0b\n\n\x9fx3*\xcb\xb2\x9b\xbbk\xdf\xce\xfd\x8f\xc7\x9e\xd0\xe9t\x17.\\\xa8V\xad\x1a\xd6\xe1(!8\xa7\xff\xc36*\xd2h4z\xbd~\xc6\x8c\x19o\xbe\xf9&amp;k\xfd\xcb\xfa\x94\x9d\x19\x15\xf1\xcb\xd1\xff\x04wi\x9f\x9b\x93\x97\x9f\x97\xcfv\xf1\xb5\xf6\xf1\x16\xc1\x91F\xa31\x99Li\xa9\xe9\xfe\x01\r\xbf\xf9q\xd3\xe2\xd5\x0b_\xab^U\x91\x95\r\x1b64\rlZt\xd7I\xbb\xebO\xb1!V\xbd^?t\xe8\xd0~\xfd\xfa\xa5\xa6\xa6z\x97\xf1^\xb5q\xf9\xe2O\x17\xeat\xdal}\xb6U\xaa.\x1a\xad&amp;?7_\x92\xe4\xe9\xf3\xc37\xed\\_\xf9\xb5W\r\x06\xc3\xf8\xf1\xe3\xfb\xf6\xed{\xf7\xee]v\xa3\xa0\xda\xde\x15\xcb\xbf\x15+V\xdc\xb8qCQ\x94\xc1\xa3C\xea4\xa8]t\xe2\xff\x93\xfe\xb9\x1c\xb1p\xaaF\xa31\x18\x0c\x11\x11\x11D\xa4\xda3Y\xd2p\x07@\xf4\xff\xe7\xf9l\xdc\xb8q\xf1\xe2\xc5\x97/_&amp;"\x9dN\xf7v\xef\xae/\xb2\xa2\x83\xe5\xc9\x92L\x1cy\x97\xf1J\xbe\x97\xb2\xe9\xb3\xaf6\xae\xf9:+3\x8b\x88j\xd5\xaa\x15\x19\x19\xd9\xb7o_\xb2\x9f5$\xcc\xc30\xc7\x8f\x1f\x1f2d\x08{SZ\xb4m&gt;g\xc9\x8cZuk\xa5\xdfO\xb7\xfa}\x18[\xbf\xcf\xab\xacW\xea\xbd\xd4i\xe3"\x7f\xfda\x0f\xa9~\t96\xf6{\xe3\xc6\r\x7f\x7f\x7f\xbd^\xffJ\x95W\xf6\xc5\xfd\xf2L\xed\x8c(J\xdee=\'~8\xf5\xdb\r\x9b\x89\xe8\xf0\xe1\xc3\xadZ\xb5\xb2\x8bO\x9f\xddQ{\x00\x98+\xcbDt\xe0\xc0\x81E\x8b\x16\xed\xdf\xbf\x9f}+\xb0U\xd3I\x91\xe3\x03[\x05\xe4f\xe7\x15\x16\x16\xda\xd7\xe0\x9e(\x8a:\x9d\xce\xc3\xcb\xe3\xc2\x99\xc45+\xd6\xed\xf8\xf6?\xb2"\x13Qpp\xf0\x9c9s\x9a4iB6\xff\xc4@\xd1\xf1\xde\x85\x8b\x16\x1a\n\r:\x9dn\xc4\xf8a\x1fE\x84)\n\xe5\xe5\xe6\xd9\xce;"\x8a\xa2\xa3\xa3\xa3\xceAWt\t\xb9q\xe3\xc6-^\xbcX\x85K\xc8\xb17n\xe0\xc0\x81_}\xf5\x15\xc7q\xcb?_\xd2{@\xcf\xcc\xf4\xcc\xa7\x7f\xbf\x14E\xd1j\xb5YYY\xed\x1au\xd4ge7l\xd4\xf0\xf81L\t-\x11\xaa\x0e\x00\xf3\'\xf3\xee\xdd\xbb3f\xcc\xd8\xb0q\x03)DDU\xabU\x19&gt;nh\xaf\x0f\xbak4B\xb6&gt;\xc7\x96[\xc9\xc7`\x9dSgWg\'\'\xc7\x03{\x0e}\xba\xec\xf3\xe3\x87\x7f#{X\\\xba\xe8xoXX\xd8\x9e={\x88\xa8\xcak\x95\xa3V\xcfo\xd5\xbee\xfa\xfdt\xb2\xbd\xe7o\xb1\x84\x1c\xc3.\xa7\xa3G\x8f\xb6i\xd3F\x96\xe5\xc6M\xfd\xffspkvf6/&lt;\xdb\xfb%\x8a\xa2wY\xafO\x97\xae\xc5\x94\xd0\x12\xa5\xea\x00 "\xb6\xa2\xc3\xea\xd5\xab\xd9$\x1f\x0fO\x8f\x90\x11\x03BF\x0c\xf0+\xef\x9b\x91\x9eI\n=\xeb\x85kkX\xd1\xdf\xd3\xcb\xc3d\x12\xb7~\xb5\xdd\xbc\xb8t\xf9\xf2\xe5G\x8e\x1c9y\xf2d\x9dNg\xedc\xfc\x7f\xcc\x1f\xf2\xad[\xb7\x8e\x1e=\xfa\xfe\xfd\xfbD\xd4g@\xaf\xc8E\xd3\xdc=\xdc\xb3\xb3\xb2\x1f\xbf\x9e\xb3u\x89&amp;\xd1\xcd\xdd\xd5d2\xcd\x9f\x1e\xb5\xe1\xb3/\x89\xc8\xdb\xdb;**j\xc8\x90!d\x93Y[\xbc\xd8\xb2?&amp;\x93)\xb0Y\xe0\xe9\x84\xd3\x1a\x8df\xeb\x9eo\xfd\x03\x1a\xe5\xe5\xe6=k`+\xa4\xf0\x1c\xc7\xf1\xff\x9b\x12z\xf1\xe2E\x0f\x0f\x0f\xdc\x04\x14/\xfbn\xdd\x9e\x1b\xdb\xbak\xcb\x96-\r\x1b6\x9c1c\x06k\xfd\xbb\xf6\xe8\xf2\xc3\xc1\xad\xd3\xe6\x85;;;\xa7\xddO\xe7y\xde\xde[\x7f"\xe2y^\xa3\xd1\xe8\xb3\xb2\x0b\xf3\x0b\x07\x0c{\xff\xe7\xd8\x1d\xa3\'\x8dptt\xbcw\xef\xde\x8c\x193\x1a5l\xb4e\xcb\x16\xb6\xe3\x95\xb5\x8f\x94\xe8AU*\'\'\',,\xacO\x9f&gt;\xf7\xef\xdf/S\xd6{\xe5\x17\xcb\x96\xad\x8drpp\xc8\xc9\xce\xb1\xe5\xd6\x9f\x884ZMnn\x9e(J\x0bW\xce\x8d\xde\xb8\xdc\xb7\xbcoFF\xc6\xd0\xa1C\xdf{\xef\xbd\xf4\xf4t62l\xedc,Al\xc0c\xcb\x96-\xa7\x13N\x13Q\x9f\x01\xbd\x9a\xb5n\x9a\x93\x9d\xf3\x1c\xb7k\x1cq\xa2\xf8\xff\xa6\x84FFFbJh\xb1S\xe3\x1d\x80\xf9.\xb5e\xcb\x96\xec+\xf5\xfd\xebM\x9c1\xbeU\xfb\x16\x92$\xe5\xe5\xe4YbE\x07k`\xa5jgW\xe7\x0bg\x12\xa3\xa3&gt;\xfd\xf5\xc7=l\xd1\xdd#G\x8eX}\xdd\x15\xf3x\xef\xc9\x93\'G\x8d\x1e\x95\x10\x9f@D-\xda6\x9f\xbdd\xc6\x1buk\xa5\xa7e\xd8Q\t\xe5_\x97\x90\xabY\xb3\xc6\xfa\xf5\xa5y\t9\xd6\xfd\xcf\xca\xcaz\xe3\x8d7RSS\xdd\xdc\xdd\x0e\x9e\xde\xe3\xe9\xe9i2\x99\x9e\xfb\x8d\x93$\xc9\xc3\xcbcH\xef\x0fw\xff\xb4W\xab\xd5^\xb8p\xa1z\xf5\xeaX%\xb4\x18\xa9\xf7&lt;\x9aL&amp;\xb6\xf2{\xd8\xe4Q?\x1c\xd8\xda:\xa8eNvNA~\x81FkcS&lt;\x8b\x0f\x9b*\x9a\x91\x96Q\xbdV\xb5/\xb6\xad\x99\xb98\x82=&amp;f2\x99\xac{`\xe6\xc7\xeeV\xacX\xd1\xaaU\xab\x84\xf8\x04\x8e\xb8\xb0\xf0Q\xdf\xfc\xb8\xb1J\xb5\xcai60\xdb\xe7\x99\xb0\x9d\t2\xd22\xca\xf9\x96\xfb\xf6\xa7M\x11\xf3\xa7\xe8t\xba\xcb\x97\x93\xda\xb5o7{\xf6l\xf6JK\xdf\xad\x00\xeb\xfe/[\xb6,99Y\x96\xe5\xb0\xc9#+T*_XX\xf8"o\x1c\xc7q\xa2I\x1c?=L\xe7\xa0\x13E1,,\x8c\xe3\xd4\xd8g-9\xea\r\x00\x8e\xe3\xd8.\xd5\xcd\xdb6\xd39\xea2\xd33Ykh\xed\xe3*Y\xacm\xca\xcd\xc95\x1a\x8c\xd5kVc\x8f&gt;X\xb1me\x0f]k4\x9a\xbbw\xefv\xea\xd4i\xfc\xf8\xf1\x06\x83\xa1\xf2k\x957\xed\\?}~xA~\xc1s\xaf\xe6oul\x1a{~^\xfe\xe8I#\xb6\xed\xfd\xaev\xbd7\x0c\x85\x86Y\xb3fu\xea\xd4\x89-\x8b/IR\xa9i\xcbX\xeb\x9f\x94\x94\xb4d\xe9\x12\x9e\xe7\xab\xbcVy\xc0\xf0\x0fr\xf49\xc2\x8b\xad\x8c\xcb\xf3|nNn\xdd\x86uBG\x0cT\x14\x85m)#\x08\x02\xb6\x8b).\xa5\xbc\xbd{\x1ay\xb9y\xb2$\xbf\xe0\x95j_X9\xa5\xa0\xa0\xd0\xba\x87a\xde\xc6k\xeb\xd6\xadM\x9a\xbc\xc9f\xfbt\xed\xd1e\xe7\xfe-\xc1]\xda\xa5\xa5\xa4\xdb\xfb*F\xec&lt;\xa7\xa7e4j\xd2`\xeb\x9eo\xfb\x0c\xe8ED{\xf6\xeci\xde\xbc\xf9\x96-[J\xd3\xe6b\x8a\xa2p\x1c\x17\x16\x16f4\x18eY\x9e&gt;?\xdc\xd9\xd9I\x14%\x8e^\xb4o!\x08B^N\xde\xd01\xa1&gt;\xbe\xe5x\x9e\x0b\x1b\x1b&amp;\x8a"\xee\x03\x8a\x8b\x1d\x7f\xba\x8a\x8b\x1d\x15\x97\x8b\x17\xcf[\xf3U\xb3\xb2\x8fy\xbc\xf7\xf6\xed;\x1e\x9e\x1e\x8b\xa2\xe7\xad\xdb\xfc\xa9\x9b\x9b[Fz\xa6\x8d\x8f\xf7&gt;=\x8dF\x93\x9d\x95\xa3\xd5i\x97\xad\x8dZ\xf9\xc5\xb22e\xbdSSS\xfb\xf5\xeb7t\xe8\xd0\x9c\x9c\x9cR02\xfc\xcf\x1d\x1f;\xbe\xdd\xe1\x89\x8b\xbe=%\x8e\xe3\n\x0b\x0b+\xbd\\q\xfc\xb40YV\x92.\'\xad]\xbb\x16\xa3\xc1\xc5\x05\x01\x00\x96f\x9e\xe6\x7f\xfa\xf4\xe96m\xdbDGG\x13\x91\x7f@\xc3\x1f\x0en\x1d8\xac\x7fFz\xa6h*mkj\n\x1aA\x12%}Vv\x9f\x01=\xb7\xed\xdd\xdc\xa2ms"Z\xbf~})XB\x8e\xf5\xfd\xcd\x05z\x9dN\xf7\xd1\xf40\xd1$\x16c\xa7J\xa3\xd1de\xea{\xbe\xffn\xed\xfaop\x1c\x17\x19\x19\x99\x99\x99\xc9\xf3&lt;n\x02^\x1c\x02\x00,\x8a-O-\x08Bttt\xbb\xf6\xed\xcc\xe3\xbd\x9bw}]\xa5Z\x95\x8c\xf4\x0cA\x108\xab\xde\x9a\x94\x10\xf6\xaa\xd3\xee\xa7W\xa9V\xf9\x9b\x1f7\x86\x85\x8f"\xa2\x84\xf8\x84V\xadZ\xb1m\xd0\xedt\'tV\xfd_\xbbvmRR\x92\xa2(\xa1#\x07\xd6mX\'7\'\xb7xkw\x92$\xb9\xb8\xbaN\x9e9AQ\x94\x8c\x8c\x8c\xc8\xc8H6\x86W\x8c\x7fB\x9d\x10\x00`9\xacVp\xf7\xee\xdd\xbe}\xfb\x86\x85\x85eefU~\xedU6\xde+Kr~n~)\xeb\xf8\xff\x93F\xa3a#\xdb\xd3\xe7\x87\x7f\xb9\xf3\x8b\xca\xafUfK\xc8u\xea\xd4\x89-!g_\x19\xc0Fq\x92\x93\x93g\xcc\x98\xc1\xf3|9\x9f\xb2C\xc7\x84\xe6\xe5\xe4\x15\xfb|bA\x10\xb22\xb3\xdavh\xd5\xa9[\x07"by\x83B\xd0\x8bC\x00\x80\x85(\x8a"\x08\xc2\xde\xbd{\x1b7n\xfc\xfd\xf7\xdf\x13Q\xe7w:\xfdg\xff\xd6\xa0.\xed\xd2R\xd2\x15E)\x05\x8f\xdd=\r6\xe6\x94\x96\x92\x1e\xdc\xa5\xdd\xce\xfd[\xba\xf6\xe8BD{\xf6\xeci\xdc\xb8\xf1\xde\xbd{\x05A\xb0\xa3\xca\x06\x9b\x92?u\xea\xd4\xcc\xccLY\x96?\x8a\x18W\xe9\xe5\x8a/8\xf5\xf3Q8\x8e\x93%\x19SB\x8b\x97*&gt;r`u\xac\xab8{\xf6\xec\x8e\x1d;\xde\xbd{\xb7\x9cO\xb9\x99Q\xd3\xd7~\xbb\xca\xcd\xdd-3=\xb3\x14?{\xf1(\x1a\xad&amp;#=\xd3\xcd\xcdm\xdd\xe6O\x17~2\xb7\x9cO\xd9\xbbw\xefv\xec\xd8q\xf6\xec\xd9\xf6R\xdc`\xc5\x9f\x84\x84\x04\xb6jz\xe3\xa6\xfe\xef\x85\xf4\xcex\x96E\xdf\x9e\t\xcf\xf39lJ\xe8\x87\xff\x9d\x12\xbam\xdb6\xbb\xbbg\xb25\x08\x00\xb0\x04\xd6\xa2\xb1\xcf*\xc7q\x13g\x8c\x9b8y|\xb6&gt;\xdbh4\x96\xfa\xb2\xcf\xa3h4\x1a\xd1$\xa6\xddO\x1f\x19\xf6\xe1\xc4\x19\xe3Y\x04\xb2Sd\x17\x01\xc0\x86\x7f\'L\x98`0\x18\x04A\x18;e\xb4F\xa3)\xd1.\xb9 \x089\xd99\xa3&amp;~\xf8j\x95W8\x8e\x8b\x88\x880\x1a\x8d\xb8\x0fx\x11\x08\x00\xb0\x046$8p\xe0@GGGEQ\x12N\x9e\xce.\xcc\xa6\xd2\xb8"\xc23\xe1x\x8e\xe3\xb8\xdc\xc2\x9c\x84\x93\xa7\x15Eqtt\x1c8p \xd9\xc3ia\xc39\xdb\xb6m{\xa6\x1d\x1f_\x10\xc7qF\x83\xd1\xa7\xbc\xcf\x88\xf1\xc3\x14E\xb9r\xe5\xca\xd2\xa5K1\x12\xf0"l\xfd:\x83\xd2\x81}J+W\xae\xdc\xa0A\x03":\x1cs\xe4~J\x9a\x83\x83\x83\xca\xfbn\x8a\xa2888\xdcOI;\x1cs\x84\x88\x1a4hP\xb9re\xdb\xdfC\x86\xbdkF\xa3qz\xc4t"rsw\x1d\x13&gt;\xaa \xbf\xc0\x02\x87\xcd\xd6\xd8\xe83\xb0\xd7\x9b\x81\xfeD\xc4V\x9e\xb0\x97\xa2\x99\r\xb2\xe9\xeb\x0cJ\x13\xd6\xaeu\xef\xde\x9d\x88RS\xee\x9f&lt;\xfe\xbb\xb3\x8b\x93\xca?\xb7\xb2,;\xbb8\x9d&lt;\xfe{j\xca}"\xea\xde\xbd\xbb]\xf4g\xd9\xf6yK\x97.\xbdz\xe5\xaa\xa2(\x83G=\xdb\x8e\x8f/HQ\x14\xadV\x13\x16&gt;Z\x10\x84\xf4\xf4\xf4\xa9S\xa7\xe2\x99\x80\xe7\x86\x00\x00\x0ba\xadC\xb7n\xdd\x1c\x1c\x1c\x88h\xef\xcf\xfb\xd46\xf0\xfb\xaf8\x8e\xdb\xfb\xf3&gt;"rpp\xe8\xd6\xad\x1b\xd9|\xfd\x87\x05\xf9\xf5\xeb\xd7\xa3\x16Gq\x1c\xf7j\xd5WG~4\xec\x996\xfczA\x82 de\xea\x83:\xb7e\x13\xa86o\xde\x9c\x90\x90`\x17\xc1i\x83l\xfaR\x83\xd2\x84}D_{\xed5\x7f\x7f\x7f":q\xf4dZj\x9aV\xabUm\xdf\x8dm|\x98\x96\x9av\xe2\xe8I"\xf2\xf7\xf7\x7f\xed\xb5\xd7\xec\xa2\xfe\xc3q\xdc\x9c9s\xb2\xf5\xd9D4n\xcahWw7\x0b\xaff\xc1\xf3|A~\xc1\x98\xc9#\xdd=\xdc\r\x06\xc3\xc4\x89\x131\x14\xfc|l\xfaR\x83R\x86\xb5nAAAD\x94\x9ar\xffRb\x92\xa3\x93\xa3j;n\xb2,;:9^JLb\xf5\x9f\xa0\xa0 \xdb\xef\xc6\xb2\xb1\xdf#G\x8e|\xfb\xed\xb7D\xd4\xb8\xa9\x7f\xaf\xfe=\xf4\x19z\x0bO\xe5\xe2y&gt;77\xafn\xc3:\x03\x86\xbeOD\xb1\xb1\xb1\xdb\xb7o\xc7\x94\xd0\xe7\x80\x00\x00\xcba5\x9f\xe0\xa0`\x9e\xe7%Q\x8a\xf9e\xbf\xceA\xd5w\x00:\x07m\xcc/\xfb%Q\xe2y&gt;8(\x98\x1e\x9c"[&amp;\xcb\xf2\x8c\xc8\x19\x92$\xe9\x1ctS\xe6L\x94D\xe9\x85W\xfc|\x1e\x1a\x8d&amp;+#k\xd8\xd8\xc1/\xbf\xfa\x92\xa2(\xe1\xe1\xe1z\xbd\x9e\x1e\x0cP\xc3SB\x00\x80\xe5\xb0\xc7\\\x1b\xf97\xaa^\xbd:\x11\x1d\xda\x17\x9b\x95\x91\xa5\xd5j\xad}\\\xd6\xa1\xd5j\xb32\xb2\x0e\xed\x8b%\xa2\xea\xd5\xab7\xf2o\xc4\x1e\x96\xb6\xf6q=\x12\xeb\xfe\x7f\xfd\xf5\xd7Gb\x8f\x10Q\x97w:5o\x13\xf8|;&gt;\xbe8\x8e\xe3\x8cF\xa3\x8fo\xb9\t\x11\xe38\x8e\xbbq\xe3\xc6\x8a\x15+p\x13\xf0\xac\x10\x00`Q\x92$\xe9t\xba\xae]\xbb\x12\xd1\xcd\xeb\x7f\x9e\x8d?\xef\xec\xec\xa4\xc2\x0f\xad$I\xce\xceNg\xe3\xcf\xdf\xbc\xfe\'\x11u\xed\xdaU\xa7\xd3\xd9\xf2y`\xa5\xff\x8c\x8c\x8c)S\xa6\xf0&lt;\xef\xe1\xe91y\xd6\x84\x9c\xec\\+&amp;\x96F\xa3\xc9H\xcf\xec\xf9\xfe\xbblJ\xe8\x8a\x15+\xae_\xbf.\x08\x82\x8d\x97\xd1l\n\x02\x00,\x8a\x958z\xf4\xe8\xc1\xea\xdd1\xbb\x0ehUY\x05R\x14E\xeb\xa0\x8d\xd9u\x80\x8d\x8b\xf4\xe8\xd1\x83l\xbb\xfe\xf3\xcf\x1d\x1f\xab\xbc\xf6jaA\x89,\xfb\xf3\xf48\x8e\x93$9|\xf6D\x07\x07\x87\xac\xac\xac9s\xe6`4\xf8\x99 \x00\xc0\xa2X\x15\xa8A\x83\x06*\xaf\x02=T\xffi\xd0\xa0\x81-\xd7\x7fX\xeb\x7f\xf5\xea\xd5%K\x97p\x1c\xc7v|\xcc\xca\xb4\xf4\xd8\xef?\xf1&lt;\x9f\x93\x9d\xd3\xbcM`\x97w;\x12\xd1\xb7\xdf~{\xe4\xc8\x11\x14\x82\x9e\x1e\x02\x00,\rU ;\xad\xffL\x9f&gt;\xddh0*\x8a2}\xfe\x14\xdby\xcb\x04A\xc8\xc9\xce\x9d4s\x82\x97\xb7\x97$I\x91\x91\x916r`v\x01\x01\x00\x96\x86*\x90}\xd5\x7f\xcc;&gt;n\xdb\xb6\x8d\x88\x9a\xb7\x0e\xec\xd0\xb5}\xb6&gt;\xc7F\xeeW8\x8e+,(\xacZ\xad\xf2\xc0\xe1\x1f\x10Qll\xecw\xdf}\x87\x9b\x80\xa7\x84\x00\x00KC\x15\xc8\x8e\xea?Ew|\xe4y^\xa7\xd3E,\x9c*I\xb65\xca*\x08BfF\xd6\xc8\x8f\x86W\xae\xfa*{HM\xaf\xd7c0\xe0i \x00\xc0\n\xd4\\\x05\xb2\xaf\xfaO\xd1\x1d\x1feY\x0e\x1d9\xb0\x81\x7f\xbdb\xdf\xf1\xf1\x05\xb1\x88ruw\x1d;e4\x11]\xbbv\x8d\xed\xb2i\xb3g\xd5v\xd8\xd0\xbb\x08\xea\xa1\xe6*\x90\x1d\xd5\x7fX\xf7?33\xb3\xe8\x8e\x8f\xb9%\xb0\xe3\xe3\x8b\xd3h4\xfa\x0c}\xaf\xfe=\xde\x0c\xf4\xe78n\xc5\x8a\x157n\xdc\xc0\x94\xd0\'B\x00\x80\x15\xa8\xb9\ndG\xf5\x1f\x16Q3"g\xfcw\xc7\xc7\xe9cKn\xc7\xc7b\xc0\x91$J\xe1\xb3\'j4\x9a\xac\xac\xac)S\xa6\xa0\n\xf4D\x08\x00\xb0\x8e\x7fT\x81.8\xbb\x94\xfe*\x90$I\xce.Ng\xe3/\xd8~\xfd\xc7\xbc\xe3\xe3\xda\xb5k\x89\xe8\x8d\xba\xaf\xf7|\xbf\xbb-L\xfd|\x146%\xb4Y\xeb\xa6\xbd\xfb\xf7$\xa2m\xdb\xb6\xc5\xc6\xc6b4\xf8\xf1\x10\x00`\x1d\x0fU\x81\xf6\xfd\x12\xa3Q\xc1\xca\xa0\x8a\xa2h\xb4\xda}\xbf\xc4\xd8K\xfdg\xc2\x84\t\x92(\t\x820m^\xb8\xb3\xab\xb3\x8d7\xa6\x82 \xe4f\xe7}\x14\x11\xe6\xe9\xe5\xc1q\xdc\x84\x89\x13\x0c\x06\x03\xee\x03\x1e\x03\x01\x00\xd6\xf1P\x15\xe8\xf7\x13\xf1\x05\xf9\xf9\xb6Y\t)F\x82 \x14\xe4\xe7\xff~"\x9el\xbb\xfeSt\xc7GEQ\xbav\xef\xdc\xbeS\x9b\xac\x8c,\x1b&lt;\xd4\xa28\x8e+,,\xacP\xa9\xfc\x98I#\x15EI\x88O\xd8\xb2e\x8b\xed\xaf\xb1jE\x08\x00\xb0\x1aY\x96u:]\xd3\xa6M\x89(\xe9\x8fkI\x17\xaf:\x95\xea\xd5\xa1eYvrrL\xbax5\xe9\x8fkD\xd4\xb4iS\x9dNg\x83\xaf\xf7\xa1\x1d\x1f\xdd=\xdc,\xb6\xe3\xe3\x8b\x134B\x8e&gt;g\xc0\xf0\x0f\xaaT\xab\xcc\xf3\xfc\xd4\xa9S322p\x13\xf0(v\xf0\x8eB\xe9\xc6\xca \x86\xc2\xc2\x83{\x0f\x97\xee\xed\x01\xd8\x06\x00\x07\xf7\x1e6\x14\x16\xd2\x83\x17n\x83\x1e\xda\xf1q\xc0\xd0\x0f\xea6\xac\x93\x9b\x9bg\x17\x01\xc0\x11\'\x8a\x92\xb3\xb3\xd3\xf4y\xe1\xb2,\xdf\xbbwo\xd9\xb2e\xb8\tx\x14;xG\xa1\xb4b\rJ\xcb\x96-+T\xa8@D1\xbf\x1e(((\xb0\xf1"\xc3\x8b\x10\x04\xa1\xa0\xa0 \xe6\xd7\x03DT\xa1B\x85\x96-[\x92\xedm\x00\xf9\xbf\x1d\x1f\xa3\xa28\x8e{\xe9\x95J\xc3\xc6\x0e\xce\xca\xc8\xb2\xd9\xb1\xdf\x7f\x12\x04![\x9f\xd3\xa1kP\xf3\xd6\x81\x1c\xc7-]\xba\xf4\xea\xd5\xab\x98\x12\xfa\xafl\xeb\xe2\x03U\xe18N\x92$77\xb7\xe0\xe0`"\xbax\xfe\x8f\xcb\x89I\xa5\xb5\n\xc4\xea?\x97\x13\x93.\x9e\xff\x83\x88\x82\x83\x83\xdd\xdc\xdc$I\xb2\xb5\x11\xe0\xff\xed\xf8\x98\x9dMD\x13g\x8c\xf7\xf1-g4\x1am\xed8\x9fH\x92\xe4\x88\x85S5\x1a\x8d\xc1`\x88\x88\x88 \xec\x15\xf3o\x10\x00`}={\xf6$"\xa3\xc1ppoli\xad\x02=\xa8\xff\xc4\x1a\r\x06z\xf0\x92m\xcd?w|\xec\xf9\xfe\xbb\x19\x16\xdc\xf0\xbd\xb8\xf0&lt;\x9f\x9b\x93W\xafQ\x1d6%t\xeb\xd6\xad\x98\x12\xfa\xaf\x10\x00`M\xea\xa9\x02\xd9E\xfd\x87\x88$I\xfa\x7f;&gt;J\xb2\xdd\xf5\xfd\x19A\xe0\xf3s\x0b&gt;\x9a\x1e\xe6\xe9\xe5\xc1\xf3\xfc\x84\x89\x13DQ\xc4h\xf0Cl\xee\xfa\x03UQI\x15\xc8.\xea?\xa2(\n\x82\xf0\xddw\xdf\xd9\xc2\x8e\x8f/\xee\xbfSB_\xaa0f\xd2HY\x96\x13\xe2\x13\xd6\xae]\x8b\xd1\xe0\x87\xd8\xe5[\x0b\xa5O\xe9\xae\x02\xd9~\xfdGQ\x14\x9e\xe7\xb3\xb3\xb3\xe7\xcc\x99\xc3\xf3\xbc\xa7\x97\xf5w||q\x82F\xc8\xce\xca\x1e\xf4a\xff\xda\xf5\xdf\xe0y&gt;22233\x93\xe7y\xdc\x04\x98!\x00\xc0\xca\xd4P\x05\xb2\xfd\xfa\x0f\x9b\xfc\x13\xb58\xea\xda\xb5k\xb2,\x8f\x99d\x13;&gt;\xbe \x8e8I\x92\x9c\x9c\x9d&amp;\xcf\x9c \xcbrFFFdd$\xc7q\xa5\xac{\xf1"l\xe8\x12\x04u*\xf5U \xdb\xaf\xff\xb0\x89\xffW\xaf^]\xbat)\xcf\xf3\xb6\xb3\xe3\xe3\x8b\x13\x04!+S\xdf\xb6C\xabN\xdd:\x10\x11[\xd7\x1a\x85 3\x04\x00\xd8\x8a\xd2Z\x05\xb2\x8b\xfa\x0f\x11\xb1\x1d\x1feY\xb6\xa9\x1d\x1f_\x1c\xc7q\xb2$\x8f\x9f\x1e\xa6s\xd0\xb1\x9dm0\x14l\x86\x00\x00\xeb+\xddU \x1b\xaf\xff\xb0\xa9\x9f\xb1\xb1\xb1\xb6\xb9\xe3\xe3\x8b\xe3y&gt;\'\'\xb7n\xc3:\xa1#\x06*\x8a\xb2o\xdf\xbe}\xfb\xf6aJ(c+W!\xa8\xd9?\xab@\x97.\\.\x1dU V\xff\xb9t\xe1\xb2m\xd6\x7f\xcc;&gt;N\x980\x81\xe7y\x8dFc\x83;&gt;\xbe8A\x10\xf2r\xf2\x86\x8e\t\xf5\xf1-\xc7\xf3\\\xd8\xd80L\te\x10\x00`Cz\xf5\xea\xc5q\x9c\xd1`8v\xe87G\xe7R\x12\x00\x8e\xce\x8e\xc7\x0e\xfdf4\x188\x8e\xeb\xd5\xab\x97\xb5\x8f\xe8\xff1\xef\xf8\x98\x90\x90 \xcbr\x9f\x01=\xeb5\xaa\x93\x9bc\x1f\xcb\xfe&lt;=6%\xb4\xd2\xcb\x15\xc7O\x0b\x93e%\xe9r\x12\xa6\x842\xa5\xeam\x06\xfb\xc5Z\x9c\xa6M\x9bz{{\x13\xd1\xc9\xa3\xa7L&amp;\x91\xe3\xec\xfe\xfa\xe48\xded\x12O\x1e=ED\xde\xde\xdel\xe9S\x1bi^\xd9\xd4\xcf\xa2;&gt;N\x88\x18\x97\x9f[ \x086qx\xc5K\xa3\xd1de\xea{\xbe\xffn\xed\xfaop\x1c\xc7\xa6\x84\xe2&amp;\xa0\x14\xbe\xd3`\x8f\xd8\xe4&lt;OO\xcf\x80\x80\x00":u"\xfe\xd6\xf5[\x8e\x8e\x0ev\xfd\xf9T\x14\xc5\xd1\xd1\xe1\xd6\xf5[\xa7N\xc4\x13Q@@\x80\xa7\xa7\xa7,\xdb\xca\xb3\xb5\xecH\xcc;&gt;\x8e\x9d2\xda\xaf\x82o^^\x9e"+R\xa9#K\xb2\xd1httr\x9a\x181NQ\x146%\x147\x01v?\xcd\xeb\xc5\xc9\xb2l\xd7\xad\xccs\xb3\xb5W-\xcb\xb2F\xa3\xe9\xd5\xab\xd7\xae]\xbbr\xb2s\x8e\x1e&lt;&gt;\xe8\xc3\xfe\x05\x05\x05\xf6;\x19Q\x92$g\x17\xa7\xa3\x07\x8f\xe7d\xe7\xd0\x83\x02\x97$I\xb6p\x07\xc0\x8a?IIIk\xd7\xae\xe58\xaeqS\xff\xc1\xa3\x06\xc9\x92\xec]\xc6\xdb6\xe2\xa9DH\x92\xfcN\x8fn=\xdf\xdf\xbd\xfd\xdb\x9dk\xd7\xae\x1d4hP\xc3\x86\r\xd9\xa9\xb0\xf6\xa1Y\x87\xbd~\xb4\x8a\x91\x8b\xab\x0b/\xf0\x92$\x95\x9ai\x0fO\xa4(\x8a,\xcbZ\x9dmm\xc2\xce\xce\x7f\x87\x0e\x1d&lt;&lt;&lt;\xf4z\xfd\xde_b\xfa\x0f}\xcf\xae\xab@\x1c\xc7K\x92\xb4\xf7\x97\x18"\xf2\xf0\xf0\xe8\xd0\xa1\x03=x\x99V\xc7\xea?aaa\xa2I$\xa2\xc0V\x01\xbf\x1d\x89\xd3gek\x04\xc1\xb6\xfa\x05\xc5\x87#\x92d\xd9\xd9\xc5\xb9\x81\x7f\xbd\x1f\xb7\xfel2\x99&amp;L\x98p\xf8\xf0a5\xdf\x04\xa87\x00\xd8\x07\x80\xe3\xb8c\x07\x8f\xbf\x19\xd8\xc8\xcb\xdbK\x9f\xa5\xe7y\xbe\xd4\xf7\x05DQ\xd2\xe9t\xae\xce\xae)wS8\x8ec\'\xc1\xda\x07E\xf4\xa0\n\xe4\xe7\xe7\xd7\xa2E\x8b_~\xf9%&gt;\xee\xf4\x9f\xd7o\x95\xafX\xde\x1e\xd7"\xa6\x07\xf5\x9f?\xaf\xdf\x8a\x8f;MD-Z\xb4\xf0\xf3\xf3\xb3\x91\xce&amp;\xeb\xee\xec\xdc\xb93&amp;&amp;F\xab\xd3\xca\x92\xbcba\xf4\x8a\x85\xd1\xd6&gt;.\xcb\x11\x04A\xa7\xd3\x1d;vl\xe7\xce\x9d\xdd\xbbwWU\xff\xaf(\xeb_\x8b\xd6\xa2\xd5jeY\x96$i\xe5\xe2\xd5\xef\xb4\xe9u\xe4\xc0\xd12e\xbd\x1d\x9d\x1cEQ\xb4\xf6\xa1\x95\x14I\x92\x88\xc8\xbb\x8cg\xb6&gt;{\xdc\xf0\x893&gt;\x9a\xcd*\x12\xb6\xf3\x92Y_\x8c=*\xc5\xaa@\xce.\xf6\xfaD\xd2C\xf5\x1f\xf6\xa2l\xa1\xb3\xc9\xba&gt;z\xbd~\xf4\xe8\xd1\x8a\xa2\x98\x8c&amp;;=\xc3/B\x92$\xa3\xd1(I\xd2\xe8\xd1\xa3\xf5z\xbdj\x17\x08R\xe9 8k\xfaw\xec\xd81o\xde\xbc\x8b\x17/\x12\x11\xc7q=\xdf{\xf7\xc3\xf1\xc3\xea\xd4\x7f#3#K\x12%ASzz\x04l\x9c\xc3\xc3\xd3\xa3 \xbf\xe0\xeb\xf5\xdf}\xfa\xf1\x9a\xfb\xa9iD\xa4\xd3\xe9\x86\x0f\x1f&gt;{\xf6l\x0f\x0f\x0f\x8e\xe3\xac\xde\xd1f\xd3\xd2\x93\x93\x93k\xd6\xac\xa9\xd7\xeb\xdb\x04\xb7\xfa\xe6\xc7\x8d\xfa\xac\x1c{\x9c\x97"I\xb2\x87\xa7\xdb\x07o\x87\x1c\xda\x17\xeb\xe1\xe1q\xf9\xf2e???\xf6\x02\xad{`\xec\x18\xf4z}||&lt;k\xf8\xac~HV\xc1^\xb8,\xcb\xfe\xfe\xfe\x1e\x1e\x1e\xea&lt;\x0f*\r\x003\xa3\xd1\xb8x\xf1\xe2e\xcb\x96eff\x12\x91\x87\xa7\xfb\x90\xd1\xa1\xc3\xc2\x06\xbb\xb9\xbb\xe9\xb3\xf4d33\xf6\x9e\x9b\xa2(\x92$\xb9\xba\xb9\xf2&lt;\x1f\xbb\xff\xe8\xc7s\x97\x9f\x89?\xc7\xbe\xd5\xb9s\xe7\xa8\xa8\xa8\xda\xb5k[\xf7\x08\x1f\xc2\x8a$]\xbbv\xfd\xe5\x97_\xdc\xdc\xdd\xf6\xfc\xf6\x93=V\x81\x14E\xd1\xe9t\xf7\xee\xdc\xeb\x18\xd8-\';\xe7\xad\xb7\xde\xfa\xf9\xe7\x9fm\xa4\xfe\x03`\xa6\xea\xcbQ\x92$\x9dN\x17\x11\x11\x11\x17\x17\x17\x1a\x1a\xcaq\x9c&gt;+\xfb\xe3y+\xba\xb5\xea\xb1\xfd\xdb\x9dn\xeen..\xce\x92(\xd9oF\x8a\xa2(h\x04\xef\xb2\xdeI\x97\xae\x8c\x1c\x10\xf6\xc1\xdb\x83X\xeb_\xa7N\x9d_\x7f\xfdu\xd7\xae]\xb5k\xd7\x96$\xdbz\x81\xa5\xa3\nd\xb3\xf5\x1f3\xd63\x00\xc9\xc6\xae\x7f\x0bS\xfb\x1d\x00\xfb\x18\xb0\x89\x86\x07\x0e\x1c`a\xc0\xbe\xd5\xa2m\xb3\xf1\xd3\xc2\x02[5\xcd\xcb\xc9-,4j\xec\xaa"$K2q\xe4]\xc6+%9\xf5\xf3O\xbeX\xb7j\x83\xa1\xd0@D~~~\xa3F\x8d\x9a&lt;y\xb2N\xa7c\xed\x91\xad\xf5IKG\x15\xc8f\xeb?\x00E\xd9\xd3\x87\xaa$p\x1c\xa7\xd1hdY\x16E\xb1]\xbbvG\x8f\x1e\xdd\xb0aC\xa5J\x95\x88\xe8\xe8\xc1\xe3};\xf7\x9f2zzV\xa6\xde\xbb\x8c\'=\x18D\xb5q\x8a\xa2\x88\xa2\xe8\xea\xee\xe2\xe8\xe4\xf8\xd5\xe7\xdf\xbe\xd3\xb6\xf7\xaa\xa5\x9f\x19\n\r\x0e\x8e\x0e\xa1\xa1\xa1\xf1\xf1\xf1\x11\x11\x11:\x9dN\x92$\xdb\x9c\xf2Tt.\x10\x11\xb1\xb9@\xf6\xf5D\xd8\xa3\xe6\xff\xa0\xf5\x07[cs\x9f\x7f\xab`\xcb`\xb1[\x81\x90\x90\x90\x84\x84\x84\x88\x88\x08\'\'\'\xa3\xd1\xb8i\xed\xd7\x1d\x03\xbb\xadY\xb1^\x10\x04\x0fO\x0fI\x92l\xeaF\xfe\xffQH\x14E\xadV[\xd6\xa7L|\xdc\xe9\xf7\xbb\r\x9a4j\xea\x8d\xab7\x88\xa8}\xfb\xf6\xb1\x87c\xbf\xf8\xe2\x8b\x8a\x15+\x8a\xa2\xa8(\x8a-Oz\xb3\xf7*\x90d\xf3\xf5\x1f\x00\x06\x01\xf0?\x82 \xb0\xee\xb3\x8f\x8f\xcf\xdc\xb9sO\x9d:\xd5\xb9s\'"\xba\x9fr\x7fv\xf8\xbc^\x1d\xfa\x1d\xdaw\xd8\xcd\xdd\xcd\xc9\xd9I4\x89\xb6\xd6!\x95$\x898*\xebS65\xe5\xfe\xe8A\xe3\xfbt\xfa\xe0\xb7\xd8\x13DT\xb3f\xcd\r\x1b6\xc4\xc4\xc44i\xd2\x84\x95;5\x1a\x8d\x8dwE\x8b&gt;\x11FD{\x7f\x89\x91$\xc9\x8e\x9e\x08\xb3\xe5\xe7\xbf\x00\x8a\xb2\x9b\x0f\x95e\xb0\x8a\x10\x1b\x18\xa8]\xbb\xf6\xae]\xbf\xfe\xfa\xeb\xafu\xea\xd4!\xa23\xf1\xe7&gt;x;d\xe4\x80\xb0\x9b\xd7n\x96\xf3+\'\x08\x82(\xdaD\x9fT\x96eY\x96=&lt;\xdd\x89h\xf1\xac\xa5\xddZu\xdf\xf6\xcd\x0e\xa3\xd1\xe8\xe4\xe4\xc4\x864BBB\xd8\xcf\x08\x82`\xe3M?\xf3\xcf*\xd0\x8dk\x7f::\xd9G\x15HQ\x14G\'\x87\x1b\xd7\xfeD\xfd\x07l\x1f\x02\xe0_p\x1c\'\x08\x02k4;u\xea\x14\x1f\x1f?w\xee\\???"\xfay\xc7\xaew\xda\xf6^\x10\x11\x95\x9f\x9f\xef]\xd6\xcb\xba\x15!EQ$Qrvqvus\xd9\xfb\xcb\xfe\xae\xad\xba\x7f&lt;\xef\x136\xc1\xbf_\xbf~\xa7N\x9d\x9a;w\xae\x87\x87\x87(\x8a\xb6Y\xee\x7f\x0cvV{\xf4\xe8AD9\xd99\xe7O_\xb0\x97\xed\x01\xd8\x06\x00\xe7O_`\xf5\x1f\xf6\x12\xec\xe2\xc8A\x85\xec\xa9Q\xb00\xd6hJ\x0f\xa6\x8a&amp;$$\x84\x86\x86\x12G\xfa,\xfd\x8a\x85\xd1\xef\xb6\xed\xbd\xfd\x9b\x1d\xee\x1e\xee..\xce\xac\xaan\xe1\xc3c\xe5~\xcf2\x9e\x97\x13/\xf7\x7f\'4\xb4\xd7\xb0+\x7f\\%\xa2\x80\xa6\x01\xfb\xf6\xed\xfb\xee\xbb\xefj\xd7\xae\xcd\x0e\xcc\x1e\x17Scq\x15\x18\x18\xe8\xe0\xe0@D\x07\xf7\x1c&amp;;\xeaAs\xdc\xc1=\x87\x89\xc8\xc1\xc1!00\x90lo\xaa\x15\x00\xa3\xf6i\xa0O\xe3\xa1\xa9\xa2\x8b\x16-\xda\xbf\x7f?\xfb\x16\x9b*\xda\xacu`nvnaa\xa1e\x9aZI\x92\x04A\xf0\xf0t\xbfs\xfb\xde\xca\xa8U[\xbe\xdcf\x9e\xe29m\xda\xb4\x0f?\xfc\x90\xadrAv\xde\xee\xb0\x97\xd0\xbcy\xf3\x13\'N\xf8\xfa\xf9\xec\x8d\xfb\xc5\xd5\xcd\x95m\xe4d\xedC{$\x16\xb7\xb99\xb9\x1d\x02\xdeJINm\xda\xb4\xe9\xb1c\xc7\xc8\xce\xdf\x08(\xc5p]&gt;Y\xd1\x81\x81v\xed\xda\xc5\xc4\xc4\xfc\xbf\xa9\xa2]\x06\x8c\x1e4.5\xe5~\x99\xb2\xdeT\xc2SE\xd9\n\x16\x1e^\x1e\x1c\xc7}\xf9\xf97o5\x7f\xe7\xcb\xb5\xdf\x18\n\rNN\x8ec\xc6\x8c9w\xee\xdc\x981c\xb4Z\xad\xcdN\xf1|&amp;\xec\xb9\xd9\xee\xdd\xbb\x13QJrj\xdc\xf1\xdf\x1d\x1cuF\xa3Q\xb4aF\xa3\xd1\xc1Q\x17w\xfc\xf7\x94\xe4T"\xea\xde\xbd;V\x9c\x07[\x86;\x80g\xc3\xdaV\x8e\xe3RSS\xa3\xa3\xa3?\xfe\xf8\xe3\x82\x82\x02"*\xebSv\xd4\x84\x0f?\x18\xdc\xcf\xc9\xd9)G\x9fC\\1w\xfaX\xb9\xdf\xc5\xcdE\x10\x84\xd8\xfdG&gt;\x9e\xf7\xc9\x99\xdf\xcf\xb2o\x15]\xd1\xc1|x\xc5\xf8\xa7\xad\x85\x05\xc0\x95+W\xea\xd6\xadk0\x18z\xf4{\xf7\x9b\xef6f\x1a\xb3ly:\x8d$I^:\xcf\x0f\xde\x0b\xd9\xb1\xf9?\x0e\x0e\x0e\xe7\xcf\x9f\xaf^\xbd:V\x80\x00\x9b\x85\x00x\x1e\xa2(\xb2jObb\xe2\x82\x05\x0b6o\xde\xcc\xbe^\xe3\xf5\xea\xe1\xb3\'vx\xab\xbd(J\xb99\xb9\xc55\xebF\x14E\x9dN\xe7\xe1\xe5q\xf1\xdc\xc5e\xf3W\xfe\xbcc\x17\xfbz\x9d:u\xa6M\x9b\xd6\xb7o_*]M\xbf\x99\xb9\n\x14\x17\x17\xe7\xe5\xed\xf5^h\x9f\xff.^F\xb6\xf82\x15\xfa\xef\xe2b\xdfm\xf8&gt;3#3  \x00\xf5\x1f\xb0q\x08\x80\xe7Tt``\xf7\xee\xdd\xe1\xe1\xe1\x17.\\`\xdf\xea\xda\xa3\xcb\x98\xc9#\xeb4\xa8\x9d\x9b\x93k4\x18_d`\xc0\xbc\xa2C\xf2\xbd\x94\x8d\x9f}\xb5\xf1\xb3\xaf\xd8\x12u\xb6\xbf\xa2C\xb1`A\xbbd\xc9\x92\xc9\x93\'[\xfbX\x9e\xd9\xe2\xc5\x8b\'M\x9ad\xee+\x00\xd8 \x04\xc0\x0b17\xbeF\xa3q\xed\xda\xb5\x0b\x16,HNN&amp;"\x07G\x87\xa1\xa3C\x87\x8d\x1d\xec\xeb\xe7\x93\x91\x9eI\n\xf1\xcf\xb8</t>
        </is>
      </c>
    </row>
    <row r="301">
      <c r="A301" s="1" t="n">
        <v>299</v>
      </c>
      <c r="B301" t="inlineStr">
        <is>
          <t>circle_size_number</t>
        </is>
      </c>
      <c r="C301" t="inlineStr">
        <is>
          <t>What is the missing number of the part denoted with a question mark?</t>
        </is>
      </c>
      <c r="D301" t="inlineStr">
        <is>
          <t>[1, 6, 5, 3]</t>
        </is>
      </c>
      <c r="E301" t="inlineStr">
        <is>
          <t>3</t>
        </is>
      </c>
      <c r="F301" t="inlineStr">
        <is>
          <t>There are 6 numbered circles with varying sizes arranged in a ring with number ['?', 5, 2, 2, 3, 5] in a clockwise order.</t>
        </is>
      </c>
      <c r="G301" t="inlineStr">
        <is>
          <t>We observe that the size of the circle is related to the number in the circle. The circle with the largest value 5 seems to be the biggest and the circle with the smallest value 2 seems to be the smallest. Thus, the pattern is that the larger the number the larger the circle.</t>
        </is>
      </c>
      <c r="H301" t="inlineStr">
        <is>
          <t>Based on the pattern that the larger the number the larger the circle, the missing number of the circle denoted with a question mark should be 3.</t>
        </is>
      </c>
      <c r="I301" t="inlineStr">
        <is>
          <t>b'\x89PNG\r\n\x1a\n\x00\x00\x00\rIHDR\x00\x00\x02\x00\x00\x00\x02\x00\x08\x02\x00\x00\x00{\x1aC\xad\x00\x00\xa2\xd5IDATx\x9c\xec\x9dw\\\x93\xd7\xf7\xc7\x9f\';d\'\x84\xe1V\x04\x11T\x96(\nh\xad{!\x8a\xb3\x8eZk\xad\xa3jm\xad\xad\xd6\xaa\xb5Z\xab\xd5:\xab\xd6\xb6\xee:p\xe3\xdeZ\x17[@\x11\x047*B \t\x84$$y\x9e\'\xbf?\xce\xcf\xfc\xf8\xa9\xb5V\x81&lt;I\xee\xfb\x8f\xef\xab_\x0c\xe1&amp;\xcf\xbd\xe7s\xee9\xe7\x9e\x8b[\xadV\x0c\x81@ \x10\xae\x07\xc3\xde\x03@ \x10\x08\x84}@\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xb0\xec=\x00\x04\x02\xf1\xaeX\xadV\x0c\xc3(\x8a\xaa\xfa\x7f_\x06\xc7q\xdb\x7f\x00\xb53&lt;\x04m\xc1\xffi\xae \x10\x08zb\xad\x02\xd8q\x06\xe3-\xb7\xf2\x14E\x81l\xc0\x9b Ip5\x90\x00 \x10\x0e\x80\xd5j\xa5(\n,&gt;\x93\xc9|\xe1_\xd5j\xb5\xd9lNKK#I\x92 \x88+W\xae\x10\x04\xf1\xf2;\x84\x85\x85\xc9d2\xab\xd5\xda\xa2E\x0b\xb1X\xacT*_x\r\xe8\x01\x12\x03\xd7\x01\t\x00\x02A_\xc0\xe8c\x18V\xd5\xe8\xebt\xba\xfc\xfc\xfc\xac\xac\xac\xeb\xd7\xaf\xe7\xe4\xe4\x94\x95\x95\x95\x94\x94X\xadV\xa9T\n\xf2\xd0\xa2E\x0b\x16\x8bUui[\xadV&amp;\x93\x99\x9b\x9b\xab\xd3\xe9\x98LfYY\x19A\x10R\xa9\xd4\xcd\xcd-((\xc8\xd7\xd7788\xb8e\xcb\x96\n\x85\xa2\xea\x9f\xa6(\x8a\xc1`\xbc\xf5\xf6\x02A\x7f\x90\x00 \x10\xb4\x03\xfc\xfd\xaa\xb1\x1d\xbd^\x9f\x92\x92r\xe1\xc2\x85\xabW\xaf\x16\x14\x140\x99LOO\xcf\xa6M\x9b\xb6l\xd9\xd2\xd3\xd3\xb3E\x8b\x16\\.\xb7^\xbdz\xa0\x13/o\x11\x00\x9b\x83\xff\xf4\xe9S\xb3\xd9\x9c\x93\x93\xa3R\xa9\xd2\xd3\xd3\x1f&gt;|\xf8\xf0\xe1C\xbd^\xef\xe1\xe1\x11\x1e\x1e\xfe\xfe\xfb\xef\xb7o\xdf\xde\xb6?\x80\xc1\xa0=\x81S\x82\x04\x00\x81\xa0\x11`\xa3Y\xac\xff\xad\xcex\xf8\xf0\xe1\x85\x0b\x17\x0e\x1f&gt;\x9c\x9e\x9e.\x91H\x02\x02\x02\xa2\xa2\xa2\xda\xb5kW\xbf~}\x9b\xb7NQ\x94\xd1h\xb4Z\xad&amp;\x93\xc9\xf6\x93W\xbe\xb9-\xf1\xcbf\xb3\x19\x0c\x06\x8f\xc7c2\x99\xf0\x93\x8a\x8a\x8a\'O\x9e\xa4\xa6\xa6^\xbcx1##\xa3\xa8\xa8\xc8\xc7\xc7\'&amp;&amp;\xe6\xbd\xf7\xde\x0b\x0e\x0e\x86_\'I\x12\xfbguA8"H\x00\x10\x08Z@\x92\xa4\xcd\xe5///?r\xe4\xc8\x86\r\x1b\xf2\xf2\xf2\x9a6m\xda\xabW\xaf\x0e\x1d:\x04\x07\x07\xbb\xb9\xb9a\x18f0\x18\xccf3A\x10\x90\x12\xc00\x0c~\xeb\xcd=tX\xf5U3\xc9L&amp;\x93\xc3\xe1\xb8\xb9\xb9\xe18N\x10DNN\xce\x95+W\x8e\x1f?~\xfd\xfau\x99L6r\xe4\xc8A\x83\x065l\xd8\x10C\x1b\x02\xe7\x02\t\x00\xe2E\xfe\xb5\x88\x10Q\xbd\x90$i\xb3\xa7\xd7\xaf__\xb7n\xdd\xc9\x93\'\xbd\xbd\xbd\xe3\xe2\xe2z\xf7\xee\xed\xef\xef\xcf`0*++\r\x06\x83M$j\xe2Y\xd8\xf2\xcc\x0c\x06\x83\xcf\xe7\x83\xd8&lt;~\xfc\xf8\xf4\xe9\xd3{\xf7\xee\xcd\xc8\xc8\x08\x0f\x0f\x1f3fLLL\xcc\xcb\xc3F8(H\x00\\\x97\xaa\xd5\x84X\x95\xf8\xc0?%\xfdl\x81\x05[\xe1 *\'\x7fG\xaa\xda\xd0\x84\x84\x84\x95+W\xde\xbf\x7f\xbfG\x8f\x1e\xa3F\x8d\n\t\t\xe1r\xb9z\xbd\x1e\xc2;\xb5\x9c\x8c\x051\xc00\x8c\xc3\xe1\x88\xc5b\x0c\xc3rrr\xf6\xef\xdf\xbfm\xdb6\x91H4j\xd4\xa8O?\xfd\x94\xc3\xe1`H\x06\x1c\x1c$\x00\xae\xc5\xeb\xab\t\x81\x8a\x8a\n\xa3\xd1\x88\xe3\xb8M\x18\xa0\x86D.\x97\xbf\xf2\xf5\xb6\xd4\xe2\xbb\x14\xa4\xbb\x1a\xb6o\x0c\xc3\xb0\x83\x07\x0f\xae\\\xb9\xb2\xb0\xb0p\xcc\x981#F\x8c\xa8S\xa7\x8e\xc9d\xaa\xa8\xa8\xa0(\xca\x16\xa3\xb7\x176%\xe0\xf3\xf9\x02\x81@\xa7\xd3\x1d;vl\xf9\xf2\xe5F\xa3q\xcc\x981\xe3\xc7\x8f\xe7r\xb9\x18\x86\x91$\x89r\x03\x8e\x08\x12\x00\x97\xc0f\xa3\xab\xaeR\x92$\xef\xdd\xbb\x97\x93\x93s\xef\xde=\xf8\x0f\x9dN\x87a\x98F\xa3\xb1X,/L\x0c\x06\x83\xa1P(\x18\x0c\x06\x93\xc9\x0c\n\n\xf2\xf4\xf4\x0c\x0e\x0e\xae_\xbf\xbe\x9f\x9f\x9fP(|\xf9\x0f!\xaf\xf0\x9f\x00\x93\n\x0f\xe2\xf0\xe1\xc3\xbf\xfc\xf2\x0bI\x92\x13\'N\xec\xdd\xbb\xb7H$*//7\x99L4,\xbe\xb4Z\xad$I\xb2X,\x89DB\x92\xe4\xd5\xabWW\xacXq\xff\xfe\xfd\x8f?\xfex\xc2\x84\t,\x16\x0bt\x82n\xc3F\xbc\x1e$\x00\xce\x0c,\xda\xaa^dYY\xd9\xdf\x7f\xff}\xf1\xe2\xc5\xac\xac\xac\xc2\xc2B\x82 \x84B\xa1\x97\x97W\xbdz\xf5\xea\xd5\xab\xd7\xb4iS\xb3\xd9\x1c\x10\x10 \x93\xc9\xa0\xe4\x03\x80\xc4\xe0\xf5\xeb\xd71\x0cS\xab\xd57n\xdc\xd0j\xb5\xf7\xee\xdd3\x18\x0c\x16\x8bE\xa9T\x06\x05\x05\xb5m\xdb\xb6C\x87\x0e\x8d\x1a5\xb2\xfd\x16A\x1044d\xf6\xc5\xe6)gdd|\xf6\xd9g\xcf\x9e=\x9b;w\xee\xb0a\xc3\x18\x0c\x06\xd4\xe6\xdb\xdd\xe5\xffW \x0f!\x12\x898\x1c\xce\xa5K\x97f\xcc\x98QZZ\xbax\xf1\xe2\xfe\xfd\xfbc\x18F\x10\x84\xad\x84\tA\x7f\x90\x008!\xb6m\xbb\xcd\xdf\xcf\xcc\xcc&lt;\x7f\xfe\xfc\xf1\xe3\xc7\x1f&lt;x\xc0b\xb1\x82\x82\x82\xa2\xa3\xa3\x03\x03\x03\x9b6m\xea\xe1\xe1a[\xb1\xe0\xbcWVVV\xb5\xfe\x00\x8e\xe3|&gt;\xbfj\xc4\x9f$\xc9\xb2\xb2\xb2\x07\x0f\x1e\xdc\xbcy\xf3\xca\x95+)))%%%\xf5\xea\xd5\xeb\xd4\xa9S\xf7\xee\xdd\xa3\xa2\xa2\xc0\xf4\xa3\xa2\x11\x00r-\x0c\x06\xa3\xbc\xbc|\xea\xd4\xa9\xa7O\x9f\xfe\xfc\xf3\xcf\xc7\x8e\x1d+\x91H\xd4j5\x04\xd9\xec=\xc6\xff\x00l\xf5$\x12\t\x83\xc18t\xe8\xd0\xfc\xf9\xf3\x05\x02\xc1\xc6\x8d\x1b\xfd\xfd\xfd\xe1_\x91\xf0;\x04H\x00\x9c\x8a\xaa\xe1\x05\x0c\xc3\x1e&lt;x\xf0\xc7\x1f\x7f\x1c&gt;|X\xa3\xd1\x84\x84\x84\xf4\xec\xd93""\xa2Y\xb3f|&gt;\x1f\xc30\x93\xc9d2\x99 \xdac+(\xc4\xaad\x83_\xa0j\xaf1x\r\x93\xc9\xe4r\xb9&lt;\x1e\x0f\xb6\x08\xf7\xef\xdfOII9y\xf2\xe4\x95+Wp\x1c\xef\xd8\xb1\xe3\xb8q\xe3\xda\xb4i\x03\xbf\xe5\xca\xd9B\x9b\xe3\x7f\xe0\xc0\x81\xa9S\xa7FGG/Z\xb4\xa8A\x83\x06Z\xad\x16\xbc~{\x0f\xf0-\x81)!\x93\xc9\x0c\x06\xc3\xd2\xa5K\xff\xf8\xe3\x8f\t\x13&amp;\xcc\x9c9\x93\xc1`\xa0\xad\x80C\x80\x04\xc0I\xa8j\xfa)\x8aJHH\xd8\xbcy\xf3\x8d\x1b7\x02\x03\x03ccc\xbbw\xef^\xb7n]\x0c\xc3\x0c\x06\x038\xf8\xd5U\xc3S\xb5v\x90\xcb\xe5\n\x04\x02\x1c\xc7\xb5Z\xed\xa5K\x97\xf6\xed\xdb\x97\x98\x98\xa8P(&gt;\xf8\xe0\x83\x11#FH$\x12\x0c\xc3\x1c"\xcaQ\xbd\x80),//\x1f3fLnn\xee\x82\x05\x0bbcc!\xd3\xee\x1c&amp;\x12\xe4M&amp;\x93eddL\x9f&gt;\xbd\xb8\xb88&gt;&gt;\xde\xdf\xdf\xdf\x95%\xdfQ@\x02\xe0\x0c\xd8\x1cL\x93\xc9\xb4~\xfd\xfa\xdf~\xfb\x8d\xcf\xe7\xf7\xef\xdf\x7f\xe8\xd0\xa1M\x9b6\xb5Z\xad:\x9d\xcel6c\x18V\xa3\x0b\xd2&amp;\x06l6[(\x14\xb2X,\x95J\x95\x90\x90\xb0m\xdb\xb6G\x8f\x1e\xf5\xeb\xd7o\xfa\xf4\xe9\xa0C."\x036U\xbep\xe1\xc2\xc8\x91#cbb\x16/^\xec\xe6\xe6VZZ\xea|\x1f\x1f\xf2I|&gt;\x7f\xdd\xbau\xdf\x7f\xff\xfd\xcc\x993\xa7N\x9d\x8a\xa1\x02!z\x83\x04\xc0\xb1\xb19Y\x16\x8be\xcd\x9a5[\xb7n\x95J\xa5\xe3\xc7\x8f\x8f\x8d\x8d\xe5r\xb9\xb6\x82\xce\xdaw\xc4 F\x0cU\xe48\x8e_\xb9re\xf9\xf2\xe5\xb7o\xdf\xee\xda\xb5\xebW_}\xe5\xed\xed\x8d9{\xc2\xd0f\xf8\xe6\xcf\x9f\xbfz\xf5\xea5k\xd6\x0c\x192D\xa3\xd18\xf1\xa7\x86\x87\xaeT*322\x86\r\x1b\x16\x18\x18\xb8e\xcb\x16\x81@\xe0\xc4\x1f\xd9\xd1A\x02\xe0\xa8T\x8d\xf9\xac^\xbd\xfa\xd7_\x7f\xf5\xf7\xf7\xff\xf2\xcb/\xa3\xa3\xa3!=\xfbB\xfd\x8f\x1d\x07\x89a\x98P(\xe4\xf1x\xf9\xf9\xf9\xabW\xaf&gt;q\xe2D\xdf\xbe}\xe7\xcc\x99#\x91H\x9c\xb5v\x10L^YY\xd9\xc0\x81\x03KKK\xf7\xec\xd9\xe3\xe3\xe3S\\\\\xccb\xb1\x9c\xcc\xf1\x7f\x19\x8b\xc5\x02\xa5\xa2c\xc7\x8eMII\xd9\xb1cGxx8\xd2\x00z\xe2l\x0b\xcfE\x80 &gt;\x93\xc9&lt;v\xecXtt\xf4\xf6\xed\xdb\x17.\\x\xf0\xe0\xc16m\xda\x94\x94\x94h4\x1a\x1c\xc7\xe9`k`\x90L&amp;S\xaf\xd7\xabT*oo\xefU\xabV\xed\xd8\xb1\xe3\xce\x9d;\x11\x11\x11k\xd6\xac\x81:\xd1\x97\x9b\xd7;4`\xecrrr\xda\xb4i\xd3\xb8q\xe3\x94\x94\x14ooo\x95J\xc5f\xb3\xed\xfeDj\x016\x9b\xad\xd3\xe9L&amp;\xd3\x8e\x1d;\xbe\xf8\xe2\x8b^\xbdz\x1d8p\x80\xc5bY,\x16{\x0f\r\xf1"h\x07\xe0`\xd8\xce\xe3@5\xe1\x993gf\xce\x9c9a\xc2\x04\x8a\xa2\xd4j5\xcd\xeb\xee\xadV+A\x10"\x91\x88\xcf\xe7\x9f:uj\xe6\xcc\x99\x1c\x0e\xe7\xcf?\xff\x0c\x08\x08\xa8z2\xd6\xa1\x01\xeb\x7f\xf5\xea\xd5\xbe}\xfb\xce\x9c9s\xfa\xf4\xe9\xa5\xa5\xa5\x983\xeer^\x0f&lt;k\x0f\x0f\x8f\xf3\xe7\xcf\x0f\x1a4\xe8\xdbo\xbf\x9d6m\x1aJ\x0b\xd3\r\xd7\x9a\x94\x8e\x0eXI\x16\x8bu\xe8\xd0\xa1\xb0\xb00\xb8\x04j\xe2\xc4\x89\xa5\xa5\xa5\x1a\x8d\x86\xc5b\xd1\xdc\xca\xe08\xcef\xb3\r\x06\x83J\xa5\xea\xd4\xa9SRRR\xf7\xee\xdd\xfb\xf4\xe9\xb3h\xd1"\xb0\x0b/\x9f?p,\xc0\xfao\xdd\xba\xb5o\xdf\xbe\xbbv\xed\x82\x92\x18\x9a\xabr\r\x01\xcf\xba\xb8\xb88:::33\xf3\xd7_\x7f\x9d6m\x1a\x93\xc9\xb4\xf5\x9eB\xd0\x01\xb4\x03p\x18\xc0\xb8X\xad\xd6\xb1c\xc7\x1e?~\xfc\xf7\xdf\x7f\xef\xdd\xbbwYY\x99\xd9lv\xc4\xe8*D\xb1\x14\nE^^\xde\xd0\xa1C9\x1c\xce\xfe\xfd\xfb\xeb\xd4\xa9\xe3\xb8\xc1b\x8b\xc5\xc2f\xb3W\xae\\9c\xc6\x8c\x13\'Nt\xea\xd4\xa9\xa8\xa8\x08:\xa6\xb92\xb0\xe7\xd3j\xb5\x11\x11\x11\xe1\xe1\xe1{\xf6\xecA\xfb\x00\xfa\xe0r\x8e\x89\x83\x02f\xf1\xf6\xed\xdb\xadZ\xb5R\xa9TYYY=z\xf4P\xa9T\x10\x0e\xb2\xf7\xe8\xde\x06&amp;\x93\xc9`0T*U\xbdz\xf5RRR\xde\x7f\xff\xfd\xe0\xe0\xe0\x84\x84\x04\xe8*\xe3p~\tX\xff\xa5K\x97B\xb1Stt\xb4J\xa5B\xd6\x1f\xc30\x16\x8bUQQ!\x10\x08\xf2\xf2\xf2t:\xdd\x80\x01\x03\x98L\xa6#&gt;b\xa7\x04\t\x00\xdd\xb1\x05\xfd\xb7l\xd9\x12\x1d\x1d=r\xe4\xc8\x84\x84\x04\x0e\x87\xa3V\xab\xe9\x90\xe6}GX,\x96\xd1h\xd4j\xb5?\xfe\xf8\xe3\x96-[&gt;\xfd\xf4\xd3/\xbf\xfc\x12\xdc\xc3\x7f\xba\xd6\x8a\x86\x80\xf5_\xb1b\xc5\xea\xd5\xab\xaf]\xbb\xe6\xed\xed\r\x119{\x8f\x8b.0\x99L\xb3\xd9l4\x1aO\x9c8a0\x18\x06\r\x1a\xc4d2I\x92D\x1a`wP\x08\x88\xd6\xd8j=\x17,X\xb0r\xe5\xca\xdd\xbbw\xbf\xff\xfe\xfb*\x95\xca\xee\xf5\x9d\xd5\x8e\xc5bqww\x7f\xf6\xecY\xf7\xee\xdd\x9b5k\xb6y\xf3f\xa1P\xe8\x10-e`s\xb6n\xdd\xba\xaf\xbe\xfa*??_&amp;\x93\xe9t:d\xfd_\x062Xr\xb9\xbcm\xdb\xb6\r\x1a4\xd8\xb3g\x8f\xe3\x86\xfb\x9c\x06\xba\xaf.W\xc6f\xfd\x07\r\x1a\xb4q\xe3\xc6\xac\xac\xac\x0e\x1d:8k-9\x9b\xcd.--\x15\x89D7n\xdc \x08"44T\xab\xd52\x18\x0c\x9a\xa7\x85asv\xf9\xf2\xe5\xe9\xd3\xa7\x1f9rD\xa9T"\xeb\xffO0\x18\x0c8\x94~\xf8\xf0\xe1k\xd7\xae\xfd\xfc\xf3\xcf\xa86\xd4\xee \x01\xa0)6\xeb?`\xc0\x00\x9dN\x97\x93\x93#\x12\x894\x1a\r\x9b\xcd\xb6\xf7\xd0j\n\x16\x8be6\x9b\xd5j\xf5\xc1\x83\x07\x87\x0f\x1f\x1e\x1e\x1e\xae\xd1h V`\xef\xa1\xbd\x1a8jw\xfd\xfa\xf5\x98\x98\x98C\x87\x0e\xbd\xf7\xde{(\xf2\xf3z\x18\x0c\x86\xc9d\x12\n\x85\xa9\xa9\xa9\xabW\xaf^\xbbv-\x9b\xcdv\xb2S \x8e\x05\x9a\xact\xa4\xaa\xf5\x87\xc8)4\x8bwz\xe3\x02N\xa2J\xa5\x9a;w.\x8e\xe3\xe1\xe1\xe1)))p9\x01\xdd\xfa\xc9@K\xd4\xd2\xd2\xd2\x98\x98\x98\x05\x0b\x16t\xe9\xd2\x05\xd5\xfc\xbc\tp*\xd0\xdd\xdd\xfd\xf0\xe1\xc3QQQ\xc1\xc1\xc1\xed\xdb\xb7w\x88X\x9fS\x82r\x00\xb4\xe3\x05\xeb\x7f\xfc\xf8q\x8dF\xe3j+\xc4b\xb1xxx\xcc\x9f?\x7f\xeb\xd6\xad\xf4\xd4\x00\xd0\xe3\xb0\xb0\xb0N\x9d:-]\xba\xb4\xb8\xb8\xd8\x897g\xd5\x0e\xa4|\x8e\x1d;\xf6\xc1\x07\x1f\xe4\xe5\xe5yzzBCY{\x8f\xcb\xe5@\x02@/l\xd7\x86\xb8\xb2\xf5\x07l\x1a\xb0m\xdb\xb6\xa4\xa4$\xb9\\N\x9f\xef\x01\xac\xff\xb4i\xd3\x92\x92\x92\xae^\xbdZZZJ\x93\x819\x10\xf0|\xbf\xf9\xe6\x9b\xd3\xa7O\xa7\xa5\xa5\xb9\xc2\x06\x97\x86 \x01\xa0\x17\xb0\x0c\x86\x0c\x19R^^\xee\xca\xd6\x1f\x00\x1b\xf1\xfd\xf7\xdf\xef\xda\xb5\xeb\xca\x95+R\xa9\x94\x0e\xed"`/r\xe4\xc8\x91Q\xa3Fegg\x0b\x85B\xb3\xd9\xec\xb2\xcf\xe8]\xa0(J.\x97GFF\xb6m\xdbv\xf9\xf2\xe5H\x03j\x1f$\x004\x02\xca\xc9\xa7M\x9bv\xf4\xe8\xd1\xbc\xbc&lt;\x17\xb7\xfe\x00h\xc0\xc7\x1f\x7f\x9c\x9a\x9a\x9a\x99\x99i\xf7\x8b\x04\xa0\x96Q\xa5R\xf9\xfa\xfa\xee\xda\xb5\xab[\xb7np \xc3^\xe3qh\xa0axEEE``\xe0\xb6m\xdbz\xf7\xeeM\xb7@\x9f\xd3\x83\x04\x80.\xc0\xd4_\xbbv\xed\xc2\x85\x0b\xd3\xd2\xd2\xdc\xdc\xdc,\x16\x8b\x8b[\x7f\xecyFD.\x97\xf7\xea\xd5K"\x91\xec\xde\xbd\xdb\xbe~"(P\xb7n\xddBBB\x96,Y\x82B\xff\xef\x08A\x10\n\x85\xe2\xd8\xb1c\x13&amp;LHKKS(\x14\xa8KDm\x82\x04\x80\x16\x80\xa7\x7f\xfd\xfa\xf5\xc8\xc8\xc8\xd3\xa7O\xb7m\xdb\x16\x15\x14\xda\x00?\x91$\xc9\xc0\xc0\xc0Y\xb3fM\x9a4\xc9^\x1a\x00\x7fw\xed\xda\xb5k\xd6\xac\xb9y\xf3\xa6F\xa3A\n\xfd\xee\xc0&amp;o\xec\xd8\xb1\xa5\xa5\xa5\x07\x0e\x1c@\x81\xa0\xda\x04\t\x80\xfd\x01\'\xb7\xb2\xb2\xb2y\xf3\xe6\xb3f\xcd\x1a?~|qq1\x87\xc3A\x8f\xc6\x06I\x92b\xb1877\xb7}\xfb\xf6\x97.]\n\t\t\xa9\xfd\xe0\x18\x04\x7f\x8a\x8b\x8b\x9b7o~\xec\xd8\xb1\x90\x90\x10\x9dN\x87\xe2\x15\xef\x0e\x14\xd4\xb2X,\x7f\x7f\xff\xdf~\xfb\xadO\x9f&gt;(\x10Tk \x01\xb0?\xe0\xf2\xc4\xc5\xc51\x99\xcc\xf8\xf8x\x14Ux%\xe0\'\xae[\xb7n\xf1\xe2\xc57o\xde\xe4\xf3\xf9\xb5\x1c+\x00\xab\xd4\xa3G\x8f\x86\r\x1b\xfe\xf6\xdbo*\x95\n9\xaa\xd5\x05I\x922\x99,&gt;&gt;\xfe\xcb/\xbf\xcc\xc9\xc9\x11\n\x85(\x10T; \x01\xb03`V6m\xda4{\xf6\xec;w\xeeTVV\x82Cd\xefq\xd1\x11\xd0\x80\xd8\xd8X&gt;\x9f\xbfs\xe7\xce\xda\x8c\x15\xc0c:y\xf2\xe4\xc8\x91#\xef\xde\xbdK\x92$l\x08j\xe7\xaf\xbb\x02\x04A(\x95\xca\xae]\xbb\xb6h\xd1\x02U\x04\xd5\x1aH\x00\xec\t4\xbc,**\n\t\t\x89\x8f\x8fo\xdb\xb6-\x8a*\xbc\x06\xab\xd5\xcad2-\x16KXX\xd8\xda\xb5kk\xadh\x04\x0eg\x10\x04\x11\x1c\x1c&lt;s\xe6\xcc\xe1\xc3\x87\xab\xd5j\xf4\x98\xaa\x17\xab\xd5\xca\xe1p\x9e&lt;y\xd2\xb1c\xc7\x0b\x17.\xf8\xf9\xf9a\xaew\x8dZ\xed\x83\xbe_{\x02g\xbeF\x8d\x1a5p\xe0\xc0\x0e\x1d:\x94\x95\x95!\xb3\xf2\x1ap\x1c7\x9b\xcd\n\x85b\xc5\x8a\x15\x1f}\xf4\x91N\xa7\xc3\xf1\xda\xf0` \xdf\xb0a\xc3\x06\xab\xd5:|\xf8p\xe8PT\xd3\x7f\xd4\xd5\xc0q\xdc`04k\xd6\xacO\x9f&gt;\xd3\xa7O\x87\xa6 \xf6\x1e\x94\xf3\x83v\x00v\x03\xbc\xd7-[\xb6\xcc\x993\xe7\xe6\xcd\x9b\x16\x8b\x05\x85\x14\xde\x04\x88\x15\x0c\x180@ \x10l\xdb\xb6\xad\xa67\x01\xe0\xfe\x9bL\xa6\xa0\xa0\xa0\x95+Wv\xee\xdc\xb9\xbc\xbc\x1c\t@M`\xb5Z\xe1\xf6\x98\xf6\xed\xdb\'$$\xb4l\xd9\x12\xf5\x87\xa8i\xd0\x97k\x1f \xd0o6\x9bg\xcf\x9e\xfd\xcb/\xbf\x08\x04\x02\x07\xba\xff\xc4\xbe0\x99L\x9dN\xb7b\xc5\x8a\xa3G\x8f\xde\xbcy\x93\xc1`\xd4\xe8Wgs\xff}||z\xf6\xec\x89vi5\x07\x8e\xe3&amp;\x93\xa9N\x9d:\xe3\xc6\x8d\x9b3gN\xedl\xef\\\x1c\xf4\x15\xdb\x07\xf0[g\xcc\x98\x91\x95\x95u\xe2\xc4\tTR\xf2\x9f\x80M\xc0O?\xfdt\xe0\xc0\x81\xa4\xa4\xa4\x9a+\t\xb5\xb9\xffaaa\xeb\xd7\xafo\xd3\xa6\x8d^\xafG&gt;i\x8d\x82\xe38I\x92\x91\x91\x91\xbbw\xefn\xd5\xaa\x15\xda\x04\xd4(\xe8\x9b\xb5\x030\xa7U*\xd5\x86\r\x1b\xe6\xce\x9d[YY\x89\xa6\xf8\x7f\x82\xc5bi4\x9a\t\x13&amp;&lt;z\xf4\xe8\xf8\xf1\xe35wo\x0cH\xcb\xef\xbf\xff.\x14\n;t\xe8PQQ\x81\x9eTMc\xb1X\x14\nE\xaf^\xbdf\xcf\x9e\x8d6\x015\r\xfa~\xed\x00\xb8\xff\x9f\x7f\xfeyYY\xd9\xa6M\x9b\x90\xfb\xff\x16\x90$\xa9P(\xb6l\xd9\xb2~\xfd\xfa\xc4\xc4\xc4\x1a\xda\x04\xc0\x19=??\xbf\x05\x0b\x16\x0c\x1a4H\xab\xd5\xa2\xf8OM\x03\xe5@\xcf\x9e=\x8b\x88\x88\xb8z\xf5\xaa\x9f\x9f\x1f\xea\x88Us\xa0\xaf\xb5\xb6\x01\xf7\xff\xd9\xb3gG\x8e\x1c\xf9\xf6\xdbo\xf5z=\xb2)o\x01\x93\xc9T\xab\xd5\xc3\x87\x0f\'I\xf2\xc8\x91#5\xb1\t I\x12\xc7\xf1\xa3G\x8fr8\x9c\xb8\xb88\x94\xfb\xad\x1dp\x1c7\x1a\x8dM\x9b6\xed\xde\xbd\xfb\xaaU\xab0\x0cCNj\xcd\x81\x04\xa0\xb6\x81\x03D\x8b\x16-j\xd3\xa6M\xd3\xa6M\xf5z=*\xfey;(\x8ab\xb1X\xe3\xc6\x8d\x9b7o\x1e\x86a5\xf45.]\xbat\xc4\x88\x11\xd0\x8c\xa8&amp;\xde\x1f\xf12\x0c\x06\xa3\xb2\xb2r\xfc\xf8\xf1\x07\x0e\x1c\xd0\xe9t\xa8$\xb4\xe6@\x02P\xab\xd8\xa2\xff\x7f\xfd\xf5\xd7\xc4\x89\x13+++\x91S\xf9\xd6\xb0X\xac\xb2\xb2\xb2\xb8\xb8\xb8\xc2\xc2\xc2\x13\'NT\xef&amp;\x00.e\xbbu\xeb\xd6\x9d;w\xc6\x8c\x19\x83\xdc\xff\xda\x84\xc1`TTTDGG\xd7\xaf_\x7f\xfb\xf6\xed\x90\x16\xb6\xf7\xa0\x9c\x13$\x00\xb5\nD\x156o\xde\x1c\x1c\x1c\x1c\x15\x15\x05\xde\x8d\xbd\x07\xe5\xc0X,\x16\xb9\\&gt;n\xdc8\x88\x15T#PZ\xbac\xc7\x8e\xd0\xd0Pooo\x93\xc9\x846j\xb5\x8c\xd5j\x1d0`\xc0\xce\x9d;1t$\xb8\xc6@_k\xad\x02E\xeb[\xb7n\xfd\xe8\xa3\x8f@\x0c\xec="\xc7\x86\xc9dVTT\x0c\x1f&gt;&lt;33\xb3\xa0\xa0\x80\xc9dVW\xac\x00zN\xc4\xc7\xc7\x8f\x1b7\x8e \x08\xf4\xa4j\x19\xd8\x04\x0c\x1f&gt;\xfc\xde\xbd{\xb7n\xdd\xaa\xe9\xd3\x1e.\x0b\x12\x80\xda\x83$I\x06\x83q\xf9\xf2e\x83\xc1\xd0\xb7o_\x14Uxwl\t\xc3\xb0\xb0\xb0\r\x1b6`\x18V-\xb1\x02\xd0\xe6K\x97.\x19\x8dF\xa8\xfeDO\xaa\x96\xc1q\xbc\xb2\xb2\xb2n\xdd\xbapY\x18\xf6|O\x86\xa8^\x90\x00\xd46\xabV\xad\xea\xd7\xaf\x9fX,&amp;\x08\xc2\xdecq\x06p\x1c\'\x08b\xec\xd8\xb1\xbbv\xed2\x9b\xcd\xd5b\xa9a\x1bq\xe8\xd0\xa1\x0e\x1d:H\xa5R\x8b\xc5\xf2\xee\xef\x89\xf8\xaf\xc0!\x80\x81\x03\x07\x9e9s\x06CQ\xa0\x9a\x01}\xa7\xb5\x04t\xb2,//\xbf|\xf9\xf2\x80\x01\x03L&amp;\x13\x9a\xd0\xd5\x02D\x81:t\xe8PYYy\xed\xda\xb5jI\x18B\xc0\xe1\xda\xb5k\x03\x07\x0eD\xf1\x1f{\x01Q\xa0\xee\xdd\xbb\x97\x95\x95=z\xf4\x08\xd5\x02\xd5\x04\xc8\x06\xd5\x12\xb0\x81=v\xec\x98L&amp;k\xdd\xba5=;\n\xc0\xb9\'\x92$\x89\xff\x0fI\x92t^{\x16\x8bE*\x95v\xec\xd8q\xeb\xd6\xad\xd8;\x97\x8d\xc3\xb1\xa3[\xb7n=~\xfc\xb8]\xbbv\x06\x83\x81\x86O\xeae\xac\xff\x1d{\x0f\xf9_\x80\xd6@\xf5\xeb\xd7W*\x95\x87\x0e\x1d\xc2\xaa)\xbe\x87\xa8\x8a\x03\xccl\xe7\x00\xd6\xdb\xf1\xe3\xc7\xbbw\xef\xce\xe3\xf1\xe86\x95I\x92\x84\xf3\xc9B\xa1P.\x97+\x95J\xa5R\xe9\xee\xee\x0e\xff!\x95J\xa1\x10\x9en\xc3\x06 \n\x14\x17\x17\x97\x92\x92\x02\xe5\x9b\xef\xf2n \xd5g\xce\x9c\t\n\n\xf2\xf4\xf44\x9b\xcd\xf4\xdf\x01\xe08\xce\xfe\x8f8\xc4\xe1s\xe8\x99\xd8\xa3G\x8fs\xe7\xcea5v\xd4\xc3\x95q\x80I\xe0\x1c0\x99L\x93\xc9\x94\x92\x92\xb2n\xdd:\xb3\xd9L\x1f\xa7\x12R\xd3b\xb1\x98\xc5b\x15\x17\x17gff\xe6\xe7\xe7\x17\x14\x14\x94\x97\x97[,\x16&gt;\x9f\xef\xee\xee\xee\xe3\xe3\xd3\xb2e\xcb\xc6\x8d\x1b[\xad\xd6\xf2\xf2r\xba]\xd7\x07Q\xa0\x8e\x1d;\x9aL\xa6\x9b7o\xb6j\xd5\xea]\x9a\x07\xc0G\xbbx\xf1bTT\x94C\xf4\xa2\x01\xfd\xd3j\xb5\xff\xe9\xb7\x18\x0c\x86H$\xaa\x99\x11U\x1b\x0c\x06\xc3l6w\xe8\xd0a\xc7\x8e\x1d&amp;\x93\x89\xc3\xe1\xd8{D\xce\x06\x12\x80\xda\x00\xecQNN\x0eA\x10\xadZ\xb5\xa2IT\x01\x02&gt;\x12\x89\x84 \x88\x0b\x17.\xec\xde\xbd\xfb\xc2\x85\x0b\xf7\xee\xdd{\xe5\x8b\xe5ry\x87\x0e\x1d&gt;\xfd\xf4\xd3\xae]\xbb\xeat:\xba]\x88H\x10\x04\x08\xd5\xd9\xb3g\xdfQ\x00\x18\x0c\x86\xc9d\xca\xcd\xcd\xfd\xfc\xf3\xcfi%\xd5\xaf\x84$I\xa9T\x9a\x90\x900f\xcc\x987\xdc\xfa@\x86\xa3Q\xa3F\'N\x9c`\xb3\xd9t{\x94Ua0\x18\x06\x83\xa1e\xcb\x96$I\xe6\xe6\xe6\x06\x05\x05\xa1\xbe@\xd5\x0b\x12\x80\xda\x00f\xed\x81\x03\x07\x9a4i"\x93\xc9JJJ\xec^Vh\xb5Z\xb9\\.\x97\xcb=q\xe2\xc4\xf2\xe5\xcba\x8b\x8da\x18\x87\xc3\xf1\xf5\xf5m\xd0\xa0\x81B\xa1`\xb3\xd9\x06\x83\xe1\xf1\xe3\xc7\xb7n\xddR\xab\xd5\x07\x0f\x1e&lt;t\xe8\xd0\x84\t\x13\x16/^\x0c\xe1 \xfa\x18\x0e\xf0\xd3\xa3\xa2\xa2\x12\x12\x12\xa6M\x9b\xf6\xd6\x03\xb3I5EQ-[\xb6\xa4\x89T\xbf\x06(.x\xfa\xf4iYY\xd9\x7f\xfaE\xbb\xcf\xc07\x04\xa4\xdd\xd7\xd7\xf7\xdc\xb9sH\x00\xaa\x1d$\x00\xb5\x01\xd8\xa3\xcb\x97/w\xee\xdc\x19\xa3As+\xb8z\xa9\xa0\xa0`\xd1\xa2E\x908\xc50\xacc\xc7\x8e\x03\x07\x0e\x8c\x8a\x8aj\xd0\xa0\x81H$\x828\x0ft\xc3\x7f\xfa\xf4\xe9\xc9\x93\'W\xacXq\xe7\xce\x9d\xb5k\xd7\x16\x15\x15m\xdd\xba\x95V\xf9\x00p\xdb\xa3\xa3\xa3\xd7\xaf_o0\x18\xdc\xdc\xdc |\xfc_\xdf\x07\x1eMzz\xba\xb7\xb7\xb7L&amp;+--\xa5\xbf\xa1\xc4q\\\xadV\xe38\xde\xb8q\xe3\x85\x0b\x17\xbe\xc9\xeb\xadV\xab@ \x80ss\xf4Q\xf1W\x02O\xa4e\xcb\x96\xe9\xe9\xe9\xf6\x1e\x8b\x13\x82\x04\xa06\x80\xe6V\x85\x85\x85\x91\x91\x91t\x88*P\x14\xe5\xe6\xe6v\xe5\xca\x15\xb0\xfe\xef\xbd\xf7\xde\xf4\xe9\xd3\xdf\x7f\xff}\x1e\x8fg4\x1aM&amp;Syy\xb9M\xa5\x18\x0c\x86\xa7\xa7\xe7\xa4I\x93\xe2\xe2\xe2&gt;\xfc\xf0\xc3S\xa7N\xed\xdb\xb7/$$d\xd6\xacY\xf4\xb1\x8f\x0c\x06\xc3h4\x06\x06\x06\xba\xb9\xb9\xe5\xe7\xe7\x07\x05\x05\xbd\x8b\x00\xa4\xa4\xa4\xb4h\xd1\x02\xa3\x81T\xbf!\xa5\xa5\xa5V\xab\xb5^\xbdzC\x87\x0e\xb5X,o2\xc1(\x8a\xaa\xa8\xa8\xa8\x85\xb1\xbd#8\x8eS\x14\x15\x1a\x1az\xf6\xecY\xe4\xfeW;H\x00j\x1c\x98\xb5\x8f\x1f?6\x9b\xcd\xbe\xbe\xbeF\xa3\xd1\xee&gt;\x17\x9cH\x181bDRR\x92\x8f\x8f\x0f\xc4L\xca\xcb\xcb\xe1\xc2\x13\xa0\xea\xeb-\x16Kqq\xb1X,\xde\xb1cGTTT^^\xde\x8a\x15+\x86\x0f\x1f.\x97\xcb\xe9S&amp;O\x10\x84B\xa1\xf0\xf2\xf2JKK\x03\x01x\x8b7\x81\x0f\x9e\x9d\x9d=r\xe4H\x1c\xc7i\xf2\xd1^\x03\x9c{())\xc10L*\x95\x9aL\xa67\xbf\xb4\x80&amp;\xe2\xfdz@\xda\x03\x02\x02JKKu:\x9dD"\xa1\xff\xae\xc5\x81@rZ\xe3\x80%\xba~\xfd\xba\xbb\xbb\xbb\xa7\xa7\'M,&amp;\x8e\xe3\x06\x83a\xd5\xaaU_|\xf1\x85^\xaf/++c0\x18,\x16\xeb\x95\x1e\x16T\x19\xeat:\x85B1m\xda4\x8a\xa2JJJ\xce\x9c9#\x14\n\xe9s@\x1f\xbe\xe7\x16-Z\xa4\xa4\xa4`o\xe5\xbc\x83e\xd1\xeb\xf5j\xb5\xda\xcf\xcf\xcf!\x1a\xc0U\x15\x00www6\x9b\xcd|c\xec=\xf67\x02\xc7q\x8b\xc5\xe2\xe5\xe5\xc5\xe3\xf1\xee\xde\xbd\x8b9\xce\xb6\xcc!@\x02P\xe3\xc0|MMM\xf5\xf3\xf3\xa3[O+0\xfd\xd8\x9b9\x83l6\x1b\xce\xdc\x8aD"\x1c\xc7\xd3\xd2\xd2hU%\t\x0e{pp\xf0\xcd\x9b7\xb1\xb7\xed\x1c\x00\xcd\x85t:]\xbdz\xf5\x1c\xe5\x04\x80\xc9d\xd2h4\x18\x86)\x14\n\xa7&lt;.K\x92\xa4\\.\xe7\xf1x\x05\x05\x05\x18\x12\x80j\x05\t@\x8d\x03F\xe4\xd9\xb3g\xde\xde\xdet3(\x0c\x06\xe3?y\x82\x04A\xc8\xe5r///\xab\xd5\xfa\xec\xd93Z\x15\x02A9\xbc\x97\x97WEE\xc5\xdb\xd9n\xb0,7o\xde\x94J\xa5\x1e\x1e\x1e4\xd9\xab\xbd\x06\xb8^\xc2h4\xc2!\x00\x85B\xe1\x94\xc6\x11&gt;\x94\x9f\x9f_FF\x06\x86\x04\xa0ZA\x02P\xe3\x80\x11\xb9}\xfb6\xe4\x15inS\xfe\x15&amp;\x93\t\xe7q\x08\x82\xa0\xd5R\x84\xfe\x91\xcd\x9a5\xd3h4\x15\x15\x15o\xb1;\x81\xd7C\x97V\x81@@\xab\xbd\xda?\xc1d2\r\x06\x03\xec\x00\xdc\xdd\xdd\x9d2&gt;\x0e:\'\x12\x89JKK\xed=\x16g\x03\t@\x8d\x03Q\x05\x8dF#\x93\xc9\xe8\xefT\xbe\x1e\x088\xe8t:\x0c\xc3d2\x19\xdd\xe2\xc8P\xddd\xb5Z\xdf.V`\xcb\xd6\xf8\xf9\xf9\xd1*\xba\xf5O\xd8:\x0c\xea\xf5z\x0c\xc3\x14\n\x85C\x88\xd6\x7f\x05\x9eE\xabV\xadn\xdf\xbe\x8d\xa1\xb6\xa0\xd5\n\xfa*k\x16\xf0\xc8\xca\xcb\xcb+++\x03\x02\x02\xe8P\x02\xf4\xd6X\xadV\x0e\x87SPPPXX\x88aX\xf3\xe6\xcdi\x15q\x86l\xa1\xb7\xb7\xb7R\xa9\xbcs\xe7\x0e\xf6\xb6\xb1\x82\xe2\xe2b\xa9T\xea\x10\x02\x80a\x18\x93\xc9\xd4j\xb5\x95\x95\x95\x18\x86I\xa5RZ\x05\xe5\xaa\x17\xa5R\xa9V\xab\xed=\ng\x03\t@m\xc0\xe5rq\x1c\xa7\xc3\t\x80w\x81 \x08&gt;\x9f\x7f\xf0\xe0A\x8b\xc5\xc2\xe1p:w\xeel4\x1a\xe9\xf6\x89H\x92\xb4X,\x02\x81\xe0\xad\xdf\x81\xcb\xe5\x9a\xcd\xe6j\x1cR\xcd\x01;\x00\x8dFc\xb5Zy&lt;\x1e\x08\x80\xbd\x07U#\xc0\xd6\x93\xcdf\xdb{ \xce\x06\xbdV\xaf\xf3\x01^\xe4\xfd\xfb\xf7\xdd\xdc\xdc\x14\n\x85\xe3^\x02c6\x9b\x15\n\xc5\xf5\xeb\xd7\xe1\xe2\xad~\xfd\xfa\x85\x85\x85\xd1\xad\xa95\x18\xc4\xfa\xf5\xebC\xac\xe0\xbf\x02\xbe\xf3\xcd\x9b7CCC\x1d%\x98\xce`0 2.\x10\x08D"\x91\xd9l&amp;\x9fC=\x07\xfa{\xd3\xbc\xa7\xf7k\x80 j\x8b\x16-JKK\xb5Z\xad\xa3l\xce\x1c\x02t\x10\xacfyA\x00\xd4j5\xdd\xe2\xe6Uyy]Q\x14\x05V\xd5\xd3\xd3\xf3\xf6\xed\xdb#G\x8eT\xab\xd5\xde\xde\xde?\xfe\xf8#\r\xc3Y\x90-\xb4\t\xc0\x7f5\x13\xf0q4\x1a\x8dB\xa1\xa8\x91\xf1U7\xf0y\xe1\x10\x80D"\x91\xcb\xe5\x12\x89\x04~^\xd5\xdcC\xd5?I\x92\x06\x83\x01\x0e7\xd0J\xb6\xff\x15\xa8\xef\x92\xc9d&amp;\x93\t\xea\xbb\x90\x00T\x17H\x00j\x036\x9b\rk\x92n\x16\xb3*/\xd8\x05\x1c\xc7\xa1\xe0\x07\x8e\x80m\xdb\xb6\xed\xeb\xaf\xbf.,,\xac[\xb7n|||\x83\x06\rh{\xa7\xb1\xc5b\x11\n\x85o\xfd\xeb,\x16\xcb\xb16j\xd0\x08H"\x91&lt;}\xfa\xf4\xec\xd9\xb3\xb9\xb9\xb9\x8f\x1e=*..\xd6\xeb\xf5$Ir8\x1c\x85B\xd1\xb0a\xc3V\xadZ\xb5i\xd3\xa6a\xc3\x86f\xb3\xb9\xa2\xa2\xc2!\xee\x03\xb0\x01\x1a\xe0\x10g\xb3\x1d\x0bG\x9a\x04\x8e\x0b8,t\x9e\xbb\x90A\xadZ\xa4D\x10DYY\xd9\x83\x07\x0f\xae]\xbb\x16\x1f\x1f\x9f\x9f\x9f\x8fa\xd8\x80\x01\x03~\xfc\xf1\xc7\xc6\x8d\x1b\xd3\xd6\xfac\xcf\x8bF\xde\xfa\xd7\x1d%\xf8\x83=\xef\x93s\xef\xde=\xab\xd5\x9a\x97\x97\x17\x1c\x1c\xfcz\xe9\xf2\xf4\xf4\xec\xd9\xb3\xe7\xa4I\x93BCC5\x1a\x8dc\xd9S\x07\x1a\xaa\x03\x81\x04\x00\xf1\xbf]t\x16-Z\xb4a\xc3\x066\x9b\r\x89D(\xf7\x84~a\x8d\x1a5\xfa\xe6\x9bo\x06\x0f\x1e\x1c\x12\x12R^^\xae\xd5j9\x1c\x0e\xda\x86\xdb\x1d\xf0\x8b\xc3\xc2\xc2\xf6\xec\xd9\xa3\xd7\xebe2\x99\xaf\xafo\x93&amp;M\xea\xd6\xad+\x95Jy&lt;\x1et|{\xfa\xf4ivvvfffQQ\xd1\xe6\xcd\x9b\xf7\xec\xd93k\xd6\xac\xaf\xbe\xfaJ\xa7\xd39\x90\xda!j\x02$\x00\x08\x0c\xc30\x06\x83QXX\xf8\xe8\xd1\xa3W\xfe\xab\xc5by\xf0\xe0\xc1\xc5\x8b\x17M&amp;Shh(\x8b\xc52\x18\x0c\xb4\xdd\x01\xb8\x0epm\xfa\xb4i\xd3\x82\x82\x82\xe0\xae!\xb9\\\xce\xe7\xf3\xe1\xd1\xd8\x8c;EQF\xa3\xf1\xee\xdd\xbb\xf1\xf1\xf1\xbf\xfe\xfa\xabV\xab\xfd\xf6\xdbo\x9f&lt;y\xb2b\xc5\x8a\xf2\xf2r$\x00\xae\x0c\x12\x80\xda\x80\xe6k\x8c\xc9d\xeat\xbaO&gt;\xf9\xa4{\xf7\xeeP\xdao\xb5Z\xcdfsYY\xd9\xd3\xa7O\xf3\xf3\xf3\xaf]\xbb\xb6k\xd7\xae]\xbbv\xb1X\xac\xd8\xd8\xd8\xd9\xb3g\x07\x06\x06\xbey\xd7\xc9\xda\xe7]\xbep\xc7\xca1\xe28\xae\xd3\xe9:u\xea\x04-\xc7\xcdfsee\xe5\x0b\xe3\x87\xec\x8e\x8f\x8f\xcf\x82\x05\x0b\x06\x0c\x180|\xf8\xf0\xdc\xdc\xdc\xb5k\xd7\xfa\xfa\xfaN\x992\xa5\xb4\xb4\xd4!\xf2\x01\x0e\xf4P\x1c\x08\x07x\xf0N\x00\xcd\xf3W\x90\x00\xf0\xf5\xf5\r\x0c\x0c\xac\xfas\xe8\x0b\ra\x84\x9c\x9c\x9c\xad[\xb7n\xd8\xb0a\xef\xde\xbdg\xce\x9c\xf9\xf3\xcf?cbb\xe8\xa9\x01\x0c\x06\xe3]\xb2\xb8p\xca\xa1\x1a\xc7S\xd3\xc0&gt;\x00*\x82 u\xff\xca\x97UVVVTT\x04\x05\x05\x1d8p\xa0S\xa7N\xc5\xc5\xc5\xf3\xe6\xcd\xeb\xdd\xbb\xb7\xb7\xb77\xfd\xdb\xdeY\xadV\xb8\xbd\xd2)\x8f:\xdb\x11G\xaa\x06sD`]\xb5l\xd9\xb2\xbc\xbc\xfc\xe9\xd3\xa7P\x0ed\xefA\xbd\x02h\xa4\xa3\xfd\xff\xa8\xd5j\x95J\xa5V\xabI\x92\x0c\n\n\xfa\xf5\xd7_O\x9e&lt;\xd9\xa0A\x03\xadV;l\xd8\xb0+W\xae\x88D"Z\x9d&lt;b0\x18$I\xde\xbe};&lt;&lt;\x1c\xfb\xef\xfb\x00x4\x8d\x1a5\xbas\xe7\x0e\xcd\r\xe2\x0b@S\xbf\xd7\x8f\x99\xc1`p8\x9c\x92\x92\x12\x7f\x7f\xff\xef\xbf\xff\x9e\xa2\xa8\xb2\xb2\xb2m\xdb\xb6\t\x85BZ=\xc4\x97\x81\xebK\x1f&gt;|(\x16\x8bE"\x11\xca[T#H\x00j\x16\x98\xa9r\xb9\xdcb\xb1\xd0\xf0\xdclU\xc0y|\x01\x16\x8b\x05\x1e\xa5^\xaf/..~\xff\xfd\xf7\xe3\xe3\xe3\xa5R\xa9\xd9l\x9e6m\x9a\xd9l\xa6\xdb\x0e\xc0j\xb5\x96\x95\x95)\x95\xca\xb7\xfb]\x0c\xc3\x1a5j\x94\x97\x97\x879i\xcc\x81\xc3\xe1h4\x9a\xb8\xb88\x1f\x1f\x1f\x1c\xc7O\x9e&lt;\xa9\xd7\xeb\xe9\xf6\x10_\x00z\x90\xdc\xbf\x7f_,\x16C\xaf\'{\x8f\xc8y\xa0\xaf=r&amp;\x1c\xfa\x1c&amp;\xc0`0\xd8l\xf6\xb3g\xcf\xda\xb6m;y\xf2d\x0c\xc3\xae_\xbf~\xfa\xf4i\xbam\x02 J\xf0.\xbd\x1c\xf4z\xfd\xbbt\x92\xa0?p\xa8*::\xdaj\xb5\xde\xbd{\xb7\xb0\xb0\x90\xfe5]p\x891\xb4&lt;BT#H\x00j\x16\xc8(\xca\xe5r\xb1X\x9c\x95\x95\xe5\xe6\xe6\xe6\xd0AL6\x9b\xad\xd7\xeb\xe3\xe2\xe2\xf8|&gt;\x8e\xe3\xe7\xce\x9d\x83\x8b\xc5\xed=.\x0c{\xee\'&gt;y\xf2\xa4\xb4\xb4\xb4U\xabV\xd8\x7f\x0f\x01\xc1\xeb\xfd\xfd\xfd\x1f=zD\xf3S{\xef\x08\x8e\xe3\xfe\xfe\xfe\x18\x86\x95\x95\x95\x15\x17\x17\xb3X,\x9a&lt;\xc4\xd7\x90\x97\x97\xd7\xa4I\x13\xccIwf\xf6\x02\t@\x8dc\xb5ZY,\x96B\xa1\xd0\xe9t\x8enS ]\\\xb7n\xdd\x06\r\x1aX\xad\xd6\xfc\xfc\xfc7\xbc\x82\xbcv\x80\xdbQx&lt;\x9eL&amp;\xc3\xde\xb6\x16\xa8I\x93&amp;O\x9e&lt;\xa1s\xd2\xfe\x1d\x01\xa7\x04\xbe"\x82 h\x1e\x99\xc4\x9e\xd7\xb3&gt;x\xf0\xc0\xdb\xdb\x1bC\x02P\xad\xd0\xfa\xc1;\x07\xe0\xf27o\xde&lt;==\xdd\xb1J\x0c_\x06\x8e\x9e\xf2\xf9|\xa9T\x8aaXYY\x99\xc5b\xa1\x89\xa1\x84\x81eggK\xa5R\x89DBQ\xd4\xdb\xed\x00\xea\xd6\xadk6\x9b\xa18\xd2\xa1\x1f\xd6\xeb\x81i\t\x89\x1f\x9a\x7fL\x98uEEE\xb0\x03\xa0\xc9|s\x0e\x90\x00\xd4\x12^^^*\x95\xca\xde\xa3\xa8\x1el\xd5xPwh\xef\xe1\xfc\x1f8\x8e\x17\x15\x15\xc9d\xb2\xb7\xbb\xa8\x00&gt;K\xa3F\x8d***4\x1a\r\xcdS\xa3o\r\x14\x8cB\x0fQ\x87h"\rnSAA\x81\xaf\xaf\xaf\xbd\xc7\xe2l \x01\xa8q\xc0\xac\xb4k\xd7\xee\xf6\xed\xdb&amp;\x93\xc9\xa1\xcd\nt\x06\xd5\xeb\xf5 f\n\x85\x82\xc3\xe1\xd0$\xab\x01\x16?%%%$$\x04{\xab@\x01\x18\x1a\xa1P(\x93\xc9\xee\xdc\xb9\xc3\xe3\xf1h\xee\x1a\xbf\x1d\xe0P\xdf\xbau\x0b\xc30OOO///\xfal\xe3^\x06N\x00\x14\x15\x15\xe9\xf5z\x10\x00\xda\x0e\xd5\x11A\x02P\xe3@\x80\xb5e\xcb\x96:\x9d\x8e\xceG\x01\xde\x04\xa8\xc8\xbew\xef\xde\x93\'O0\x0c\x0b\x08\x08\xa0O\x9c\x04\xce\xac\xbd\xf5!\x00\x80\xa2(\x0e\x87\xe3\xe1\xe1q\xe7\xce\x1d\xfa|\xb4j\x04\xeciqq\xf1\xe5\xcb\x97q\x1c\x0f\n\nrww\xa7\xbf\x00&lt;}\xfa\x14\xc30\xc8\x01\xd0v\xa8\x8e\x08\x12\x80\x1a\x07\xfcJ\x0f\x0f\x0f\xa1P\x98\x9d\x9d\xcd\xe7\xf3ibV\xdeb\x18$I\xf2x\xbc\xbd{\xf7Z,\x16\x0c\xc3\xde\x7f\xff}\x9a\xd8\x0e\x9b\x9f\xa8R\xa9`\x07\xf0v\xa3\x82\xef$888--\rZbT\xf3@\xab\x9b\xff:B\x8b\xc5"\x91H\xf6\xec\xd9\xf3\xe8\xd1#\xab\xd5\xda\xbf\x7f\x7f:&lt;\xbe\xd7\x00\x97\x9deffzyy\x89D\xa2\xb7H\xed ^\x03\x12\x80\xda\x80\xa2(\x16\x8b\xd5\xa8Q\xa3\x8b\x17/\xb2X,:\xc4L \xfbG\x10\xc4\x9b\x0f\xc6b\xb1\xc8d\xb2\xeb\xd7\xaf\xff\xf9\xe7\x9f8\x8e\xb7n\xdd:22R\xa7\xd3\xd1!\xa8e\xb5Z\xdd\xdc\xdc\xae_\xbfn\xb5Z\xa1B\xe9\xed*[\xc0\xb8\x84\x87\x87\xdf\xbe}\x9b\xa2(\x9a\x97\xc7`\x18\xc6b\xb1\xe0\xf2\xaf7y\xb1\xd9l\x96\xc9d\xb9\xb9\xb9\x0b\x17.\xc40,00\xb0_\xbf~t\xee\xec\x8d=/\x01\xba~\xfdz\x8b\x16-\xb0\xe7\xb9kDuA\xf7\xf9\xed\x1c\x80\x9b\xd6\xa5K\x97k\xd7\xae\xd1\xc1\x85\x81j\xce\xca\xcaJ\xa5R\tG+\xe1\xa8\x1a\xdc\xffes*\xe1\xbf)\x8a\x82\x7fuww/,,\xfc\xf0\xc3\x0f\xcb\xcb\xcb\xadV\xeb\xdc\xb9s\xb9\\.M\x16$H\xec\xc5\x8b\x17\x83\x83\x83\xdf%-\x01\x8f&amp;44\xb4\xa4\xa4\xe4\xd9\xb3g4\x8f\xd7Y\xadV\xadV+\x95J\x05\x02\x81\xed1Y_\x02\xfe\x89\xa2(OO\xcf\x82\x82\x82\xa1C\x87\x16\x15\x15a\x18\xf6\xf3\xcf?\x0b\x04\x02\xfag\x80)\x8a\xbay\xf3f\x9b6m0\x14\xff\xa9n\x90\x00\xd4\x06\xe0a\xf5\xe9\xd3\xe7\xe9\xd3\xa7\xcf\x9e=\xb3\xef\xc1KH\xe4\x1a\x8d\xc6\xd8\xd8\xd8Y\xb3feggs8\x1cwww\x99L\xe6\xe6\xe6\xc6f\xb3mn/\x9c\xfe\x15\x08\x04\n\x85B$\x12\x1d;v\xack\xd7\xae7n\xdc\xc00\xec\xbb\xef\xbe\xeb\xd9\xb3gYY\x19M\x9cG\x88\xb3%&amp;&amp;\xc6\xc6\xc6\xbe\xcb\xfb@\xf9P\xa3F\x8d\x84Bazz:\x9d\x1b\x0f\xc0\xa6g\xca\x94)\x13&amp;L\xb8y\xf3&amp;\x9f\xcfW*\x95\x12\x89\x84\xcb\xe5\xb2X,h\xe4\xc7d2\xd9l\xb6P(tww\xe7\xf1x\x7f\xfd\xf5W\xe7\xce\x9d3331\x0c\xfb\xf9\xe7\x9f\xbbw\xefN\x9f\'\xf8J\xe0p_aaaAA\xc1{\xef\xbd\x87=\xcf\xa8!\xaa\x0b\xd4\r\xb46\x00/\xa6A\x83\x06\n\x85"))\xa9o\xdf\xbe\xf6\xed\xa3\t\x11\x92\x94\x94\x94\xc4\xc4\xc4\x9f\x7f\xfe944\xb4}\xfb\xf6\xe1\xe1\xe1\xbe\xbe\xbe\x1e\x1e\x1e \x03\x18\x86Y,\x16\xadV\xfb\xf4\xe9\xd3\xf4\xf4\xf4\x84\x84\x84\xd3\xa7Oc\x18\xc6d2\xe7\xcc\x993k\xd6,\xfa\xb4\x02\x85\xd4tAAAaaa\x87\x0e\x1d\xb0w3\x13$I\xb2X\xac\xe0\xe0\xe0K\x97.\xf5\xed\xdb\x97\xb6\x81 8`\xf8\xe8\xd1\xa3C\x87\x0em\xdd\xba\xb5m\xdb\xb6\x9d:uj\xdd\xbau\xe3\xc6\x8d\xe5r9\x87\xc3\x81\xae\xa8\x15\x15\x15\x8f\x1e=JJJ:x\xf0`bb"\x86annn\x8b\x17/\x9e8q"\xcdo\xa8\xc6\x9e\x8b\xdc\xdf\x7f\xff-\x12\x89 \xb2\x87v\x00\xd5\x0b\x12\x80Z\x02b\x14\xed\xdb\xb7\xdf\xbbwo\xff\xfe\xfd\xed\xe8W\xe28N\x92\xa4@ \x98?\x7f\xfe\xf6\xed\xdbsrr\x92\x93\x93\x93\x93\x93\xe1\x9f\x14\n\x85\\.\xe7\xf1x8\x8e\x1b\x8d\xc6\xd2\xd2R(\x18\x07\xa2\xa3\xa3g\xcf\x9e\xdd\xa5K\x17\x8dFC\x1f\xb3HQ\x94P(\xdc\xb5k\x97T*m\xd4\xa8\xd1;\x9al01\xef\xbf\xff\xfe\xbau\xeb\x08\x82\xa0\xcf\xc7|\x19\x8b\xc52q\xe2\xc4e\xcb\x96\xe5\xe6\xe6^\xbat\xe9\xd2\xa5K\x18\x86\xf1\xf9|\xb9\\.\x12\x89\x98L\xa6\xc9d*--\xd5h4\xb6_\xe9\xd9\xb3\xe7w\xdf}\xd7\xb6m[\xfa[\x7f\xec\xf9\xaa9}\xfatPP\x10\xa4\xac\x1c\xe2\xea\x02\x07\xc2\xb1\x0f\xa6:\x10$I2\x99\xccs\xe7\xce}\xf4\xd1G\xb0\x07\xb7\xfb7/\x91H\xd4jujj\xea\x85\x0b\x17RRR\xf2\xf2\xf2\x8a\x8a\x8a\xa0\xbc\xa7*\x02\x81\xc0\xc7\xc7\'"""&amp;&amp;\xe6\xbd\xf7\xdec\xb3\xd9tK\x1b\x12\x04\xa1T*{\xf6\xec\x19\x12\x12\xf2\xe3\x8f?\xbe\xa3\x99\x007\xf3\xd1\xa3G\x11\x11\x11\x97.]\xf2\xf4\xf4\xa4m\xbb|\xab\xd5*\x16\x8b\xd5j\xf5\xc5\x8b\x17O\x9f&gt;\x9d\x9a\x9az\xef\xde\xbd\xb2\xb2\xb2\x17^&amp;\x10\x08|}}\xa3\xa3\xa3ccc###\xadV\xabN\xa7s\x08KJQ\x94D"i\xdd\xba\xf5\xd7_\x7f=l\xd80XD\xf6\x1e\x94S\x81\x04\xa0\xf6\x80\\k\xd3\xa6MW\xaf^\xdd\xabW/\xbb\x87P \xd6!\x10\x08\xd8lveeeiiiqqqII\x89N\xa73\x99L\x18\x86\xf1\xf9|\x89D\xe2\xe5\xe5\xe5\xed\xed-\x16\x8bI\x92\xd4\xe9t\x14E\xd1j\x11B$D\xa7\xd3\x85\x84\x84\x9c?\x7f&gt;00\xf0\xdd\x836\xf0\x0e\x9d;w\x1e:t\xe8\xc7\x1f\x7fLgg\x19\x1e\xa2P(d2\x99\xe5\xe5\xe5EEEEEE\x1a\x8d\xc6`0P\x14\xc5\xe3\xf1$\x12I\x9d:u\xea\xd4\xa9#\x16\x8b-\x16\x8bN\xa7\xc3\x1c$\x92\x0e\x05\xa0w\xef\xde\x1d8p`bb\xa2L&amp;C!\xa0j\xc7\x01\xbc\x00\xa7\x81$I6\x9b\x1d\x1b\x1b\xbb{\xf7\xee\x98\x98\x18\xbbK/\x93\xc9\x84[A % \x12\x89d2Y``\xa0\xad\xc1\x03\x14\x90X,\x16\xb3\xd9\xacV\xab\xe1W\xe8f\nm\xf1\x9fF\x8d\x1a\x05\x04\x04TK\xc8\x1e\xde$::z\xdf\xbe}\x9f|\xf2\x89\xdd\x9f\xd4k\x80\x87\xa8\xd5jA\x08\xeb\xd4\xa9\xd3\xb0aC\xdb\xe50U\x9f`II\td\x86\xed=\xe47\x85$I77\xb7\xc3\x87\x0f\xd7\xa9SG&amp;\x93!\xf7\xbf&amp;@\x02P{\xc0\xda\x9b0aB\x97.]\x9e&lt;y"\x12\x89\xe0\xaaH;\x0e\xa9\xea\r\x82\x04AX,\x96\x97\xaf\x93\x05h\xbe\xf66m\xda\xf4\xf1\xc7\x1fCz\xe3\xddm\x1c\xbcC\\\\\xdc\xda\xb5ki\xf2\xa4^C\xd5\xa7c6\x9bM&amp;S\xd5\x87h{\x82\x0e\x11\xf3\xa9\n\x94N\x1c&lt;xp\xf8\xf0\xe1\x18\rB\xa6N\x89\xc3\xb8\x03N\x00\xf4*\xf0\xf7\xf7\xf7\xf1\xf1\xd9\xb9s\'\x04U\xec=\xa8\xff\x03\xae\x0e\x7f\xe1F0\xba\xb5{{\x01p\xffSSS\x1f?~&lt;l\xd80\xa8p}\xf7\xb7\x85\'\xd5\xa2E\x8b\xc6\x8d\x1b\x1f;vL(\x14\xd2\xe4\xb8\xc3\xbf\xf2\xf2C\xa4\xf9\x13\xfc\'\xa0\xfe\xe7\xd6\xad[\xcf\x9e=\x1b2d\x08\xf6\xbc\x96\x1aQ\xbd \x01\xa8U\xc0\x8b\x990a\xc2\xb6m\xdbh\xd5I\xdfA\x810\xf7\x86\r\x1b\xbav\xed\n\x82Z]\xc6\x0e\xce\xeb\x8d\x1c9\xf2\xf7\xdf\x7f\xaf\x967D\xfc\' \xfe\xf3\xe7\x9f\x7f\x86\x84\x84xyy9\xf7\xfd&lt;v\x04\x19\xa0Z\x05\xce\x19\xc5\xc6\xc6\xaa\xd5\xea\xfd\xfb\xf7K$\x12Zm\x02\x1c\x0b\xab\xd5\xca\xe7\xf3\xef\xdd\xbb\xb7\x7f\xff\xfei\xd3\xa6a\xd5\x9a\xdb\x84.\xf9qqqO\x9f&gt;\xcd\xcd\xcd\xa5\xf3\x890\xa7\x04jXO\x9d:5v\xecX\xf4\xcd\xd7\x1cH\x00j\x15\x08k\xf2x\xbc\xaf\xbe\xfa\xea\xf7\xdf\x7fw\xca~\x93\xb5\x06I\x92B\xa1p\xeb\xd6\xad\x1d:th\xd9\xb2e\xb5D\xffm\xc0\x93\xf2\xf6\xf6n\xd7\xae\xdd\xaaU\xab\xdc\xdc\xdc\x90T\xd7\x1a$I\x8a\xc5\xe2\x83\x07\x0fVVV\xf6\xec\xd9\x13C\xf1\x9f\x1a\x03\t@m\x03\xf1\xe5O&gt;\xf9\xe4\xc9\x93\'\x97/_\x86\xbb\xab\xec=(\x87\x84\xcdfk\xb5\xda\x1d;v|\xff\xfd\xf75Q \x08\xed%f\xce\x9cy\xfc\xf8q\xb5Z\xcd\xe1p\xaa\xf7\xfd\x11\xff\x04T4\xfd\xfe\xfb\xef\x13&amp;L\x80nw\xf6\x1e\x91\xd3\x82\x04\xa0\xb6\x01\xb3\xc2\xe7\xf3\'N\x9c8{\xf6l\xfa_\xc8GO\x08\x82\x90J\xa5K\x96,i\xd1\xa2EPPPM4l\x80x]hh\xa8R\xa9\\\xbf~\xbdX,&amp;\x08\xa2z\xff\x04\xe2e(\x8a\x12\x89D\x97/_\xce\xc8\xc8\xf8\xf0\xc3\x0f\xab+\xb1\x8fx%\xe8 \x98\x1d\x80\x1e\x8d\x04A4l\xd8p\xc5\x8a\x15\x83\x06\r\xa2\xf3Q#\x1a\x02=\xc2JJJZ\xb4h\x91\x94\x94\x14\x10\x10\xf0\xd6\xfd\x9f_\x0f\xd4\x9e\x1f9rd\xfa\xf4\xe9YYY\x15\x15\x15(\x15Y\xd3X,\x16\x0f\x0f\x8f\x0f&gt;\xf8@\xa9T\xae\\\xb9\x12\x95\xff\xd7(h\x07`\x07`\x13\xc0\xe1p\x16-Z\xf4\xe3\x8f?\xd2\xe4N\x15\x07\x02\xa2\xff?\xfc\xf0C\xff\xfe\xfd\xab\xe5\xe8\xef?\x01\xc7\xac\xfa\xf4\xe9#\x97\xcb\xe3\xe3\xe3Q\xd2\xbe\xa6\x81\xea\xcf\xbc\xbc\xbc\xe4\xe4\xe4\x993g\xd6\x90\xae#l\xa0/\xd7&gt;0\x99L\x92$G\x8f\x1e\x8d\xe3\xf8\xf2\xe5\xcb\x15\n\x05\n/\xbc!$IJ$\x92k\xd7\xae\xed\xd9\xb3g\xe5\xca\x955\xdd\xad\x13\xb6\xc8</t>
        </is>
      </c>
    </row>
    <row r="302">
      <c r="A302" s="1" t="n">
        <v>300</v>
      </c>
      <c r="B302" t="inlineStr">
        <is>
          <t>color_size_circle</t>
        </is>
      </c>
      <c r="C302" t="inlineStr">
        <is>
          <t>What is the missing color of the part denoted with a question mark?</t>
        </is>
      </c>
      <c r="D302" t="inlineStr">
        <is>
          <t>['light purple', 'dark purple', 'dark blue', 'light green']</t>
        </is>
      </c>
      <c r="E302" t="inlineStr">
        <is>
          <t>dark purple</t>
        </is>
      </c>
      <c r="F302" t="inlineStr">
        <is>
          <t>There are circles of various sizes and colors in the image. The circles are ['small', 'extra large', 'large', 'medium'] size, and their colors are ['?', 'very light purple', 'light purple', 'medium purple'].</t>
        </is>
      </c>
      <c r="G302" t="inlineStr">
        <is>
          <t>We observe that the largest circle is very light purple color, and the smaller circles change color from light purple to medium purple. Hence, the pattern is that the circles become darker as they become smaller.</t>
        </is>
      </c>
      <c r="H302" t="inlineStr">
        <is>
          <t>Based on the pattern that the circles become darker as they become smaller, the missing color of the smallest circle denoted with a question mark should be dark purple.</t>
        </is>
      </c>
      <c r="I302" t="inlineStr">
        <is>
          <t>b'\x89PNG\r\n\x1a\n\x00\x00\x00\rIHDR\x00\x00\x02\x00\x00\x00\x02\x00\x08\x02\x00\x00\x00{\x1aC\xad\x00\x00\xe8\xcdIDATx\x9c\xec\x9dwxUE\xfa\xc7\xa7\x9csn\xbf\xb9\xa9$\xa1\xa4\x10\x02\xa1\xf7.E\x04\xa4\x08\x88\x82],k\xef\xaem\x7f\xae\xab\xac\xba\xbbX\xd0\xb5W\x14\xb0\x83\x05DT\x10)J\xef%\x94\x10R(IH\xbd\xb9\xfd\x94\x99\xf9\xfd1\xe1\x1a\x01]+\x99\x9b\x9c\xcf\xb3\xcf&gt;\xf7\\\x03L\xce9\xf3~g\xde6\x901\x06LLLLLZ\x1e\xa8\xa9\x07`bbbb\xd24\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RS\x0f\xc0\xc4\xe4\x0c\xc1\x18\xfb\x85?\t!\xfcSGbb"\x08\xa6\x00\x98\xc40Q\x9bN)=\xe9\x1b\x08ac;~\xd2\xe5\xff\xfck\x1b\xabE\xe3\xcb\xe8_\x82\x10:\xe9\x1b\x13\x93\x98\x03\xfe\xf2e\x91\x89IS\xc1\xdfRn\xe5\xf9gn\xd0\xa3V\xf8\x97PWW\x07\xe1\xffx\xe1\xf9\x0f\xc4\xc7\xc7\xff\xf2\xbf\x96R\x1aU\x08.\x06|T\xa60\x98\x88\x8f)\x00&amp;\xc2\xc1\x1a\x01\x00\x80\x10b\x8cO\xfb\x93\x84\x10\x9f\xcfG)\xcd\xcf\xcf\'\x84\x18\x86\xb1i\xd3&amp;]\xd7!\x84\xa5\xa5\xa5%%%Q\x8b\x1f\x08\x04\n\x0b\x0b\x7f\xe1\x00rrr\x9cN\'8\xa1\x07\x99\x99\x99\x19\x19\x19\x8c1Y\x96\xfb\xf7\xef/I\x12\xc6\xb8K\x97.\x08!\xb7\xdb\xfd3ck\xacU\xbfj\x0bbbrf0\x05\xc0\xa4\xe9a\x8cEW\xf7\x08\xa1S\xd7\xf5\x84\x10\xbf\xdf\x7f\xf0\xe0\xc1@ \xb0s\xe7\xce\xfa\xfa\xfa\x9d;wz\xbd\xde\xe3\xc7\x8f\x97\x97\x973\xc6\xbc^\xef\x19\x1e\xb3\xc7\xe3\x81\x10\xa6\xa5\xa5\xb5j\xd5\xca\xe3\xf1\xf4\xe8\xd1#..\xaeG\x8f\x1eN\xa7\xb3C\x87\x0e.\x97\xebTa\xa0\x94RJ\xa3\xbb\x04S\x0fL\x9a\x1cS\x00L\x9a\x80\xc6k\xfcS-~8\x1c\xae\xae\xae.,,\xdc\xb5kWUU\xd5\xe6\xcd\x9b\x8f\x1c9RQQQWW\xd7T\x03\xfeU\xc4\xc7\xc7\xa7\xa6\xa6\xb6m\xdb\xb6_\xbf~\xc9\xc9\xc9\xdd\xbbw\xcf\xc9\xc9IJJ\xb2\xd9l\x8d\x7f,\xaa\x07\xe6\xfe\xc0\xa4\xa90\x05\xc0\xe4\x0c\xc1\x97\xf9\x8c\xb1S]:\xf5\xf5\xf5\x05\x05\x05G\x8f\x1e\xdd\xb6m\xdb\xa6M\x9b\xf6\xed\xdbWSS\x13\n\x85~\xf9_n\xb5\xda\xac\x16+\xa54\xa3]\x96\xdb\x1dg\x18\x86\xdb\x1d\xd7\xb9S7B\t\x04\x10\x00\x801\xee\xde\xad\xb7$I\xff3\x06`\x18\xc6\xae\xdd\xdb\x08!\x00\x00\x06\x18Fx\xef\xfe\xdd&gt;_\xbd$I&gt;_}\xe9\xe1b\x84PD\x8dD"\xe1_&gt;&lt;\xbb\xdd\x9e\x98\x98\x98\x97\x97\xd7\xbf\x7f\xff\xde\xbd{\xb7i\xd3&amp;777..\xae\xf1\xcfp\x97\x11\x0fl\x98b`rf0\x05\xc0\xe4O\xe4\xa7\x8c&gt;!\xa4\xa0\xa0`\xff\xfe\xfd\xdb\xb6m[\xbf~\xfd\xce\x9d;\xab\xab\xab\xff\xe7\xdf\x861v9\xddI\x89\xc9\xadZ\xa5\xb5JIk\xd7.\xcbf\xb5u\xe9\xdc\x9d\x10\x92\xd1.\xcb\xe5\x8a#\xc4HLH\xb2X\xac\x94R\x84\x90"+\x0c0\x00 \x1f\x8aA\x0c\xc0N\\\xfe\xf4\x90\x01\x84\x12\x96@\x83\tf\x10@M\xd7\xf8_\xa8\xaa\x91\x9a\xdaj\x8c%\xbf\xbf\xbe\xf4p1\xc68\x7f\xef\xaep$|\xf8p\xf1\xf1\xca\xf2\xe3\xc7\xcb\xabk\xaa\xfc\x01\x1f\x17\x8f\x9f\'))\xa9G\x8f\x1e\x83\x06\r\xea\xdd\xbbw\xa7N\x9drssO\xba?\xa6\x18\x98\x9c\x01L\x010\xf9\xe3\xe1F\x1f\x00\xd0\xd8\xa8\x85B\xa1={\xf6\xac[\xb7n\xd7\xae]\x1b7n,((0\x0c#\xfa_O\xcd\xcfq9]\xadZ\xa5\xb5j\x95\xde&gt;\xabCfFv\x87\x9cN\x89\t\xc9\xa9\xad\xd2\xacV[\x9c;\x0eB$I\x12e\xd40\x0c\x08\xa0\xa6\xab\x84\x10\x08\xa1\xae\xeb\x8cQ\x00 \x00\x8c\xd2\x1f\xfd\x85\x10B\x00\x01\xf8\xf9\xf7\x1d\x02\xc0N\xae\x18@\x08\xf2\xff\x00!\x92e\x991\x861Vd\x0b\x03L\x92$\x04\x91a\x18\x8c\xd1z_}$\x12\xae8^^S[u\xb0p\x7fIi\xd1\xa1\xe2\x83\xc7\x8f\x97\x1d?^\xee\x0f\xf8O\x1aI\xe3\x7fB\x92\xa4\xdc\xdc\xdc\x01\x03\x06t\xef\xde}\xf0\xe0\xc1]\xbbv\xb5\xdb\xed\xd1\xff\xca\xe5\xe4\xd7\xa6&lt;\x99\x98\xfc\x12L\x010\xf9c\x88.\xf6\x1b\xfb\xf4\t!\xdb\xb6m[\xbbv\xedw\xdf}\xb7e\xcb\x96\xc3\x87\x0fG\x7f\x1e\x02\xc8~l\x8c\x13\x12\x92r\xb2s;\xe7u\xeb\xdc\xa9[\xbb\xb6\x99\x19\x19\xd9\xf1\x9e\x04\xa7\xd3\x851\xe6\x9e\x19b\x18\xba\xa1SJ\t1\x18\x03\x8c1\x08\x01\x80\x10\xb03\x97\x95\xff\xa3\xca\x03\xc8\xa3\x19&lt;\xcf\x07`,!\x84dI\xc6\x92\xc4}M\x84\x90@\xc0_\xe7\xad---:|\xa4d\xef\xfe\xdd{\xf7\xed.,*\xa8\xad\xfd\xd1v\xe7\xa4[\xd1\xae]\xbb\xbe}\xfb\x9eu\xd6YC\x86\x0c\xe9\xdd\xbbwTD\xa31\x03s[`\xf2Ga\n\x80\xc9\xef"j\xf7%\xe9\x87\xa2\xc2\xa3G\x8fn\xda\xb4i\xc9\x92%\x1b7n\xdc\xbbwo\xf4\xfb\x93V\xbe\x9e\xb8\xf8\xdc\xdc\xbc\xce\x9d\xbau\xee\xd4\xadC\x87N\xed\xdaf%%$Y\xacV\xc6\x181\x0cU\xd3\x081\xb8\xad\xe7\x9e\x19\x08\x1a"\xa5b\x9a?\xfe\xab1\xc6\x18`\xdc\xd7\xc4U\x01c\xc9\xa2(X\x92 \x84j$R][}\xf8H\xf1\xc1\x83\xfb\xf7\xee\xdf\xbdw\xff\xee\x82\x82}\xde\xfa\x1f\x82\xdb\'\xdd\xa2\xce\x9d;\x0f\x180`\xe2\xc4\x89\xfd\xfb\xf7o\xd3\xa6M\xf4{\xc30L%0\xf9\xfd\x98\x02`\xf2[8\xd5\xee\xf3\xc5\xfe\xea\xd5\xab\xbf\xfa\xea\xab\xcd\x9b7\xfb|&gt;\xfe\xfdI\x16\xaduz\x9b\xae]z\xf6\xeb3\xa8s^\xb7\xf6\xd9\xb9i\xa9\xad\xb9\xa7^\xd7uMS\xa3\x0e\x1c\x08\x01\x84\x88[\xfb3\xff\xdb\xfd\xa10\xc6\x00c\x94\xab\x03w")\x8aE\x96e\x1e](\xaf8v\xa8\xa8`\xef\xbe\xdd\x9b\xb7\xae\xdf\x93\xbf\xe3X\xd9\xd1\xe8\x9fl|\xeb\xdcnw\xbf~\xfd\xce=\xf7\xdc\xe1\xc3\x877\xde\x16\x98J`\xf2{0\x05\xc0\xe4WpZ\xbb\xbfq\xe3\xc6O?\xfdt\xe9\xd2\xa5\x8d\x17\xfb\x8di\x9d\xde\xa6[\x97^\xfd\xfa\x0c\xea\xd5\xb3_NN\xc7\xc4\x84$\x8c\xb1a\x18\xaa\x1a\xd14\xed\x84\xc5o)\xa9\x90\x8dj\xdc\x18\x84HQ\x14\x8b\xc5*I\x12!\xa4\xa6\xb6\xba\xb0\xf0\xc0\xf6\x1d\x9b7o]\xbf;\x7f{c1hL\xe7\xce\x9d\xc7\x8f\x1f\x7f\xfe\xf9\xe7\x0f\x180\xc0T\x02\x93\xdf\x83)\x00&amp;\xbf\x08\xee\x80\xfey\xbb\xdfx\xc5\xeat\xba\xbaw\xed5l\xe8\xd9\x03\xfa\x0fm\x9f\x95\x9b\x98\x98\x841\xd64MU#\xba\xae\x03\xc0x+\x07\xd3Z1\xc6\x18\xe31s(\xcb\xb2\xc5bU\x14\x85\x10RSS}\xa8\xb8`\xe3\xa6\xef\xd7|\xff\xed\xae=\xdb\x03\'\xc2\xc8\x8do\xf2O)\xc1i\x8b\xe9LLN\xc5\x14\x00\x93\x9f\x83/\xf9\xa3\xeb\xca\xffi\xf7;\xb4\xef\xd8\xabg\xbf\x91\xc3\xc7t\xeb\xd23##[\x92d]ol\xf4Q\x0bY\xe6\xff6N\xec\rhT\x0cdY1\x0c\xbd\xb4\xb4hw\xfe\x8e\x95\xab\x97m\xdf\xb1\xf9\xe0\xa1\x03\xfc\x87\x7f^\tNzp&amp;&amp;\xa7\xc5\x14\x00\x93\xd3\xc3\xb3\x0f\xa3\xeb\xca\xbd{\xf7.]\xbat\xfe\xfc\xf9\xbbv\xed\xe2\xdf \x84\xa2=8;\xb4\xef8r\xc4\x98\xd1gO\xe8\xde\xad\x97\xdb\x1d\xc7\x18\x8bD\xc2\xaa\xaa2FM\xa3\xff\xdb\x88\x8a\x01\x84\xc8b\xb1X\xad6\x08\xa1\xcfW\xbfk\xf7\xf6\xe5\xdf~\xb1r\xd5\xb2\xa8\x124~\x10\xdd\xbbw\xbf\xe2\x8a+\xc6\x8f\x1f\xdf\xb9sg\xfe\xcdI\xcf\xd1\xc4\xa41\xa6\x00\x98\xfc\x88\x93V\x8e&gt;\x9fo\xd1\xa2E\xf3\xe7\xcf_\xb9r%O\xdbolnz\xf7\xea?\xf6\x9c\x89\xfd\xfb\x0e\xce\xeb\xd45\xde\x93\xa0iZ(\x1c\xe4\x16\xc7\\{\xfe\x81D{%a\x8c\xed6\x87\xa2(u\xde\xda}\xfb\xf7l\xda\xb2\xee\xebo\x96l\xdb\xbe\x89\xffX\xf4\xd1H\x924r\xe4\xc8+\xae\xb8b\xf2\xe4\xc9n\xb7\x1b\x98\x1b\x02\x93\x9f\xc0\x14\x00\x93\x06xt7\xbaT\\\xb7n\xdd\xdbo\xbf\xfd\xe5\x97_\x1e=z\x14\x9c\xb4\xde\xcf\xe98b\xd8\x981\xa3\xc6\xf7\xed3\xd0f\xb3k\x9a\x16\x0e\x87\r\xa2#h\xba\x9e\xfft(\xa5\x94Q\t\xcb6\x9bMQ\x94p8\xb4e\xeb\x86e+\x96\xaeZ\xb3\xec`\xe1\xc9{\x826m\xda\x8c\x1b7\xee\xaa\xab\xae\x1a&lt;x0\xffO\xbc\\\xce|L&amp;\x1cS\x00L~\xe4%\x88.\xf9\x97/_\xce\xffk\xd4\x9a\xa4\xa6\xa6\x8f8k\xf4\x85S/\xed\xd6\xa5g\\\\\xbc\xaek\xc1`\x80Pb\xda\xfd&amp;\x81+\x01F\xd8\xe1p\xca\xb2R__\xb7;\x7f\xc7\xc2O\xde[\xf5\xdd\xf2\x8a\x8a2\xf0c\xcd\x1e=zt\xe3\r\x81\xe9\x172\xe1\x98\x02\xd0r9\xc9-\xb0\x7f\xff\xfe\x0f?\xfc\xf0\x8d7\xde\xe0K~\x8c17\x13\x8ab\x19&gt;t\xd4\xb9c\xce\x1b=j|rR\x8aAH(\x144\x88a\xda}A8\xb1\'\x90\xecv\x87\x84qUu\xe5\xf2\x15K\xbfZ\xf6\xf9\xea\xefWh\x9a\n\x1a=\xca6m\xda\xfc\xe5/\x7f\xb9\xe8\xa2\x8b:u\xea\x04L\xbf\x90\x89)\x00-\x13&gt;\xf3\xa3\x0b\xc0\xe5\xcb\x97\xbf\xf3\xce;\x1f~\xf8\xa1\xaa\xaa\xa0\xd1\xca\xb1}v\x87\xf3&amp;\\0q\xdc\xd4\xbc\x8e]!\x82\xc1`\x80\x9f\xb5b\xda}1\xe1N&lt;Y\x96\x1d\x0e\'\xa3l\xdf\x81=K\xbe\xfc\xe4\xf3/&gt;&gt;Tt\x104z\xac\x16\x8b\xe5\xa2\x8b.\xba\xfc\xf2\xcbG\x8f\x1e\xcd\xff !\xc4\x94\x81\x96\x89)\x00-\x8b\xc6\xa6_\xd3\xb4\xaf\xbe\xfa\xea\x85\x17^\xe0\xde\x9e\xa8\x81@\x08\x0f\x194\xec\xca\xcb\xae\x1b2hDBBb$\x12\xe6\x9d\x99M\x1b\x11\x13D#\xc6v\xbb\xddj\xb5\xd5\xd6\xd6\xac]\xbfj\xde\xbb\xaf\xaf]\xbf\x86\xd2\x86\xf8&lt;\xff\x81\xd1\xa3G\xdfz\xeb\xad\xe7\x9e{\xae\xa2(\xc0\x94\x81\x16\x89)\x00-\x85\x93L\xff\xbb\xef\xbe;{\xf6\xec={\xf6\x00\x00$I\xe2\x19&gt;I\x89\xc9S\'_&lt;\xf9\xbci\xdd\xba\xf4\x94$9\x10\xf4\x1b\x86\x0eMWOlB)e\x8cJ\x92\xect\xb8\x0cC\xdf\x9d\xbfc\xd1\xe7\x0b&gt;Y\xf4AuM\x15h\xf4\xd0\xbbv\xedz\xf7\xddw_v\xd9e\xa6\x0c\xb4@L\x01h\xfe\xfc\x12\xd3\x9f\xdb!\xef\xc2\xf3/\x9d&lt;\xf1\xc2\xac\xcc\x9cp8\x14\n\x87\x18c\x18\xa3\xd8o\xc5c\xc2\x08\xa1\x10B\xbb\xcdn\xb3\xd9\x8bK\n\x17-Y\xb8\xf0\xd3\xf7\n\x0e\xee\x03\xa6\x0c\xb4xL\x01h\xce\xfc\x8c\xe9\x97eY\xd7u\x00\xc0YCF\x9e?\xe9\xa2qc\xa7$$$\x06\xfc\xbe\x88\x1a1\x1b\t4Kx3\x0f\xab\xc5\xeat\xb9kkk\xbe\xfc\xfa\xb3O\x17\x7f\xf8\xdd\xda\x95\xa0\xd1\xcb`\xca@K\xc3\x14\x80f\x0b!\xe4\xb4\xa6?\xea\x02\x1e:x\xe4\r\xd7\xde&gt;\xfc\xacsdY\xf6\x07|\xba\xae\xf3\xce\xfbM&lt;n\x93?\x13~J\x81,\xcb.\xa7[\xd7\xf5\xd5\xdf}\xf3\xea\x9b\xcf}\xbfn%h\xf4b\x9c*\x03f\xc2hs\xc5\x14\x80fH\xb4\xd8\xe7$\xd3\xcf\xd3\x01eY&gt;o\xfc\x05\xe7O\xbah\xf8Y\xe7 \x8c\xfc~\x1fc\x14c\xe9\x7f\xfe\xb5&amp;\xcd\tB\x0c\x08\x91\xcb\xe5\xa6\x84\xae\xfe\xee\x9bO\x17\x7f\xf8\xf9\xd2\x8f\xf9"\x80\xe7\x8c6\x96\x81\x93\x8a\x04M\x9a\r\xa6\x004+\x1aO\xd4\x0f&gt;\xf8\xe0\xf1\xc7\x1fo\xec\xf0\x91ey\xcay\xd3\xaf\xbd\xea\x96\x1e\xdd\xfb\x10\xc3\xf0\x07|\xe6\xacn\xe1\xf0\xb5\x82\xcb\xe9\xc6\x92\xb4s\xd7\xd67\xdf~\xf1\xb3\xcf?\xe2\xafJ\xd4)\xf4\xe0\x83\x0f^|\xf1\xc5\xc0\xac"n\x8e\x98\x02\xd0Lh\xec\xee_\xb1b\xc5\xacY\xb3xrgt&amp;\x9f7~\xeam7\xdf\xd7\xadKOMS\x83\xa1\x00\x80\x10#\xd3\xf4\x9b\x00\x00\x00\xa1\x040\xe6\xb0;\x15\xc5\xb2;\x7f\xc7\xf3/=\xf1\xf9\xd2O@\xa3\x97g\xf4\xe8\xd1\xf7\xdf\x7f\xff\xa8Q\xa3\x80\x19\x18h^\x98\x02\xd0\x1c\x88zi\xf7\xec\xd9\xf3\xcc3\xcf\xcc\x993\x07\xfc8\xcc{\xfd5\xb7\x8f\x18&gt;\x9aR\x1a\x08\xfa\xcd\n^\x93\xd3\xc2+\x8a\x9d\x0e\x17Bh\xd5\xea\xe5\xaf\xcdy\xee\xa4\x10\xf15\xd7\\s\xd7]wu\xed\xda\x15\x98\x81\x81\xe6\x82)\x00\xb1\xcd\x89\xd2-T__\xff\xd4SO=\xf1\xc4\x13\x9a\xa6Es\xfbzv\xefs\xcf]\x0f\r\x1br6\xc2\xd8\xef\xf7\xf1\x9fl\xe2\x11\x9b\x88\r\x7f\xa3\\.7%d\xcd\xdao\x9fz\xe6\xd1\x1d\xbb\xb6\x82\x13\t\xa3\x8a\xa2\xdcw\xdf}\xf7\xdcsO\\\\\\\xf4\xddk\xe2\x11\x9b\xfc\x0eL\x01\x88U\x1a\xfb|&gt;\xf8\xe0\x83\x87\x1f~\xb8\xa0\xa0\x00cL(\x01\x0c\xe4\xe6t\xfa\xcb\xd5\xb7N\x994\xdd\xe1p\xfa|\xf5\xa6\xaf\xdf\xe4W\xc1\xdd\xfdnw\\0\x18\xf8l\xf1Go\xbc\xf5BA\xe1~\x00\x01F\x98\x10\x92\x9b\x9b;s\xe6\xcch`\xc0\xf4\x08\xc5.\xa6\x00\xc4$\x8d}&gt;\xf7\xddw\xdf\x97_~\tNl\xd5\x13\x12\x92\xae\xbe\xe2\x86\xeb\xaf\xbd\xdd\xed\xf6\xf8|^s\xabn\xf2\x9b\xe1/\x0f\x7f\x91^{\xf3\xb9\xb7\xe6\xbfZ[[\x1d\xf5\x08\x8d\x1b7\xee\x89\'\x9e0=B1\x8d)\x001Ft\xe1\xdf\xd8\xe7\x13\x9d\x93\xd3\xa6^v\xf7\x1d\x0ffg\xe6x\xeb\xeb\x0cbHfr\xa7\xc9\xef\x86\xbfH\x9e\xb8\xf8\xa2\x92\xc2\xd9\xff}|\xc1\'\xef\x82\x13\xab\x8d\xc6\x1e!s+\x10\x8b\x98\x02\x10K\x18\x86\xc1\x8fe\xff\xf2\xcb/\xef\xbc\xf3\xce\x06\x9f\x0f!\x00\x80\x9e\xdd\xfb\xdcw\xf7\xc3g\x8f\x18\x1b\x0c\x05#\x91\xb0$a\xb3\x8b\x83\xc9\x1f\x073\x0cb\xb5\xda\x1cv\xc7\xb7\xab\xbe~b\xf6L\x1e\x18\xe0\xaf_nn\xee\xb3\xcf&gt;;n\xdc8\xd0\xe8\x155\x89\tL\x01\x88\r\xa2\x0b\xff\xb2\xb2\xb2\xbf\xfe\xf5\xaf\x1f|\xf0\x01h\xe4\xf3\xb9\xed\xa6{\xaf\xb8\xf4Z\x9b\xd5\xee\xad\xaf3\xabyM\xfe$x\x15\xb1\'.&gt;\x1c\t\xcd\x7f\xef\xcd\xe7_~\xb2\xb1G\xe8\xe2\x8b/~\xfa\xe9\xa7\xd3\xd3\xd3\xcd\xad@\x0ca\n@\x0c\x10]U}\xf0\xc1\x07\x7f\xfd\xeb_\xcb\xca\xca\x14E\xd14\r\x00p\xe1\xd4\xcb\xfez\xc7\x83Y\x19\xed\xebMw\xbf\xc9\x19\x81\xbffqnOq\xe9\xa1\xa7\xff\xfb\xf8\xc2O\xde\x05\x00\xf0\x172==\xfd\xe9\xa7\x9f\xe6\xc1as+\x10\x13\x98\x02 4\xa7]\xf8\xf3\x84\xbc\xcc\x8c\xf63\x1fz\xe2\xdc\xd1\xe7\x05\x82\x81\x88\x1a6\xdd\xfd&amp;g\x12\x83\x18V\x8b\xcd\xe9p~\xb5\xfc\xf3\x87\x1f\xbd\xaf\xa4\xf4P4\xf9\xd8\xdc\n\xc4\x10\xa6\x00\x88KtE\x7f\xd2\xc2\x1fc|\xd3uw]\x7f\xed\xedI\x89\xc9u\xdeZ\xd3\xe7c\xd2$p\x8fP\xbc\'\xa1\xba\xa6\xea\xb57\x9f{\xf9\xf5g\x08!\xa7n\x05\xcc\x8d\xa9\xc8\x98\x02 "|jI\x92TSSs\xeb\xad\xb76^\xf8\xf7\xe8\xd6g\xe6CO\x0c\x1e8\xac\xde\xe7\xd5u\xcdl\xe2f\xd2\xb4\x10b\xc8\xb2\x12\xe7\xf6\xac\xdb\xb0\xe6\xe1G\xef\xdb\xb9{k\xe3\xad\xc0\x0b/\xbc\x90\x98\x98h\x18\x86\xb9L\x11\x13S\x00\x84\x83\x9f\xd3\r\x00\xf8\xfa\xeb\xafo\xbf\xfd\xf6\x82\x82\x82\xe8\xc2\xff\xd6\x1b\xef\xb9\xed\xa6{-V\xab\xcfWo\xce(\x13A\xe0\xeb\x15\xb7;N\x8dD\x9e\x7f\xf9\xc9\x17^y*\xba\x15\xc8\xcd\xcd}\xee\xb9\xe7\xc6\x8e\x1d\x0b\x1a\xbd\xd8&amp;\xe2`\n\x80X\xf0\xd0\x99a\x18\xf7\xde{\xef\xb3\xcf&gt;\x0bN\x84\xd7zt\xeb=\xf3\xa1\'\x07\r\x18\xe6\xad\xaf5\xf7\xd4&amp;\x02\xc2_KO\\\xc2\xfa\x8dk\x1e~\xf4\xde\x9d\xbb\xb7ES\x15\xee\xbc\xf3\xce\'\x9f|\x92\xbf\xd8fdX(L\x01\x10\x85\xa8\xdb\xe7\xe0\xc1\x83W_}\xf5\xda\xb5keY\xd1u\r\x00p\xf5\x957\xfe\xfd\xfe\xc7\x15\xc5\xe2\xf3\x9b\x0b\x7f\x13qi\xd8\n\xb8\xe24M}l\xd6\x83o\xcd{\x05\x00\xc0_\xe3!C\x86\xbc\xf5\xd6[\x1d:t0\xddABa\n\x80\x10Dw\xc7\x1f}\xf4\xd1\xcd7\xdf\\SSc\xb1XTUMNJy\xf2\xdf/\x9d;\xfa&lt;3\xcb\xd3$V\x88\xe6\x89~\xb5\xfc\xf3{\xffvsUu%\x7f\x99\x13\x13\x13_z\xe9\xa5\xe9\xd3\xa7\x03\xd3\x1d$\x0c\xe63hz\x0c\xc3@\x08\x19\x86q\xd7]w]t\xd1E555\x92$\xa9\xaa:n\xec\xe4/&gt;\xfdn\xcc\xa8\t5\xb5\xd5f77\x93X\x01c\xcc\x18\xab\xa9\xad\x1e3j\xc2\x17\x9f~7n\xecdUUyF\xc3E\x17]t\xd7]wE_\xf8\xa6\x1e\xa9\x89\xb9\x03hj\xb8W4\xea\xf6\x89\xc6{\xffv\xef?o\xbc\xeeNM\xd3\xc2\xe1\x90\xe965\x89E\x0c\xc3\xb0\xd9\xec\x8a\xa2\xbc\xf2\xfa\xb3\xff~\xf2\x1f\xd1\xc8pcw\x90\xf9n7-\xa6\x004\x19\xd1"\xaf\x93\xdc&gt;\x19\xed\xb2\x9e\xfa\xcf\xcb\xc3\x86\x8c\xaa\xad\xab\x06f\xbfu\x93X\x86\x9f\x19\x90\x10\x9f\xb4f\xed\x8a{\x1e\xb8\xa9\xf4p\xf1I\xee \xb3X\xaci1\x8dK\xd3\xc0\xfb\xadc\x8cg\xce\x9cy\x92\xdbg\xd1\x82o\x07\r8\xab\xba\xa6\x12!\xf3\xe8.\x93\xd8\x86\xbf\xc3\xd55\x95\x83\x06\x9c\xb5h\xc1\xb7\'\xb9\x83f\xce\x9c\xc9\x03\xc2\xbc\xa1\xa1\xc9\x99\xc7\xdc\x014\x01|\xe7[WWw\xe3\x8d7~\xf4\xd1G\xbc\x9d\x16\xc6\xf8\x81{\xfey\xd3\xf5w\xaajDU#f\x85\x97Is\x82\x10\xc3b\xb1Z,\xd6\x97_{\xf6?O\xfd\x83\x10\xc2_\xfb\xe9\xd3\xa7\xbf\xf2\xca+\xf1\xf1\xf1\xa6;\xa8I0\x05\xe0L\xc3s$\x0e\x1e&lt;x\xd9e\x97m\xde\xbc\xd9j\xb5F"\x91\xe4\xa4\x94\x17\x9f\x9d;b\xd895\xb5\xa6\xdb\xc7\xa4y\xc2\xddA\x89\tI\xab\xd6|s\xcb\x9d3\xaa\xaa+\xf9\xcb\xdf\xaf_\xbfw\xdf}\xb7C\x87\x0ef\x9e\xdb\x99\xc7\x14\x803\n_\xe6\xac]\xbbv\xd2\xa4I\xb5\xb5\xb5\xdc\x1f\xda\xbbg\xbf\x97\x9f\x9f\xdf:\xbdm}\xbd\xd7\\\x04\x994o\x0c\xc3\x88\x8b\xf3\x1c+;r\xd3mWl\xdb\xb1\x99O\x81\x84\x84\x84\xc5\x8b\x17\x0f\x192\xc4\xdc\x07\x9ca\xcc\x95\xe6\x19"Z\xe7\xf5\xfa\xeb\xaf\x8f\x181\xa2\xb6\xb6VQ\x14UU/\x99&gt;c\xe1\xfb_\'\'\xb5\xf2\xf9L\xebo\xd2\xfc\x91$\xc9\xe7\xf3&amp;\'\xb5Z\xf8\xfe\xd7\x97L\x9f\xa1\xaa\xaa\xa2(\xb5\xb5\xb5#F\x8cx\xfd\xf5\xd7%I"\x84\x98\xab\xd23\x86\xb9\x038\x13D\xcb^\xee\xba\xeb\xaeg\x9f}\x16cL)e\x8c=\xfa\x8f\xa7\xffr\xcd\xad&gt;_=\xa5\xc4t\xfb\xfc!\xf0\xf7\x991\xc6\x18\x03\x90\x7fj\xf8O\x10\x02\x08\xff\xf7Mf\x8c6\xfe#\x00B\xc0\x00\x84\x90g\xaa\x98\xf9*\x7f\x08\x94R\x84\xb0\xdb\x1d\xf7\xc6\x9c\x17\x1e\xfa\xe7_!\x84\x08!B\xc8\x9dw\xde\xf9\xcc3\xcf\x00\xb3R\xecLa\n\xc0\x9f\x0e\x7f\x95\r\xc3\xb8\xf9\xe6\x9b_\x7f\xfdu\x9e\n\xedv\xc5=?{\xce\x98s&amp;x\xeb\xeb\xa2\xc6\xc5\xe4\x97\xc3\xdf[\xca(`\x801\xc6o!\x84H\x96e\xc6\x80EQ\x10\xc2\x0c0I\x92 D\x000\x08 \xa5T\xd75\x00!\xf8\xa9w\x1eB\xc0\x98,+\x08!\x06\x18\x00\x901j\x18\x06\x04\x90R\xa2j\x1a\x84@\xd7u\xae\x10\xfc\x1f\x05\x10 \x88\x80)\x0c\xbf\x1e.\xd2\x9e\xb8\xf8e\xdf|q\xdb\xdd\xd7\xf8\xfc\xf5|j\\w\xddu/\xbd\xf4\x92$I\xa6\x06\x9c\x01L\x01\xf8s\xe1q\xad\xba\xba\xba\xf3\xce;o\xed\xda\xb5&lt;\xea\xd5\xaem\xd6\xf3\xb3\xdf\x1c4\xe0\xac\xaa\xea\xe3\x92$7\xf5\x18c\x03^6\xd1`\xeb\x11\x94%\x19c,\xcb\nF\x18cl\x18\x06eTU#\xb5\xb55\x08\xa1\xe2\xd2C\xc1`\x00c\xbcw\xdfn\xbf\xdf\x07\x00@\x18{\xbd\xb5\x07\n\xf6\xfe\xcf\x7f\xa8cng\x8f\'\x81\x12\x02\x00p\xb9\xdc\x9d\xf3\xba\x11B\x1c\x0egVF{JiBB\xa2\xc5bE\x10qg\x05\xa1D\xd75B\x88n\xe8\x8c2&gt;&lt;3\xb1\xfd\x97c\x18zrR\xab\xf5\x1b\xbf\xbb\xed\xeek\x0f\x1f)\xe6\x13d\xc8\x90!\x9f\x7f\xfey||\xbc\x19\x16\xfe\xb31\x05\xe0O\x84\xbf\xbe\xe5\xe5\xe5\x93\'O\x8e&amp;\xfct\xeb\xd2s\xfe\x9c\xcf\x12\x13\x93\xea}^\xd9\xb4\xfe?M\x83\xc5\x07\x0c\x02\x881VdEQ,\x92,\x13b\xe8\x9aV[W\xe3\xad\xaf++?Vz\xb8\xa8\xb2\xea\xf8\x91#%\xe5\x15\xc7\x02\x01\x7fIi\x11B\xc8[_\xf7\x87\x8f\xc7\x13\x17O)\xcd\xcc\xc8v:]i\xa9\xad\xdb\xb6\xcdLIn\x95\xd1.;=\xad\xb5\'.&gt;!&gt;QV\x14\x8c%C\xd75M\xd5t\x8d\x10\xc2\x07o\xea\xc1\xcf\xa3\x1bz\x9c\xdbSSS}\xc55Sv\xe7\xef\x88\xa6\x06-Z\xb4(--\xcd\xd4\x80?\x15S\x00\xfe,x&gt;\xc3\xe6\xcd\x9b\'O\x9e\\^^n\xb5X#j\xe4\x82)\x97&lt;\xf6\xc8l\x8b\xc5j6x8-|\x8d\x0f\x00C\x08[\x14\x8bb\xb1HX"\x84\xf8\x03\xbe\x8a\xe3e\x85\x87\n\xf6\x1d\xd8S\\\\x\xf8HIQ\xc9\xc1`0\x18\x89\x84\x9bz\xc8\xc0j\xb59\x1c\x8e\xec\xcc\x0e\xed\xdaffe\xe5\xe4u\xec\x9a\xd3&gt;7\xb5U\xba\xcb\xe9\xc6\x18\x1b\xc4\xd0TU\xd5TJ\t\x00\x90\xef\x0f\x9az\xc8\xc2\xc1\x9bF\xa8j\xe4\xef\x8f\xdc\xfd\xf1g\xef\xf3\xc9\x92\x96\x96\xb6h\xd1\xa2~\xfd\xfa\x99\xa9A\x7f\x1e\xa6\x00\xfc)D\xad\xff\xd8\xb1c\xeb\xea\xea\xb8ss\xfa\x05W&lt;\xf3\xe4\xab\xe1pH\xd35\x8c\xccEM\x03\xd1\x95\xbe\x84%\x8b\xc5jQ,\x10\xc1p(t\xf8h\xc9\xa1C\x05{\xf6\xee\xdc\xbb\x7fw\xe1\xa1\x82ceG\xc2\xe1\xd0/\xfc;-\x8aUQ\xac\x94\xd1\x04ORbB*\xa5\x04\x00\xe0\xb0\xbb\xb23\xf3(\xa5?\xb5\x1cg\x0c \x84\x8aJ\xf6\x05C~\x00\x00B\xb8\xa6\xb6\xa2\xd6[\x8d \xd2\xb4\x88\xaaE~\xe1\xbfn\xb3\xd9[\xa7\xb7\xcdi\x9f\xdb\xb9S\xb7\xae\x9d{\xb4o\x9f\xdb\xaeM\xa6\xcdng\x94\xa9\x9a\xaa\xaa\x11\x83\x18\xe6\xce\xe0$\x08%\x8a\xac\xd8l\xf6\xbb\xee\xbd\xe1\xa3\x8f\xe7\xf3)\x13\x1f\x1f\xff\xf5\xd7_\x9b\x1a\xf0\xe7a\n\xc0\x1fO4\xd9\xff\xbc\xf3\xce\xab\xab\xab\xe3\x15\x8f\x0f\xde\xff\xd8\x8d\x7f\xb93\x14\x0e\x9a\xa1-\x0e\xa5\x941\n!\xb2X,V\x8b\rc\xec\xad\xaf+9\\\xb4s\xe7\xd6\xfd\x07\xf2\xb7\xee\xd8TP\xb07\xfc\xbf\x16\xf8v\xbb\xd3aw\xa7\xa7f\xd8m\xce\xec\xccN6\xab\xa3}vgJHzj\x86\xc3\xee"\x94\xd8mN\x87\xc3\xc5(\xe5y&lt;\xb2$\xff\xfc\xeb\x0e\x01\xd0\r\x9d1\x06\x18\x83\x08\x05\x83\xfeP8\x80\x11\x0e\x86\xfce\x15\xa5\x08\xe3CE{\xc3\x91`Q\xc9\xfeP8PVQ\x1a\x0c\xf9B\xa1\xc0\xcf\x0f\xd2f\xb5\xe5\xe6v\xee\xd3\xb3\x7f\xa7\x8e]z\xf4\xe8\x93\xd9.\xdb\x13\x17O\x08\x89\xa8aUU\xf9M0_\tp"]\xc2ns\xbc\xf2\xc6\xb3\x8f\xcf\xfa;\x9f8\xf1\xf1\xf1\x9f\x7f\xfe\xb9Y"\xf0\'a\n\xc0\x1f\x0c\x7fM_\x7f\xfd\xf5\x9bo\xbe\xd90\x0c\xfe\x12?\xf6\xc8\xec\x9b\xae\xbb\xb3\xb2\xea\xb8\x99\xf0C)\xa5\x8cJX\xb6\xd9l\xb2\xac\x18\x86^ZZ\xb4k\xcf\xf6-\xdb6|\xb7veQq!!?\xd9%\xd8aw\xa5\xa7e\xa6$\xa5g\xb6\xcbm\xd7&amp;\'\xde\x93\xd4:-\xd3j\xb5\xc7\xb9\x12\x00\x04\xb2$S\xc6\x081 \x80\xba\xaeQJ\x00\x84\x94\x92\xc6}f\x18\xa3\xffs\x84\x8dSE1\xc6\x08a\xc0\x18BX\x96\x15\x06\x18\xc6\x12\x82P7t\xc0@\xbd\xbf6\x12\t\x1d+/\xa9\xf3V\x1f&gt;ZXr\xb8\xa0\xb2\xba\xac\xac\xbc\x84o N\x0b\xc6RvV\xceYCF\xf6\xed=\xb0{\xd7^\x19\x19\xd9\x92$\xeb\xba\x16\x0e\x87\r\xa2\xa3\x16\xaf\x04&lt;5(%\xb9\xd5\xcb\xaf?\xfb\xf7G\xee\xe6\xd3G\x92\xa4\x97^z\xe9\xba\xeb\xae35\xe0\x0f\xc7\x14\x80?\x92\xa8\xf5\xbf\xfe\xfa\xeb1\xc2\x94Q\xc6\xd8\xe3\x8f\xcc\xbe\xfe\xda\xdb+\xab*0\x96Z\xac\xf5?a\xf7%\xbb\xdd\xa1\xc8J\x9d\xb7v\xdf\x81=\x1b7}\xbf\xe6\xfbow\xed\xd9\x1e\x08D-&amp;\x04\xe0\x87\x17\xd2b\xb1e\xb6\xed\x90\xd1\xb6CVf^vF\xa76\xe9Y\t\x9ed\xc5b\xc5X\xa2\x84PJu]\xa5\x8c\xf2\xce\xf2\x8cQ\xeed\x07\x80E\x8d8\xcf\xdd\xff\x1d\x03\xffa~\xf0\xbf\x9f\x87(\xf8\xdf/I\x12\x82H\x96-\x08!\x841!\x86\xa6Fj\xbdUG\xcb\x8a\x8bJ\xf7\x17\x97\xec+=r\xb0\xe4\xc8AUm\xbc\x8f\xf9\xe1\x17t:]\xdd\xbb\xf6\x1a6\xf4\xec\x01\xfd\x87\xe6u\xec\x1a\xefI\xd0t-\x14\n\x1a\xc4h\xc9J\xc0\x18#\xc4HIN}\xed\xcd\xe7\x1e|\xe4n\x08!\x82\x88P\xf2\xdak\xaf\x99\x1a\xf0\x87c\n\xc0\x1fFc\xeb\xcfW.&lt;\xd9\x7f\xf49\xe3\xbd\xde\xba\x96\x99\xc9\xc0\xfd&lt;\x18Kv\xbbC\x96\x95\xfa\xfa\xba]\xbb\xb7/\xff\xf6\x8b\x95\xab\x96\x1d&lt;t\xe0\xb4\x7f\xc4\xe5\x8c\xcb\xce\xcc\xeb\xd2\xa9o^n\xaf6\xad\xb3\xd2R\xda)\x16+\x82\xd00\x0c]Wu\x83\xa7\xe13\xc8k\xb4\x9a\xb48+Zt\xc6W\xae\x10B\x08\x91,\xc9\xb2l\x91$\x892\xa6\xa9\x91\xf2\xca\xc3G\x8f\x15\xef+\xd8\x9e\xbf\x7fKQ\xc9&gt;\x7f\xa0\xfe\xb4\x7fU\x87\xf6\x1dG\x8e\x183\xfa\xec\t\xdd\xbb\xf5\x8a\x8b\x8b\xd7u-\x14\n\x12b\xb4X\xef\x10!\xc4\xe3\x89_\xfe\xcdR^"\xc0\'\x94\xa9\x01\x7f8\xa6\x00\xfc1\x9c\xd6\xfa\xcf{\xf3\x93\xc1\x83\x86WU\x1doi\xef+c\x8cR\x02!\xb2\xd9\xec\x16\x8b\xd5\xe7\xf3\x9ej\xf7!\xfc\xe1\xdd\xb3\xdb\x1c\xb99\xdd;w\xec\xd3\xa5S\x9f\xec\xcc\xbc\xc4\x84V\x8al!\xc4\xd0uM\xd3U^\xed\x05O\xd0t\xbf\xd6/\x82\x9d\x80\xd7\x88)\xb2E\x96\x15\x8c%MWkj\x8f\x17\x95\xec\xcb\xdf\xbfu\xef\x81\xad\x05\x85\xbbB\xe1 \xff#\x8doEc%p\xbb=\xaa\x1a\t\x87C\x8cQ\x84Z\xdc9\xba\x86a$\'\xb7Z\xb7~\xf5\x95\xd7N55\xe0O\xc2\x14\x80?\x80\x9f\xb2\xfe\x03\xfa\r\xa9\xa9\xad\x92e\xa5\xa9\x07x\xe6\xe0K~\x8bbu8\x9c\x115r\xf0\xe0\xbe/\xbe\xfa\xec\x8b\xaf&gt;;X\xb8\x9f\xff@cc\x97\x92\x9c\xde\xb3\xeb\xa0\x01}\xcf\xee\x90\xdd5-5C\x96d\x83\x18\x9a\xa6\xea\x86\xc6(\xe5\x0b\xeaX\xb7z\x8c\xb1\x86-\x0bB\xb2\xa4(\x8aE\xc2\x92n\xe8\xe5\x15\xa5\x07\x8b\xf6l\xdc\xf2\xed\x8e=\xeb+\xab\xca\xf8\x0f\xffH\tr:M8w\xca\x84s\xa7t\xe8\x90g\xb5X\x83\xc1\x80\xaaEZ\xda\x86@\xd7\xb5\xc4\x84\xe4\x8d\x9b\xd7\x9a\x1a\xf0\'a\n\xc0\xef\xe5g\xad\x7f\xb5,\xb7\x94R/\xee\xaf\xb0\xdb\xec\x16\x8b\xb5\xf4H\xf1\x9a\xef\xbf]\xbcd\xe1\xba\rkxP\x17B\x14\r\xc0\xb6k\x93\xd3\xbf\xf7\x88A\xfdFgev\xf4\xb8\x13\x01\x00\xaa\x16\xd14\x951\xc6\xdb9\xc4\xba\xd1\xff)N\x88\x01\x80\x10*\x8a\xc5\xa2X\x01\x00^_Mq\xc9\x81\xf5\x9b\x97o\xda\xb6\xea\xf0\xd1B\xfe\x93\xd1\xdb\x85\xb14x\xe0\xb0I\x13/\x1c6\xf4\xec\x8c\xb6Y\xaa\x1a\t\x85C\xdc\xab\xd6\x94\xbf\xc9\x19D\xd7\xf5\xc4\x84$S\x03\xfe$L\x01\xf8]\x98\xd6\x9f{{$Iv\xb9\xdc\x9a\xa6\xe5\xef\xdd5\xff\xbd\xd7\x97\xaf\xf8\xb2\xba\xa6\x12\xfcxI{\xc2\xee\x9f\x93\x9b\xd3\xdd\xe5\x8c\xd3\r]U#\x84\xe8\x004g\xa3\xffSp1\x00\x00`,[,VY\x92\xfd\x81\xfa\x82\xc2]\xeb7\x7f\xf3c%h\xb8\x81I\x89)\xa3G\x8d\xbb\xe2\xd2\xeb\xbat\xee\xae(\x8a\xdf\xef3\x0c\xbd\x85\xf8\x85L\r\xf8\xf30\x05\xe0\xb7\xc3_\xbe7\xdex\xe3\xba\xeb\xaek\x81\xd6\x9fRJ)\xb5Z\xad\x0e\x87\xb3\xae\xae\xf6\xcb\xaf\x17}\xba\xf8\xa3u\x1bV\xf3\xb4K\x84\x10?\x00$)1u\xf8\x90\x89\x83\xfb\x8d\xce\xcd\xe9\xc6\xed~$\x12\xe2\'bB\x04\xe1\xefJ\xd1i\x0e0\xde~\x941\x8c\xb1\xd5j?\xa1\x04\xbb\xd7m^\xbez\xed\x92\xea\x9a\n\xd0\xe8fb\x8c\x07\x0f\x1c~\xfe\xa4\xe9\xe3\xc6N\x8e\x8fO\x08\x06\x03\x91H\xa4%\x1c\x1dzZ\rx\xfd\xf5\xd7\xff\xf2\x97\xbf\x98\x1a\xf0{0\x05\xe07\xc2_\xbb\r\x1b6\x0c\x1e&lt;\x987#k9\xd6\x9f7l\xb0\xdb\x1d6\x9b\xfd\xf0\xe1\xe2w?\x98\xf3\xf9\xd2\x8f\x0f\x15\x1d\x04\x8dL\x95,+}z\x0e\x1b3\xf2\x82\xee\x9d\x07$%\xb6jl\xf7\x9b\xbd\xb5\xfa\xcd\xf0\x1b\x1bU\x82\xea\x9a\xe3\xbb\xf6n\\\xb6\xf2\xe3\xad;\xd6\xe8\xba\x06\x1a\xdd\xde\xf6\xd9\x1d\xce\x1b\x7f\xc1e\x17_\xd3\xae]V8\x1c\n\x85\x82\xcd\xfe\xc6\x9e\xa4\x01\xbc\x19\xdf\xbau\xeb\x06\x0e\x1chj\xc0o\xc6\x14\x80\xdf\x02oP\xb5y\xf3\xe6s\xcf=\xb7\xbe\xbe\x1eB\xe8t\xb8\xde~}\xc1\x80\xfeCkj\x9a\xb3\xf5\xe71^\x87\xddi\xb1X\xb7\xed\xd8\xfc\xd9\xe2\x0f?Y\xf4AuM\x15\x00@\xc2\x92A\x0c\x00@\xdb\xd6\xd9\xc3\x87L\x1c&gt;dbvF\'\x00A$\x12\xd2u\xbd\xd9\x9b\xa7?\x16\xae\x04\xb2,[\xadv\xc0@Q\xe9\xfe\xd5k\x97\xac^\xbb\xe4\xc8\xb1"\xd0\xe8V\'%&amp;O\x9d|\xf1\x94I\x17\xf5\xee\xd9OU#\xc1P\xa0yG\x89u]OLL\xda\xb8\xe9\xfb\xab\xae\x9b\x16\x08\xfa\x19cqqq_}\xf5U\xbf~\xfd\xcc\x9eq\xbf\rS\x00~5Q\xeb\xcf\xfb\xfcH\x92l\x18\xfa\xdb\xaf/\x1c\x7f\xee\x94\xca\xca\xf2\xe6\x9a\xf3\x135\xfd\x8a\xc5\xb2s\xd7\xb67\xdf~\xf1\xb3\xcf\x17\x9c\xb4,\xed\xdd}\xe8\xa8\x11S\x86\x0e8\xd7\xed\x8e\xd7\xd4HD\r\x81\x16\xe9\xdf\xff\xa3\x88\xc6\t\xac\x16\xbbb\xb1\xfa|u\xdfo\xfcj\xc5\xaa\xcf\xb6\xed\xfa\x1e\xfcx\xb35\xe5\xbci\xd7^uK\x8f\xee\xbd5Um\xde2\xa0\xebZJJ\xda\xd2\xaf&gt;\xbb\xea\xba\x0b\xf9\xd4\x8b\xf6\x0b25\xe07`\n\xc0\xaf\x83\xb7+\xa9\xaa\xaa\xea\xd2\xa5KUUU\xb4\xd3\xc353n\xaa\xab\xabi\x96\xcd\xfdy\xb36\x87\xdd\xd1\xc8\xf4\x7f\xa4\xeb\xfa\x0f\x06HRF\x0e\x9bt\xee\xa8\xe9]:\xf6Q\x14K0\xe87\x88\x81\x10\xfc%\xc7o\x99\xfc\x12x\xbb&lt;\tK\x0e\x87K\xd3\xd4\xfc\x03[\xbfZ\xf1\xd1\xca5\x8bu\xe3\x07\x01\x96ey\xcay\xd3\x1b\xc9@\xb0\xb96\x9b3\x0c=&gt;&gt;q\xce\xdc\x97\xa3\xbd"\x92\x93\x93\xf3\xf3\xf3\x93\x93\x93\xcdF[\xbf\x16S\x00~\x05\xdc\xdey\xbd\xdeq\xe3\xc6m\xda\xb4\x89\x9fg\xfd\xd8\xc3O\xdf\xf0\x97;\xaa\xaa+\x9b\xdf\xea\x83\x9fcl\xb5Zm6\xfb\xae\xdd\xdb\x1b\x99~\xcc\xfbkz\xe2\x12\'\x8e\xbdl\xf8\x90\x89\xed3\xf3\x08%\xe1p\x80R\xd6\xfc\xee\x838\x10B\x10\x826\x9b\x13#|\xa8d\xdf\xea\xb5K\x96|\xfd\xae\xb7\xbe\x06\x00\xc0\x1fJT\x06\xbaw\xeb\x15\x0e\x87"\x91\x08\xc6\xcd0S\x88\x10\x92\x9c\x94\xf2\xea\x1b\xff\xfd\xfb\xcc\xbf\xf2i\xd8\xbf\x7f\xff/\xbf\xfc\xd2\xe3\xf1\x00\x00L\r\xf8\xe5\x98\x02\xf0K\xe1\xe5\x9d\x10\xc2!C\x86\xac_\xbf\xdeb\xb1\xaaj\xe4o\xf7\xfe\xf3\x9e;\x1f*?~\xac\xf9\x1d\xedb\x18\x86\xa2(.\xa7\xfbX\xd9\x91\xe7^z\xe2\xbd\x0f\xdf:\xd5\xf4O\x18siZ\xab\xb6j\x83\xb7\xc7\xf4\xf2\x9f!(\xa5\x000\xab\xc5n\xb1X\xcb\x8f\x1f\xf9b\xd9{\xa7\xca\xc0\xa5\x17]}\xfb\xcd\xf7\xb5No\xeb\x0f\xf84Mk~1R\xdd\xd0\xd3Z\xb5~\xea\xd9G\xff\xfd\xe4?\xf8d\x1c4h\xd0\xda\xb5kO\xf4\xe4hn\x9a\xf7\'a\n\xc0/\x82\xaf\x85%I\xba\xfe\xfa\xeb_\x7f\xfdu~h\xd1\xb4\x0b.\x9f=\xeb\x95@\xc0\xdf\xcc^8~tIB|b\xc5\xf1\xf2\xb7\xe6\xbd&lt;\xff\xfd7kj\xaaNk\xfaC\xe1\xa0\xa6E\x10B\xa6\xb7\xe7\xcc\xc3\x18\xa5\x94*\x8a\xd5ns\x9cV\x06\x12\x13\x93\xaf\xb8\xe4\xda\xab\xaf\xbc)\xb5UZm]\r?f\xa7\xa9G\xfd\x87\xc1\x17dN\xa7\xeb\xee\xfbo\\\xf0\xf1;|J^w\xddu\xaf\xbd\xf6\x9aa\x18\xcdr\xdf\xf3g`\n\xc0/\x82\xe7\x99\xddu\xd7]\xcf&gt;\xfb,\x7f\xd5\xa6\x9c7\xfd\xa5\xff\xce\xf5\x07|\'\x1a\x935\x07\xb8\xce\xb9]n\x83\x90\x85\x9f\xbc\xfb\xd2k\xb3\x8bK\x0e\x81\x13\x06\xe5t\xa6\xdf\x9cfM\x0c/\xc4;U\x06\xa2\x82\x9d\x95\xd9\xfe\xe6\xeb\xef\xbep\xeae\x12\xc6&gt;\xbf\xaf9YF&gt;\xf5\\N\xf7\xcdw\xcc\xf8\xec\xf3\x8f\xf8\xc4\xbc\xf3\xce;\x9fy\xe6\x1931\xf4\x17b\n\xc0\xff\xa6q\xb9/w8v\xed\xd2c\xc1\xbb_\xf1\x00T\xb3\xf1{\x18\xc4\xb0(V\xa7\xd3\xb5~\xc3\x9a\'\x9f\xf9\xe7\xba\rk\x00\x00&lt;\xd1B\x92\xe4i\x93\xaf\x9b&lt;~FjJ\x1b\xd3\xf4\x0bHc\x19\xa8\xa8&lt;\xbah\xe9\xdc\x05\x8b^\xe7\x0f\xce0t\x00\xc0\xe0\x81\xc3\xee\xbd\xeb\x1f\x83\x06\x0e\x0b\x04\xfc\xaa\x16\x91\x9aK\'\t\x1e\xfd\xd6u}\xdae\xe7\xee\xc9\xdf\xc9\xa7\xa7Y$\xfc\xcb1\x05\xe0\x7f\xc0s\xcb\x1a\x17|\xb5i\xdd\xee\x8bO\xd7\xb8\\q\x91H\xb8y\x04&lt;yp;.\xceS^q\xec\xb9\x17\x9fx\xe7\xfd7\t!\x8ab\xd14\x15\x000f\xe4\x05S\xcf\xbb\xb6cN\x8fp\xc44\xfdB\x13\x95\x01\x9b\xd5q\xa0p\xe7\'\x9f\xbf\xb9l\xe5\xc7\x00\x00\xfe(1\xc6\x97_r\xed\xed\xb7\xdc\x97\x96\xda\xba\xbe\xde\x0b\x9aK\xb0\x94\x10b\xb5\xda\xfc\xfe\xfa\t\xe7\x0f;z\xecp\xe3\x02131\xf4\x7fb\n\xc0\xcf\xc1\xb3\xca\x8a\x8b\x8b\xfb\xf6\xed\xfbC\xc1\xd7\x1b\x0b\xfb\xf4\x1a\xe0\xf3\xd57\x8f\xf5\x85a\x18\x0e\xbbC\x92\xe5\x8f?}\xff\xf1\'\xfe^YY\x811\xe6\xed\x1czv\x1dt\xf1\x057\x0f\xe8s\xb6\xa6G\xc2\xe1PsM+lf\xf0\xb4]\x9b\xcd\xae\xc8\xd6\x8d[\xbf\xfd\xe0\xe3\x97v\xecY\x0f\x00\xe0\x8f5%%\xf5\xc1\xfb\x1e\xbb\xe0\xfcK\x0c]\x0f\x86\x82\xcd\xe6\x1dv\xbb\xe3\xb6n\xdfx\xd5_.\x8c\x16\x88m\xd9\xb2%++\xcbL\x0c\xfdyL\x01\xf8I\xf8\x9d\xf1z\xbdc\xc6\x8c\xd9\xb2e\x0b?\xa5\xfa\xed\xd7\x17\x8e\x1f;\xa5\xb2\xaa\xa2\x19\x94\xfb\xf2\x85\x7fB|\xe2\x9e\xbd;\x1f\xfd\xf7\xdfV\xad\xf9\x06\x00\x80\xb1D\x88\x91\x18\x9fr\xe5%w\x8d={\xba,\xc9\xfe\x80\x17"\x84\xcc0oLA\x19e\x94\xba\x9c\x1e\xdd\xd0\xbf\xfe\xf6\xa3y\xef?SSW\xc9\x1f.\x00`\xc4\xb0s\x1e\xfa\xdb\xbf\xbbv\xeeQ[\xc7\x83\xc61\xffpu]OIN]\xfa\xf5gW]w!\x9f\xaa}\xfb\xf6]\xb6l\x19O\x0c5\x17.?\x85)\x00?\t\xf7!N\x9b6m\xe1\xc2\x85\xdc\xb78\xf3\xa1\'\xae\xbf\xf6\xf6\xda\xda\xeafP\xf0e\x18\x86\xc3\xe1\x84\x10\xbe5\xef\xe5\xa7\x9e},\x10\xf0\xcb\xb2\xa2\xeb\x1aFx\xe2\xd8\xcb.\x9dv[JR\xba?\xe0\xe5G\x914\xf5`M~#\xfcX\x1e\x97\xd3SY]\xf6\xde\x82\xe7\x97|\xfd.\xa1\x84?h\xa7\xd3u\xcf\x9d\x7f\xbf\xfa\xca\x9b\x18c\xc1`\xa0\x19l\x05\x0cCOHHz\xed\xcd\xe7\x1e~\xf4&gt;&gt;a/\xbc\xf0\xc2\x05\x0b\x16\x98\xc1\x80\x9f\xc1\x14\x80\xd3\xc3_\x9a\x993g&gt;\xf2\xc8#&lt;\xbb`\xfa\x05W&lt;\xf7\xf4\x1bu\xde\xdaX_.E\x17\xfe\xf9{w=\xfc\xd8\xbd\xdf\xad]\t!\x04\x102J;v\xe8q\xf3\xb5\x0fw\xef&lt; \x1c\th\x9a\xdar\x9a\xce7o\x081\x14\xc5b\xb3:w\xed\xdd\xf8\xd2\x9b3\x0f\x1c\xdc\t\x11\xe2y\x94g\r\x199\xf3\xefOv\xe9\xdc\xbdyl\x05(\xa5\xf1\x9e\x84\xdb\xff\xfa\x97\x8f&gt;\x9e\xcf\xa7\xed#\x8f&lt;\xf2\xf0\xc3\x0f\x9b\x1a\xf0S\x98\x02p\x1ax\xec\xe8\xe3\x8f?\xbe\xf0\xc2\x0by\x00\xadg\xf7&gt;\x9f~\xf8\x8d\xa6k\xb1\x9e\xf4i\x18\x86\xcdf\x97%\xf9\xcd\xb9/\xf2\x85?\xff\x05\xed6\xe7U\x97\xde=a\xcce\x8ab\t\x06}f\xa4\xb7\x99\xc1\xe3\xc3\x0e\x87[\xd3\xd4/\x96\xbd\xfb\xf6{\xb3C\xe1\x00\x7f\xf4|+p\xed\x8c[tC\x0f\x87C1m(\xf9\xf4Td\xe5\xfc\x8b\xce\xd9\xb1k+\xff\x05\x17.\\x\xc1\x05\x17\x98\x01\xe1\xd3b\n\xc0\xc9PJ!\x84&lt;\xf0\xeb\xf3\xf9\x18c\xf1\x9e\x84/\x17\xadMJJQ\xd5HL/\x91\x0c\xc3\x88\xf7$\x1c=v\xf8\x91\xc7\xee[\xfa\xf5"^\xbfF)\xed\xddc\xe8-\xd7&gt;\xdc&gt;\xab\x8b?\xe0\xa5\x94\x98&gt;\x9f\xe6\n\x7f\xb8.\xa7\xe7Pq\xfe\x8bo\xce\xdc\xb6\xf3{\x84\x10\xaf\xa8\x1a?v\xf2#\x7f\x7f\xa2M\xebvu\xde\xda\x98\xd6\x00J\xa9\xc5b\xad\xae\xae\x1c7yH\x9d\xb7\x16B\xe8v\xbby@\x981\x16\xd3\xf3\xf7\xcf\xc0\x14\x80\x1f\xc13(\x00\x00C\x87\x0e\xdd\xb0a\x83,\xcb\x94\xd2\xf7\xe7~&gt;x\xd0\xf0z\x9f7v\xb3\xa7\xb9\xaa\xc5\xc7\'~\xf9\xf5\xa2{\xffvsUu%_\x1c\xd9\xac\xf6\xab/\xbbg\xca\xf8\xab\x18`\xe1p\xd0\xf4\xf9\xb4\x04\x081l6\x07\x04\xf0\xb3\xa5o\xbf\xf5\xeeS\xe1H\x88\xbf\x0c\xc9I)O\xfe\xfb\xa5qc\'\xd7\xd5\xd5\xc4\xb4\xad4\x88\x11\xe7\xf6\xac[\xbf\xfa\x92\x19\xe7!\x84t]\x1f8p\xe0\xf7\xdf7\xb4P5\xb7\xb6\x8d\x89\xd5g\xfc\'\xc1\xf7\x89\xf7\xdcs\xcf\x86\r\x1b,\x16\x8b\xae\xeb\xf7\xdd\xfd\xf0\x88a\xa3\xeb\xebc\xd8\xfa\x1b\x86a\xb1Xm6\xfb\xe3\xffy\xf0\xaa\xeb.\xac\xaa\xae\x94eY\xd3\xd4\x8e9\xdd\x9fz\xf4\x83\x8b\xce\xbf)\x1c\tE"a\xd3\xfa\xb7\x100\x96"\x91p8\x12\xba\xe8\xfc\x9b\x9ez\xf4\x83\x8e9\xdd5M\x95e\xb9\xaa\xba\xf2\xaa\xeb.|\xfc?\x0f\xdalv\x8b\xc5j\x18FS\x8f\xf47"a\xa9\xbe\xde;b\xd8\xe8\xfb\xee~X\xd7u\x8b\xc5\xb2a\xc3\x86{\xee\xb9\'\x9a\xdfl\x12\xc5\xdc\x01\xfc@c\xd7?\xcf"\x18s\xce\x84\xb7^[\xe0\xf3\xd5\xc7\xf0j\xc80\xe2\xe3\x13\x8e\x1c)\xf9\xeb\x037\x7f\xbfne\xb44\xf4\xb2i\xb7^z\xe1m\xb2\xac\x04C\xfe\xd8\xd56\x93\xdf\x83A\x0c\x87\xdd\xa5\xeb\xda{\x0b\x9f\x7fw\xc1\x0b\xe0D\xe1\xf7\xd0\xc1#\x9f\xfe\xcfKm\xdbf\xd6\xd5\xc5\xb0;\x88R\xeav\xc7]}\xfd\xb4e\xdf|\xc1\xa7\xb3\x19\x0c8\x15S\x00\x1ah\xec\xfa\xf7\xfb\xfd\x94\xd2\xd6\xe9m\x97|\xbc\xda\xe9ri\x9a\x16\x8b\x02@)\x85\x10x&lt;\t_-\xfb\x9c\xbb},\x8aE\xd5\xd4xO\xd2_oyb\xe8\xa0s\xfd~\xd3\xe3\xdf\xd2i\x88\n\xb8&lt;\xdf\xaf\xff\xea\xe9\x17\xef\xab\xf3V\xf3\x97\x84\xbb\x83\xce\x1ds\x9e\xd7[\xcbXLf\x07QJ\x15E\t\xf8\xfd\x13/\x18~\xac\xec\x08B\xc8\xe5r\x99\xc1\x80\x930\xef\x02\x00\':\x0bRJ/\xbb\xec\xb2\xba\xba:\x1e\x1d\x9d=\xeb\x95\xa4\xa4\x14~\xe8vS\x0f\xf0WC\x08\x91e\xd9\xe1p=\xff\xd2\x93\xdc\xed#I\xb2\xaa\xa9\xbd\xbb\x0fy\xe1\x89\xc5\x83\xfb\x8f\xf6z\xabY\xf3j\x0fi\xf2\x1b@\x083\xc0\xbc\xde\xea\xc1\xfdG\xbf\xf0\xc4\xe2\xde\xdd\x87\xa8\x9a*I\r\xee\xa0\xe7_z\xd2\xe1p\xc9\xb2\x1c\x8b\x9e\x13\x84P$\x12IJJ\x99=\xeb\x15&gt;\xa3\xeb\xea\xea.\xbb\xec2~\xdc\xa6\xb9\xf0\xe5\xc4\x9ei\xfb38\xad\xeb\x7f\xf8Y\xe7x\xebcr\x0bl\x10\xc3n\xb3\xeb\xba~\xd7\xbd\xd7?&gt;\xeb\xef\xfc\xac\x02\xc3\xd0/\x9bv\xeb\x7f\x1e\x9e\x9f\x10\x9f\xec\xf3\xd7a,A`F\xc3L\x00\x04\x10c\xc9\xe7\xafK\x88O\xfe\xcf\xc3\xf3/\x9bv+w\x12\xca\x92\xfc\xf8\xac\xbf\xdfu\xef\xf5\xba\xae\xdbmv~\nql!I\x92\xb7\xbev\xf8Y\xe7\x98\xc1\x80\x9f\xc2t\x015X\xff\x15+V\x9cs\xce9\xdcW8\xf6\x9c\x89s^\xfd\xc8\xe7\x8fI\xd7\xbfa\xe8nW\\\xf9\xf1\xb2ko\xbch\xf7\x9e\x1d\xfc\xac\x0c\xa7\xc3\xfd\xc0]\xcf\x0e\x1dp\xae\xcf_\xc7\x003\xfb:\x98\x9c\ne\x14\x02\xe8v\xc5\x7f\xbf\xf1\xab\xff&lt;sg \xe8\xe3/O\xb7\xae=\xdf|\xe5\xc3\xb4V\xe9&gt;\x7f},\xd6\xc0SJ\xdd\xae\xb8kn\x98\xfe\xf57K\xf8\x04\xff\xe6\x9boF\x8d\x1ae\x06\x03\x80)\x00|3\xe8\xf5z\xfb\xf7\xef_\\\\\x0c\x00H\x88O\xfcr\xd1\xda\xc4\xc4\xe4X\xcc\xfa7\x0c#9\xb9\xd5\xdau\xab\xae\xbb\xe5\xd2\xea\xeaJ\x8bbU\xb5H\x87\xf6]\xffv\xd7s\x99\xed:\xd4\xfb\xea\xccx\xaf\xc9\xcfc\x10#\xce\x1d_r\xf8\xe0\xbf\x9f\xb9\xfd\xe0\xa1=\xfc\x15JJJy\xfd\xc5\xf7\x86\x0c\x1eQUu&lt;\xe6\xf6\xc4\xbc2\xa0\xa6\xa6j\xdc\xe4!\xbc\xe09++k\xd3\xa6M\x1e\x8f\xa7\x99\x1d\xe5\xf4\x1b\x881\x03\xf7\x87C\x08A\x08\xddt\xd3M\x87\x0e\x1d\x92$\x99R\xfa\xe4\xbf_j\x9d\xde\x967\xbfl\xea\xd1\xfd\n\xf8Y.\xc9I)o\xcf{\xe5\xf2\xab\'WWW\xca\xb2\xa2j\x91\xd1#\xa6&gt;\xf5\xcf\x0f\xda\xa4g\xf9L\xebo\xf2\x0b\x90\xb0\xe4\xf3\xd5\xb5I\xcfz\xea\x9f\x1f\x8c\x1e1U\xd5"\xb2\xacTWW^~\xf5\xe4\xb7\xe7\xbd\x92\x9c\x94B\x08\x89\xadU#B(\x1c\x0e\xb5No\xfb\xe4\xbf_\xa2\x94J\x92|\xe8\xd0\xa1\x9bn\xba\t!d:\x82b\xc9\xc6\xfd\xe1\xf0S\x1e?\xfa\xe8\xa3\x8f&gt;\xfaHQ\x14MS\xaf\xbc\xec\xba\xf1c\'\xc7\\1$\x9f\x90\xf1\xf1\x89\xaf\xbe\xf1\xdc}\x0f\xde\x1a\n\x87 \x84\xba\xae]7\xe3o\xf7\xdd1[\x96\xe4P8`\xa6\xf9\x9b\xfcB0\x96B\xe1\x80,\xc9\xf7\xdd1\xfb\xba\x19\x7f\xd3u\rB\x18\n\x87\xee{\xf0\xd6W\xdfx.&gt;&gt;\x11\x9cx\xe5b\x05I\x92\xea\xbc\xb5\xe3\xc7N\xbe\xf2\xb2\xeb4MU\x14\x85\xcfz~x@S\x8f\xae)i\xb9. ^\xf1[]]\xdd\xad[\xb7\x9a\x9a\x1aBH\xe7\xbcnK&gt;^\xad\x1bzl5\xfc\xa1\x94"\x88\x1c\x0e\xe7\xbd\xffw\xf3\xfb\x1f\xcd\x95e\xc50t\xab\xc5v\xd35\xff\x982\xe1\xaa:o5\x84\xc0&lt;\xb3\xd7\xe4\xd7\xc2\x18e\x0c\xc4{\x92&gt;\xfb\xe2\xed\x97\xe7\xfc3\xa2\x86%I\xd6u\xed\x92\xe93\x9e\xfc\xd7K\xc1`\x80\xb2Xj\xb5\xcf\'\xb5,\xc9\x13/\x18\xbew\xdfn\x8cqbb\xe2\xee\xdd\xbb\x93\x92\x92@\xecw\xc1\xfb\xcd\xb4\xd0_\x1b\x9c8\xec\xe5\xb6\xdbn\xab\xac\xacD\x08I\x92\xf4\xaf\x99\xcf\xca\x8aB\x08\x89!\xebO\x08\x91e\xc5\xe5v\xdf}\xff\r\xdc\xfa\xeb\xba\xe6\xb0\xbb\xfe\xf3\xf0\xfc\xc9\xe3g\xd4\xd4\x1e7Ol7\xf9m@\x88\x10B5\xb5\xc7\'\x8f\x9f\xf1\x9f\x87\xe7\xf3\x921YV\xde\xffh\xee\xdd\xf7\xdf\xe0r\xbbeY\x89\xa1\xe53\x84\x90\x10"+\xca\xbff&gt;+I\x12B</t>
        </is>
      </c>
    </row>
    <row r="303">
      <c r="A303" s="1" t="n">
        <v>301</v>
      </c>
      <c r="B303" t="inlineStr">
        <is>
          <t>color_hexagon</t>
        </is>
      </c>
      <c r="C303" t="inlineStr">
        <is>
          <t>What is the missing color of the part denoted with a question mark?</t>
        </is>
      </c>
      <c r="D303" t="inlineStr">
        <is>
          <t>['purple', 'red', 'blue', 'yellow']</t>
        </is>
      </c>
      <c r="E303" t="inlineStr">
        <is>
          <t>purple</t>
        </is>
      </c>
      <c r="F303" t="inlineStr">
        <is>
          <t>There is a hexagon split into six parts with the colors ['blue', 'purple', 'red', 'blue', '?', 'red'] in an anti-clockwise order.</t>
        </is>
      </c>
      <c r="G303" t="inlineStr">
        <is>
          <t>We observe that a blue part is opposite another blue part, and a red part is opposite another red part. Thus, the pattern is that the colors in opposite parts are the same.</t>
        </is>
      </c>
      <c r="H303" t="inlineStr">
        <is>
          <t>Based on the pattern that spatially opposite parts have the same color, the missing color of the part which is opposite a purple part should be purple.</t>
        </is>
      </c>
      <c r="I303" t="inlineStr">
        <is>
          <t>b'\x89PNG\r\n\x1a\n\x00\x00\x00\rIHDR\x00\x00\x02\x00\x00\x00\x02\x00\x08\x02\x00\x00\x00{\x1aC\xad\x00\x00}\x14IDATx\x9c\xed\xddy|T\xd5\xfd?\xfe\xf3&gt;\xe7\xce\x96\xccd&amp;\x01\x02\x11\x84&amp;\x11Y\x0c\x01\x03\x81@\x0c\x8b \x8a\x1bm\x15E\xd0\xa2\x95*\x9fj-\x08\n\x14\xa3\x02*"\x01)\xad\x0b\xbf\xfa\x11Q6E\xfd\x16ZQ\xf1\xa3\xc8.K\xc0\x04,V\x08Q\x04\r\x11\x99L\x96Y\xef9\xe7\xf7\xc7IFDP \xcb,\xf7\xfd|\xf4\xd1\x87]\x1df\xb9\xefs\xcfy\xdf\xf7\x0b\xa4\x94\x04!\x84\x90\xf1\xd0H\xbf\x00\x84\x10B\x91\x81\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i\x91~\x01(\x92\xa4\x94R\xcaH\xbf\n\x141\x00\x00\x00\x91~\x15(b\x00\x7f\xff\x86\xa5\xeb\xba\xa6\xe1\n\xc0\xe8t]g\x8ca\x190&amp;,\x00\x06%\x84\xa0\x94~\xfe\xf9\xe7\x7f\xfc\xe3\x1f)\xa5B\x88H\xbf"\xd4\xa24M\xd3u}\xfc\xf8\xf1c\xc6\x8c\x89\xf4kA\x11\x83\x0b@\xc3Q%\xdf\xe7\xf3\xcd\x9f?\xdf\xe5rm\xd8\xb0!\xd2\xaf\x08EL\xf7\xee\xdd\x8f\x1d;v\xcd5\xd7deeI))\xc5CAc\xc1;\x00\xc3\xe1\x9c3\xc6\x96.]z\xe7\x9dw\x02\x00c,\xfc\x1d\x00\xfc\xfd\x1b\x80\x14\x92\x90\xfaO\x9c1\x16\x0c\x06\xef\xb8\xe3\x8eW_}\x15\xb7\x04\r\x08\x0b\x80\xb1\xa8S_\x8f\xc7\xd3\xbd{\xf7\x13\'N\x08!p\xf3\xc7\xe0\xccf3\xe7|\xc3\x86\r\x05\x05\x05jq\x10\xe9W\x84Z\x0e\x16|c\x11B0\xc6\n\x0b\x0b+**\xd4\xda\x1f\x00\x08\x80\x14\xa2\xfb\xe0\x9b\xb3\x87\x8f\r\xd4US\x8a\x97\x80\xf8$\x057Y\x13\xbf=\xb8w\xcb\xf2\xa7\xa5\x90R\n\n\xa0\xeb\xba\x10b\xe2\xc4\x89\xdb\xb6m3\x99L\xf5_\td\x0cx\x07` B\x08\x00\xf8\xe2\x8b/\xb2\xb2\xb2\x84\x10?\xf4\x80\x02%R\xd8S\xda\x8d\x7fa\xab%\xd1)\xf4\x10\xc1K@&lt;\x92\x82[\xec\xae\x15S\xaf/\xdf\xb3\x01(\x93\x82\x13B\x80\x10\xca\x18\xe7\xfc\x95W^\x197n\x1c\xde\x04\x18\n\x16\x00\x03Q\xbf\xed\xab\xaf\xbez\xfd\xfa\xf5\x9af\xd2\xf5P\xc7\x8b\xba\xd5\xd4\x9dt{\x8eS\xa6\t\xae\xf7\x18v\xdb5\x7fz\xd6W}\x922-\xbcM\x8c\xe2\x83\xe0\xdc\x9a\x94\xfc\xd9\xff\xadz\xf7o\x93\xd4\xd5\xdf\xccX\xbf\xb4\xb4\xcdG\x8f\xaa\xb3\xdf\xd4\xd4\xd4\xcf&gt;\xfb\xcc\xe5r\xe1\xc3\x01\xc6\x81\x87~F\xa1\xae\xfe\xeb\xd7\xaf_\xbf~=cL\x08\x01@o\xbd~\xea\xe0~\xa3\t!DJ\xa0\xf4\xb3\roT\x1e\xdegIL"\x84\x00e\xf8\x8f8\xfa\x07e&amp;\xb3\xee\xf7n_\xfdWB\x08\x03B\x08\xb9\xa2}\xfb\x97\xaf\xb9\xa6\x95\xcd&amp;\xa5d\x94VTT,X\xb0\x00{\x82\r\x05\x0b\x80!\xa8\x8d]]\xd7\x1fx\xe0\x01B\x08\x05*\x04\xcf\xc9\x1av\xc9\xafr\xf2s\x7f\xdb:\xe5b!8\x05*8\xdf\xb0d&amp;\xe0\x19@\xdc\x11\x9c[\x1d\xc9;\xde\xfa{U\xc5\x97\x941!\x84F\xe9\xf4~\xfd:9\x1c\x0f\xe7\xe6J)\xa5\x10\x8c\xd2y\xf3\xe6\x1d&lt;x\x10k\x80q`\x010\x04\xf5\xd8\xd7\xe2\xc5\x8b\xff\xfb\xdf\xffj\x9a\xa6sn\xb3\xdaG\x0c\x1a\xef\xf3\xd7\xda\xac\xf6k\x07\x8f\'\xaaHPv\xa4tK\xd9\x8e\xf7,v\xa7\xda F\xf1@J\xcdls\x7fsx\xef\xba%\x00\x00\x92\x08)\xc7t\xeb\xd6\xbb]\xbb#55\xb7u\xeb\xd6\xa3uk.\x04\xa34\x18\x0c\xce\x981\x03\x00w\x86\x8d\x02\x0b@\xfcSg\xbf\x15\x15\x15\x85\x85\x85\x00@$\x91R\x14\xe4\x8e\xea\xd8\xbe{H\x0f\xf8\xfd\xb5y\x97\xdf\x90\xd9\xa9\x97\x10\x9c\x02\x10\x02\x1f/\x9d\x15\xf2\xd5\x02ex\x0c\x10\x1f\x84\xe0f[\xe2\xe6\xd7\x9e\xf2\xd7VQ\xca\xa4\x14N\x8b\xe5\xe1\xdc\\o($\tI4\x9bg\xe4\xe5IB\xb8\x10\x8c\xb1\xd5\xabW\xabMB\xceq\x05\x10\xff\xb0\x00\xc4?\xf5\x84\xe7\xf4\xe9\xd3\xddn\xb7Z\xfe\xb7J\xbehh\xfe\xedu\xde*J\x99$D\x08&gt;\xf2\xaa?Q\xca\x84\x10\x941\xf77\xe5;\xde\xfa\xbb\xd5\x91,\xf0\x12\x10\xfb\xa4\xe0V\xbb\xabl\xd7\x07\x9foY\x03\x94\x11)\x84\x94\x93z\xf7n\xefp\xf8u\xddDi\x95\xdf?\xb4S\xa7\x11\xe9\xe9\\\x08\n\x00\x00\x0f&lt;\xf0\x80\xae\xebx\x1f`\x04X\x00\xe2\x9c\xda\xfc)..^\xb9r%cLpA\x88\xbc\xfe\xca\tN{+\xceu @\x81\xfa\x03u\x97\xa6\xe7\xf6\xcf\x19)\xa5 \x92\x00\xc0\xdeuK\xdc\xc7\xca4\xb3\x95\xe0% \xe6\x81\xe0\xfa\xf67\x16H!(\x80\x10\xa2G\xeb\xd6\xe3\xb3\xb3=\x81\x00\xa3\x94\x10\x02\x84p)\x1f\xe9\xdf?\xc9l\xe6\x9c3J\xff\xfb\xdf\xff.^\xbc\x18O\x02\x8c\x00\x0b@\x9cS\xc7\xbf\x93\'O\x0e\x04\x02\x94R.xf\xa7^\xfdz]_\xeb\xab\n?\xf0\x05@\xfd\x81\xda\xeb\x86\xdcc\xb3:\xa4\xe4\x942\x7fm\xd5\xe6eO\x9b\x13\x1c\x02O\x02b\x99\xe0\xba\xcd\xd9j\xdf\xff\xad&lt;v`\x17e\x8c\x08.\t\x99\x91\x97g\xd34.\xa5\xea\xf4\xa4\x005\xc1`v\x9b6w\xf5\xe8!\xa4\x04B\x00\xa0\xb0\xb0\xd0\xedvSJ\xf1&amp; \xbea\x01\x88g\xaa\xf5s\xf5\xea\xd5\x1b7n\xd44\x8d\xeb\\c\xa6\x91W\xdd/\x04\'\xe4\x87Fo\x00\xd0\xf5`\xb2\xb3\xdd\x88Aw\xab\xa7\xc3\x80\xd2/\xb6\xfd\xebH\xe9\x16s\x82C\xe220FI\xc94s\xed\xc9\x8a\x1do\xfd\r\x00\xa8$\\\xcak32\x86v\xeaT\x15\x08\xb0S:\xfd5J\xdd~\xff\xff\xf4\xea\xd5))I\xe7\\c\xcc\xedv\xab\x13#\xbc\t\x88oX\x00\xe2\x96Z\xbb\xa9\xbe\x0eB\x08\x10\x10R\\~\xd9\xb0.\x19}\xfd\x81:\n?\xfa\xe8\x812\x9f\xbff`\xbfQmZuT-\xa1\\\x0fmz\xf5I|",v\t\xae[\x1d\xc9\xbb\xff\xf9\xa2\xe7\xf8\x11\xa0LHaf\xec\xe1\xdc\\\xd1\xb0\xf6\x0f\x03B\x82\x9c\xa7%&amp;&gt;\x90\x93#\t\x91\xa7\xf4\x8c\xe1FP|\xc3\x02\x10\xb7\xd4\xd8\x9f\xa2\xa2\xa2\x83\x07\x0f\x9aL&amp;\x9d\xeb\t\xb6\xa4\x1b\x87\xfd\xd1\xef\xaf\x038\xfds\x07\xd5+b\xb2\xfd\xf6\xea?\x93\xfa\x93\x03v\xec\xc0\xce\xcf&gt;z\xc3\x9a\x94"\xb8\x1e\x89?\x01\xbapR\x08s\x82\xa3\xf2\xf0\xbeO\xdf}\x05(\xa5R\n)\xff\x90\x9d\xdd\xabm\xdb\x9a`\x90\xfe\xe4A_\x8d\xd2\xef}\xbe\xb1\xdd\xbb\xf7MK\xd3\x85\xd0(UO\x8d\xe0Qp|\xc3\x02\x10\x9f\xd4\xd9oYY\xd9\xdc\xb9s)\xa5j\xf0\xcf\xa0~\xb7\xa6\xb6\xea\x14\xd2\x03g|\xd0\x9fR\xe6\xf3\xd7dw\x1d|iF\xae\x94\x82\x00\x10\x80\xad+\x9e\xf1\xba+\x99f\xc6\xd3\xe0X#)c\x9b^{*\xe0\xad\xa1\x00\\\xf26\t\t\x13z\xf6\xac\r\x06\xd9Y\x86~KB4J\xa7\xf4\xe9C\x018\xe7\x1ac\xeb\xd7\xaf_\xbdz5\xb6\x84\xc61,\x00\xf1I\x9d\xfd\xce\x9a5\xab\xba\xba\x9a1\xc6\xb9\xde\xa6U\xc7\xe1\x05\xe3\xea|\x9e\x9fy\xd0W\x12"$\xbf\xe9\xeaI\x8c\x99\xa4\x10\x942O\xe5\xd7\xbb\xfe\xf9\xa2\xd5\x91\x8c7\x011Drn\xb1\xbb\xca\x8b?:\xb4\xe3=\xa0\x8cH)%\x99\xda\xb7\xef\xc5II~]?\xdb\x94\x1f\x06P\xe5\xf7\x0fOO\xffM\xe7\xce\\J\xd5\x12:c\xc6\x8c`0\x88\xf7\x01\xf1\n\x0b@\x1cRg\xbf\x9b6mZ\xbe|yx\xf9\xf6\xdb\xab\xffl1\'\x08\xc1\x7ff\xca\x17\x05\x1a\x08x;u\xb8lH\xde\xe8\xfa\x96PJ?}\xf7\x95\xe3e%&amp;\x9b]J\xdc\x0b\x8e\r\xc0X\xc8_\xb7\xe9\xb59\x04\x80\x01\xe1B\xf4MK\xbb\xbd{\xf7\x93&gt;\x9f\xf6\xb3\x99?\x8c\xd2\xba`pF^\x9e\xcbj\rq\xae1v\xf0\xe0\xc1\xa2\xa2"&lt;\t\x88WX\x00\xe2\x13\xe7\xbc\xb0\xb0\x90s\xae~\xba\x97f\xe4fw\x1d\xec\xf3\xd7\xfc\xe2\xac\x7f\x00\xea\x0f\xd4]9`\xac\xc3\xdeJJN\x81\x06\xbc5\xdb\xdfXh\xb2\xda\xb0\x1d(&amp;\x08\xae[\xed\xae\xcf&gt;Z]Y\xbe\x9fR*\x85`\x00S\xfa\xf4\xd1(\xfd\xc55&lt;\x10\xe2\xd3\xf5L\x97\xeb\xee\xac,)%\x91\x92R:\x7f\xfe\xfc\x8a\x8a\n\xec\x08\x8aKX\x00\xe2\x8d\xae\xeb\x8c\xb1\x15+Vl\xda\xb4I\xd34]\xe7\x94\xb2\x9b\xae\x9e$$?\x97{x\x00\x08\xe9\xc1\x14W\xdauC\xeeih\te\xff\xdd\xba\xb6l\xe7\x07V\xbb\x0b\x07\x04E;)5\xb3\xb5\xfa\xbb\xa3[W\xcd\x03\xa0\xaa\xf5s\xe4%\x97\x0cOO\xaf\xf2\xfb\xd99\x0cyf\x94\xba\xfd\xfe\x07z\xf7Nw:\xd5M\xc0\xc9\x93\'\xa7O\x9f\x8e\xcf\x04\xc4%,\x00qEM}\xa8\xae\xae\x9e9s\xa6:\xe9\x95R\xf4\xcf\x19\xd9\xb1}\xf7@\xc0K\x7f\xd2\xfcsF\x8c2\xaf\xaf\xba_\xaf\xeb;\xa4u\x11BP\x00)\xc4\xf67\x16\x08\xaecPL\x94\x13\x82\x9bm\xf6\xddk\x16{\xabNPJ\x85\x14If\xf3\xa4&gt;}|\xa1\xd0O;\x7f\xce\x08\x08\xd1\xa5t\x98\xcd\x93\xfb\xf4!\x84\x08\xce\xd5zb\xcf\x9e=j\x8ax3\xff\tP\x8b\xc2\x02\x10WT\xf3\xcf\xdc\xb9s\xcb\xca\xca\xd4\xee\xbf\xcd\xea\xb8n\xc8=\xc1\xa0\xef\xa7\xad\x9f?\xfb\xff\xc3\xad\xe6\x84\x91\xc3\xee#DJ!(c\xc7\x0e\xec\xda\xf7\xc1r\x9b\x03[B\xa3\x97\x14\xc2l\xb3W\x1c\xdc\xbb\xe7\xdf/\x01\xa5 \x85\x90\xf2\xae\xac\xac^\xa9\xa9\xb5\xe7\\\x00\x08!\x1a@\x95\xdf?\xba[\xb7~ii\xba\x10\x0c \x18\x0cN\x9c8\x91s\x8e7\x01q\x06\x0b@\xfcP\x8d\xff\xf5\xa7v\x8cJ!\xa5\x94\xd7\x0c\xba;\xd9\xd9\xeel\xad\x9fgC)\xab\xf3Ww\xef\x9c\x9f\xddm\xb0\x90\x82\x10\x00\x80-+\xe7U\x7fw\x14\x07\x04E3\xa0l\xc3\x92\x99\\\x0fQ\xa0\\\x88\x8eII\x7f\xbc\xfcr\xb7\xdf\xff\xf3g\xbfg\xc4\x85(\xec\xdf_\xa3T\xe7\\\xd3\xb4\xcd\x9b7\xafX\xb1\x02[B\xe3\x0c\x16\x80\xf8\xa1Vg\xaao\x8fQ\xc6\x85\xe8\x90\xd6ep\xbf[|\xfe\x9a\x0b\xc8xQ\x8f\x86\x8d\x1cv\x9f\xcdj\x97B\x00e\xde\xaa\x13\xbb\xd7,6\xdb\xec8 (\nI\xc1-\x89Ie;\xde;R\xba\x05(%BHB\xa6\xf6\xed\x9b\x9a\x90\x10\xe4?\xd7\xfauFj@\xd0\x15\x1d:\x8c\xe9\xd6MH\tRR\x80\x993gz&lt;\x1el\t\x8d\'X\x00\xe2\x84j\xfd\xdc\xb8qc\xfd\x93;:\'D\x8e\x1cv\x9f\xc9d\xfd\xf9\xd6\xcf\xb3\x01\xa0\xfe`\xdd\xc5i\xdd\nrGI)Tf\xe4\x9e\x7f\xbft\xfcP\t\x0e\x08\x8a&gt;\x12(\x0b\x05|\x1f/\x9dE\x080\x00.E\xbf\xb4\xb4[\xbbv=yA\xcb\x7fB\x08\xa3\xb46\x18|87\xd7i\xb1\xe8\x9c3\xc6\xca\xca\xca\x16.\\H)\xc5\x9b\x80\xb8\x81\x05 \x1e\xa8\xc7\xbe\x02\x81\xc0\xe4\xc9\x93\x01\x80\x02\x15R\xf4\xec6\xa4{\xe7|\xef9\xb4~\x9e\r\xa5\xac\xce\xe7\x19\x9a?\xb6ur{)\x85\x1a\x10\xb4uU\x11P\x8a\x03\x82\xa2\x8a\xe0\xdc\x92\x98\xf4\xe9\xba%\xeeo\xcaU\xe3\xaf\x99\xb1\xc2\xfe\xfd\xb9\x10\x17|j\x0f\x84\xf8u\xfd"\x87\xe3\xc1&gt;}\xd4\x80 \xc6\xd8\xb3\xcf&gt;\xab\x8e\x97\xf048&gt;`\x01\x88\x07\xea\xecw\xd5\xaaU\xc5\xc5\xc5\x8c1\x9ds\xc6L\xd7\r\xb9\xa7\x91\x8fn\x01\x01\x9d\x87\\\x8e\xd4\xab\n\xee\x0c\xb7\x84\x1e\xfc\xe4\xdd/\x8b?\xb2\xd8]\x12\x97\x81QBJ\xcdl\xad9\xf1\xcd\xf6\xd5\x0b\x01\x80\x12"\xa4\xbc!3\xb3\xa0C\x873\x8e\xfd9w\x8c\xd2\xea@\xe0\xae\xac\xac\x0c\x97K\x17\x82Q\xea\xf1xf\xcd\x9a\x85\xcf\x04\xc4\r,\x001O-\xff\xddn\xf7\xb4i\xd3(\xa5*\xf1qH\xde\xe8\x8e\xed\xbb\xfft\xea\xe7\xf9b\x94\xd5z\xdd\x03rFftl\xc8\x8c\x04\xd8\xf4\xda\x1c=\xe0\x03\x86\x99\x91QA\x08nN\xb0o]Y\x14\xa8\xab\xa6\x94r)\\V\xeb\x8c\xbc\xbc\x9a\xb3\x8f\xfd9G*+&amp;\xc1dz|\xc0\x00B\x08\xd7u\x8d\xb1\xe5\xcb\x97o\xde\xbcY\xd34\xdc\x08\x8a\x03X\x00b\x9eZ\xfe\x17\x16\x16VTT\xa8\xfdY\x87=\xe5\xca\x01c\xfd\x813L\xfd\xbc\x00\x92\x10\xc6\xb4k\x07\x8f\x07\xa0\xea\xefUY\xbe\x7f\xef;/[\x12\x9d\x98\x19\x19qj\xea\xe7\x91\xd2\xad\xfb?\\\t\x94\x12)\xa5\x94wgee\xba\\?3\xf6\xe7\xdc1\x80\xea@`DzzA\x87\x0e\\J\x00\xe0\x9cO\x9c81\x10\x08\xe0ip\x1c\xc0\x02\x10\xdb\xd4\x159\x9c\xe1\'\x85\x94D^?dB\x8a+M\xd7\x83\xe7\xd5\xfay6\x14\xa8\xd7W\x9d\xd5\xa5\xa0w\x8f\xe1R\n \x00@\xb7\xaf\xfek\xcd\x89c\xd8\x12\x1a\r(\xd36\xbd\xfa\xa4\xe0\x9c\x02\x15Bd\xb8\\\x0f\xe4\xe4\xb8\xfd\xfeF.\xffO\xc5\xa5\x9c\x99\x9fof\x8cs\xaei\xda\x9e={V\xadZ\x85\x03\x82\xe2\x00\x16\x80\xd8\xa6\xf6\x7fT\x8a7c\x8c\x0b\x9e\xd1\xb1\xd7\x80\xde\xbf\xae\xf3z.\xf8\xec\xf7\xa7\x00h \xe8\x1d9\xec\xbe\x04[\x92\x10\x1c(\r\xd4y\xb6\xae,2Y\x13\xb0%4\x82$\xd7\xad\x0e\xd7g\x1f\xbe~\xec\xc0NJ\x99\x14\\\x12\xf2\xf8\x80\x01v\xb3\x99\xff$\xf5\xe5\x82Q\x80\xda`0\xa7m\xdb?dg\xd7\xb7\x84R:m\xda\xb4\x93\'O\xe2M@\xac\xc3\x02\x10\xc3T\xeb\xe7\xfa\xf5\xeb\xd7\xaf_\xcf\x18\xe3\\P\xa0\xd7\x0e\x1e\xcf\x98&amp;\x9btw\x1e\x00B\xa1@j\xabN\x83\xfa\xdd\xaaf\x84\x01\xa5\xfb?\\y\xfcP\x89\xd9f\xc7\x96\xd0\x08\x91\xc0\xb4\xa0\xb7f\xdb\xeb\x0b\x08!\x14\x88\x90\xb2\xa0C\x87\x11\xe9\xe9\x9e\x1f\'&gt;6\x9ej\t\x9d\xd0\xb3g\x9b\x84\x04u\x1a\\QQ\xb1`\xc1\x02\xbc\t\x88uX\x00b\x95Z\xfb\xab\xd8&amp;B\x08\x05*\x04\xcf\xc9\xba*\xabK\x81\xd7W\xdd\xc8\xb3\xdf\x9f\x02\xca\xea|\x9e\xe1\x05\xe3Z\xa7\\\xac2#\x05\xe7\x1b\x96\xcc\xbc\x80G\xccP\x93\x10\x9c[\x1d\xc9;\xde\xfa{U\xc5\x97\x941!\x84F\xe9\xcc\xfc|\xde\x0cKr\xd5\x12zqR\xd2\xc3\xb9\xb9RJ)\x04\xa3t\xde\xbcy\x07\x0f\x1e\xc4\x1a\x10\xd3\xb0\x00\xc4*qJp\xab\xa6i:\xe76\xab\xfd\x9aAw\x07C\xfe&amp;9\xfb=\x8dz0\xd8jI\xbcv\xf0x\xa2\xca\x0feGJ\xb7\x94\xedx\xcfbw\xe2\x94\xd0\x96&amp;\xa5f\xb6\xb9\xbf9\xbcw\xdd\x12\x00\x00I\x84\x94c\xbau\xeb\x95\x9aZ\xdb\xb8\xd6\xcf\xb3\xd1(\xad\xf2\xfbo\xed\xda\xb5G\xeb\xd6\\\x08F\xa9\x8a\x9b\xc6]\xa0\x98\x86\x05 &amp;\t!\x00\xa0\xa2\xa2\xa2\xb0\xb0\x10\x00T\xebgA\xee\xa8\x8e\xed\xbb\x07\x82\xde&amp;9\xfb\xfd)J\x99\xd7W\x9dw\xf9\r\x99\x9d\x1aZB\t|\xbctV\xc8W\x0b\x14[B[\x94\x10\xdclK\xdc\xfc\xdaS\xfe\xda*J\x99\x94\xc2i\xb1&lt;\x9c\x9b\xeb\r\x85\x9a\xf0\xec\xf74\\\xcaD\xb3yF^\x9e$\x84\x0b\xc1\x18[\xbdzu\xc3\xf6#\xae\x00b\x12\x16\x80\x98\xa4\xc6&gt;O\x9f&gt;\xdd\xedv\xab\xe5\x7f\xab\xe4\x8b\x86\xe6\xdf^\xe7\xadj\xc2\xb3\xdf3\xfc}\xd5\x80\xa0\xab\xfeD)\x13BP\xc6\xdc\xdf\x94\xefx\xeb\xefVG2\xb6\x84\xb6\x18)\xb8\xd5\xee*\xdb\xf5\xc1\xe7[\xd6\x00eD\n!\xe5\xa4\xde\xbd\xdb;\x1cM\xd2\xfay6*3rh\xa7N#\xd2\xd3\xb9\x10*3R5 \xe0}@\x8c\xc2\x02\x10{\xd4\xe6Oqq\xf1\xca\x95+\x19c\x82\x0bB\xe4\xf5WNp\xda[q\xae\x03i\xc6\x91\xfd\x14\xa8?Pwizn\xff\x9c\x91\xf5\x99\x91\x00{\xd7-q\x1f+\xc3\x96\xd0\x16\x04\x82\xeb\xdb\xdfX \x85\xa0\x00B\x88\x1e\xad[\x8f\xcf\xce\xf6\x04\x02\xcd\xb7\xfc\xaf\xff\x1b\x13\xc2\xa5|\xa4\x7f\xff$\xb3\x99s\xceNiA\xc6\x93\x80X\x84\x05 \xf6\xa8\xe3\xdf\xc9\x93\'\x07\x02\x01J)\x17&lt;\xb3S\xaf~\xbd\xae\xaf\xf55\xef\xf2_\x01\xa0\xfe@\xeduC\xee\xb1Y\x1dRrJ\x99\xbf\xb6j\xf3\xb2\xa7\xcd\t\x0el\tm\x01\x82\xeb6g\xab}\xff\xb7\xf2\xd8\x81]\x941"\xb8$dF^\x9eM\xd3\x9a\xb0\xf5\xf3l\xd4\x94\xd0\xec6m\xee\xea\xd1CH\t\x84\x00@aa\xa1\xdb\xed\xc6\xc8\xb0X\x84\x05 \xc6\xa8\xd6\xcf\xd5\xabWo\xdc\xb8Q\xd34\xaes\x8d\x99F^u\xbf\x10\x9c4\xe7\xda?\x0c\x00t=\x98\xecl7b\xd0\xdd\r\x03\x82\xe8\x17\xdb\xfeu\xa4t\x0bN\tmvR2\xcd\\{\xb2b\xc7[\x7f\x03\x00\x95\xf8xmF\xc6\xd0N\x9d\xaa\x9a\xba\xf5\xf3l4J\xdd~\xff\xff\xf4\xea\xd5))I\xe7\\c\xcc\xedv\xab\xb3(\xbc\t\x889X\x00b\x89Za\xa9\xee\x0bB\x08\x10\x10R\\~\xd9\xb0.\x19}\x1b?\xf6\xe7\xdc\x01e&gt;\x7f\xcd\xc0~\xa3\xda\xb4\xea\xa8ZB\xb9\x1e\xda\xf4\xea\x93\x94ix\x14\xdc\xac\x04\xd7\xad\x8e\xe4\xdd\xff|\xd1s\xfc\x08P&amp;\xa403\xf6pn\xaeh\xfe\xb5\x7f\x18\x10\x12\xe4&lt;-1\xf1\x81\x9c\x1c5%4\xdc\x8d\x86\x1bA1\x07\x0b@,Q\x99_EEE\x07\x0f\x1e4\x99L:\xd7\x13lI7\x0e\xfb\xa3\xdf\xdf4c\x7f\xce\x91j\t5\x9bl\xbf\xbd\xfa\xcf\xa4\xfeL\x82\x1d;\xb0\xf3\xb3\x8f\xde\xb0&amp;afdsQc\x7f*\x0f\xef\xfb\xf4\xddW\x80R*\xa5\x90\xf2\x0f\xd9\xd9\xbd\xda\xb6m\xe4\xd4\xcf\xf3\xa5Q\xfa\xbd\xcf7\xb6{\xf7\xbeii\xba\x10\x1a\xa5\xeay\x14&lt;\n\x8e9X\x00b\x86:\xfb-++\x9b;w.\xa5T\x08)\xa5\x1c\xd4\xef\xd6\xd4V\x9d\xce7\xf1\xb1\xf1(e&gt;\x7fMv\xd7\xc1\x97f\xe4J)\x08\x00\x01\xd8\xba\xe2\x19\xaf\xbb\x92if&lt;\rn\x1e\x922\xb6\xe9\xb5\xa7\x02\xde\x1a\n\xc0%o\x93\x900\xa1g\xcf\xdaFO\xfd\xbc\x90\x97B\x88F\xe9\x94&gt;}(\x00\xe7\\cl\xfd\xfa\xf5\xf5aD\xd8\x0f\x16;\xb0\x00\xc4\x0cu\xf6;k\xd6\xac\xea\xeaj\xc6\x18\xe7z\x9bV\x1d\x87\x17\x8c\xab\xf3y"\xf28\xae$DH~\xd3\xd5\x93\x183I!(e\x9e\xca\xafw\xfd\xf3E\xab#\x19o\x02\x9a\x9c\xe4\xdcbw\x95\x17\x7fth\xc7{@\x19\x91RJ2\xb5o\xdf\x8b\x93\x92\x9a\xb5\xf5\xf3lTK\xe8\xf0\xf4\xf4\xdft\xee\xcc\xa5T-\xa1*\x8e\x14\xef\x03b\x08\x16\x80\xd8\xa0\xce~7m\xda\xb4|\xf9\xf2\xf0"\xeb\xb7W\xff\xd9bN\xb8\xb0\xc4\xc7\xc6\xa3@\x03\x01o\xa7\x0e\x97\r\xc9\x1b]\xdf\x12J\xe9\xa7\xef\xber\xbc\xac\xc4d\xb372\x8b\x06\x9d\x06\x18\x0b\xf9\xeb6\xbd6\x87\x000 \\\x88\xbeii\xb7w\xef~\xd2\xe7\xbb\xb0\xc4\xc7\xc6c\x94\xd6\x05\x833\xf2\xf2\\Vk\x88s\x8d\xb1\x83\x07\x0f\x16\x15\x15\xe1I@\x0c\xc1\x02\x1038\xe7\x85\x85\x85\x9cs\xf5\x03\xbb4#7\xbb\xeb`_#\x12\x1f\x1b\x0f\x80\xfa\x03uW\x0e\x18\xeb\xb0\xb7\x92\x92S\xa0\x01o\xcd\xf67\x16\x9a\xac6l\x07jB\x82\xebV\xbb\xeb\xb3\x8fVW\x96\xef\xa7\x94J!\x18\xc0\x94&gt;}4J#\xb8\xd2\x06B|\xba\x9e\xe9r\xdd\x9d\x95\xa5F\x04RJ\xe7\xcf\x9f_QQ\x81\x1dA\xb1\x02\x0b@\x0cP\xa3\x9eW\xacX\xb1i\xd3&amp;M\xd3t\x9dS\xcan\xbaz\x92\x90&lt;\xb2w\xda\x00\x10\xd2\x83)\xae\xb4\xeb\x86\xdc\x13\xce\x8c\xfc\xef\xd6\xb5e;?\xb0\xda]8 \xa8iH\xa9\x99\xad\xd5\xdf\x1d\xdd\xbaj\x1e\x00U\xad\x9f#/\xb9dxzz\x95\xdf\xdf2\xad\x9fg\xc3(u\xfb\xfd\x0f\xf4\xee\x9d\xeet\xaa\x9b\x80\x93\'ON\x9f&gt;\x1d\x9f\t\x88\x15X\x00\xa2\x9d\x9a\xfaP]]=s\xe6Lu\xd2+\xa5\xe8\x9f3\xb2c\xfb\xee\x81\x80\xb7\xc5Z?\xcf\x86Q\xe6\xf5U\xf7\xebu}\x87\xb4.B\x08\n \x85\xd8\xfe\xc6\x02\xc1u\x12\xd1kS\xdc\x10\x82\x9bm\xf6\xddk\x16{\xabNPJ\x85\x14If\xf3\xa4&gt;}|\xa1PKv\xfe\x9c\x11\x10\xa2K\xe90\x9b\'\xf7\xe9C\x08\x11\x9c\xab\x95\xca\x9e={08&gt;&amp;`\x01\x88v\xaa\xf9g\xee\xdc\xb9eeej\xf7\xdffu\\7\xe4\x9e`\xd0\xd7\x92\xad\x9f?C\x08n5\'\x8c\x1cv\x1f!R\nA\x19;v`\xd7\xbe\x0f\x96\xdb\x1c\xd8\x12\xdaXR\x08\xb3\xcd^qp\xef\x9e\x7f\xbf\x04\x94\x82\x14B\xca\xbb\xb2\xb2z\xa5\xa6\xd6FA\x01 \x84h\x00U~\xff\xe8n\xdd\xfa\xa5\xa5\xe9B0\x80`08q\xe2D\xce9\xde\x04D\xbf\xa8\xb8\x82\xa0\xb3Q\x8d\xff\xf5gk\x8cJ!\xa5\x94\xd7\x0c\xba;\xd9\xd9\xae\xe5[?\xcf\x86RV\xe7\xaf\xee\xde9?\xbb\xdb`!\x05!\x00\x00[V\xce\xab\xfe\xee(\x0e\x08j&lt;\xa0l\xc3\x92\x99\\\x0fQ\xa0\\\x88\x8eII\x7f\xbc\xfcr\xb7\xdf\x1f\xa9\xb3\xdf3\xe2B\x14\xf6\xef\xafQ\xaas\xaei\xda\xe6\xcd\x9bW\xacX\x81-\xa1\xd1/\x8a\xbeC\xe8\xa7\xd4\x1aJu\xd71\xca\xb8\x10\x1d\xd2\xba\x0c\xeew\x8b\xcf_\x13UI,\xea\xd1\xb0\x91\xc3\xee\xb3Y\xedR\x08\xa0\xcc[ub\xf7\x9a\xc5f\x9b\x1d\x07\x04]0)\xb8%1\xa9l\xc7{GJ\xb7\x00\xa5D\x08I\xc8\xd4\xbe}S\x13\x12\x82&lt;2\xad_g\xa4\x06\x04]\xd1\xa1\xc3\x98n\xdd\xea3#\x01f\xce\x9c\xe9\xf1x\xb0%4\xcaa\x01\x88^\xaa\xf5s\xe3\xc6\x8d\xf5\xcf\xd7\xe8\x9c\x109r\xd8}&amp;\x935R\xad\x9fg\x03@\xfd\xc1\xba\x8b\xd3\xba\x15\xe4\x8e\x92R\xa8\xcc\xc8=\xff~\xe9\xf8\xa1\x12\x1c\x10t\xa1$P\x16\n\xf8&gt;^:\x8b\x10`\x00\\\x8a~ii\xb7v\xedz2\xca\x96\xff\xa4!3\xf2\xe1\xdc\\\xa7\xc5\xa2s\xce\x18+++[\xb8p!\xa5\x14o\x02\xa2Yt}\x8dP\x98z\xec+\x10\x08L\x9e&lt;\x19\x00(P!E\xcfnC\xbaw\xce\xf7F\xb4\xf5\xf3l(eu&gt;\xcf\xd0\xfc\xb1\xad\x93\xdbK)\xd4\x80\xa0\xad\xab\x8a\x80R\x1c\x10t\x01\x04\xe7\x96\xc4\xa4O\xd7-q\x7fS\xae\x1a\x7f\xcd\x8c\x15\xf6\xef\xcf\x85\x88\xaa\xda\xaf\xa8\xcc\xc8\x8b\x1c\x8e\x07\xfb\xf4Q\x03\x82\x18c\xcf&gt;\xfb\xac:\xb8\xc2\xd3\xe0\xa8\x85\x05 J\xa9\xb3\xdfU\xabV\x15\x17\x173\xc6t\xce\x193]7\xe4\x9e\xa8}\xc0\n\x08\xe8&lt;\xe4r\xa4^Upg\xb8%\xf4\xe0\'\xef~Y\xfc\x91\xc5\xee\x92\xb8\x0c&lt;/Rjfk\xcd\x89o\xb6\xaf^\x08\x00\x94\x10!\xe5\r\x99\x99\x05\x1d:\xb4\xf0\xd8\x9fs\xc7(\xad\x0e\x04\xee\xca\xca\xcap\xb9Tp\xbc\xc7\xe3\x995k\x16&gt;\x13\x10\xcd\xb0\x00D#\xb5\xfcw\xbb\xdd\xd3\xa6M\xa3\x94\xaa\xc4\xc7!y\xa3;\xb6\xef\xde\x92S?\xcf\x17\xa3\xac\xd6\xeb\x1e\x9032\xa3cCf$\xc0\xa6\xd7\xe6\xe8\x01\x1f0\xcc\x8c&lt;\x0fBps\x82}\xeb\xca\xa2@]5\xa5\x94K\xe1\xb2Zg\xe4\xe5\xd5Db\xec\xcf9RY1\t&amp;\xd3\xe3\x03\x06\x10B\xb8\xaek\x8c-_\xbe|\xf3\xe6\xcd\x9a\xa6\xe1FPt\x8a\xd2/\x93\xc1\xa9\xe5\x7faaaEE\x85\xdaEu\xd8S\xae\x1c0\xd6\x1fh\xd1\xa9\x9f\x17@\x12\xc2\x98v\xed\xe0\xf1\x00T\xfd)*\xcb\xf7\xef}\xe7eK\xa2\x133#\xcf\x91\x9a\xfay\xa4t\xeb\xfe\x0fW\x02\xa5DJ)\xe5\xddYY\x99.WD\xc6\xfe\x9c;\x06P\x1d\x08\x8cHO/\xe8\xd0\x81K\t\x00\x9c\xf3\x89\x13\'\x06\x02\x01&lt;\r\x8eNQ}51&amp;u\xdd\x0c\'\xedI!%\x91\xd7\x0f\x99\x90\xe2J\xd3\xf5`\x94\xb4~\x9e\r\x05\xea\xf5Ugu)\xe8\xddc\xb8\x94\x02\x08\x00\xd0\xed\xab\xffZs\xe2\x18\xb6\x84\x9e;\xca\xb4M\xaf&gt;)8\xa7@\x85\x10\x19.\xd7\x0399n\xbf?j\x97\xff\xa7\xe2R\xce\xcc\xcf73\xc69\xd74m\xcf\x9e=\xabV\xad\xc2\x01A\xd1)\x06\xbeOF\xa3\xf6\x7fT\xd66c\x8c\x0b\x9e\xd1\xb1\xd7\x80\xde\xbf\xae\xf3z\xa2\xf0\xec\xf7\xa7\x00h \xe8\x1d9\xec\xbe\x04[\x92\x10\x1c(\r\xd4y\xb6\xae,2Y\x13\xb0%\xf4\x17I\xae[\x1d\xae\xcf&gt;|\xfd\xd8\x81\x9d\x942)\xb8$\xe4\xf1\x01\x03\xecfs\x0b$&gt;6\x1e\x05\xa8\r\x06s\xda\xb6\xfdCvv}K(\xa5\xd3\xa6M;y\xf2$\xde\x04D!,\x00\xd1E\xb5~\xae_\xbf~\xfd\xfa\xf5\x8c1\xce\x05\x05z\xed\xe0\xf1\x8ci2F\xf6\xd0\x01 \x14\n\xa4\xb6\xea4\xa8\xdf\xadjF\x18P\xba\xff\xc3\x95\xc7\x0f\x95\x98mvl\t\xfdY\x12\x98\x16\xf4\xd6l{}\x01!\x84\x02\x11R\x16t\xe80"=\xdd\xd3R\x89\x8f\x8d\xa7ZB\'\xf4\xec\xd9&amp;!A\x9d\x06WTT,X\xb0\x00o\x02\xa2\x10\x16\x80(\xa2\xd6\xfe*\\\x89\x10B\x81\n\xc1s\xb2\xae\xca\xeaR\xe0\xf5UG\xed\xd9\xefO\x01eu&gt;\xcf\xf0\x82q\xadS.V\x99\x91\x82\xf3\rKfF\xd5\xc3kQHpnu$\xefx\xeb\xefU\x15_R\xc6\x84\x10\x1a\xa53\xf3\xf3yL-\x9cUK\xe8\xc5II\x0f\xe7\xe6J)\xa5\x10\x8c\xd2y\xf3\xe6\x1d&lt;x\x10k@\xb4\x89\x99k\x8a\x11\x88S\xe2U5M\xd39\xb7Y\xed\xd7\x0c\xba;\x18\xf2G\xf9\xd9\xefi\xd4\x83\xc1VK\xe2\xb5\x83\xc7\x13U\xd8(;R\xba\xa5l\xc7{\x16\xbb\x13\xa7\x84\x9e\x99\x94\x9a\xd9\xe6\xfe\xe6\xf0\xdeuK\x00\x00$\x11R\x8e\xe9\xd6\xadWjjm\xb4\xb6~\x9e\x8dFi\x95\xdf\x7fk\xd7\xae=Z\xb7\xe6B0JU\x905\xee\x02E\x9bX\xba\xac\xc47!\x04\x00TTT\x14\x16\x16\x02\x80j\xfd,\xc8\x1d\xd5\xb1}\xf7@\xd0\x1b\xe5g\xbf?E)\xf3\xfa\xaa\xf3.\xbf!\xb3SCK(\x81\x8f\x97\xce\n\xf9j\x81bK\xe8\x19\x08\xc1\xcd\xb6\xc4\xcd\xaf=\xe5\xaf\xad\xa2\x94I)\x9c\x16\xcb\xc3\xb9\xb9\xdeP(&amp;\xce~O\xc3\xa5L4\x9bg\xe4\xe5IB\xb8\x10\x8c\xb1\xd5\xabW7ll\xe2\n Z\xc4\xde\x17+^\xa9\xb1\xcf\xd3\xa7Ow\xbb\xddj\xf9\xdf*\xf9\xa2\xa1\xf9\xb7\xd7y\xabb\xe2\xec\xf7\xa7\xa4\x1a\x10t\xd5\x9f(eB\x08\xca\x98\xfb\x9b\xf2\x1do\xfd\xdd\xeaH\xc6\x96\xd0\xd3H\xc1\xadvW\xd9\xae\x0f&gt;\xdf\xb2\x06(#R\x08)\'\xf5\xee\xdd\xde\xe1\x88\xf2\xd6\xcf\xb3Q\x99\x91C;u\x1a\x91\x9e\xce\x85P\x99\x91\xaa\xb5\x01\xef\x03\xa2\x07\x16\x80\xa8\xa06\x7f\x8a\x8b\x8bW\xae\\\xc9\x18\x13\\\x10"\xaf\xbfr\x82\xd3\xde\x8as\x1dH,^\x01\x08\x05\xea\x0f\xd4]\x9a\x9e\xdb?gd}f$\xc0\xdeuK\xdc\xc7\xca\xb0%\xf4\'@p}\xfb\x1b\x0b\xa4\x10\x14@\x08\xd1\xa3u\xeb\xf1\xd9\xd9\x9e@ \x16\x97\xff\x8az4\xec\x91\xfe\xfd\x93\xccf\xce9;\xa5\xb9\x19O\x02\xa2D\xac~\xb7\xe2\x8c:\xfe\x9d&lt;yr \x10\xa0\x94r\xc13;\xf5\xea\xd7\xeb\xfaZ_\xac.\xff\x15\x00\xea\x0f\xd4^7\xe4\x1e\x9b\xd5!%\xa7\x94\xf9k\xab6/{\xda\x9c\xe0\xc0\x96\xd00\xc1u\x9b\xb3\xd5\xbe\xff[y\xec\xc0.\xca\x18\x11\\\x122#/\xcf\xa6i1\xd1\xfay6jJhv\x9b6w\xf5\xe8!\xa4\x04B\x00\xa0\xb0\xb0\xd0\xedvcdX\x94\xc0\x02\x10y\xaa\xf5s\xf5\xea\xd5\x1b7n\xd44\x8d\xeb\\c\xa6\x91W\xdd/\x04\'\xb1\xb9\xf6\x0f\x03\x00]\x0f&amp;;\xdb\x8d\x18tw\xc3\x80 \xfa\xc5\xb6\x7f\x1d)\xdd\x82SB\xebI\xc94s\xed\xc9\x8a\x1do\xfd\r\x00T\xe2\xe3\xb5\x19\x19C;u\xaa\x8a\x9d\xd6\xcf\xb3\xd1(u\xfb\xfd\xff\xd3\xabW\xa7\xa4$\x9ds\x8d1\xb7\xdb\xadN\xb9\xf0&amp; \x1a`\x01\x880\xb5\x0eR=\x12\x84\x10  \xa4\xb8\xfc\xb2a]2\xfaF\xf3\xd8\x9fs\x07\x94\xf9\xfc5\x03\xfb\x8dj\xd3\xaa\xa3j\t\xe5zh\xd3\xabOR\xa6\xe1Q0Q\x81\xef\x8e\xe4\xdd\xff|\xd1s\xfc\x08P&amp;\xa403\xf6pn\xae\x88\xe5\xb5\x7f\x18\x10\x12\xe4&lt;-1\xf1\x81\x9c\x1c5%4\xdc\xe7\x86\x1bA\xd1 \xe6\xaf/\xb1Ne~\x15\x15\x15\x1d&lt;x\xd0d2\xe9\\O\xb0%\xdd8\xec\x8f~\x7f\xb4\x8f\xfd9G\xaa%\xd4l\xb2\xfd\xf6\xea?\x93\xfa\xd3\x0ev\xec\xc0\xce\xcf&gt;z\xc3\x9ad\xf4\xccH5\xf6\xa7\xf2\xf0\xbeO\xdf}\x05(\xa5R\n)\xff\x90\x9d\xdd\xabm\xdb\xa8\x9d\xfay\xbe4J\xbf\xf7\xf9\xc6v\xef\xde7-M\x17B\xa3T=\xe9\x82G\xc1\xd1 \x1e.1\xb1K\x9d\xfd\x96\x95\x95\xcd\x9d;\x97R*\x84\x94R\x0e\xeawkj\xabN\xd1\x93\xf8\xd8x\x942\x9f\xbf&amp;\xbb\xeb\xe0K3r\xa5\x14\x04\x80\x00l]\xf1\x8c\xd7]\xc94\xb3\xb1O\x83%el\xd3kO\x05\xbc5\x14\x80K\xde&amp;!aB\xcf\x9e\xb5Q&lt;\xf5\xf3\x02HB4J\xa7\xf4\xe9C\x018\xe7\x1ac\xeb\xd7\xaf\xaf\x8f9\xc2~\xb0\x88\x8a\x9f/Y,Rg\xbf\xb3f\xcd\xaa\xae\xaef\x8cq\xae\xb7i\xd5qx\xc1\xb8:\x9f\'\xce\x1e\x9a\x95\x84\x08\xc9o\xbaz\x12c&amp;)\x04\xa5\xccS\xf9\xf5\xae\x7f\xbehu$\x1b\xf6&amp;@rn\xb1\xbb\xca\x8b?:\xb4\xe3=\xa0\x8cH)%\x99\xda\xb7\xef\xc5II1\xda\xfay6\xaa%txz\xfao:w\xe6R\xaa\x96P\x15t\x8a\xf7\x01\x91\x85\x05 b\xd4\xd9\xef\xa6M\x9b\x96/_\x1e^\n\xfd\xf6\xea?[\xcc\t\xd1\x96\xf8\xd8x\x14h \xe0\xed\xd4\xe1\xb2!y\xa3\xeb[B)\xfd\xf4\xddW\x8e\x97\x95\x98l\xf6\xa8M\xb9iV\xc0X\xc8_\xb7\xe9\xb59\x04\x80\x01\xe1B\xf4MK\xbb\xbd{\xf7\x93&gt;_\xb4%&gt;6\x1e\xa3\xb4.\x18\x9c\x91\x97\xe7\xb2ZC\x9ck\x8c\x1d&lt;x\xb0\xa8\xa8\x08O\x02"+\xde\xbeg\xb1\x85s^XX\xc89W?\x83K3r\xb3\xbb\x0e\xf6Ee\xe2c\xe3\x01P\x7f\xa0\xee\xca\x01c\x1d\xf6VRr\n4\xe0\xad\xd9\xfe\xc6B\x93\xd5f\xc0v \xc1u\xab\xdd\xf5\xd9G\xab+\xcb\xf7SJ\xa5\x10\x0c`J\x9f&gt;\x1a\xa5q\xb9\x1e\x06B|\xba\x9e\xe9r\xdd\x9d\x95\xa5F\x04RJ\xe7\xcf\x9f_QQ\x81\x1dA\x11\x84\x05 2\xd4\xa8\xe7\x15+Vl\xda\xb4I\xd34]\xe7\x94\xb2\x9b\xae\x9e$$\x8f\xcb\xdf?QSB\xf5`\x8a+\xed\xba!\xf7\x843#\xff\xbbum\xd9\xce\x0f\xacv\x97\xb1\x06\x04I\xa9\x99\xad\xd5\xdf\x1d\xdd\xbaj\x1e\x00U\xad\x9f#/\xb9dxzz\x95\xdf\x1f\xeb\xad\x9fg\xc3(u\xfb\xfd\x0f\xf4\xee\x9d\xeet\xaa\x9b\x80\x93\'ON\x9f&gt;\x1d\x9f\t\x88 ,\x00\x11\xa0\xa6&gt;TWW\xcf\x9c9S\x9d\xf4J)\xfa\xe7\x8c\xec\xd8\xbe{ \xe0\x8d\x83\xd6\xcf\xb3a\x94y}\xd5\xfdz]\xdf!\xad\x8b\x10\x82\x02H!\xb6\xbf\xb1@p\x9d\xc4\xe9U\xef\x8c\x84\xe0f\x9b}\xf7\x9a\xc5\xde\xaa\x13\x94R!E\x92\xd9&lt;\xa9O\x1f_(\x14\x1f\x9d?g\x04\x84\xe8R:\xcc\xe6\xc9}\xfa\x10B\x04\xe7j\r\xb4g\xcf\x1e\x0c\x8e\x8f\x94\xb8\xbd\xd6D3\xd5\xfc3w\xee\xdc\xb2\xb22\xb5\xfbo\xb3:\xae\x1brO0\xe8\x8b\x8f\xd6\xcf\x9f!\x04\xb7\x9a\x13F\x0e\xbb\x8f\x10)\x85\xa0\x8c\x1d;\xb0k\xdf\x07\xcbm\x0e\xa3\xb4\x84J!\xcc6{\xc5\xc1\xbd{\xfe\xfd\x12P\nR\x08)\xef\xca\xca\xea\x95\x9aZ\x1b\xd7\x05\x80\x10\xa2\x01T\xf9\xfd\xa3\xbbu\xeb\x97\x96\xa6\x0b\xc1\x00\x82\xc1\xe0\xc4\x89\x139\xe7x\x13\x10\x11q~\xb9\x89B\xaa\xf1\xbf\xfe\x04\x8cQ)\xa4\x94\xf2\x9aAw\';\xdb\xc5S\xeb\xe7\xd9P\xca\xea\xfc\xd5\xdd;\xe7gw\x1b,\xa4 \x04\x00`\xcb\xcay\xd5\xdf\x1d5\xce\x80 \xa0l\xc3\x92\x99\\\x0fQ\xa0\\\x88\x8eII\x7f\xbc\xfcr\xb7\xdf\x1f\x7fg\xbfg\xc4\x85(\xec\xdf_\xa3T\xe7\\\xd3\xb4\xcd\x9b7\xafX\xb1\x02[B#\xc2\x10_\xb8\xa8\xa2V:\xaa\x07\x8eQ\xc6\x85\xe8\x90\xd6ep\xbf[|\xfe\x9a8k\xfd&lt;\x1b\xf5h\xd8\xc8a\xf7\xd9\xacv)\x04P\xe6\xad:\xb1{\xcdb\xb3\xcd\x1e\xf7\x03\x82\xa4\xe0\x96\xc4\xa4\xb2\x1d\xef\x1d)\xdd\x02\x94\x12!$!S\xfb\xf6MMH\x08\xf2xk\xfd:#5 \xe8\x8a\x0e\x1d\xc6t\xebV\x9f\x19\t0s\xe6L\x8f\xc7\x83-\xa1-\x0f\x0b@\x8bR\xad\x9f\x1b7n\xac\x7f\nF\xe7\x84\xc8\x91\xc3\xee3\x99\xac\xf1\xd7\xfay6\x00\xd4\x1f\xac\xbb8\xad[A\xee()\x85\xca\x8c\xdc\xf3\xef\x97\x8e\x1f*\x89\xf7\x01A\x12(\x0b\x05|\x1f/\x9dE\x080\x00.E\xbf\xb4\xb4[\xbbv=i\x98\xe5?i\xc8\x8c|87\xd7i\xb1\xe8\x9c3\xc6\xca\xca\xca\x16.\\H)\xc5\x9b\x80\x16f\x94\xef\\4P\x8f}\x05\x02\x81\xc9\x93\'\x03\x00\x05*\xa4\xe8\xd9mH\xf7\xce\xf9\xde8m\xfd&lt;\x1bJY\x9d\xcf34\x7fl\xeb\xe4\xf6R\n5 h\xeb\xaa"\xa04\x8e\x07\x04\t\xce-\x89I\x9f\xae[\xe2\xfe\xa6\\5\xfe\x9a\x19+\xec\xdf\x9f\x0ba\x90\xda\xaf\xa8\xcc\xc8\x8b\x1c\x8e\x07\xfb\xf4Q\x03\x82\x18c\xcf&gt;\xfb\xac:\x12\xc3\xd3\xe0\x96\x84\x05\xa0\xe5\xa8\xb3\xdfU\xabV\x15\x17\x173\xc6t\xce\x193]7\xe4\x1e\x03&gt;\x06\x05\x04t\x1er9R\xaf*\xb83\xdc\x12z\xf0\x93w\xbf,\xfe\xc8bw\xc9\xb8\\\x06J\xa9\x99\xad5\'\xbe\xd9\xbez!\x00PB\x84\x947df\x16t\xe8\x107c\x7f\xce\x1d\xa3\xb4:\x10\xb8+++\xc3\xe5R\xc1\xf1\x1e\x8fg\xd6\xacY\xf8L@\x0b\xc3\x02\xd0B\xd4\xf2\xdf\xedvO\x9b6\x8dR\xaa\x12\x1f\x87\xe4\x8d\xee\xd8\xbe{|L\xfd&lt;_\x8c\xb2Z\xaf{@\xce\xc8\x8c\x8e\r\x99\x91\x00\x9b^\x9b\xa3\x07|\xc0\xe203R\x08nN\xb0o]Y\x14\xa8\xab\xa6\x94r)\\V\xeb\x8c\xbc\xbc\x9a\xf8\x1a\xfbs\x8eTVL\x82\xc9\xf4\xf8\x80\x01\x84\x10\xae\xeb\x1ac\xcb\x97/\xdf\xbcy\xb3\xa6i\xb8\x11\xd4b\x0c\xf7\xcd\x8b\x14\xb5\xfc/,,\xac\xa8\xa8P{\x9d\x0e{\xca\x95\x03\xc6\xfa\x03q2\xf5\xf3\x02HB\x18\xd3\xae\x1d&lt;\x1e\x80\xaa\xf7\xa7\xb2|\xff\xdew^\xb6$:\xe3,3RM\xfd&lt;R\xbau\xff\x87+\x81R"\xa5\x94\xf2\xee\xac\xacL\x97+\xce\xc6\xfe\x9c;\x06P\x1d\x08\x8cHO/\xe8\xd0\x81K\t\x00\x9c\xf3\x89\x13\'\x06\x02\x01&lt;\rn1\x06\xbd\xf4\xb40uu\x0b\xe7\xe1I!%\x91\xd7\x0f\x99\x90\xe2J\xd3\xf5`\xdc\xb7~\x9e\r\x05\xea\xf5Ugu)\xe8\xddc\xb8\x94\x02\x08\x00\xd0\xed\xab\xffZs\xe2X\xfc\xb5\x84R\xa6mz\xf5I\xc19\x05*\x84\xc8p\xb9\x1e\xc8\xc9q\xfb\xfd\x06\\\xfe\x9f\x8aK93?\xdf\xcc\x18\xe7\\\xd3\xb4={\xf6\xacZ\xb5\n\x07\x04\xb5\x18C\x7f\xf9Z\x8c\xda\xffQ\x89\xd8\x8c1.xF\xc7^\x03z\xff\xba\xce\xeb1\xd4\xd9\xefO\x01\xd0@\xd0;r\xd8}\t\xb6$!8P\x1a\xa8\xf3l]Yd\xb2&amp;\xc4MK\xa8\xe4\xba\xd5\xe1\xfa\xec\xc3\xd7\x8f\x1d\xd8I)\x93\x82KB\x1e\x1f0\xc0n6\xc7t\xe2c\xe3Q\x80\xda`0\xa7m\xdb?dg\xd7\xb7\x84R:m\xda\xb4\x93\'O\xe2M@\xcb\xc0\x02\xd0\xecT\xeb\xe7\xfa\xf5\xeb\xd7\xaf_\xcf\x18\xe3\\P\xa0\xd7\x0e\x1e\xcf\x98&amp;\xe3n\xa7\xfb|\x01@(\x14Hm\xd5iP\xbf[\xd5\x8c0\xa0t\xff\x87+\x8f\x1f*1\xdb\xecq\xd1\x12*\x81iAo\xcd\xb6\xd7\x17\x10B(\x10!eA\x87\x0e#\xd2\xd3=\xb1\x9f\xf8\xd8x\xaa%tB\xcf\x9em\x12\x12\xd4ipEE\xc5\x82\x05\x0b\xf0&amp;\xa0e`\x01h^j\xed\xaf"\x90\x08!\x14\xa8\x10&lt;\'\xeb\xaa\xac.\x05^_\xb5\x01\xcf~\x7f\n(\xab\xf3y\x86\x17\x8ck\x9dr\xb1\xca\x8c\x14\x9coX23&gt;\x1e\x8b\x13\x9c[\x1d\xc9;\xde\xfa{U\xc5\x97\x941!\x84F\xe9\xcc\xfc|\x8e\xcb[BHCK\xe8\xc5II\x0f\xe7\xe6J)\xa5\x10\x8c\xd2y\xf3\xe6\x1d&lt;x\x10k@\x0b\xc0\x0bP\xf3\x12\xa7\x84\xa0j\x9a\xa6sn\xb3\xda\xaf\x19tw0\xe47\xec\xd9\xefi\xd4\x83\xc1VK\xe2\xb5\x83\xc7\x13U2);R\xba\xa5l\xc7{\x16\xbb3\xb6\xa7\x84J\xa9\x99m\xeeo\x0e\xef]\xb7\x04\x00@\x12!\xe5\x98n\xddz\xa5\xa6\xd6\x1a\xaf\xf5\xf3l4J\xab\xfc\xfe[\xbbv\xed\xd1\xba5\x17\x82Q\xaa"\xb2q\x17\xa8\x05\xe05\xa8\x19\t!\x00\xa0\xa2\xa2\xa2\xb0\xb0\x10\x00T\xebgA\xee\xa8\x8e\xed\xbb\x07\x82^\xc3\x9e\xfd\xfe\x14\xa5\xcc\xeb\xab\xce\xbb\xfc\x86\xccN\r-\xa1\x04&gt;^:+\xe4\xab\x05\x1a\xc3-\xa1Bp\xb3-q\xf3kO\xf9k\xab(eR\n\xa7\xc5\xf2pn\xae7\x142\xf8\xd9\xefi\xb8\x94\x89f\xf3\x8c\xbc&lt;I\x08\x17\x821\xb6z\xf5\xea\x86-\xd3X^\x01D=\xfc\x166#5\xf6y\xfa\xf4\xe9n\xb7[-\xff[%_44\xff\xf6:o\x95\xc1\xcf~\x7fJ\xaa\x01AW\xfd\x89R&amp;\x84\xa0\x8c\xb9\xbf)\xdf\xf1\xd6\xdf\xad\x8e\xe4\x18m\t\x95\x82[\xed\xae\xb2]\x1f|\xbee\rPF\xa4\x10RN\xea\xdd\xbb\xbd\xc3a\xd8\xd6\xcf\xb3Q\x99\x91C;u\x1a\x91\x9e\xce\x85P\x99\x91\xaai\x02\xef\x03\x9a\x15\x16\x80\xe6\xa26\x7f\x8a\x8b\x8bW\xae\\\xc9\x18\x13\\\x10"\xaf\xbfr\x82\xd3\xde\x8as\x1d\x08^\x01~\x84\x02\xf5\x07\xea.M\xcf\xed\x9f3\xb2&gt;3\x12`\xef\xba%\xeece1\xdb\x12\n\x82\xeb\xdb\xdfX \x85\xa0\x00B\x88\x1e\xad[\x8f\xcf\xce\xf6\x04\x02\xb8\xfc\xff)\xf5h\xd8#\xfd\xfb\'\x99\xcd\x9csvJ\xdb4\x9e\x044\x1f\xfc"6\x17u\xfc;y\xf2\xe4@ @)\xe5\x82gv\xea\xd5\xaf\xd7\xf5\xb5&gt;\\\xfe\x9f\x19\x00\xf5\x07j\xaf\x1br\x8f\xcd\xea\x90\x92S\xca\xfc\xb5U\x9b\x97=mNp\xc4\\K\xa8\xe0\xba\xcd\xd9j\xdf\xff\xad&lt;v`\x17e\x8c\x08.\t\x99\x91\x97g\xd34\x83\xb7~\x9e\x8d\x9a\x12\x9a\xdd\xa6\xcd]=z\x08)\x81\x10\x00(,,t\xbb\xdd\x18\x19\xd6|\xb0\x004\x0b\xd5\xfa\xb9z\xf5\xea\x8d\x1b7j\x9a\xc6u\xae1\xd3\xc8\xab\xee\x17\x82\x13\\\xfb\x9f\x05\x00\xe8z0\xd9\xd9n\xc4\xa0\xbb\x1b\x06\x04\xd1/\xb6\xfd\xebH\xe9\x96\x18\x9b\x12*%\xd3\xcc\xb5\'+v\xbc\xf57\x00P\x89\x8f\xd7fd\x0c\xed\xd4\xa9\n[?\xcfN\xa3\xd4\xed\xf7\xffO\xaf^\x9d\x92\x92t\xce5\xc6\xdcn\xb7:?\xc3\x9b\x80f\x82\x05\xa0\xe9\xa9\xd5\x8a\xead \x84\x00\x01!\xc5\xe5\x97\r\xeb\x92\xd1\xd7\x98c\x7f\xce\x1dP\xe6\xf3\xd7\x0c\xec7\xaaM\xab\x8e\xaa%\x94\xeb\xa1M\xaf&gt;I\x99\x16CG\xc1\x82\xebVG\xf2\xee\x7f\xbe\xe89~\x04(\x13R\x98\x19{87W\xe0\xda\xffg\x01!A\xce\xd3\x12\x13\x1f\xc8\xc9QSB\xc3\x1dt\xb8\x11\xd4L\xf0b\xd4\xf4T\xe6WQQ\xd1\xc1\x83\x07M&amp;\x93\xce\xf5\x04[\xd2\x8d\xc3\xfe\xe8\xf7\x1bw\xec\xcf9R-\xa1f\x93\xed\xb7W\xff\x99\xd4\x9f\xa3\xb0c\x07v~\xf6\xd1\x1b\xd6\xa4\xd8\xc8\x8cTc\x7f*\x0f\xef\xfb\xf4\xddW\x80R*\xa5\x90\xf2\x0f\xd9\xd9\xbd\xda\xb65\xe0\xd4\xcf\xf3\xa5Q\xfa\xbd\xcf7\xb6{\xf7\xbeii\xba\x10\x1a\xa5\xea\x19\x1a&lt;\nn&amp;x=jb\xea\xec\xb7\xac\xacl\xee\xdc\xb9\x94R!\xa4\x94rP\xbf[S[u2B\xe2c\xe3Q\xca|\xfe\x9a\xec\xae\x83/\xcd\xc8\x95R\x10\x00\x02\xb0u\xc53^w%\xd3\xcc\xb1p\x1a,)c\x9b^{*\xe0\xad\xa1\x00\\\xf26\t\t\x13z\xf6\xac5\xe4\xd4\xcf\x0b \t\xd1(\x9d\xd2\xa7\x0f\x05\xe0\x9ck\x8c\xad_\xbf\xbe&gt;@)6\xfb\xc1\xa2\x19~#\x9b\x98:\xfb\x9d5kVuu5c\x8cs\xbdM\xab\x8e\xc3\x0b\xc6\xd5\xf9&lt;\xf1\xf1hk\x0b\x90\x84\x08\xc9o\xbaz\x12c&amp;)\x04\xa5\xccS\xf9\xf5\xae\x7f\xbehu$G\xf9M\x80\xe4\xdcbw\x95\x17\x7fth\xc7{@\x19\x91RJ2\xb5o\xdf\x8b\x93\x92\xb0\xf5\xf3\x1c\xa9\x96\xd0\xe1\xe9\xe9\xbf\xe9\xdc\x99K\xa9ZBU\x84*\xde\x0749,\x00MI\x9d\xfdn\xda\xb4i\xf9\xf2\xe5\xe1\x05\xcbo\xaf\xfe\xb3\xc5\x9c`\x9c\xc4\xc7\xc6\xa3@\x03\x01o\xa7\x0e\x97\r\xc9\x1b]\xdf\x12J\xe9\xa7\xef\xber\xbc\xac\xc4d\xb3Gs~\x0e0\x16\xf2\xd7mzm\x0e\x01`@\xb8\x10}\xd3\xd2n\xef\xde\xfd\xa4\xcfg\x9c\xc4\xc7\xc6c\x94\xd6\x05\x833\xf2\xf2\\Vk\x88s\x8d\xb1\x83\x07\x0f\x16\x15\x15\xe1I@\x93\xc3/e\x13\xe3\x9c\x17\x16\x16r\xce\xd5\x97\xf5\xd2\x8c\xdc\xec\xae\x83}\x06K|l&lt;\x00\xea\x0f\xd4]9`\xac\xc3\xdeJJN\x81\x06\xbc5\xdb\xdfXh\xb2\xda\xa2\xb6\x1dHp\xddjw}\xf6\xd1\xea\xca\xf2\xfd\x94R)\x04\x03\x98\xd2\xa7\x8fF)\xaeZ\xcf\x0b\x10\xe2\xd3\xf5L\x97\xeb\xee\xac,5"\x90R:\x7f\xfe\xfc\x8a\x8a\n\xec\x08jZX\x00\x9a\x8c\x1a\xf5\xbcb\xc5\x8aM\x9b6i\x9a\xa6\xeb\x9cRv\xd3\xd5\x93\x84\xe4\xf8\xfb?_\x00\x10\xd2\x83)\xae\xb4\xeb\x86\xdc\x13\xce\x8c\xfc\xef\xd6\xb5e;?\xb0\xda]\xd18 HJ\xcdl\xad\xfe\xee\xe8\xd6U\xf3\x00\xa8j\xfd\x1cy\xc9%\xc3\xd3\xd3\xab\xfc~l\xfd&lt;_\x8cR\xb7\xdf\xff@\xef\xde\xe9N\xa7\xba\t8y\xf2\xe4\xf4\xe9\xd3\xf1\x99\x80\xa6\x85\x05\xa0i\xa8\xa9\x0f\xd5\xd5\xd53g\xceT\'\xbdR\x8a\xfe9#;\xb6\xef\x1e\x08x\xb1\xf5\xf3\x020\xca\xbc\xbe\xea~\xbd\xae\xef\x90\xd6E\x08A\x01\xa4\x10\xdb\xdfX \xb8N\xa2\xefz*\x047\xdb\xec\xbb\xd7,\xf6V\x9d\xa0\x94\n)\x92\xcc\xe6I}\xfa\xf8B!\xec\xfc\xb9\x00@\x88.\xa5\xc3l\x9e\xdc\xa7\x0f!Dp\xaeVW{\xf6\xec\xc1\xe0\xf8&amp;\x84\x17\xa6\xa6\xa1\x9a\x7f\xe6\xce\x9d[VV\xa6v\xffmV\xc7uC\xee\t\x06}\xd8\xfay\xc1\x84\xe0Vs\xc2\xc8a\xf7\x11"\xa5\x10\x94\xb1c\x07v\xed\xfb`\xb9\xcd\x11]-\xa1R\x08\xb3\xcd^qp\xef\x9e\x7f\xbf\x04\x94\x82\x14B\xca\xbb\xb2\xb2z\xa5\xa6\xd6b\x01\xb8P\x1a@\x95\xdf?\xba[\xb7~ii\xba\x10\x0c \x18\x0cN\x9c8\</t>
        </is>
      </c>
    </row>
    <row r="304">
      <c r="A304" s="1" t="n">
        <v>302</v>
      </c>
      <c r="B304" t="inlineStr">
        <is>
          <t>polygon_sides_color</t>
        </is>
      </c>
      <c r="C304" t="inlineStr">
        <is>
          <t>What is the missing color of the part denoted with a question mark?</t>
        </is>
      </c>
      <c r="D304" t="inlineStr">
        <is>
          <t>['red', 'purple', 'orange', 'green']</t>
        </is>
      </c>
      <c r="E304" t="inlineStr">
        <is>
          <t>red</t>
        </is>
      </c>
      <c r="F304" t="inlineStr">
        <is>
          <t>There are 6 colored polygons arranged in a triangle with color ['yellow'] in the top row, ['green', 'green'] in the middle row, and ['?', 'red', 'yellow'] in the bottom row.</t>
        </is>
      </c>
      <c r="G304" t="inlineStr">
        <is>
          <t>We observe that the polygon with 6 sides is yellow in color and the polygon with 7 sides is green in color. Thus, the pattern is that the polygons with the same number of sides have the same color.</t>
        </is>
      </c>
      <c r="H304" t="inlineStr">
        <is>
          <t>Based on the pattern that the polygons with the same number of sides have the same color, the missing color of the part with 4 sides should be red.</t>
        </is>
      </c>
      <c r="I304" t="inlineStr">
        <is>
          <t>b'\x89PNG\r\n\x1a\n\x00\x00\x00\rIHDR\x00\x00\x02\x00\x00\x00\x02\x00\x08\x02\x00\x00\x00{\x1aC\xad\x00\x00T9IDATx\x9c\xed\xddw|\x14\xd5\xde?\xf0sff7=$\x10\x08M\x10\x81\x10\x08\xa1\t$\x01\xa4w\xa4+WD\x9a\x80@("RU@, E\x04)"H\xb5\xe0\xd5\x07PD\xba\x80\\\x81P\xc4\x82\x92\x84*\x18\x08\xa9\x9bd\xd3wg\xce\xf3\xc7\x815R\x03lv\xa7|\xde\xaf\xe7\x8f\xe7\xf9\xfd\xee\xc5\xc1\xd9\xf9~\xcew\xce\x99s(c\x8c\x00\x00\x80\xf1\x08\xee\xbe\x00\x00\x00p\x0f\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c9\xdd\x17\x00p\x7f\x8c1w_\xc2\x03\xa3\x94\xba\xfb\x12\x00\xee\x83j\xf1\xd1\x02\x00\x80G\x87\x0e\x00T\x8d1F)MO\xb7\xc82#Z\x19R3"\x8a\xb4t\xe9@~\xf1\xee\xbe\x1a\x80\xbbB\x00\x80z\xc9\xb2,\x8a\xe2\xdc\xb9\xef-Y\xbc\xc0\xcf\xcfK\xb6\xd95\x90\x01\x8c\x88&amp;\xc9j\xcd{y\xc2\xe4\xe9\xd3\xa7\xf1\xbf\x82\xbb\xaf\t\xe0\xce\xf0\n\x08TJQ\x14BHRRrh\xed\xd0\xed+\x9a\x85\xd6\tVrm\x82\xeaW-(\n\x11\xbcMqg\x92\xbaG\x1f\x89\x8d\x8d\x0b\x0e.G\x08\x11\xd4\x7f\xdd`H\x08\x00P)&gt;v\xee\xd9\xe7\xf9J\xa6#+V?K\x92\xacD\xd2H\x19\xb5+$\xd8/z\xf8\xd7\t\xb6f\xdb\xb6~\x81&amp;\x00T\x0b\x01\x00j\xa4(\n\xa5\xf4\xd8\xf1\x93\xdd:\xb7&lt;\xfb\xc3s\x81\x01\x9e\xa4P\xd6\xca\xfbt\xc6\x18\x93\x04k\xbe\xbd~\xa7/7m&gt;\xd0,\xb2\x89\xa2(h\x02@\x85\x10\x00\xa0F|\xd4\x1c\xde jD\x97\x82\xf1\x93Z\xcbIVQ+\xc3\x7fB\x08!v\xbb"\x95\xf7[\xbe\xe8\xc7\x15\xdb\xa4?~;\xaa(\x0cM\x00\xa8\x90\x96\x1e*0\x08^\xfd7|\xba\xa90\xe3\xb7Q/E\xc9i9\x82\xa6\xaa?!D\x92\x0499;:\xba\x85\x90\xf3\xdbG\x1f\xaf\x17EQ\x96ew_\x14\xc0\xad\xd0\x01\x80\xba0\xc6\x18c\xb2l\xaf\\%d\xc3\xec\x1a\x9d{\xd6\x95\xd3sEQ\x1b/\x7f\x8a\x92e&amp;\x06z\xed\xd9\x117xF\\\xdc\x99\xdf|}\xfd\x04A\xd0\xca[,0\x08\x8d\r\xac@\xf7\xf8\xeb\xf27f\xce\xa9W5\xabs\xcfp9=G\x8b\xd5\x9f\x10"\x8aTN\xcf\xed\xd8;\xbc\xe1\xe3\xd6\x99\xb3\xe7\xa3\t\x00\x15B\x07\x00*\xe2X\xfaY+44\xe6\xcb\xf6\xb5\xc3+\xb0\xec\x02A\xd0d\x00\x10B\x14\x85\x11/\xd3\xf9si\x11\xcf\xec\x889\xf6sHH\r\xc6\x18f\x83A=\xf0[\x04\x15\xe1\xf5q\xd4\x98\x89\x03;\x07\xd4\x89\xa8\xaad\xe5k\xb7\xfa\x13B\x04\x81\xb2\xec\xc2\x90\xc6\x95\x87\xf5,;y\xdaLJ)O8\x00\x95@\x07\x00jq\xfb\xd2OjS\xb4\xfe\xce\x9c\x11\xa2\x10"\x8b\xc2\x13\xcd\xd6\xad\xf9lg\xa7\x0em\xf0Y\x00\xa8\x07:\x00P\x0b\xbes\xce\x88\x91\xe3g\x8d\xaa]\xa6j \xcb\xb7k\xbd\xfa\x13B(!\xc4\xae\x98\xfd&lt;\xde\x19\xdfp\xdc\xb8\t\x85\x85\x85D\x9b\x9b\x9b\x82.!\x00@\x15t\xb0\xf4\xf3nDI\x90\xd3r\x87\xbc\x14\xe9a\x8f_\xb9z\x83(\x8ax\x11\x04*\x81W@\xe0~\xbaY\xfay7\x8a\xc2\xa8\xaf\xc7\xb1#\x97\xbbE\xc7\x9c\x8d\x8f\r\x0c\x0c\xa4\x94bI(\xb8\x9dN\x06Y\xa0i\xbaY\xfay7\x82@\x95\xac\xfc\xc8\x0e!-\xc2\xd8\xcc\xd9\xf3\x04A@\x13\x00j\x80\x0e\x00\xdcLgK?\xefFa\x84\x98\xc5\xa4\xa4\xec\x90v_\x1e;y\xbavh\x08\x96\x84\x82\xdb\xe1\xf7\x07n\xa6\xb3\xa5\x9fw#P\xc2\xf2l\x15j\x06M\x1f^k\xc2\xc4\xa9\x94b\xec\x05\xee\x87_!\xb8\x93.\x97~\xde\r\xe3\xffc\x92\x1ek\xf2\xf1G\xeb\xbe\xeb\xd9\xbd\x0b\x96\x84\x82{!\x00\xc0\x9d\xb4\xbe\xeb\xe7\x83\xe2\x1b\x04m\xdb|z\xf4{\x97/\xff\x15/P\x01\xb3\xc1\xe0Fz~\xd8@\xe5t\xbc\xf4\xf3nD\x91\xca\x19y=\xfa\xd6\xab\x1c\x90\xb2\xf0\xfde\x98\r\x06\xf7B\x07\x00\xee\xa1\xfb\xa5\x9fw\xa3(\x8c\xfa\x9a\xff\xfc-1\xf2\xb9}W._\n\x08\x08\xa4\x94\xa0\t\x00\xb7\xd0\xf9\x80\x0bTK\xf7K?\xefF\x10\xa8\x92UP7\xa2j\xefV~\xe3\'L\x13\x04l\x10\x04n\x83\x0e\x00\xdc\xc0 K?\xef\x861\xc2LBFF~\xcd\xb6\x9b~&lt;\xfcKX\x9dP,\t\x05\xb7\xc0o\x0e\xdc\xc0 K?\xef\x86R\xc2\xf2\xed\xa5\xab\x06\xce\x8e\x0e\x1b\xf2\xe2h,\t\x05wA\x00\x80\xab\xf1\x97?1\xc7N\xfct`\xcb[S\xdb(\x19\xb9\x82h\xb8\xdf\xa1 \trZ\xceK#"3\x13c6|\xba\t\xc7\xc5\x80[`\xe8\x01\xae\xc6\x17\xff\xd4o\xd4lx\xe7\xfcq\xaf\xea\x7f\xe9\xe7\xdd\xc82\x13\xcbx\xef\xfa\xe6\x8f\xc1\xb3\xce\'\\9+\x8a\x12\x96\x84\x82\x8b\x19\xf1\xc1\x037\xe2\xd5\x7f\xdd\x86Mb\xde\xe91cZ\xc8)\xd9\xc6\xac\xfe\x84/\tM\xcb\xe9\xdc3\xbc^\xd5\xac7f\xce\xc1\x92Pp=t\x00\xe0:\x8c1EQ\xb2\xb3\xad!\xa1\xf56\xbe\x13\xda\xa9[m\xd9\x92g\x90\xc5?w\xc4w\t\x8d=\x9d\x18\xf9\xdc\xbe\xf8\xb8\xb8\xe0\xe0r\x84\x10\xcc\x06\x83\xcb\xe0\xa7\x06\xae\xc3\x87\xff3g\xcfo\\=\xbbS\x9fz\x06Y\xf8\x7f\x0f|\x97\xd0:\x11U_\xe8\x1c02z\xa2 \x08\x18\x90\x81+\xa1\x03\x00\x17Q\x14\x85\x10z\xfe\xfc\xf9\xc8\x88\xc61_w\xa9Q\xb3\x0c\xc9\xb3\x19j\xf1\xcf\x1d1F\x98$d\xe5\xd9\xeaw\xfar\xd3\xe6\x03\xcd"\x9b\xf0Irw_\x17\x18\x02~g\xe0"\x8c1A\xa0\x13&amp;\xbd1\xb0K\xe9\x90&amp;\x95\x95\xecBT\x7fB\x08\xa5D)\xb0\x07T\xf4\x9f2\xb4\xd6\x88\x97\xc62\xa6`L\x06.\x83\x00\x00W\xe0/\x7f\xf6\xec;\xf0\xcb\x91o\xdez\xad\x83\x91\xe7~o\'I\x82\x9c\x9c\x1d\x1d\xddB\xc8\xf9\xed\xa3\x8f\xd7cI(\xb8\x0c^\x01\x81+\xc8\xb2,\x084\xbcA\xb3\xe8\xee\xf6\xe8\x89-\xe5\xeb\x06]\xfay7|\x97\xd0=;\xe2\x06\xcf\x88\x8b;\xf3\x9b\xaf\xaf\x9f \x08X\x12\n%\r\x0f!\x948&gt;\xfc\xff\xe8\xe3\xf5$\xfb\xd7\xd1\xd1\xcd\xe5d\x0c\xffo%\x8aTN\xcf\xed\xd8;\xbc\xe1\xe3\xd6\x99\xb3\xe7\xa3\t\x00\xd7@\x07\x00%\xcb\xb1\xf43\xb4N\xfd\ro\x87v\xec\x1aj\xf0\xa5\x9fw\xa3(\x8cx\x99\xce\x9fK\x8bxfG\xcc\xb1\x9fCBj`\x83 (i\xf8yA\xc9r,\xfdl\xf8\xb8\xb5c\xefp,\xfd\xbc\x1bA\xa0,\xbb0\xa4q\xe5a=\xcbN\x9e6\x93R\xec\x12\n%\x0e\x1d\x00\x94 ,\xfd| \x8c\x10\x85\x10Y\x14\x9eh\xb6n\xcdg;;uh\x833#\xa1D\xa1\x03\x80\x12\x84\xa5\x9f\x0f\x84\x12B\xec\x8a\xd9\xcf\xe3\x9d\xf1\r\xc7\x8d\x9bPXXH\x08\xc1\x10\rJ\x0e\x02\x00J\n\x96~&gt;\x04Q\x12\xe4\xb4\xdc!/Ez\xd8\xe3W\xae\xde \x8a"^\x04A\xc9\xc1+ ()X\xfa\xf9p\xf8\x06A\xc7\x8e\\\xee\x16\x1ds6&gt;600\x10\xbb\x84B\t\xc1\x03\t%\x02K?\x1f\x1a\xdf (\xb2CH\x8b06s\xf6&lt;\xec\x12\n%\x07\x1d\x008\x1f\x96~&gt;"\x85\x11b\x16\x93\x92\xb2C\xda}y\xec\xe4\xe9\xda\xa1!X\x12\n%\x01?)p&gt;,\xfd|D\x02%,\xcfV\xa1f\xd0\xf4\xe1\xb5&amp;L\x9c\x8a3#\xa1\x84\xe0\x87\x05N\x86\xa5\x9fN\xc1\xf8\xff\x98\xa4\xc7\x9a|\xfc\xd1\xba\xefzv\xef\x82%\xa1\xe0t\x08\x00p2^\xa7\xba\xf6\xf8OM\xdf\xe3K&gt;\xeakO\xc8\x94Lh4\x1f\x06\xdf h\xdb\xe6\xd3\xa3\xdf\xbb|\xf9\xafx\x81\n\x98\r\x06\xe7\xc2\x93\t\xce\x84\xa5\x9fN$\x8aT\xce\xc8\xeb\xd1\xb7^\xe5\x80\x94\x85\xef/\xc3l08\x1d:\x00p&amp;,\xfdt.Ea\xd4\xd7\xfc\xe7o\x89\x91\xcf\xed\xbbr\xf9R@@ \xa5\x04M\x008\x0b\x1eNp\x1a,\xfdt:A\xa0JVA\xdd\x88\xaa\xbd[\xf9\x8d\x9f0M\x10\xb0A\x108\x13:\x00p\x0e,\xfd,!\x8c\x11f\x1222\xf2k\xb6\xdd\xf4\xe3\xe1_\xc2\xea\x84bI(8\x0b~F\xe0\x1cX\xfaYB(%,\xdf^\xbaj\xe0\xec\xe8\xb0!/\x8e\xc6\x92Pp"\xfc\x98\xc0\t\xf89\xe6g\xcf\x9do\xda\xb8\xe1\xf1\xcd\xdd\xb0\xf4\xd3\xb9n\xec\x12j\x92j?\xf5\xc9\x8c9\xeb\x87\x0c\xea\x8f%\xa1\xe0\x14\x08\x00p\x02&gt;\xf7\xdb\xb5\xfb\xb3\r\xca\xff1w\xc1\xd3rb\x16\xde\xfe;\x17_\x12\xfa\xc3\xae\xb8!3\xcf\xfeq\xfaW\x7f\x7f\x7fB0\x1b\x0c\x8f\nO)8\x01\xa5TQ\xd8\xd5\xabW%I$\n\xc6\x14%\x82)\x8a\xc9dJMM\xcb\xcf\xcfG\xe9\x07\xa7@\x00\x80\x130\xc6DQ\\\xb2h\xde\xdc\xd5\xb1\x97\xfeH\x16}\xcd\x8a\x82\x14p\x1aF\x08\x11)\xb3\xd3A\x93\xf6L|uRpp\xb0,\xcb\xc8\x00xtx\x05\x04\xce\xc1\xdfJ\xf7\xea; \xe7\xea\xee\xbd\xdf\x0e\x94\xd3\xb3E\x11\xc3\x0b\xe7\x90\xed\x8aX\xd6g\xe1\xfc\xff\xbd\xb71\xfd\xfa\xd5\xb3\x82 \xe2\x93`p\n\x04\x008\x07_\x9f\x9e\x9a\x9a\x12\\\xb1\xfa\xbe\xd5O\xb5\xeb\x12\x82e\xa0N\xc1\x97\x81fe\xd9J7\\\xb3}\xc7\xae\xae]:a\x06\x18\x9c\x05c4p\x0eA\x10\x18c\xe5\xca\x05\xbf\xfe\xda\x94\x113\xf6\xdb\xf3e"R\x0c.\x1e\x9d"+\x82\x9f\xe7\x84Y{\x9bD\xb5F\xf5\x07\xe7B\x07\x00N\xc3\x18c\x8c)\x8a\\\xb6B\xf5\xb9\xd1\x15F\x8dk\x86\x8f\x81\x1f\x91\xa20\xeac:{&amp;5\xb4\xf3W\xb1qq\xb5Bp0\x008\x13~I\xe04\xfc\x1b%I2\xadX\xba`\xc2\xdc\xe3\x99\xd7\xb2\xa9\xa7\x84\x01\xc6\xa3`\x84P\x0f\xf3\xc0\x89;\x06\x0f\x1d\x19Z\xab\x16\xff\xde\xc2\xdd\x17\x05\xfa\x81\x0e\x00\x9c\x8c\xbf\xa3h\x1a\xd5\xa6N\xb9\x8b\xeb?\xe9\x83\rA\x1f\x9algb\x19\xafM\x9f\xfe6t\xc6oI\xd7/\xf9\xf9\xf9c\xee\x17\x9c\x0bO&amp;8\x19\xef\x036\xae_\xb9a\xdb\x95\xb8S\xd7\x04?,\t}\x18\x8c\x10"Q{\xae\x1c\xfd\xe6\x8f\x8b\x17/,U*\x801\x86\xea\x0f\xce\x85\x0e\x00\x9c\x8f7\x01C^\x1cu\xe6\xd8\xe7\xc7\x0f\x0c\x97\xd3sDl\x0b\xf1\x80d\xbb"\x96\xf7{}\xda\xeeM\xfb\x85\xb3q?S*\t\x02\x86\xff\xe0d\x08\x00p&gt;&gt;\x1bl\xb5f\x05\x97\xaf\xb6\xee\xed\xfa\xfd\x07\xd6\x97\xd3\xf2D\t\xc5\xab\xb8\x14\x85\x11/\xe9\xd2\xa5\xac\xd0\xf6\x9f\xef\xfd\xe1\xc7\xd6\xadZb\xf1\x0f\x94\x04\xbc\x02\x02\xe7\xe3o\x81J\x95\nX\xbcxa\xf4\x9b?\xdase*Q\x8c4\x8a\x8f)L\xf0\xf3\x9a0sW\x97\xa7\x9fk\xdd\xaa\xa5,\xdbQ\xfd\xa1$\xa0\x03\x80\x12\xc1\x18S\x18c\x8a=$\xf4\xc9\xe7\xdb\xb1w\xe6t\x94\x93p:X\xb1\xc82\x13\x03&lt;\x0f\xec\xbb\xd8i\xc4\x81\xd8?\x7f\xafV\xed\tB\xb0\xf4\x13J\x04~UP"(\xa5\x841I2\xaf^\xf5\xe1\xbb\xab\xfeL\xbe\x98A=%L\x06\x17\x0b%\x84\x08\xe3\xde\xdc;~\xfc+\xd5\xabWW\x14\x19\xd5\x1fJ\x08:\x00(A\xfc\xcdu\x87N=}\x0bc\xb6n~A\xbe\x8em\xa2\xefC\xb6+b9\xdf\x8f\x97\x1d\x9d\xbe&lt;\xe1\xf2\x85?\xbd}|\x05A\xc0\xdc/\x94\x10&lt;\x8dP\x82\xf8d\xc0\xaa\x95\x1f|\x7f$\xfb\xc0\xf7\xf1b\xa0\x97,c\xc0qW\x8c\x11\xea)e\\\xb5N\x98{l\xf9\xd2E~\xfe\xa5\x086\xfd\x87\x92\x84\x00\x80\x12$\x08\x82,\xcb\xd5\xaa=1\xfe\xe5W\xc6\xcd\xda\xcb\x98@P\xcd\xeeN\x91\x15\xa1\x94\xd7\xcc\xf9?\xd6\xac\x13\xd9\xff\xb9~X\xf9\x03%\r\xaf\x80\xa0d\xf1\xc3\xe2ss\xb2\x1f\xaf\x11\xfe\xde\xd8J#\xa2#\xb1A\xd0\x1d)\n\xa3&gt;\xe6\xf3q\xa9!\x1d\xbf:q\xf2\xc4\x93\x8d\x1aa\xdb\x1f(i\xf8yA\xc9\xe2o0\xfc\xfcK\xbd7\xe7\xadi\xef\xc7d\xa7\xe6Q\xb3\x88Q\xc7\xed\x18#\xd4\xc3\x1c=s_\xefg\xfa7~\xf2Il\xfb\x03.\x80\x0e\x00\\\x81\x1f\x1a\x1c\xde\xa0Y\xbb\xbaiK&gt;\xec\x8e%\xa1\xb7\xe0K?wl\x8b\xeb\x16}8)\xf1bPPYB\x08\x02\x00J\x1a~a\xe0\n\x94RJ\x85\rk\x97\x7f\xf8\xc5\x85s\xa7\xae\t~\x1e\xd8 \xc8\x81\x11BE\xaa\x14(C\xa7\xed[\xb8`n\xb9r\xc1x\xf9\x03\xae\x81\x0e\x00\\\x84Oi\xf6yv\x805a\xf7\xdeopf\xe4?\x1c\'&gt;.\xf8\xdc\x92\x98p\x96\x10\x01\xbb~\x82k \x00\xc0En;3\xb2\xa6l\xc9\xc7\x99\x91\xff&gt;\xf1qg\xd7.\x9d\xb1\xf8\x07\\\x06C0p\x91\xa2gF\x0e\x7fc\xbfR\xc8(\xce\x8c\xbc\xb9\xf4\xf3\xe6\x89\x8f\xa8\xfe\xe0R\xe8\x00\xc0u\x1cgF\x96\xaf\x142mP\xe0\xa4)-\xe5\x94\x1c#\xcf\x06\xf3\xa5\x9f?\x9f\xbc\xd6\xa4\xcf\xd6\xb8\xb8\xb8\x10\x9c\xf8\x08\xae\x85\x9f\x1a\xb8\x8e\xe3\xcc\xc8\x8d\xebWNY\xf8K\xc6U\xa3\x9f\x19\xc9\x18\xa3\x9e\xe6\x17\'\xef\x1c\xff\xf2\x94Z8\xf1\x11\\\x0e\x1d\x00\xb8\x1a\x7f\xcb\x11\xd1\xacM\xed\xb2\x17\xd7\xaf\xedk\xd8%\xa1\xb2]\x11\x83|6m\xfc\xe5\xc5Y\xa7\x13\x13\xce\xfb\x97\n\xc0\xdc/\xb8\x98\x11\x1f&lt;p\xaf\x1bgF\xae[\xb9a\xdb\x95\x93\x87\xfe2\xe6\x92P\xc6\x081\x8b\xd6\xb4\xfc1\xb3\x0f-^\xbc0 \xb04N|\x04\xd7C\x07\x00n\xc0\x9b\x80\x97\'L\xdd\xbf\xfd\xc3\xd3GG\xcb\xa9\xd9F[\x0ed\xb7)R%\xffI/\x7f\xb7\xeb\xd72\x7f\xfcvX\x96\x19\xe6~\xc1\xf5\x10\x00\xe0\x06|68+3\xa3b\xe5\x1akf\xd73\xda\x99\x91\x8e\x13\x1fkw\xf8|\xf7\xde\x83mZ\xb7\xc2\xe2\x1fp\x0b\x04\x00\xb8\x07/y+?^3\xfd\xd5\xe1)\xa7\xc7P\x9bM F\xd9*T\xb6+by\xff\x1e\xbd7\xb2\xc0\xf6\xdf}\xb3\t\xd5\x1f\xdc\x05\x01\x00\xee\xc1\x18S\x14\xc6\x98=$\xf4\xc9\xfem\x95w\xdf\xeb$_7\xc4l0\xdf\xf6\xe7\xe0\xbe\x8b\x1d\x86\xed\x8f\x8b=]\xadZ5\x82m\x7f\xc0M\xf0\xb3\x03\xf7\xa0\x94\x12\xc2$\xc9\xbcv\xcd\xf2\xf9k\xcf\\\xf8=\x99\xfa\x98t?\x1b\xcc\x08!"\xb5\x17\xb0\x17\xa7\xed\x9d2uZ\xf5\xea\xd5\xb1\xf0\x1f\xdc\x08\x1d\x00\xb8\x93,\xdbEQ\xea\xd1\xab?K\xdf\xfb\xdd7\x83u\x7ff$?\xf1q\xe5\x87G\xa6\x7ft=%\xf1&lt;\xa5\x02N|\x047\xd2\xf3\xc3\x06\xeaG\xa9\xa0(\xec\x83\xf7\xdf\xd9}&lt;O\xf7gF:N|\x9c8\xff\xf8\x8a\xa5\xf3%\xc9Dp\xe2#\xb8\x15\x02\x00\xdcI\x10\x04E\x91\xabW\xaf&gt;~\xfc+\xe3\xde\xdcK\x88\x9e\xcf\x8c\xe4\xdb\xfe\xcc\x9a\xffc\xf5\xd0\xc8\xfe\xcf\xfd\x07s\xbf\xe0vx\x05\x04n\xe683\xb2j\xf5\xb0\xb9c*\x8f\x1c\x1b\xa5\xcb3#\xf9\xb6?g\xcf\xa4\x86v\xfe\xef\x89\x93\'q\xe2#\xa8\x01~\x7f\xe0f\x8e3#\x97/]4a\xee\xb1\x8c\xabV]n\x10\xc4\x08\xa1fi\xd0\xab;\x06\x0f\x1d\x89\x13\x1fA%\xd0\x01\x80*\xf0\xf7!\xf5\x1aF\xb5\xae\x93\xfa\xa1\xee\xce\x8ct\x9c\xf8\xf8\xf4\x98\xc3\xe9\xa9\t\xfe\xfe\xa5\xb0\xed\x0f\xa8\x81~\x9e1\xd04\xbeA\xd0\xdaO\x96-\xd5\xdd\x99\x91EO|\x9c?\x7fN@@ \xb6\xfd\x01\x95@\x07\x00j\xf1\xaf3#\xbf\x1d$\xa7\xe9d\x83 \xbe\xf4\xf3\xfdy\x87\xe6\x7ffI\xbc\x8a\x13\x1fAE\x10\x00\xa0\x16\xff\x9c\x19Y\xe1\x89\xefW4\xef\xda#T\xce\xd0\xfc\x99\x91\n#\xc4$\xa4\xa6\xe5\x077]\xff\xfd\x8e]]\xbbt\xc2\xe2\x1fP\x0f\xbc\x02\x02\xb5p\x9c\x19\xb9p\xc1\xdc\xa1\xd3\xf6)\x05\x8a\x0e\xce\x8cd\xb2"\x04x\x8f\x9a\xb6\xab}\xa7\x9e\xa8\xfe\xa06\xe8\x00@E\xf8.\xa1\x84(\x15*\x85Ly!\xf0\xd5\xa9-5\xbd$T\x91\x99\xe0g\xfe\xf9Db\xe3&gt;[\xce\x9e=[\xa3F\r,\xfd\x04U\xc1o\x11T\x84O\x05\x0b\x82\xb4n\xedG\x93\x16\x9eJ\xbe\x94A=%\xedN\x063J\x98 \r\x9e\xf4\xfd\xf8\tSj\xd6\xac\x89\xa5\x9f\xa06\xe8\x00@u\xf8{\x92\x0e\x9d{\xf9\xd9\x8em\xf9\xfay\x8dn\x10\xc4\xe7~W\xaf\x88\x99\xb6\xec\xea\xe5\x8b\x7fz{\xfb`\xee\x17\xd4F{\xcf\x15\xe8\x1e\xef\x03V,]\xb0u\xff\xf5\x93\x07/iqI\xe8\x8d\x13\x1fS\xf2\xa6-\x8cyo\xce[\xbe\xbe~\x8c)\xa8\xfe\xa06\xe8\x00@\x8dx\x130~\xc2\xd4\x83\xdb?\xfc\xfd\xe8h9\xd5*\x8aZ\x1a\xac\xd8m\x8aT\xd1\x7f\xd2\x84\xefv\xfdZ\xe6\xf4\xaf\x87\x15\x05\'&gt;\x82\x1a!\x00@\x8d\x1cgFV\xa8\\c\xed\xec\xf0\xfe\x83\x1a\xdaSr\xb4\xf2"HQ\x18\xf56]\xfe+\xb3V\xbb\xcfw\xef\xc3\x89\x8f\xa0^\x08\x00P)^4?^\xbdv\xda\xc4a\t\'G\xf9x\t\xc4\xce\xb4\xb1W\xa8\xc2H\x80w\xfbn\xeb\xfd*u\xde\xba\xf9sT\x7fP-\x04\x00\xa8\x97,\xcb\xa2H\xeb5l\xde\xbcf\xe2\xdbou\xb4\xa7\xe6\xa8\xff\xe0xEf\xa2\xbf\xe7\xfe\xbd\xe7\xfbO\xfd9\xf1\xea\x85\xa0\xa0\xb2\x04\'&gt;\x82Z!\x00@\xbd\xf8\xd8\xf9\xd0\xa1C={\xf5*\x13\xe0\xc9?\x15V;FD\x93\x94n\xc9\x99&lt;y\xea\xb4i\xd30\xfc\x075C\x00\x80\x06dee\x15\x14\xd8\x88VV\xd10"IB``\x006}\x03\x95C\x00\x80\xda\xa1\x8c\x02\x94\x10\x04\x00h\x80\x16\x7f\xa5\x08-P?\x04\x00\x00\x80Aaq\x02\x00\x80A!\x00\x00\x00\x0c\n\x01\x00\x00`P\x08\x00\x00\x00\x83B\x00\x00\x00\x18\x14\x02\x00\x00\xc0\xa0\x10\x00\x00\x00\x06\x85\x00\x00\x000(\x04\x00\x00\x80A!\x00\x00\x00\x0c\n\x01\x00\x00`P\x08\x00\x00\x00\x83B\x00\x00\x00\x18\x14\x02\x00\x00\xc0\xa0\x10\x00\x86\xc3\x18\xc3\x1e\xe0:\xa0(\n\xee#&lt;"\xc9\xdd\x17\x00.\xa5(\n?\xa0\\a\x8a"+\xb4\x08w_\x1a&lt;\x00\xc7}\x94e\x99\x9f\x98&amp;\x08\x02n"&lt;(t\x00\x06b\xb7\xdb\x05A\xb0Z\xb3\x13\xae\\\x15\xa8 I\x92(\x8a\xbcp\xc8\xb2l\xb7\xdby5q\xf7e\xc2\xbd\xf0\x1b$\x08\xc2\xc5\xf3\x97\n\xf2\x0bEQ\xe4\xf7\x91R\xaa(\n\xbf\x89h\x0e\xa0\x98p"\x98Q\xd8l6\x93\xc9\xf4\xd3\x8f\x87G\x8d\x1f\xc1\xccr\xa52Uj&lt;\x1e\xd2,\xaayXX\x9d\xb0\xf00\xb3\x87\xc9\xf1\x9fT\x14EQn4\x07|\x98\t*!\xcb\xb2(\x8a\x84\x90Q#F\xef?\xbe\xbb\x8c\x7f\xd9\xe0\xd2\x15\x9a&gt;\x19\xd1\xa8Q\xa3\x06\x8d\x1a\x94\xaf\x18|\xcb\x7f\x18\xcd\x01\xdc\x1b\x02@\xff\x18c\x8c)\x82 .[\xb2b\xee\x07o?3\xb5]\xad\x86\xd5/\x9fM\xb8\xf8\xc7\x95\xc4\x8bi\x19\t\xd9\x9e\xc4/\xf4\x89:uB\xeb4o\xd1\xbcN\xdd:e\xcb\x05\x15\xfd\xaf\xa3\x8e\xa8\x84\xddn\x97$)5%\xadW\x8f\xde9~I#\xde\xee\x9f\x9el\xf9\xfb\\\xe2\xc5\xd3WR\xff\xce\xb0e\x90\x8ae\xaa\xd4\xaf\xdb\xb0A\xfd\xfaM#\x9aV}\xbc*B\x1d\xee\x0b\x01\xa0s\x8e1\xe3\x88\xa1#w\xc5|;n\xf1\xc0\xb2\x15\xcadg\xe5zz\x99\xcd\x1e&amp;*\xd0\xbc\xdc\xfc\xc4+\xc9\x97\xe3\x13\xfe\x8eOL\xbah\xa1\xf9R\xf9\xc0\xca\xf5\xeb6lP\xaf~DTD\x8d\x90\xea\xb7\xfci\x08\x03\xd7c\x8c\xd9\xedv\x93\xc9t\xf8\x7fG\x06\x0f\x1d\x18\xd6\xe5\xb1~\xe3\xba[R\xb2$I0{\x9a%\xb3$\xcbrfZ\xd6\xe5\xf8\x84\x84\x0b\x89\x97\xffH,\xccd&amp;\xd9\xabV\xb5\xdauB\xeb4o\xd1\xa2\xe1\x93\r\xfcK\xf9\x15\xfd\x03\xedv;!\x84\xdfD\xdcG#C\x00\xe8\xd9\xcd1cj\xaf\x1e}\xb2\xfd\x92\xc6\xce\x1fd/\x94\x0b\xf2\x0bEQ`\x8c1\x85\x11B\xa8 \x98=$\xb3\xa7Y\x14E\x9b\xcd\x96\x95a\xbd\x12\x7f\xf5\xef\x0b\x89W\xce$\xe6\\/,\xeb_\xa1rp\x95\xc8\x88\xa8\xf0\xf0\xf0\x86\x8d\xea\xfb\x07\xf8\xdf\xf2\xe7c\x1a\xb9\xa49F\xee7\x1b\xb8\xf6M\xda6H\xbb\x9e\xces\xdd\xb1\xa6K\x94D\x0f/\xb3\xc9l"\x84\xe5\xe6\xe4%\'\xa4\xfe\x15\x9f\xf0w\xfc\xf5\xa4\x0b\xe9b\x81G\xf92\x95\x1a\xd4m\x18\x15\x19\x15\x16\x1evk\xa8+2S\x10\xea\x06\x85\x00\xd0\'\xc6\x98\xa2(\xa2(\x1e\xf8\xe1\xc7\x11\xa3\x86\xd5\xe9\\\xf9?\xe3\xba\xa7\'g\x12\xc6\xa8p\xebC~\xa3\x86\xf0\xa1\xbd(\xdc\xa8#\x94X3\xb2\x93\xaf\xa6\xfe\x15\xfb\xf7\xe5\xd8\xc4\xf4\x84,!\xdf\xa3Z\xc5\xeaa\xb5\xc3\xa3\xa2"\x1b5jT\xf1\xb1\nE\xff\x10\xd4\x91\x92\xc0\x1b8Y\x96G\x0e\x1b\xbd\xe7\xf8\xb6\xb1\x8b\x06\x96\xadX&amp;\xd3b\x95$\xf1\xf6\xff0S\x98c\x8a\xd8\xc4C]\x12m\x05\xb6\xd4\xa4\xf4\xebW\x92\xcf\xfdz9\xf5o\x8b\xf5z~i\xafr\xf5j7\xa8S\',**\xb2F\xcd\xeaEC\x9d1E\xc6\xda0#A\x00\xe8\x90c\xcc\xf8\xc1\x82\xc5\xef-{{\xd0\xac\x9e\xf5\x9a\xd5IO\xca\x10\xa5b\xbd\xfc\xfd\xa7\x8e\x88\xa2\xc9,\x99=M\xa2$\xda\nm\xa9\x89i\x97\xe2\x12\x12\xce\'^\x8dKfy\x92\x9f\x14P\xafv\x83\xa8\xa8faau\xc2\xc2\xeb\x98=\xccE/\xc0q\r\xa8#\x0f\xcdn\x97%I\xbc\x9ap\xf5\xe9\xae=&lt;\xab\xdb\x86\xcd\xfc\x8f\xddv\xa3\x81\xbb\xef\x7f\xb7h\xa8K&amp;\xc9\xe4!\x99=L\x8c\xb1\xec\xac\x9c\x84\x0b\x89\x7f\x9f\xbb\xf6\xd7\x9f\xd72\x13s\xc5B\xf3\xe3\x15\xabG4\x89l\xd8\xa0a\x83\'\x1b\x94\xaf\x80idcA\x00\xe8\x8dc\xcc8\xb0\xff\xe0\x13\x17\x0fE\xcf\x1fP*\xc8?\xcb\x92}\xc71\xe3}\xddRG&lt;\xbc\xcc\x92I\x94e%\xc7\x9a\x93p\xf1\xfa\xdf\xe7\xae%\xc4%\xa5\\\xca\xf0\x95\x02*\x96\xad\x8c\xe5(\xce\xe2h\xe0\xf6\xef;\xf8\xfc\xc0\xe7\xda\x0cm\xd4mp;KJ\x06a\xe4\xf6\x06\xae\x18\x7f\xdc?o\x8a\x04Q0{\x9a\xcd\x1e&amp;A\xa0\xf9\xf9\x05\x96\xe4\x8c\xbf\xe2\x12\x12.$%\xc4^\xb7g\xd2\ne*cm\x98\xa1 \x00t\x85\xbf\xf4\xe7cF\xef\x9a\xf2\x8b3\xfb\xd9\nl\x05\xf9\xb6\xe2\x8c\x19\xef\xef_uD4{\x9ax\x1d\xc9\xcb\xc9OILK\xb8\x90x\xe1\xf7;.G\xa9r\xb7\xe6\x00u\xe4\x8e\x1c\xff~\x16-X&lt;o\xd9\xdbCf\xf7\xae\x1b\x19\x9a\x96dy\xb8\x08\xbf\xdd\x8d\x9b\xc8\x08\x15\xa8$I\x1e^f\xd1$2E\xb1\xa4f&amp;%\xa4\\\xf8\xfd2\xd6\x86\x19\x07\x02@\'\xfe\x193\xee=\xf0\xfc\xe0\xfem\x864\xea6\xb8\xad%%\xf3!\xc7\x8c\xc5\xfb\'\xde\xac#\x82\xc9,\x99=Lw\\\x8eb\x96\xbdB\x1e\x0f\x8d\x8ch\x16^/\xbcA\xa3\xfa\xa5n\x9bF&amp;X\x8eR\x04\x7f\xedsk\x03\x97\x9e-\x99\x9cS\xfdoU$\xd4E\x93h6\x9b\xee\xb66,\xb8T\xa5\xc6\r\x9bDDD\xd6\xbd}\x1a\x19a\xa0Y\x08\x00=p\xac\xf5|\xf7\xad\xb9\xcb\xd6-\x1a8\xabg\xb8S\xc7\x8c\xf7\xc5_\x13\xddq9J\xca\xd5\xb4s\xbf\xffu%.1=!\xeb\xde\xcbQ\x1c\xdb\x1b\x18\x16o\xe0\xe2c\xe3\xfb\xf7\x1f\xe0U\xdd\xee\xe4\x06\xae\x18\xee\xba6\xccb\xbdr\xee\xda\xb9\xdf\xfeJ\xbdb\xb1&amp;\xe6\xdf{m\x18\x0f\x03\xd7\\0&lt;"\x04\x80\xe6\xf1\xaa\x91\x9dm\x1d6\xf8\xa5_\xae\xfe4n\xe1\x10o_/kf\x8e\xcb\xaa\xff\xed\xfe\xb5\x1c\xc5,\x99\xbd\xee\xbf\x1c\xa5fH\r\xbfR~\x86\xad\x1d|\x18.\x08\xc2\xb6\xad\xdf\r\x1b9\xf4\xe9\x97\x9fj\xd7\xb7\xb9%\xb5\x04\x1b\xb8\xe2]\xd2\xbf\xd6\x86\x99=L\x8c0kF\xce\xdd\xd6\x865l\xd4\xb0\xd2c\x15\t2@;\x10\x00\xda\xe6\x183\xf6\xed\xf3Lp\x13\xef\x81S\xfa\xe4\xe5\xe4\x17\x16\xb8n\xccx_\xc5Y\x8eb\xbd\x9eg\xcf\xa6\xcd\x1a?\xb5\xfa\x93U\x06\xac\x1d\x8e\x06\xee\x9d\xd9s\x16\xadzo\xdc\xe2AO\xd4\xa9\x92\x91\x9a)\xba/\xc2oW\x9c\xb5a4\xdf$\xd9\xbc\x16\xbd\xbf\xa8y\xf3\xe6\xfc\x85\xa4\xbb\xaf\x1a\xee\x03\x01\xa0U\xb7\x8c\x19\xbbOh\xd9\xa6wTFj\x16\xa1D\xbd\x05\xf4N\xcbQ\xa8@m\x05\x85iI\x19\xaf\xf7y\x7f\xe7\xd6=\x1d:up\x14D#(\xd2\xc0\x8d\xf8\xe5\xea\xe1\x97\x17\xbd\xe8\xe1e\xce\xc9\xcaUU\xf5\xbf\xc5\x1d\xd7\x86\xd9\xec2\xa5\xe4\xd3\x05\x9b\xf3\xe2\xcc1\xc7\x8f\xe0\x85\x9e&amp; \x004\xe9\x9f1\xe3\x9bs\x16\xad\x9e7n\xf1@\x15\x8e\x19\xef\xcb1\x8d\xac0V\xb6B\xe9\xff[\xbe#\xf1H^\xcc\t\x03\xd5\x0e^\xfd\xe3\xce\xc4=\xd3\xb7_p\x13\xaf\x81\x93\xfb\xe4\xe6\xe4\xd9\x0b\xed\x82j\x1a\xb8\xfb+\x12\xea\x92$\x8a&amp;\xe9\xd5\xces\xb7~\xf1\xad\xd1\x82\\\xa3\x10\x00\xda\xc3\xab\x86\xc5b\x198`\xf0E\xeb\xe9\xe8\xf7\x06zz{\xa8|\xccX\x1c\x82 N\xed&gt;o\xcb\xe7\x86\xa8\x1d\x8e\x1d\xfa6\xae\xffl\xea\xeb\xafv\x1d\xd3\xbc\xb5\xfa\x1b\xb8\xfb\x91e% \xc8\x7f\xcb\xca\x9dIG\x0b\x0c\x15\xe4\xda\x85\xdb\xa316\x9bM\x92\xa4\x13\xc7O&gt;\xd5\xa2\xa5\xbdR\xea\xf4U\xd1\x82 \xe4Z\xf3\xb4^\xfdeY\xf1)\xe5\xd5\xf6\xf9\x88\x19o\xcc"D\xc3E\xb08dY\xa6\x94\n\x828\xe9\x95)\x93\xde\x1c7v\xe5\xf3O\xf5\x88HO\xce\xa4\x82\xb6\xd7\xc2\x8a\xa2\x90m\xc9\xee\xd4\xbf\xf5\x9f\x97~\xdd\xbb{\xaf \x08\xb2,\xbb\xfb\xa2\xe0^\x10\x00\x9a\xc1W\xfa\x9bL\xa6\x8d\xeb&gt;{\xbag\x97\xa7\x86\x87\xbd\xf0j\x1fKJ\xa6,\xcbZzcp\x17\xc6\xa9\x1dv\xbb]\x14E\x8b\xc5\xf2t\x97\xee\xdb\x8f\xff\xf7\x9d\xff\x9b\x18T\xa1tfZV17\xeaP9\xbb\x91\x82\\\x07\xf4\xf0\x9b3\x82\x9bcF\xe1\xd5\x97\xa7L\x9a=\xee\xe5U/4m\xdf -\xc9"\x88\xfa\xf9\xf4\xc6\x08\xb5\x83\xbf\xbe;\x1es\xe2\xa9\x16-\xed\x95\xd3^_3\xceVh/\xc8+\xd4z\x03\xe7\xf0O\x90_\xfcu\xcf.=\x07\xb9&gt;`\x0e@\x03\x8a\x9e\x04b\xf5I\x8c\x9e3\x90\n4/\xb7@=k=\x9d\x85\x12B\x05aZ\xcf\x05\x9b?\xfd\xb6}\xc7vzZJ\xf8\xafcy\x16\xbf\xdd\xfb\x956\x11\x1d\x1bY\x923\xb4\xfe\xda\xe7v|&amp;`\xeb\xca]\xc9\xc7\n\x8e\x1c;\x8c\x99\x005\xc3\x8dQ;\xfe\xd2\xff\xf0\xff\x8eDF5-\xddX\x98\xb2b\x94\xcdf\xcf\xcf+\xd6\x96\x90\x9ac\x97\x15\xbf@\xdf\';\xd4^\xbet\xb9\x9e\xca\xa2\xe3\xa5\xff\x88\xa1#\xe7\xad|\xeb\xe5\x8f^h\xdc\xa6^\xba\xbe\x1a8\x07A\xa09\x999\xad{G\xfd\x1e\xf7\xcb\x1f\xa7\xff\xe4\x87\x15\xbb\xfb\xa2\xe0\xcetXDt\x83\xef\x9bf2\x99\x96-Y\xd1o`\xdfn\xaf6\xeb7\xb6{jb:aDp\xd3\xd7\xa1%M\x10hvfN\xe7\x01\xad\x7f\xf8\xdf\xde\xd8?c\x05A\xd0A\xed\xe0/\xfdSS\xd2ZD\xb5&lt;q\xf5\xe0\xacM\xe3\xfcK\xfbeZ\xb2u\xf3\xda\xe7\x16\x94R\x9bM.\x1d\\*\xbcm\x8d\xb7\xde|\x9bR\xbcfP/\x04\x80J\xc9\xb2,\x08\x82 \x087\xc6\x8c+_h\xd0&lt;,\xf5z\xba(\x89D\x9f\xc5\x9f\x10B(\xa5\x85\x05\xb6\x8aO\x94\xaf\xdb\xf6\x89Y3\xde\xd4z\xed`\x8c\xc9\xb2\xech\xe0\xca4\x16&amp;/{)/\xbb\xc0\xa6\xa6O\xb5K\x82 \xd0\\k^\xef\x91\x9d\xbe\xdf\xbbM7A\xaeKz\xfe\x15j\x97\xdd.\x8b\xa2x5\xe1Z\xd11cV\xc6C\xee\xe9\xaf-\xbc\t\xe8=\xb2\xd3\xf7\xfb\xbe\xd3t\xed\xe0\x97-\x8a\xe2\x87\x1f,\xfb\xcf\xa0\xbe\xdd^m\xf6\xec\xd8\xee\xa9\x89\xe9\x94\xbam{\x1f\x97\xa1\x94\x16\x14\xd8*&lt;^\xae^\xbb\x1a:\x08r\x1d\xc3\x8dQ\x97[N\x02i9\xa8~\xf7\xa1\x1d2R\xb3\xeex\x94\xa3^\xc9\xb2R\xba\\\xa9\x15\xd3?}\x8c\xd6\xfej\xcb\x7f\xb5\xf8Q\xd8-\xc7\xf2\x8c\x9c\xdb\xbftp\xc0C\x1f\xcb\xa3E\x8c1\xc9$Y-\xd9\xb3\xfb-?y\xf4\xe7\xd0:\xa1|\xe7\x12w_\x17\xfc\x0b\xee\x87\x8a8\xc6\x8c\x8b\x16,\xee?\xac\xef\xe0\xb9O\xf7x\xb1Cz\x92\xc5\x08c\xc6\xa2\x04\x81fg\xe6j\xb7\t\xb8\xd9\xc0]m\xdc\xb0\xe9e\xf9\x8f\xe9kF\xf9\x96\xf2\xb1f\xb8s\x7fV\xd7\xe3o\xf3\xd0\x04\xa8\x1c\xee\x8aZ\xf0\xb5\x9e\xae;\tD\xddn4\x01\xaf}Z\x99\xd4\xfeZ;M\xc0\x9d\x8er,\xd9cy\xd4\xach\x13p\xfc\xc8\xc9:a\xb5\xd1\x04\xa8\rn\x86*\xf0\xea\x9f\xf0\xf7\xd5\xc6\x8d\x9a^\x96\xff\x98\xb6f\x94\x97\xaf\xa75#\xc7\x98\xd5\x9f\xdcl\x02z\x8d\xe8\xb4\xf3\x87\xef\xcf\x9d=\xaf\x89&amp;\x80\x1f\xe5(\x8a\xe2\xa2\xf97\x1a\xb8\xae\x83\xda\xa6^\xb7PJ\rX\xfd\xc9?M@px\xdb\xeas\xde\x99\x83&amp;@\x85\x10\x00n\xc6\xc7\x8c\x92$m\xfb\xe6\xbb\xa6QMju-7z\xce\x0b\xb9\xd6&lt;[\x81]\xdf\x0bE\xee\xed\xc6r\xa0\xc7\xcb=\x16\x1e\xb4z\xe5j\xf5\xd7\x0e\xbb\xdd.\x08\x82\xd5j\xed\xdfo\xc0\xca\xff\xfb`\xea\xba\x97j5\xaa\x9ev\xddu\x87\xb2\xa9\x93 \xd0\xbc\xec\xbc\xf6\xfdZ\xec\xda\xbb+5%U\x10\x04\x95\xdfG\xa31n\x89Q\x03\xc7\x06\x0f\xef\xcc\x9e3d\xcc\x80\xe1\xef\xf7\xea:\xb0M\x9a\x81\xc7\x8cEQ\x81\xe6\xe7\xe6\xf7z\xa9\xe3\'\xeb?Qy\xedp\x1c\xcb\x13\xd5\xb4y\xb2\xe7\xf9\xe9kF{\xf9\x18\xba\x81s\xa0\x94\xe6\xe7\x16\x844\xa8V\xba\x86\xd7\x82y\xef\xe3\xa30\xb5A\x00\xb8\r\xff&gt;(;\xdb\xfa\x9f\xbe\xcfm\xdc\xf9\xd1\xdb_\xbfR%\xa4\x92%Ec{\xfa\x97\x1c\x81\xd2\xbc\x9c\x82\xdaMj\x96\xa9\xe9\xad\xda\xda\xf1O\x03\xb7\xf5\xbb\x16\xad\x9a7\x1dXc\xc8\xf4g\xb23s\xec\x85\x86n\xe0\xfeE\xa0\x05y\x85\xcf\x8c\xed\xbaz\xed\xc7*\x0fr\x03\xc2o\xd4=\x18c\x92$\xc5\xc5\xc6G6i\x9e\xeas\xe9\xb5\xd5c\xa9@u\xb0\xab\xb3\x93\t\xb4 \xb7@\xb5\xb5\x83\x9f^)\x08\xc2\xbb\xb3\xe7\x0c\x19; z\xf9s\xadzF\xa6\'g\xa0\x81+J\xa047\'\xbfv\xe3\x1aej\xfa\xa86\xc8\r\x0b\x01\xe0\x06\xfc\x1c\xac\xef\xb7\xefh\xd9\xb6\x05\x1f3Z3\xb2e\xbb\x1evuv.5\xd7\x0e~\x0cVjj\xea\xc0\xe7\x07\xad\xdf\xb1\xe2\xed\xaf_y\xacF\x05\xcd\x1d\xca\xe6\x1aT\xddAnd\xa88\xae\xc6\x87\x8d\x99\x19\x99\xfd_xn\xc0\x9b]\xdb\xf6i\x96\xa6\xc7-!\x9d\xe5_\xb5#UE\xb5\x83\xef\xd5\xf1\xfe\xfcE\x07\xcf\xec|\xf3\xd3\x89h\xe0\xeeA\xcdAnp\x08\x00\xf7\x90\xedr@\xa0\x7f\xc5j\xe5\xb3\xd2\xadxY|\x0f\x8e\xda\x11\x14\xe23\x7f\xce\x02\xb5\xd5\x0e\x9b\xcd\xfex\xad\xca\x8a\xa2\x14\x16\xd8\xd0\xc0\xddC\xd1 OJJRO\x90\x1b\x1c~\xb2\xeeA)\x95e\xa5\xb0\xa0\x10U\xe3\xbex\xed\xe83\xba\xf3\xa7_n\xcc\xc9\xceQU\xed\xa0\x94\x16\xe4\xdb\x08\xd3\xe7\xf15N$P\x9a\xc7\x9b\x80\x10\x9f\xd5+\xd7PJqP\x8c\x1a\xa0\xfa\xb8\x13\xaaFq8j\x87TZ\xf9l\xe3\xe7jk\x02(%:\xde\x9f\xd5\x99(\xb5\x15\xd8:\rh\xb9a\xe3\xfa\xc2\xc2BU\x05\xb9a!\x00@\x0b(\x95\xedJ\xa7\x01-\xde\x9b7\xaf\xb0\xb0P\xfd\xdf\x85\xc1\xed\xf8\x1e\xd1\r\x9f\n\xcbP\x92\xd7\xaf\xd9\xa0\x89\xaf\xbbu\x0f\x01\x00\x1a \x084\'+\xb7y\xb7&amp;9b\x1aj\x87v1B\x04\x81\xf6\x1a\xdda\xee{\xef!\xc8\xd5\x00\x01\x00\xda\xc0\x08a\x84\xf5\x1c\x89\xda\xa1a|\x8b\xa7\xa8\xceO"\xc8U\x02\x01\x00\xda \x084\'37\xaa\x0bj\x87\xb61B\x08\x82\\5\x10\x00\xa0\x19\xa8\x1d:\x80 W\x15\x04\x00hF\x91\xda\x91\xbe\xee\x93\xf5\xa8\x1d\x1aU4\xc8\xf3\xf3\xf3\xb1\x1c\xc8\x8d\x10\x00\xa0%\xbcv\xf4x\xa9\xdd\xc2\xf7\x17\xf2\x1d\x98\xdd}E\xf0\xc0\x8a6\x01\x9b&gt;\xff\x12\xdf\x04\xb8\x11\x9e\x1f\xd0\x12A\xa0\xb9Yy\x8d\xdb\xd6K\xce\xbe\xb6\x7f\xdf~\xd4\x0e\x8dR\x18\x13E\xfaT\xaf\xc6\x1f\xaf\\E\x08A\x90\xbb\x0b\xfe\xbd\x83\xc6\xc8\x8a\xe2\xe5\xe3\xd1\xba_\x93Y3\xde$\xf8\x98N\x9bDQ\xc8\xce\xc8i\xf7L\x8b?/\xfd\xbaw\xf7^A\x10\x10\xe4n\x81\x00\x00\x8d\xe1\xb5\xa3\xd3\xf3\xad\xff@\xed\xd02\xbb\xac\xf8\x04x\xb7}&gt;b\xc6\x1b\xb3\x08\x82\xdcM\x10\x00\xa0=vY\xf1)\xe5\x85\xda\xa1i\xa2(d[\xb2;\xf5o\x8d&amp;\xc0\x8d\x10\x00\xa0=\xa8\x1d\xfa\x80 w;\x04\x00h\x12j\x87\x0e\xfc\x13\xe4\x17\x7f\xdd\x83 w\x07\x04\x00h\xd2\xcd\xda\xd1\xea\xcc_\xbf\xed\xde\xb9\x07\xcb\x814\xeaF\x90\x0f\x88\x9c5c\x96\xa2(\x08r\x17C\x00\x80V\xd9e\xc57\xc0\xe7\xa9\xbe\x8d\xe6\xcd\x9d\x87\xc2\xa1Q&lt;\xc8;&gt;\xd7\xf2\xf4\xf9_\x8e\x1d=\x8e w1\x04\x00h\x15\xdf"\xb4e\xcf\xc8\x93\xa7\x8f\xc7\xfe\x19\x8b\x0f\x835\xca.+~\x81&gt;\xf5\xdb\x84,\xfe`\t\x82\xdc\xc5\x10\x00\xa0U\x94\xd2\xc2\x02[\xc5j\xc1a\xad\xab\xcd\x9a\xf1&amp;\xb6\x06\xd2(\x1e\xe4=\x87w\xdc\xbe\xe7[\x04\xb9\x8b!\x00@\xc3\x04\x81fg\xe6\xf4\x1e\xd9\xe9\xfb}\xdf\xa1vh\x14\x0f\xf2\n\xd5\x82\xeb\xb5\xab\x81 w1\x04\x00h\xd8\x8d\xda\xf1x9\xd4\x0eMC\x90\xbb\x0b\x02\x00\xb4\x8d\x9f1\x82\xda\xa1i\x08rwA\x00\x80\xb6\xdd\xac\x1d\xc1\xf5\xda\xd5\x98\xf1\xc6,\xd4\x0e\x8d\xba\x19\xe4\x9d\xb7\xef\xd9\x16{&amp;N\x14E\x04\xb9\x0b \x00@\xf3n\xbc@x\xa9\xd3\xbe\x9fv\x9f\xfa\xf9\x17\xd4\x0e-\xe2A^\xbej\xd9\'\xbb\xd6\x9e\xf1\xfaLEQ\x10\xe4.\x80\x00\x00\xcd\xa3\x94\x16\xe6\xdb*T\x0b\xf6\x0b\xf6\xd8\xb9}\'!\x04\x01\xa0E\x94\xd2\xc2\xfc\xc2\xa6\x1d\xea\x1f&lt;\xb4?//O\x14Ed@IC\x00\x80\xe6)\x8cy\xfbz\x9e9~6\xef\xba2|\xe40B\x88(\x8a\xee\xbe(xp\x8c\x99=\xcc\xdb\xd7\xfe0l\xe8p\x1f\x1f\x1fY\x96\xf1Y@I\x93\xdc}\x01\x00\x8f\x8a)\xcc\xc3\xdb\xe3\xff\x96\xef|q\xf0\xf0\xe0\xf2\xc1\xb2,#\x004Ga\xcc\xcb\xc73\xf6\xe7\xf3\xc9q\xd9\x93\xb7Mb\x8c\xe1\x94\x18\x17@\x00\x80\xb6)\x8cy\xfbx\xc6\x9e&lt;\x9fv.g\xcav\x14\x0e\xad\xba\x91\xe2\xcbv\xbc4ldP\xd9 \xa4\xb8k \x00@\xdb\x1c\x85c\xc4\x8b(\x1cZU4\xc5\'o\x7f\x15)\xee2\x08\x00\xd00\x14\x0e}@\x8a\xbb\x0b\x02\x004\x0c\x85C\x07\x90\xe2n\x84\x00\x00\xadR\x14\xe6\xed\xeb\x19{\xe2\x1c\n\x87\xb6)\xcc\x13)\xee&amp;\x08\x00\xd0,\xc6\xcc\x1e\xe6-+vc\xdaP\xbb\x18c\x9e&gt;\x1e\x7f\x1e?\x97q!\x1f)\xeez\x08\x00\xd0$\xc6\x98\xd9\xd3\x94p&gt;11\xd62a\xeb\xcb(\x1c\x1a\xa5\xc8\xcc\xdb\xd7{\xd7\xe7\x07\x9f\xe9\xd3/\xa8l\x90\xddn\x97$\x14%\xd7\xc13\x03\x9a\xa4(\xcc\xc7\xdf\xfb\xfb\r\xfb;\xb7\xefR\xbeBy\x9c&amp;\xa8E&lt;\xc5\xaf]\xbc~\xe1\xf8\xb51\xe3\xa2\x91\xe2\xae\x87\xb0\x05\xeda\x8c\x99=L\x89\x7f\xa5\xfc\xb6\xef\xdc\x9a\xa3_\x12\x1c\n\xafM\x8a\xc2|Kyo|os\xe7\xb6\xdd\xea\x86\x87\xe1%\x9e\xeb!\x00@{\x1c\x85\xa3[\xfb\xee\xb5\xc3j\xa3ph\xd1\xcd\x14O\xfe\xfd\x87\xf3k\x8f\xfe\x971\x86\x14w=\x04\x00h\x0c\n\x87&gt; \xc5\xd5\x00\x01\x00\x1a\x83\xc2\xa1\x03Hq\x95@\x00\x80\x96\xa0p\xe8\x03R\\%\x10\x00\xa0%\x8a\xc2|K\xf9\xa0ph\x1ac\xcc\x03)\xae\x0e\x08\x00\xd0\x0c&gt;\xfc\xbfv\xf1\xfa\x1f\xfb/\xae=\x82\xc2\xa1U\x8a\xc2\xbc\xfd\xbc6\xbc\xb7\xb9[\x87\x1eHq\xf7B\x00\x80f\xf0\xe1\xffW\x1f~\xd7\xee\xa9\x0e(\x1c\x1a\xc5\x183\x99\xc4\xf4\xa4\xcc\xd3\xfb\xcf\xaf\xfei\x13R\xdc\xbd\xf0\xd9\x05h\x86$\nVK\xf6\xcf{c\xc7\x8c\x1b\x83\xc3\x025JQ\x98O)\x9f\x83[\x8f\xd6\x0bmX7&lt;\x0c\x1f\x7f\xb9\x17:\x00\xd0\x06YV\x02\x82\xfc\xb7\xac\xdcY\xa7j\xfd\x0e\x9d\xda+\x8a\x82\xe1\xbf\x16I\xa2\x90\x93\x99\xf7\xc3\xe71\x9b?\xff\x96\x10\x82 w/\x04\x00h\x03/\x1c\xfb\xbf8\xb6\x05\x85C\xb3\x1c)\x1e\xf6D\x83\x8e\x9d; \xc5\xdd\x0e\x01\x00\x1a\xf0O\xe1\xa8\xd6\xa0C\'\x14\x0e\xadB\x8a\xab\r\x02\x004\x00\x85C\x07\x90\xe2*\x84\x00p\x1bA\x10\x14\x05\x85\xec\xfe\xd4\\8\x04A \x84\xe2&gt;\x16\x07R\\\x85\x10\x00\xee\xc1\x18\xb3Z\xad\xbe\xa5\xbc\t!LaT\xc4J\xb8\xbbRs\xe1\xc8\xc9\xc9!T\xf1\xf6\xf5J\xbbn\x11E\xacf\xb9+5\xa7\xb8\x91\xe1\'\xebj\x94R\xc6\x98\xaf\x9fo\xb3\xa6\xcd\xd7\xbc\xf9_\x93\x87\xc9\xeci\x96e\xc5\xdd\xd7\xa5R\xb2\xac\xf8\x05\xfa\xee\xfe\xe2\xa0\xda\n\x07\xbf\x8fm\xda\xb5\xber*\xf5\xa7\xef\x8f\x95\xabTF\xb6\xcb\xee\xbe(\xf5r,\xfey\xfb\x9d\xd9De)nd\x08\x00\xf7\xf0\xf4\xf4\xdc\xb1sGT\xb5\xf6o\xf6\xff0\xcbb\xf5\x0f\xf0\xb5\xa3|\xdc\x89$\nVK\xce\xc1\xff\x9eP[\xe1\x10E\x911\xd6\xf7\x99&gt;\x9b?\xff\xe6\xfb\xf7\x8f|\xb5\xec\xbb\xa0\n\xa5\x19#\x0c\xaf\x83n\xa3\xc8\x8aO\x80\xcf\xee/\x0e\xd6\xab\xf1\xa4\xaaR\x1c\x10\x00n\xc0?}T\x14e\xd5\xda\x95SG\xcd\\2\xf2\xb3_\x0f\xff\x19T\xbe\xb4l\x97\t\xaaG\x11\xfc\xa3\xa1\x98=\xa7\xaa\x94\xad\xae\xc2\xc2!\x08\x82,\xcb\xcdZD\xc5\x1c=\x9e~RY0v\x95\x97\xaf\x87\xc9\xc3\x84~\xee\x16\x94R\xd9&amp;\x1f\xdarb\xf2\x94IDM)\x0e\x08\x00\xb7\x11\x04\xc1f\xb3\x8d}9\xfa\xabO7;\x86\x90\x84\x12\xcc(:PB\x14Y\xd9\xf3\xf9\xe1\xb1c\xc6\x10U\x16\x0eQ\x14eY\x0e*[\xe6\xa7\xa3\x87\x9aTj=\xbb\xff\xd2\xactk\xa9@_\xbc\x0erP\x14\xe6S\xca;f\xcf/\xa5\xcd\xe5;w\xed\x84O\x7fU\x05w\xc2\x9dL&amp;\x93\xddno\xfeT3&gt;\x84\x9c\x1f\xbd\xd2d\x92&lt;\xbd0%@\xc8\xcd\xc2qt\xf7)o[\xc0\xd0\xe1CT[8\xf8\xbb E\x91W\xaf\xfbx\xea\xa8\x99KF\x7fv\xf2\xc0\xef\xa5\x83\x03\x15YQab\xb9\x1e%\x84\x10\xfa\xed\xca\xbdS\xa6L\xf5\xf2\xf2\xc2\xe9\xcd\xaa\xa2\xc6\'\xcaP$Ir\x0c!\xdb\x87\xf5\x9e\xd1\xef\x83\xd4\xc4t\x7f\x0c!\x8b\x14\x8e\xe9\xd3\xa6\x9b\xcdf5\x17\x0eJ\xa9 \x88v\xbb}\xec\xcb\xd1[7m;\xf8\xf1\xe9\xcf\xdf\xdf\x12X.\x00+}o\xa4\xf8\xce\x9f}\xe42C\x87\rV\x14E\x9d)nX\xb8\x19\xeews\x08\xa9\xbc\xbfd\xfe\xc2YK\x97\xbc\xf4\xd9\xf1}\xbf\x961\xf6\x10\xb2h\xe1\x18\xa2\x91\xc2!I\x92\xddno\x1a\xd9\xe4\x7f?\x1d\x92\x12\xca\xbc;l\xa9\xc9,y\x18\xbb\x9f\xbb\x91\xe2\x1f\xef\x9d&gt;m\x9a\xd9l\xc6\xde\x9fj\xa3\xf6\x87\xca (\xa5|J`\xd0\xd0\x17\xb6\x7f\xbb\xf3\x7f\x9f\xfc\xf9\xd9?CH#\x96\x0f\x8d\x16\x0e\xde\xcf\x05\x06\x06n\xdf\xf9\xdd\xd3M\xff\xf3\xc63\x8b\xd2\x0c\xdc\xcfi1\xc5\x8d\x06\xf7CE\xf8\x94@\x93\xa6\x8d\x8b\x0e!\xbd\xbc=\x8dV&gt;4]8\x1cS\x02\x0b?\x98\xbf\xf0\xcd\x9b\xfd\\\xf9@EaF\xeb\xe74\x9a\xe2\x86\xa2\x99\xe7\xca \xfe=\x84|n\xc63\x1f$\\H\x0c\x08*e\xa8\x0c\xa0\x84P-\x17\x0e&gt;%`\xb3\xd9\x06\rya\xfb\xb7;\x0f\xaf=\xb3\xf1\xbd\xcd\xfe\x01&gt;\xa2$*\x86y\x1d\xc4O\xfd\xd5h\x8a\x1b\x07n\x89\xea8\xa6\x04\x16~0o\xd5\xa2\r+\xc6\xfd\xf7\xc7ocJ\x97\x0b`\xc6\x18B*\n\xf3\xf1\xf7:\xbc\xe3\xa4\x1f\x0b\xd2t\xe1p\xf4s\x87\x8f\x1c\x0e\xc8\xac:g\xc4r\xa60o?/\x83d9%DQ\xd8\xb6U\xfb4\x9a\xe2\x06\xa1\xc9GK\xf7\xf8\x94\x80\xddn\xef\xd9\xa7\xfbO\x07\x0f\x1f\xff\xf4\xdc\xfa\xb9\xff\xe7\x17\xe0k\x88!$c\xa2$\xed\xd8p\xf0\x95\t\xaf\xa8|\xf1\xcf}\xf1~\xce\xcf\xcf\xef\xab-_\x0e\xea2z\xc6\xb3\x1f\xfc}\xde\x10\xfd\x1c?\xf5\xf7\xd7\x9f\xcex\x14\xf8\x0f\x196X\xb5Kx\x01wE\xbd\xf8\xaa\x92Z\xb5k\xc5\x9c8\x12\x94Sm\xce\x88e\xba\x1fB*\x8cy\xf9x\xc6\x9d\xbaP\x98B\xfe\xf3|?\xc6\x98\xaa&gt;\xfd}\x08\x8e~\xee\x8dY\xaf\xad_\xf6\xf9\x8a1_\xde\xe8\xe7\x18\xd3\xf3\xa6\x11\x8c\x99&lt;L\xbb??\xf4|\xff\x01f\xb3Y\x96e\xed\xa6\xb8\xbe!\x00T\x8d\x0f!}}\xfd\xfe\xbb\xf9\xc6\x10\xf2\xca\xd9\xab\x81eu;\x84d\n\xf3\xf0\xf6\xf8\xbfe;\x86\r\x1e^\xb6lYM\x0f\xff\x1d\x1c\xfd\\\x8f\xde\xdd\x7f\xfa\xf1\xf0\xf1O\xcf\xaf\x9f\xfb\x7f\xbe\xa5|$\xb3\xa4\xcb\x15\xa2&lt;\xc5cO\x9eO\x8d\xcb\x9e4e\xa2\x0eR\\\xc7\x10\x00j\xf7\xaf!\xe4\xf2\xcf?y\xf5\x9b\x1d\x9f\x1e(S&gt;P\x7fCH\x851o\x1f\xcf\xd8\x93\xe7\xd3\xce\xe5L\x9e6Ig\xef\r\x1c\xfd\xdc\xd1\xe3\x87\xcb\xe5\xd7\x98;\xec\xa3\xbc\x9c|\xbf\x00\x1f\xbbMoY\xeeH\xf1\x11\xc3F\x06\x95\r\xd2G\x8a\xeb\x95~\x1e0\x1d\xfbg\x08\xd9\xab\xfb\xf1\xa3\'\xe2w$\x7f\xf4\xdag\xde~^&amp;\x0f]\r!\xff)\x1c/\xea\xb3pH\x92\xa4(\x8a\x9f\x9f\xdf\xa6\xaf&gt;\x1f\xf5\xcc+\xf3\x86\xae\x8a?u\xa1L\xf9@=m\x04\xfb\xaf\x14\x9f\xfa\xaa\xceR\\\x7fpo4\x83\x0f!+?V\xe9\xe4\xa9\xe3U\xc5\xba\xef\r[\x99\x97\x9d\xef\x17\xe0\xa3\x8f\xf2a\x90\xc2!\x08\x02cL\x96\xe5\x89S&amp;lZ\xb3y\xc3\xf4\xed;6\xee\x0f*_Z7\xfd\x9c\xeeS\\gt\xf8\x8c\xe9\x18\x1fB\n\x82\xf0\xc5W\x9fE\xffg\xe2{CW\xc5\x9e&lt;W&amp;8P\xb6k\xbe\x0f0N\xe1\xa0\x94\x8a\xa2h\xb7\xcbm\xdb\xb7\xfe\xf9\xc4\xcfq\xdb\x93\x96O\xdb\xe0\xe5\xe3\xa9\x83}\xa4\r\x92\xe2z\x82\xdb\xa31\xfc\x89\x92e\xf9\x95\xc9\x13\xbe\\\xbbe\xeb\xdcC_/\xdf\x1eT!P\xbbG\x910\xc6d\xbb\xec\xe9e6T\xe1\x90$Q\x96\xe5J\x95+\x9d\xfc\xe5xX\xa9\xc8\xb7\x06,\xcdJ\xd7\xf6\xb9@\x8c1\xd9&amp;\x1b$\xc5uC\xe7\x8f\x99.\xdd\x1cB\xda\xdb\xb4k\x15s$F\x8bG\x910\xc6\x14YQd\x850b6\x9b|\x03|\x83*\x941Z\xe1\x10E\x91\xf7s\x9f\xac_5e\xe4\xcc%\xa3\x8a\x9c\x0b\xa4\x05|\xcc\xa1\xc8\nS\x18\xa5\xd4\xc3\xcb\xa3b\xd5r\xe7~\xbd\x94z\xd6()\xae\x03\xd4\x08\x1f\x97\xea\x95,\xcb|\x81\xdd\x88\xa1#w\xc5|;\xee\x83\x81e+\x96\xc9\xb4X%Iu\xab\xee\x18#\x84\xdd\xf8\x92Y4\x89f\xb3\xc9\xeci"\x84\xe4\xe6\xe4%\xfd\x9d\x9ap&gt;1\xfe\xd4\xc5?\xf6\xfcu\xee\xdc\xb92e\xca\x90\x9b\x87\xa6\x19\x01c\xccn\xb7\x9bL\xa6\xc3\xff;2x\xe8\xc0\xb0.\x8f\xf5\x1b\xd7==9\x930F\x05\xd5\xfdKp\xccUPA0\x99%\xb3\x87I2I6\x9b-+\xc3z9.!\xf5\x9a\xe5\xbb5\xfb\xc7\x0e\x9a\xf8\xee\x9cw\x1c?NP3\x04\x80\xb61\xc6\x18S\x04A\\\xb6d\xc5\xdc\x0f\xde~fj\xfb\xa6\xed\x1a\xa4^\xb7\x08\x02u{\re\xbc\xe2\xb3"\xc5\xc2,)\xb2lI\xcdLJH\xb9\xf8\xc7\x95K\xa7\xaf\xd92\x99I\xf6\xaaU\xadv\x9d\xdau\xba\xf5\xe8Z\xbf~}c\xee\x19`\xb7\xdb%IJMI\xeb\xd5\xa3w\xb6_\xd2\xb8\xf9\x83\xed69?\xaf@\x14\xdd=\x88f7\xef\xa3#\xb9=LT\xa0y9\xf9)\x89i\t\x17\x12\xcf\xffv9\xe9\xa2\x85\xe6K\xe5\x03+\xd7\x0fk\xd0\xa4i\x93\xa7{t\xf3\xf4\xf4\xa4\xd4\xfd\xbf@\xb8/\x04\x80\x1e\xd8l\xb6\x1bC\xc8\x17\x07\xd5\xeeT\xe9\xd9\xe8\xa7\xad</t>
        </is>
      </c>
    </row>
    <row r="305">
      <c r="A305" s="1" t="n">
        <v>303</v>
      </c>
      <c r="B305" t="inlineStr">
        <is>
          <t>color_number_hexagon</t>
        </is>
      </c>
      <c r="C305" t="inlineStr">
        <is>
          <t>What is the missing number of the part denoted with a question mark?</t>
        </is>
      </c>
      <c r="D305" t="inlineStr">
        <is>
          <t>['0', '5', '3', '9']</t>
        </is>
      </c>
      <c r="E305" t="inlineStr">
        <is>
          <t>5</t>
        </is>
      </c>
      <c r="F305" t="inlineStr">
        <is>
          <t>There is a hexagon split into six parts with the colors ['blue', 'orange', 'blue', 'purple', 'orange', 'purple'] in an anti-clockwise order. The parts are denoted with the numbers [2, 6, 8, 5, 4, '?'] respectively.</t>
        </is>
      </c>
      <c r="G305" t="inlineStr">
        <is>
          <t>We observe that the numbers in the blue parts add up to 10. Similarly, the numbers in the orange parts also add up to 10. Thus, the pattern is that the numbers in the parts of the same color add up to 10.</t>
        </is>
      </c>
      <c r="H305" t="inlineStr">
        <is>
          <t>Based on the pattern that the numbers in the parts of the same color add up to 10, the missing number of the purple part should be 5.</t>
        </is>
      </c>
      <c r="I305" t="inlineStr">
        <is>
          <t>b'\x89PNG\r\n\x1a\n\x00\x00\x00\rIHDR\x00\x00\x02\x00\x00\x00\x02\x00\x08\x02\x00\x00\x00{\x1aC\xad\x00\x00\xa5\x97IDATx\x9c\xec\x9dyxTE\xd6\xc6\xabNU\xefK\xd2a\x0b\x88";\x02\xa2\x80\x82\x82\xa0\x82\x820\n\x0c\xfb\x1e\xdcu\x1c4\x80\xc8.\x9bl\xb2*\xa0":\x83\xca\x8e`\x14E\x89\n&amp;8\xa32l:\xa2"\x06D\xe4#lIz\xdfj\xf9\xfe\xa8$2\xa8\x88@\xd2\xdd\xe9\xfa=\xfd\xccczBR\xb9}o\x9d\xaasN\xbd/\x96R"\x8dF\xa3\xd1$\x1f\x10\xeb\x01h4\x1a\x8d&amp;6\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e8\x00\xa0\xd1h4I\x8a\x0e\x00\x1a\x8dF\x93\xa4\xd0X\x0f@\x13K\xa4\x94R\xcaX\x8fB\x1330\xc6\x18\xe3X\x8fB\x133\xb0~\xfe\x93\x16\xc6\x18\xa5z\x05\x90\xec0\xc6\x08!:\x0c$\':\x00$)B\x08\x00\xf8\xee\xbb\xef\xfe\xf6\xb7\xbf\x01\x80\x10"\xd6#\xd2\x94+\x94R\xc6\xd8\x03\x0f&lt;0p\xe0\xc0X\x8fE\x133\xf4\x020\xe9P!?\x18\x0c\xce\x9f??55u\xfb\xf6\xed\xb1\x1e\x91&amp;f4n\xdc\xf8\xd8\xb1cw\xdduW\xd3\xa6M\xa5\x94\x00\xba(\x98\\\xe8\x1d@\xd2\xc19\'\x84\xbc\xf6\xdak\xc3\x86\r\xc3\x18\x13BJ\xef\x01\xfd\xfc\'\x03BJT\xf2\x89\x13B"\x91\xc8\x90!C^\x7f\xfdu\x9d\x12LBt\x00H.T\xd5\xd7\xedv7n\xdc\xf8\xf4\xe9\xd3B\x08\x9d\xfcIr\x8cF#\xe7|\xfb\xf6\xed\xed\xda\xb5S\x8b\x83X\x8fHS~\xe8\x80\x9f\\\x08!\x08!\x93&amp;M\xca\xcf\xcf\'\x84 )U\x1f\x88\x10\xe2\x96\xbf\xf4\xef\xd0s\x98\xdf\xeb&amp;\x84\xeaUA\xc5\x03c$\x047[l?|\xbd{\xfd\xd2iR\x08)%\x00f\x8c\t!233\xff\xfd\xef\x7f\x1b\x0c\x06)\xa5.\x08\'\x0fz\x07\x90D\x08!0\xc6\xdf\x7f\xff}\xd3\xa6M\x85\x10\xa5=\xa0\x18\x83\x94\xc2U\xb5\xfa\xfc\xb7\xf6\xd9\x9d\xa9Q\x16\x01\x8c\x11\xd2\xb3@\xc5A"\x89\x10\x96\x9c\xdb\x9c\x8e\xc9\xc3:}\xf9\xaf\x0f\x01\x88\x10\x1c!\x84\x11\x06\x02\x9c\xf3\x15+Vddd\xe8M@R\xa1\x03@\x12\xa1\x9e\xed\xce\x9d;ggg\x1b\x0c4\x1ae76\xa9\x9d\x7f\xda\xfd\xf3\xc9\x02 \x943v[\x8f\xa1\x0fMy\xc1WT\x00z\n\xa8p\x08\xce\xed)\xae\x9c\xb7W.\x9b\xf2\xa8\x9a\xfd)5\\{\xcd\x8d{\xff\xfboU\xfb\xa9Z\xb5\xea\xfe\xfd\xfbSSS\xf5\xe1\x80\xe4A\x07\x80dA\xcd\xfe\xd9\xd9\xd9\x9d;wVK&lt;)\xc5\xceU\x93sw}7r\xfeZJ\t\x17\x120L_\x99sU\xfd\xa6\xa1\xa0_\x17\x84+\x12\x12I@\x18a&lt;\xb6\xdfM\'\x8e\x1e\xa6\xd4\xc0X\xf4\xc6\xe6\xed\'\x8c\\\x9c\xf1\xd8\xed\x1eo!\xa54\x1a\x8dN\x980\xe1\x99g\x9e\xd1\x9b\x80\xe4A?\xe4I\x81J\xec2\xc6\x1e\x7f\xfcq\x8c\x10\x01\xe0\x9c\xf7\xef\xdc\xba\xe5\r\x8d\x1e\xee\xdb\xa1\xde\x95\xd5\x18\xe3\x04\x80s\xb6j\xe1x \xa0\x97\x7f\x15\x0c\xc1\xb9-\xc5\xf5\xce\x8a\x05\'\x8e\x1e&amp;\x84\n\xc1\t\xa1\xf7\x0e|2\xbd\xdaU\x19\xfd3\xa5\x94BH\x002w\xee\xdc\x83\x07\x0f\xeas!\xc9\x83\x0e\x00I\x81:\xf6\xb5l\xd9\xb2\x03\x07\x0e\x10J\x19\xe7)v\xeb\xd3\x8f\xf4\x88z\x03V\x87m\xda\xdfz \x84\xa4\x14\x00d\xff\xce\x9c]\xdb\xdf\xb3:R\x04\xe7\xb1\x1e\xb5\xe6\xf2 \xa54\x99,\xc7\x8f\xfc\x90\xbd\xeee\x95\xdb\x11B\xdc\xd5\xb1\xef5\rZ\x9c8\xf9s\xe7\x0e}\xeb\xd5i"\x04W-\xa1\x13&amp;L\xc0X\'\x06\x92\x05\x1d\x00*&gt;\xaa\xf6\x9b\x9f\x9f?i\xd2$\x95\xdd\x15B\x0c\x1f\xd0\xb1a\x93\xda\xd1p4\xe4\r\x0c\xe8\xde\xbe]\x8b\x06\x9c\x0b\x02\x18!\xbcz\xd1\x84P\xc0G\x08\x91H\xcf\x02\x15\x01!\xb8\xc9j[\xbfd\xaa\xdf]\x08\x84\n\xc1\xed6gF\xff\xccP8 \xa5\xb4Zl\xf7\x0f\x1a-\xa5T1`\xc3\x86\r\xd9\xd9\xd9\x84\x10\xaeW\x00I\x80\x0e\x00\x15\x1fu\xc2s\xdc\xb8q\x85\x85\x85\x06J\x19c\xb5\xaf\xa82"\xa3k\xa4\xc8G\x08H$\x05\xe7sG\xf4\xa3\x84p\xc1\t!\xf9?\xe5\xbd\xb3b\x81-\xc5\xa57\x01\x15\x00!\xb8\xdd\xe9\xda\x93\xfb\xc1g[\xdf\x04 H\n)\xe5\xa0&gt;\xc3\xabV\xae\x11\x89\x84(\xa5^_Q\xab\x96\xb7\xb7m\xdd\x89s\x0e\x00\x18\xe3\xc7\x1f\x7f\x9c1\xa6\xf7\x01\xc9\x80\x0e\x00\x15\x1c\x95\xfc\xd9\xbd{\xf7\x9a5k\x08\x10!\x84\x94h\xe6\xdf{\xa5UI\xe5\x8ca\x8c\t@\xd8\x1fj\xdd\xba\xf1\x83=\xdb\x0b!1F\x18\xe3\xecu/\x1f?\xf2\x83\xd1d\xd1S@\xa2\x83\x11f,\x9a\xb5|\xb6\xba\x13\x84\x10\xf5\xea4\xe9\xd15\xc3\xe7\xf7\x94Tz1\xe7\xfc\xfe\xc1O\xd9\xac\x0eU\xfe=p\xe0\xc0\xb2e\xcbt% \x19\xd0\x01\xa0\x82\xa3\xca\xbf\xa3F\x8d\n\x87\xc3\x84\x02\xe3\xbc]\x8b\x06\xfd\xbb\xb7\x0b\x15zK;=\x000\xf3\x85\xa6&gt;\xd6\xcb\xe5\xb4\xaa)\xc0\xef.\\\xbft\xaa\xc5\xe6P\xad\xe2\x9a\x04\x85s\xe6pU\xfa$\xeb\xf5\x03\xfb&gt;\x07\xa2\xc2\xbf\xbc\x7f\xd0h\xb3\xc9\xc29WG=\x00 \x10\xf0\xd6\xaf\xd3\xb4[\x97!B\x08%\x11=i\xd2\xa4\xc2\xc2B\x00\xd0+\x80\x8a\x8d\x0e\x00\x15\x195\x9bo\xd8\xb0!\'\'\x87R\xca\x187\x1a\xe8\xdc\x11\xfd\x04\xe7\xf2\xacF\x1f\x8cq4\x12\xa9\x92\x9e6\xf9\xe1\x1e\xeat\x18\x00|\xf1a\xd6\xfe\x9d\x9fXm\x0e\xbd\x0cLP\xa4\x94\x06j,8y|\xf3\x8a\x05\x18c\xc0 \x04\xbf\xe5\xa6\xce\xadZ\xde\xee\xf5\x15\x9d\xdd\xe8I\x08\xf5x\x8b\xfat{\xb0z\xfaU\x9c3Jiaa\xa1\xaa\x18\xe9O\xbfb\xa3\x03@\x85E\xad\xddT_\x07B\x080\x16B\xf4\xeb\xdc\xaa\xf5MM\xc2\xfe \xf9\xdf6\x7f $\xe2\r&gt;\xd2\xff\x8e\x06\xb5\xd2\x05\xe7\x00\xc0\xa2\x91\xb5\x8b\'\x03\xa1H\xaf\x01\x13\x13\xc1\x99-\xd5\xb5e\xe5\xe2\x93?\xffXz\xf2kh\xbfL\xb5\xcc?\xfb;1\xc6\x8cE*W\xaa\xd6\xff\xaf\x8f\x96\xb4\x84\x16\xf7\x8c\xe9DP\xc5F\x07\x80\n\x8b\x92\xfd\x997o\xde\xc1\x83\x07\r\x06C\x94\xb1\xb4\x14\xdb\xac\'\xfa0_\x10\xff\xea\x90\x17F\x88sn\xb2\x18\x17&gt;9@"$\x85\x00B\x0e\xec\xfd,w\xf3*\x87\xab\x12\xe7,&amp;\x7f\x82\xe6\xa2\x11BXl\x8e\x1f\xbf\xfd\xf2\xa3\xf5\xcb\xd5\x99&gt;!D\xcf\xbb\xefmX\xafY \xe0\xfd\xf5)?Bh\x91\xbb\xa0\xcb\x1d}\x9b^s\x03\xe7\x8c\x10Z|jD\x97\x82+4:\x00TLT\xc5///o\xce\x9c9\x00\xa0T@\x9f\x18x\xe7\x15\xb5\xaaG\xc2J\xea\xe7\\\x08\x81\x907\xd8\xb5C\xcb;Z7\xe6B\x00\xc6\x08\xe37_\x9aQt*\xdf@\x8dz\x16H4$\x10\xban\xc9\x94\x80\xcf\x83\x81\x08\xc1]\xa9\x95{w{ \x10\xf4\x03\xfc\xde)_I\x89ap\xdf\xc7\x01@pN\x08\xcd\xce\xce\xde\xb0a\x83n\t\xad\xc0\xe8\x00P1Q\xb5\xdfi\xd3\xa6y&lt;\x1eJH\x94\xb1\x06\xb5\xd2G\xdf\x7fO\xc4\xed\'\xe4&lt;\x1f\xba\x14\\,zj\x90\xd1\xa0\x0e\x8b\x92S\xc7\x8e\xbc\xb7r\xb1=\xd5%\xf4&amp; q\xe0\x9c\xdb\x9d\xae}\x9ff\xef\xda\xfe.\x90\xe2\xd6\xcf\x8c\xfe#\xaaU\xa9\x19\x89\x84~O\xe7\x07\x80x}E7\xdf\xd0\xf1\xf6[\xee\xe1\xa2\xb8%t\xc2\x84\t\x91HD\xef\x03**:\x00T@T\xed777w\xd5\xaaU\xaa\xbb\x1f!\xb4\xf0\xc9\x01\x16\xab\x99s\x8e\x7f_\xe6\x13\x00\xc2\x81`\x93k\xeb\x8c\x18\xdcI\x08\x89\x91\xc4\x00\x1f\xad_\x9e\xf7\xcd^\xb3\xd5.\xa5\xce\x05\'\x06\x84\x90\xa0\xdf\xb7n\xe9\x14\x841`\xe0\x9c7\xbd\xe6\x86\xaew\x0e\xf0x\x0b\x089\x9f\x02&lt;\x00\t\x06\x03\xf7\r~\xcaaOe,J)=x\xf0\xe0\xbcy\xf3t%\xa0\xa2\xa2\x03@\xc5\x84s&gt;i\xd2$u\xb4\x87sqG\xeb\xc6];\xb4\x0cy\x03\xe7]\xfe#\x84\x10\x000_hdF\x97j\x95R\x04\x17\x04 \xe0\xf3\xbc\xfd\xca\xb3&amp;\xb3UO\x01\t\x01\xe7\xcc\xeet\xedxw\xf5\x91\xef\xbeR\x137\x00\x0c\xee\xf38%\xf4\x0fW\xf1\x18\xe3p$xe\x8d:=\xba\x0eUb\xe1\x18\xc3\xfc\xf9\xf3\xf3\xf3\xf3uGP\x85D\x07\x80\x8a\x06c\x8c\x10\xb2z\xf5\xea\xdc\xdc\\\x03\xa5\x8csJ\xc8\xa2\xa7\x06\t.\xd0\x05H;`\x8c#\x91H\xd5\xea\x95\x9fy\xac\xa7(n\t%\x9fgo\xda\x9d\xfb\xbe\xdd\xe9\xd2\xc7\x02\xe2\x1c)\xa5\xd1h&gt;u\xfc\xa7\x8d\xcbfb\x0c\xaa\xf5\xf3\xb6\xb6w\xdf\xdc\xea\x0e\xaf\xaf\xe8\xf7\xb3\xff\xbf@\x08\xf1x\x0b\xfb\xf7|\xb4Fz-\xb5\t(((\x187n\x9c&gt;\x13P!\xd1\x01\xa0B\xa1Z\xf8=\x1e\xcf\xd4\xa9S\x01c\x84\x91\x10\xe2\xc1\x9e\xed\x9b4\xa9\x1d\x0e\x84.P\xe1\x99\x10\x12\xf1\xf8\x07u\xbf\xa5E\xa3ZBp\x00,\x84\xc8Z&gt;\x9b\xb3\xa8\x96\x89\x8fs\x84\xe0\x16\x9bc\xcb\xca%\xee3\'\x01@\x08n\xb3:\x06\xf5\x19\x1e\n\x05/X\xdf\x1bs\xce\xacV\xfb\x90~O\xa0\x92^\xb2\xd5\xabW\xef\xd9\xb3\x87\x10\xa27\x01\x15\x0c\x1d\x00*\x14j\xbf?g\xce\x9c\xbc\xbc&lt;B\tg\xdc\xe5\xb4N}\xac\x17\x0b\x84\xe1\x825\x9e1B\x9c\x0b\x8b\xd5&lt;\'\xb3\xaf\x94HJA\x089\xb0\xef\xf3mo\xbd\xe6HI\xd3-\xa1q\x8b\x10\xc2bu\xfc\xf0\xf5\xae\xadk^\xc4%\xad\x9f\xdd\xba\x0ciP\xf7\xda`\xd0\x87\xf1\x85&gt;\xec\x84P\xaf\xd7\xdd\xb9C\xef\xa6\xd7\xdc\xc89\x03 \x91H$33\x93s\xae7\x01\x15\x0c\x1d\x00*\x0ej\xb1\xa6\xaav\x04@\n)\xa4\x9c\xfcp\xf7*\xe9i\xd1H\xe4O-\xde\t\x81\x90\xc7\xdf\xb1\xddu=;\xb6\xe4\\(\x8b\xa8\x8d/=s\xea\xf8Q\xa3\xd1\xacg\x81\xf8\x04#\x04\x04V-\x1c\xcf\xa2\x11\x02D\x08\x9e^\xb5f\x9f\xee\x0fz\xbcE\xe7\xaf\xfd\xfe&amp;\x9c\xf3\x07\x86\x8c!\x84\xaa\xb3\xc1;v\xecX\xbdz\xb5n\t\xad`\xe8\x00PqP\xf3\xb2\xea\xdb#\x84p!Z4\xaa\xf5\xc8\x80N\x11o\xe0\xe2,\x1e%\xe7\xb3\x9f\xe8\x9bb\xb7\xaa\xd0\xe2&gt;sj\xcb\xca%f\x9b]W\x02\xe2\x10\xc1\xb9\xd5\x91\xb2k\xfb{\xfbw\xe6\x00\x10)\x85\x94r\xd8\x80\x91\x95\\U\x19\xfbs\xe1\x1f\x95\x08\x045o\xd6\xe6\xae\x8e}K\x04\x82`\xea\xd4\xa9n\xb7[\xb7\x84V$t\x00\xa8 \xa8\xd6\xcf\x9c\x9c\x9c\xe2\x93;\x82K)\x9f\xcd\xeck2\x1b9\xe7\x17\x91\xb9\x07\x80\x90?T\xbf\xf1\xd5\xc3\x07t\x14B $1\xc0\xd65/\x1e\xfaf\xaf\x16\x08\x8aC\x08\xa1\xe1\xa0\x7f\xf5\xa2\t\x08!\x00\xd5\xfayc\xa7\x0e\xbd\xdd\x9e?h\xfd\xfc=\x00H \xe0\xcb\xe8\x9fi\xb799g\x94\x92\xbc\xbc\xbcE\x8b\x16\xa9\x1f~\xb9\x87\xaf\x89\r:\x00T\x04\xd4\xb1\xafp8&lt;j\xd4(\x8c\xb1j\xfd\xec\xd5\xf1\x86\x0e\xed\xae\x0by\xfd\x17\xed\xefJ\x08D\x8a|#2\xba\xd6\xadY\x95sA\x80\xb0hd\xe3\xb2\x99\x18\xe0B\x1a\x8a4\xe5\x06\xe7\xcc\xe2p~\xb8~y\xfeOy@\x88\x10\xdc@\x8d\x0f\x0c\x19S*\xf9y\x11`\x8c#\x91P\xd5\xca5\x06\xf5\x19^\xea\x19\xb9p\xe1\xc2\xbc\xbc&lt;]\r\xae0\xe8\x00P\x11P\xb5\xdf\xb5k\xd7\xee\xde\xbd[ei\x8d\x06:\xed\xb1\x9e\xe8\xd2\x9eRe#\x9cV\xd55\xe1\x81\xbb\xa5\x94H\n\x00\xb2k\xdb\xe6}\x9f~hs\xa4\xeajp\x9c\xa0Z?\xcf\xe4\x1f\xcbz\xf5\xd9\x12\xd5O\xd1\xbeM\xd7\x16\xcd\xda\xfe\xa6\xec\xcf\x85C\x08\xf1\xf9\xbd\xdd\xbb\x0c\xa9Y\xa36\xe7\x8c\x10\xe2v\xbb\xa7M\x9b\xa6\xcf\x04T\x18t\x00Hx\xd4\xf2\xbf\xb0\xb0p\xec\xd8\xb1\x00\xa0\x1c\x1fG\x0c\xee\xd4\xb8I\xed\x90\xff\xc2\x9b\xff~\x1bJH\xa8\xd0;\xa4\xe7\xad\xed\x9a7`\x9c\x13\x00\x84\xf1\xba\xa5S"\xa1\xe0\xc5%\x164\x97\x1d)\xb8\xc5\xee\xd8\xb8l\x86\xdf\xe3\x06 \x9c3\x87=\xf5\xbe\xc1\xa3\xfd\x01\xef\x854\xfe\x9f\x17,\x043\x9b\xac\x0fe\x8cG\xc5iF\xbaj\xd5\xaa\x1d;vPJu"\xa8\x02\xa0\x03@\xc2\xa3\x96\xff\x93&amp;M\xca\xcf\xcf\'\x00\x8c\xf1j\x95\x9c#3\xba0\xff\x856\xfe\x9f\x1f\x89$\xa5d\xca\xa3=\x00@H\x0e\x00G\xbe\xfb*{\xdd2\x9b#Eo\x02b\x8eR\xfd\xdc\xbf3\'\'\xeb\r\xd5\xfa)\xa5\xec\xd1u\xe8\x955\xea\x9cG\xf6\xe7\xc2\x01 &gt;\xbf\xa7m\xabN\xcd\x9b\xb5Q\x87B8\xe7\x99\x99\x99\xe1pXW\x83+\x00:\x00$6j\xf6W\x1e~\x04@")\xa5\x9c\xf1\xf7^U\xabW\x8e\xfc\xc9\xd6\xcf\xdf\x83\x00\x04=\xfe\x0e\xb76\x1f\xd4\xe5&amp;\xce\x05\xc1\x18c\xc8z\xf5\xd9\xd3\xf9?k\xcf\xc8\x98\x83\x11\x02B\xd7.\x9e\xcc9#@8g5k\xd4\xee\xdf\xf3Q\x8f\xb7\xf0\xa2k?\xbfF\x08\xfe\xc8\xb0\x89\x94\x1a8\xe7\x94\xd2={\xf6\xac]\xbbV\x0b\x04U\x00t\x00HlT\xfeG\xb9x\x13B\x18\xe3\xed\x9a7\xc8\xe8u{\xc8\xed\xa3\x97\xef\xf9\xc7\x00,\x10\x9a\x95\xd9\'-\xc5\xc68\'\x04\xfc\x1e\xf7\xc6e3M\x16\xabL\xb4\x96P)\x84\xe0\x9cs\xc69\x13\x9c\x95\xfcGB\x1eq\xe2\x9c\xd9\x9c\xa9\xb9\x9bW\x1d\xd8\xfb\x19\x94\x14f\x1f\xca\x18o\xb1\xd8\xb8\xb8\xf8\xf2\xef9\x00@ \xe8kT\xff\xfa\x9ew\xdf\xabZB\x01`\xec\xd8\xb1\x05\x05\x05z\x13\x90\xe8\xe8\x00\x90\xc0\xa8\xd6\xcf\xec\xec\xec\xec\xecl\xd5\xf8O\x00\xa6&lt;\xda\x83\xd2\xcb,\xdb\x02\x18G\xc2\x91+jU\x7fb\xe0\x9dRJ\xd5\x12\x9a\x93\xf5\xc6\xa1\xfd{\xcc\xd6\xc4h\t\x95R*Ek\xa3\xc5jKq9]U\x9c\xae\xca\x8e\xd4\xca\xea?l\xceT\x83\xd1$\x85H\xa0#\x0e\x12IJh\xd0\xef\xdd\xf4\xf2,\x84\x90\x92\xfdi\xde\xacM\xdbV\x9d|&gt;\x0f\xb9\xd4\xec\xff\xff\x00@\x02A_\xefn\x0f\xb8R+\xabjp~~\xfe\x82\x05\x0b\xf4&amp; \xd1\xd1\x01&lt;QQ\xe6\xbdB\x88\xa6M\x9b~\x7f\xe0\x80\xc1`\x88D\xa3\x83\xba\xde\xbcr\xd1\xe3\xc1\x02\xcfe\xdc\xfe\x17\xff:$1\xc2\x1c\xe3f\x7f\x1d\xff\xc3\xd1\x13\x94R\xc6X\x93V\xb7NX\xf6n\xd0\xe7\xfd\xb5\xc5X\xfc\xa0.\x93\xd1l1\x99\xadA\xbf\xf7\xf8\x91\x83?\x1f\xfa\xee\xe4\xcf\x87\xfd\x9e\xc2h4b0\x9a\x1c\xa9\x95\xd2\xaf\xaa{U\xfd\xa6\xe9W\xd6\x05B\x02&gt;7B\xe8\xc2\x85\x13b\x05\xe7,%\xad\xca\x9a\xe7\x9f~\xeb\xe59\x84P)\x05\xc6\xf0\xc2\xdcw\xea\xd4j\x14\x0c\x05.K\xf9\xe7\x9c_\x97\x9aR\xf9\xad\xf7\xfe\xb9\xe8\xa5\t\x84P)%\xa5\xe4\xeb\xaf\xbf\xaeW\xaf\x9eR\xa0\xba\xbc\xbfNS&gt;\xe8F\x8eDE\x9d\xce}\xf1\xc5\x17\x0f\x1c8@)e\x9c\xa7\xd8\xad\x93\x1e\xee\xce\x83\x91\xb2\x98\x8e1\xc2\x9csK\x8ac\xda\xdfz\x0c\x1c\xb7LJ\x01@\xf6\xef\xcc\xd9\xb5\xfd\xbd\x1b;\xdc\xe3\xf7\x14]\xdca\xe3\xb2FpN\x8dF\x8b\xd5~\xec\xf0\x81\xcf&gt;x\xf3?\xdb7\x1f\xfda?g\xbfQ\xbb6[m\r\xaf\xbf\xf9\xf6\x9e\xc3n\xb8\xed\x1e\xc1Y$\x12\xba\xe4\x16\x9a2DJi2Y\x8e\x1f\xf9!{\xdd\xcb\xaa\xd2#\x84\xf8K\xa7\xfe\r\xeb5\xbb\xe8\x93_\xe7\x87\x10\xea\xf5\x15\xddy[\xafw\xb3W\xe7\x1d\xfe\x86R\x83\xb2\x9b^\xbf~\xbd\xde\x04$.z\x07\x90\x90\xa8G\xee\xe4\xc9\x93\x8d\x1b7.**\xa2\x94D\xa3l\xe2\x83\xf7L\x1f38p\xaa\x88\xd2\xb2\x9a\xb9\x84\x10f\x87\xad\xfd\xe0\xa9;\xf6|o\xa04\xcax\xfaUuf\xad\xfd7\x92R y\x1e\xab\x99\x98 8\xb79S\x8bN\x9f\xd8\xfc\xda\xc2O\xdez-\xe0\xf3\xa8\xf7\x81\x10\x00\x82T\x85\xbcx\'\xc5Kg\xb1\x16\xb7v\xbdw\xec\x02W\x95\xf4P\xc0\x1f\x9fQ\r!\xc49s\xba*?\xff\xd4\xd0\x7f\xbd\xbf\x9eP\x83\xe0\xccfu\xfcc\xf1G\xca\xc8\xa5\x8cD[9\xe7NG\xea\xe7\xbb&gt;\x1e7}\x98\xdabr\xce\xb7n\xdd\xda\xa9S\'\x95\x8d,\x8b_\xaa)S\xf4\xc6-!Q\x9b\xeeq\xe3\xc6\x15\x16\x16\x1a(e\x8c\xd5\xbe\xa2\xca\x88\x8c\xae\x91"\xdf\x1fZ\xbe\\\xd2\xefEHp&gt;wD?e4F\x08\xc9\xff)\xef\x9d\x15\x0bl).\x11\x7f]\xe1\x8e\xd4J;\xb7\xbd\xf3t\xc6\xed[\xdeX\x1c\xf0y\x80PB)\x10*8g\xd1\x08\x8b\x84Y$\xcc\xa2\x11\xce\xa2H\x9d\x9f\x06\x02\x84\xec\xc9\xd92\xe3\xa1\xae\xa7\x8e\x1f5\x99\xad2.\xd7\xb6Bp\xbb\xd3\xb5\'\xf7\x83\xcf\xb6\xbe\tP\xec\xf88\xa8\xcf\xf0\xaa\x95k\\\x96\xd6\xcf\xdf\x83\x10\xe2\xf5\x15\xb5jy{\xdb\xd6\x9d\x94\xd7Pi\x03\x82\xae\x06\'(:\x00$\x1e\xaa\xf5s\xf7\xee\xddk\xd6\xac!@\x84\x10R\xa2\x99\x7f\xef\x95V%\x953V\xa6\x92\xfd\x04 \xec\x0f\xb5n\xdd\xf8\xc1\x9e\xed\x85\x90\x18#\x8cq\xf6\xba\x97\x8f\x1f\xf9!\xaeZB\xa5\x94\xd4`x}\xeeS\x0bG\x0e8u\xec\x08!\x14\x00\xa4\x14\x9c1\xc1\x99\xd1l\xa9Y\xf7\x9akZ\xderm\xeb\xdb\xeb6mis\xa6\n\xce\xa5\x10RJ\xc19\xa1\x86\xfc\xa3\x87\x16\x8f\x19\xcaX\x14\xe2R\xf4\x02#\xccX4k\xf9lu\'\x08!\xea\xd5i\xd2\xa3k\x86\xcf\x7f\xf9k?\xbf\xfe\xe5\x9c\xf3\xfb\x07?e\xb3:\xd4\xaa_\xb5 \xebjp\x82\xa2\x03@\xe2\xa1Z?G\x8d\x1a\x15\x0e\x87\t\x05\xc6y\xbb\x16\r\xfawo\x17*\xf4\x96\xc36\x1c\x003_h\xeac\xbd\\N\xab\x9a\x02\xfc\xee\xc2\xf5K\xa7Zl\x8e8j\xa1\x91\x92\x10\x1a\n\xf8\x10B\xd4`\x90H\n!\xa4\x10\r\xae\xbf\xf9\xc1\xa7\x97\xce^\xf7\xd9\xb4\xd7\xb7O|y\xcb\xb8\x17\xdf\x99\xfc\x8f\x0fg\xaf\xff\xfc\xdeq\x0bS\xd2\xaaH)0\xc6\x9cE\t5\x1c\xfafo\xf6\xba\x97\xac\xce\xd4x\xdb\xd9p\xce\x1c\xaeJ\x9fd\xbd~`\xdf\xe7\xaa\xf5SJy\xff\xa0\xd1f\x93\xe5R\x94\x7f.\x10\xa5\x12Z\xbfN\xd3n]\x86\x94\xa8\x84\xe2I\x93&amp;\x15\x16\x16j\xcb\xb0DD\x07\x80\x04C\xcd\xb9\x1b6l\xc8\xc9\xc9\xa1\x942\xc6\x8d\x06:wD?\xc1\xb9,\x97\x0c&lt;\xc68\x1a\x89TIO\x9b\xfcp\x0fY\xec\x19\t_|\x98\xb5\x7f\xe7\'\xf1\xa3\x12\x8a\x01G\xc2\xa1\xfb\'&gt;\x7f}\xdbN,\x1a\x15\x9cW\xbb\xb2\xce\xf0\xd9+&amp;-\xdf\xd2\xb1\xf7}\x95\xab_\x89\x10\n\x05|\x01\xbf7\x1a\t;R+u\x1d\xfc\xf7I\xafn\xadR\xe3*\x84\x10\x06\x10\x82c\x8c?~\xf3Uo\xe1\x19B\r\xf1\xb3\t\x90R\x1a\xa8\xb1\xe0\xe4\xf1\xcd+\x16\x94\xc8\xfe\xf0[n\xea\xdc\xaa\xe5\xed^_Q\xf9d\xe1\t\xa1\x1eoQ\x9fn\x0fVO\xbfJY\x05\x14\x16\x16N\x9a4I\x0b\x04%":\x00$\x12j\x85\xa5\xba/\x10B\x80\xb1\x10\xa2_\xe7V\xadoj\x12\xf6\x07Iy\xb5\xe2\x01!\x11o\xf0\x91\xfew4\xa8\x95.8\x07\x00\x16\x8d\xac]&lt;\x19\x08E\xf1\xb2\x06\xc4\x82\xf3h$\xf4\xc8\xf4\x97\xab\xd7\xaa\xdf\xe6\xae\xde\xd3\xdf\xc8i\xdb\xa5_$\x1c\xf2\x15\x9d\x89F"H\x1dg\x02\xc0\x18s\xc6\nN\xfe\xdfU\xf5\x9b\x0e\x1d\xfd\xac\xba\xc2*\xf5\x7f\xf2\xd8\x91C\xdf\xec1\x9a\xadB\xc4\xc9\x1f\x85\x04g\xb6T\xd7\x96\x95\x8bO\xfe\xfc#\x00\x11\x82Sj\x18\xda/S-\xc6\xcbg\x0c\x18c\xc6"\x95+U\xeb\xff\xd7GKTBa\xd9\xb2e\x07\x0e\x1c\xd0\x89\xa0\x84C\x07\x80DB\xb5~\xce\x9b7\xef\xe0\xc1\x83\x06\x83!\xcaXZ\x8am\xd6\x13}\x98/X\x9e\x9d\xf8\x18!\xce\xb9\xc9b\\\xf8\xe4\x00\x89\x90\x14\x02\x089\xb0\xf7\xb3\xdc\xcd\xab\x1c\xaeJq"\x10\x84\x01X$b\xb19&amp;.\xdf\xf2\xf0\xd4\x97\xccV\xab\xd7}\x06c\x0c\x84\x9eS&amp;\xc1\x18\x1b\x8c&amp;o\xd1\xe9ko\xeaxE\x9d\x86R\x08\x00P\xd7\xf3\xe8\x0f\xdfPj@2.&amp;5%\xfb\xf3\xe3\xb7_~\xb4~9\x948&gt;\xf6\xbc\xfb\xde\x86\xf5\x9a]\xa2\xea\xe7\x9f\x85\x10Z\xe4.\xe8rG\xdf\xa6\xd7\xdc\xc09#\x842\xc6\x1e\x7f\xfcq]\nN8t\x00H\x18T\xc5///o\xce\x9c9\x00\xa0\xfa\x17\x9f\x18x\xe7\x15\xb5\xaaG\xc2\x11(_\xbbvB \xe4\rv\xed\xd0\xf2\x8e\xd6\x8d\xb9\x10\x801\xc2\xf8\xcd\x97f\x14\x9d\xca7Pc\x9c\xcc\x02\x18\x80E\xc36g*\x8bF\xa3\x91\xf0\xf9\xbb\xe3\xa5\x90&amp;\x8b\xed\xaa\xfa\xd7"\x84\x10\xc6\xaa\xa5\xd5}\xe6\x04\xc68.\xfe\x18\x84\x10\x92@\xe8\xba%S\x02&gt;\x0f\x06"\x04w\xa5V\xee\xdd\xed\x81@\xd0\x1f\x8b#\x0b\x92\x12\xc3\xe0\xbe\x8f\x03\x80\xe0\x9c\x10\x9a\x9d\x9d]lF\x14gU\x13\xcdy\xd0\x01 aP\xb5\xdfi\xd3\xa6y&lt;\x1eJH\x94\xb1\x06\xb5\xd2G\xdf\x7fO\xc4\xed/\xd3\xd6\xcf\xf3\x8cHp\xb1\xe8\xa9AF\x03\x15\x82\x13BN\x1d;\xf2\xde\xca\xc5\xf6T\x97\x88\x8fM\x00B\x08cP\x9dQ\x17r\xb2\x17\x03\xb6\xda\x9d\xea?\xd5;\xf1S\x01\xe6\x9c\xdb\x9d\xae}\x9ff\xef\xda\xfe.\x90\xe2\xd6\xcf\x8c\xfe#\xaaU\xa9Y\xa6\xad\x9f\xbf\x07\x00\xf1\xfa\x8an\xbe\xa1\xe3\xed\xb7\xdc\xc3EqK\xa8\xb2#\xd5\xfb\x80\x04B\x07\x80\xc4@\xd5~sssW\xadZ\xa5z\xf0\x11B\x0b\x9f\x1c`\xb1\x9a9\xe719\x81\x05\x00\xe1@\xb0\xc9\xb5uF\x0c\xee$\x84\xc4Hb\x80\x8f\xd6/\xcf\xfbf\xaf\xd9j\x97\xf1\x916Aj5\x7f\x81H\x19\t\x07\xd5\x7f\xa97\xcc6G\x99\x8c\xe9\xcfC\x08\t\xfa}\xeb\x96NA\x18\x03V\x8e\x8f7t\xbds\x80\xc7[&amp;\xe7~/\x04\x00\x12\x0c\x06\xee\x1b\xfc\x94:}F)=x\xf0\xe0\xbcy\xf3t% \x81\xd0\x01 a\xe0\x9cO\x9a4I\x1d\xc0\xe1\\\xdc\xd1\xbaq\xd7\x0e-C\xde@\x8c\x96\xff\x08!\x04\x00\xcc\x17\x1a\x99\xd1\xa5Z\xa5\x14\xc1\x05\x01\x08\xf8&lt;o\xbf\xf2\xac\xc9lM\xb8)\x00\x03f,z\xfa\xf8Q\x84\x10\x92\xc5\xf5\xf6\xca\xd5\xaf\x14"6\xf1\xf5l8gv\xa7k\xc7\xbb\xab\x8f|\xf7\x95\x9a^\x01`p\x9f\xc7)\xa11\\kc\x8c\xc3\x91\xe0\x955\xea\xf4\xe8:TJ)%\xc2\x18\xe6\xcf\x9f\x9f\x9f\x9f\xaf;\x82\x12\x05\x1d\x00\x12\x00%\xf5\xbcz\xf5\xea\xdc\xdc\\\x03\xa5\x8csJ\xc8\xa2\xa7\x06\t.b\xdb\xa1\x881\x8eD"U\xabW~\xe6\xb1\x9e\xa2\xb8%\x94|\x9e\xbdiw\xee\xfbv\xa7+\x8e\x8e\x05\xfc\x11RJB\x8dE\xa7O\x1c\xfd\xe1\x1b\xf5\xa5\x10\x1c\x08\xb9\xaa~\x13\x16\x8d`\x88e\x00P\x8e\x8f\xa7\x8e\xff\xb4q\xd9L\x8cA\xb5~\xde\xd6\xf6\xee\x9b[\xdd\xe1\xf5\x15\xc5V\xb0\x88\x10\xe2\xf1\x16\xf6\xef\xf9h\x8d\xf4Zj\x13PPP0n\xdc8}&amp; Q\xd0\x01 \xdeQ\x8d\xf6\x1e\x8fg\xea\xd4\xa9\x801\xc2H\x08\xf1`\xcf\xf6M\x9a\xd4\x0e\x07.\x8f\xe7\xd7\xa5@\x08\x89x\xfc\x83\xba\xdf\xd2\xa2Q-\xe5\x18%\x84\xc8Z&gt;\x9b\x97\x99"MY \x047[m\xff\xfd|\x9b\xcf]\x00@0\xc6\x18\xe3\xab\xea5\xb9\xa2N\xa3H(\x18[eP!\xb8\xc5\xe6\xd8\xb2r\x89\xfb\xccI\x00\x10\x82\xdb\xac\x8eA}\x86\x87B\x97\xea\xf7y9\xc0\x9c3\xab\xd5&gt;\xa4\xdf\x13\xa8\xa4Km\xf5\xea\xd5{\xf6\xec\xd1\xc6\xf1\tA\xcco \xcd\x1f\xa0\xf6\xfbs\xe6\xcc\xc9\xcb\xcb#\x94p\xc6]N\xeb\xd4\xc7z\xb1@\x18b\xba2U`\x848\x17\x16\xabyNf_)\x91\x94\x82\x10r`\xdf\xe7\xdb\xdez\xcd\x91\x92\x16\'-\xa1\x7f\x08\x00\t\x07\xfd\x1f\xacZ\x8a\x10BH"\x8c\xa4\x94\xed\xee\x1eh\xb6\xd8c\xbb\x8f\x11BX\xac\x8e\x1f\xbe\xde\xb5u\xcd\x8b\xb8\xa4\xf5\xb3[\x97!\r\xea^\x1b\x0c\xfa\xe2A\xb3\x9a\x10\xea\xf5\xba;w\xe8\xdd\xf4\x9a\x1b9g\x00$\x12\x89dff\xf2\xc4\xf4\xd8I6b\x7f\x03i\xce\x83ZR\xa9\xda\x1a\x01\x90B\n)\'?\xdc\xbdJzZ\xf429&gt;^:\x84@\xc8\xe3\xef\xd8\xee\xba\x9e\x1d[r.\xd4\xf2y\xe3K\xcf\x9c:~\xd4h4\xc7\xff,\xc0Y\xd4\x91Z){\xdd\xcbG\xbe\xff/\x00Q\'\x1b*W\xbf\xb2\xdd=\x03\x03~Ols,\x18! \xb0j\xe1x\x16\x8d\x10 B\xf0\xf4\xaa5\xfbt\x7f\xd0\xe3-\x8aU\xed\xf77\xe1\x9c?0d\x0c!T\x9d\r\xde\xb1c\xc7\xea\xd5\xabuKh\xfc\xa3\x03@\\\xa3fO\xd5]\xa7&lt;\xbfZ4\xaa\xf5\xc8\x80N\x11o \xde\x94\x8a%\xe7\xb3\x9f\xe8\x9bb\xb7\xaa\xa0\xe5&gt;sj\xcb\xca%f[\x8cW\xd0\x7f\x88\xe0\xdc\xeaH\xc9\xfbz\xd7\xc6\x97fb\x00e\xab"\xa5\xec\xfd\xc8D\xa7\xab\n\x8fFP\xec\xa2\xac\x1a\xdb\xae\xed\xef\xed\xdf\x99\x03@\xa4\x14R\xcaa\x03FVrUe,^\xc2?*\x11\x08j\xde\xac\xcd]\x1d\xfb\x96\x08\x04\xc1\xd4\xa9S\xddn\xb7n\t\x8dst\x00\x88_T\xebgNNN\xf1\xf9\x1a\xc1\xa5\x94\xcff\xf65\x99\x8d\x9c\xf3xy\xfa\x11B\x08\x01@\xc8\x1f\xaa\xdf\xf8\xea\xe1\x03:\n!\x94g\xe4\xd65/\x1e\xfafo\xfc\x08\x04\xfd\x1a!\x84\xc1h\xf2{\xddK\'\xdc\xaf\x94\xe30\x80\xe0\xac\xe5m\x7fi\xdfm\x90\xdfS\x081]e\x13B\xc3A\xff\xeaE\x13\x10B\x00\xaa\xf5\xf3\xc6N\x1dz\x97\x91\xe5\xcb\xa5\x00@\x02\x01_F\xffL\xbb\xcd\xc99\xa3\x94\xe4\xe5\xe5-Z\xb4H\r;\xd6\xa3\xd3\xfc.:\x00\xc4)\xea\xd8W8\x1c\x1e5j\x94\x12\xab\xe7\\\xf4\xeaxC\x87v\xd7\x85\xbc\xfe84\xdf \x04"E\xbe\x11\x19]\xeb\xd6\xac\xca\xb9 @X4\xb2q\xd9L\x1c\x97\x8a\xca\x08!ej\x86\tY2v\xd8\xcfy\xdf\xaa\x1d\x95\xe0\xbcJ\x8dZ\xf7O|&gt;\x1a\t\xc5p\xed\x8f\x10\xe2\x9cY\x1c\xce\x0f\xd7/\xcf\xff)\x0f\x08\x11\x82\x1b\xa8\xf1\x81!c\xcaA\xf2\xf3"\xc0\x18G"\xa1\xaa\x95k\x0c\xea3\xbcD \x88,\\\xb80//OW\x83\xe3\x19\x1d\x00\xe2\x14U\xfb]\xbbv\xed\xee\xdd\xbbU.\xd5h\xa0\xd3\x1e\xeb\x89\xe2\xf5Y\xc2\x183\xc6\xd2\xaa\xba&amp;&lt;p\xb7\x94\x12I\x01@vm\xdb\xbc\xef\xd3\x0fm\x8e\xd4x\xab\x06K)1\xc2f\xabm\xd9\xe4G\xbe\xfa\xeccB\xa8\x14RJi\xb6\xda\x86\xcfy-%\xadj4\x1c\x8ea\x8eE\xb5~\x9e\xc9?\x96\xf5\xea\xb3%\xaa\x9f\xa2}\x9b\xae-\x9a\xb5-g\xd9\x9f\x0b\x87\x10\xe2\xf3{\xbbw\x19R\xb3Fme\x1c\xefv\xbb\xa7M\x9b\xa6\xcf\x04\xc43\xf1x\'i\xd4\xf2\xbf\xb0\xb0p\xec\xd8\xb1\x00\x801\x12B\x8c\x18\xdc\xa9q\x93\xda!\x7f&lt;4\xff\xfd6\x94\x90P\xa1wH\xcf[\xdb5o\xc08\'\x00\x08\xe3uK\xa7DB\xc1\xb8JYH)\x11\x92Vg\xea?g\x8d\xf8\xd7\x96u@\xa8*T\x00\x86\xbf\xcdx\xb5\xc1u\xad\x03^wlK,Rp\x8b\xdd\xb1q\xd9\x0c\xbf\xc7\r@8g\x0e{\xea}\x83G\xfb\x03\xde8v*\xc6B0\xb3\xc9\xfaP\xc6xT\x9c\xc0\xa4\xabV\xad\xda\xb1c\x07\xa5T\'\x82\xe2\x938\x9dJ\x92\x1c\xb5\xfc\x9f4iR~~&gt;\x01`\x8cW\xab\xe4\x1c\x99\xd1\x85\xf9c\xdf\xf8\x7f~$\x92\x94\x92)\x8f\xf6\x00\x00!9\x00\x1c\xf9\xee\xab\xecu\xcbl\x8e\x94x\xd9\x04H\x89\xa4\xb49\xd3\xde\x987\xf6\xc3\xf5\xcb\x81P)8\xc6XJ\xf1\xe0\xe4\xa5\xad\xef\xf8\xab\xb7\xf0\x0c\xa1\xb1\x0cWJ\xf5s\xff\xce\x9c\x9c\xac7T\xeb\xa7\x94\xb2G\xd7\xa1W\xd6\xa8\x13\x13\xd9\x9f\x0b\x07\x80\xf8\xfc\x9e\xb6\xad:5o\xd6F\x1d\n\xe1\x9cgff\x86\xc3a]\r\x8eO\xe2z6IN\xd4\xec\xaf\x9c\xf6\x08\x80DRJ9\xe3\xef\xbd\xaaV\xaf\x1c\x89\x9b\xd6\xcf\xdf\x83\x00\x04=\xfe\x0e\xb76\x1f\xd4\xe5&amp;\xce\x05\xc1\x18c\xc8z\xf5\xd9\xd3\xf9?\xc7\x87g\xa4\x14R\xdaS\xd3\xd6&gt;7\xe9\xbd\xd7\x9f\x03B\xa4\x10\x08\x83\x10\xe2\xdeq\x0b;\xf6\xba\xd7Sx*\xb6\xb3?*n\xfd\xa4k\x17O\xe6\x9c\x11 \x9c\xb3\x9a5j\xf7\xef\xf9\xa8\xc7[\x18\x87\xb5\x9f_#\x04\x7fd\xd8DJ\r\x9csJ\xe9\x9e={\xd6\xae]\xab\x05\x82\xe2\x13\x1d\x00\xe2\x0e\x95\xffQ^\xdb\x84\x10\xc6x\xbb\xe6\r2z\xdd\x1er\xfbh"&lt;\xff\x18\x80\x05B\xb32\xfb\xa4\xa5\xd8\x18\xe7\x84\x80\xdf\xe3\xde\xb8l\xa6\xc9b\x951n\t\x95B\x08Gj\xa5uK\xa6f\xbd:\x17\x08\x95B"\x8c\xa4\xe0\x19c\xe6u\x19\xf47O\xc1\xa9\x98\xa7\xaa8g6gj\xee\xe6U\x07\xf6~\x06%\xe5\xd3\x872\xc6[,6.\xe2\xb1\xfc{\x0e\x00\x10\x08\xfa\x1a\xd5\xbf\xbe\xe7\xdd\xf7\xaa\x96P\x00\x18;vlAA\x81\xde\x04\xc4!:\x00\xc4\x17\xaa\xf53;;;;;[5\xfe\x13\x80)\x8f\xf6\xa04a\xc4U\x00\xe3H8rE\xad\xeaO\x0c\xbcSe\xdb1@N\xd6\x1b\x87\xf6\xef1[c\xd9\x12*\xb8p\xa6V~\xf3\xc5g6-\x9b\x05\x84(\xbdR)\xc4\xbd\xe3\x16\xfce\xc8pO\xc1\xa9\xd86}"\x95@#4\xe8\xf7nzy\x16BH\xc9\xfe4o\xd6\xa6m\xabN&gt;\x9f\x87\xc4o\xf6\xff\x7f\x00 \x81\xa0\xafw\xb7\x07\\\xa9\x95U58??\x7f\xc1\x82\x05z\x13\x10\x87\xe8\x00\x10G\xa8\xb5\x7f\xb1\xb9\x12B\x04\x80s\xde\xff\xae\xd6\x1dnk\x1e\xf4\xf8\xcb\xcd\xf1\xf1\xd2!\x04"n\xdf\xe8\xfb\xef\xa9we5\xc68\x01\xe0\x9c\xadZ8\x1eH\xcc\xc4+\x04\xe7\xce\xb4\xca\x9b^\x9e\xbd\xe1\x85\xe9@\x88\x94\x12I$\xa5\xb8\x7f\xc2s]\x06\xfd\xdd\x1d\x07\xb3\xbf\x1a\xa4-\xc5\xf5\xce\x8a\x05\'\x8e\x1e&amp;D\xb9,\xd0G\x86M\x8c\xf3\xc3t\xe7\xa0ZB\xabU\xa9\x99\xd1\x7fDiK\xe8\xdc\xb9s\x0f\x1e&lt;\xa8c@\xbc\x910sJ2\xa0\xb2\xff\xca^\x95P\xca8O\xb1[\'=\xdc\x9d\x07#\xe5\xe9\xf8x\xe9`\x849\xe7\x16\x9be\xda\xdfz\xa0\x92\x8e\xfb\xfd;svm\x7f\xcf\xeaH)\x7f\x97\x15\xc1\x993\xadr\xd6\xab\xf3\xd6.\x9e\x0c\xf0\xcb\xec\xff\xc0\xc4\xc5\x9d\x07&lt;\xe2.8\x19\xf3\xcc\x0fBHJi2Y\x8e\x1f\xf9!{\xdd\xcb\xaa\xd2#\x84\xb8\xabc\xdf\x86\xf5\x9a\x05\x82\xbe8/\xfe\x9f\x03!\xd4\xeb+\xba\xf3\xb6^\xf5\xea4QfA\xca\xc8Zg\x81\xe2\x8dD\xba\xab*6B\x08\x8cq~~\xfe\xa4I\x930\xc6\xaa\xf5s\xf8\x80\x8e\r\x95\xeag|\xd7~\x7f\r!$\xe4\xf1\r\xe8\xde\xbe]\x8b\x06\x9c\x0b\x02\x18!\xbcz\xd1\x84P\xc0G\x08\x91\xe5x4\x8cs\xe6L\xab\xbay\xc5\xa2\xd5\x0b\'\x00\x10\x89\x8ag\xff\x07\x9f^\xd2\xa9\xff\xc3\xee8\xc8\xfb+\x84\xe0&amp;\xabm\xfd\x92\xa9~w\xa1\xeaL\xb5\xdb\x9c\x19\xfd3\x83\xa1@\x1c\xb7~\xfe.\x9cs\xab\xc5v\xff\xa0\xd1J[\x9b\x10\xb2a\xc3\x86\xe2\xc4\xa6n\t\x8d\x1bt\x00\x88\x17\x94\xec\xf3\xb8q\xe3\n\x0b\x0b\r\x942\xc6j_QeDF\xd7H\x91/\x86\x96/\x97\x82DHp&gt;wD?eaF\x08\xc9\xff)\xef\x9d\x15\x0bl)\xaer\xdb\x04p\xceR\xd2\xaanY\xb9\xf8\x8dyc\x00\x08\xfae\xf6_zg\xdf\x87\xdcg\xe2b\xed\x8f\x10\x12\x82\xdb\x9d\xae=\xb9\x1f|\xb6\xf5M\x80b\xc7\xc7A}\x86W\xad\\#\xce[?\x7f\x0fB\x88\xd7W\xd4\xaa\xe5\xedm[wR.F\xa5\xad\rz\x1f\x10?$\xe4\xccR\xf1P\xc9\x9f\xdd\xbbw\xafY\xb3\x86\x00\x11BH\x89f\xfe\xbdWZ\x95Tei\x1b\xeb\x01^\x0c\x04 \xec\x0f\xb5n\xdd\xf8\xc1\x9e\xed\x85\x90\x18#\x8cq\xf6\xba\x97\x8f\x1f\xf9\xa1|ZB\xd5\xec\xff\xc1\x9a\x17W\xcc\x1e\x85\x01\xa4Tj\xaa\xe2\xa1\xc9K\xef\xe8\xf3@\xd1\x99\x13\xaa\x18\xf0\x87\x94\xf58\x11B\x18a\xc6\xa2Y\xcbg\xab;A\x08Q\xafN\x93\x1e]3|~OB\xb4~\xfe\x0e\x98s~\xff\xe0\xa7lV\x87\xeanP\xcd\xcd\xba\x12\x10?\xe8\x00\x10\x17\xa8\xf2\xef\xa8Q\xa3\xc2\xe10\xa1\xc08o\xd7\xa2A\xff\xee\xedB\x85\xdeD~\xfe\x11\x00f\xbe\xd0\xd4\xc7z\xb9\x9cV5\x05\xf8\xdd\x85\xeb\x97N\xb5\xd8\x1ce]\xd8\x14\x9c\xa7\xa4U\xfdp\xfd\xf2\x7f\xccx\x02\x03\xa8\xa5?\x01\xfa\xe8\xf4\x97;\xf5{\xd8\xe7.0\x1a\xcd\x84RB\xce\xfb\xa2\xb4\x1c\xae?\xe7\xcc\xe1\xaa\xf4I\xd6\xeb\x07\xf6}\xaeZ?\xa5\x94\xf7\x0f\x1am6Y\xe2S\xf9\xe7\x02Q*\xa1\xf5\xeb4\xed\xd6eH\x89J(\x9e4iRaa\xa1\xb6\x0c\x8b\x13t\x00\x88=jf\xdc\xb0aCNN\x0e\xa5\x941n4\xd0\xb9#\xfa\t\xcee\xa2&gt;\xfb\xc5`\x8c\xa3\x91H\x95\xf4\xb4\xc9\x0f\xf7\x90\xc5\x9e\x91\xf0\xc5\x87Y\xfbw~R\xa6*\xa1Bp\x9b3u\xdb\xa6\x7f,\x9f\xf6\x18\x06@R"$\x01`\xf0\xa8Ym\xee\xea\x9b\xffS^$\x14\x08\xfa=A\x9f\'\xe8?\xdf+\xe0\xf5\x84\x02\xfe2\x1a\xa4BJi\xa0\xc6\x82\x93\xc77\xafXP"\xfb\xc3o\xb9\xa9s\xab\x96\xb7{}E\t\x1d\xfe\x11B\x84P\x8f\xb7\xa8O\xb7\x07\xab\xa7_\xa5\xac\x02\n\x0b\x0bU\x95Ko\x02\xe2\x01\x9d\x8c\x8b1RJ!\x04\xe7\xbci\xd3\xa6\x07\x0f\x1e4\x1a\x0c\x91ht\xc8\xddm^_\xf8x\xf0\x8c;\xd1\x9f\x7f\x84\x90D\x08#,\x017\xeb9\xfe\xe0\x91|B)c\xaca\xf3\x9b\xa7\xfc\xf3#\xbf\xa7\xa8,$w\x84\x10\x16\xab}\xff\x7frf=\xda\xadx\x0cR"\x84\x00 -\xbdf$\x18\xc4\x80\x11\xc2\x7f\xa8Q\x8a1H\xc1\xab\\q\xf5\x98%oQ\x83A\nQ\x16\xfa\xa0\x9cES\xab\xa4\xbf1o\xec;\xff\x98O\x08U\x1dS/\xcc}\xa7v\xadF\xc1\xa0?\xb1\x9a\x7f~\x13\xce\x99+\xb5\xf2[\xef\xbd\xb6\xf0\xc5q%\x7f |\xfd\xf5\xd7\r\x1a4P\x0b\x82X\x0f0\xa9\xd1W?\xc6(\xfb\x94y\xf3\xe6\x1d&lt;x\xd0`0D\x19KK\xb1\xcdz\xa2\x0f\xf3\x05\x13\xab\xf5\xf3\xf7\xc0\x08q\xceM\x16\xe3\xc2\'\x07(\xb3- \xe4\xc0\xde\xcfr7\xafr\xb8*\x95\x89@\x90\x94\xd4`&lt;\xfe\xe3\x0fR\xca\xe2\x96\x7f\x84\x10BB\x88\xd3\xff\xf7\x93\xa7\xf0\x94\xfb\xccI\xf7\x99\x13\xee3\'\xcf\xff*:\x9d\xef.8Ut:\xff\xf2\x8f\xb0\x04%\xfb\xf3\xe3\xb7_~\xb4~9\x948&gt;\xf6\xbc\xfb\xde\x86\xf5\x9a\xc5\xad\xea\xe7\x9f\x85\x10Z\xe4.\xe8rG\xdf\xa6\xd7\xdc\xc09#\x84\x16\x9ft\xd1\xa5\xe08\xa0"\xdca\x89\x8b\xaa\xf8\xe5\xe5\xe5\xcd\x993\x07\x00\x90\x94R\xca\'\x06\xdeyE\xad\xea\x91p$\xe1Z?\x7f\x0fB \xe4\rv\xed\xd0\xf2\x8e\xd6\x8d\xb9\x10\x801\xc2\xf8\xcd\x97f\x14\x9d\xca7PcY\xcc\x02RJ\xa3\xc9L\xa8\x01\x80\x9c\x9d\xd3\xa7\xd4@\r\x06J/\xe8e0\x98(5\x18\xcd\xd6\xcb&gt;\xbc\xb3G\n\x84\xae[2%\xe0\xf3` BpWj\xe5\xde\xdd\x1e\x08\x04\xfd\x89\xd8\xfa\xf9\xfbHJ\x0c\x83\xfb&gt;\x0e\x00\x82sBhvvv\xb1\xcd\x91n\t\x8d):\x00\xc4\x12U\xfb\x9d6m\x9a\xc7\xe3\xa1\x84D\x19kP+}\xf4\xfd\xf7D\xdc\xfe\x04m\xfd\xfc}\xa4\xe0b\xd1S\x83\x8c\x06u\xc0\x95\x9c:v\xe4\xbd\x95\x8b\xed\xa9.Q\x06\x9b\x00\x8cq$\x1c\xe4,\x1a\x8d\x849g\xa5/\xc6\xa2,\x1ae\xec\x82^\xd1h\x98\xb1\xa8\xb7\xf0\xf4e\x1f\x9e\x82snw\xba\xf6}\x9a\xbdk\xfb\xbb@\x8a[?3\xfa\x8f\xa8V\xa5f\x82\xb6~\xfe\x1e\x00\xc4\xeb+\xba\xf9\x86\x8e\xb7\xdfr\x0f\x17\xc5-\xa1\xca\xe8T\xef\x03b\x8b\xbe\xfa1C\xd5~sss;t\xe8\x80\x11\x92Hr.\xde[&lt;\xa2k\xc7\x1b\x82\x9e\x8a\x17\x00\x10\xe7\xdc\x92\xe6\x1c;\xeb\x8d9\xff\xdcB)\xe1BZ\xac\xf6\xc9+&gt;\xaaQ\xab~$\x1c\xc4\xf8\xb2\xfd\xbdRJ\xa3\xc9r\xf8\x9b=\xbbs\xb7`\x0cJ\xf3\xe7"\xc0\x08K$\xedNW\x87\x9e\xf7\x9e\x9dJ\xba\x8c`\x0cS\xee\xbb\xe3\xc8\x81\xffRB\x19\x8b6\xbd\xe6\x86\x05\xcf\xac\x0f\x87\x03\x97\xf1j\xc4\t\xaa\xd6}\xa6\xe8\xe4##\xff\xe2\xf3\xbb)\xa5\xd1ht\xc6\x8c\x19\xe3\xc7\x8fW\x0fB\xac\x07\x98\xa4\xe8\x00\x103\xd4\xe6\xb7C\x87\x0e\xb9\xb9\xb9\xaa\xf6{G\xeb\xc6\x1f\xfec|\xc8\x17\x84\x98I\xe6\x94!RJBi\x81\xc7\xd7\xac\xd7\xc4S\x05\x1e \x841\xd6\xe6\xae\xde\x99sW\xb9\x0b/\xf3q\\)\xa5\xc1h2[m\x97\xfe\xa3\x84\x10\x01\xaf\xfb\xd2\x7f\xce9p\xceR\\U&gt;X\xf3\xe2?ff\x02!H"\x84\xe4\xcc\x89+Z\xb5\xb8\xcd\xe7wW\xac\xfcO1\x9c3Wj\x95\xe5\xaf\xcfzc\xfd\xf3J,\xda\xe5J\xdd\xbf\x7f\x7f\xd5\xaaU\x11B\x15\xa3\xe0\x91p\xe8\x00\x10\x1b\x18c\x94\xd27\xdexc\xe8\xd0\xa1\x06JUf|\xdf\xfai\xd7\xd4\xbf2\x12\x8cw\xd7\x97\x8b\x86qnu9_Y\x95\xfd\xe0\xb4\x7f\x12B\xa4D\x08\xc9\xd1\x8b7]\xdf\xf6N\xbf\xb7\xe8\xf2\xcezJ\x81\xe0\xd2\x7f\x0eF\xf8\xb2\xb7*I))5\xf8&lt;\x85\xe3\x07\xb4\xf5\x14\x9c&amp;\x840\x16\xed\xd0\xae\xdb\xe41/\x15\x15\x9d\x8e\x93\xc3\xc9e\x80TG\x01\x1e\xcc\xbc\xeb\xff\xf2\x8f\x18\x0c\xc6h42l\xd8\xb0\x7f\xfe\xf3\x9fz\x13\x10+*\xe6D\x13\xe7\xa8\xee7\x8f\xc73u\xeaT\xc0\x18a$\x84x\xb0g\xfb&amp;J\xf6\xa7\x82\xce\xfe\x08!BH\xc4\xe3\x1f\xd4\xfd\x96\x16\x8dj)\xc7(!D\xd6\xf2\xd9\x9cE/{\xca\x1bc\xfc\x07\x87\xbc.\xecU6\x8d\xaa\xdcbslY\xb9\xc4}\xe6$\x00\x08\xc1mV\xc7\xa0&gt;\xc3C\xa1\xf8\xf5\xfb\xbc\x1c`\xce\x99\xd5j\x1f\xd2\xef\tT\xd2\xff\xb6z\xf5\xea={\xf6h\xe3\xf8XQ\x81\xef\xb6\xf8E5\xff\xcc\x993\'//\x8fP\xc2\x19w9\xadS\x1f\xeb\xc5\x02\xe1\n\x99\xfc)\x05#\xc4\xb9\xb0X\xcds2\xfbJ\x89\xa4\x14\x84\x90\x03\xfb&gt;\xdf\xf6\xd6k\x8e\x94\xb4x\xf1\x8c,c\x84\x10\x16\xab\xe3\x87\xafwm]\xf3".i\xfd\xec\xd6eH\x83\xba\xd7\x06\x83\xbe\x8a\x97\xfd?\x1bB\xa8\xd7\xeb\xee\xdc\xa1w\xd3kn\xe4\x9c\x01\x90H$\x92\x99\x99\xc99\xd7\xa9\x88\x98P\x91\xef\xb6\xf8D-|\x0e\x1e&lt;8o\xde&lt;\x02\xa0\xe4i&amp;?\xdc\xbdJzZ4\xee\x1d\x1f/\x1dB \xe4\xf1wlw]\xcf\x8e-9\x17\x18c\x8c\xf1\xc6\x97\x9e9u\xfc\xa8\xd1hN\x86Y\x00#\x04\x04V-\x1c\xcf\xa2\x11\x02D\x08\x9e^\xb5f\x9f\xee\x0fz\xbcE\x157\xf9\xf3?p\xce\x1f\x182\x86\x10\xaa\xce\x06\xef\xd8\xb1c\xf5\xea\xd5\xba%4&amp;\xe8\x00P\xde\xa89N\xf5\xc0)\xcf\xaf\x16\x8dj=2\xa0S\xc4\x1b(\x8blC|"9\x9f\xfdD\xdf\x14\xbbU\x85C\xf7\x99S[V.1\xdb\xec\x89\xe5|r\x11\x08\xce\xad\x8e\x94]\xdb\xdf\xdb\xbf3\x07\x80H)\xa4\x94\xc3\x06\x8c\xac\xe4\xaa\xcaX\xc5\x0f\xff\xa8D \xa8y\xb36wu\xec["\x10\x04S\xa7Nu\xbb\xdd\xba%\xb4\xfc\xd1\x01\xa0\\Q\xc5\xae\x9c\x9c\x9c\xe2S0\x82K)\x9f\xcd\xeck2\x1b9\xe7\x15\xff\xe9G\x08!\x04\x00!\x7f\xa8~\xe3\xab\x87\x0f\xe8(\x84P\x9e\x91[\xd7\xbcx\xe8\x9b\xbde*\x10\x14\x0f\x10B\xc3A\xff\xeaE\x13\x10B\x00\xc09oz\xcd\x8d\x9d:\xf4v{\n\x92d\xf9\x8f\x94gd\xc0\x97\xd1?\xd3nsr\xce(%yyy\x8b\x16-R\x17$\xd6\xa3K.t\x00(?\xd4\xb1\xafp8&lt;j\xd4(\x8c1\x00p.zu\xbc\xa1C\xbb\xebB^\x7fRuA\x10\x02\x91"\xdf\x88\x8c\xaeukV\xe5\\\x10 ,\x1a\xd9\xb8l&amp;\x06\xf8C\x89\x9e\xc4\x85sfq8?\\\xbf&lt;\xff\xa7&lt; D\x08n\xa0\xc6\x07\x86\x8cIh\xc9\xcf\x8b@yFV\xad\\cP\x9f\xe1\xa5\x9e\x91\x0b\x17.\xcc\xcb\xcb\xd3\xd5\xe0rF\x07\x80\xf2C\xd5~\xd7\xae]\xbb{\xf7n\x95\xf14\x1a\xe8\xb4\xc7z\xa2\xe4\xbb\xe3\x95\xf5qZU\xd7\x84\x07\xee\x96R")\x00\xc8\xaem\x9b\xf7}\xfa\xa1\xcd\x91Z!\xab\xc1RJ\xa3\xd1|&amp;\xffX\xd6\xab\xcf\x96\xa8~\x8a\xf6m\xba\xb6h\xd6\xb6\xc2\xc8\xfe\\8\x84\x10\x9f\xdf\xdb\xbd\xcb\x90\x9a5j+\xe3x\xb7\xdb=m\xda4\xad\x12Z\xce$\xd7m\x17C\xd4\xf2\xbf\xb0\xb0p\xec\xd8\xb1\x00\xa0\x1c\x1fG\x0c\xee\xd4\xb8I\xed\x90?\x96\xcd\x7fj\t\xc6\x85\xe0\xbc\xe4%\x94"}\xd9\xae\xc4)!\xa1B\xef\x90\x9e\xb7\xb6k\xde\x80qN\x00\x10\xc6\xeb\x96N\x89\x84\x82\x152\x19"\x05\xb7\xd8\x1d\x1b\x97\xcd\xf0{\xdc\x00\x84s\xe6\xb0\xa7\xde7x\xb4?\xe0-\xdfc_R\t\xd0\n\xc1K_R\x8a\xf24\xe9D\x08!\x84\x85`f\x93\xf5\xa1\x8c\xf1\xa885JW\xadZ\xb5c\xc7\x0eJ\xa9N\x04\x95\x1b:\x00\x94\x13j\xf9?i\xd2\xa4\xfc\xfc|\x02\xc0\x18\xafV\xc992\xa3\x0b\xf3\xc7\xa6\xf1_\x08\xc9\xb8\x10RRJ\xcc\x16\xa3\xc5</t>
        </is>
      </c>
    </row>
    <row r="306">
      <c r="A306" s="1" t="n">
        <v>304</v>
      </c>
      <c r="B306" t="inlineStr">
        <is>
          <t>color_overlap_squares</t>
        </is>
      </c>
      <c r="C306" t="inlineStr">
        <is>
          <t>What is the missing color of the part denoted with a question mark?</t>
        </is>
      </c>
      <c r="D306" t="inlineStr">
        <is>
          <t>['purple', 'blue', 'green', 'red']</t>
        </is>
      </c>
      <c r="E306" t="inlineStr">
        <is>
          <t>blue</t>
        </is>
      </c>
      <c r="F306" t="inlineStr">
        <is>
          <t>There are 3 squares which overlap each other in the image. The color of the squares are ['?', 'red', 'yellow']. The part where the first and second squares overlap is purple. The part where the second and third squares overlap is orange.</t>
        </is>
      </c>
      <c r="G306" t="inlineStr">
        <is>
          <t>We observe that the red and yellow squares overlap to form orange. Hence, the pattern is that the color of the part where two squares overlap is determined by mixing the two colors.</t>
        </is>
      </c>
      <c r="H306" t="inlineStr">
        <is>
          <t>Based on the pattern that the color of the part where two squares overlap is determined by mixing the two colors, the missing color of the part which overlaps with red to form purple should be blue.</t>
        </is>
      </c>
      <c r="I306" t="inlineStr">
        <is>
          <t>b'\x89PNG\r\n\x1a\n\x00\x00\x00\rIHDR\x00\x00\x02\x00\x00\x00\x02\x00\x08\x02\x00\x00\x00{\x1aC\xad\x00\x00 \xecIDATx\x9c\xed\xdd}\x8c]e\x81\xc7\xf1\xe7\xbc\xdc{;w\xa6/C-\xban1.\xbe\xae\x91@\x03EE\xb7\xe0\x02\xa9\xb8\x1a\xd9uY\xff\xb0v\x8d\xd0\x96@-\x1a#\x16$\xd9\x10\x95\x9a\x98u\xa1(\xd2V\x14\nd\xf1-\x1aw\x83\xb2\x11\\F]\xa8m\xc1\n\xa2\x10\x82\x8ao\xa9\x85N\xdby\xb9s\xef=\xe7&lt;\xfb\xc7S\x86q:\x9d\xde\x97\xe7\x9c\xf3\xbc|?1\xa6\x0e%=\xcet~\xdf{\xcf9so \xa5\x14\x00\x00\xff\x84e\x1f\x00\x00\xa0\x1c\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1c\x95\xa6\xa9\x94\xb2\xec\xa3@q\x02\xbe\xde\x00\x84\x10R\xca \x08f\xfe\x02\xce\xe3\x19\x00\xe0;)\xa5\x1a\xfd\x1bn\xb8a\xff\xfe\xfdA\x10dYV\xf6A\xa1\x08\x04\x00\xf0\x9a\x942\xcb\xb2 \x08.\xbf\xfc\xf2O~\xf2\x93\xefy\xcf{FGG\xc30\xa4\x01&gt; \x00\x80\xbf\xd4\xfaGQ\xb4~\xfd\xfam\xdb\xb6\xd5\xeb\x03\xbbv\xedZ\xbdz5\r\xf0\x04\x01\x00&lt;5s\xfdw\xec\xd8Q\xabV&amp;\'\x1bq\x1c\xef\xde\xbd\x9b\x06x\x82\x00\x00&gt;\x9a\xbd\xfe\xb5j\xb3\xd5&gt;\xef\xec\x97giB\x03\xfcA\x00\x00\xef\xccZ\xff\x81\x81Z\xb3\xd9\xba\xf4\xbd\xaf\xfb\xe1\xbd\x97\xdc\xfa\xa9UI\x92\xd4j\x15\x1a\xe0\x03\x02\x00\xf8\xe5\xd8\xf5o4\x9a\xeb\xfe\xe5\xf5_\xdeza\xfb\xc0\xe4\xba\xf5gl\xff\xf4\xaaf\xb3M\x03|@\x00\x00\x8f\x1co\xfd\xb7\xff\xc7\x05\xe9x+\x16"90\xb9n\x03\r\xf0\x05\x01\x00|1\xff\xfa\x87\x99\x0c\xc2 \x8e\xc3\xe4\xcf4\xc0\x17\x04\x00\xf0B\'\xeb\xaf~\'\r\xf0\x07\x01\x00\xdc\xd7\xf9\xfa+4\xc0\x13\x04\x00p\\\xb7\xeb\xaf\xd0\x00\x1f\x10\x00\xc0e\xbd\xad\xbfB\x03\x9cG\x00\x00g\xf5\xb3\xfe\n\rp\x1b\x01\x00\xdc\xd4\xff\xfa+4\xc0a\x04\x00p\x90\xae\xf5Wh\x80\xab\x08\x00\xe0\x1a\xbd\xeb\xaf\xd0\x00\'\x11\x00\xc0)y\xac\xbfB\x03\xdcC\x00\x00w\xe4\xb7\xfe\n\rp\x0c\x01\x00\x1c\x91\xf7\xfa+4\xc0%\x04\x00pA1\xeb\xaf\xd0\x00g\x10\x00\xc0zE\xae\xbfB\x03\xdc@\x00\x00\xbb\x15\xbf\xfe\n\rp\x00\x01\x00,V\xd6\xfa+4\xc0v\x04\x00\xb0U\xb9\xeb\xaf\xd0\x00\xab\x11\x00\xc0J&amp;\xac\xbfB\x03\xecE\x00\x00\xfb\x98\xb3\xfe\n\r\xb0\x14\x01\x00,c\xda\xfa+4\xc0F\x04\x00\xb0\x89\x99\xeb\xaf\xd0\x00\xeb\x10\x00\xc0\x1a&amp;\xaf\xbfB\x03\xecB\x00\x00;\x98\xbf\xfe\n\r\xb0\x08\x01\x00,`\xcb\xfa+4\xc0\x16\x04\x000\x9d]\xeb\xaf\xd0\x00+\x10\x00\xc0h6\xae\xbfB\x03\xccG\x00\x00s\xd9\xbb\xfe\n\r0\x1c\x01\x00\x0ce\xfb\xfa+4\xc0d\x04\x000\x91\x1b\xeb\xaf\xd0\x00c\x11\x00\xc08.\xad\xbfB\x03\xccD\x00\x00\xb3\xb8\xb7\xfe\n\r0\x10\x01\x00\x0c\xe2\xea\xfa+4\xc04\x04\x000\x85\xdb\xeb\xaf\xd0\x00\xa3\x10\x00\xc0\x08&gt;\xac\xbfB\x03\xccA\x00\x80\xf2\xf9\xb3\xfe\n\r0\x04\x01\x00J\xe6\xdb\xfa+4\xc0\x04\x04\x00(\x93\x9f\xeb\xaf\xd0\x80\xd2\x11\x00\xa04&gt;\xaf\xbfB\x03\xcaE\x00\x80r\xb0\xfe\n\r(\x11\x01\x00J\xc0\xfa\xcfD\x03\xcaB\x00\x80\xa2\xb1\xfe\xc7\xa2\x01\xa5 \x00@\xa1X\xff\xe3\xa1\x01\xc5#\x00@qX\xff\xf9\xd1\x80\x82\x11\x00\xa0 \xac\x7f\'h@\x91\x08\x00P\x04\xd6\xbfs4\xa00\x04\x00\xc8\x1d\xeb\xdf-\x1aP\x0c\x02\x00\xe4\x8b\xf5\xef\r\r(\x00\x01\x00r\xc4\xfa\xf7\x83\x06\xe4\x8d\x00\x00ya\xfd\xfbG\x03rE\x00\x80\\\xb0\xfe\xba\xd0\x80\xfc\x10\x00@?\xd6_/\x1a\x90\x13\x02\x00h\xc6\xfa\xe7\x81\x06\xe4\x81\x00\x00:\xb1\xfe\xf9\xa1\x01\xda\x11\x00@\x1b\xd6?o4@/\x02\x00\xe8\xc1\xfa\x17\x83\x06hD\x00\x00\rX\xff"\xd1\x00]\x08\x00\xd0/\xd6\xbfx4@\x0b\x02\x00\xf4\x85\xf5/\x0b\r\xe8\x1f\x01\x00z\xc7\xfa\x97\x8b\x06\xf4\x89\x00\x00=b\xfdM@\x03\xfaA\x00\x80^\xb0\xfe\xe6\xa0\x01=#\x00@\xd7X\x7f\xd3\xd0\x80\xde\x10\x00\xa0;\xac\xbf\x99h@\x0f\x08\x00\xd0\x05\xd6\xdfd4\xa0[\x04\x00\xe8\x14\xebo&gt;\x1a\xd0\x15\x02\x00t\x84\xf5\xb7\x05\r\xe8\x1c\x01\x00N\x8c\xf5\xb7\x0b\r\xe8\x10\x01\x00N\x80\xf5\xb7\x11\r\xe8\x04\x01\x00\xe6\xc3\xfa\xdb\x8b\x06\x9c\x10\x01\x00\x8e\x8b\xf5\xb7\x1d\r\x98\x1f\x01\x00\xe6\xc6\xfa\xbb\x81\x06\xcc\x83\x00\x00s`\xfd]B\x03\x8e\x87\x00\x00\xb3\xb1\xfe\xee\xa1\x01s"\x00\xc0_`\xfd]E\x03\x8eE\x00\x80\x17\xb1\xfen\xa3\x01\xb3\x10\x00\xe0(\xd6\xdf\x074`&amp;\x02\x00\x08\xc1\xfa\xfb\x84\x06L#\x00\x00\xeb\xef\x1d\x1a\xa0\x10\x00\xf8\x8e\xf5\xf7\x13\r\x10\x04\x00\x9ec\xfd}F\x03\x08\x00\xfc\xc5\xfa\xc3\xf3\x06\x10\x00x\x8a\xf5\x87\xe2s\x03\x08\x00|\xc4\xfac&amp;o\x1b@\x00\xe0\x1d\xd6\x1f\xc7\xf2\xb3\x01\x04\x00~a\xfdq&lt;\x1e6\x80\x00\xc0#\xac?\xe6\xe7[\x03\x08\x00|\xc1\xfa\xa3\x13^5\x80\x00\xc0\x0b\xac?:\xe7O\x03\x08\x00\xdc\xc7\xfa\xa3[\x9e4\x80\x00\xc0q\xac?z\xe3C\x03\x08\x00\\\xc6\xfa\xa3\x1f\xce7\x80\x00\xc0Y\xac?\xfa\xe7v\x03\x08\x00\xdc\xc4\xfaC\x17\x87\x1b@\x00\xe0 \xd6\x1fz\xb9\xda\x00\x02\x00\xd7\xb0\xfe\xc8\x83\x93\r \x00p\n\xeb\x8f\xfc\xb8\xd7\x00\x02\x00w\xb0\xfe\xc8\x9bc\r \x00p\x04\xeb\x8fb\xb8\xd4\x00\x02\x00\x17\xb0\xfe(\x923\r \x00\xb0\x1e\xeb\x8f\xe2\xb9\xd1\x00\x02\x00\xbb\xb1\xfe(\x8b\x03\r \x00\xb0\x18\xeb\x8fr\xd9\xde\x00\x02\x00[\xb1\xfe0\x81\xd5\r \x00\xb0\x12\xeb\x0fs\xd8\xdb\x00\x02\x00\xfb\xb0\xfe0\x8d\xa5\r \x00\xb0\x0c\xeb\x0f3\xd9\xd8\x00\x02\x00\x9b\xb0\xfe0\x99u\r \x00\xb0\x06\xeb\x0f\xf3\xd9\xd5\x00\x02\x00;\xb0\xfe\xb0\x85E\r \x00\xb0\x00\xeb\x0f\xbb\xd8\xd2\x00\x02\x00\xd3\xb1\xfe\xb0\x91\x15\r \x000\x1a\xeb\x0f{\x99\xdf\x00\x02\x00s\xb1\xfe\xb0\x9d\xe1\r \x000\x14\xeb\x0f7\x98\xdc\x00\x02\x00\x13\xb1\xfep\x89\xb1\r \x000\x0e\xeb\x0f\xf7\x98\xd9\x00\x02\x00\xb3\xb0\xfep\x95\x81\r \x000\xc8\xdc\xeb\x7f\t\xeb\x0fG\x98\xd6\x80@JY\xf0\x1f\x89\x12\x95~\xd7\xc1&lt;\xa4\x94A\x10\x84a\xa8\xd6\xbfV\xad6[\xadK\xff\xf9u_\xfe\x8f\x0b\xda\xac\x7fQB&gt;\xc9\xf9K\x92,&gt;\xb9\xbec\xdb\xcf\xd6_7\x12\xc7q\x92$+W\xae\xbc\xef\xbe\xfb\x86\x87\x87\xd5wAaGB\x00`\x96\xa3\xeb_\xab\xb6\xdb\xed\xab\xd6\xbe\xf1\xf3\x9f?_\x8c\xb7\x85\x94\x82a*@\x9a\x89fZ\xf6Ax!I\xb2xY}\xfb\xf6\x9f}\xec\x86\x87Z\x89h\xb5\xdao~\xf3\x9b\xbf\xf6\xb5\xaf-_\xbe&lt;\x08\x82\xc2\x1a@\x00|\xa1\x1eY|\xecc\x1f{\xf4\xd1G\xa3(JS\xe3\xbe\xcf\x83 8|\xf8\xf0\xde\xbd{\xd5\xe1EQ\xf0\xf67\xbd&lt;\x95B\xa62\x0c\x05\x7fMs\x15\x85A\x9a\xc9\x15\x7f\xbb\xf4\xdf\xff\xed\xef\xe4T\xbb\xc8\x07\xa1~\x92\x99L\x84\xa8,\xab\xff\xfd?|\xe3\x87\xbb\xfeX\xaf\x0fLN6&gt;\xf5\xa9O]w\xddui\x9aFQT\xcca\xc4\xc5\xfc1(\x9d\n\xc0O~\xf2\x93]\xbbv\x95},\xf3\xa9\xc6q\x96eQ\x18\xa6i\xf6\x83\xff\xfbC\xd9\x87\xe3\x97\xc9F"\xe2@J\xc1\xfe\xe7Jf2\x0b\x83\xcaP\xf5\xb2\xcb\xbf\xff\xc3]\x7f\xac\xd5\xaa\x93\x93\x8d\r\x1b6\\s\xcd5\xea\x1aXaGB\x00\xfc244\x14EQ\x14E\xadV\xab\xecc\x99[+I\xd4/\x82\x19\xe7\xa3\xd3\x8c\'\x00\xf9\xaaV\xc34\x95C\x83\x15\x9ej\xe5M\xad\x7f4T]\xff\xd1\x1f\xdc\xf6\xcd\'k\xb5j\xb3\xd9Z\xb7n\xdd\xad\xb7\xdeZ\xfc\xf9\x18\x02\xe0\x97,\xcb\xd24\x95R\xbe\xf9\xe5/\x7f\xfb)\xa7L\xb4\xdb\xa1a\x0f\xf6\xa4\x10q\x18\x1el4\xbe\xfa\xf8\xe3\x99\x94\x81\x08\xc20\xb8\xe2\xdd\xa7\xbdl\xe9\xd0\xe4d+\x8aB!\xa4\x10f\x1d\xb3\xbd2)k\x0b*\x0f\xec\xfd\xed\x8f\x7f\xf1\xc7,\x93\x19\xa1\xcd\xd9\xcc\xf5\xdf\xf1\xf5_\x1d\xbd\xcfm\xdd\xba\xed\xdb\xb7\xa7i\x1a\x86a\xc1\'\xdf\x08\x80\x8f\xb2,;\xef\x94Sn8\xf7\xdc\x83\x93\x93qh\xdc\xad\xc0\x99\x94\x0b\xe2\xf8u\'\x9d\xb4yd$\x8e\x824\x93O\xff\xe1\xd0\xcd\x1b\xdf\x1e\x0e\xd5\xc4T"\xa2\x80G\xa9\xda\xa4\x99\x18\x1e\x8co~`\xe41\xce\xb6\xe5\xce\xb4\xf5\x17\x04\xc0[\x93\xed\xf6\xc1\xc9\xc9\x03F\x06@\x08!\x85\xb8\xe2\x8c3\x84\x10\x9bGF*Q\xf8?\x8f&lt;\xbb\xe2\xf2\xbb\xbf\xbf\xe5\x9f\x86\x87\xaaSSI\x14\xf1\x0c@\x8f$\xcd\x16\n1\xd1h\x97} \xee3p\xfd\x05\x01\xf0V\x18\x04q\x18\xaa\xff\x94},s\xfb\xf3\xe4\xe4t\x03jq\xf4\xf3_?\xf7\xae\xeb\xbes\xdfg\xffqx\xb0\xd6\xa0\x01\xfa\xc4Q\xc8\xbd\xffy3s\xfd\x05?\t\x0cc\xc5a\xa8\x1a\xf0\xd9U\xab\x9aIZ\x8b\xa3G\x9e\xfe\xf3\xea\xcd\xdf\x1e\x9dh\x0e,\x88\xd3\x94\xd3@\xb0\x83\xb1\xeb/\x08\x00LF\x03`;\x93\xd7_\x10\x00\x18\x8e\x06\xc0^\x86\xaf\xbf \x000\x1f\r\x80\x8d\xcc_\x7fA\x00`\x05\x1a\x00\xbbX\xb1\xfe\x82\x00\xc0\x164\x00\xb6\xb0e\xfd\x05\x01\x80Eh\x00\xccg\xd1\xfa\x0b\x02\x00\xbb\xd0\x00\x98\xcc\xae\xf5\x17\x04\x00\xd6\xa1\x010\x93u\xeb/\x08\x00lD\x03`\x1a\x1b\xd7_\x10\x00X\x8a\x06\xc0\x1c\x96\xae\xbf \x00\xb0\x17\r\x80\t\xec]\x7fA\x00`5\x1a\x80rY\xbd\xfe\x82\x00\xc0v4\x00e\xb1}\xfd\x05\x01\x80\x03h\x00\x8a\xe7\xc0\xfa\x0b\x02\x007\xd0\x00\x14\xc9\x8d\xf5\x17\x04\x00\xce\xa0\x01(\x863\xeb/\x08\x00\\B\x03\x907\x97\xd6_\x10\x008\x86\x06 ?\x8e\xad\xbf \x00p\x0f\r@\x1e\xdc[\x7fA\x00\xe0$\x1a\x00\xbd\x9c\\\x7fA\x00\xe0*\x1a\x00]\\]\x7fA\x00\xe00\x1a\x80\xfe9\xbc\xfe\x82\x00\xc0m4\x00\xfdp{\xfd\x05\x01\x80\xf3h\x00z\xe3\xfc\xfa\x0b\x02\x00\x1f\xd0\x00t\xcb\x87\xf5\x17\x04\x00\x9e\xa0\x01\xe8\x9c\'\xeb/\x08\x00\xfcA\x03\xd0\t\x7f\xd6_\x10\x00x\x85\x06`~^\xad\xbf \x00\xf0\r\r\xc0\xf1\xf8\xb6\xfe\x82\x00\xc0C4\x00\xc7\xf2p\xfd\x05\x01\x80\x9fh\x00f\xf2s\xfd\x05\x01\x80\xb7h\x00\x14o\xd7_\x10\x00\xf8\x8c\x06\xc0\xe7\xf5\x17\x04\x00\x9e\xa3\x01&gt;\xf3|\xfd\x05\x01\x00h\x80\x9fX\x7fA\x00\x00A\x03\xfc\xc3\xfa+\x04\x00\x10\x82\x06\xf8\x84\xf5\x9fF\x00\x80\xa3h\x80\x0fX\xff\x99\x08\x00\xf0"\x1a\xe06\xd6\x7f\x16\x02\x00\xfc\x05\x1a\xe0*\xd6\xffX\x04\x00\x98\x8d\x06\xb8\x87\xf5\x9f\x13\x01\x00\xe6@\x03\\\xc2\xfa\x1f\x0f\x01\x00\xe6F\x03\xdc\xc0\xfa\xcf\x83\x00\xf8EJf\xab\x0b4\xc0v\xac\xff\xfc\x08\x80/\xa4\x94R\xca8\x8e\xcb&gt;\x10\xcb\xd0\x00{\xb1\xfe\'D\x00\xbc \xa5\x0c\x82 \x08\x82C\x87\x0e\x95},\xf6\xa1\x016b\xfd;A\x00\xdc\'\xa5\xcc\xb2,\x0c\xc3\xf5\xeb\xd7\xef\xd9\xb3\xa7\x1a\xc7B\x08F\xab+4\xc0.\xac\x7f\x87\x08\x80\xe3\xd4\xfaGQ\xb4~\xfd\xfa\x1d;vDQ\x94e\x99\x10\xa2\x12\x86\\\x0f\xe8\n\r\xb0\x05\xeb\xdf9\x02\xe0\xb2Y\xeb_\xadV\xd34U\xff\xe8\xb9F\xa3\x16\xc74\xa0+4\xc0|\xac\x7fW\x08\x80\xb3f\xad\x7f\xadVk\xb5Za\x18&amp;Y\x16\x06\xc1]O&lt;q\xe3\xde\xbd/\x1d\x1aJ\xb2\xac\xec#\xb5\t\r0\x19\xeb\xdf-\x02\xe0\xa6Y\xeb?00\xd0l6/\xbf\xfc\xf2U\xabV\t!\x820L\xa5\xbcfd\xe4\x96G\x1f=\xb9^\xa7\x01]\xa1\x01fb\xfd{@\x00\x1ct\xec\xfa7\x1a\x8d5k\xd6|\xe9K_z\xf1\x9c\x8f\x94q\x18m\x1e\x19\xb9\xe5g?\xa3\x01\xdd\xa2\x01\xa6a\xfd{C\x00\\3\xe7\xfa\xaf]\xbb\xf6\xb6\xdbnk6\x9bI\x92\x1c\xfdmB$YJ\x03zF\x03\xcc\xc1\xfa\xf7\x8c\x008e\x9e\xf5\x1f\x1b\x1b\x13B\x84a(\x84H\xd3t\xd5\xd9\x97\xbc\xe6o\xceJ\xb2\xb4\x12\xc54\xa074\xc0\x04\xac\x7f?\x08\x80;\xe6_\xff,\xcbf~\',Z\xf8\x92\xab&gt;\xf8\xa5\xbf~\xd9k\xdaiB\x03zF\x03\xca\xc5\xfa\xf7\x89\x008\xe2\x84\xeb\xaf\x1e\xfbOk6\'\x07\x16\x0c]\xf9\x81\x9bO\xf9\xab\xd7\xd3\x80~\xd0\x80\xb2\xb0\xfe\xfd#\x00.\xe8v\xfd\x85\x10a\x18\xb5ZS\xf5\x81\x85\x1b\xff\xf5\x0b4\xa0O4\xa0x\xac\xbf\x16\x04\xc0z=\xac\xbf\xa2\x1a0\xb0\x80\x06h@\x03\x8a\xc4\xfa\xebB\x00\xec\xd6\xf3\xfa+a\x18\xb5Z\r\x1a\xa0\x05\r(\x06\xeb\xaf\x11\x01\xb0X\x9f\xeb\xaf\xd0\x00\x8dh@\xdeX\x7f\xbd\x08\x80\xad\xb4\xac\xbfB\x034\xa2\x01\xf9a\xfd\xb5#\x00V\xd2\xb8\xfe\n\r\xd0\x88\x06\xe4\x81\xf5\xcf\x03\x01\xb0\x8f\xf6\xf5Wh\x80F4@/\xd6?\'\x04\xc029\xad\xbfB\x034\xa2\x01\xba\xb0\xfe\xf9!\x006\xc9u\xfd\x15\x1a\xa0\x11\r\xe8\x1f\xeb\x9f+\x02`\x8d\x02\xd6_\xa1\x01\x1a\xd1\x80~\xb0\xfey#\x00v(l\xfd\x15\x1a\xa0\x11\r\xe8\r\xeb_\x00\x02`\x81\x82\xd7_\xa1\x01\x1a\xd1\x80n\xb1\xfe\xc5 \x00\xa6+e\xfd\x15\x1a\xa0\x11\r\xe8\x1c\xeb_\x18\x02`\xb4\x12\xd7_\xa1\x01\x1a\xd1\x80N\xb0\xfeE"\x00\xe6*}\xfd\x15\x1a\xa0\x11\r\x98\x1f\xeb_0\x02`(C\xd6_\xa1\x01\x1a\xd1\x80\xe3a\xfd\x8bG\x00Ld\xd4\xfa+4@#\x1ap,\xd6\xbf\x14\x04\xc08\x06\xae\xbfB\x034\xa2\x013\xb1\xfee!\x00f1v\xfd\x15\x1a\xa0\x11\rPX\xff\x12\x11\x00\x83\x18\xbe\xfe\n\r\xd0\x88\x06\xb0\xfe\xe5*\x7fP\xa0X\xb1\xfe\n\r\xd0\xc8\xe7\x06\xb0\xfe\xa53eS&lt;g\xd1\xfa+4@#?\x1b\xc0\xfa\x9b\xc0\xacY\xf1\x93u\xeb\xaf\xd0\x00\x8d|k\x00\xebo\x08\x13\x97\xc5+\x96\xae\xbfB\x034\xf2\xa7\x01\xac\xbf9\xcc\x1d\x17\x1fX\xbd\xfe\n\r\xd0\xc8\x87\x06\xb0\xfeF1}_\x1c\xe6\xc0\xfa+4@#\xb7\x1b\xc0\xfa\x9b\xc6\x8e\x89q\x8f3\xeb\xaf\xd0\x00\x8d\\m\x00\xebo \x9bV\xc6\x19\x8e\xad\xbfB\x034r\xaf\x01\xac\xbf\x99\xec\x1b\x1a\xdb9\xb9\xfe\n\r\xd0\xc8\xa5\x06\xb0\xfe\xc6\xb2uk,\xe5\xf0\xfa+4@#7\x1a\xc0\xfa\x9b\xcc\xee\xb9\xb1\x8b\xf3\xeb\xaf\xd0\x00\x8dlo\x00\xebo8\x17\x16\xc7\n\x9e\xac\xbfB\x034\xb2\xb7\x01\xac\xbf\xf9\xdc\x19\x1d\x93y\xb5\xfe\n\r\xd0\xc8\xc6\x06\xb0\xfeVpmw\x0c\xe4\xe1\xfa+4@#\xbb\x1a\xc0\xfa\xdb\xc2\xcd\xe91\x87\xb7\xeb\xaf\xd0\x00\x8dli\x00\xebo\x11\x97\xd7\xa7t\x9e\xaf\xbfB\x0342\xbf\x01\xac\xbf]\xdc\x1f\xa0\xb2\xb0\xfe\xd3h\x80F&amp;7\x80\xf5\xb7\x8e/\x1bT0\xd6\x7f\x16\x1a\xa0\x91\x99\r`\xfdm\xe4\xd7\x0c\x15\x83\xf5\x9f\x13\r\xd0\xc8\xb4\x06\xb0\xfe\x96\xf2q\x89r\xc5\xfa\xcf\x83\x06hdN\x03X\x7f{\xf9;Fy`\xfdO\x88\x06hdB\x03X\x7f\xab\xf9\xbeG\x1a\xb1\xfe\x1d\xa2\x01\x1a\x95\xdb\x00\xd6\xdfvL\x92\x1e\xac\x7fWh\x80Fe5\x80\xf5w\x00\xab\xa4\x01\xeb\xdf\x03\x1a\xa0Q\xf1\r`\xfd\xdd\xc00\xf5\x8b\xf5\xef\x19\r\xd0\xa8\xc8\x06\xb0\xfe\xce`\x9b\xfa\xc2\xfa\xf7\x89\x06hTL\x03X\x7f\x970O\xbdc\xfd\xb5\xa0\x01\x1a\xe5\xdd\x00\xd6\xdf1,T\x8fX\x7f\x8dh\x80F\xf95\x80\xf5w\x0f#\xd5\x0b\xd6_;\x1a\xa0Q\x1e\r`\xfd\x9d\xc4Nu\x8d\xf5\xcf\t\r\xd0Ho\x03X\x7fW1U\xdda\xfdsE\x034\xd2\xd5\x00\xd6\xdfa\xacU\x17X\xff\x02\xd0\x00\x8d\xfao\x00\xeb\xef6\x06\xabS\xac\x7fah\x80F\xfd4\x80\xf5w\x1e\x9b\xd5\x11\xd6\xbf`4@\xa3y\x1aP_\x10\xcbl\xee\x06\xb0\xfe&gt;`\xb6N\x8c\xf5/\x05\r\xd0\xe8\xb8\r\x18o\x06\x0b\xe2$\x9d\xfd\xc9d\xfd=\xc1r\x9d\x00\xeb_"\x1a\xa0\xd1\xdc\r\xb8\xf6;\x13\x13\xad\x85\x03\x95\x99\xbf3c\xfd\xbd\xc1x\xcd\x87\xf5/\x1d\r\xd0\xe8\xd8\x06\xec{\xe6\xc0{&gt;\xfe\xcd?\x1d\x9c|\xf17I)Y\x7fo\xb0_\xc7\xc5\xfa\x1b\x82\x06h4\xab\x01\x95(\xbc\x7f\xdf\xef\xbf\xf8_\xfb\xa2(\x10BdRJ!*C\xd5\xf5\x1fa\xfd\xbd\xc0\x84\xcd\x8d\xf57\n\r\xd0hf\x03\xdaiV\x89\xc2`\xc6?\n\x16V/\xfb\xc8\x0fv|\x83\xf5\xf7\x02+6\x07\xd6\xdf@4@\xa3Y\r\x10/,{\x18\x04\x1f\xfd\xc8\xfd\xb7}\xebI\xd6\xdf\x13\x0c\xd9l\xac\xbf\xb1h\x80FG\x1b\xb0b\xc5\x96U\xab\xa2 \x90\x99\x10B\xdc\xff\xd0\x1fn\xbc\xe3\xb1Z\xb5\xc2\xfa{\x82-\xfb\x0b\xac\xbf\xe1h\x80Fq\x18\xee\x1f\x1f\xff\xc8\x99g\xaey\xc3\x1b2)\xe30\xcc\xa4\xacV+\xcdV\x9b\xf5\xf7\x04s\xf6"\xd6\xdf\n4@\xa3 \x08\x9aI\xf2\x92\x81\x01\xf5?\xa3(j\xb1\xfe&gt;a\xd1\x8eb\xfd-B\x034\n\x82\xa0\x9deB\x880\x0c\xd34e\xfd\xbd\xc2\xa8\t\xc1\xfa[\x88\x06h\xa4f\xbe\x95$g\x9du\xd6\xf6\xed\xdb\xd5_x\xd6\xdf\x07\xec\x1a\xebo+\x1a\xa0\xdd\x92%K\xa4\x94RJ\xd6\xdf\x13\xbeO\x1b\xebo5\x1a\xa0W\x92$A\x10\xb0\xfe\xfe\xf0z\xddX\x7f\x07\xd0\x00\x8d\x98~\xdf\xf8;p\xac\xbf3h\x00\xd0\x1bO7\x8e\xf5w\x0c\r\x00z\xe0\xe3\xcc\xb1\xfeN\xa2\x01@\xb7\xbc[:\xd6\xdfa4\x00\xe8\x8a_c\xc7\xfa;\x8f\x06\x00\x9d\xf3h\xefX\x7fO\xd0\x00\xa0C\xbeL\x1e\xeb\xef\x15\x1a\x00t\xc2\x8b\xd5c\xfd=D\x03\x80\x13r\x7f\xf8X\x7fo\xd1\x00`~\x8eo\x1f\xeb\xef9\x1a\x00\xcc\xc3\xe5\xf9c\xfd!h\x00p|\xce. \xeb\x8fi4\x00\x98\x93\x9b#\xc8\xfac\x16\x1a\x00\x1c\xcb\xc1\x1dd\xfd1\'\x1a\x00\xcc\xe2\xda\x14\xb2\xfe\x98\x07\r\x00frj\rY\x7f\x9c\x10\r\x00\xa6\xb93\x88\xac?:D\x03\x00\xc5\x91Md\xfd\xd1\x15\x1a\x00\x087\x02\xc0\xfa\xa3\x074\x00\xb0~\x19Y\x7f\xf4\x8c\x06\xc0sv\x8f#\xeb\x8f&gt;\xd1\x00\xf8\xcc\xe2}d\xfd\xa1\x05\r\x80\xb7l\x9dH\xd6\x1f\x1a\xd1\x00\xf8\xc9\xca\x95d\xfd\xa1\x1d\r\x80\x87\xec\x1bJ\xd6\x1f9\xa1\x01\xf0\x8de[\xc9\xfa#W4\x00^\xb1i.Y\x7f\x14\x80\x06\xc0\x1f\xd6,&amp;\xeb\x8f\xc2\xd0\x00x\xc2\x8e\xd1d\xfdQ0\x1a\x00\x1fX\xb0\x9b\xac?JA\x03\xe0&lt;\xd3\xa7\x93\xf5G\x89h\x00\xdcf\xf4z\xb2\xfe(\x1d\r\x80\xc3\xcc\x1dP\xd6\x1f\x86\xa0\x01p\x95\xa1\x1b\xca\xfa\xc3(4\x00N2qFY\x7f\x18\x88\x06\xc0=\xc6-)\xeb\x0fc\xd1\x008\xc6\xac1e\xfda8\x1a\x00\x97\x18\xb4\xa7\xac?\xac@\x03\xe0\x0cS&amp;\x95\xf5\x87Eh\x00\xdc`\xc4\xaa\xb2\xfe\xb0\x0e\r\x80\x03\xca\x1fV\xd6\x1f\x96\xa2\x01\xb0]\xc9\xdb\xca\xfa\xc3j4\x00V+s^Y\x7f8\x80\x06\xc0^\xa5-,\xeb\x0fg\xd0\x00X*.\xe5Oe\xfdK\'e\x96fI\x96\xa5e\x1f\x88;\x1aS\xe3\xb5j\xfd\x8a\x0f\xdct\xf3\x1dW\xfeq\xff\xd3q\x18m\x1e\x19\x11B\\q\xc6\x19\xfb\'\'\x83\xb2\x0foNI\x96%Y\x96IY\xf6\x81\xa0\x1c%\x04\x80\xf57A\xb5:\xb0x\xe8%\x81\x10aX\xce\x83\x00\x07\x05"M\xd3\x85\x83\']{\xc5\x7f~a\xe7\xc6\xa7\x9e\xd9=\xdd\x80\xab\xce&lt;s*I\xc2\xc0\xb8\n$YvR\xbd^\xafT\xca&gt;\x10\x94\xa3\xe8o~\xd6\xdf\x04a\x18\xfe\xea\xe9\x87\xef\xf9\xef-\xcdV#\x08\xf8\x84\xeb"\x85\x08\xb2,\xad\xd5\xea\xcb\x96\x9e\xf2\xd4\xaf\xf7\xa42\x0b\x82`\xf3\xc8\xc8\x93\x07\x0f\x9e40\x90d\x99i\x05\xc8\xa4\x1c\xacT\xfe\xf7w\xbf\x0b\xc30\xe3T\x95\x7f\n\r\x80\x94R\x081\xbd\xfe\xb5Z\x8d\xf5/X\x18\x86Q\x14EQ\xf4\xf4o\x1f}\xfa\xb7\x8f\x96}8.\x8b\xa2H\xc55K\xd3\xaf&gt;\xfex\xd9\x87s\x02\xd5j5MS\xbe\x01}St\x00\xa4\x94W^y\xa5Z\xfff\xb3\xb9f\xcd\x1a\xd6\xbf0A\x10\x8c\x8f\x8f\xa7i\x9a\xa6\x9c\xfa\xcf\xdd\xccOr\x14\x86\x81\x10a\x18\xb6\x92\xa4\xc4C\x9aG\xab\xd5\x12B\x8c\x8f\x8f\x97} (Tq\x01H\xd34\x8a\xa2O\x7f\xfa\xd3\xdb\xb6m\xab\xd7\xeb\x93\x93\x93o{\xdb\xdb\xee\xbc\xf3\xce\xe7\x9f\x7f^\x08\xc1\xfa\xe7-\x08\x82$I\xde\xf4\xa67\xd5\xebu\x9e\xef\x17 \xcb\xb28\x8e\x83 \xf8\xd1\x8f~\xa4\xfe\xf2\xb7\x92\xe4\xcc3\xcf\\\xbcx\xb14\xef\xa2k\x14Ei\x9a\xaeX\xb1B\x08\x11\x98w\xad\x029\t\n\xfb\xbb\xa8\x1e\xfe\xff\xfe\xf7\xbf\x7f\xdf\xfb\xde\xf7\xf0\xc3\x0fW\xab\xd5J\xa5r\xc3\r7l\xda\xb4\xe9\xc0\x81\x03q\xcc\xa5\xc8",X\xb0 \x8a\xa2\xb2\x8f\xc2}Y\x96\x05AP\xab\xd5\xae\xb8\xe2\x8am\xdb\xb6U*\x95f\xb3\xb9n\xdd\xba\xed\xdb\xb7\x97}h\xc0\x8b\x8a\x0b\x80\x10BJ\x19\x04\xc1\xe8\xe8\xe8\xea\xd5\xabw\xef\xde\xad\x1et\xdct\xd3M4\xa00&lt;\xf0/\x80:\x9f\xb9p\xe1\xc2\x0f}\xe8Cw\xdf}w\xb5Zm\xb5Zj\xfd\xb3,S\xdf\x05e\x1f\xe3q\xf1\\\xdc+\x85\x06@\xbc\xf0\xbd1\xdd\x00u%\x80\x06\xc0\x19\xd3\xeb\x7f\xe9\xa5\x97\xee\xdc\xb9S\xdd\xe7\xa6\xd6_]e5y\xfd\xe1\x9b\xa2k\xaf\xce&gt;\x0f\x0f\x0f\xdfw\xdf}+W\xael6\x9b\xb5Z\xed\xaa\xab\xae\xda\xbau\xeb\xb2e\xcb\x12S/\x91\x01\x9d`\xfda\x97\x12\x9e\xee\xd1\x008\x89\xf5\x87u\xca9\xdfG\x03\xe0\x18\xd6\x1f6*\xed\x82\x0f\r\x803X\x7fX\xaa\xcc+\xfe4\x00\x0e`\xfda\xaf\x92o\xf9\xa2\x01\xb0\x1a\xeb\x0f\xab\x95\x7f\xcf/\r\x80\xa5X\x7f\xd8\xae\xfc\x00\x08\x1a\x00\x0b\xb1\xfep\x80\x11\x01\x104\x00Va\xfd\xe1\x06S\x02 h\x00,\xc1\xfa\xc3\x19\x06\x05@\xd0\x00\x18\x8f\xf5\x87K\xcc\n\x80\xa0\x010\x18\xeb\x0f\xc7\x18\x17\x00A\x03`$\xd6\x1f\xee11\x00\x82\x06\xc00\xac?\x9cT\xf4\xcbAw\xc5\xe1\xd7\x8e\x9e\xf5ig&gt;L\xc6\xfa\xc3UF\x07@\xb8\xd5\x80,\xcb\xd4\x1bE\xa9\xb7eW\xc3!\xa5\xcc\xb2l\xfa}zY\x13\xd3\xb0\xfep\x98\xe9\x01\x10\xf67@J\x99\xa6i\x1c\xc7\xf5z\xbdZ\xad\xa6i:&gt;&gt;&gt;66\xd6h4Z\xadV\xa5R\xa9\xd7\xeb\x8b\x17/\x1e\x1a\x1a\xca\xb2lllL\xbd\x7fl\xd9G\r!X\x7f\xb8\xce\x82\x00\x08\x9b\x1b\x90eY\xadV\x1b\x1c\x1c&lt;|\xf8\xf0\xbe}\xfbFFF\xf6\xec\xd9\xf3\xcc3\xcf\xec\xdf\xbf\xbf\xd1h\xa8\x11\xa9\xd7\xeb\xcb\x97/?\xfd\xf4\xd3\xdf\xf9\xcew^p\xc1\x05CCC\x87\x0f\x1f\xa6\x01\xa5c\xfd\xe1&lt;;\x02 \xecl@\x96e\x83\x83\x83\xcf&gt;\xfb\xec=\xf7\xdc\xf3\xado}\xeb\xe7?\xff\xf9\t\xff\x95\xd3O?\xfd\xfa\xeb\xaf\x7f\xf7\xbb\xdf=::\xca\xbb\xb3\x96\x88\xf5\x87\x0f\xac\t\x80\xb0\xad\x01i\x9a.^\xbc\xf8\x8e;\xee\xb8\xfa\xea\xabGGG\xd5\x07+\x95\x8a\x1a\x0eu=@\x08\x11\x04\x81\x1azu1@}p\xcb\x96-\x1f\xff\xf8\xc7GGGy\x1eP\n\xd6\x1f\x9e\xb0\xe91\xa6u\xf7\x86J)_\xfa\xd2\x97\x8e\x8e\x8eV*\x95J\xa5\x12EQ\xbb\xddn\xb5Z\xadV+I\x125\xf7i\x9a\xb6\xdb\xedv\xbb\x9d\xa6\xa9\x94R]\x1f\xbe\xe6\x9akv\xee\xdc9&lt;&lt;\xac\xae\x0c\xa3H\xac?\xfca\xd33\x00\xc5\xa2\xe7\x01Y\x96-^\xbc\xf8\x1d\xefx\xc7\xfd\xf7\xdf\xaf&gt;r\xf2\xc9\'\x9fs\xce9g\x9du\xd6\xab^\xf5\xaa%K\x96DQ411\xf1\xd4SO\xdd{\xef\xbd\x0f&gt;\xf8\xa0\xfa=a\x18J)\x97.]\xbag\xcf\x9e\x93N:\xa9\xddn\xb38\x85a\xfd\xe1\x15\xfb\x02 \xeci@\x9a\xa6K\x96,\xf9\xeew\xbf\xfb\xde\xf7\xbe\xf7\xdcs\xcf]\xb3f\xcd\x05\x17\\\xb0|\xf9\xf28\x8e\xd34\xcd\xb2LJ\x19\x86a\x14EI\x92\xec\xdc\xb9\xf3\xc3\x1f\xfep\xb3\xd9T\x1fL\xd3t\xcb\x96-\x9b7o6\xea\xff\x91\xdbX\x7f\xf8\xc6\xca\x00\x08{\x1a\x10\x04A\xab\xd5z\xe2\x89\'\xce&gt;\xfb\xec\x81\x81\x81\xf1\xf1q5\xf1jJ\xd4\xcf\x01\xa8/\xc1\xb2e\xcb&gt;\xf7\xb9\xcf]}\xf5\xd5\xea\xbc\x7f\x96e\xe7\x9dw\xde\xf7\xbe\xf7\xbd\xf1\xf1q\xae\x06\x17\x80\xf5\x87\x87l\r\x80\xb0\xaa\x01\x03\x03\x03\x13\x13\x13\xea\x06\xff9wD=\xea\x9f\x98\x98X\xb1b\xc5\x81\x03\x07\xa2(J\xd3\xf4\x95\xaf|\xe5\xc3\x0f?\xbc`\xc1\x824MY\x9f\\\xb1\xfe\xf0\x93\xc5\x0f-m\xb9&amp;,\xa5\x1c\x1f\x1f\x0f\x82 \x8e\xe3\xe3\xedH\x10\x04\xea|\xd1\xa9\xa7\x9e*^xe\x88#G\x8eLMM\xf1\xf0?o\xac?\xbce\xf7\xb8\xd8\xd2\x80\x0eG&lt;\x08\x82\x99[\xc3\xf4\x14\x80\xf5\x87\xcf\xec\x0e\x80\xb0\xa7\x01\xf3S7\x80NLL\xfc\xe9O\x7f\x9a\xfe\xe0\x92%K\xea\xf5:w\x82\xe6\x87\xf5\x87\xe7\xac\x0f\x80p\xa2\x01i\x9a\x0e\r\r=\xf2\xc8#\xcf&gt;\xfb\xac\xba\r4\x08\x82\xd7\xbe\xf6\xb5\x8b\x17/N\x92\x84\x19\xca\x03\xeb\x0f\xb8\x10\x00ay\x03\xb2,\xabT*\xedv\xfb\xfa\xeb\xaf\x9f\xbe&amp;/\xa5|\xd7\xbb\xde\x15E\x91\xbdW\xe9M\xc6\xfa\x03\xc2\xea\xbb\x80\x8ee\xcb}A3\xa9c^\xb4h\xd1e\x97]v\xfb\xed\xb7\xab\xab\x05Y\x96\xbd\xfa\xd5\xaf~\xe8\xa1\x87\xe28V\xaf ]\xf6a:\x85\xf5\x07\x14G\x9e\x01(\xd6=\x0fH\x92\xa4V\xab\xd5j\xb5\x0f~\xf0\x83\xb7\xdf~\xfb\xccW\xfe\xb9\xf1\xc6\x1b9\xff\x93\x07\xd6\x1f\x98\xe6T\x00\x84U\rH\x92d\xd1\xa2EG\x8e\x1c\xb9\xf8\xe2\x8b\xef\xba\xeb\xae\xe9\xb3=Y\x96m\xdd\xba\xf5\xa2\x8b.:t\xe8\x10/\x06\xa7\x17\xeb\x0f\xcc\xe4\xd4)\xa0i\xe6\x9f\x0bJ\x92dxxx\xdf\xbe}\xef\x7f\xff\xfb\x9f|\xf2I5\xf4j\x83\xbe\xf8\xc5/n\xd8\xb0\xe1\xf9\xe7\x9fg\xfd\xf5b\xfd\x81Y\xdc\x0c\x800\xbb\x01j\xfdGFF.\xb9\xe4\x92\x83\x07\x0fN\xaf\xff\xf0\xf0\xf0W\xbe\xf2\x95\x8b/\xbe\xb8\xf4#t\x0f\xeb\x0f\x1c\xcb\xd9\x00\x08S\x1b\xa0\xde%\xe6\xf1\xc7\x1f\xbf\xf0\xc2\x0b\xa7O\xf2\xa4i\xfa\xc67\xbe\xf1\xce;\xef&lt;\xed\xb4\xd3\x0e\x1e&lt;\xc8\xfa\xeb\xc5\xfa\x03sr9\x00\xc2\xbc\x06\xa8\x1b\xfc\x83 X\xb5j\xd5c\x8f=\x16\xc7\xb1z\xc7\xe0\xf3\xce;\xef\x9e{\xeeY\xb2d\xc9\xe1\xc3\x87+\x95J\xc1G\xe56\xd6\x1f8\x1e\xd7.\x02\xcfb\xda5a\xf56aw\xddu\x97Z\x7f\xf5\x860\xe7\x9e{\xee\xb7\xbf\xfd\xed\xc1\xc1\xc1#G\x8e\xb0\xfez\xb1\xfe\xc0&lt;\x1c\x0f\x800\xac\x01a\x18\xb6\xdb\xed\xaf\x7f\xfd\xeb\xeay\x80\x94r\xf9\xf2\xe5;w\xee\xacV\xabSSS\x9c\xf9\xd1\x8b\xf5\x07\xe6\xe7~\x00\x841\r\x90RV\xab\xd5\xfd\xfb\xf7\xff\xf2\x97\xbf\x94/\xd8\xb4i\xd3+^\xf1\x8a\xf1\xf1q\xee\xf9\xd1\x8b\xf5\x07N\xc8\x8b\x00\x083\x1a\xa0^\xf1\xed\xb9\xe7\x9e;|\xf8\xb0\x10B\xbd=\xc0\xaaU\xab\x1a\x8d\x06\xeb\xaf\x17\xeb\x0ft\xc2\x97\x00\x083\x1a\x10\x86a\xa3\xd1\x98~g\x98E\x8b\x16\xa9?\x9a=\xd2\x88\xf5\x07:\xe4Q\x00\x84\x19\rP\xef\x06\xac\xfe{jj\x8a\xc7\xfez\xb1\xfe@\xe7\x1c\xbf\rtNe\xdd\x1b\xaaN\x01\x8d\x8d\x8d=\xf2\xc8#\xea#\x95Je\xe5\xca\x95\xeaf\xd0\x9c\xfeP\xaf\xb0\xfe@W|\x0c\x80(\xf5\xe7\x03\xc20\x1c\x1c\x1cT\xbf\x96RNLL\xf8\xf9%\xd0\x8e\xf5\x07\xba\xe5i\x00D\xa9\xcf\x03\x92$\xc9\xb2L\x08\x11\x86!7\xfek\xc1\xfa\x03=\xf07\x00\xa2\xa4\x06\xa8\x97\x82X\xb0`\x81\x10\xa2\xddn\x8f\x8d\x8d\x89\x17\xde\x05\x1e\xbda\xfd\x81\xdex\x1d\x00Qx\x03\xa4\x94\x83\x83\x83?\xfd\xe9O\x1f|\xf0\xc1\xa9\xa9\xa9\xb3\xcf&gt;\xfb\xc2\x0b/l6\x9b\xbc\xebK\xcfX\x7f\xa0g\xbe\x07@\x14\xd8\x00\xf5:\x10[\xb7n\xfd\xc4\'&gt;1\xfdV\xefk\xd7\xae\xbd\xe5\x96[\x9a\xcd&amp;;\xd5\x03\xd6\x1f\xe8\x07\x01\x10\xa2\x90\x06H)\xe38&gt;t\xe8\xd0i\xa7\x9d\xa6^\xf3G\xfd$p\x9a\xa6\xf7\xde{\xef\xf9\xe7\x9f?66\xa6\xde\x0f\x12\x1db\xfd\x81&gt;\xb18B\x14\xf2\xf3\x01R\xcaZ\xad\xf6\x9b\xdf\xfcfll,\x08\x82v\xbb\xad~\xfe+\x0c\xc3_\xfc\xe2\x17\x95JE]\x16F\x87X\x7f\xa0\x7f\x04\xe0\xa8b~Fl\xce\xc7\xf8&lt;\xf0\xef\x16\xeb\x0fh\xc1\xf4\xbc(\xd7\x06\x04A055u\xea\xa9\xa7.]\xbaT\xbd*\x9cz9\xe8,\xcb\xce8\xe3\x8cV\xabE\x06:\xc4\xfa\x03\xba0:\x7f!\xbf\x06\xa8\xd3&gt;\xcb\x96-\xfb\xccg&gt;S\xadV[\xad\x96\xfai\x80\x8d\x1b7\x9es\xce9\xe3\xe3\xe3\x04\xa0\x13\xac?\xa0\x11\x17\x81\xe7\x90\xdf5a)\xe5\xd0\xd0\xd0\xde\xbd{\x1fx\xe0\x81F\xa3\xf1\x96\xb7\xbc\xe5\xfc\xf3\xcf\x9f\x9a\x9a\xe2\xab\xd0\t\xd6\x1f\xd0\x8b\x00\xcc-\xbf\x06dYV\xaf\xd7\x07\x06\x06\x84\x10\xadV\x8b\x9b\x7f:\xc4\xfa\x03\xda\x11\x80\xe3\xca\xb5\x01\xea\x9e\x9f \x08x5\xd0N\xb0\xfe@\x1e\x08\xc0|L{Oy?\xb1\xfe@N8\xf90\x1f\x13\xde?\xc0s\xac?\x90\x1f\x02p\x024\xa0D\xac?\x90+\x02pb4\xa0\x14\xac?\x907\x02\xd0\x11\x1aP0\xd6\x1f(\x00\x01\xe8\x14\r(\x0c\xeb\x0f\x14\x83\x00t\x81\x06\x14\x80\xf5\x07\nC\x00\xbaC\x03r\xc5\xfa\x03E"\x00]\xa3\x019a\xfd\x81\x82\x11\x80^\xd0\x00\xedX\x7f\xa0x\x04\xa0G4@#\xd6\x1f(\x05\x01\xe8\x1d\r\xd0\x82\xf5\x07\xcaB\x00\xfaB\x03\xfa\xc4\xfa\x03%"\x00\xfd\xa2\x01=c\xfd\x81r\x11\x00\rh@\x0fX\x7f\xa0t\x04@\x0f\x1a\xd0\x15\xd6\x1f0\x01\x01\xd0\x86\x06t\x88\xf5\x07\x0cA\x00t\xa2\x01\'\xc4\xfa\x03\xe6 \x00\x9a\xd1\x80y\xb0\xfe\x80Q\x08\x80~4`N\xac?`\x1a\x02\x90\x0b\x1a0\x0b\xeb\x0f\x18\x88\x00\xe4\x85\x06Lc\xfd\x013\x11\x80\x1c\xd1\x00\xc1\xfa\x03\x06#\x00\xf9\xf2\xbc\x01\xac?`2\x02\x90;o\x1b\xc0\xfa\x03\x86#\x00E\xf0\xb0\x01\xac?`&gt;\x02P\x10\xaf\x1a\xc0\xfa\x03V \x00\xc5\xf1\xa4\x01\xac?`\x0b\x02P(\xe7\x1b\xc0\xfa\x03\x16!\x00Es\xb8\x01\xac?`\x17\x02P\x02\'\x1b\xc0\xfa\x03\xd6!\x00\xe5p\xac\x01\xac?`#\x02P\x1ag\x1a\xc0\xfa\x03\x96"\x00er\xa0\x01\xac?`/\x02P2\xab\x1b\xc0\xfa\x03V#\x00\xe5\xb3\xb4\x01\xac?`;\x02`\x04\xeb\x1a\xc0\xfa\x03\x0e \x00\xa6\xb0\xa8\x01\xac?\xe0\x06\x02`\x10+\x1a\xc0\xfa\x03\xce \x00f1\xbc\x01\xac?\xe0\x12\x02`\x1cc\x1b\xc0\xfa\x03\x8e!\x00&amp;2\xb0\x01\xac?\xe0\x1e\x02`(\xa3\x1a\xc0\xfa\x03N"\x00\xe62\xa4\x01\xac?\xe0*\x02`\xb4\xd2\x1b\xc0\xfa\x03\x0e#\x00\xa6+\xb1\x01\xac?\xe06\x02`\x81R\x1a\xc0\xfa\x03\xce#\x00v(\xb8\x01\xac?\xe0\x03\x02`\x8d\xc2\x1a\xc0\xfa\x03\x9e \x006)\xa0\x01\xac?\xe0\x0f\x02`\x99\\\x1b\xc0\xfa\x03^!\x00\xf6\xc9\xa9\x01\xac?\xe0\x1b\x02`%\xed\r`\xfd\x01\x0f\x11\x00[il\x00\xeb\x0f\xf8\x89\x00XLK\x03X\x7f\xc0[\x04\xc0n}6\x80\xf5\x07|F\x00\xac\xd7s\x03X\x7f\xc0s\x04\xc0\x05=4\x80\xf5\x07@\x00\x1c\xd1U\x03X\x7f\x00\x82\x00\xb8\xa4\xc3\x06\xb0\xfe\x00\x94@JY\xf61@\'\xb5\xef\xa3\xa3\xa3\xabW\xaf\xde\xbd{w\xadVk6\x9b7\xddt\xd3\xa6M\x9b\x0e\x1c8\x10\x86!\xeb\x0f@\xe1\x19\x80k\xe6\x7f\x1e \x84`\xfd\x01(&lt;\x03p\xd3\xf1\x9e\x07l\xdc\xb8q\xed\xda\xb5w\xdf}7\xeb\x0f\x80\x008kV\x03\xe28N\xd3\xf4\xado}\xeb\x8f\x7f\xfcc\xd5\x03\xd6\x1f\xf0\x1c\x01p\xd9\xb1\rH\x92\x84\xf5\x07\xa0p\r\xc0e\xb3\xae\x07$IR\xaf\xd7Y\x7f\x00\n\xcf\x00\xdc7\xfd&lt;\xe0\xa2\x8b.\xda\xb5k\xd7\x86\r\x1bn\xbd\xf5V\xd6\x1f\x00\x01\xf0\x82j\xc0\xfe\xfd\xfbo\xbb\xed\xb6k\xaf\xbdV}\xd1Y\x7f\xc0s\x04\xc0\x17RJ\xb5\xf8\xd3\xbf\x00\xe09\xae\x01\xf8"\x08\x02)e\x9a\xa6\xac?\x00\x85g\x00\x00\xe0)\x9e\x01\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ea\xff\x01\xe5\xa7^\\\x9c\xc0\x9e\xe6\x00\x00\x00\x00IEND\xaeB`\x82'</t>
        </is>
      </c>
    </row>
    <row r="307">
      <c r="A307" s="1" t="n">
        <v>305</v>
      </c>
      <c r="B307" t="inlineStr">
        <is>
          <t>color_grid</t>
        </is>
      </c>
      <c r="C307" t="inlineStr">
        <is>
          <t>What is the color of the missing part denoted with a question mark?</t>
        </is>
      </c>
      <c r="D307" t="inlineStr">
        <is>
          <t>['orange', 'blue', 'purple', 'green']</t>
        </is>
      </c>
      <c r="E307" t="inlineStr">
        <is>
          <t>green</t>
        </is>
      </c>
      <c r="F307" t="inlineStr">
        <is>
          <t>There are circles with different colors arranged with a grid formation in the image. The colors in the first row are ['green', 'yellow', 'green'], the colors in the second row are ['yellow', 'red', 'yellow'], and the colors in the third row are ['green', 'yellow', '?'].</t>
        </is>
      </c>
      <c r="G307" t="inlineStr">
        <is>
          <t>We observe that the circles at the corners are green, while the circles directly adjacent to the center are yellow. Only the center circle is red. Hence, the pattern is that the circles alternate in color depending on if they are at the corner or adjacent to the center.</t>
        </is>
      </c>
      <c r="H307" t="inlineStr">
        <is>
          <t>Based on the pattern that the circles alternate in color depending on if they are at the corner or adjacent to the center, the missing color of the part that is at the corner should be green.</t>
        </is>
      </c>
      <c r="I307" t="inlineStr">
        <is>
          <t>b'\x89PNG\r\n\x1a\n\x00\x00\x00\rIHDR\x00\x00\x02\x00\x00\x00\x02\x00\x08\x02\x00\x00\x00{\x1aC\xad\x00\x00\x7f\xd5IDATx\x9c\xed\xddy|T\xd5\xdd?\xf0\xef9\xf7\xde\xd9\xb2L6\x92\t\t[ \x04\xc8\xc2b\x02\n\x88"\x88b\xc5\xe5\x01\xc5\x05J\x83\x82&gt;\xdaV\xf0\xb1\xfe\xb4\x8f\xdd\xa8VAT\xeaS\xad\x82\x80u/\x8a\xa0`!l\xa2\x82\x88H\x80\x04H\x08\x10\x08K\xf6m\xb2Lf\xb9\xe7\x9c\xdf\x1f\x17\xc6\x98@\x04\xcdL&amp;s\xbf\xef?\xfa\xa2d\x0c3\x9f\xf9\xde\xf3=\xf7\xdc\x8d\x08!\x00!\x84\x90\xfe\xd0\xae~\x03\x08!\x84\xba\x06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94\xdc\xd5o\x00!\x7f\x13B\\\xf0\xef\t!~~\'\xfa\x84\xf9\x07\x0el\x00(\x98\x89V\x00\x80R\xea\xfd\xdf\xf68\xe7\xde\xff%\xad\xf8\xf1\xfd\x06\x1b\xcc?\xc0\x91\x8buc\x84\xba)m\xb8\xe1\x9c\x13B$Ij\xff\x02\xce\xb9\xddn\'\xe4\\\xf1k\x7f0\x99Lf\xb3\xf9\x82/\xd6~\x15\xa5\x14\x07\xa3K\x81\xf9w#\xd8\x00P\x90\xd0\x06\x1d!\x84,\x7f\xbf_\xcb\x18+--=v\xecX~^^uu\xf5\x9e\xef\xf6\xa8\xaaZQ^^^^\xe6\x1d\x80\x80\x10\x10"44t\xc0\x80d\x01"==#&amp;\xa6Gfff\xaf^\xbd\xfa\xf4\xe9c\xb1XZ\xff6\x00\xc0\x91\xe8\x82:\xce?\xafU\xfe\xe5\xe5\xe5\xe5\xe5\xe5\x84\xc0\xb9\xf8\x01\x04@hhh\xf2\x80\x01\x02 #=\x1d\xf3\xf7\x1bl\x00\xa8\xdb\x13B0\xc6\xbc\xe3\x0ec\xac\xa8\xa8(\'\'g\xc7\x8e\xaf\x8a\x8a\x8e\x94\x94\x94444\xfd\x84_k4\xc8={&amp;\xa4\xa4\x0c\xba\xf2\xaa\xab&amp;M\x9a4t\xe8P\xef`\xa4\xaa*\xa5\xf4bK\x19z\xd3A\xfeG\x8e\x1c9YR\xd2\xd4\xf8S\xf2W\x0cJ\xcf\x9e=\x07\xa5\x0c\xba\n\xf3\xf7\x19l\x00\xa8\x1b\xd3\xa6\x84\xda:\x03cl\xf7\xee\xddk\xd7\xae\xd9\xb0a\xc3\xd1\xa2"\x97\xdb\xd3\xfa\x95a\xa1\xa6\x10\x8b2$\xc9J%j\rU2\x06G\t&amp;\xb4y\xa4\x10@\x14Zr\xaa\xe1Ti3\x91\xe8\xb1\x93\xf6\x86&amp;wM\x9d\xa3\xcd\xbf\xd5\xaf_\x9f\xf1\xe3\xaf\xbb\xf5\xd6\xdb\xae\xbd\xf6\xda\xf0\xf0p8?\xe7\xd5\xf3\x84\xb4}\xfek\xd6\xae\xd9\xb0aCQQ\x91\xe7\x87\xf9\x9bCL&amp;\x8b1\xb6w4\x95\x88\xc9bLH\x8e\xe3\x9c\x13 \x00 \x84\x90\x14\xa9\xfal]}E\x03\x95h\xe5\xe9\x1ag\x93\xab\xd1\xde\xdc\xe6\xdf\xea\xdb\xb7\xcfu\xd7a\xfe\x9d\x0c\x1b\x00\xea\x96\x18c\xde-\xff\xcc\x993\x1f|\xf0\xc1\xbb\xef\xbe\xb3\x7f\xff\x81\xef_Ah\xdf\xc4\xb0+\xd2bF\x0c\x89\xc9L\x8d\x1e\xdc?2&lt;\xdc`\x8d2\x03%@\x00\x0c\x12\xb4.|\x02\xa0r`\x1c\x08i\xa9u6;&lt;\x87\x8a\xeb\xf7\x15\xd6\xe6\x1f\xa9\xd9s\xa0\xea\xe8\xc9\x06\xa7\xd3\xed}m\x9f&gt;\xbd\xee\xbcs\xfa\x8c\x193322\xbco\xe6\x82\x8b\xddA\xac}\xfe\xef\xbc\xfb\xce\x81V\xf9SB\xa3{F\xf4J\x89\xef5\xd0\x968\xd0f\xeb\x1bc\x0e3\x85F\x84h\xff\x91\xa4\xc8\xf0\xc3/\x803\xce\x19\x07\x02Mu\x0eW\x8b\xbb\xf2T\xcd\x99c\x15\xa5\xc7*K\n\xceV\x9d\xaau\xb9\xbe\xcf\xbfw\xef\xdewN\xbfs\xa6\xbe\xf3\xef,\xd8\x00P7\xa3-4k\x1b\xfc\xd7_\x7f\xbd|\xf9\xf25\x1f\xaf\xae\xab\xb7k?\x8d\xb4\x9a3\xd3cn\x18\x9b8nT\xcf\xd4\xfe\x11\x96h3\xc8\x14T\x0en\x06\x8cs\x0f\x07\x00\x01 x\xdb\xb2\xf7\x9eoBe\n\x94\x80Q\x02\x99\x82\x00\xd6\xe0**\xb1\xef\xde_\xb9~\xfb\xe9\xbdyU\'\xcf\x9c\xfb\x87\x0c\x06\xf9\xdak\xaf{\xe8\xa1\x87&amp;O\x9el0\x18\xb4\xd9\xa8\x1e\x86\xa1\xf6\xf9\xaf\xfex\xb5\xfd|\xfe\xa1\xe1\x96^\x83\xe2\x07\x8fLJ\x1e\xd1\xd7\xd67&amp;42D\x92(c\\u\xab\x9c\x0b\xa62\x10 ~x&amp;\xa8v\x0c\x80hG\x83\x01$\x99RJd\x83,\xc9\x92\x10\xa2\xa5\xd1Yu\xa6\xf6\xe4\xc1\xb3\x87v\x1d-)(\xab.\xad\xd5\xfe+\xc5\xa0\x8c\xbfv\xbc\x0e\xf3\xef\\\xd8\x00P\xb7\xd1z\xady\xeb\xd6\xad\x8b\x16-\xdc\xb4i\xf3\xf9\x1f\xd2\xb1\x99\xb6[\xaf\xefs\xd7\xcd\x03\x12{\x87\x83L\xc1\xc3\xc0\xc5\x98\x87\x0b!\x08!\x84\x02\xb9\xb4\x13\xcd\x85\x00\xadA\x08!\x08\x10I"`\x94\xc0(\x03\x17\x8d5-k7\x9f\xf88\xe7\xe4\xe6\x1dg\x9b\x1d.\xed\xf5\x19\xe9i\xf3\xe6?\x9a\x9d\x9d\r?\x9c\x17\x07\x9f6\xf9/\\\xb4p\xf3\xf9\xfc\t\x90\xfe\xc3zg\\\x9dr\xc5\xf5\xa9=\x12\xa2$\x99\xaa\x1e\xe6q\xab\xda\x88\x7f&gt;\xfaK\x0bF\x80\xd0\x1a\x84v\xe6\xa8D\x15\xa3,+\xb2\x10\xa2\xb1\xb69\xef\xcb\xc2\xfd\xdb\x0b\x0b\xbf-v\xb6\x9c\xcb?==}\xfe\xfc\xf9z\xc8\xdf\x17\xb0\x01\xa0\xeeA[\xed\x05\x80\xa2\xa2\xa2\x85\x0b\x17\xbe\xb9r\x856\x897\x9b\x0c\xf7\xdc\xd2\x7f\xf6\xf4A\xa3G\xd8\xc0,\x83\xc3\xc3]\x8c\x0bA\x08\xa1\x9dq\x12\xb9\xb6\xbb\xc0\x05\x10\x00I\xa1\x10\xa2\x80\x80\xc2\x82\x9a\x7f\xaf?\xb6\xf4\xfd\x82\xd2\x8as\x877\'N\x9c\xf8\xc4\x13OL\x980\x01\x82tE\xa2M\xfe+V\xae\xd0\x96p\x8c&amp;C\xe6\xa4\xb4\xd1\xb7\x0cOJ\xefe0\x1b\\-n\xd5\xa5\x9ek\xbaD[\xe4\xff\xb9\x04\x17B\x08  \xcb\x92\xd1b\x14B\x9c=Z\xf1\xdd\x96\x83;\xd6\xec\xad\xafj\xd0^\x13\xf4\xf9\xfb\x086\x00\xd4\r\xa8\xaa*\xcb\xb2\xdb\xed^\xb4h\xd1K/\xbeP[W\x0f\x00Q\x11\xe6\xd9\xd3\x07\xcd\xba59mx\x1c\xa8\\4\xbb\x19\x13\x92\xe4\xc3K\x87\x84\x00\xce\x05\x01\xa0\x16\x19\xccJ\xc5\xc9\xfa\xb7?=\xb6\xe2\x83\xc2\x82\xe3\xb5\x00@\x08dg\xcf\xfe\xeb_\xff\xda\xb3g\xcf \x9b\x8a\xb6\xce\xff\xc5\x17_\xa8\xab\xab\x07\x80\xd0p\xcb\xe8[\x87\x8f\xbc1\xa3_Z"S\xb9\xd3\xe1\x12\\tN\xd7\xbd\x18\x01\x9cs `4\x19\x0cf\xa5\xf2T\xed\x9eM\xf9;?\xc9-?Y\xa5\xfd|\xf6\xec\xe0\xcc\xdfw\xb0\x01\xa0\x80\xa6]\x17J)\xdd\xb9s\xe7\x83\x0f&gt;x\xf0\xe0A\x000\x1b\x95\xbbo\xed\xff\xf8\x03\xc3S2b\xa1\xd9\xcd\x1c*!@\xa9\xff\xb6v\xce\x05\xe7B6\xca`5\xd8K\x9b\x97\xac\xcc{\xfd\xdd\x82\xb2\xaa&amp;\x00\xb0\xc5\xc5\xfe\xf5\xe9g\xee\xbf\xff~\x08\x8a\xa9\xe8\x05\xf37\x18\r\x99\x93R\'\xfdrl\x9f!=\x9d\xcdnw\x8b\x1b\x08\xf1g\xfeB\x08\xce\x85b\x90-a\xa6\xba\x8a\x86m\x1f|\xf3\xd5\x9a\xef\xec\xd5\x8d\x00\x10\x17\x17\xf7\xf4\xd3O\x07M\xfe\xbe\x86\r\x00\x05.\xef\x06\xfc\xe7?\xff\xf9\xb9\xe7\x9e\xd5N\x05\x998:\xf1\xe9\xdf\x8d\x1c5:\x11\x1c\x1e\xd5\xe1\xa1\xd4\xafCOkB\x00c\\6H`5\x96\x1e\xaf\xff\xc3\x8b\xdf\xbe\xf9\xd1Q.\x18\x00\xdcu\xd7]\xff\xf8\xc7?\xa2\xa3\xa3\xb5\xb9s\x97\xbc\xbd\x9f\xafu\xfe\xcf&gt;\xfb\xac\xdb\xed\x06\x80AYI\xb7\xfe\xf7\x84\x94\xac~\xae\x16\x8f\xcb\xe1\xa2\x94\x92.\xcb_p&amp;d\x83d\t3W\x94T\xaf{}\xdb7\x9f\x1d\xd0:Vp\xe4\xef\x07\xd8\x00P\x80\xd2F\x9f\xb2\xb2\xb2\xec\xec\xec\x9c\x9c\x1c\x00\x88\x0c7\xfd\xe5\xd1\xcc\xdf\xcc\xce\x00\x00\xd6\xe8&amp;]7\xf4\xb7v\xae\r\x98d\x085\xe4l,~\xe4\xcf;\x8e\x9c\xa8\x07\x80\x81\x03\x07\xaeX\xb1b\xcc\x981\xddt\x1e\xda&gt;\x7fK\x98y\xca\x03\xe3\xaf\xbb\xebJ \xa4\xa5\xc9I\t\xe9\xaa\xa1\xbf5!\x803n0\xc9&amp;\x8bq\xdf\xe7\x05\xab^\xd8Pq\xaa\x1a\xba\x7f\xfe\xfe\x81\r\x00\x05"m\xe2\xb6s\xe7\xce;\xef\xbc\xb3\xb4\xb4\x14\x00\xc6^a[\xbe\xf8\xba\x81Cbxm\x0b\x08\xa0R\xd7\x0f=\xad\t!\x18\x13r\x84\xc9^\xef|l\xc1\xce7\xfe]\x08 \x8c\x06\xe5\xef/\xff\xdf\x03\x0f&lt;\xd0\xed\x96\xa4\xdb\xe7\xdf?\xa3\xf7/\xffx[\xaf\x81\xb6&amp;\xbbC\x08\xbf.\xb8]\nmQ($\xdc\xdc\xdc\xd0\xf2\xe1\x0b\x1bv~\x9a\x0b\x00\x06\x83\xe1\xe5\x97_\xee\x8e\xf9\xfb\r6\x00\x14p\xb4\xd1g\xd9\xb2e\x0f?\xfc\xb0\xc7\xe3\x01\xa0\xf3\xb2S\x9f\xff\xdf1\xb2B\xd5&amp;\xb7,\x07\xee\r\x00\x98\xca%\x83\x04\xa1\x867\xfe\x95\xff\xbbgv\xd57\xba\x00\xe0\x81\x07\x1ex\xed\xb5\xd7\xba\xd1\x18\xd4&amp;\x7f\x02d\xfc\xf4QS\xe7\xdd \xc9\xd4\xd9\xec\x96\x028\x7f\xce\xb8\xac\xc8\xc6\x10\xc3\xf6U\xbb?\xfe\xfbfGS\x0bt\xc3\xfc\xfd\t\x1b\x00\n,\xde\xd1g\xee\xdc\xb9\x00`\r5\xbe\xf8\xc7\xd1\xb3\xb33Dm\x8b\xe0"\xd0&amp;\x9e\xed\t!8\x07)\xc6\xfc\xed\xd7gg&gt;\xb2\xa5\xa8\xc4\x0e\x00s\xe6\xccY\xbati\xb7\x18\x83\xda\xe4o\x0e1M\x9b\x7f\xc3uw]\xd9T\xef\xe0\xdd$\x7f\xc1Exth\xe1\x9e\xe2\x15\x7fX]u\xa6\x16\xbaU\xfe~\x86\r\x00\x05\x906\xa3O\xb4\xd5\xb4\xe1\xcd\x9b\xb2\xc6$\xaaU\x0eI\xa2\xddh\xcbU=\\\xb6\x1akkZ&amp;\xcf\\\xf7m~\x15t\x931\xa8M\xfe!\xe1\xe6_/\x991hd\x92\xbd\xbaI\x92h\xa7\x9c\xd4\xef\x1fLe\x96pscm\xf3\xcb\xbfy\xab\xa4\xa0\x14\xbaI\xfe\xfe\x87\r\x00\x05\x8a6\xa3\xcf\xc8\xf4\x1e\xef\xfccRrR\x84\xda\xe0\n\xe4e\x9f\x8ba*\x97\xccJ\xa3K\x9d\xf7\xd4\x97+V\x1f\x81\x80\x1f\x83\xda\xe4\xdfgP\xcf\xfb\xfev\x87\xado\x8c\xa3\xa1E\x92\xbb\xdfAT\xc6\xb8\xd1\xa4x\\\xea{\x0b\xd7\x7f\xf3\xd9~\x08\xf8\xfc\xbb\x046\x00\x14\x10\xda\x8f\xfe\x1b\xdf\xb9%2\xca\xc4\x1a\\\x81\xbc\xe8\xdc1\xce\x045P0+s\xe7oY\xb6\xaa\x10\xce\x8fA\xda\x13N\x02j\x0cj?\xfa?\xf2\xca\xac\xd0\x08\x8b\xa3\xc9)I\xdd6\x7f.dE2\x98\x94\x95\x7f\\\xfd\xf5\xba}\x10\xc0\xf9w\x15l\x00\xa8\xebi\'\xeayG\x9f\xac\xb4\x1e9\xef\xde\x12\x19n`\x0eO\xf7\x1d\xfd5\x9c\x0bA\x89\x14j\x98;o\xcb\xb2\x0f\xbf\xef\x01\x01unb\x9b\xfc{\x0f\xea9\xef\x95Y\x960\x93\xb3\xc5\xdd}G\x7f\x8dvq\xb2)\xc4\xb8\xe2\x0f\xabw\xad\xff\xbe\x07\x04T\xfe]\x08\x1b\x00\xeab\xda\xa6\xb8k\xd7\xae\xb1c\xc7p.\xa2\xac\xc6\xef&gt;\x9d\xd6/)\xa2[\xcf\xfd[\x13\\\x08\x89\x12\x85\x8e\xb9m\xf5\xae\x03\x95\x00\xf0\xd2K/\xcd\x9b7/@\xaeQ\xf2\xe6?f\xec\x18\xc1\x85%\xcc\xfc\xc4\xbf\xe6\xda\xfa\xc4t\xeb\xb9\x7fk\x82\x0b*QI\x91\x16\xfej\xe9\xc9\xc3g!\xc0\xf2\xefZ\xd8\x00PW\xd2v\xc6+++\x87fdTTV\x86X\x94\xcf\xdf\x9d\x92\x95\x15\xcf\xecA2\xfak8\x17\xa0H\xf5\xcd\x9e\xf1w\xac\xc9+\xaa\x03\x10\x9b6m\xba\xfe\xfa\xeb\xbb|\x1e\xea\xcd?##\xa3\xb2\xb2\xd2h6&lt;\xf2\xca\xac\x01\xc3z;\x1a\x83d\xf4\xd7hkA.\x87{\xf1\x9c\xe5\xa5\xc5U\x81\x93\x7f\x97\x0b\x9e\xef\x18uG\xda\x85\xfb3g\xce\xac\xa8\xac\x04\x80W\xfe8&amp;kL\xa2Z\x1fT\xa3?\x00PJ\x84K\x8d\x8a6\xbd\xb3db\x94\xd5\x00\x00\xbf\x9c9\xb3\xa2\xa2\x82R\xaa%\xd0U\xbc\xf9WVV\x02\xc0\x1d\x8fN\x1e&lt;2\xc9\xd1\x10T\xa3?\x00PJ&lt;n5,\xd2\x92\xfd\xd7\xa9\x960\x13h%\x17\x00\xf9w\xb9\xa0\xfa\x9aQ\xf7\xa2\xed\x83/X\xb0`\xf3\xe6\xcd\x000\xef\x97i\xb3\xee\x1f\xea\xa9r\xc8J\x10\x96\xa5$S\xb5\xde\x95\x9ei[\xfa\xf48\x00(\xaf\xa8\x989s\xe6\xf7\x0f\xa6\xef\nm\xf2\xbf\xf6\x8e\x91\x13\xef\xb9\xca^\xdd\x14d\xddW#I\xb4\xa9\xa1e@F\xef\xbb\xff\xdf\xcd\x00P\x11\x00\xf9\x07\x82 \xfc\xa6Q\xb7\xc09\x97e\xf9\x9bo\xbey\xe6\x99g\x00\xe0\xca\xa1\xb1\x8b\xff4V\xadi\x91\x83k\xee\xd9\x9a\xacP\xb5\xca1u\xfa\xe0y\xbfL\x03\x80\xcd\x9b7/Y\xb2D\x92$\xed\xc9\xba~\xd6&amp;\xff\xbeC\x12\xee\xfc\x9f\x9b\x1a\xeb\x9a\x03\xed\x1e\x1b\x9dH\x96%{M\xd3\x98[G\\{\xc7H\xe8\xea\xfc\x03\x84\xde\x1b \xea\x12\xda\x03\xfc\x18c\xe9\xe9iEEG\xc3B\r\xfb\xd7MKJ\x8a\xe0\xcd\x9e \x1e\x80@\xbbs\x19\x01P\xe8\xc8\x9b?\xca=\\#K\xf4\xe0\xa1C\x03\x07\x0e\x14Bh\x8f[\xf1\xd7\xdb8\x97\x7fZz\xda\xd1\xa2\xa3&amp;\x8b\xf1\xc9\xb7\x1e\xb0\xf5\x89q\xb6\xb8\x03\xffZ\xdf\x9fC{R\x8d$K\xcf\xfe\xf2\xb53G+(\xa5\x87\xba"\xff\xc0\xa1\xc7\xcf\x8c\xba\x9c\xf6\xf8\xd6\xc5\x8b\x17\x17\x15\x1d\x05\x80\xe7\x1e\xcdJ\x1a\x12\xa36\xba\x83{\xf4\x07\x00B\x00\x98\x90\x14\xe9\x8d\xbf\x8d3\x1a$\xc6\xd9o\x7f\xfb[\xff/Dx\xf3?Zt\x14\x00\xa6&lt;p]\xaf\x14[K\xb3+\xb8G\x7f\x00 \x84p\xceeE\xba\xe7\xc9)\xb2\xd2e\xf9\x07\x0el\x00\xc8\xdf\xb4\x87\x0b\x1e?~|\xd1\xa2E\x000.+\xfe\xa19\xc3XmKP.\xfd\xb7\'IDmp\r\x1f\xdd\xeb\xb1\xd9\xe9B\xc0\xa6M\x9b&gt;\xfc\xf0C\x7f.D\xb4\xc9\x7f\xc0\xb0&gt;\xd7\xcf\x18\xddT\xe7\x08\xca\xa5\xff\xf6(\xa5\x8eF\xe7\xa0\xac\xa4\xf1\xd3\xaf\x84\xae\xc8?\xa0\xe8\xe2+G\x01E\xdb\r_\xb0`\x81\xddn7\x19\xe5\x97\x9e\xbc\n\x00\x88\x9ef`\x92D\x99\xdd\xf9\xf8\xc3#\x92\xfbFPJ\x9ez\xea)\xb7\xdb\xed\xb7yh\xeb\xfc\rF\xe5\xbf~3\tt6\x01\xa6\x12u4\xb4L\xce\xbe:\xb6W4!\xfe\xce?\xa0`\x03@~\xa5\x9dy\xfd\xe5\x97_\xbe\xfb\xee\xbb\x000}r\xd2\x88\xb1\x89\xac\xc1\x15\xf4\x8b?\xad\x11\x02\xc2\xcd\xc2cC\x9ezp\x18\xe7\xa2\xa8\xa8h\xf1\xe2\xc5\xfe9%\xb1M\xfe\xc3\xc7\x0f\x19&lt;*\xc9\xd1\x14\xfc\x8b?\xad\x11\x02\x1e\x0f\xb3\xf6\x08\x9b\xf4\xcb\xb1B\xf85\xff@\xa3\xc7\xa6\x87\xba\x90\xb6\x8dM\x9c8\xe1\xf3\xcf\xb7GG\x98\xbeY}{RR\x048U]\r@\x00 \x00\x04\x80\x87\x90q\xd3\xd6\xec\xc9\xaf\x8a\x8a\x8a:|\xf8p\x8f\x1e=\x00\xc0\xa7\xf7\xa8\xd1\xf2\x9f0q\xc2\xf6\xcf\xb7\x87Z-\x8f\xbdq_\\\x9f\x18\x8f\xcb\xa3\xd3\x1b\xe3\x10\xf2\xc2\x9c\xe5%\x05\xa5~\xcb?\xd0\xe0\x1e\x00\xf2\x1f\xedF\x8c\xb9\xb9\xb9\xdb\xb7o\x07\x80\xec\xa9\x03\x07\x0c\x8d\xe5\xcd\x1e\xbd\x8d\xfe\x00@\x00\x84\xca\x8d\xe1\x86\xbf\xfcz\x84\x10\xa2\xa6\xa6\xe6\x9dw\xde!\x84\xf8t%\xbaM\xfe\xa3n\x1a\xda75\xc1\xe5p\xebj\xc8\xf3b\x8c[B\x8d7f\x8f\xf3[\xfe\x01\x08\x1b\x00\xf2\xb7W_}E\x080\x19\xe5\xd9SSDS\x90\x9f\xf7\xd9\x01*Snw\x8d\xbb\xba\xd7\xa0\xfe\x91\x84\x90\x15+\x96\xb7\xb4\xb4H\x92\xe4\xeb\x9d\xf2W^}\x05\x04(\x06\xf9\xca_\x0cs6\xe9k\xf1\xad5I\xa2-\x8d\xce\xc1\xa3\xfa\xc7\xf7\xedA\x08Y\xee\xaf\xfc\x03\n6\x80. \xce\xe3\x9ck\x7f\xe8\xeaw\xe4\x0fB\x08\xed!\xe3\x1f}\xf8!\x00\xdc}\xf3\x80\xc1#l\xdc\x11\xe4\'\x9ew@\xdb\t\xb0D\x9a\x9f\x9c3T\x08q\xe8\xd0\xe1\xad[\xb7j\xe7)\xfa\xe2\x9fk\x95\xffG\x00\x90y}ZRF/W\x8bN\xa7\xff\x1a\x95\xf1\xd0\x08\xcb\x84{G\x0b!\x0e\xfb8\xff\xc0\x84\r\xc0O\xb4\xe1^UU\xc6\x189O{0\x85v\xfa\x81\xf6\xa3 n\x06\xda\xce\xf5\xfb\xef\xbf\xdf\xd8\xd4,I\xf4\xa1\xbb\x06\x0b\x0f\x87n\xf4\x94)\x1f\xa0\x12\x15\x8d\xae\xa97\xf5O\xb4\x85\x11B\x96-]\n&gt;[\x83\xf6\xe6\xdf\xd4\xd4D%:\xe6\xb6+\x98\x87\x81\x8eG\x7f\x00\xa0\x948\x9b\x9c#&amp;\x0c\x89\x8a\xb5\x12B\x96\xfa2\xff\xc0\x84\r\xc0\xe7\xb4\xc1]\x1b\xeeeY\xd6\xee&gt;\xd8\xd8\xd8XQQq\xfa\xf4\xe9\xf2\xf2\xf2\xc6\xc6FB\x88\xf6\xa3 ^\x85\x94$\xc9\xedv\xff\xeb\xcd\x95\x84\x90\x91\x19\xb1#2m\xa2\xd9-\xe9u\xfdAC\x0807\x0b\x89\r\xb9\xfb\xe6$!\xc4\xd6\xad[\x8f\x1e=\xea\xa3\xd3Q\xb4\xfcW\xbe\xb9\x92\x10\xd2wpB\xff\x8c\xdeN\x87\xbeN\xfei\x8f\x10\xe2\xf10kL\xd8\x88\x89\xa9\xbe\xce?0a\x03\xf0-\xed\x9ck\xed\xb6\xe3\xb9\xb9\xb9/\xbc\xf0\xc2\xb4i\xd3\x86\r\x1b\x96\x9c\x9c\x9c\x9c\x9c&lt;h\xd0 \xed\x0fYYY\x0f&lt;\xf0\xc0\xfa\xf5\xeb\xb5\xb3\xf4\x82\xaf\x07h\xfb=\xfbr\xf7\xe5\x1f&lt;$\x84\x98:\xa9/\xb5(\x9c\x05\xed\xee\xce\xa5#\x84\x80\x87M\xbd\xbe\x1f\xa5\xb4\xd9\xe1X\xbbv-\x9c?W\xa7\x13y\xf3?t\xf0\x90\x10b\xe85\x83\x8c\x16\x85s\xcc\x1f\x08!\xcc\xc3\x86^3\x88R\xea\xf0Y\xfe\x01\x0b\x1b\x80\x0fi\xa3\x7fii\xe9\xc2\x85\x0b\x87\x0f\x1f~\xc5\x15W&lt;\xf6\xd8c\xabW\xaf&gt;p\xe0@EEEcc\xa3\xc3\xe1hjj\xaa\xa8\xa8\xf8\xee\xbb\xef\x96.]:e\xca\x94Q\xa3Fm\xda\xb4)\xf8z\x80\xb6\xb4\xf5\xf1\xc7\xab\x85\x10Q\x11\xe6{\xa6\x0c\x80fO\x90\xdds\xf8\xa7\x91$\xc2\x9b\xddY#\xe3G\x8f\xb0\x11B&gt;Y\xbbF\xbbR\xb7s\xff\x15-\xff\xd5\x1f\xaf\x16B\x84Z-\x99\x93\xd2\\\xcd\xfa=\xfa\xd2\x1a\xa5\xc4\xe5p\r\x18\xde\')\xbd\x17!d\x8do\xf2\x0fXz\xf9\x9c\xfe\xa7\xcd\xb9\xde}\xf7\xdd\xf4\xf4\xf4\'\x9exb\xff\xfe\xfd\x00\xa0(\x8a\xd1h4\x18\x0c\xda\x82\x0f\xa5T\x92$EQ\x14E\xd1\xfef\xef\xde\xbd7\xdcpC\xf0\xdd\xa4P\x92$\x8f\xdb\xbd\xfe\xb3\xf5\x000lpt|_+w\xa9zZk\xed\x08g\x82Z\x94\x89W\xc5\x0b!\xf6\xe6\xe6\x1e;v\xac\xd3W!\xb4\xf5\x1f-\xff\xc4d[\x8f\xc4(\x8f[\xd5\xd5bw\x07\x18\x17F\xb32\xf0\x8a\xbeB\x88\\\xdf\xe4\x1f\xb0\xb0\x01\xf8Vbbbmm\xad\xc1`P\x14E\x92$\x8f\xc7\xe3r\xb9\xdcn\xb7v\xc8W\xbb#\xa3\xc7\xe3\xf1x&lt;\xda\xff\x95$I\x92\xa4\xf9\xf3\xe7\xafZ\xb5*hz\x80\xf6\xd8\xa9\xe3\xc5\xc5\xc5\xc7\x8f\x03\xc0\x8dW\'\x80Lq\xfd\xc1\x8b\x10\x02n6iL\xa2,Q\xa7\xd3\xb5s\xe7N\xe8\xd4U\x08-\xff\xe2\xe2\xe2\xe2\xe3\xc5\x000hd\x92\xa4P\x1e\xbc\xa7\x1b\\.B\x88\xeaf)#\x93$\x89\xba|\x90\x7f \xc3\x06\xe0+\x92$q\xce\xaf\xb9\xe6\x9a\x1bo\xbc\xd1\xedvkC|\\\\\xdc\x1dw\xdc\xf1\xc2\x0b/\xac[\xb7\xee\xab\xaf\xbe\xda\xb5k\x97vS\xf2\xeb\xae\xbbN;\x1fT;\x11\x88\x10\xf2\xeb_\xff\xba\xa6\xa6\x86R\x1a\x04\xe7\x05i\xdb\xd2\xc6\r\x1b\x9c.\xb7,\xd1\tW&amp;\x80\x87\xe3\xf4\xd3\x8bR\x02NuhjL\x82-\x0c\x00\xd6}\xfa)t\xea\xb9(Z\xfe\x1b6lp\xb9\\\x92D\x93\xaf\xe8\xcb0\xffV\x08\x01\x8f\xd3\xd3;%&gt;2\xd6\n\x00\x9fvv\xfe\x81L\xef\xcfD\xf6)mL\x9f?\x7f\xfe\xc6\x8d\x1b\'L\x98\xf0\xab_\xfdj\xf2\xe4\xc9\xd1\xd1\xd1m^6q\xe2\xc4G\x1ey\xe4\x83\x0f&gt;\x98={\xb6\xcb\xe5\xd2\xce\xd7\xae\xaa\xaaz\xf7\xddw\x7f\xfb\xdb\xdf\x06\xc1\xa3\xab\xb5mi\xc7\xce\x9d\x00\x90\x10\x17\x962@\x8f\xf7~\xe8\x00!\xc0&lt;\xdc\x12e\xbe"5\xaa\xe4\xac}\xdf\xbe\\\x87\xc3a\xb1X\xb4\xa9@g\xfc~\x02\x00\xda\xc46\xa2\x875\xbeo\x0f\x8f\xd3\xa3\x8f\xf1\xed\x92\x10BT\xc6\xc3",\x89\x03m\xd5eu\xb9\x9d\x9d\x7f \xc3=\x00\x1f\xd2N\xeb\xbc\xf6\xdak\xf7\xee\xdd\xbbe\xcb\x96\x193fDGG3\xc6\xb4\xf5\x1f/UUUU\xbd\xeb\xae\xbb\x9e\x7f\xfey\xed\x00\x94Vy\x9f}\xf6\x19\x00\x04\xc1\xf1(J\xa9\xdb\xed.,8\x0c\x00Y\x191!\xd1\x16\xe6\xe1\xc1\xbee]\x1e!\x04H\xf4\xda\x91\xf1\x00\xa0\x9d\x1f\x0c\xd0i\xf7\xe8\xd4\xf2?\\p\x18\x00\xfa\x0c\x8e\x0f\x8f\nQ\x19\xee\x01\xfc\x80\x10\x82Ht\xc0\xf0&gt;\x00PYQ\xd9\xb9\xf9\x07\xb2n?\xb8\x04&gt;\x83\xc10b\xc4\x08\xef\xf2\x8e$I\xda\xf1^/Y\x96)\xa5\x8c\xb1\xec\xec\xec\xb8\xb88m\xdd_\x08q\xec\xd81\xb7\xdb\xdd\xddW\x81\xb4\x05\xe8\xb2\xb2\xb2S\xa7J\x00\xe0\x8a\xd4h\x90\xbb\xf7\'\xf2\x05B\x08\xa8|\xf8\x90\x18JI\x8b\xd3\x95\x97\x97\x07\x9d4\x00\xb5\xca\xff\x14\x00$\xa6\xc4S\xcc\xbf\x1dB\x08Sy\xe2@\x1b!\xc4\xe9tvb\xfe\x01\x0e\x1b\x80?h\x1b\xa1\xb6Cp\xc1\x17PJ)\xa5\x16\x8be\xc0\x80\x01p~\x9f\xddn\xb7\xb7\xb4\xb4\xf8\xf5\x8d\xfa\x80\xb6\x15\x9d8q\xa2\xb1\xc9\x01\x00\xc3\x06E\x03N?\xdb\xa1\x94\x80[M\xe9g\x8d\x083\x03@aA\x01t\xd2\x00\xe4\xcd\xbf\xb9\xa9\x19\x00\x12\x92\xe3\x18\xe6\xdf\x0e!\xc0\xdc\x9e\xd8^\xd1!af\x00(\xe8\xbc\xfc\x03\x1c6\x00\x7f\xb8\x94e\x1c\xad\xdaZo\x99\xda\x8d"|\xf8\xb6\xfcB\xfb\\\xf9yy\x00`\r3\xa5\x0e\x8c\x04\x17\x0b\x82\xcf\xd5\xb9\x08\x01\xe1\xe6\x91\xb1!\xc9\xfd\xc2\x01 \xff`&gt;t\xd2qH-\x7fmJk\t5\xc7\xf7\xeb\xa1\xe2\t\xb8\xed\x10BT\x0f\x8f\xe8\x11\x16\xdb+\x1a:5\xff\x00\x87\r  h\xcf\xa4\xf6x&lt;g\xcf\x9e\xf5\xfeedd\xa4\xc5b\xe9\xc2w\xd5\x89\xca\xcb\xcb\x01\xc0bV\xac\xe1F`B\x07[\xd6e\x13B\xc8F9:\xc2\x08\x00\x15\x15\x15\x9d{\x04R\xcb\xdfhR\xcc\xa1&amp;\xbc\x00\xfb\x82\x84\x10\x8aA\x0e\xb1\x9a\xc1\x07\xf9\x07,l\x00\x01A;Qo\xcf\x9e=\'O\x9e\xd4v\x17\x08!\x83\x06\r\x92eY\xbb\xa0\xac\xab\xdf\xe0O\xa7}\x9c\xdc}\xb9\x000\xa8\xbf54\xca\xcc=\xac;\x7f _\xe1\\\x80L\xafH\x8d\x01\x80\xa2#G\xea\xeb\xeb;\xe5\xf0O\xeb\xfcc\xfb\xc4\x84G\x860\xb5{W\x94\x8fp!$\x99&amp;\x0e\xb4\x01@\xd1\x91\xa2\xce\xca?\xc0a\x03\xe8z\xdeKN\x9ex\xe2\t\xad\xe0\xb4\xf3G\xa7N\x9d\n\xc1\xb2\x10yn\x81K[\xecF\x17C@\x8b\x87s\xa6\xdd4\xb0\xb3x\xf3\'\x98\x7f\x07\xc8\xb9e\x1f\xd6\xd9\xf9\x07,l\x00]L\x1b\xfd%Iz\xe8\xa1\x87\xbe\xfa\xea+m\xdd\x9f1\x96\x92\x92r\xc7\x1dwhg\ru\xf5{\xfcY\xb4\xd3*J\xcf\x9e\x05\x80\xc8p\x03\x10]=\xfe\xfd2\t\x11i5\x02@s\xb3C[\x0c\xfc\xf9\xed_\xcb_\xfbm\xe60\x13\xce\xfd; \x840\x87\x9b\x00\xc0\xd1y\xf9\x078l\x00]I{D\x1f!d\xce\x9c9\xff\xfc\xe7?\xbdc=!\xe4\xf5\xd7_7\x9b\xcd\xda\xe9C]\xfb&amp;\x7f\x0em!\xd5\xe1p\x9c9s\x1a\x00\x86\x0f\x8e\x06\x85\n\xbc\t\xc4\x85\x10B\x80\x89\xe1\x83\xa2\x01\xa0\xd9\xd1r\xe6\xcc\x19\xf8\xd9\x03P\xab\xfc\xcf\x00@Br\x1c\xde\x04\xe2b\x08!\x9c\x89\x84\xe48\x00\xf0&amp;\x16\xf4\r\xa0{_b\xda\xadiw~\xae\xab\xab\x9b9s\xe6g\x9f}&amp;\xcb\xb2\xb67\xc0\x18[\xb6l\xd95\xd7\\\xa3\xbd\xa0\xab\xdff\' \x84(\x8a\x02\x00*\x0e\xfd?\xc6\x1b\x91\x96X\xa7\xf0\xe6\x8f\xad\xf7G\t\x1f\xe4\x1f\xc8\xb0\x01t\rmp/((\x986m\xda\xe1\xc3\x87eY\xd6\x1e\x19&amp;I\xd2\x9bo\xbe9k\xd6\xac \xb8\x03Dk\xde5h\xd41oD\x9d;\xf7\x0c\xfa\x99l\xa7\xd3Ib\xc13\xc4t#\xda@\xff\xcd7\xdfL\x992\xa5\xba\xbaZ\x1b\xfd\x19c111\xef\xbc\xf3\xce\r7\xdc\x10d\xa3?B(0\xe1(\xe3o\xda\xdd~\n\n\n~\xf1\x8b_\xd4\xd6\xd6j\x8b&lt;\x8c\xb1a\xc3\x86}\xf0\xc1\x07)))A9\xfakG2\xf41\xa9\xfaY\xbc\x11u\xee\xb1\x9f\xf3\xf9\xe3\x17\xf0#\xbc\x11u\xebco\x97.\xd8\x06\x9a\x00\xa7\x95\x97\xcb\xe5\xba\xf7\xde{kkk\xb5\xb9\xbf\xaa\xaa\x93&amp;MZ\xb5j\x95\xd5j\r\xca\xd1_\xfb\x8c\x00`P\xf0\xa4\x83\x1f\xe1\x8dHK\xacSx\xf3\x97\x95`8\xa4\xe4S\xde\x88:1\xff@\x86\x1b\xa4_i\xa7\xfd\xbc\xf7\xde{\xfb\xf6\xed\xd3\x8e\xfa2\xc6&amp;N\x9c\xf8\xe9\xa7\x9fZ\xadV\xc6XP\x8e\xfe\x8a\xa2X\xad\x11\x00p\xecT\x03\xde\x08\xa8#\x94\x1c;\xd5\x00\x00\x8a\xa2X\xadV\xe8\x8cy\xe8\xf9\xfc\xad\x00P}\xa6\x8ec\xfe\x17G(\xa9&gt;S\x07\x9d\x9a\x7f\x80\xc3\x06\xe0W\xdae\x99o\xbf\xfd6!\x84\x10"\x84\xe8\xdd\xbb\xf7\xaaU\xab\x8cFc\xd0\x9c\xf3\xd3\x9a\xf6\x19\xc3\xc2\xc2\x06\xa6\xa4\x00\xc0\xf1\xd3\x8d\xa0\xe2} .L\x08\x01\x94\x1c?\xdd\x00\x00\x91\x11\xe1\x03\x07\x0e\x84\x9f=\x00y\xf3OII\x01\x80\xea\xd2z\xae\n\x8c\xff\x82\x84\x10\x94\x92\xea\xb3\xf5\x00`\x8d\xb0vJ\xfe\x81\x0f\x1b\x80\xffh7\xfcill&lt;t\xe8\x90\xf7\x8a\xdf\xc7\x1f\x7f&lt;22\xd2\xe3\xf1\x04\xdf\xe8\xdf\x9a\xdb\xed\x06\x00\x93Q\x02\xbc\x12\xb5Cf\xe3\xb9cB\x9d\xfb4P-\x7f\xc5 \xe1\x95\xc0\x1dS\x8c2\xf8 \xff\x80\x85\r\xc0\x7f\xb4A\xbf\xa2\xa2\xa2\xae\xae\x0e\x00TU\x95$i\xc2\x84\tAp\xb9o\x07\xb4\x8b\x1b\x86\x0e\x1d\n\x00E\'\x1a\x9aj\x1dD\xa6x0\xb2=\xed\x91\x00\xfb\nk\x01`@rrxxx\xa7\xdc\x8f\xacu\xfe\x95gj\x1b\xeb\x9a%|\x1e\xc0\x85h\x8f\x048{\xb4\x02\x00\x92;/\xff\x00\x87\r\xc0\xdfZZZ\xb4\xd3@\t!V\xab566V[\x0e\xea\xea\xf7\xe5[\xf1\xb6x\x00\xa8op9\x9a=D\n\xf2\x0f\xfb\xd3\x10\n\\\xe5\x15\xd5-\x00\xd0\xa3G\xacv\x82@g\xfdr-\xff\x96F\xa7\xd3\xe1\n\x82g\xcc\xf9\x02\x01`*o\xack\x06\x80\x1e=ztn\xfe\x01\x0bK\xc1\xdf\xbcO\x82\xe4\x9c;\x9d\xce \x9e\xfbk\xb4\xde\x96\x9e\x91\x01\x00\xf6FgQ\xb1\x1d\x0c2\xc7KR\x7fH\x08\xa0\xb2\xd4X\xe38^\xd2\x08\x00i\xa9i\xd0\xea.\x81?\x87\x96\x7fFF\x06\x0047\xb5T\x9e\xae\x91\x0c\x92\x0eF\xb6\xcb#\x84\x90e\xa9\xb1\xb6\xb9\xfal-tj\xfe\x01.\xd8\xce9\td\xda\xa68`\xc0\x80m\xdb\xb6i\x7f\xa3(JHH\x08\x04\xf5\xb1&amp;\xed\xa3\xf5\xed\xdb\xd7d2:\x9d\xae\xfd\x855c\'\xf4\x15B\xe0u\xc1\xad\t!\x88Q*&gt;\xd9PU\xeb\x00\x00\xed\x98y\xa7\xf0\xe6o4\x19]N\xd7\xd9\xa3\x95\xe9cS0\xff6\x84\x00\xc9(W\x15\xd66\xd45\x03@J\xe7\xe5\x1f\xe0\xb0\x01\xf8\x8f\xb6)\x86\x86\x86\x8e\x1f?\xbe\xab\xdf\x8b\xffx\x07\xa0\x9e\xf1\xb6\xe2\x13%\xfb\nj@\xe0\x89@mq.\xa8L\xf3\x8bj=*S\x14y\xd8\xb0api\x0f\x92\xfbQ\xde\xfc\xe3\xe3\xe3O\x9e8y\xf6h9\x08&lt;\x11\xa8-!\x84,\xd3\xb2\xe3\x95Ler\xa7\xe6\x1f\xe0\x82\xff\x13\x06\x1a!\x84\xc7\xe3q\xb9\\.\x97K;7#\xb8\x11B8\xe7f\xb3y`\xca`\x00\xf8f\x7f\x95\xbb\xc1Ee,\xbc\x1f\xd0:\xe2\xf6=e\x00\x10\x1d\x15\x95\x94\x94\x04\x9d\xb4_\xe8\xcd\x7fP\xca \x008y\xe8\xac\xa3\xc1)I\x14\x00\x97\x81\xbe\xa7\x05}l_\t\x00Duj\xfe\x01\x0e\xb7C\x7f\xd3.\xcc1\x1a\x8dF\xa3\xd1`0\xe8\xe1@\x93\xb6\x96\x9a\x95\x95\x05\x00\xc5\xa7\xed\'O\xd4\x13\xa3\xac\x83\xf5\xd5\xcb@e\xeaip\xed&gt;P\r\x00\x83\x87\x0c\t\x0b\x0b\xeb\xc4;\x81\xb7\xce\xbf\xeal]\xc5\xe9\x1a\xd9\xa8\xe8\xa0\xee.\x9d\x90$\xeaht\x96\x14\x94\x02\xc0\x90\xce\xce?\x90a\x03\xf0+\xedR\x80\xfd\xfb\xf7\xbf\xf0\xc2\x0b\xcf&lt;\xf3\xcc\xb6m\xdb\xf4Pd\xdag\x9c&lt;y\xb2,KN\x97\xba3\xb7\x02\x0c\x92\x1e\x8e\xb0]"\xce\x81\x18\xe5\xe3\xc7\xeb\x8aO\xdb\x01\xe0\xa6\xc97QJ;1\x1fo\xfe\x92,y\xdc\x9e\x13\xf9g\x14\x83\x84\xf1{\t\x01\x8aQ)?Y]UZ\x07&gt;\xc8?\x90a\x03\xf0\x1fmN\xf1\xca+\xafdff&gt;\xf6\xd8cO=\xf5\xd4\x84\t\x13\xe6\xcc\x99\xc39\x0f\xeej\xd3\xd6R\x87\x0e\x1d\xda3&gt;\x1e\x00\xd6m?\x05:8\xc3\xfa\xd2q\xce\x85Q\xce\xd9q\xd6\xe9R%J\xaf\x9b0\x01:u\xfd\xc1\x9b\x7f||&lt;\x00\x1c\xfa\xfa\xa8\xe0\x82\xe0\x12\xd0y\x9c\x0b\xc5(\x17\xee)\xf6\xb8&lt;\x94\xd2\t\x9d\x9d\x7f \xc3\x06\xe0\'\xda\xdc\xdfn\xb7?\xf5\xd4S\x8c1\x83\xc1 \xcb\xb2$Io\xbc\xf1\xc6\xae]\xbb(\xa5A|\xe5\xa1\xf6\x90K\x8b\xc5r\xdd\x84\x89\x00\xf0]~MS\x95C2\xe0\xe5`\xe7PB\x08\xe7\x9f\x7f[F\x08\xa4\xa4\x0cLMM\xed\xdck\x03\xbd\xf9O\x9c0\x11\x00N\x17\x96\xd9k\x9beE\xd2\xc3\xf2\xe3\xa5 @8\xe3\xc7rK\x80\xc0@\x1f\xe4\x1f\xc8\xb0\x01\xf8\x89\xb6\xb1\x9d8q\xc2n\xb7\x13B\xdcn\xb7\xaa\xaa\x84\x10J\xe9\x81\x03\x07@\x1f\xb7\xea\xbdc\xda4\x008]\xd6\xf0\xc9\xa6\x13\x10b`x5\x00\x00\xe7@-\xca\xd1\x83U[v\x9e\x15\x02~q\xf3\x14\xed\xc6P\xbe\xf8\xb7\xa6M\x9b\x06\x005\x15\xf5\x07\xbe(0\x86\x18\xf1\xd9\x90\x00 \x840\x9a\x95SG\xca\n\xbf+\x06\x01S|\x99\x7f\x00\xc2\x06\xe0W\x17\x9cV\xe8\xe2l3J\x01\xe0\xeaq\xe3\x12\x13z\x12\x02\x1f\xfc\xa7\x18\xb8\x08\xfe\x8f}\t8\xe7`\x96?\xd9Z\xd2\xdc\xe2\x96$i\xea\xd4\xa9\xe0\x83\xf5\x07-\xffq\xe3\xc6%$$\x00\xc0\xbe\xad\x87\x81\x0b\x82\xe3?\x00\xe7\xc2`V\xf2\xbe*r\xf92\xff\x80\x85\xdb\xa0\x9fh\xf7e\xec\xd7\xaf_\x8f\x1e=\x84\x10\x06\x83AQ\x14m\xf5?33\x13\x82\xbd\r\x10BTU\r\x0b\x0b\xbb\xeb\xae\xbb\x85\x80\xcfw\x97\x15\x17T\x13\x8b\x12\xd4\xc7&gt;.\x89$S\xb5\xc1\xf5\xf6\'\xc7\x08!Y\x99\x99YYY\xda\x9dB:\xf7_i\x95\xff]\x00P\x94{\xf2\xf4\xd1r\xa3Y\x17\'\xa1uL\xa2\xd4\xd1\xe8\xfc.\'\x9f\x10\x92\xe9\xb3\xfc\x03V0\x0f:\x01E;\x1d;44t\xf1\xe2\xc5\x06\x83\xc1\xedv{&lt;\x1e\xce\xf9\xa3\x8f&gt;\x9a\x99\x99\xa9=&amp;\xac\xab\xdf\xa3oi\x1f\xf0W\xd9\xd9\x06Env\xb8\xdfZ{\x94Xd\xa1\xef\x0e\xc0\x98 \xa1\x86\xaf\xbe&gt;\x93\x7f\xa4F\x081\xfb\xbe\xfb|w\xfe\x89\x96\x7fvv\xb6\xa2(\xae\x16\xf7\x9e\x8d\xf9\x06\xb3A\xe7\xf7\xe4\xe0\\\x98C\x8dG\xf6\x9c8{\xbcB\x08q\x9f/\xf3\x0fL\x04\xa7\x00\xfe\xa4\xdd_\xf0\xd0\xa1C999---W_}\xf5\xb8q\xe3\xf4p\xd3A\x8d\xd6\xe7\xae\xbf\xfe\xfa\xad[\xb7\xc6D\x99\x0f\xfegZ\x8f\x18\x0bx\xb8&gt;&gt;\xfd\x05p.\x84Y\x99t\xf7\'\xdbv\x9d\xb5\xc5\xc5\xe5\x1f&lt;\x18\x1d\x1d\r&gt;[\x82h\x9d\x7fh\x84\xe5\x7f\xdf\xf9\xef\xf0\xa8\x10Ue:)\xbf\xf6\x04\x17\x06\xb3\xf2\xd2\x83o\x1e\xd9{"..\xee\xa0\x8f\xf3\x0f@A&gt;\xeb\x0c4\xda~@jj\xea\xa3\x8f&gt;\xfa\xbf\xff\xfb\xbf\xba\x1a\xfd\xe1\xfc\x81\xee\xf9\xf3\xe7\x0b!\xaaj\x1c\xef\xac)"\xe1F\xa6\xeah\xc2\xd5\x1ac\x82\x86\x19\x0f\xec-\xfb\xfc\x9bR\x00\xb8w\xc6\x8c\x98\x98\x18\xc6|8\x1c\xb7\xce\xbf\xb1\xaey\xf7\x86\x03\xe6p\x13g:\x9d\x02j\xd3\xff\xe3\x07N\x17\xe5\x9e\x04\x80\x19\xbe\xcf?\x00a\x03\xf07m\x1fSUUUUuWm\x94\n!\xc6\x8f\x1f?hP\n\xa5d\xe9\xaaB{i\x135\xea\xf9\xe6\x94b\xd1\x8a&lt;\x000\x19\x8d\xf7\xddw\x9fv\xae\xb0\xef\xfe1o\xfe)\x83R\x08!\xbb&gt;\xddWW\xde\xa0\xe8\xf8\xe6\xa0\x02`\xdb\xfb\xbb\x00\xc0\xe8\x97\xfc\x03\x90\xbe&gt;m\x80\xa0\x94\xca\xb2\xac]\x07\xd0\xd5\xef\xc5\xaf\xbc\xf7\xa5y\xf2\xc9\xdfs.\x8e\x14\xd7/Y\xb6\x9fZM\x8c\xe9n\'\x801!E\x18\xb7o+\xf9\xf7g\xc7\x85\x10w\xdd}\xf7\xe0\xc1\x83}}(\xc8\x9b\xff\xef\x9f\xfc\xbd\x10\xa2\xfcT\xf5\xe6wvZ\xc2\xcd\\\x7f\xf9s\xceC\xc2L\xf9;\x8a\xf6n=$\x84\xb8\xdb/\xf9\x07 &lt;\x06\x80\xfcM;\xc9z\xc2\x84\t_~\xf9EL\xa4%\xef\xb3\xa9\xb1\xb1!\xe0\xe1\xbazX!\xe3\x82\x98\x95\t\xd3\xd7~\xf1mYtTT\xfe\xc1\x83qqq\xfe\x99\x81z\xf3\xff\xe2\x8b/\xc2"C~\xff\xf6\x83\xd6\x98P\xd5\xa3\xaf\x9dQm\xf5\xff\xc5\xb9+\x8f\xee/\x89\x8a\x8a:\xe8\xc7\xfc\x03\x8a\xbe&gt;-\n\x10\x92$-X\xb0\x80R\xa9\xaa\xd6\xf1\xe4\xa2\xdd4\xcc\xa0\xabI\xa8\xaar)\xca\xfc\xf6\xfb\x87\xb7\xef.\x15B\xcc\x7f\xf4Q\x9b\xcd\xe6\xcf\xe9\xa7\x96\xbf$I\x8du\xcdk_\xd9b\n\xd1\xd7\x91\x00\xa6\xf2\xd0H\xcb\x8e5{\x8b\xf6\x9d\x14B&lt;\xea\xf7\xfc\x03\x87\xee&gt;0\xear\x92$1\xc6\xc6\x8d\x1b7s\xe6\x0c\x00x\xfb\xd3c[\xffs\\\x8e4\xe9\xe4h0\xe7\x82\x9a\xe4\xca\x12\xfb\x93/\xee\xa1\x94\x0eJIy\xec\xb1\xc7\xfc&lt;\xfak\xf9\xcf\x989\x03\x00\xf6l\xca\xcf\xddz(\xd4j\xd6\xc9B\x9c\x10\xc2`\x92+O\xd7\xae{\xfdsJi\x8a\xdf\xf3\x0f(z\xfc\xcc\xa8\xcbi\x8b\xd1\xcf&gt;\xfb\\D\x84\x951\xf1\xe0\x1fw4\xd7\xbb@\x1fG#\xb9\x104D\xf9\xcd\x9f\xbe*\xabj\xe6\x9c\xff\xfd\xe5\x97\xb5\xbb\x82\xfbs\x05F\xcb\xff\xb9g\x9f\xb3FX\x05\x13\xff~\xfe?\xcd\r-\x8a&gt;\xee\x0e$\xb80Z\x8c\xab\x9e\xff\x8f\xbd\xa6\x91s\xferW\xe4\x1f8\xb0\x01\xa0.\xa0\x9d\x8eb\xb3\xd9^x\xe1E\x00q\xec\x94\xfd\xb7O})\x85\x19\x82~\x12\xaaz\xb8\x1ccY\xb9"o\xd5\x86b\x00\x98\x9d\x9d=i\xd2$\xc6\x98\x9fO\x07\xf0\xe6\xff\xe2\x0b/\n\x10Ugk\xdf_\xb8\xde\x14b\x12\xc1~]\x18SYXT\xc8\xd6\xf7v\xe5~~\x18\x00\xb2\xbb(\xff\xc0\x81\x07\x81Q\x97QUU\x96\xe5\xe9\xd3\xa7\xafZ\xb5\n\x00V\xfc\xed\x9a\xec9\xc3\xd4\x8afY\t\xcey\tS\xb9d5\xe6\x1f\xa8\xbc\xea\x8e\xb5\x8e\x16O\xbf~Iyyyf\xb3\x99\x10\xd2%\xd3\xcf6\xf9\xdf\xf3\xc4\x94\xebg\x8c\xb6W7Jrp\x8e\x86\x8c\xf1\x900\xd3\xc9\xc3\xa5\x8b\xe7,w\xb5\xb8\x93\x92\xba8\xff@\x80\r\x00u\x19!\x04\xe7\xdcn\xb7gee\x9d8q\xc2b\x96\xb7\xbfwKf\xa6\x8d\xd9]R\xd0=3\x92s\x01\x8adwx\xae\x9d\xb6&amp;\xefh\x9d,I;v\xec\x185jT\x17\xae&gt;\xb7\xc9\xdf`R\xe6\xbd:\xab\xff\xd0\xde\x8eF\xed\x99\x91A\x85s!+\x92\xab\xc5\xbd\xf8\xfe\xe5e\'\xaa\xa4\x00\xc8?\x10\xe8\xf7\x93\xa3.\xa7\xcd\xbc\xa2\xa2\xa2\xde{\xef=BH\xb3C\x9d\xfe\xebMu5-\x92Y\t\xb2\x93R\x84\x00\x0e@-\xca\xdc\xc7\xb6\xe5\x15\xd5\x82\x10\xcf?\xff\xfc\xa8Q\xa3TU\xed\xc2\xd1\xa7M\xfe\xee\x16\xcf\x1b\xbf\xff\xb0\xb1\xae\xd9hR\x82\xec\x1eAB\x00!`4\x1b\xde\xfa\xcb\x9a\xd2\xe2J\x11\x18\xf9\x07\x02]\x7fx\xd4\xe5(\xa5\xaa\xaa\x8e\x1a5\xea\x9f\xff\xfc\'\x80(&gt;\xd3t\xc3\xbd\xeb\x1c.\x15\x0c4\x98\xc6 \xc6\x85\x1cizp\xfe\x96\x8f6\x9d\x00\x80Y\xb3f\xcd\x9b7O[\x81\xe9\xda7\xd6:\x7f\x01\xa2\xa6\xac\xfe\xef\x0f\xbf\xe5q\xab\xb2"\x05S\xfe\x82\xf3\x90p\xcb\xca?\xae\xde\xffE!\x04R\xfe]\x0e\x1b\x00\xeab\xb2,\xab\xaa:w\xee\xdc\x07\x1ex\x00@\xec9X\xf5\xf0\x93_P\x8b"\x08\t\x8ec\x92\x1e\x95\xcb=,\xaf\xbf\xbe\xef\xf5\x7f\x17\x00@VV\xd6\xab\xaf\xbe\x1a8\xf7\x1c\xfea\xfep\xaa\xb0\xf4\x9dg&gt;5\x9a\x15J\x83d}\x98\xa9\xdc\x1a\x13\xb6\xe9\xed\x1d;?\xcd\x85\xc0\xcb\xbfka\x03@]O\x92$UU_{\xed\xb59s\xe6\x00\xc0\x9bk\x8b\xe6&gt;\xb2E\n3\x80\xd4\xcd\xf7\x03\x040&amp;\x94\xd8\x90e\xaf\xef{\xf0O;\x01 +++\'\'\xc7b\xb1@ \xddr\xb2M\xfe\xdfn\xcc[\xf1\x87\xd5\xa6\x10#\xa5\xdd;\x7f!\x803n\x8d\t\xcdyk\xc7\xaa\xc5\x1b P\xf3\xefBA\xd2\xe4Qw\xa7\x1d\x90\x94$i\xee\xdc\xb9\xcb\x96-\x03\x809w\x0ezu\xe1x\x99\t\xe6R\xbb\xe31a\xce\x85\x00"E\x1a__\xb6\xff\xc1?\xec\x00\x10#Gfm\xdc\x98\x13\x19\x19\x19\x80\x07\x1e\xdb\xe7?z\xca\xf0\x99O\xdd\xca\xb9P\xdd*\xed\x86\xc7\x84\x05\x17@ $\xdc\xbc\xf9\xdd\xaf\xff\xbd\xe8?\x02\x846\xfa\x07f\xfe]\x05\x1b\x00\n\x14\xed\xc7\xa01#\xe2\xd6\xad\xfcEd\xb4Y\xadwu\xafsC\x99\xca%\xa3\x0cf\xf9\xc1\xc7\xb6\xbd\xfe\xfea\x00\x08\xe4\xd1_\xd3&gt;\xff\xa4\xf4^\x0f\xbftoxTHsCK\xf7:7\x943.\x1bd\x83I\xf9\xd7_\xd6\xecX\xbb\x17\x00F\x8e\x1c\xb9q\xe3\xc6@\xce\xbfK`\x03@\x01\xa4\xdd\x18D\x86\x0f\x8eZ\xfe\xc2\x84\xe1\x996\xb5\xca!I\xb4[\xec\xb5\xab\x1e.G\x18\xebjZ\x1e|b\xbbv\xc1W\xe0\x8f\xfe\x9a\xf6= 1\xd9\xf6\xab?\xdf\x9e\x94\xd1\xbb\xa1\xa6I\x92(t\x87\xfc\x99\xca,\xe1\xe6\xa6:\xc7\xdbO\x7f\xb2\xef\xf3\xc3\x00\x9052+\xa7;\xe4\xef\x7f\xd8\x00P`i?\x06E[M\xaf&gt;s\xf5\x9dw\x0c\x16\xf5N\xce\x84$\x05\xee $\xb8\xe0BH\xd1\x96}{\xcb\xef\x7fl[\xee\xe1j\xe8ns\xcf\xf6\xf9\x87\x84\x9b\xef\xfe\x7f7\x8f\x9e2\xbc\xb9\xa1\x853\x1e\xc8\xcbAB\x08\xc1EXT\xc8\xf1\x03\xa7\xff\xf5\x975g\x8e\x96Cw\xcb\xdf\xcf\xb0\x01\xa0\x80#\x84\xd0n\xcc\xbbd\xc9\x92\xf9\xf3\xe7\x03\x00\x00\x99\x97\x9d\xfe\xfcS\xa3e\x83\xa46\xb8\x02sW@U\xb9l\x92!Dy\xe3\xcd\xfc\xdf=\xbd\xab\xbe\xc9\x05\x00\xb3g\xcf^\xb2dIXXX7\x1a}.\x98\xffuw\x8d\x9a\xf6\xc8\r\xb2Av4:\xa9\x14\x88\x97\xce2\x95\x1bL\x8a\xd1l\xf8|\xd57\xab\x97ljivB\xf7\xcc\xdf\x9f\xb0\x01\xa0@\xe4\x1d\x83rrr\xee\x9b=\xfbli)\x00\\9,n\xc9\x9f\xc7\x8e\x1a\x9d\x00v\x97\xeafr\xc0\x1c\x19fL\x10\x024\xca\\z\xd2\xfe?\x7f\xdd\xf9\xc1\xfa\xe3\x00\xc2h4&lt;\xf7\xdc\xc2y\xf3\xe6\xc1\xf9\x87\xf1v\xf5\xdb\xbc\x0c\xad\xf3\x9f={vii)\x00\xf4MM\x9c\xfe\xd8\xe4\x94\xcc$Gc\x8b\xeaf\x81sd\x9e3N(\t\x8d\xb0T\x9e\xae\xfd\xe8\xa5\x8d\xdfm&gt;\x08\x00\x06\xa3aa\xb7\xcd\xdfo\xb0\x01\xa0\xc0\xa5]\xaaSVV\x96\x9d\x9d\x9d\x93\x93\x03\x00&amp;\x83\xfc\xbb\xb9C\xffg\xee0k\\\x08\xd4;\x19\xe3T\xea\xca\x07\xc90&amp;\x08\x00\xb5\x1a\xc1\xc3V\xae*\xfc\xe3\x0b{\xceT4\x01@J\xca\xc0\xe5\xcbW\x8c\x193\x86s\xde}o5\xd3&gt;\x7f\xc5\xa0L\x9cq\xd5\xf53\xc6D\xc4\x84\x05\xc2\x8a\x90v\x96\xaa%\xcc\xc4&lt;l\xe7\xa7\xb9\xeb_\xff\xbc\xae\xaa\x01\x00RRR\x96/_\xde\xdd\xf3\xf7\x03l\x00(\xa0y\xef\xd4\xb8d\xc9\x92\'\x9f|\xc2\xe9t\x01\xc0\xe0\xfe\x91\xbf{p\xd8\x8c[\x93\x950#4\xb8\x18\xe3\x94\xfauQH\x00pm\xd6\x1ff\x00\x01\x9b\xb7\x9fz\xfe\xb5}\x9bw\x9e\xd1~z\xff\xfd\xf7/^\xbc\xd8j\xb5\x06\xc1\xb5\xa6\xad\xf3\x7f\xe2\xc9\'\\N\x17\x00\xd8\xfa\xf6\x984sL\xd6\x8d\xe9\xe6PSK\xa3\x933N\xa9\xbf\x8f\x0fs\xce\t\x10S\xa8\x11\x04\x1c\xdau4\xe7_;\n\xf7\x14k?\n\xa6\xfc}\r\x1b\x00\nt\xdeI\xdc\xc1\x83\x07\x1f\x7f\xfc\xf1\r\x1b6h\x7f\x7f\xd5p\xdb\x13\x0f\x8f\xb8at\x821\xca\x04\x8dn\xd5\xcd\x08%\xbe\xde\x1f\xe0\\p.d\x99B\xa8\x01&lt;lWn\xc5\xff\xad\xcc\x7f\x7f\xdd1\x00\x01\x00\xe9\xe9i\x0b\x17.\x9a&lt;y2\xb4\x1a:\xbb\xbb\x8b\xe5\x9f\x94\xd6\xeb\xc6\xec\xabS2\x93B#--MN\xe6a@\x08\xf5q\xfe\xdaa^*QS\x88Q\xf5\xb0\x13\x07O\x7f\xfe\xc1\xee=\x9b\xf2\xb5\x9f\xa6\xa5\xa7-\n\xba\xfc}\n\x1b\x00\xea\x1e\xbc\xdb\xf3\x07\x1f|\xf0\xb7\xbf=\x93\x9f\x7fP\xfb\xfb\x8cA1\xf3f\xa7O\xbd1)&lt;\xd6\x02\x1e.\x9a\xdd\x8c\tB\t\xed\xbc\xfd~q\xfe\xf4\x1e\n\x84Zd0\xc9\xac\xd1\xbd\xed\x9b\xd2\x17\x96\x1d\xc8\xf9\xf2\x0c\x00\x07\x80x[\xdcC\x0f\xff\xfa\xf1\xc7\x1f7\x18\x0cA\xb9\xec\xf0\xc3\xfc\xff\x96\x9f\x7fn\xccM\x1c`\xbb\xee\xeeQ\xc3\xc6\x0f\xb1F\x871\x959\x1d.\xce\x05\xd5&gt;~\xe7\x05 \xb8\x10B\x00\x01\xa3\xc9\xa0\x98\x94\x96&amp;g\xd1\xde\x93[\xde\xfd\xba\xe0\x9bb\x01\x1c\x00\xe2lq\xbf\x0e\xea\xfc}\x04\x1b\x00\xea68\xe7\x00@)u\xbb\xdd\x8b\x16-z\xf5\x95\x7f\x94\x95Wh?\xea\x93\x10~\xe7MI\xb7M\xea;:3\x1e,\n\xb8\x198U\xe6\xe1\x02\x04!\x84\x92\xcb\xbe\xee_\x088?\xe6\x80$\x110J`\x92\x81\x89\xc2C\xd5\xeb\xb7\x97\xbc\xf7\xc9\xf1}\x87\xaa\xb4Y\xbf\xd9l\xbc\xfb\xee{\x17,X\x90\x90\x90\x00A=\xf1l\x93\xff+\xaf\xbcR^^\xae\xfd(&amp;&gt;r\xf8\x84!C\xc7\r\xea?\xac\xb7\xd1\xac\xa8n\xe6vy\x98\xca@h7\x1d\xfd)\xf9kG\xa2\x01\x80JT1\xca\x8aQ\xe1\x8c\x9f&gt;Rv\xe8\xeb\xa3{r\x0e\x9e:R\xaa\xbd\xd2d2\xdds\xcf=z\xc8\xdf\x17\xb0\x01\xa0n\xc6\xbb\x85WTT\xbc\xfd\xf6\xdbo\xbf\xfdV^^\xfe\xf9\x1f\xd2\xb1Y\xb6\x89\xa3\x13&amp;\x8dN\x18\x9a\x1ac\x894\x81D@\xe5\xe0b\xc2\xc3\x85\x10\xe7\xeelC\xa0\xfd\xecT\x806\xeah7I\x06\xaaP0H\xa0H\x00\xc0\x1a\\E\'\xec\x9b\xbe&gt;\xf3\xc5\xee\xb2\x9c\xaf\xce:\x1c.\xed?\xe9\x19o\xbb\xe7\xde\x19\xb3f\xcdJKK\x03\x00UU%I\n\xfa\x89g\x9b\xfc\xdfz\xfb\xad\xfc\xf3\xf9\x13 \x03\x86\xf5N\xc9\xea\x97\x92\x99\x948\xd0\x16\x1aa\xa1\x12e*S\xdd*\xf3p.\x04\x08!\x00\x08\x00\x10\x02p\xee\x8f\xe7\xfep~$\xd2\xf2\x97dIV$I\x91\x00\xa0\xa5\xd1Yy\xaa\xa6p\xcf\x89c\xfbJ\nv\x1fw\xb6\x9c\xcb\xdf\x16o\x9b\xa1\xbf\xfc;\x176\x00\xd4\xfdx/V\x02\x00\xb7\xdb\xbdq\xe3\xc6\x95+Wl\xda\x94\xe3p8\xcf\xbf\x84\xf6\xeb\x1d&gt;"5\xfa\xeaL\xdb\xf0\xc1\xd1C\x92"bzX\xc0(\x81B\xb5\xb1\x06T\x0e\xadG\n!@\xa2\xa0\xad_\xab\x1cT^_\xd3RTb?t\xacn\xc7w\xe5{\xf2\xaa\x8b\x8a\xeb].\x8f\xf7\xe5c\xc7\x8e\x99</t>
        </is>
      </c>
    </row>
    <row r="308">
      <c r="A308" s="1" t="n">
        <v>306</v>
      </c>
      <c r="B308" t="inlineStr">
        <is>
          <t>shape_morph</t>
        </is>
      </c>
      <c r="C308" t="inlineStr">
        <is>
          <t>What is the missing shape of the part denoted with a question mark?</t>
        </is>
      </c>
      <c r="D308" t="inlineStr">
        <is>
          <t>['square', 'circle', 'hexagon', 'pentagon']</t>
        </is>
      </c>
      <c r="E308" t="inlineStr">
        <is>
          <t>pentagon</t>
        </is>
      </c>
      <c r="F308" t="inlineStr">
        <is>
          <t>There are eight shapes arranged in a grid. The top left shape is a ? and the bottom right shape is a square. The other shapes do not appear to regular shapes.</t>
        </is>
      </c>
      <c r="G308" t="inlineStr">
        <is>
          <t>We observe that from the bottom right to top left direction, the shapes look like a square but gradually change shape into something like a pentagon. Hence, the pattern is the the shapes are morphing between square and pentagon shapes.</t>
        </is>
      </c>
      <c r="H308" t="inlineStr">
        <is>
          <t>Based on the pattern that the shapes are morphing between square and pentagon shapes, the missing shape at the top left should be a pentagon.</t>
        </is>
      </c>
      <c r="I308" t="inlineStr">
        <is>
          <t>b'\x89PNG\r\n\x1a\n\x00\x00\x00\rIHDR\x00\x00\x02\x00\x00\x00\x02\x00\x08\x02\x00\x00\x00{\x1aC\xad\x00\x00\x9bMIDATx\x9c\xec\xddy\\T\xd5\xfb8\xf0s\x97\xd9\x87\x99\x01\x86]\x05\x04\xdc\xa1\x14A\xcb\\\x12\\Z\xcc}\xcbT4Y\xccTL-\xeb\xa3\xb8\x96\x95\x9af.\x80\x8a[\xb9\x80\xa6\x95\x8a\nn\xa9\xb9\x80\x9a((\x88\xe2\x86\xec0\xfbz\x97\xdf\x1f\'\xf9\xf9U3\x17`\x86\xb9\xe7\xfd\xc7\xe7\xe5\xc7W\xea\xe5\xce\x9d\xe79\xe7y\xce9\x17cY\x16 \x08\x82 \xdc\x83\xdb\xfa\x02\x10\x04A\x10\xd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m}\x01\x08\x82p\x17M\xd3,\xcb\xe28\x8ea\x18\x86a\xb6\xbe\x1c\xce\xc1X\x96\xb5\xf55 \x88\x8d=\xfa-`\x18\xe6\xc9\xdf\x87\xe1\t\xc7\xd1\x8c\xb9\xce0\x0c\xf3X\xd0g\x18\x06\xfe&amp;\xcc\x076\xbc6\xee@\t\x00\xe1.\x96ei\x9a\xc60\x8c \x88\xe7\xf9\xef\x19\x86A9\xe0\xd5\xc1\xdbN\x92$\x00`\xf7\xee\xddj\xb5\xbaw\xef\xde\xde^^\xf8#\x9f\x02L\x06\x00\x00\xf8\xd1\xa0|POP\x02@\xb8\xe8\xd1\x18\x04\x00`\x19F\xad\xd1\xc0_\x17\x16\x16j4\x1a\x0c\xc3T*UNN\x0e,P\x14\x14\x14\xf8\xfa\xfa~\xfd\xf5\xd74M?g\xb6@\x9e\xaa\xf6\x06^\xbd\x9a;}\xfag\x87\x0f\x1f\x06\x00\x08E\xa2\xa6M\x9b6k\xd6\xacO\xef\xdea\xe1\xe1\x1dCC\xa5R\xe9S\xff\x14R\xb7P\x02@\xb8\x85a\x18\x96ea41\x9b\xcdk\xd6\xac9p\xe0\xc0\x9d\xbbw++*\x00\x00\x14Mk\x1ff\x82\'m\xda\xb4i\xec\xd8\xb1(\x18\xbd\x1c8\xa8\'I\xd2l6/^\xbc\xf8\xdbo\xbf5\x9b\xcd\x04I\xd2\x14\x15\xd0\xb4\xa9\xd1h,\xad\xac\x84\xd57\x0f\x0f\x8f\xe0\x90\x90\xd0\xd0\xd0vm\xdb\xbe\xd3\xb7\xaf\xc2\xd9\x99 \x084\xfd\xaa\x17,\x82p\x03M\xd3\x14E\xc1_\xdf\xbbwo\xc6\x8c\x19m\xdb\xb6\x05\x00\x10\x00x\xb8\xb8\xc0\xafCK?\xbff^\x9e\x00\x00\x92$\x87\xf4\xee]\xfb5\xf1\xf5\xf1!p\\$\x12\xdd\xbau\x0b\xfeU6\xfdQ\x1a\x19\x86a\xacV+\xfc\xf5\x86\r\x1bZ\xb7j\x05\x00 \t"\xa0Y3\x0c\x807^\x7f=\xb4m\xdb\x81\x91\x91|\x1e/n\xf8p\x0fW\xd7\x80\xa6M\x9d\xa5RX\xf4\x91J\xa5!!!\x87\x0e\x1db\xd1m\xaf\x07h\x15\x10\xe2\xf8h\x9a\x06\x0f\xab\xc9g\xcf\x9eMNN\xce&lt;|\xf8^q1\x89\xe3\xe1!!7n\xdf\xee\xde)&lt;5\xfd \x00\xc0\xd7\xdb[\xe9\xa28p\xe2$I\x10]C;Tk44E1\x80=\x99}\x01\x00\xc0\xd0\xf4\xb0a\xc3N\x9c8!\x14\nY\x96E\x85\xe9\xe7\x01\'L$I^\xbati\xf9\xf2\xe5[\xb7n\x15\xf2xa\xc1\xc1YW\xae\xc8%\x92\xfdIIow\n\xbf[\\|\xaf\xb4\xb4]`\xe0[\xa1\x1d\xf6\x1e92\xf9\xa3Q\xcb\xb7l\xf1\xf1\xf6\xbeZP\xd0\xb6y\xf3s99}\xfb\xf6\xfd\xeb\xaf\xbf:w\xee\x8c\xa6_u\x0b\x95\x80\x10\x87\xc5\xb2,\x8c\x170R\x9f9s&amp;11q\xc7\x8e\x1d\x16\x8b\xc5\xcd\xd9\xb9\xa9\xb7\xd7\xc5\xdc\xbc\x8f\xfa\xbd\xdf\xbay@xp\xb0\x95\xa2X\x96U\xc8\x9c\x82|}-\x16\x0b\xc00\'\x89D&amp;\x95\xd24MH$\xf3\x97-\xfb\xfd\xd8\xf1\xa2\xe2\xe2\x1a\xb5:**j\xe3\xc6\x8d\x14E\xd5\xb6\x10\x90\xa7\xaa\xad\xb6\xa9\xd5\xea\xd4\xd4\xd4\xe93fh5\x9a\xd7[\xb7\xbe|\xfdz\x876m\x06FD\x8c\x1b8\xc0\xdb\xcbK\xa7\xd5\n\xf8|\x1eI\x02\x1eO\xaf\xd1\xd4h4&amp;\xb3\xf9\x97\x03\xe9\x85\xb7\x8b*kT\xf9\xb7o\x9b\xcc\xe6J\x95J.\x97\xe7\xe6\xe6\xba\xb9\xb9\xb1,\x8bjAu\x05%\x00\xc4\x01\xb1\xff\xb7\xc7\x9b\x9a\x96\xb6\xed\x97_232\xf4\x06\x83\xd2\xd9\x99f\x98\x1a\xb5z\xe6\xf8q\xcd\x9b6\xed\xdf\xb3\xa7\x97\x87\x07\xa0i\x80\xe3\x00\x00\x96\xa6M\x16\x0b\x8e\xe3\x00\xb0\x14E\xd3\x0c\x03\x00`\x19F\xee\xe6\x16\xf3\xc5\xac#g\xcf\xeaL\xa6\xf2\xca\xca\xe5\xcb\x97\xc7\xc7\xc7\xa3\x1c\xf0o\x1e\xbd\xff;v\xecHHH\xb8q\xe3FSO\xcf*\xb5\xda\xdb\xcd\xadu\xf3\xe6Kg\xceh\xd1\xb2\xa5I\xa3\xb1X\xad\x04A\xc0r\x04\xc3\xb2$A\xc0?%\x90H\x00E\xd1\x14\xf5\xf3\x1f\x7f|\xba\xe8\x1b\x91PPUS\x13\x16\x1e~\xe6\xcc\x19\xd8\x0c@\xd3\xaf:\x81\x12\x00\xe2P\x9e\xec\xf1\xee\xde\xb5\xeb\xf4_\x7f\x01\x00\xda\x05\x06\xaa\xb4\xda\xfbee\x83{\xf7\x1a\xfdA\xff\xb7;\x85\xcb\x9c\x9c\xccF\xa3\xc9b\xc11\x0c~\r\xb0GV\x1c\xd6\xfe\x82\x85_\x12\x1c\x8f\xfab\xd6\x89\xecl\x1e\x8fWZQ\x91\x99\x99\x19\x11\x11\x81*\x12O\xaa\xed\xd6\x16\x14\x14$$$\xec\xdc\xb9\xd3I,f\x00\xe8\x1c\x12R\\V\xf6\xcd\xb4\xf8\x81\xbdz\x99M&amp;\x93\xd9\\;9{\x14\xbc\xd94\xc3`\x00\xe08.\x95\xcb\x96&amp;\xaf\xdf\xb8g\xcf\xed\xe2b\x83\xc9\x14\x13\x13\x93\x94\x94\x84Ro]A\t\x00q\x10\x8f\x16\xfa\xef\xdf\xbf\xff\xe3\x8f?\xa6\xa7\xa7\xe7\xe6\xe6\x02\x00\xde\xea\xd0\xe1\xcc\xe5\xcb2\x89d\xc6\xc7\xe3}\xdc\xdd\x07FD\xc8d2\x83NG\xd1\xf4s\x8e%\x19\x86\x11\x8aD\xf9\xb7n\xcdZ\xf6C\xc6\x993\x16\xab500\xf0\xec\xd9\xb3\xce\xce\xce\x00\x00T\x91\x80X\x96e\x18\x86 \x08\xadV\xbba\xc3\x86\xb9s\xe7j4\x1a\xa1@`\xa5\xa86\x01\x01\xa3\xde\x7f\x7f\xc2\x90\xc1\n\'\xa9\xc1d\xc6\x9eoi?\xfc\x0be2\xd9\xc8\xe9\xd3\xf3n\xde\xca/*2[,\x89\x89\x89\xb1\xb1\xb1(\x07\xd4\t\x94\x00\x90F\xef\xd1\xd0\x7f\xe6\xcc\x99u\xeb\xd6\xc1\x1e/\x81\xe3]B;\xfc\x99\x95\xdd\xb1]\xbba}\xfa\x84\x07\xb7{\xa3C\x07\xbe\x80o\xd0\xe9)\x8az\xd1\x91\xbb\x95\xa2\x14\xee\xee\xeb\xb7\xfe&lt;q\xc1\x82 ?\xbfk7oFFFfdd&lt;\xb9\xa3\x95\x9bj#\xf2\xa9S\xa7F\x8d\x1aU\xf6\xe0\x01\xc50R\x89\xc4I"\x0eh\xdal\xed\xdc\x84\xd6\x01\x01&amp;\xa3\xd1JQ/\x94/a\x80\xe2\xf3xo}4Z\xa5\xd5\x96UUit\xbau\xc9\xc9\x13\xa2\xa3Q\x0exu(\x01 \x8d\xd5c=\xde\x1d;wn\xdf\xb6\xed\xe8\x91#:\xbd\xbe\xb6\xc7\xfb\xe1{\xef\x85\xb6m\xd3\xa7K\x97\xb6AA,\xcb\xea\r\x06\x86ap\x82x\xb9h\xcd\xb0\xac\x90\xcf\xdf\xb8g\xcf\xac\xe5\xcb\x05&lt;~ie%\xaaH\x80GviUUUE\xc7\xc4\x1cJO\xb7\x98\xcdA\xfe\xfe\xe5UU8\x86\xad\x9d\x9b\xd0?"\x02\x03@o0\xbc\\\xed\x1e.\xb8\xd2\x1a\x8dQ\xb3\xbe&lt;t\xfa4I\x92\x14EeddDFFr\xfc\xce\xbf:\x94\x00\x90\xc6\xe7\xb1\x1eoZZ\xda/?\xff|\xfa\xcf?+U\xaa6\x01\x01\x1a\xbd\xee~i\xd9\xcc\x8f\xc77o\xd2\x04\xf6x)\x8b\xc5`2a\xaf\\\xabaY\x96$I\x83\xc94\x7f\xf5\xea}\'\xfe\xbc\xfb\xe0\x01E\xd3\xf3\xe6\xcd\x9b;w\xae\xd5j\xe5\xf1xu\xf1\xc35&amp;\xb5\x1f\x04EQ\xabW\xaf^\xb5zu\xe1\x8d\x1b\xc1AA\xf7\xcb\xcbY\x86Y\x14?\xf5\x9d\xae]\x9b\xfb\xfaj\xd5j\xf0j7\x9fa\x18\x91HT^]\xddi\xd8\xf0J\x95J$\x14\x02\x82\xb8\x90\x9d\xed\xef\xef\x8f6\x88\xbd\n\x94\x00\x90\xc6\xe4\x19=\xde\xf7\xbaw+\xad\xac\xca/*\xfa26&amp;\xa8Y\xb3\xbe]\xbb:I\xa5\xb0\xc7K\xd4\xdd\xa2\x11\x86eq\x0c\x93\xc8d\xef\x8c\xff\xf8\xe0\xa9S&gt;\x9e\x9e\xc5\xa5\xa5\xbbv\xed\x1a&lt;x0\xa7\x1a\xc2\x8f\xe6\xe0s\xe7\xceM\x9d\x1a\x7f\xee\xdc\xd9\xc0&amp;M4F\xa3Z\xab\x1d\xf1\xee\xbb\xa3?\xe8\x17\xd1\xbd\xbbY\xa31Y,d]\xdc\x16\x8a\xa2\xe4\n\xc5\x1fG\x8e,I\xd9x\xe9\xfau\xb3\xd9\xfc\xda\xeb\xaf\xc3=\x19\x00\xb5a^\x16J\x00H\xe3\xf0\xec\x1e\xef\xd9\x9c\x1c\x01\x8f\xb7z\xce\x9cvA\x81m\x83\x82\x84\x02\x81\xc1`\xa0(\xaa&gt;\xd6\x0b\xd2\x0c#\x14\x89n\xdc\xbe=\xef\xa7U\xc7\xb3\xce\x1bMf\x81Ht\xec\xd8\xb1\xe0\xe0`\x8e,Q\xaf\x1dt\x97\x94\x94\xcc\x9e=;%%\xe5\xcd\xd7_\xbbWV\xae\xd2j\xfau\xef\xd16(\xf0\xabI\x93h\x93I\xa7\xd7?u\x9d\xcfK\xb3Z\xad\nO\xcfo\x96\xafH;|\xf8NII\xed\x9e\x0c\xfa\xb9\x9b\xf9\xc8cP\x02@\xec\x1dl\xd8\xd6n\xe6\xfa\xd7\x1eoH\xf0\x1b\xed\xdb\xf3\x08\x02\x16\xfa\xebu0NQ\x94\xdc\xd55\xfd\xe8\xd19+W\xea\x0c\xc6\xfc\xa2\xa2\xf6\xed\xdb_\xb8p\xc1\xe1\x97\xa8\xc3\x05\xfb8\x8ek\xb5\xda\x1d;v\xcc\x9e=\xa7\xbc\xbc\xcc\xc3\xd5U$\x14~7\xfd\xb3\xbf.]\x9a3q\xa2\xab\\\xae\xd5\xebY\x00\x88z\xc8\x85V\x8aR(\x95\xb1\xb3\xbe&lt;r\xee\x9cJ\xa7\xab\xaa\xa9Y\xb1|\xf9\xd4\xf8xn\x96\xe0^\x1dJ\x00\x88\x9dz\xcaf\xae\x9f\x7f\xce\xcc\xcc\xd4\x1b\x0c\xcf\xe8\xf16\xd8\x18\xdcJQ\n\x17\x97_\xf6\xee\xfd\xe8\xf3/\xc4"\x91\xc1ht\xf8\x86pm\x8d+\'\xe7J\xd4\xb8\xa8K\x17/6\xf3\xf2\xba[R\xe2\xe9\xa6l\x17\x18\xb4n\xfe&lt;\xbf\x80\x00\x83JE\xd1t}\x84~\x08\xee\xc9\xc0p|\xd4\x8c\x99\xb9\x85\x85]B;l\xd9\xfb\xdb\x82\xf9\xf3\xe7$$8\xf0\x9d\xaf?(\x01 v\xe7\xb1\xd0\xff\xfd\x92%\xbf\xff\xf6\xdb\xe9\xd3\xa7\x01\x00\xed\x02\x03k\xb4\xda\xe2\xb2z\xe9\xf1\xbe\xc4\x85\x02\x0c\x8b\x99;/\xf7\xe6\xcd\xbc\x9b7\xadVkRRRLL\x8c\xe35\x03\xe0\xd1\xfc8\x8e\x9b\xcd\xe6\xc9\x93\'o\xde\xbcYH\x92&lt;&gt;_\xe9\xec\xac\xd3\xeb\xe3\xc7\x8c\x8e\x8f\x8a\xa2\xacV\xf3\xbf\xec\xed\xaa\xf3\x8b\x11\x8aD9\x05\x05\x7f\xe7\xe6-X\xbb\xd6d\xb1T\xd6\xd4$%%M\x980\xc1\xf1\xee|}C\t\x00\xb1#O\xf6x\xd3RS\xff\xbep\xc1h\xb5\xfe\xb3\x99K*\x9d\x1e5\xb6\x85\x9f_=\xf5x_\x08\xcb\xb2\x04\x8e\xe3\x04\xd1u\xf4h\x83\xd1t\xe3\xce\x1d\x8b\xd5z\xe6\xcc\x19G:\xb3\xacvo\x17\x00\xe0\xa7\x9f~JJJ\xca\xcd\xcdu\x96\xc9\x9azy\xe5\x15\x16\xce\x8e\x8b\x8b\x1b&gt;\xdc\xc3M\xa9\xd3\xe9@\x03\xbe\xb6\x85\xa2(\xb9\xd2\xf5\xf8\xe9\xbf&gt;_\xb2\xf4^iiie%\x86a\xe8\xb4\xb8\x97\x80\x12\x00b/j\xcf\xd7|\xac\xc7\x1b;l\xd8\xf6\x03\x07|\xbd\xbdG\x7f\xd0/\xbc]\xbb7:t\xe0\xf3x\xf5\xd7\xe3}!\x0c\xcb\x928^^]\xddkB\xb4\xc5j-\xaf\xaa\x92\xcad\xb9\xb9\xb9J\xa5\xd2\x01\x1a\xc2\xb5\xc1\xf4\xfc\xf9\xf3\xcb\x96.MMK\xc31\xackX\xd8\x89\xf3\xe7\x07\xf5\x8a\x9c4rd\x8f\xf0p\x8a\xa2\x8cfs\x9d\xac\xf3y!\x14E\xc9\xe5\xf2\xfb%%\xad\xde{\xdf\xd3My\xf7A\x89\\\xa1\xc8\xcb\xcbs\x8c;\xdf`P\x02@\xec\x02l\x9f\x9e;w.)113#\xe3\xd1\x1eo\xbb\xa0\xa0\xc5\xd3\xe2\xfd}|\x1e\xdd\xcce?\xa3&lt;\x86a\xc4Ba\xc6\x9933\x96,\xc9\xbby\x8be\xd9\xa1C\x87\xee\xdc\xb9\xf3\xd1*V\xa3\xf3\xe8A\x9e\xeb\xd7\xaf\x9f1c\x06\x89a\xd3\xc6\x8d[\x92\x92\xd2\xbfg\xcf\x1e\xe1\xe1\xe3\x06\x0e\x90\xcb\xe5\x1a\x8d\x06\xb7\xdd.h\x9a\xa6\xc5B\xe1\xc9\x8b\x17\xa3\x13\xe6\xaau\xba\x1a\xb5\xfa\xb5\xf6\xed/dg\x83G\x06\x13\xc8\xb3\xa1&lt;\x89\xd8\x1e\x8c\xfe\xd3\xa7O\x7f\xeb\xad\xb76n\xdad\xd4\xebC\xdb\xb6\xa1\x19\xa6\x89\xbb\xc7\xb2\xcfg\xee\\\xb6\xf4\xfd\xee\xdd[\xf9\xfbkt:\x9d^\xff\xfc\xaf\xf0m\x188\x8e\xeb\x8c\xc6\xbe\xbdz\xb5o\xd5Z\xc0\xe7\x07\xf86KKK[\xb8`\x01\xdc\x1ee\xeb\xab{\x19pU%A\x10\xe9\xe9\xe9\x1d\xc3\xc2\xbe\x981c`d\x04\xc5\xb2\x14M\x1fHJ\xfa_lL|\xf4\x04\x92 4j\xb5\xad\x8ao\x10A\x10F\xb3\xf9\xedN\x9d\xa2\x87\x0cQ:+\x08\x82\xa8,.\x1e1b\x84\xc1`\x80\xab\x95lua\x8d\x08\x9a\x01 \xb6\xc7\xb2\xac\xc5b\t\x0c\n2i\xb5\x18ATTU=zV3e\xb1\x18M&amp;\x80a\xb8\xbd\x8e\xe9X\x96\xc5\x08\xc2d\xb5.\\\xb5j\xfd\xae\xdd2\xa9\xb4\xb4\xb22--\xad\xf1\xee\x0e;w\xee\xdc\xd2e\xcbv\xa5\xa5a\x00\xe0\x041\xf7\x93\x89\x16\x8a\nj\xdal\xcc\x88\xe1V\xad\xd6`2\x11/{\x9cF\x9dc\x18\xc6I&amp;\x1b2e\xca\xeb\xadZ\xed=r\xf4Bn\xee\xb8q\xe3RRR\xd0\xa2\xa0\xe7\x81\x12\x00bc0D^\xbcx1,,\x0c\xae6\xd9\xf9\xc3\xb2\xf7\xbau\x93\xd8\xba\xc7\xfbBh\x86\x91J\xa5\x97\xaf\xe7/\\\xb3&amp;\xeb\xea\xd5\xfb\xa5\xa5nnnW\xaf^m\\/0\x81\x95\x9fY_|\xb1t\xd92g\xa9\x94bYg\x99\xac\xb4\xb2r\xd1\x94)3\'\x7f\xca\xe8tZ\xbd\xde\x0e?\x0e+E)&lt;&lt;b?\xff|g\xfaA\xb1HTRQ\xb1b\xc5\x8a\xa9S\xa7\xa2\x1c\xf0\x9fP\x02@l\x0c&amp;\x80\x9d;w~&lt;n\xdc\xb0w\xdf\x11\xf3\x05\xdf\xcf\x9cA`\x98\xc9l!\x08\xbb\x8b5\xcf`\xa5(\x85\xab\xeb\x91?OF~\xfc\xb1\xbb\xabkUMM\xc7\xb0\xb0F\xf4\x02\x13\xf8Adgg\x87\x85\x85\x01\x00Z\xf8\xfb\xb9)\x9c]\xe4\xf2\xf9S&amp;\xb7o\xddZ\xadV\xe38n\x9f\x99\x8ceY\x80a:\xa3\xf1\xa3\x993s\n\np\x9c(\xab\xacD\xa7\xc5=\x0f{\xfc8\x1d\x18\\\xe1\x0e\xdfN\xfe(\xf8\xb6k[_\x9dm\xc0\x1f&lt;\xbf\xa0\xc0JQ\'\xceg\xd5h4\x02\x92\xb4X\xad$Y\xef+\xca\xeb\x16\x8f$5\xd5\xd5=\xc2:\xfe\xf0\xc5\xe7J\x85\x82\xcf\xe7\x9f;w...\x8e \x08x\x8e\x85\x9d\xc30\x8ce\xd9Y\xb3f9\xcbd-\xfc\xfdM&amp;\xf3\x9a\xb9\t\xdb\x97.y\xbdeK\x8dFC\x92\xa4}F\x7f\x00\x00\x86a\x0c\xc3\xb89;\xff4{\xf6\xeb\xadZ\x1b\x8cF\x85L6l\xf8\xf0\xa2\xa2"\x92$\x1b\xc5\xcd\xb7\x15;\xfdD\x1d\t\x0c\xfa\x14E\xc1\x95\t\x04A\xc0wd?\nn\x9faY\x96\xa2(X\x06\xe1\x0e\x18\xe5\x0b\x0b\x0b%Ba\xd7\xb0\xb0\x1eaa\x0c\x86\x81F\x15\xfak\xc1\xb6\xe4\xb4\xa8\xa8\x90\x16-Z7\xf7\x97\x88\xc5\xc9\xc9\xc9iii\xf6\xdf\x10\x86\x8d\xdf\xac\xac\xac#G\x8e\x98,\x16\xb9T\x924onH\x9b6\x0c\xc3\xc0#}l}\x81\xff\x81\xc0q\x9dN\xd7\xbaE\x8b\xd8aC_k\xd9\x92\xa6i\xadZ=l\xd8\xb0\x9a\x9a\x1a\x82 \xb8\xf6\x9dz~hrT\x8fj\xd7\xd2\xd5~\x7f***\xee\xdc\xb9SZZZQQ\xa1\xd7\xebi\x9a\xe6\xf1x\xae\xae\xae&gt;&gt;&gt;\x01\x01\x01^^^p\xba\xca\xa9\xc3\xad\xe0\x8fY\x90\x9f\xef\xe6\xea\xaaR\xa9X\x00\x08\x1e\x8f5\x1a\x1bi\x0e\x00\x00\xe8t\xba-\xdf}\xdb~\xe0 \xbd\xc1 s\x92\xc6\xc6\xc6\xb6j\xd5*88\xd8\x9e\x1b\xc2p\x1e\xb6k\xd7.\x00\x80\xd1d\xaa\xa8\xaey+4T\xa7V7\xa2w\xdd\x90$\xa9\xaa\xaa\x1a&lt;`@~\xd1\xed\x1a\x8d\xa6\xa2\xa6&amp;;;\xbbo\xdf\xbe\x07\x0f\x1eT(\x14ha\xe8S\xa1\x04P/j\xcf\xcc\x02\x00\x18\x0c\x86S\xa7N\xa5\xa7\xa7\x9f&gt;}\xfa\xc6\x8d\x1b*\x95\xea\xa9\x7f\xc4\xc9\xc9\xa9]\xbbv\xfd\xfb\xf7\xff\xf0\xc3\x0f\x9b6m\n\x1e9s\xd1\x81\xc1\xbbt\xff\xfe\xfd\xdc\xbc&lt;)\x9f\xef\xe6\xe2\xdc\xa3S8e2\xd9\xed\x82\x9f\xff\x84a\x18\xcd0\x04I.\x982eiJJqE\xc5\xdd\x07\x0fF\x8f\x1e}\xec\xd81\xb9\\n\x9f\x9f)\x1c\xa6\x18\x8d\xc6={\xf6(d2\xadN7q\xc4p\xa9\\\xae\xae\xaen\xf8\x1d^\xaf\x82\xc7\xe3\xa9JK\xbf\xfad\xa2\xb7\xbb\xdb\xb8\xff\xcd\xe6\xf3\xf9\xe7\xcf\x9f\x8f\x89\x89IKKC\xcd\x80\xa7\xb2\xbbg\xd11`\x18\x86\xe3xNN\xce\x8c\x193\x82\x83\x83\xfb\xf4\xe9\xb3b\xc5\x8a\xac\xac,\x95J\xf5d\x15\x88 \x08x\xbc\xe2\x993gf\xcd\x9a\x15\x12\x122w\xee\\\x8b\xc5\x82\xe3\xb8\xc3O]\xe1\x0f\x98\x9f\x9fo6\x1a\xf9\x02\xc1oG\x8e\x12\x8d\xb6\xfeS\x8b\xc0q\xadV;\xe8\xfd\xf7\xa2\x87\x0e\xa5i\xaa\xa5\xbf\xff\xe5\xcb\x97ccbp\x1c\xb7\xcf\xf5\xe9\xf0\xad\x96\'N\x9c(,,Ti4\x12\xb1\xb8_\x8f\x1eV\x83\xc1\x0es\xd5\x7f\xe2\x91\xa4Z\xa5\x8a\xfa\xf0\xc3ic\xc6\xe0\x18\x16\xe4\xe7\xb7k\xd7\xae\x05\x0b\x16\x90$i\xb5Zm}uv\x07\xad\x02\xaac\xf0\xbb\x94\x9f\x9f?g\xce\x9c\xbd{\xf7\xc2\xca/\\&gt;\x01+B\xb5\xff%\x9c\x90\xc2\xdf\x81\xf3SX\xf6\x81\x7f\xe4\xad\xb7\xdeJMM\xf5\xf2\xf2r\xec\xa9+\x1c\x97\xfd\xf4\xd3O\x9f\xcf\x9c\xf9n\xf7\xee\xad\xfd\xfd\x13&amp;\xc6Y\xacV\x07\xf8\x91\x19\x96\xe5\t\x04?n\xdc4\x7f\xcd\x1ao\x0f\x8f\x9bw\xef\xc2\xe3B\xed\xb0\x10\x04\x1f\xda\xc8\xc8\xc8\xaa\xfb\xf7I\x1e\xcfS\xa9\xfcc\xed\x1a\x9dN\xd7\x18\x13\x00\x80\xdf&amp;\x9c0X\xcc_\xafY\xb3~\xd7n\xb9L\xf6\xa0\xacl\xf7\xee\xdd\x83\x06\rB\xa7F?\xa6Q~\xc0\xf6\x0c\xc6k\xb5Z\xbdk\xd7.\x18\xdd`\xe8\xa7i\xbav\x0b+\x1c\x062\x0c\x03S\x02\x9c\x80c\x18\x06{\xc5\x18\x86\xf1x\xbcS\xa7N\xf5\xed\xdbW\xa5R\xd9\xe7\x98\xb1n\xe5\xe5\xe5I\x84B\x92\xc0Y\x86!\t\xc2a~^\x8ca&gt;\x1a\xd0\xff\xcb\xe8\xe8\xb2\xcaJ\x1c\xc7\x93\x93\x93W\xacXA\x10\x84]5\x84\xffi\xfffg\x1f=z\xf4ni\xa9\x97\x9b\xf2\xbb\x19\xd3-Vk\xe3\x9d\x87a\x18F\xd3\x94\xab\\&gt;v\xe0\xa0\xde]\xde4\x9b\xcdR\x89d\xc2\x84\t999&lt;\x1e\xcf\xaen\xbe\xcd\xa1\x04P\xc7\xe0\x92\x83N\x9d:\r\x1c8\xb0v\x18K\x10\xc4\xa3k\x81\xc4b\xb1\x87\x87\x87\xbf\xbf\xbf\xbf\xbf\xbfR\xa9\x04\x00\xd04]{\xbe\r\xcb\xb2p\x9c\x92\x93\x93\x13\x17\x17\xe7\xd8\x85 8\xc6\xcc\xbbv\x8d\xcf\xe3U\xd5\xa8\x9axz\x02\x1e\xcf1\x12\x00\x8ea\x16\x8bE)\x93}\x19\x17\xdb\xd2\xcf\xcfE.\xf7P*\xa7M\x9b\x96\x99\x99i\x87k\x13\x93\x93\x92\x08\x1c7\x98L7\xee\xdc\xf5V*\x19\x8aj\xac\xe1\x1f\x00\x00\x00\x81\xe3\x1a\x8d\xa6}Hp\xf4\xd0a\xcd\x9b4Q8I\xd5*\xd5\x84\xf1\xe3\xaf\xe7\xe7\x93$\xe9\xc0_\xa8\x17\x85\x12@\xdd\x83\xf1+&gt;&gt;\x1e&lt;\\\xa1L\xd3\xb4D"y\xf7\xddw\x7f\xfc\xf1\xc7S\xa7N\xe5\xe7\xe7\xdf\xb8q\xe3\xda\xb5k\xd7\xae]\xbbq\xe3\xc6\xe5\xcb\x97W\xadZ\x15\x1a\x1a\n\xc7b\xf0/\xb1Z\xad$I\xee\xdc\xb9\xf3\xe8\xd1\xa3\x8de!\xf9\x8b\x82\xb3%\x95JUPP\xe0\xe6\xe2\xd2\xb5ch\xe7\xf6\xafSf3\xd68+\x0fO\xc2q\xdcl\xb1\xd04\xbdm\xd9\xd2\x0e\xad[\xeb\r\x06\x85\x93\xd3\xc8\x91#o\xde\xbci\'y\x1d6\xe15\x1a\xcd\xfe}\xfb\x18\x965[,\x9fE\x8duV*-\x14\xd5\xd8\xabp&lt;\x92TUV\xbe\xd3\xf3\xed\xb8\xe1\xc3\xa4"\xf1\x9711Y\x17.t\xea\xd4\xa9\xa8\xa8\xc8Nn\xbe=@=\x80z\x01\x17{t\xea\xd4\xe9\xfc\xf9\xf3\x1d:t\xf8\xe8\xa3\x8f\x06\x0e\x1c\xe8\xe7\xe7\xf7\x8c?B\xd3\xf4\xa2E\x8b\xe6\xcd\x9bW\x1b\xee\xe18\xf1\x83\x0f&gt;\xd8\xbbw\xaf}\xae\x1eyE\xb0\x1a~\xfa\xf4\xe9\xae]\xbb\xb2,\x8bcX\xde\xfe}\xcd}|L\x16K\xe3]\x05\xf4$\x8a\xa2\xe4..\xbb\xf6\xef_\xb5m[N\xc1\x8d\x1a\xb5:222##\xe3\xd1W]\xda\n\xfc\x08\x0e\x1d:\xd4\xb7o_\x1c\xc7%B\xe1\xe5\xbd\xbf\xfa\xb8{8F\x1b\x06\xb2X\xad\x95*U\xaf\x8f\'\xdcy\xf0\x80G\x92\xb5\xaf\x92oD+\\\xeb\x8f\xa3\xc5\x14;\x01\xd3\xeaw\xdf}\xb7m\xdb\xb6\xec\xec\xeci\xd3\xa6\xf9\xf9\xf91\x0c\x037\xfd\xd6\x96\xfek\x9b\x01\xb0\xf4?w\xee\xdc\xf8\xf8\xf8\xda&amp;!\xdc\x1e|\xe2\xc4\x89\xaa\xaa*\xb8\x80\xc4\xd6?V\x1d\x83?\xd1\xb5\xeb\xd7\xc5B\xe1\xf8\xc1\x83\xbf\x980\xc1\xc7\xcd\xcdj\xb5:R\xf4\x07\x00\x90$YSU5d\xd0\xa0n\xa1\x1dk\xd4\xea\xa6^^\x99\x99\x99\xd3\xa6M\xb3\x9fB\xd0\xda\xc4D\xa9H\xc40\xcc[\xa1\xa1\xfeM\x9a\x9a-\x16\x87\x89\x8c,\xcb\xf2\xf9\xfc\xa6&gt;&gt;#\xdf}\'\xb4m[\xa9D\x92\x9d\x9d=i\xd2$\x1c\xc7\xed\xe4\xe6\xdb\x16J\x00\xf5\x02F\xf0\x1e=z\x8c\x1c9\x12.\xec\x81C\xf8\xdaE\x9f\xd8#\xe0\xef\x03\x00\x18\x86\x99;w\xae\xab\xab+\xec\x18\xd7VH\xf2\xf2\xf2\xc0\xc3\x15\x93\x8e\xe7\xce\xed\xdb\x0c\xc3\xe4\xdf\xbae0\x1a\xc5B!\xed\x88?&amp;\x8f\xc7\xd3WV\xc6\x8f\x1d3u\xf4h\x0c\x00\x91P\xb8b\xc5\x8a\xcd\x9b7\xdb6\x07\xc0\xa1\xc6\xf1\xe3\xc7\x7f\xdb\xbb\xd7\xdb\xc3\xa3[\xc7\xd0\xb1\xfd?`0\xcc\x91\x06\x1a\x18\x86\xb1\x0cc5\x99\x16\xff\xef\x7f\x1dZ\xb7vvrrW*7m\xda\xf4\xe3\x8f?\xa2\x85\xa1\x00%\x80z\x05\xab\xff,\xcb&gt;\xcf9*p\x8c\xafP(\xbat\xe9\x02\x1evG\xe1\xff\xde\xbbw\x0f&lt;\x1c/;\x128\xcc\xbc~\xfd\xba\xd1l.*.\x16\n\x04\xac\xc3\x95\xb9 \x0c\x00\x86\xa6eR\xe9\xcc\xf1Q\xfe&gt;&gt;-\xfd\xfcp\x1c\x9f8qbQQ\x91\xcd\x0f*\xd8\xb8q#\x00\xa0\xe0\xf6m\x92 \x07DF\x1au\xba\xfa{\xa5\xbbM\xc0a\x96\xb6\xb2r\xd9\x97\xb3^o\xd5\x8a\xa5i\x0f\xa52&gt;&gt;&gt;33\x13-\nr\xa8O\xda\xde\xc0\xb7j&lt;\xffl\x1aV\x84|}}\xc1\xc3\xe0\x08\xffW\xab\xd5\xd6\xdfE\xda\x10\x8e\xe3\x14E]\xcf\xcfo\x17\x18\xd8\xbbK\x97\xd0\xb6m\x1d-\xc5=\x02\xc7q\x83\xd1\xe8\xee\xaaL^0?\xa7\xa0\x80a\x18\x86\xa6\x87\r\x1bf0\x18\x80-\xb2;l\xff\xeat\xba\x8c\x8c\x0c\x01\x9f\x0f\x00\xe8\xf7v\x0f\x81HD9\xe2\x0c\x0c\xc30\xc0\xb2\x02\x1eo\xfe\x94\xc9\xaf\xb7j\xa57\x18zuys\xe8\xd0\xa1{\xf6\xec\xb1\xffc\x9a\xea\x15J\x00\xf6\x05V~\x1e\xfbM{\xdb7T\'`\x81Ko0\xdc\xbfw\x8ff\x98\xa2\xfb\xf7}&lt;\xdc\x1d\xfbq$p\xdch4\x06\xfa\xfb\'L\x8c\xeb\xd0\xa6\x8dX$\xb2a=\x1a\x96\x19\x7f\xfb\xfd\xf7\x92\x92\x12\x01\x9f\xef\xe3\xee&gt;(2\xd2b4:\xd8\xf0\xbf\x16\x8e\xe3F\x83\xa1]\x9b6c\x06\x0c\x98\xfb\xc9\'&amp;\xb3\xc5h0L\x980\xe1\xca\x95+\xf6\xd3\x8cix\x8e\xf9a7Rp\xbc\xff\xe0\xc1\x03\xf0\xc8\x0ea\x00\x00\xdc+\xe00}9\x08\xd6=\xf2rs\x8dFc3o\xaf\xf7\xdf\xee\xe1\xeb\xedmq\xa0\xf6\xe3S\x11\x04\xa1\xd3h\xe6~\xf6Yh\x9b6\xb5\xf5\xe8\x15+V4\xfc8\x14\xc7q\x86e\xb7m\xdd\xea\xee\xea\xa2\xd1\xe9\xdel\xffz\xb3\xa6MMf\xb3\x03\xdf\x7f\x92$U\x15\x15\x1f\r\x1f\xe6\xdf\xa4I^a\xa1\x87RY]]=z\xf4\xe8\x9a\x9a\x9a\xa7\x0e\xbc\xb8\x00%\x00{\x01\xa7\xe4f\xb39\xfb\xe1[\xad\xc1\xc3aZ@@\x00p\xb8\x04\x00\x7f\xc0c\xc7\x8eQV\xeb\xa1S\xa77\xed\xfe\xd5\xdd\xc5\x85j\xfc\xcb\xcf\xff\x13\x8e\xe3\xda\xeajX\x8f\xa6)\xca\xd3\xcdm\xda\xb4iG\x8e\x1ci\xc8q(\xdcq\xf2\xe7\x89\x13\x19\x99\x99m\x03\x02c\x87\r\x8b\x1b1\x82\x0b7\x9f\xc7\xe3\xa9JK\x06\xbf\xfb\xce\xd7S\xa7\xd04\xdd\xc2\xcf\xef\xf2\xe5\xcb\xb1\xb1\xb1\xb0\x1a\xc9\xc1\x1c\x80\x12\x80\xbd\x80\xb1~\xd7\xae]w\xef\xde\x85\x8dA\xb8X\xc8\xcf\xcf\xafE\x8b\x16\xc0\xe1\x12\x00\xfcq\xae]\xbf\xae\x90J?\xf9p\xe4\xa4Q\x1f\xe2\x0et\x08\xc43\xc0z\xb4\x90\xcf\x9f?\xf9\xd3\xce!!\xd5*\x15\x00 ..\xae\xe1\x17\xfb&amp;&amp;%\x118~\xec\xfc\xf9{\xa5\xa5=\xc3\xc3Mz\xbd\xe3\xed5y\x12\x8f\xe4i\xd5\xeaqC\x87N\xfe\xf0\xc3\x92\x8a\xf2 _\xdf\xb4\xb4\xb4\x05\xf3\xe7s\xb3!\xec\xf8\x9fw\xa3@\xd34I\x92\xe5\xe5\xe5\xb3f\xcd\xaa\x9d\x8d\xc2p0t\xe8P\x81@\xe0x\xa33\xb8G:??\xdfY\xa1\xb8S\xfc\x00\xc7p\x8c$\x1d?\xfc\x03\x00\x00\xc0q\\\xaf\xd7\xb7\x0b\x0e\x1e\x10\x11\xc10L\xeb\x80\x80\xc2\xc2\xc2\x11#F\xc0{R\xdf9\x00\x9e=UZZ\xba\x7f\xdf&gt;\x0bE\x11\x041 "\x82\xc10\x07l\xfe\xfe;\x86\xa2F\x0f\x1a8n\xe0\xc0\xe2\xb22ow\xf7y\xf3\xe6\xad_\xb7\x8e\x839\x00%\x00\xdb\x83\xcb\xb1\xf5z\xfd\xe0\xc1\x83\xef\xdf\xbf\x0f\xa3\x00\xdc\xad.\x93\xc9\xa6L\x99\xd2\x88\xde*\xfe\x9c\xe0O\xa47\x18n\xdd\xba\xc5\xb2\xac\xd9bi\xd5\xdc\x1f\xd0\xb4C\xa5\xb8g\xe2\x91\xa4\xb6\xaaj\xec\x80\xfe\xabf\xcf.\xab\xaa\xf4T*333?\xfb\xec\xb3\x068\xf6\x03.M&gt;t\xe8\x90N\xa7cYV\xa9P\x0c\x8a\x8c\xb04\xe6w0\xbc(\x1c\xc3,f\xb3\x97R9n\xd0\xe0~=z\x98-f\x82$\xa3cb\xe0\xce\x0cN\xe5\x00\x87\n+\x8d\x11&lt;\x0f\xa0\xaa\xaa\xea\xddw\xdf=u\xeaT\xed\xaap\xf8\x8b\xef\xbf\xff\xde\xc7\xc7\xc7\xf1\xce\x81\x80\x83\xdc\x07\xc5\xc5f\xa3\xf1\xf5\xd6\xad\xba\x87\x85y*\x95\x8e7\xcby6\x0c\x00\x9aa\x86\xf5\xed3\xbco_\x99T\x8a\xe3\xf8\xf2\xe5\xcb\xe1Qq\xf5\x1a\x83\xe0\xba\xf8\xd4\xd4T\x00\x00\xcb\xb2\xbd\xdex\xc3U\xa9t\xa4\xb3\x1f\x9e\x07A\x10Z\x8d&amp;\xb8E\xd0Osf7\xf1\xf0\xa4(\n\xc7\xf1I\x93&amp;eggs\xea\xb48\x87\n+\x8d\x0e&lt;/\xba\xb0\xb0\xf0\xed\xb7\xdf\xfe\xf3\xcf?k\xdb\x80&lt;\x1e\xcfj\xb5FGG\xc7\xc6\xc6\xda\xe1\xf1\xf1\xaf\x0e~\xc1\x0e\x1d&lt;\xa8\xd3\xebw\x1f\xce\xf8\xe3\xd81\x7f\x1f\x1f\xab\xa3/\x01z\x0c\x86aV\xabU"\x16/\x982\xe5Ay9\x8f$\x15NN#F\x8c\x80\xaf2\xaf\xa7\x18T\xbb\xfb\xf7\xf0\xe1\xc3!-Z\xb8\xc8\xe5\x83{\xf7f\x19\xa6\xf1\x1e\xfe\xfc\xd2\x08\x82\xd0\xe9tn\xae\xae\x1b\xbf^\xe4\xeb\xed\xdd.(H\xaf\xd7\x0f\x1b6\xac\xaa\xaa\n8\xee\xc6\xfb\xc7\xa0\x04`3\xb0\xee\x7f\xf4\xe8\xd1\xae]\xbb^\xb9r\x05\x1e\x13\x8fa\x18\xdc\xa1&gt;z\xf4h\xf8\xf2\x10\x07\x1b\xfb?\xeaZ~\xbe\xb7\x9b\xdb\xa7\xa3F\xbd\xd7\xbd\x1bA\x10\x0c\x07:\xc0\x8f\xc1q\xdch29\xcb\xe5\xbf|\xff]\xa7\xe0`\x9aa\xaa\xaa\xaa\x86\r\x1bf2\x99\xea\xb5!\xbcd\xc9\x12\x8a\xa2\xb4z\xfd\x88w\xdf\xed\x16\x1efl\x9c/\xffzu$Ij4\x9a\xe0\x96-\xd7\xcd\x9fw\xf7\xc1\x83\x16~~EEE#F\x8c\x80op\xe2\xc2\x92\x04.~\xea\xf6\x00\x0e\xc4\x12\x13\x13\xfb\xf4\xe9SZZ\n+\xbf\xb5o\x04\x9b&lt;y\xf2\x96-[`\xa1\xdc!\x07\xc50\xdc\\\xcb\xcb+\xab\xaa\xda}\xf8\xb0P \xc4\xf9|\x0e&amp;\x00\x00\x00I\x10:\xad\xf6\x83w\xdey\xbfG\x0f+E\xf1\xf9\xfc\xec\xec\xec1c\xc6\x18\x0c\x86:\x7f\x17\x10|\xe7\xc4\x9d;wN\x9e&lt;\x89\xe3xQqqH\xcb\x16...\xd6F~\xfa\xff\xab p\xdcl6\xbf\xd5\xb1\xe3\x92\x993j4\x1a\x82 233G\x8d\x1aU\x1f\xf7\xdf\x0e\xa1\x04`\x030\xfa\xcf\x9b7o\xe2\xc4\x890\xee\xc3\xdf\x81\xef\x08\xfb\xfe\xfb\xefW\xae\\\t\xdf\xd2\xe7\x90\xd1\x1f\xf9O,\xcbr\xaa\x15io\xe0\x01\xbd\xb6\xbe\x8a\x86\x80\x12@C\x83\xb1~\xd1\xa2E\xf3\xe7\xcf\xaf=\x04\x14\xce\x00\\]]\x7f\xff\xfd\xf7\x993g\xc2Z\x90\x03G\x7fX`m\xdd\xa6\x8d\x87\xab\xeb\xe0\xde\xbdMf\x13\xe3X\xef\x00x~\x14MK\x9d\x9c~OO\xdfw\xfc8\x8f$-\x16K\xc7\x8e\x1d\xb7n\xdd*\x93\xc9\xea\xfc\x19\x80C\r__\xdf\xae]\xbb2\x0c\xe3\xef\xe3\x93\x93_P]]\xcd\xe3\xcc\x02\xdc\'\xd1\x0c#\x10\x08Neg\xcf\\\xb2\xd4Y&amp;\xa3i:22r\xfb\xf6\xed\xf5q\xff\xed\x10J\x00\r\nF\xff={\xf6\xcc\x993\x07\xb6|\xe1Y\xa14M\xb7l\xd9\xf2\xe4\xc9\x93\xfd\xfa\xf5\x83\x9da\x87\x7f\xf2\x00\x00\xad[\xb6|PQ\xb1\xea\x97_\xf6\x9f\xf8\x93\xa6i\x0e&amp;\x00\x86aDBa\x8dZ=\xea\xf3/\xce]\xb9B\xe0\xb8\xab\xabkjj\xaaP(\x84\x1b\x03\xeb\xe9\xdf\x9d9s&amp;I\x92N\x12\xc9\x8e\x03\x07\xfe&lt;\x9f%\x12\x8b9\xd2\xf3|\x0cEQ2\x99\xecJ~~\xf4\xdcy\xcd\xbc\xbd\x0bn\xdf\xf6\xf7\xf7\xdf\xb1c\x07\x9c\x8bs\xe1;\x88\x12@\xc3\x815\xfd\x9a\x9a\x9aO&gt;\xf9\xa4v\xcb\x0f\xec\xfd\x86\x86\x86\x9e8q\xa2u\xeb\xd60\xfa\xdb\xfaJ\xeb\x1d\xec\x01\xf4\xe9\xdbW*\x91\x0c\xee\xdd\xab\xdf\xdbo\x17\x15\x17\xf3\xf8|\x87/\xb9&gt;\x8aeY\x1e\x8f\xa77\x18\x12V\xae\xf4vw\xb7R\x94J\xab\xdd\xb1c\x87\xbf\xbf?\\\x1c\\\x1f\xff(\x9ck\xf6\xe8\xd1\xa3w\xef\xde9\x05\x05\xd5j\xf5\xee\xc3\x871\x1c\x07\\\xba\xf3\x10M\xd3R\xa9\xb4\xa2\xaaj\xdc\xfff\xdfy\xf0\xe0\xea\x8d\x1b\x12\x89$55\xd5\xd5\xd5\x15&lt;|D\x1d\x1e\'~H;\x01\xc7t\xeb\xd7\xaf\x87]_\xb8\xba\x9f\xa6\xe9\xb6m\xdb\x1e&lt;x\xd0\xc3\xc3\x03\xae\x0b\xb2\xf5e6\x048\xb6\xf2\xf6\xf1\x11\x88D\x7f_\xbb~"+\xab\xb4\xb2\x92$In%\x00\x00\x08\x1cO=xh\xe7\xc1\x83\x1a\x9d\x8ea\x98i\xd3\xa6EFF\xd6\xf7 \x00\xf66\x87\r\x1b\x06\x00\xc00,\xe3\xcc\x99\xaa\xcaJ&gt;\x8f\xc7\xa9\x9bO\xd3\xb4\x93Lv\xa5\xe0\xc6\xe4\x85\x8b\xee\x97\x95\xc2u\xb7\xabW\xaf\xee\xd8\xb1#\xdc\x13`\xeb\x0bl \\\xf99\xed\x01A\x10,\xcb\xee\xd8\xb1\xa3\xf6m_,\xcbJ\xa5\xd2\xdd\xbbw+\x95\xca\xfa\x1b\xf4\xd9!8\x01\x92\x88\xc5\xcd\x9b7\xc70L\xc0\xe7_\xbfU\x04\x08\x82;\x11\xc8JQN\xae\xae\x9b\xf7\xfe\xf6\xe9\xa2E\x1e\xae\xca\xd2\xca\xca\xc8\xc8\xc8\x1f~\xf8\xa1\x01\xb6}\xc0wT\xf4\xe9\xd3G*\x95b\x18V\xa9R\xfd\x9ay\x84/\x14rg\x15\x16\xc3\xb2|\x81\xa0\xa4\xb2r\xe3\xaf\xbb\xff8~\\\xc0\x17\xd0\x14\xb5.9y\xec\xd8\xb1\x1c\x99\x82\xd7B\t\xa0\x81\xc0\x92bqq\xf1\xb5k\xd7\xe0{\x80a&gt;\x98&lt;yr\xcb\x96-\xadV+\xa7\x1e;\xf0\xb0 \xd6\xb2e\xcb\x1a\x95\xca\xd7\xc7\x9ba\x19\x963\x8b\x11\x19\x86\x91H$W\xaf\\\xd9{\xe4\x08\x8e\xe3\xd7n\xde\x0c\x0c\x0c\xdc\xb1cG\xc3,\xfc\xc50\x8c\xa6iOO\xcf\xf7\xde\x7f\x9fO\x924M\xef=r\x04gYN\xc5\x02\x9c$\xb7\xfe\xbag\xe3\x9e=&gt;\x1e\x1e\x0f\xca\xcb\xe7\xcd\x9b7!:\x9a\x83_CN}\xe8\xb6\x04\xe7\xd7\xb7o\xdf6\x1a\x8d\xf0\x1b\x0e\x17\x80\x8e\x1c9\xd2\xf1Nzx\x1e\xf0\x86\xb4n\xd5J\xa5\xd3\xad\xd9\xb6}\xf5/\xdb\x98\xfal{\xda\x0f\x96e\x01\x86\x99,\x96\xb9?\xad:\x9b\x93\xe3\xa2P\x00\x00\x12\x13\x13]]]\x1b\xb8\xf1\x18\x17\x1bK3\xcc\xdb\xe1\xe1M==\x8f\x9e?/\x94H\xb8\xd0\n\xb6RV\'\xb9|cZ\xdaO\xdb\xb6y\xb9\xb9\xdf\xb8sg\xe8\xd0\xa1\ts\xe7r0\xfa\x03\x008\xf7\x03\xdbVee%xx\xcc\'\xc30\x1e\x1e\x1e\xfe\xfe\xfe\x1c\xd9s\xf8\x18\x18\xe9\xde~\xfbm\x92\xc7\x8b\x0c\xeb\x18\xf9\xe6\x9b\xe5\xd5\xd5\xae\n\x85\xc3\x9f\x08\xc40\x8cL\xa9\x8c\xf9b\xd6\xdf\xd7\xaf\x13$YZQ\xb1|\xf9\xf2\x88\x88\x88\x86,&gt;\xc0\x16T\xb7\xee\xdd{EFfg\x9d?v\xfe|\xb5Z\xd5\xf3\xcd7\x1d\xfe9\xb4Z\xad\n/\xaf\xdd{\x7f\xfb\xdf\x8f+%bq\xc1\xed\xdb\xaf\xbd\xf6ZRR\x12\xc30\x1cYz\xf7\x18\xce\r&lt;m\x05~\xb5\xccf3\xf9\x08\x0f\x0f\x0f\xb1Xl\xebK\xb3\r8\xe9i\xd3\xb6\xadH$\xba\xfb\xa0d\xdf\xb1\xe3w\x1e&lt;\xe0;\xfaB \x9a\xa6\xa52\xd9\xfc\x1f~\xb8\x90\x97W\xa3\xd5\x96WVFEE\xc5\xc7\xc77|\xe9\x99a\x18\x1c\xc3&gt;\x1c=\xba\xbc\xaaZ&amp;\x95\xfeu\xe9\xef\xbb\xf7\xee\t\x05\x02\x07\xbe\xff\x14E)\xdc\xdc~\xde\x99Zt\xff~\x9b\xc0\xc0\xb2\xcaJ\x17\x17\x97\xad[\xb7:;;\xc3\x9e\x9c\xad/\xd0\x06P\x02hPF\xa3\x91\xa2(\xb3\xd9l\xb1X(\x8aR\xab\xd50\x0er\xf0\xe1\x83=p\x89X\xdc\xa4iS\x02\xc7\xfd\x9b4).+w\xec\x02\x04\xcd0"\x91\xa8\xb0\xa8h\xc1\xda\xc4\x8byy\x06\xa3\xb1c\xc7\x8e\xabW\xaf\x86\r\xa1\x06\xbe\x18\xd8\x82\xea\xff\xc1\x07^^^f\x8b\xa5\xb8\xbc\xfc\xd7\xccL\xbeHD;h\x15\x88a\x18\x91X|5/o\xcb\xde\xbd\xf3\xd7\xac\x11\n\xf8"\xb1x\xfd\xfa\xf5\xc1\xc1\xc1\x9cZ\x7f\xf1\x18T\x02j 0\xd0w\xec\xd8q\xde\xbcy0\xdc\xb3,\xeb\xe1\xe1a\xeb\xeb\xb2%8\xefn\xd5\xb2\xe5\xae]\xbb\xaa5\x1a\x0f\x17\x97A}z\xdb\xfa\xa2\xea\x0b\xc30b\x91\xa8\xac\xb2"&amp;anH\x8b\x169\x05\x058A\xa4\xa6\xa6\x8a\xc5b\x9b\xec9\x82\xad`\xa9T\xda\xabW\xaf-[\xb6\x00\x00\xfe8v|\xe2\x88\x11\xa4#\xb6\xa3`\xdf\xc5l\xb5\xce]\xf9\xd3\xdf\xd7\xafK\xc4\xe2\x8c\xd3\x7fedd4\xc0\xa2[;\xc7\xdd\x9f\xbc\x81\xc1\x04\xd0\xae]\xbbv\xed\xda\xd9\xfaZ\xec\x05\xac6\xb4j\xd5J$\x10\xf8\xfb\xf8\x98\xccf\xccA\x87\x9f,\x008Aht\xba%)\x9b\x8a\x8a\x8b+jj\x18\x86Y\xbbv\xad\xbf\xbf\xbf\xcd\x8f\xfb\x1e7n\xdc\x96-[Z\xf8\xf9Q4\xb573s\xe8{\xef\xe9\xb4Z\xc2\x81\xd2\x00\xdc\xf7\xe0\xe4\xe6\x163\xf3\xf3\xbf\xaf_\xc7\x08\xa2\xac\xb2r\xc5\x8a\x15\x91\x91\x91V\xab\x95\xc7\xe3\xd9\xfa\x02m\xc9q&gt;\xe6F\x01\x1e2\xf5([_\x91\xed\xf9\xfa\xf9\xe18\xde\xb2ys\xb1Hd0\x99\x1c)\xf4\xd4\xb2Z\xad\x12\xa5r\xc5\xe6-?n\xdd\xca\x02`4\x99\xe2\xe3\xe3\xe1\xaas\x1bF\xff\xda]\xc1\xfd\x07\x0cxPV\xf6g\xf6\x85\xcd\xbf\xfd\x8e\xb3\xac#\x95#Y\x96\xc5p\x9c\'\x14~\xf9\xf5\xd7\x17\xaf]\xab\xed\xbbL\x9d:\x95\xa2(\x8eG\x7f\x00\x00\xe6\xc0=\x1f\xbbU\xbb\xd8\x8e\x83\xab?\x1f\x05\x07\xbf\xa7O\x9f\xee\xda\xb5+\xcb\xb28\x86\xe5\xed\xdf\xd7\xdc\xc7\xc7\xe4X\x07\xc3Q\x14%wq\xd9\xb5\x7f\xff\xaam\xdbr\nn\xd4\xa8\xd5\x91\x91\x91\x19\x19\x190\xfa\xdb\xb6\xfd\x03?\x82C\x87\x0e\xf5\xed\xdb\x17\xc7q\x89Pxy\xef\xaf&gt;\xee\x1e\x8e\xf4\x820\x8b\xd5Z\xa9R\xf5\xfax\xc2\x9d\x07\x0fx$\xf9\xda\xeb\xaf\x9f8qB(\x14r\xe1\xac\xb7\xff\xc4\xe9\x00\xd4\xf0\xe0\xf9?\xf8Cp1\xa8\xad/\xcaf\xe0\x1dh\xdb\xb6\xad\x87\xa7gH\x8b\x16\t\x93&gt;1\x98L\x0e6\x1e\xa1iZ(\x12\x15\xdc\xbc\xb9.m\xd7\x85\xdc&lt;\x96a\x94Jebb\xa2\x9d\xbc\xec\x01~\x04o\xbc\xf1\x86\xa7\x87\x07\xcb\xb2Z\x83!\xe3\xccY\xbeD\xe2\x18\xad`+EI\xe4\xf2=\x99\x99\x1f|2\xe9\xa3~\xfd\x00\x00"\x89\x04\xf6]\x00\'W^&lt;\t%\x80\x86S\xfb\x9d\xbfw\xef\xde\xe5\xcb\x97\xef\xdd\xbb\x87a\x1877\x01@p!\x90B\xa1h\xd1\xa2EEu\xf5\xc9\xec\x0bg/\xfdM\n\x04\xacCD\x1f\x00\x00\xc30\x02&gt;\x9f \x88\x0f\xa7\xcf\xb8x\xed\x9aD,Vi\xb5\xdb\xb7o\x0f\x08\x08\xb0\x93\xdd\x7f\xf0L\x0e\x99L\xf6\xde\xfb\xef\xe3\x18&amp;\xe0\xf3\x7f\xd8\xb4\xb9\xa6\xb2\x92\xdf\xf8\xcfe\xb2R\x94B\xa9L?z,qg\xaa\xcehX\x9c\x9c\x1c\x16\x1az\xee\xdc9\x7f\x7f\x7f;\xb9\xf9\xf6\x00\xdd\x85\x06\x02\x17\x1a\xe7\xe4\xe4\xf4\xee\xdd\xbbu\xeb\xd6\xed\xdb\xb7o\xdd\xba\xf5;\xef\xbcs\xf5\xeaU\x18\x07m}\x81\xb6\x01\'@mZ\xb7\xb6X\xad\xae\xce\x8a\xfb\xa5\xa5\xc0Q\x8a\x0f\x0c\xcb\xf2\xf9\xfcJ\x8dfqbR\xfe\xed\xdb\xd5juYe\xe5\xf2\xe5\xcb\xe1\xca\x13{[w\x18\x13\x1bK3\x8cX(\x0c\xf2m\xf6\xa0\xb2\x12o\xe4o\x08\xa0\x19F&amp;\x93]\xca\xb9\xb2.-\xf5\xd6\xfd\xfb*\xadN\xaeP\xacOIi\xd5\xb2%\xa7\xcez\xfbO\xe8F4\x04\x18\xdfKJJz\xf5\xea\x95\x91\x91\xa1\xd7\xebY\x96\xd5\xeb\xf5\x07\x0f\x1e\x8c\x88\x88x\xf0\xe0\x01\xe0\xccK\xa8\x9f\xaaM\x9b6z\x93\x89\xa2\x19\x0c\xc7)\x07:\x10\x82\xc5\xf1\x9f\xf7\xfe\xb6x\xdd:\x0f\xa5\x92a\x98\x98\x98\x98\xf8\xf8x{;\xf3\x15\xee\n\x0e\xeb\xd8\xb1g\xcf\x9e\xcd&lt;=K**\xbfX\xba\x8c\xcf\xe35\xde\x03\xa2Y\x96%\x08\xb2J\xad\xde\xbc\xe7\xd7\xc3\xa7\xff\x12\x08\x04:\xbd~\xfd\xfa\xf5!!!\xdc&lt;\xef\xe1\x19P\x02h\x08\xf0 \xe8\xd4\xd4\xd4\xf2\xf2r\x81@\x80=$\x10\x08\xca\xcb\xcb\xb7m\xdb\x06g\xe2\xb6\xbeL\x1b\x80\xb1\xbeM\x9b64Mg_\xbd\x9a\x9c\x9az\xaf\xb4\xd4\x01\xf6\x03S4\xed\xe4\xe2\xb2\xfd\xf7?~\xda\xf6K3o\xef\x9bw\xef\x0e\x1d2$))\t\x1e\x00e\xeb\xab{\x1c\x9c\x9e\xce\x9c9\xf3rA\xc1\x85\xdc\xdc\x93\x17.\\\xbfyS(\x104\xd2\xf3Ai\x86\x91\xb88/^\x9b\x98\x94\x9a\xe6\xed\xe1\xf1\xa0\xacl\xfe\xfc\xf9\x83\x06\rB\x8b&gt;\x9fdw\xcf\xa2\x03\xbbv\xed\x1a\xdc}\xc3&gt;\x04\x13\xc3\xd5\xabW\x01W[R0\x1a\xb6l\xd9R \x12Y\xcc\xe6\xfe\x11=i\x96m\xbccO\x88f\x18\'\'\xa7_\xf7\xed_\x97\x96F\x10d~Q\xd1k\xaf\xbd\x96\x94\x9cl\xb7\xefy\x86\x8d\xa8\xee\xdd\xbb\x07\x06\x06*d2\xbd\xc1\xf0\xc7\xf1\xe3\xbc\xc6\xf9\x9a0+E\xc9\x15\x8aM\xdb\xb6-\xdf\xb2\x85a\xd9\x1b\xb7o\x0f\x192$!!\x01-\xfa|*\x94\x00\x1a\x02\xfc\xce[\xad\xd6\'\x07\xb6,\xcbZ\xadV[\\\x94]\x80S\x9f&amp;M\x9a\xb4m\xd3F\xe6\xe4TQ]s\xfc\xdcy\xb21\x9fM\x0f\xd7\xb3\xd2\x14\x95\xb0r\xe5\x99\xcb\x97UZ\x8d\xb3\xb3s\xed\x813v8\xfc\x07\x0fw\x05\x8bD\xa2\x81\x03\x07\xaa4\x1a\x9aa\xd6\xee\xd8\xa9S\xab\x89\xc6\xb6B\xc1j\xb5*&lt;=\xbfY\xb3v\xe9\xc6M\xee\xae\xae\x16\x8b%&lt;&lt;&lt;99\x19\xbez\xcf\xd6Wg\x8f\xec\xf1qt&lt;\xf0[\xe4\xe5\xe5\xf5\xd8\x00\x10\xfe_\x1f\x1f\x9f\xda\xff\x86\x83\xe0\x0f\xde\xa2e\xcb\x8a\xaa*\x85B\x81\x01@7\xf2&gt;\xb0T*\x1d\xf3\xc5,\x81\x80/\x11\x8b5Z]RR\x92\xfd\x1f8\x03o\xf8\x90!C\x00\x00"\xa1\xd0\xcd\xc5\xf9\xd4\x85\x0bR\xb9\xbc\x11\xadT\xa6(J\xe1\xea\xba{\xef\xde\xf4\x93\'\xef\x96\x94T\xabT\x1d;v&lt;x\xf0 \x97\xcfz\xfbO(\x014\x048\xee\xfb\xe0\x83\x0fX\x96\x85SQ\x82 H\x92\xa4(\x8ae\xd9\x81\x03\x07\x02\x0eo\n\x83\t 00Po2\x9d\xcc\xca:\x9e\x95\x857\xda*\x10M\xd3"\x81`\xf9\xa6M9\x05\x05\xd7n\x15\xe9\r\x86\x98\x98\x98\xa1C\x87\xda\xff\x813\xff\xb4\x82\xc3\xc2"""\x84|\xbeZ\xa7\x8f\x9d7?\'/\x0f\xc7q\xa9DB\xd3\xb4\xad/\xf0?\xd0\x0c#\x95J\xaf\x15\x14$\xa5\xa6]\xce\xcf\'\x08\xc2I.OMMuvv\xb6\xcf\xbe\x8b\x9d@\xf7\xa5!\xe08\xce0Lxx\xf8\xc2\x85\x0ba\xcd\x87\xa6ix\x0e\xc47\xdf|\xf3\xc6\x1bopya2\x1c\x9a\xb5l\xd1\x82G\x92\xdd\xc3\xc3\x9ce23E\xf1y&lt;\x8a\xa2\x1b\xd7\xac\xc8JQ2\x17\x97\xe3Y\xd9\x9f}\xf7}\xa5Je\xb1X:u\xea\x94\x98\x98h\xf3\xd3~\x9e\x13\x1c&amp;\x7f\xfb\xed\xb75\x1aMAQ\x91P(\xf8d\xfe\x82\x913f\xfe\x9d\x9f/\x93\xc9(\x8a\xb2\xdb\xa9\x00\xac\xadU\xd4\xd4L^\xb4\xe8\xef\xeb\xd7\xc4"\x91J\xa3I\xdd\xb9\xd3\xdf\xdf\xdf\xce\'^6\xc7\xdd\x15\xe8\r\x0fF\xf9s\xe7\xce\xfd\xf1\xc7\x1f%%%^^^\xfd\xfb\xf7\x0f\x0b\x0b\xe3r\xf4\x07\x0fO#\xb8x\xf1"\xbc\x15\x00\x80\x9d?,{\xaf[7\x89Tj6\x1aM\x16\x0ba\x07;f\xff\x13\x1c\x81^\xbe\x9e\xbfp\xcd\x9a\xac\xabW\xef\x97\x96\xba\xb9\xb9]\xbdz\xd5\xcd\xcd\xcdnK\xffO\x82;\xd5g}\xf1\xc5\xd2e\xcb\x9c\xa5R\x8ae\x9de\xb2\xd2\xca\xcaES\xa6\xcc\x9c\xfc)\xa3\xd3i\xf5z;\xfc8\xac\x14\xa5\xf0\xf0\x88\xfd\xfc\xf3\x9d\xe9\x07\xc5"QIE\xc5\x8a\x15+\xe0i?v&gt;\xf1\xb29\x94\x00\x1a\xd4\x93\xb1\x9e\xe3\xd1\x1fbY\xd6b\xb1\x04\x06\x05\x99\xb4Z\x8c *\xaa\xaaf\x8e\x1f\xd7\xbci\xd3\xfe={zyxP\x16\x8b\xd1d\x02\x18f\xb7\x07\x04\xb1,\x8b\x11\x84\xc9j]\xb8j\xd5\xfa]\xbbeRiieeZZ\xda\xe0\xc1\x83\x1b\xcb\xf0\xff1\xe7\xce\x9d[\xbal\xd9\xae\xb44\x0c\x00\x9c \xe6~2\xd1BQAM\x9b\x8d\x191\xdc\xaa\xd5\x1aL&amp;\x82 \xec\xe4\xc3`\x18\xc6I&amp;\x1b2e\xca\xeb\xadZ\xed=r\xf4Bn\xee\xb8q\xe3RRRP\xf4\x7f\x1e(\x0144\x86a\xe0r\xc0\xdaC\x81l}E\xb6\x07\xb3\xe0\xf4\xe9\xd3W\xae\\IQ\x94R\xa1\xf0\xf5\xf1\xbe\x90\x9b\xf7\xe1{\xef\x85\xb6m\xd3\xf7\xad\xb7\xda\x04\x04\xd04\xad7\x990\xbbl\x96P4-ws\x1b=e\xea\xae\x8c\x0c\x1fO\x8f\x9bw\xee\xce\x9f7/a\xee\xdcF\x1a\x83j\x93Vzz\xfa\x94\xa9S\x8bn\xdc\xf8 2bO\xe6\x91ic\xc7\xf6z\xf3M\xa5B\x1e\xd6\xb1\xa3\xbe\xa6\xc6\x1er\x1b\xc30NR\xe9w\xeb\xd6o\xfam\xef\xad{\xf7=]]\xdf\xe8\xde=%%\x05\x9d\xf5\xf6\x9cP\x02@\xecBm},)113#\xe3^q1\x81\xe3]B;\xfc\x99\x95\xdd.(h\xf1\xb4x\x7f\x1f\x9f\xb6AA,\xcb\xea\r\x06\x9b\xbcB\xeb\xdf0\x0c#\x16\n3\xce\x9c\x99\xb1dI\xde\xcd[,\xcb\x0e\x1d:t\xe7\xce\x9d\xf6\xb6\xe3\xf7\x85\xc0Z\x10A\x10j\xb5z\xfd\xfa\xf53f\xcc 1l\xda\xb8qKRR\xfa\xf7\xec\xd9#&lt;|\xdc\xc0\x01r\xb9\\\xa3\xd1\xe0\xb6\x8b\xb34M\x8b\x85\xc2\x93\x17/F\'\xccU\xebt5j\xf5k\xed\xdb_\xc8\xce\x06\x0f\xfb\x196\xb9\xaa\xc6\x05%\x00\xc4^\xd4~i\xef\xdf\xbf\xff\xe3\x8f?\xa6\xa7\xa7\xe7\xe6\xe6\x0</t>
        </is>
      </c>
    </row>
    <row r="309">
      <c r="A309" s="1" t="n">
        <v>307</v>
      </c>
      <c r="B309" t="inlineStr">
        <is>
          <t>polygon_sides_color</t>
        </is>
      </c>
      <c r="C309" t="inlineStr">
        <is>
          <t>What is the missing color of the part denoted with a question mark?</t>
        </is>
      </c>
      <c r="D309" t="inlineStr">
        <is>
          <t>['orange', 'yellow', 'blue', 'green']</t>
        </is>
      </c>
      <c r="E309" t="inlineStr">
        <is>
          <t>blue</t>
        </is>
      </c>
      <c r="F309" t="inlineStr">
        <is>
          <t>There are 6 colored polygons arranged in a triangle with color ['yellow'] in the top row, ['blue', 'purple'] in the middle row, and ['?', 'yellow', 'purple'] in the bottom row.</t>
        </is>
      </c>
      <c r="G309" t="inlineStr">
        <is>
          <t>We observe that the polygon with 4 sides is yellow in color and the polygon with 5 sides is purple in color. Thus, the pattern is that the polygons with the same number of sides have the same color.</t>
        </is>
      </c>
      <c r="H309" t="inlineStr">
        <is>
          <t>Based on the pattern that the polygons with the same number of sides have the same color, the missing color of the part with 6 sides should be blue.</t>
        </is>
      </c>
      <c r="I309" t="inlineStr">
        <is>
          <t>b'\x89PNG\r\n\x1a\n\x00\x00\x00\rIHDR\x00\x00\x02\x00\x00\x00\x02\x00\x08\x02\x00\x00\x00{\x1aC\xad\x00\x00P\xcbIDATx\x9c\xed\xddwx\x14\xd5\xc2\x06\xf093\xb3\x9b\x9e\xec\xa6#H\'\xa1#U\x05)\xe2\x05)\x8a(\x88\x02\x82 (M\xbat\xa4\x0bR\x83\x10$@\x04TD\xaaB\x02i\x80\xf4N\x02\x91"\x1d\xf9Dzz\xd9\xec\xee\x94\xef\x8f\x031\x02AJ\xb2;\xe5\xfd\xfd\xf5=\xf7~\xcfu\xcc\xec\xbc\xef\xcc\x993\xe7\x10Y\x96\x19\x00\x00\xd0\x1f\xd6\xd9\x07\x00\x00\x00\xce\x81\x02\x00\x00\xd0)\x14\x00\x00\x80N\xa1\x00\x00\x00t\n\x05\x00\x00\xa0S(\x00\x00\x00\x9dB\x01\x00\x00\xe8\x14\n\x00\x00@\xa7P\x00\x00\x00:\x85\x02\x00\x00\xd0)\x14\x00\x00\x80N\xa1\x00\x00\x00t\n\x05\x00\x00\xa0S(\x00\x00\x00\x9dB\x01\x00\x00\xe8\x14\n\x00\x00@\xa7P\x00\x00\x00:\x85\x02\x00\x00\xd0)\x14\x00\xe8\x97$I\x92$9\xfb(\x00\x9c\x86w\xf6\x01\x008\x87$I,\xcb2\x0cC\xb7\xc5&amp;\x848\xfb\x88\x00\x1c\rO\x00\xa0Gv\xbb\x9de\xd9\xafg\xce\xed\xf0~WB\x88,\xcb\xb4\x06\x00t\x05\x05\x00\xbac\xb7\xdb\r\x06\xc3\xd7\xb3\xc3\x7f\xf9a\nI\xdf\xfen\xc7\xee,\xcbJ\x92\x84\x0e\x00\xbdA\x01\x80\xbe\xd0\xf4\x9f=o\xd1\xb2\xf9\xc3\xe3\xd7\xbc\xbfa}7\xf1Nl\xfb\x0e\xdd8\x8eC\x07\x80\xde\xa0\x00@G\xf2\xd3\x7f\xc9\xdcaG\xe3\xba\x99\xbd]\xec72\xa36|\xc4\xa4\xc6\xa1\x03@\x87P\x00\xa0\x17\x05\xd3\xffH\\7_\x1fW)\xd7\xc6\xb3DL\xcb\xdd\xb4\x0e\x1d\x00z\x84\x02\x00]x8\xfd\xc5l+\xcb\xb1\x840\xac$\xa3\x03@\x9fP\x00\xa0}\x8fL\x7f\x8e\xbf\xf7\xe3\',A\x07\x80&gt;\xa1\x00@\xe3\x1e\x9f\xfe\x14:\x00\xf4\t\x05\x00Z\xf6$\xe9O\xa1\x03@\x87P\x00\xa0YO\x9e\xfe\x14:\x00\xf4\x06\x05\x00\xda\xf4\xb4\xe9O\xa1\x03@WP\x00\xa0A\xcf\x96\xfe\x14:\x00\xf4\x03\x05\x00Z\xf3&lt;\xe9O\xa1\x03@\'P\x00\xa0)\xcf\x9f\xfe\x14:\x00\xf4\x00\x05\x00\xdaQT\xe9O\xa1\x03@\xf3P\x00\xa0\x11E\x9b\xfe\x14:\x00\xb4\r\x05\x00ZP\x1c\xe9O\xa1\x03@\xc3P\x00\xa0z\xc5\x97\xfe\x14:\x00\xb4\n\x05\x00\xeaV\xdc\xe9O\xa1\x03@\x93P\x00\xa0b\x8eI\x7f\n\x1d\x00\xda\x83\x02\x00\xb5rd\xfaS\xe8\x00\xd0\x18\x14\x00\xa8\x92\xe3\xd3\x9fB\x07\x80\x96\xa0\x00@}\x9c\x95\xfe\x14:\x004\x03\x05\x00*\xe3\xdc\xf4\xa7\xd0\x01\xa0\r(\x00P\x13%\xa4?\x85\x0e\x00\r@\x01\x80j(\'\xfd)t\x00\xa8\x1d\n\x00\xd4Ai\xe9O\xa1\x03@\xd5P\x00\xa0\x02\xcaL\x7f\n\x1d\x00\xea\xa5\x88K\x08\xe01\x94\x9c\xfe\x14:\x00TJAW\x11\xc0\xc3\x94\x9f\xfe\x14:\x00\xd4Hq\x17\x12@&gt;\xb5\xa4?\x85\x0e\x00\xd5Q\xe8\xb5\x04\xa0\xae\xf4\xa7\xd0\x01\xa0.\x8a\xbe\x9c@\xb7\xd4\x98\xfe\x14:\x00TD\x05W\x14\xe8\x8dz\xd3\x9fB\x07\x80Z\xa8\xe6\xa2\x02\x9dP{\xfaS\xe8\x00P\x05\x95]W\xa0m\xdaH\x7f\n\x1d\x00\xca\xa7\xcaK\x0b4IK\xe9O\xa1\x03@\xe1T|u\x81\x96h/\xfd)t\x00(\x99\xea/0\xd0\x00\xad\xa6?\x85\x0e\x00\xc5\xd2\xc85\x06\xea\xa5\xed\xf4\xa7\xd0\x01\xa0L\x9a\xba\xcc@u\xf4\x90\xfe\x14:\x00\x14H\x83W\x1a\xa8\x85~\xd2\x9fB\x07\x80\xd2h\xf6b\x03\x85\xd3[\xfaS\xe8\x00P\x14\x8d_o\xa0L\xfaL\x7f\n\x1d\x00\xca\xa1\x8bK\x0e\x14E\xcf\xe9O\xa1\x03@!tt\xd5\x81\x12 \xfd)t\x00(\x81\xee.&lt;p"\xa4\x7fA\xe8\x00p:\x9d^{\xe0xH\xff\x87\xa1\x03\xc0\xb9t}\xf9\x81\xc3 \xfd\x0b\x83\x0e\x00\'\xc2\x15\x08\xc5\x0e\xe9\xffx\xe8\x00p\x16\\\x84P\xbc\x90\xfeO\x02\x1d\x00N\x81\xeb\x10\x8a\x11\xd2\xff\xc9\xa1\x03\xc0\xf1p)BqA\xfa?-t\x008\x18\xaeF(\x16H\xffg\x83\x0e\x00G\xc2\x05\tE\x0f\xe9\xff&lt;\xd0\x01\xe00\xb8&amp;\xa1\x88!\xfd\x9f\x1f:\x00\x1c\x03\x97%\x14%\xa4\x7fQA\x07\x80\x03\xe0\xca\x84"\x83\xf4/Z\xe8\x00(n\x04?&amp;(\x12\x92$\xb1,;cvx\xe4\xfc\xe1G\x91\xfeEG\x96d\x89%\x9c\xd9\xbd}\xa7U\xa2\xe9\xcd\xe8_W1\x0c#\xcb2!\xc4\xd9\x87\x06\xaa\x87\xeb\x13\x8a\x80$I\x0c\xc3L\xffz\xce/+\xc7\x1f\x89\xeb\xe6\xeb\xed"\xe5 \xfd\x8b\xc6?\xcf\x01?w\xf5\x15ww\xec\xd4%\'\'G\x96e\xdc\xba\xc1\xf3\xc3%\nEENL&lt;^*\x90\xf7{\xd1,\xe4\xda\t\x8b\x9fV\x91!,\x11m"\xe3n\xa8W#011\xc9j\xb5\xe2\xf6\x1f\x8a\x04\x86\x80\xa0\x08\xd0\x1bR\x96e\xdf\xed\xd8]\xba\x13\xb3yC71-\x97\x95d\xc2"\xa7\x8a\x80\xdd.\x19J\x99fMMX\xb2Y:vt\xaf\xd9d\xc2\x10\x10\x14\t\xdc\xa6A\x11 \x84\x10BDQ\xfau\xc3\x0f$\xa0u\xfbN\xab8\xb3\xbb\xc4\x12Y\xc2\xed\xc5\xf3\xa2\xe9?{\xda\xb6\xa5Q\xd2\xd1\xc3{\xcc&amp;\x93$IH\x7f(\x12(\x00(\x1a\x84\x10\x96%\xa2(n\xda\xf0#\xe3\xdb\n\x1dP$\xf2\xd3\x7f\xc9f\xf1\xc8\xe1=\xbe\xbefQ\x14Y\x0c\xafA\x11\xc1/\t\x8a\x0c!\x84eYQ\x147mD\x07\x14\x81\x07\xd3\xdfl\x16E\x91\xe38g\x1f\x17h\x07\n\x00\x8a\x12:\xa0\xa8 \xfd\xc1\x01P\x00P\xc4\xd0\x01\xcf\x0f\xe9\x0f\x8e\x81\x02\x80\xa2\x87\x0ex\x1eH\x7fp\x18\x14\x00\x14\x0bt\xc0\xb3A\xfa\x83#\xa1\x00\xa0\xb8\xa0\x03\x9e\x16\xd2\x1f\x1c\x0c\x05\x00\xc5\x08\x1d\xf0\xe4\x90\xfe\xe0x(\x00(^\xe8\x80\'\x81\xf4\x07\xa7@\x01@\xb1C\x07&lt;\x1e\xd2\x1f\x9c\x05\x05\x00\x8e\x80\x0e(\x0c\xd2\x1f\x9c\x08\x05\x00\x0e\x82\x0ex\x18\xd2\x1f\x9c\x0b\x05\x00\x8e\x83\x0e(\x08\xe9\x0fN\x87\x02\x00\x87B\x07PH\x7fP\x02\x14\x008\x1a:\x00\xe9\x0f\n\x81\x02\x00\'\xd0s\x07 \xfdA9P\x00\xe0\x1c\xfa\xec\x00\xa4?(\n\n\x00\x9cFo\x1d\x80\xf4\x07\xa5A\x01\x803\xe9\xa7\x03\x90\xfe\xa0@(\x00p2=t\x00\xd2\x1f\x94\t\x05\x00\xce\xa7\xed\x0e@\xfa\x83b\xa1\x00@\x11\xb4\xda\x01H\x7fP2\x14\x00(\x85\xf6:\x00\xe9\x0f\n\x87\x02\x00\x05\xd1R\x07 \xfdA\xf9P\x00\xa0,\xda\xe8\x00\xa4?\xa8\x02\n\x00\x14G\xed\x1d\x80\xf4\x07\xb5@\x01\x80\x12\xa9\xb7\x03\x90\xfe\xa0"(\x00P(5v\x00\xd2\x1f\xd4\x05\x05\x00\xca\xa5\xae\x0e@\xfa\x83\xea\xa0\x00@\xd1\xd4\xd2\x01H\x7fP#\x14\x00(\x9d\xf2;\x00\xe9\x0f*\x85\x02\x00\x15Pr\x07 \xfdA\xbdP\x00\xa0\x0e\xca\xec\x00\xa4?\xa8\x1a\n\x00TCi\x1d\x80\xf4\x07\xb5C\x01\x80\x9a(\xa7\x03\x90\xfe\xa0\x01(\x00P\x19%t\x00\xd2\x1f\xb4\x01\x05\x00\xea\xe3\xdc\x0e@\xfa\x83f\xa0\x00@\x95\x9c\xd5\x01H\x7f\xd0\x12\x14\x00\xa8\x95\xe3;\x00\xe9\x0f\x1a\x83\x02\x00\x15sd\x07 \xfdA{P\x00\xa0n\x8e\xe9\x00\xa4?h\x12\n\x00T\xaf\xb8;\x00\xe9\x0fZ\x85\x02\x00-(\xbe\x0e@\xfa\x83\x86\xa1\x00@#\x8a\xa3\x03\x90\xfe\xa0m(\x00\xd0\x8e\xa2\xed\x00\xa4?h\x1e\n\x004\xa5\xa8:\x00\xe9\x0fz\x80\x02\x00\xady\xfe\x0e@\xfa\x83N\xa0\x00@\x83\x9e\xa7\x03\x90\xfe\xa0\x1f(\x00\xd0\xa6g\xeb\x00\xa4?\xe8\n\n\x004\xebi;\x00\xe9\x0fz\x83\x02\x00-{\xf2\x0e@\xfa\x83\x0e\xa1\x00@\xe3\x9e\xa4\x03\x90\xfe\xa0O(\x00\xd0\xbe\xc7w\x00\xd2\x1ft\x8b\xc8\xb23\xf7\xd4\x06p\x18Y\x96%I\xe28\xae}\x87nLj\xdc\xa6u\x1f\x89i\xb9\xa2M4\xbehF\xfa\x83&gt;\xa1\x00@G\xfe\xd5\x01)q\x9b\xd6te\xdc\r\xb3\xa6$,\x8d\x92\x90\xfe\xa0C(\x00\xd0\x97\xfc\x0ex\xfb\xdd\x8f\xfc\xa4]uk\x06\xcf_c=z\x04\xe9\x0fz\x84\x02\x00\xdd\xc9\xef\x80\x8e\xefw&gt;q\xfc\xf8\xb1c\x87L&amp;\x13\xd2\x1ft\x08\x05\x00z$\xcb2!\x0c\xc30\xb9\xb9\xb9\xee\xee\x1e\x92$\xb1,&amp;D\x80\xee\xa0\x00@\xefdY&amp;\xb4\r\x00t\x86w\xf6\x01\x008\r\xbd\xfbA\xfa\x83n\xe1\t\x00\x00@\xa70\xee\t\x00\xa0S(\x00\x00\x00\x9dB\x01\x00\x00\xe8\x14\n\x00\x00@\xa7P\x00\x00\x00:\x85\x02\x00\x00\xd0)\x14\x00\x00\x80N\xa1\x00\x00\x00t\n_\x02\x03\xc0?\xe8Jy\x0c\xc3\xb0,\x8bo\xa45\x0f_\x02\x03\x00#I\x92$I\x84\x10,\x89\xaa+(\x00\x00\xfd\x92eY\x14E\x96e\xf3\x17CMKK\xdd\xb6=n\xfd\xfa\r\x82 \xfe\xfa\xcbf\xac\x92\xadm(\x00\x00\xddy8\xf7\xaf\\\xb9\x14\x13\xb7\xf5\xe0\x81C\'\x12\xff`\xec&gt;u\xab\xb7\xdc}h\xe3\x07=^\x9f9c\x8e \x08&lt;\x8f\xb1bmB\x01\x00\xe8\x05\x1d\xe7\xf9W\xee\xffy)&amp;vklL\xfc\xb9\xd3\x7f\x99\xdc\xcb\x86\x94\xaf\x1fZ\xa1vp`i\x9e\xe33\xb3\xd3&amp;\xcc}w\xdd/+[\xbd\xd9\x06\xcf\x01Z\x85\x02P7Y\x96%IV\xe3\xbb:l\xc0\xe204\xf7y\x8eg\xee\xffN\xfe\xc9\xfd3\xd7LnejVnR9\xa4\xbe\xd9\xc7_\x92\xc4&lt;k\xae\xddn\x95$\xc9\xdb\xcb|\xf2\xec\xa1\xcd\xbb\xa6\x9d8\x9el2\x99\xf0NX\x93P\x00\xe0\x1c\xd8\x86\xa5X\xc9\xb2L\xe7\xf3\x14\xcc\xfd\x13\xc9IQ\xd1\x9b\xf7\xee&gt;p\xf5\xf2mo\xb7\xd2\xb5*7\xa5\xb9/\x8avK^\x8e(\n\x0c!\x84\x10\xc2\x10\x86aDQ\xf05\x07\xad\\\xf7\x95\xe9\x85\xd4\xa8\xcd1\x18\x08\xd2$\x14\x80Z\xd19\x1b\x97\xaf\\\xf9\xac\xf7\'v\x9b\x95\x91\x19\x99Q\xc1\xa9\xe4XN\x14\x85\xff\xb5l=q\xd2$l\xc4X\xe4h\xe8\xcb\xb2\\0\xacO$\'FEG%\xc4\xfdv\xeb\xef\x9c\x92\xfe\xd5\xaaWn\\\xf6\xc5P\xb3\x8f\xbfp?\xf7\t!\x84&lt;\xe2D\xc8\xb2\xec\xe1\xee=a\xee\xfb\x93\xa7\x0f\xee\xdbg\x00\x06\x82\xb4\x07\x05\xa0V\xf4j\xfc\xf0\xfdw\x7f;\x9b\xf9j\xfb\xde9\x19),\xab\xfc\x8bS&amp;,\'\xdam;#F\x9eJ&gt;V\xb9JUY\x96\xd1\x01\xcf\xef\xe1\xdc\xb7\xdbm\xa7N\xff\xbeeKt\xfc\xfd\xdc\xafY\xb5i\xc5r5&lt;\xdc\xbdl\xb6&lt;\xab\xcd\xf2\x98\xdc/\xf0?+\x19\r\xae\xa9\xe9\xb7\xe6Dv\xdf\xbdg{\xed\xdau\xd1\xd9\x1a\x83\x02P%\x9a\xfe;wlo\xf5\xee\x87\xfd#\x0f\xb9{\xfbK\x82\x9dQ\xc3\x88\x8a,\x89\xee&gt;~Q\x0bFz\xde8\xb0k\xff!\xdcT&gt;\x8fG\xe6\xfe\xde}\xbb\x7f\xf9e\xe3\x81}\x89y\xd9\x9c\xbfO\x85\x97\xaa\xbdNs\xdfj\xb3X\xad\xb9\xf4\xc1\xf1\xf1\xb9_\x90(\x89&amp;o\xbf\xdd\x077%^Xu\xf2\xf7\xd3\x0c&gt;\x10\xd3\x16\x14\x80*\x89\xa2H\x08\xfbj\xfd\x97\xd8\xaa\xef4\xffhx\xe6\x9d\xbfY\xce\xc0\xa8a\x08\x88\x91\x19\x86%\x06\x17\xd7\x88&gt;\x8d\xd7-_\xd0\xe6\xadv\xe8\x80\xa7\x95\xff\xb1n\xfe\xdf\xed~\xee\xffr`\xdf1K&amp;_\xaeT\xddZU\x1b\x97*Q\xc1\xc5\xc5\xcdn\xcf\xcb{\xfa\xdc/H\x94\x04_SP\xd8\xd2\x81\x8d\xfeW6bq$^\x06h\t\n@}hb~\xb74b\xe0\x97s\x06E\xee\xb7dg\x12U=\x95\xcb\xa2\xe0\xee\xe3\xf7\xfb\xeeMg\xd6L&lt;\x7f\xf1O\x8e\xe7\xee\xbdz\x84\xc7z8\xf7\xd3\xd2R\xf7\x1f\xd8\x13\x17\x17\x7f`\xdfQK\xa6\x81\xe6~\xe9\x92!\x06\x831\xcf\x9ac\xb3Ye\xf9\xd9s\xff\x9f\x7f.#\xb3\x84\xf0\xbc\xf1\xcb9\xef-Z\xf2u\x97\xce\x1f\xa1\xb35\x03\x05\xa024\x05\xb2\xb3\xb3kV\xabR\xb3\xdb\xf4j\x8d\xdaZ\xb2\xd2\x88\nF\xff\xffE\x92DO\x1f\xdfeC\xdf\x1e\xf0~\xb3I\xd3f P\x1e\xe3\xe1E\x1a\xd2\xd2R\xe3\x13b\xa3\xa3\xb7$\'\x9dcEs\xa9\xe0*\xb5\xaa4.]*?\xf7\xf3dY&amp;\xa4(\x07j$Yrw\xf5\xb8z\xed|\xe4\x86A\'O&amp;\x07\x07\x97\xc0\xcb\x1bm@\x01\xa8\x0c}\x00\x1f3bX\xe4\xd6\xa3}\xe7o\xcd\xb8{\x83\xe5\xd4\xf7&lt;.K\x92\x8b\xbb\xe7\xf5\x8b\xbfo\x99\xf2\xfe\xd9\xb3\xe7\x02\x83\x82\x18|\x19\xf0o\x8fZ\xa4!%~[\\t\xd4\x96\xe4\xa4sD0U\xa9\xd0\xb0F\x95\x86A\x01/\xb2,\xc9\xb3\xe6\x16G\xee\x17$\x8a\x82\xd9\'`c\xcc\xb7\x99R\xe2\xbe\xbd\x870\x10\xa4\r(\x005\xa1#\x00\x97.]\xacW\xff\xe5\xf6S6\x06\xbc\x18j\xb7\xe6&gt;\xe7\x03\xbe\xb3H\xa2\xe0\xed\x17\xbcvF\xdf\xfa\x01y\xab\xd7\xff\x8a\x87\x00\xaa\xb0\x8fu\xb7\xc5o\xbft\xe1\xbal\xf7\xaaZ\xa1Q\x8d*\r\x83\x02_$\x0cc\xc9\xcb\xb1\xdb\xad\x0c\xc3\x14_\xee\xff\xfb\xd8D\x93O\xc0\xf4\x85=;uk:c\xfa,t\x80\x06\xa0\x00\xd4\x84\xa6\xe4\x07\xef\xbd\x9d\x94\xee\xd3ylD\xfa\xadk,op\xf6A=+YfyC^v\xfa\x8a\x81\xcd\xf6\xec\x88\xabW\xbf\x81\x9eG\x15\xee}\xac[ O\x1f\xf8X\xb7F\xe5&amp;\x15\xcaV\x0f\xf0{\x81\x10r?\xf7\t\xcb\x12\x86q\xdc\xbb\x13Y\x96y\x8e\xb7\x0b\xb6\xc9\xdft\x8c\x89\xdf\xf8Z\xa3&amp;\x98\x15\xaav(\x00\xd5\xc8\x9f\xfa\xd9\xfa\xdd\xce\x9f-\xde\xc3\x19\\eIT\xc5\xd4\xcf\xc2H\xa2\xe0\xe5\x17\xb4\xfd\x87\xd9\xec\xf9\x98\x83G\x8f\xeb\xf0!\xe0\xe1E\x1a.^:\x97\x90\x10\x1f\xf3\xd0"\r\xa2h\xb7\xda,v\xbb\x8d\xb97V\xe6\x9c\xf3.I\xa2\xa7\x87\xcf\xf1\x93{b\x0e\xcc&gt;s\xfa\x8c\x9b\x9b;f\x85\xaa\x1a\n@5\nN\xfd|\xe3\xa3\xe1\x99)7\xd58\xfa\xff\x00Y\x96\\\xdd\xbd"\x06\xbc\x1e1ct\xe7\x8f&gt;\xd6C\x07\x14\xb2HCbTtTB\xec\x8e\x94\xdby\x1e\xc6\xe0ZU\x9a=\xb0H\xc3\xfd\x89R\xce\x8fZQ\x14\xfc|K,\xf9qL\xd9j\xec\x9a\xd5\x1b0\x10\xa4j(\x00uP\xfb\xd4\xcf\xc2\xc8\x92\xe8\xe6e&gt;\xb5oK\xf2\x8fcO\x9d9\xeb\xe9\xe9\xa9\xd5;\xca\'Y\xa4\xa1f\xd5\xa6\xe5\xcbT\xf3\xf4\xf0\x16\xffk\x91\x06\xe7\x92e\xd9\xdd\xcd\xf3\xcb\xd9\x1d\xa7\xce\x1c\x86%"T\r\x05\xa0\x02\xda\x98\xfaY\x18I\x14|\x02JD\x0cn\xdb\xbbm\xfd\x19\xb3\xe7i\xec\x8e\xf2\x91\x1f\xeb\x1e&lt;\xb4\x7f\xd7\xae]\t\xf1\x0f.\xd2`\xb5Y\xacV\x8b$\x89\xca\xcc\xfd|\xf9KD\xcc\xfd\xae\xfb\xd1\xc4C!\x95B\xf12@\xa5P\x00*\xa0\x8d\xa9\x9f\x85\x91e\xc9\xe0\xe2~\xe7\xafs\x9b&amp;t8v\xf4p\x85\n\x15\x19\xf5O\t-|\x91\x86_\x0e\xec;\x96\x97e\x08\xf6\x0f\xad\x1e\xd2\xb0R\xf9\x9a\xee\xcf\xbaH\x83s\x89\x92`\xf2\x0e\x88\xdf\xb5\xea\xc2\xcd-\x89\xc7N0X"B\x9dP\x00J\xa7\xa5\xa9\x9f\x85\x91\x04\xbb)\xa8\xd4\xcf\xd3\xfb\xd61e\xae\xfd%J\xd5C\n\xa2(2\xff\xb5HC\xe9\x92!F\xa3\x8b\x1as\xbf Q\x12\xfcLAs\x96|\xde\xb8e\xf9\x88o\x97i\xec\xd1M\'P\x00J\xa7\xa9\xa9\x9f\x85\x91e\xc2r\xa2`]\xd2\xa7Q\xec\xafk\x9a\xff\xaf\x85\xaa;\x80\xb9\xf7\xb1n\xcc\xee\xdd{\x0e\x1fLz\xd4"\r\xf4\xa3-U\xe6~&gt;\x99\x91Y\x86\xf0\x06\xe3\xb8Y\xef\xac^\xb7\xa4m\x1b,\xeb\xa4&gt;(\x00E\xd3\xde\xd4\xcf\xc2H\xa2\xe0\xe5\x1b\xb4g\xfd\xb7\xe2\xa9_\xf6\x1d&lt;"\xcb\xb2\xea\xa2D\x96eA\x10bcc\xd6\xae[\x93\x9ct\x96\x08\xe6Je\xeb\x87\x94\xaf]\xe6\xc5P\x03_\\\x8b48\x97$I\xeen\x9e\x17\xae\x9c\xf81j\xf4\xef\xbf\x9f\xc0\x12\x11\xaa\x83\x02P4MN\xfd,\x8c$\x89\x9e&amp;\xbfo&gt;yu\xfe\xc4\xc1\x9f\xf6U\xd9\xdc\x12zG\x9f\x9a\x9a\xf2B\x89R\xcd_\xe9\xfdZ\xfd\xb7\xfc\xfd^ \x84Xm\x16\x9b\xcd\xa2\xb1\xdc/\x88n\x1c\xb6&gt;za69\xb1w\xf7\x01\x0c\x04\xa9\x0b\xbaZ\xb9h\x02\xae\x88\\r\xf2ZN\xd3N\x03\xb2Rok8\xfd\x19\x86!\x0c\x11l\xf6\xd6\xfd\xa7\x8f\x1b?1%%\x85\x10\xf5\xdd\x9d\xc8\xb2\x1c\x14T\xa2\xf9k\x1dM&gt;~\x99Y)\x99Y)6[\x1e!,\xcbr\x9aL\x7f\x86a8\x8eOK\xbf\xdd\xf1\xad\xcf\xff\xef|\xee\x8c\x99\xd3x\x9e\x17\x04\xc1\xd9\x07\x05O\n\x05\xa0P4\xfb222\xa6L\x99\xf2\xc6\'\xe3\x19\xc2\xaac\xb9\xff\xe7@X6/\'\xa3\xca+o\xb2%j|=m\x12\xcb\xb2\xf4\x05\xb8\xba\x08\x82\x90\x95\x93.\x88v\x96\xe54\x9c\xfb\x05\x11\xc2\xe6\xe4d\xf4\xffx\xceW\x93\xc3\x8e\x1e;\xcc\xf3&lt;}\x13\x0e\xca\x87\x02P(z\xfb\xff\xf5\xb4\xc9\xb9\xde\x15^z\xfd\xbd\xdc\xccT\xcdL\xfc\x7f\x0c\x96\xe5r3\xd3\xda\r\x9a\xb9`\xc9\xcasg\xffPi\x07\xb0\x84%\n\xf8d\xd7a\x08!6\xc1\xe6k\n\xea\xd8zD\xd7\xae]srr\x98\xfbw0\xa0p(\x00%\xa2\x9f\xd5\\\xb8p\xfe\xdbe+\xda\xf4\x9dl\xc9\xc9\xd2\xc6w\xbf\xff\x8d\x10\xbb\xd5\x12X\xa6r\xc5\xa6\x9dF\x0e\x1f\xa2\xc6Q }\xe2X.#3\xa5\xe9+\xed}\x0c\xd5z\x7f\xda\x83\xe38&lt;\x04\xa8\x82&gt;bEm\xe8T\x8a\xf1\xa3\x86\x07\xd6i[\xa6j\x03[n\x96\xaa\xe7\x0b&gt;\x15\x96\xe3\xb3\xd3\xee\xb4\xea\xfd\xe5\xd6\xdd\x89\xbfmK@\x94\xa8\x05\xc7\xf1i\x19wzw\x99\x9c\xb0\xf5\xd8\x8f\xabV\xe2e\x80*\xe8%VT$\x7f\xea\xe7\xe6\xed\x87Z\xf7\x1a\x97\x95zG\xdb\xef~\x1f&amp;K\xa2\xd1\xd5\xf3\x8dO\xa7\x0c\x192X\x10D\x82\xf1\x04\x95\x90\x19Y\x14\x85\xbe\x1f\xcd\x1c4p\xf8\x85\x8b\xe7y\x9eW\xe3\x08\x9e\xae\xa0\x00\x94H\x92\xe41#\x87\xd7~\xa7\x9f\xb7\xff\x0b\xa2`\xd3\xe4\xc4\xff\xc7 ,\x97\x9b\x99V\xa7E\xa7?3\xd9\xf0o\xe6\xb2\x1c\x87\x1cQ\x05\x96\xb0\xb9\x96\xec\xf2\xa5\xab\xbf\xf1\xf2\xa7\x9d:u\x14\x04\x81.}\xea\xec\xe3\x82B\xa1\x00\x94E\x10\x04\x8e\xe3VDF\xfc~-[\x0fS?\x1fC\xb0\xdb\xdf\x1e&lt;g\xc2\xa4)i\xa9\xa9,^\x06\xa8\x04\xc7\xf1i\x19\xb7\xdf\xfa_\xcf\xdcT\x9f\xb1\xe3F`\x04O\xe1P\x00\nB\x87\xfe32\xd2\xa7M\x9f\xd9\xaa\xff\x0c\x99a4?\xf5\xb30\x84e\xad9\x99e\xab\xbf\xe2[\xed\xf5\xd1#\x86\x11uN\x07\xd2\'\x96\xe322S\xfav\x9b\x1e\xb1huLl4f\x85*\x19\n@A\xe8\xe4\x9fi\x93\xbe\xcc\xf5,[\xadakKV\xba\x1e\xa6~\x16\x86e\xb9\xbc\x9c\xac\xd6}\xa7.\xffi\xdd\xd93gT:%T\x87\x08C\x04\xd1\xee\xe6\xea\xd9\xfb\x83\x19=&gt;\xee}\xeb\xd6M\x9c;\xc5B\x01(\x05M\xffsg\xffX\xb0d\xe5;\x83g\xe7f\xa6\xb1:N\x7f\x86\xb97%\xd4\x1cT\xa6\xe6[}\xfb~\xfa\t\xa6\x84\xaa\x08\xcbr\xd99\x195\xaa4\xaaQ\xbem\xcfO\xba\x11BP\x00\xca\x84\x02P\n\xba\x98\xcc\xc8\xe1C+6\xed\x14X&amp;\xd4n\xb5\xe8\xed\xdd\xef\xc3X\x8e\xcf\xcdL}\xbd\xeb\xd0c\x17n\xc6l\x89\xc2\x80\xb2\x8ap\x1c\x9f\x9av\xeb\xc3\xf6C\x92\x8f\xdc\x98\x176\x0b\xb3B\x95\t\x05\xa0\x08t\xea\xe7\x8em\xf1[w\x1di\xd5\xfb\xcb\xec4\xddM\xfd,\x8c,\n\x06\xa3[\xd3\x1e\xe3\x07\xf4\xefg\xb7\xd9\xf1\x1c\xa0"\x840Vk^\xbf\xee\xb3\xa6L\x9ay\xfcD\x12f\x85*\x10\n\xc0\xf9dY&amp;\x0cc\xb3\xd9\x86\r\x19\xf2\xdaG\xa3\x8cn^\x92\x88{\xa5{\x08\xc7\xe7d\xa6\xd6j\xd6&gt;\xdb\xad\xf4WS&amp;`4YE\x08a\xf3l\x96\xa0\x80\x17\xdb5\x1f\xf6\xc1\x07\x9d\xb2\xb2\xb20+TiP\x00\xce\'I\x12\xcbq\xdf/_v\xe1\xae\xbda\xfbOs3Rp\xfb_\x10a\x88`\xb7\xbf\xf9\xd9\xa4\xf9\x0b\x17\xdd\xbcq\x03\x03\xca*B\x97\x88h\xde\xa8\xa3\x17We\xf0\x90\xfe\x18\xc4S\x1a\x14\x80\x93\xd1\xa1\xff\x94\x94\x94q\xe3\'\xb6\xfd\xfck\xc1fe\xf4\xb4\x8e\xd8\x93 ,\x9b\x97\x93Y\xb6\xfa+\x01\xb5\xdb\x0e\x1b\xd4\x9feY\xdcE\xaa\x08\xcbq\xe9\x19wz~\xf8\xe5\xa6\r\xbbV\xff\xfc#f\x85*\n\n\xc0\xc9\xe8\xe4\x9f\xaf\xa7MbK\xd4\xa8\xfc\xca\x9by9\x99zY\xf7\xedi\xb0,\x97\x9b\x95\xde\xa2\xc7\xe8_\xe3v\x1d=r\x18\x03A*B\x18"\xca\x12K\xb8\xbe]\xe7|\xde\x7f\xc8\x85\x0b\xe7q\xfa\x94\x03Y\xe3L\x05\xa7~\xb6\x1b4\x13S?\x0bE\x88`\xcb3\x97(S\xb3]\xffA\x03\xfa\xe2U\xb0\xba\xb0\x84\xcd\xb5dU,[\xb3I\xdd\x1e\x1f\xf7\xf8\x08\x83x\xca\x81\x02p\xa6\x7fO\xfd\xac\x8c\xa9\x9f\x8fAW\tm\xf6\xc1\xc037\xf3~^\xf5=F\x93\xd5\xe5\xde\x12\x11-z\xde\xfe?v\xd4\x98\xe1\x98\x15\xaa\x10(\x00\xa7\xc1\xd4\xcf\xa7&amp;\xcb\x84\xe5\x1aw\x1d9r\xd4\xe8\x8c\x8c\x0c\x06\xab\x84\xaa\n!lNn\xd6\x80\x1es\x16/\\\x15\x17\x1f\x83\x97\x01J\x80\x02p\x0eL\xfd|\x06\x84\xe5r3Sk\xbf\xd1!\xcf\xa7\xe2\xd7\xd3&amp;\xe3!@]\x08!\x82`sw\xf3\xec\xfe\xde\xe4O?\xfd,%%\x85A\x85;\x1b\n\xc090\xf5\xf3\xd9\x10\x96\xb5dg\xb5\xe9;\xf9\xdbe+\xf0:QuX\x96\xcb\xcaN\xafS\xa3i\xb9\xa0f=?\xe9\x86\nw:\x14\x80\x13`\xea\xe73#\x84\xb5\xe5f\x95\xa9\xda \xb0N\xdb\xf1\xa3\xbe\xc0\x94P\xd5\xe18&gt;=\xe3n\xd7wG\x1c\xdew1b\xc9"\x0c\x049\x17\n\xc0\t0\xf5\xf3y\xb0\x1c\x9f\x95z\xa7u\xef\xf1\x9b\xb6\xed\xffm\xfb6\xdcE\xaa\x90l\xb7[\x07t\x9f;\xf2\x8b\xf1\xc7\x8f\'r\xd8\xf0\xc7y\x90;\x8e\x86\xa9\x9f\xcf\x8b\x10Q\xb0y\xf9\x067\xe84|\xfc\xb81\xc8\x0e\xd5\xa1KD\xbc\x10\\\xee\x9d7\x86w\xfd\xa8\xab(\x8aX"\xc2YP\x00\x8e\x86\xa9\x9f\xcf\x8f\xe5\xf8\xac\xb4\xdb\x8d;\xf6I\xfe\xbf\xcc\xef\x96.\xc6C\x80\xeap,\x97\x9ey\xf7\xf5F\x1d8[\xa9\x01\x9f\xf7\xc1\x19t\x16\x14\x80Ca\xeagQ!\x0c\x11l\xf6\xd6\xfd\xa7\x8f\x1b?1%%\x05\x9f\x86\xa9\x0e\xcbr\x99Y)}\xbaM_\xfbS\xdc\xea\x9fW\xe1e\x80S\xa0\x00\x1c\x07S?\x8b\x10a\xd9\xbc\x9c\x8c*\xaf\xbc\xc9\x96\xa8\xf1\xf5\xb4I\x98\x0e\xa4:\x84!\xa2$q,\xd7\xa7\xcb\xecA\x03\x87\xde\xb8q\x1d\'\xd1\xf1P\x00\x8e\x83\xa9\x9fE\x8be\xb9\xdc\xcc\xb4v\x83f.X\xb2\xf2\xdc\xd9?\x10\x1f\xaa\xc3\x126\'7\xabR\xb9\x9a\r\xaauz\xbf\xd3{X"\xc2\xf1P\x00\x0e\x82\xa9\x9fE\x8f\x10\xbb\xd5\x12X\xa6r\xc5\xa6\x9dF\x0e\x1f\x82Q 5\xe28&gt;=\xf3n\x87\xb6\x03n\xfc)\x8f\x19;\x12KD8\x18\n\xc0A0\xf5\xb38\xd0\x05\x82Z\xf5\xfer\xeb\xee\xc4\xdf\xb6%\xe0]\xa2\x1a\x11\xc2\xe6\xe4d\xf4\xef&gt;k\xd1\x82\x15\xfb\xf6\xef\xc1\xc6a\x8e\x84\x0cr\x04L\xfd,&gt;\xb2$\x1a]=\xdf\xf8t\xca\x90!\x83\x05A$X]@m\x08!v\xc1\xe6\xe9\xe1\xd3\xe5\xed/\xbbt\xe9\x9a\x9d\x8d\x8d\xc3\x1c\x07\x05\xe0\x08t\xfcg\xc4\xd0A\x98\xfaY\xe4\x08\xcb\xe5f\xa6\xd5i\xd1\xe9J\x06Y\x186\x9b\xc5WE*D\x97\x88x\xb9\xee\x9b/\x98\x1a\xf4\xea\xfd1\xc7q(\x00\xc7@\x01\x14;:\xf5sk\xd4\xe6\xedG\xcf\xbd\xf9\xc9\xf8\xec\xb4\xbb,\x87\xdb\xff"&amp;\xd8l\xed\x86\x86}5+\xec\xda_\xff\x87\xf5!\xd4\x88\xe3\xf8\xf4\xf4\xdb\xdd;\x8e\xdd\xbf\xf3\xfc\xa2E\x0b\xf0J\xdf1P\x00\xc5\x8e\x86\xd1\xa6_7z\x97\xa8\xe0i\x0e\x90\x04\x1b^\xff\x16-\xc2\xb2\xf6\xbc\xdc\x92\x15\xaa\xa5\xe5\xd8\x0e\x1e8\x80\xc9$*%J\xa2\x8b\x8b\xdb\xeb\xafv\x9e\xff\xcd7v\xbb\xdd\xd9\x87\xa3\x0b(\x80b\xc7\xb2,\xc30CG\x8c\xbe}j\xd7\x85\xa3\xdb]&lt;M\xb2\x84\x17\x95EI\x12\x05w\x1f\xbf=k\x17\x94\xf6s{\xab]{Y\x96Y\xbc`W\x1bY\x96\x8dF\x97;)\xd7\xa2v|\xb3\xfc\xbb\xe5\x06\x83\xc1\xd9G\xa4\x0b\xb8N\x8a\x1d\xcb\xb2\xa2(V\xadZ\xf5\x8b\xa1\x837\xcf\x1f\xceq\x04O\x00EI\x96y\xa3k\xda\x8d+\x87\xd7\xcc\x8eX\xfa\x9d\x9b\x9b\xab$I\x04\xafX\xd4F\x96%\x0fw\x9f\xc5?\x8c\x1c=n`\xe3\xc6MEQD\x8b;\x00\xfe\xc4\x8e@\x074\xbf\x9c&lt;\xcd\x8f\xcd:\xf8\xebR\x0fs\x00\xbe\x01.*\x92$\xba{\x9b\xa3\x17\x8el\xd7\xe6\xcd7[\xb7\xa6o\\\x9c}P\xf0tDQ0\x9b\x027l\t/\x1d\xe2&gt;f\xf4\x97\x82 \xe0$:\x06\xbeDu\x04B\x88(I^^\x9eS\xa7M\xef9`x\xed\x16\x1fp\xbcQ\x96D\xcc\x05zN\xb2$\xb9\xb8{_J\xda\xf9\xf7\x89\x1d;\xd7\x9d\xa7\xb3\xad\x9c}P\xf0t$I\xf2p\xf7&gt;u\xf6\xe0\xb1?6\xfc\xfe\xfb\t\x8c\xe09\x12\xfe\xd0\x0e\xc2s\x9c(\x8a\xdd?\xe9\xf5r\xb5\xb2\xdbV\xcc\xf00\xfb\xe3!\xe0\xf9\xc9\xb2ltq\x89\x9a\xff\xc5\x88a\x83+U\xaaD\xbf\xb7p\xf6A\xc1S\x90\x19\x99cYQ\x12\xbe[;n\xe5\xf7\x91%J\xbc\x80\x93\xe8H\xf8C;\x14K\xc8\xcc\xb9\xdf\x9c\xd9\xb6\xea\xe6\x85d\xa3\xbb\x97\x8c\xc9*\xcfA\x12\x05\x0f\x93\xff\x91\xad+\x8d9\xd7\xc7\x8c\x9f\x88\xe0P#I\x12}\xbc\xfd\x16\xff0\xa6s\xf7\xb7\xda\xb6i\x87\xc1\x1f\x07\xc3\x05\xe38t\xa1\x82\xa6\xcd\x9au\xee\xd8.z\xc1\x08\xa3\x8b\xab\xcc`\xba\xfa\xb3\x92e\x8e7X2\xefn_6in\xd8|\xb3\xd9\x8c\xf1\x1f\xd5\x11%\xc1\xe4\x1d\x10\xf3\xdb\x0f\x06\xaf\xdb\x8b\x16F\xe0\xfd\x8d\xe3\xa1\x00\x1c\x8aNQ\x0f[\xb88\xfb\xca\xd1\xd3\xfb\xb7\xb8{\x99e\xac]\xf3L$Q\xf00\x07l[1\xe3\xe5\xea\xe5z\xf6\xfa\x14\xd9\xa1:\xb2,\xb9\x1a\xdd\xaf\xdf\xbc\x9c\xb0?b\xdd\xba\r\x1c\xc7\x11BP\xe1\x0e\x86\x02p(\xfa\x91jPP\xe0\xa81c\xe3\x17\x8f\x95\x04\x1bAl==Y\x92\x8c\xee^7/$\x9f\xd9\xb6j\xe6\xdco\x10\x1a\xeaDx\xde\xb0p\xc5\x90\x99\xb3\xa7\x85T\n\xc5\xbcO\xa7\xc0_\xdc\xd1\xe8\x94\xd01\xe3&amp;\x04\xbb\t{\xd6|\xe3\xeee\xc6\xdb\xe0\xa7%3\xb2\xd1\xc55z\xc1\x88\xce\x1d\xdb5m\xd6\x0c\xb7\xff\xaaC\xe7}\xae\\7\xf5\x8d6\xb5\xfb\xf6\x19\x80\xa1\x7fg\xc14PG\xa3\xa3@\x06\x03\xbf\xe4\xbb\x95\xadZ\xb7\xa9\xd7\xb6\x9b\xd1\xcd[\x12\xec\x98\x12\xfa\x84dQt\xf7\xf6=\xbd\x7fK\xf6\x95\xa3a\xbb\xaf\xe3\xb3/\xd5\x91$\xd1\xdb\xd3|8)\xfez\xfa\xd1\xedK\xcf\xa0\xbf\x9d\x08O\x00N@\xdf\x06\xbf\xd9\xaau\xb3\xd7^\x8d]\xfc\xa5\xab\xa7\xb7\x84\xc5!\x9e\x18\xe18\xd1nI\x88\x187j\xcc\xd8\xa0\xa0@L\x1bW\x17Y\x96\r\xbc1-\xf3\xce\xaaM\x93W\xaf\xfe\xc9\xd3\xd3\x0bC\xffN\x84+\xc79\xe8\xf6U\x11\x91+.\x1f\xdc\xfc\xf7\xd9cF7L\t}"\x92(\xb8{\xfb\x1e\xda\xfc]\x80\xd1:f\xdc\x04L\xfdT\x1dY\x96&lt;&lt;|\xc2W\x0e\x1f7q\xe8k\x8d\x9a\x08\x82\x803\xe8D\xf8\xd3;\x07}\x13\x10\x1a\x1a\xda\xa7w\xcfM\xf3\x86\x1a]]\x18L\t\xfdO\xb2\xcc\x1b]\xb3R\xae\xef\xfbq\xfa\x9c\xb0\x85\x06\x03\x8f\xa9\x9f\xeaB\x87\xfe\xd7G/|\xa9\xc1\x0bcF\x8d\x17\x04\x81\xe71\n\xedL(\x00\xa7\xa1\x1d\xf0\xf5\xec06\xf5\xd2\xb1\xad\xdf\xbby\xfb\xcax\x1b\xfcX\x92$\xbayz\xc7|;\xae\xe9\xabu:}\xf8!\xc6\x8e\xd5E\x92DO\x0f\x9fSg\x0f&amp;\x9e\xdd\x10\xb9l\x05\xc6\xee\x94\x00\'\xc0i\xe8(\x90\xc9\xe43\'l\xfe\xb6%\x13Ek.\xe1x&lt;\x07\x14F\x96$\x17w\xaf\xbf\xce\x1e\xbb|p\xf3\x92\xef\xbe\xc7\xbd\xbf\xba\xc8\x8c\xccs\x06K^v\xe4\xda\xd1\xdf\xff\xb0&lt;((\x18\xc3wJ\x80\x13\xe0L\xf4!\xa0{\x8f^\xd5*\x04m[9\xc3\xc3\xe4/\xe1\xbb\xb0\xc2\xf1Fct\xd8\xb0&gt;\xbd{\x86\x86\x86"&gt;\xd4E\x12E\x1fo\xbf\x88\x1f\xc7\xf6\x1d\xd0\xb5M\xeb\xb71\xefS!p\t9\x13}\x080\x18\xf8\xf0o\x97&amp;GG\xa4]\xbf\xc4\x1b\xdd\x18lg\xf8\x10Y\x12]\xbdL\xa7vo\xb2\xdd\xfc\xe3\xeb\xd9\xf3d\x19\xe9\xaf&amp;\xa2(\x98}\x02\xb7l_\xe1\xee\x9b1\xfd\xab\xd9\x18\xbbS\x0e\\ENF\xa7\x846k\xde\xbc]\xeb\x96\x9b\xe6\x7f\xe1\xee\xe5\x83)\xa1\x0f\x91\t\xcb\x896\xcb\x96o\x86O\xffz\x96\xc9d\x92$\x8c\xff\xa8\x86$K\xeen\x9e\x97\xff\xef\xd4\x8e\xc3\xcb\xd6\xad\xdb\xc0\xf3&lt;\xe6}*\x07\n\xc0\xf9\xe8s\xc0\xfc\xf0\x88\xf4s\xfb\xff\xd8\xbf\xc5\xcd\xcb\x8c=#\x0b\x92D\xd1\xc3\xe4\xbf}\xe5\x8cje\x02&gt;\x1f4\x04\x83?\xeaB\x18\xc2q|\xc4\xaaQ\x0b\x16\xce\xadT1\x04\xf3&gt;\x15\x05g\xc2\xf9\xe8\x9e\x91\xe5\xca\x97\x1b6dpL\xc4\x04\x960\xd83\xf2\x1f\xb2\xcc\x1b]S\xff\xbe\x94\x1c\x1d\x11\xbex)\xc7\xb1x\xfd\xab"\xa2(\x98}\x02"WOl\xd9\xb6^\xb7\x8fz`\xde\xa7\xd2\xa0\x00\x14\x81\x0e\x04\x8d\x1c;\xde\x9f\xcb:\xf0\xeb\x12\xec\x19\x99\xaf\xc0\x8e\x8f-\x9b5o\x8e\xe1c\x15\x11%\xd1\xc7\xdbo\xf7\xa1M\x19\xf6\xd3\x91\xcbV\xe2\xdc)\x10\n@\x11\xe8-\xad\xb7\xb7\xf7\xd4i\xd3\xf7\xfc4\xc7\x92~\x87\xe3\x8dx\x1b,K\xa2\x8b\x87\x0f\xdd\xf1q\xce\xfcp\xdc\xfb\xab\x88,\xcb.\x06\x97\xd4\xf4\xdb\x1bbg\xff\xf4\xd3O\x1e\x1e\x1e\xcc\xfd\xdf9(\x07\n@)\xb8\xfb{F6\xa8V6.r\xb2\xbb\x8f\x19o\x83\x19\x86p\x1c\xd9\x1c6l\xc4\xb0!\xd8\xf1Q]dYvqq_\xb8|\xf0\xf8\x89C\xeb\xd7{\x19\xf3&gt;\x95\t\x97\x93\x82\x10BXB\x16/]~n\xc7O\x7f\x9fMt\xd1\xf7\x9e\x91t\xcb\x97\x83\xbf.\xf5c\xb3\xbe\x9c4\x15\xe9\xaf"\xa2(\xf8\x9a\x83\xd6n\x9e_\xb3~\x89\xd1X\xf2A\xc1pE)\x08}\x1b\\\xa7n\xdd\xce\x1ft\x8c\x8d\xf8\xd2\xe0\xe2\xaa\xdf\x0f\x83e\x99\xe3\x8d\x96\xf4;{~\x9a3u\xdat//O\t\xe3?*A\x97|8\xf9\xc7\xfe\x93\x97\xb7\xaeX\xbe\nK&gt;(\x19N\x8c\xb2\xd0\xdd\x02\xe6}\xb3(\xeb\xd2\xe1\xdfwnt\xf54\xe9sJ\xa8$\x89\xee&gt;\xe6\xb8\xc8\xc9\r\xaa\x95\xed\xfeI/Q\x14y\x0c \xa8A\x81%\x1f\xc6\xac\xfc&gt;2((\x08\x8fnJ\x86\x13\xa3,\xf9{F\xce\x989;6|\x94$X\t\xab\xbb\xe0\xa3\xcb\xfe\xfc}6\xf1\xdc\x8e\x9f\x16/]\xce\xe2\xbb!\xf5(\xb0\xe4C\x17,\xf9\xa0|(\x00\xc5\xa1\x0b\x04}&gt;hHi?\x97\xbd\xeb\x16\xba\xe9o\xcfH\x99\x91\rF\x97\xd8\x88\xf1\x9d?\xe8X\xa7n]\xec\x16\xab\x16X\xf2Au\xf0fFq\xe8(\x10\xc7q\x11K\x97\xb7j\xd3\xa6^\x1b}\xed\x19)\x8b\xa2\xbb\xb7\xf9\xf4\xfe-\xd9\x97\x8f\xce\xdb\xb5\x19;&gt;\xaaE\xc1%\x1f\x8e\x1c=\xc8\xf3&lt;\xce\x9d\xf2\xe1\xc6J\x89\xee\xed\x19\xd9\xbau\xb3\xd7^\x8dY\xfc\xa5\xbb\x97I?SB\t\xc7I\x82-~\xf1X\xec\xf8\xa8.X\xf2A\x8dp\x86\x14*\x7f\xcf\xc8+\x077_:\xbe\xcb\xc5\xdd[\x0fSB%Qp\xf72\xefY\xf3M\xb0\x9b\x80\x1d\x1fU\x04K&gt;\xa8\x14\xae.\x85\xca\xdf3r\xc4\xb0\xc1Q\xf3\xbf0\xba\xe8`\xcfHY\xe6\x8d\xae\x99)\x7f\x1f^;{\xc9w+U\xba\xe3#\x1d\xf5\x96$Q\x96\xb5_\xd8\x14\x96|P/\x14\x80r\xd1\x0e\x183~\xa2K\xee\xf5#[Wj~\xcfHI\x12]=\xbdc\x17\x7f\xd9\xec\xb5W\xdfl\xd5Z\xa59\x92\x91\x91\xc1\xb2\x9c\xc9\'\xc0\xd5\xd5\x83\xd1A\x13`\xc9\x07UC\x01(\x17\x1d\x052\x9b\xcd\xb3\xe7\xce\xdb\xbet\xa2h\xa3{Fj\x93,IF7\xaf\xbf\xcf\x1e\xbb|psD\xe4\n5\xde\xfb\xcb\xb2l4\xba\xd4\xa9[k\xf9\xba\x91+\xd7N;w\xf1\x04!\x9c\x8f\xb7\xbf\x87\xbb7!D\xabM\x80%\x1fT\x8d\xc8\xba_qL\xc9dY\x96eI\x14\xe5\xda\xd5+s!o\xbc=pv\xe6\x9d\x1b\xac\x16GWeI\xf40\xf9-\xea\xd3\xb4\xf3\x9b\r"\x96-W\xe9\xed?\x95\x9c\x9c\xb49jSB\xdco)\xb7\xf3&lt;\x8c\xc1\xb5\xaa4\xab\x1cR\xdf\xec\xe3/\x8avK^\x8e(\n\xf7wDQY\xc3=L\x14\x05?\xdf\x12\xab6\xcct\xf1\xfb+f\xeb6\x0c\xfd\xab\x0e\n@\xe9h\x14\xee\xd9\xbd\xbb\xe9\xebo\xf4\n\xdf\xe9\x13\\N\xb0Y\x08\xd1\xd4\xa3\x9b,\nn&gt;~I\xb1?\x1c]9\xee\xca\xb5\x9b\xde\xde^\xea\xdd4\xaa\xe0\xb3\xcb\xc5K\xe7\x12\x12\xe2cb\xe2\xcf\x9d\xb9fr+S\xb3r\x93\xfc&amp;\xb0\xda,v\xbb\x8da\x18\x96eU\xda\x04\x92$z\xb8{\x9f\xbf||U\xf4\x98\x93\'\x7f\x0f\x0c\xc4\x94-\xf5A\x01\xa8\x00\xed\x80\x0f;\xb6\xdfu6\xad\xf7\xbc\xe8\xcc\xbb7XM\x8d\x05\xc9\x0cC\x0c\x06\xc3\x9c\x0f\xaaE~;\xa7\xd7\xa7}T}\xfb\xcf0\x8c$I\x92$\x15\xbc\x17\xbe\xf2\xe7\xa5\x98\xd8\xad\xb1\xf7\x9b\xa0F\xe5&amp;\x15\xcaV\x0f\xf0{\x81\x10b\xc9\xcb\xb1\xdb\xad\x0cCXVM\xcf\x042#s\x84\x93dqbX\xc75\xeb#\xdb\xb4~[\xedgM\x9fP\x00* I\x12\xc30W\xae\\\xa9Y\xbdZ\xab\x11\xdfU\xac\xdf"/;]3KDH\xa2\xe0\xe5\x17\xbcu\xd1h\xe1\xfc\xb6\xe3\'\xcfr\x1c\xab\xde\xdb\xff\x07\xd0&amp;`Y6\xff\xbe\x986\xc1\xb6\xf8\xed\x97.\\\x97\xed^U+4\xaaQ\xa5aP\xe0\x8b\x84a\xee7\x01C\x08\xab\xfc\x7f}Q\x14\xfc}K\xcc\x08\xef\xfd\xce\x07\xf5f\xcd\x0c\xc3\xe0\x8fJ\xa1\x00\xd4\x81^`\xe3G\x8f\x9c\xbbb\xe3\x90\xef\x0e\xe6fe\x10m&lt;k\xcb2\xcb\x1b\xf3\xb2\xee.\xfe\xa4\xee\xce\x1d;\xb4\xba\xe7\x97,\xcbtA\x8b\xfc&amp;HKK\x89\xdf\x16\x17\x1d\xb5%9\xe9\x1c\x11LU*4\xacQ\xa5ap\xe0\x8b\x0cC\xac6\x8b\xcdf\x91eY\xb1M \x8a\x82\xd9\x14\x18\xfb\xdb\x0f\x97n\xc5\x1c=\x9aD\x08aY\x85\x1e*&lt;\x1e\n@\x1ddY\x96$)\'\'\xa7jH\xf9\xf2m\x06\xbd\xf6\xfe\xc0\xec\xb4\xdb\x1a\x18\x08\x92D\xc1\xdb/x\xf9\xc8w\xeb\x974l\x8e\x89\xd7d\xfa\x17D\x9f\t\x08!\xf9\xff\x9aii\xa9\xf1\t\xb1\xd1\xd1\xb4\t|*\x95m\x10R\xbev\x99\x17C\r\xbc1\xcf\x9ac\xb3\xe5)\xad\t$Yrsq\xbfv\xe3\xe2\xe2\x9f\x07\x1c9z\xb0R\xc5\x10|\xaf\xa7^(\x00\xd5\xa0\xe1\xb8n\xcd\x9a\x0f&gt;\xfax\xc0\x8aD\xa3\x9b\x97\xda\x17\x08\x92%\xd1\xd5\xd3t\xf1\xe8\xb6\xd8Y\x9f\x9c&gt;s\xb6l\xb9\xb2\xfay\x8bH\x1b\x9d\xb9\xff\xe1\x18s\xaf\tbv\xef\xdes\xf8`\x92%\xd3P\xaeT\xddZU\x1b\x97.\x19b0\x14l\x02\xa2\x80\xf7\xff\xb2\x9b\xab\xe7\xe4\xb0\x0f\xe6,\x18\xdf\xb5Kw\xcdw\xb6\xb6\xa1\x00\xd4\x84^l\xaf\xd6\xab\x9dn\xaa\xfe\xde\x88\xf0\xac\x94\x9b\xaa~\x08\x90%\xc9\xdd\xcbg~\xafW\x87\xf7\xec0\xed\xebY\xfa\x1cG~\xb8\t\xecv\xdb\xde}\xbb\x7f\xf9\xe5\x97\x03\xfb\x8eY2\xf9\xfc&amp;0\x1a]\xac6\x8b\xd5\x9aK\x9f!\x9c\xd2\x04t\xe8\x7f\xe1\xf2/j54/\x8f\xfcA\x9f\xa7LKP\x00jB\xaf\xfc\xa4\xa4\xa4z\xf5\xeau\x0f\xdb\x16X\xb6\xaa\xcd\x92\xa3\xd2\x97\x01\x92(x\x9a\x03\xf7\xad_x9f\xc1\x99\xf3\x97=&lt;&lt;t&gt;\x8eL\x9b@\x96\xe5\xfcH-\xd8\x04yY\x86`\xff\xd0\xea!\r+\x95\xaf\xe9\xee\xee\xe5\x94&amp;\x10%\xd1\xc7\xcbw\xef\xe1\xa8CgV$\x1e;\xee\xee\xee\xae\xf3S\xa6\x01(\x00\x95\xa1\x0f\x01}z\x7f\xb2v\xdb\xd1~\x8bw\xe6f\xa4\xa9\xb2\x00d\x99\xe5\r6K\xd6\xa2\x9eu\xd7\xae\xfa\xbe\xd3\x87\x1fb$!\xdf#\x9b\xe0\xe0\xa1\xfd\xbbv\xedJ\x88\xff\xed\xd6\xdf9%\xfd\xab\xd5\xac\xda\xb4b\xb9\x1a\x1e\xee^6[\x9e\xd5f\xb9\xffqY1\xfe\x12dY2\x1a\\\xd33\xef\xce\x89\xec\xb6s\xf7\xb6\xda/\xd5\xc1\xd0\xbf\x06\xa0\x00TF\x96eY\x96333K\x06\xf9\xbf&gt;xq\xb5\xc6\xef\xa8qJ\xa8$\n^~A\xbf\xcc\xfe\xdc\x94~\xfa\xe0\xb1\xe3H\xffGz\xb8\t\x18\x869\x91\x9c\x18\x15\x1d\x95\x10w\xaf\t\xaaWn\\\xf6\xc5P\xb3\x8f\xbf\xf0\xaf\xcf\x8c\x8b&gt;\x97eY\xf2\xf6\xf4\x9d8\xf7\xc3\xe1c\xbb\x0f\x1b:\x12\x83?\xda\x80\x02P\x1f\x1a\x97\xdf\x84\xcd\x1b6n\xda\xb0\x9f\x92\xed6\x9b\xb3\x8f\xe8\xe9\xc8\x92dt\xf3\xb8s\xf5\x8f\x1f\x86\xfc\xef\xe8\xb1cu\xea\xd4\xd1\xcf\xbb\xdfgC[_\x92$\x9e\xe3\xf3\xbf\x15;\x91\x9c\x14\x15\xbdy\xef\xee\x03W/\xdf\xf6v+]\xabr\xd3\x07\x16\x9c`\xee}OQ\x04C4\xa2(\xf8\x9a\x03\xbf_7\xc3#\xf0V\xcc\xd6\x04\xa4\xbff\xa0\x00\xd4G\xbe\x87\xa9X\xb6d\xd0k\xdd\x9bw\x1f\xad\xae)\xa1\x92$z\x9a\xfc\xbf\x1b\xf6\xd6\xffj\x95\xfci\xcdz\xdc\xfe?\x95{\x9f\x19\x17h\x82\x07&gt;3\xce_pB\x92\xc4&lt;k\xee\xf3\x7ff,I\xa2\xa7\x87\xcf\xc9\xb3\x876\xef\x9a\x9a|\xe2w\xb3\xc9\x97!X\xefS#P\x00\xaaDC3&gt;.\xb6U\xeb6}\x97\'\xbay\xf9\x89\xb6&lt;F\r7\xd1\xb2(\xba\xfb\xf8\x9d\xde\xb3y\xc7\xfc&gt;W\xfe\xba\x11\x10\xe0\xcf\xdc[\x0f\x07\x9eNa\x9f\x19\xc7\xc6\xc4\x9f;\xfd\x97\xc9\xbdlH\xf9\xfa\xa1\x15j\x97\x08*\xc3\xfc\xf3\x99\xf1S7\x81,\xcb\x1c\xc7K\x9281\xac\xc3\xba\x8d+Z\xbd\xd9\x06\x85\xad%(\x00\xb5\xa2\xd7\xe1;m[%\xfem\xef\x1d\xb657S\ro\x83e\x86\xb0\xac$\xda\xe6~X}\xde\xf4/\x07\x0f\x1d\x864y~\x0f\x7ff|\xe5\xca\xa5\x98\xb8\xad\x07\x0f\x1c:\x91\xf8\x07\x11\xcc\xf43\xe3g[pB\x92D\x1fo\xbf\xaf\xc3{w\xf8\xa8\xd1\xcc\x19s1\xf8\xa31(\x00\xb5\xa2S\x00/^\xbc\x18\x1a\x1aj*]\x8d\xb0\xac,\xc9J_LL\x96y\x831;\xfdn)\x1f\xfe\xcc\xb9\xf3\xf7\x16\xfd\xc1`B\x11y\xd4\x82\x13\x05?3\xbe\xb7\xe0DP\xc0\x8b,K\xf2\xac\xb9\xff\xf9\x99\xb1(\n\xbe\xa6\xa0\xa8\x84\xc8\xdb\x96\xbd\x07\xf6\x1fA\xfak\x0f\n@\xc5\xe8\xa7\xa1IIIwn\xfe\xed\xeccy\n\x84\xe5B*W-[\xb6\xac\x1aw}Q\x85\xc7/8\xc1\x8a\xe6R\xc1UjUi\\\xba\xd4\x03\x9f\x19\xff\xab\t$Yrs\xf1\xb8v\xe3b\xc4\xcf\xfd\x0f\x1f9X\xb1b%\xbc\xab\xd7\x1e\x14\x80\xba!C\xe11\x1e\xb9\xe0\xc4\xfe\x03{\xe2\xe2\xe2\x0f\xec;\xfa\xa8\x05\'\xac\xb2,\xd1\xcdjXBx\x83q\xc2\xdc\x0e\xe1\x11\xd3\xbbt\xee\x86\xc1:MB\x01\xa8\x1e\x9d*\xee\xec\xa3x:t\xfdHg\x1f\x85\x8e&lt;\xe1\x82\x13\xa5JTpqq\xb3\xdb\xf3r-Y~\xe6\x12\x0b\x97\x7fQ\xebU\xd3\xf2\xef~\xc4\xe0\x8fV\xa1\x00\x00t\xa4\xf0\x05\'6\x1e\xd8\x97\x98\x97\xcd\xf9\xfbT\xa8U\xb5I\xad\xaa\xaf\xed=\xbc\xf9\xe0\x99\xe5X\xf2A\xdbP\x00\x00z\xf4\xc8&amp;8u\xfa\xf7\xe8-\xd1\xf43\xe3\x9bw\xae\xec\xdd\xf7\xdbK/\xd5\xc6\x92\x0f\x1a\x86\x02\x00\xd0\xb5G.8q\xf4\xd8\xa1\x9clK\xb3f\xaf#\xfd\xb5\r\x05\x00\x00\x0cS`\xc1\t\x8e\xe3\xe9x\x0f\xd2_\xf3P\x00\x00\xf0 \xfaL\x80i?\x9a\x87\x02\x00\x00\xd0)&lt;\xdf\x01\x00\xe8\x14\n\x00\x00@\xa7P\x00\x00\x00:\x85\x02\x00\x00\xd0)\x14\x00\x00\x80N\xa1\x00\x00\x00t\n\x05\x00\x00\xa0S(\x00\x00\x00\x9dB\x01\x80~\xe5/\x92\x0c\xa0O(\x00\xd0)\xba\x97\x0e\xcb\xb2\xe8\x00\xd0-\x14\x00\xe8\x91(\x8a\x84\x90\x1b7n\x1cKLbYV\x10\x04g\x1f\x11\x80\x13\xa0\x00@w\xe8\xee\x86))\xa9\xad\xde|\xb3e\xf3\xd7\xf6\x1f&lt;\xc2\xf3&lt;:@W$I\x12\x04\x01\x0f\x7f(\x00\xd0\x17\x9a\xfe\xa9ii\xf5_n\xf2\xd9\xbb.\xdb\x7fj\xfdv\xab\xff\xed\xdd\x7f\x18\x1d\xa0y\xf4\x95\x8f \x08\x8c\xcc\xb0,\xcb\xf3&lt;\xcb\xb2:_\r\x13\x05\x00:\x92\x9f\xfe\r^n\xd2\xef]~\xc0\xe0&amp;u\xea\xbf\xb8yY\xd3\xf6o\xb5D\x07h\x95,\xcb\xa2(\n\x82@_\xf9\xf0&lt;\xcf\x10&amp;\xf9\xf7\xe3c\xc7\x8d\xd8\xbcy\x13!D\x14Eg\x1f\xa3\xd3`9h\xd0\x8b\x82\xe9\xdf\xe7\x1dn\xc4\xf8\x16\xc2\xdf\xe9\x8c\xcc\xf0A\x9e{\x7f\xbb\xd8\xbe\xcf\x9eM[\x12\x1a7z\x19\x1b\xa0k\xc3#\xf7\xbc&lt;xh\xff\xae]\xbb\x12\xe2v\xdc\xbe\x9ek\xf6.{\xe9\xda\xfe\x83\x87\xf6T\xaa\x14\xaa\xdb\xadoP\x00\xa0\x0b\x0f\xa7\xbf\xfdZ\xba\xc1\xc02\x0c#\xd8E&gt;\xc8\x0b\x1d\xa0\r\x85\xefz\xff\xcb\x81}\xc7\xf2\xb2\x0c\xc1\xfe\xa1\xd5C\x1a\x96/[=8\xa0\xd4\xfa-\xe1\x97\xef\xc4\x1e=\x92D\x1f\x0et\xb8\xf1\xbd\x96\x0b\x80\xfe\x14TwReY\xd6\xe7o\xb1\xf8&lt;&amp;\xfd)t\x80\xda\xe5\x7f\xd2\x91\xbf\x8bY\xc1\xdc\xb7d\xf2\xe5J\xd5\xadU\xb5q\xe9\x92!F\xa3\x8b\xd5f\xb1Z-\x82`\x0b\xf0+9#\xbc\xf7;\x1f\xd4\x9b53L\x9fg\\\xcb\x05\x00\xc0&lt;A\xfaS\xe8\x005z8\xf7\xd3\xd2R\xe3\x13bv\xef\xdes\xf8`\x92%\xd3\x90\x9f\xfb\x06\x831\xcf\x9ac\xb3\xe5\xd1\xef?\x08aeF\xe6\x08\'\xc9\xe2\xa4\xb0\x8ek7\xaeh\xf5f\x1b\xfaSq\xea\xbf\x90\xa3i\xb3\x00\xe8\xbf\x94 \x08]\xbbv\xbdz\xf5\xaaZ\xde\xf5\x13B$I*S\xa6\xccO?\xfdD\xa3\x07\xcf\x01\xcf\xe9\t\xd3\x9fB\x07\xa8\x85$I\xf4\xe1\xfe\xdf\xb9\x1f\x1b\x1d\xbd%9\xe9\x1c\x11|*\x95m\x10R\xbev\x99\x17C\r|\xc1\xdc\x7f\xf0\xc1Z\x92DO\x0f\xd3\xc9\xb3\x077\xef\x9a\x9a|\xe2w\xb3\xc9\x97!\xfa\xba\xe8\xb4Y\x00\xf4\xb2_\xb4h\xd1\xd7_\x7f\x1d\x1e\x1e\x9e\x91\x91\xa1\x8a7&lt;\x92$\xf9\xf8\xf8|\xfe\xf9\xe7\xa3G\x8f\x1e0`\x80\x0e\xefG\x8a\xd6S\xa5?\x85\x0eP2:\x9f\x87e\xd9\xfc\xcb9--%~[\\t\x14\xcd}S\x95\n\rkTi\x18\x1c\xf8"\xc3\x10\xab\xcdb\xb3Y\x1e\x99\xfb\x05\x89\xa2\xe0k\x0e\xfc~\xdd\x0c\x8f\xc0[1[\x13\xf4v\xba5X\x00\xb2,\xcb\xb2\x9c\x96\x96\x16\x1a\x1a\xbav\xed\xda7\xdexC\x10\x04U$\xa9(\x8a&lt;\xcf\xef\xd8\xb1\xe3\xfd\xf7\xdf?\x7f\xfe\xbc\xaf\xaf/!DW\xf7#E\xe8\x19\xd2\x9fB\x07(\r\xbd\xdf/\x98\xfbW\xfe\xbc\x14\x13\xbbu[\xfc\xf6K\x17\xae\xcbv\xaf\xaa\x15\x1a\xd5\xa8\xd20(\xf0E\xc20\x96\xbc\x1c\xbb\xdd\xca0\xcc\xe3s\xbf Y\x96\xbc=}\'\xce\xfdp\xf8\xd8\xee\xc3\x86\x8e\xd4\xd5\xe9\xd6`\x01\xd0+\xff\xf3\xcf?\xbfx\xf1b\\\\\xdc\xcd\x9b7Ut:EQ\x0c\n\n\xea\xd0\xa1C\xc9\x92%\x17,X\x80\x87\x80g\xf3\xcc\xe9O\xa1\x03\x94\x80\xe6~\xc1?;\xcd\xfd\xd8\x98\xf8sg\xae\x99\xdc\xca\xd4\xa8\xdc\xa4B\xd9\xea\x01~/\x10B\xee\xe7&gt;aY\xc20Ow\xcf$\xcb\x92\xd1\xe0\x9a\x9eywNd\xb7\x9d\xbb\xb7\xd5~\xa9\x8e~f\x85j\xad\x00\xe8\xc8\xe0\xd9\xb3g\x1b4h\x90\x94\x94\x14\x1c\x1cl\xb7\xdbUt\x13-\xcb\xb2\xc1`HMM\xad^\xbd\xfa\xa1C\x87\xaaV\xadJ\'\x059\xfb\xb8\xd4\xe49\xd3\x9fB\x078\xcb\xbd\xdc\xe7\xf8\xfc\x18\xbfx\xe9\\BB|\xcc\xfd\xdc\xafY\xb9I\xe5\x90\xfaf\x1f\x7fQ\xb4[m\x16\xbb\xdd\xc60\x0c\xcb\xb2O\x9b\xfb\x05\x89\x92\xe8\xe3\xe5\xbb\xf7p\xd4\xa13+\x12\x8f\x1dwww\xd7\xc9L&lt;\xad\x15\x00\xbd\xf8[\xb6l\x19\x1a\x1a\xbap\xe1\xc2;w\xee\xa8\xee\xa2\x15\x04!  `\xfc\xf8\xf1\xdb\xb7o?t\xe8\x10\x1e\x02\x9eJ\x91\xa4?\x85\x0ep\x98\x7f&amp;\xef\x17\xc8\xfd\x13\xc9\x89Q\xd1Q\t\xb1;Rn\xe7y\x18\x83kUi\x96\x9f\xfb\x96\xbc\x1cQ\x14\xee\x0f\x90\x16ML\x8b\xa2\xe0\xef[b\xe1\xf2/j\xbdjZ\xfe\xdd\x8f:9\xd7\x9a*\x00z\xf1\xc7\xc5\xc5u\xeb\xd6\xed\xd2\xa5K\xea\xfd\xc2\x9b\x10\xc2\</t>
        </is>
      </c>
    </row>
    <row r="310">
      <c r="A310" s="1" t="n">
        <v>308</v>
      </c>
      <c r="B310" t="inlineStr">
        <is>
          <t>color_number_hexagon</t>
        </is>
      </c>
      <c r="C310" t="inlineStr">
        <is>
          <t>What is the missing number of the part denoted with a question mark?</t>
        </is>
      </c>
      <c r="D310" t="inlineStr">
        <is>
          <t>['6', '2', '4', '8']</t>
        </is>
      </c>
      <c r="E310" t="inlineStr">
        <is>
          <t>2</t>
        </is>
      </c>
      <c r="F310" t="inlineStr">
        <is>
          <t>There is a hexagon split into six parts with the colors ['purple', 'purple', 'yellow', 'red', 'red', 'yellow'] in an anti-clockwise order. The parts are denoted with the numbers [9, 2, 9, 3, 8, '?'] respectively.</t>
        </is>
      </c>
      <c r="G310" t="inlineStr">
        <is>
          <t>We observe that the numbers in the purple parts add up to 11. Similarly, the numbers in the red parts also add up to 11. Thus, the pattern is that the numbers in the parts of the same color add up to 11.</t>
        </is>
      </c>
      <c r="H310" t="inlineStr">
        <is>
          <t>Based on the pattern that the numbers in the parts of the same color add up to 11, the missing number of the yellow part should be 2.</t>
        </is>
      </c>
      <c r="I310" t="inlineStr">
        <is>
          <t>b'\x89PNG\r\n\x1a\n\x00\x00\x00\rIHDR\x00\x00\x02\x00\x00\x00\x02\x00\x08\x02\x00\x00\x00{\x1aC\xad\x00\x00\xa6SIDATx\x9c\xec\x9dg|\x94\xc5\xda\xc6\xa7m/\xd9\x14\x92\x88(\x1d\x04\x11\x05\x14A\x9at\x14\x0e\xcd\x04C\x13\xacX1\x82\x08\x08\x01\xe9\x84&amp;\x82\xfdX\x00\x05"\xe1E@@\x08\xa2\x02bA\t\x8a\x14!TE\x0c\x90d\x93\xede\xca\xfba\x92\x1c\xc4\x86@v7\xd9\xf9\xff\xf2A\xd6@\x9e\xec&gt;\xcf\xdc3w\xb9.(\x84\x00\n\x85B\xa1\x88&gt;P\xb8/@\xa1P(\x14\xe1A\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E\x05\x00\x85B\xa1\x88RT\x00P(\x14\x8a(\x85\x84\xfb\x02\x14\xe1D\x08!\x84\x08\xf7U(\xc2\x06\x84\x10B\x18\xee\xabP\x84\r\xa8\x9e\xff\xa8\x85RJ\x88\xda\x01D;\x94R\x8c\xb1\n\x03\xd1\x89\n\x00Q\n\xe7\x1c!\xf4\xd3O?=\xfe\xf8\xe3\x08!\xcey\xb8\xafH\x11R\x08!\x94\xd2\x87\x1ezh\xd0\xa0A\xe1\xbe\x16E\xd8P\x1b\xc0\xa8C\x86|\xaf\xd7;\x7f\xfe|\x9b\xcd\xf6\xd9g\x9f\x85\xfb\x8a\x14a\xa3q\xe3\xc6\xbf\xfe\xfak\x8f\x1e=\x9a4i"\x84@H\x15\x05\xa3\x0bu\x02\x88:\x18c\x18\xe3\xa5K\x97\x0e\x1f&gt;\x1cB\x881.\xbf\x07\xd4\xf3\x1f\r\x08.\x04(\xfd\xc41\xc6\x81@`\xe8\xd0\xa1\xcb\x96-S)\xc1(D\x05\x80\xe8BV}KJJ\x1a7n\\PP\xc09W\xc9\x9f(G\xab\xd52\xc6&gt;\xfb\xec\xb3v\xed\xda\xc9\xcdA\xb8\xafH\x11:T\xc0\x8f.8\xe7\x18\xe3\x8c\x8c\x8c\xfc\xfc|\xb9\xf7\x97} \x9c\xf3\xaew\xf6\xbf\xbbk\x9a\xcb\xed\xc0H-\x01U\x13\xce\xb9\xc1`&lt;t\xe4\xfbwW\xcc\xe3\\\x00\xc0!\x84\x94R\xceyzz\xfa\x97_~\xa9\xd1h\xe4-\x11\xee+U\x84\x08u\x02\x88"8\xe7\x10\xc2#G\x8e4i\xd2\x84s^\xde\x03\n!\x12\x82\'\xc4%-y\xe5s\x8b9\x86\xd2\x00\x84*\x17T\x05\xe1\x9c\x99\xcd1#\xc7\xf5\xdf\x9d\xfb9B\x98s\x06\x00\x80\x10 \x84\x19cK\x96,\x196l\x98:\x04D\x15*\x00D\x11\xf2\xd9\xee\xde\xbd{NN\x0e!\x1aJ\x83\r\xea\xded/.8_\xf8\x1b\xc6\x841zW\x97{\xc7&lt;9\xb7\xc4Q\x841\x01@\xdd\x18U\t\xc8\x18\xb5Zc7o[5w\xf1\x18\x84\x90\x10\\\xab!w\xb6\xaa\xbfe\xc7!Y\xfbILL&lt;p\xe0\x80\xcdfS\xc3\x01\xd1\x83\n\x00\xd1\x82\\\xfdsrr\xbaw\xef.\xb7x\x9c\x8b\xc5\xb3\xd7\xec;\xb8\xfb\xcd\xa531&amp;Bp\x08\xd1\xabs\xd7\xd7\xa9y\x83\xd7\xe7Q\x05\xe1\xaa\x85\x90S_\x0f\xa7\xf78\x93\x7fJCH\x90\xd2\x9e\x9doz\xff\xadG\x1b\xdc6\xae\xa0\xd0E\x08\t\x06\x83\x13&amp;L\x98&gt;}\xba:\x04D\x0f\xea!\x8f\ndb\x97R:r\xe4H\x00\xa0&lt;\xf2\xdf\xd9\xa6g\xd3\x1b[\xf6\xea&gt;\xa8zrM\xc6(B\x881\xfa\xfa\x92\xe9H\xd5\x00\xaa\x1c\x8c1\xab%6k\xcdkg\xf2Oa\x8c\x19g\x84\xe0\xcc\t\xfdm\xd7W\x9b=\xae\x9f\x10B\x08\x8e1\x9a;wn^^\x9e\x9a\x0b\x89\x1eT\x00\x88\n\xe4\xd8\xd7\x1bo\xbcq\xf8\xf0aB0c\xd4d\xb4\x0c\x190\xd2\xedq\x9a\x8c\xd6\xa1\xf7&gt;\r\x00\x10\\ \x84\xf6\xee\xfbr\xd7\xee\x1c\xb3\xd9\xca8\x0b\xf7U+\xae\x0eB\x08\x9d\xd6\xf0\xcb\x99\xe3k7-\x93\xd9\x1d\xce\xc5\x88!\xedn\xbc\xadn\xf0t\xe1\xe0\xc1m\x9b7\xad)w\xfd\x81@`\xc2\x84\t\x10\xaa\xc4@\xb4\xa0\x02@\xd5G\xd6~\xf3\xf3\xf3322 \x84\x00@\xcey\xef\xbb\x866\xa8{S \xe0s\xbb\x1d\xdd;\xa54it\x1b\xe3L\xee\xfd\xdf\\:\xd3\xebuc\x84U\x19\xa0j\xc093\x18\x8c\xef\xbc?\xc7\xe9*\xc6\x18s\xcecm\xc6i\xe3\xfaqO@\x08\xa13\xe9\x17d\xa4\x08\x018\xe3\x18\xe3\xec\xec\xec\x9c\x9c\x1c\x8c1cj\x07P\xf5Q\x01\xa0\xea#\'&lt;\xc7\x8f\x1fo\xb7\xdb\t\xd10F\x93\x13k\xa4\xf6y\xd8\xe1,F\x88\x00 \x18c\x0f\r\x1d\x8b1\xe1\x9caLN\x9f9\x91\xb5\xe65\xab%V-\x01U\x00\xce\x99\xc5l\xfb\xea\xbbm\x9f}\xf1\x11BX\x08\xce\xb9\x98:\xbawl\x8d8\xee\x0bh4\x98\x16\xbb;tm\x9a\xd2\xb39e\x0c!\x04!\x1c9r$\xa5T\x9d\x03\xa2\x01\x15\x00\xaa82\xf9\xb3g\xcf\x9e\x95+W\xca\xdd\x9f\x10b\xf8\xc0Q\xf1\xb1\x89\x94\x06 \x84\x08a\x8f\xc7\xd9\xac\xe9\x1d=:\x0f\x90\x99_\x08\xe1\xdaM\xcb~9s\\\xab\xd5\xab%\xa0\xf2\x03)\x0b\xbe\xbfj\x11\xe7\x1c!\xc89o\xde\xb4\xe6\xa3\x8fta%\x1e\x841\x00\x00B \x18\xcb\x9c\x94\x1ac5p\xc60\xc6\x87\x0f\x1f~\xe3\x8d7T% \x1aP\x01\xa0\x8a#\xcb\xbf\xa3G\x8f\xf6\xfb\xfd\x08a\xc6h\x93F\xb7u\xeb\x94R\xd6\xeb\t\x00\x00\x08a\x8f\xc75,-\xddl\xb2r\xce0\xc6NW\xf1;\xef\xcf5\x19-\\U\x02*3\x8cQ[L\xdc\xc7\x9f\xac\xda\x7f\xe8;\x8c\xb1\x10\\\x08\xb0`R\n1h\x05c\xb2\xd5\x13!D\x9d\xbe:7\xd7L\x7f\xa83\xe3\x1cB\x00!\xcc\xc8\xc8\xb0\xdb\xed\x08!\xb5\x03\xa8\xda\xa8\x00P\x95\x91\x95\xbd\xec\xec\xec\xed\xdb\xb7\x13B\x18\xa3\x1a\xa2}h\xe8X\xc6\x18\x00\xffk\xf4\x86\x10\x06\x02\xbe\xc4\x84\xea\x83S\x9f\x92\xd3a\x08\xa1\x1d_n\xca\xdd\xb7\xcbh\xb4\xa8m`%E\x08A\x88\xb6\xa0\xf0l\xd6\x87\xaf\xc9\xd6~\xc6xJ\xaf\x16\x1d\xba4\xa5\xc5\xee\x0b\x1b=1A\xcc\xeeJ\x7f\xa2G\xddZ\xd5\x18e\x84\x10\xbb\xdd.+F\xea\xd3\xaf\xda\xa8\x00Pe\x91{7\xd9\xd7\x01\x00\x80\x10q\xce\xdb\xdfqw\xf3\xa6m&lt;\x1e\xe7Em\xfe\x18c\x97\xdb\xd9\xe7\xae\xa15\xaa\xd7f\x8c!\x84\x834\xf0\xd6{\x99\x18\xabRpe\x851j\xb5\xd8\xb2\xd7\xff\xf7\xb7\xfc\x9f\xe5\xdc\xafVKf\x8e\xeb\x0b8\xbfh\xcc\x0bB\xc8\x03\xd4vM\xec\xa4\xf4\x9e\\\x08!\xfe\xd73\xa6\x12AU\x1b\x15\x00\xaa,R\xf6g\xde\xbcyyyy\x1a\x8d\x86\xd2\xa0\xc5l{`\xc8\x18\xb7\xc7\xf9g\x9d\xfe\x90s\xaa\xd7\x19\x1f\x19\xf6&lt;\x00@&amp;\x82\xf6\x1f\xfa6\xe7\xd3\xd51\xd68\xc6h\xe8\xaf_q%p\xce\x8dFK\xde\xf1\xfd\xeb?~\x0f!\x04\xa1\xe0\\&lt;;\xa2k\xfdf\xb5\xa9\xd3\xfb\xc7)?B0-t\x0e\x1e\xd2\xbe}\xab\xfa\x942B\xb0\x9c\x1aQ\xa5\xe0\xaa\x8d\n\x00U\x13Y\xfb=v\xecXff&amp;BH\x08 \x84\xe8{\xf7}\xd7U\xaf\x13\x08\xf8\xfet\xd0\x1f!\xecr;\xda\xb4\xec\xd6\xac\xe9\x1d\xb2s\x14B\xb8d\xe5\x82B\xfb9B\xb4j\x15\xa8l\x08\x8c\xf1\xdb\xef\xcfq{\x9c\x08!\xc6xR\xa2u\xd4\x13=\xb8\xcb\x87\xf0_&lt;\xf5B`\r\x9e:\xa6\x0fB\x901F\x08\xce\xc9\xc9\xc9\xce\xceV-\xa1U\x18\x15\x00\xaa&amp;\xb2\xf6;u\xeaT\x87\xc3\x811\xa14X\xa3z\xed\xb4\xfe\x8f9\x9c\xf6\xbf\x9f\xf2\xe7\x9c=:|"!\x1a\xce9B8\xff\xdc\xe9\xecu\xff\xb5Zl\xea\x10P\x89`\x8cY\xcc\xb6\xdd{&gt;\xdb\xf5M\x0eBX\xd6uf\x8f\xef\x1f\x7f]&lt;\xf7\x05\xfeJ\xe7\x07cD\x8b\xdd\x1dz\xdc2\xe4\x9eV\x8cq\xd9\x12:a\xc2\x84@ \xa0\xce\x01U\x15\x15\x00\xaa \xb2\xf6\xbbc\xc7\x8e\xe5\xcb\x97cL\xe4\xf6\xed\x91a\xcf\x1b\x0c&amp;\xc6\x7fW\xfe\xbd\x08\x84\x90\xc7\xeb\xba\xa1\xfe-\xfd{\xdd/3\xbf\x08\xa1\xf5\x1f\xbfw\xe4\xd8\x8f\x06\x83Y\x08\x95\x0b\xae\x1c`\x8c=^\xf7\xdb\xcb\xe7B\x081\x82\x8c\xb1\xf6\xad\xea\xdfw_\x07Z\xe4\xc2\xe4\xef\xc2?\xc4\x88\xbb}\x99\x19)q\xb1&amp;\x1a\xa4\x84\x90\xbc\xbc\xbcy\xf3\xe6\xa9J@UE\x05\x80\xaa\tc,##\x831\x86\x10\xe2\x9c5kzG\x9b\x96\xdd\\\xae\x7f\xd6\xfaG\x08{\xbc\xae\x94\xde\x0f\xc5\xda\x128g\x08a\xb7\xc7\xb9&lt;{\xb1^oPK@\xa5\x801j1\xdb\xb6~\xfe\x7fG\x8f\x1f@\x08q\xc11FS\xc7\xf4A\x04\x81\x7f\xda\xc5#\x08\xb97\x90\\/y\xd4\xc3]\xb8\x10\x00\x08\x84\xe0\xfc\xf9\xf3\xf3\xf3\xf3UGP\x95D\x05\x80\xaa\x06\xa5\x14c\xbcb\xc5\x8a\x1d;v\xc8\xb9_\x8c\xc9\xa3\xc3\'^bG\xbfl\tM\xaaVcX\xda3\xa2\xb4!\x04\x7f\xbek\xc3W\xbb?\xb1\x98mj, \xc2\x11Bh\xb5\xfa\xb3\xe7O/\xcdz\x11B\x84 d\x8c\x0f\xea\xd7\xb2C\x8f[h\xb1\x1b\xffU\xf6\xff\x02\x10F\xcc\xee\x1a\x93\xde\xb3^\xed\xc4`\x90\x12B\x8a\x8a\x8a\xc6\x8f\x1f\xaff\x02\xaa$*\x00T)d\x0b\xbf\xc3\xe1\x982e\x8a4u\xe1\x9c\xf7\xe8&lt;\xa0a\xbd\xa6\x1e\xaf\xeb\x12\x15\x9e1&amp;NWq\xd7;\xef\xa9W\xe7FYL\xe6\x9c\xbf\x9f\xbd\x882\xaad\xe2#\x1c\xce\x99\xd1`^\xbd\xfe-{q\x01\xc6\x88q\x1ec5L\x1a\xdd\x9b{\x03\xf0\xd2&gt;}\x08\xa1\xa0Lk1\xcc\x1c\xdb\x17\x94\xf5\x92\xadX\xb1"77WN\x92W\xec/\xa0\x08-*\x00T)\xe4z\x9d\x99\x99y\xec\xd81\x8c1c\xd4l\x8a\x19\x96\x96\xee\xf5y\xfe\x95\xc83c\xcch0=8x\x8c\x10B.\x01\xfb\x0f}\xb7i\xebJ\xabE\xb5\x84F.\x9cs\xa3\xc1\xfcS\xde\xf7k6\xbc\x8b\x10\x02@p\xce\xd3\x1f\xea\\\xafY-\xe6\xf2!t\xa9\xc1\x1b\x13\xcc\x8a\xdd\xa9\x83\xda\xb6o\xdd\x80R\x861\n\x04\x02\xe9\xe9\xe9\x8c1u\x08\xa8b\xa8\x00Pu\x90+uY\xd5\xae\xb4\xf7cp\xea\x93\x89\t\xd5\xff\xaa\xf5\xf3\xaf\x90j\x10-[tls{7\xce\x99l\t]\x9a\xf5\xe2\xd9\xf3\xa7\x95@P$\x83\x10~}\xc9tJ\x83\x08!\xc6X\xed\x9a\t\xe9O\xf4`v\x17&amp;\xff\xf6I\x17\x82\xb2\x05\x93S\t\xc1r6x\xe7\xce\x9d+V\xacP-\xa1U\x0c\x15\x00\xaa\x0er]\x96}{\x18c\xceY\xbd:7\xf6\xbd{\x98\xcb\xed\xb8,\x83\'\xc8\x18{p\xc8s&amp;\xa3E\xb6\x84\xda\x8b\x0bV\xaf\x7f\xcbh0\xa9J@\x04\xc293\x9b\xac\xbbv\xe7\xec\xdd\xf7\xa5t|\x14\x02d&gt;\xdf\xdf\x96d\x13\x81\x7f\x9d\xbbC\x081\xa7\xafE\xfbF#\x86\xb4\x93\x02A\x08\xc1)S\xa6\x94\x94\x94\xa8\x96\xd0\xaa\x84\n\x00U\x04\xd9\xfa\xb9}\xfb\xf6\xf2\xc9\x1d!\xc4\x83\x83\xc7\xe8u\x86\x8b\x94\x7f.\x11\x84\x90\xc7\xe3\xac_\xa7I\xef\xbb\x86\x96\xb7\x84\xae\xd9\xf0\xee\xe1\xa3\xfb\x94@P\xe4!\x10"&gt;\xbf\xe7\xcd\xa53\x01\x00\x18!\xc6x\xfb\xd6\rR\xd3\xda\xd2"\xe7\xdf\xb7~\xfe\x15\x08C\xee\xf4M\x1b\xd7/\xd6f\xa4\x94aL\x8e\x1d;\xb6p\xe1By\xb6\xb8\xda\xd7\xaf\x08\x0f*\x00T\x05\xe4\xd8\x97\xdf\xef\x1f=z4\x84P\xb6~\xb6m\xd5\xbde\x8b\x8e\xd2\x03\xe4\xf2\xfeY\x8c\x89\xc3Y\x9c\xda\xfb\xe1k\x92\xaf\x97-\xa1\x94\x06\x97}\xb0P\xe6\x97\xaf\xee\xaf\xa0\xb8\x12\x18cf\x93e\xdd\xc7\xef\x9d&gt;s\x02c\xcc8\xd7j\xc9\x82\xc9\xa9\xe5\x92\x9f\x97\x01\x84\x90\xfb\x02\xb15\xe2\xa6&gt;\xdb\xbb\xdc3\xf2\xc5\x17_\x94\xe5%\xb5\x03\xa8\x1a\xa8\x00P\x15\x90\xb5\xdf\xac\xac\xac={\xf6\xc8\xed?!\x9a\xfb\xeeM\xe7\x9c_\xc6\xde\xbf\x1c\x08!\xa5\x81\x84\xf8\xa4\xb4~\x8f\x95\xb7\x84~\xf1\xf5\x96\xdd{&gt;\xb3\x98mj\x1b\x18!\xc8\xd6\xcfs\x05g\x96g/\x86\x10"\x089\xe7\x03\xfb\xdc\xd6\xa2}c\xf6g\xb2?\x97\x0e\xc2\x98\x95x\x1f}\xb0s\x83\xbaI\x8c2\x8cqII\xc9\xd4\xa9S\xd5L@\x95A\x05\x80J\x8f\xdc\xfe\xdb\xed\xf6q\xe3\xc6!\x84\xa4\xe3c\xff^\xf77\xac\xd7\xf4\x8f\xaa\x9f\xff\x16\x8cIqI\xd1]]\x064it++s\x8cz{\xf9\\\x9f\xdf\xab\x84B#\x04\xce\x99\xd1h^\x9a\xb5\xd0\xe5v`\x8c(cq\xb1\xa6\xd9\x19)\xdc\xe9\x85\x97\xd0\xf8\xff7H\xaf\x18b\xd4.\x9e\x96&amp;\x00\x90\x02A\xcb\x97/\xdf\xb9s\'!D\xed\x00\xaa\x00*\x00Tz\xe4\xf6?###??_Z\xbe\xc4\xda\x12Rz?\xe4\xf1\xba\xffU\xeb\xe7_#\x08\xd6\x0c\x190R\x0e\x04 \x84\x8e\x1e?\xb0v\xd3R\xb3\xc9\xaa\x96\x80\xb0#U?\xf7\xee\xfbr\xf3\xb6U2\xd8\x0b!F=\xdc%\xb9^2\xf7\x05\xd0\x15\xcfm`\x8c\x98\xc3\xdb\xed\xee\xe6];4f\x8cC\x88\x18c\xe9\xe9\xe9~\xbf_U\x83\xab\x00*\x00Tn\xe4\x8a\\\xe6\xe1W\xda\xfa9,\xed\x99\xa4j5\xfem\xeb\xe7_\x81\x10v\xba\x8a[\xdf\xda\xb9c\xdb\xff\x94\xb5\x84\xa2\xe5\xd9\x8b\xcf\x15\x9cQ-\xa1\x91\x00\xc6\xf8\xad\xf72\x19\xa3\xb2&lt;\xdb\xa0n\xd2\x98\xf4\x9e\xcc\xee\xfeK\xd5\xcf\x7f\x8d\x10\x8c/\x9e\x9e\xa6\xd5\x12\xce\x18!$777++K\t\x04U\x01T\x00\xa8\xdc\xc8\xfc\x8ft\xf1\x96\x93_M\x1a\xddzw\xd7\x81\x0e\xe7\xff\x1c\x1f\xaf\x1c\x84\xb0\xd7\xeby`\xc8s2\xf5\x8f\x10r\xb9\x1dK\xb3\x16\x1a\xf4\xc6J\xd7\x12*\x84\xe0\x9c]\x00e\x9cq\xce+c:\x8b1j\xb1\xc4l\xf9t\xf5\xfeC\xdfJ\xc3w!\xc0\xe2iiZ\xb3^0v\xb5\xc6\xb6\x11B\xcc\xe5m\xd8\xbc\xce\xb3#\xba\x96\xb5\x84\xa2q\xe3\xc6\x15\x15\x15\xa9C@eG\x05\x80J\x8cl\xfd\xcc\xc9\xc9\xc9\xc9\xc9\x91\x8d\xff\x08\xa1!\xa9#\t&amp;W\xf7\xb1\x84\x10\xfa\x03\xde\xeb\xaa\xd7\xe9{\xf7}\xf2_F\x08m\xde\xb6\xea\xf0\xd1}F\x83\xb9\xb2l\x039g\x9cs\xadFk6\xc7\xd8b\xe2l1q1\xd68[LB\x8c%\xd6h0\xc9\xe4F\xa5Z\xce\x04\xc6\xc4\xe3q\xbd\xf7\xc1K\x00\x00\x8c c\xbck\x87\xc6\xdd\xeen\xc6J&lt;\x97"\xfbs\xe9 \x8c\xb8\xcb7\xea\x89\x1eI\x89VY\r\xce\xcf\xcf_\xb0`\x81:\x04TvT\x00\xaf\xac\xc8l\x0f\xe7\xbcI\x93&amp;\x87\x0f\x1f\xd1h4\xc1`\xa0S\xbb\xde\x93\xc7\xbe^\\\\p\x15\xb7\xff\xe5?\x10\x00\x08!|8\xbd\xc7\x99\xfcS\x84\x10Ji\xb3\xa6w\xcc\x9b\xb2\xd2}\xc5\xa5\xe6\x8aF\xbeW&amp;\x93Ep\xfe\xebo\'\x8f\x9d&lt;t\xfa\xcc\xf1\x12\x87\x9d1\xaa\xd7\x1b\x92\xaa\xd5\xa8S\xf3\x86\xda5o\xb0Zb\xbd^W\x90\x06\xaeR\xed\xa4ba\x8c\xc6\xda\xaa\xfdw\xd9\xac\xf7V-\x92\x86\xef\x08\xa1\xfd\x9fNnp\xe3u\xdc\xe3\xbb\xea\x9f\x08\xa5L\x93`]\xf2\xc6\xd6\xfbG-%\x04\x0b!0&amp;\xfb\xf7\xef\xafW\xaf\x9eT\xa0\xba\xba?N\x11\x1a\xae\xfa2\xa1\x08\x11R\xf8\xe1\xb5\xd7^;|\xf8\xb04|7\x19-\x83S\x9f\xf2\xf9\xae\xa8\xf3\xef\xaf\x81\x8cQ\xab5v\xe8\xbdOg\xbe4Jp\x81\x10\xda\xbb\xef\xcb]\xbbs\xda\xb6\xea\xeet\x95\xfc\xa3\xd0t\xb8\xe0\x9ck4Z\x8dF\xfb\xe5\xee\xad\x1b\xb6,\xdfw`\xb7\xd7\xe7\xfe\xe3\xb7]wm\xdd\xce\xed\xfb\xf4\xec6(&gt;6\xd1\xe9\x8e\xdc_G"\x84\xd0i\r\xbf\x9c9\xbev\xd32\x08!\x84\x801\xf1\xd8}\xed\x1a6\xabM\x8b.C\xf8\xe1\x9f\x91\x02A\x03\x07\xb6Y\xbc\xe4\xf3\xbd?\x9e\xd2h4\xd2nz\xd5\xaaU\xea\x10PyQ\'\x80J\x89|\xe4\xce\x9d;\xd7\xb8q\xe3\xe2\xe2b\xe9\xf95\xf0\x9e\xc7\x1f\x7f`Ra\xd1YB4\x15\xf7s\xcdf\xeb\xc8q\xf7\xec?\xf4-!\x1ai4\xf6\xc6\x82MB\x08yD\xa8\xa0\x9f{\xd9p\xce\xf4zcII\xd1\xcbo\xbd\xb0\xfd\xcb\x8d\xf2E\x84\xb0\xecg\x95\x7f\x14\x9c\xd32\x85\xbb\xa4\xc4\x1a\x8f?\x90\xd1\xe1\x8e\x9e\x0egq$\xefj\x19\xa3\xb6\x98\xf8\xa9s\x1f\xdf\xb6c\x1d!\x84s\x16c5\x1c\xfbzVL\xac\t\x04+J\xb4\x951Nl\xa6\xed[~\xb83u&gt;\xc1X6\x86n\xd9\xb2\xa5[\xb7n2\x1bY\x11?TQ\xa1D\xee-\xae\xf8\x1b\xe4\xa1{\xfc\xf8\xf1v\xbb]\x8a\xfe\'\'\xd6H\xed\xf3\xb0\xc3Y\\\x01\xc9\x9f\xdf\xc1\x18{h\xe8X\x8c\t\xe7\x0ccr\xfa\xcc\x89\xac5\xafY-\xb1\x11\xd8\x12\xca9\xd7\xe9\x0c\xe7\x0b~{v\xd2\xc0\xed_nD\x08#\x841\xc2\x9c3J\x83\xc1`@~QF\x11B\x08a\x8c\xc9\xd9s\xa7\'\xcf\x1e\xb1j\xed\x9b\x16K\xe4N\xbaq\xce,f\xdbW\xdfm\xfb\xec\x8b\x8fd\xed\x97s1ut\xef\xd8\x1aq\x7f\xe3\xf8x\xe5\x94zFvm\x9a\xd2\xb39-\x1b\n\x91\r\x08\xaa\x1a\\IQ\x01\xa0\xf2![?\xf7\xec\xd9\xb3r\xe5J9\x94/\x84\x18&gt;pT|l"\xa5\x15\xf8\xfc\x832\x81\xa0fM\xef\xe8\xd1y\x80&lt;\x85@\x08\xd7nZ\xf6\xcb\x99\xe3\x91\xd6\x12*\x93\xd4~\xbf/c\xd6\xc3\xa7N\x1f%\x98p\xce\x00\x10\x8c3\x00@\xed\x9a\r\xdb\xb6\xea\xd1\xa5C\xbf\xdb[tJ\xaav-\xe7\\\x96\x88\x11D\x08\xa1W\xdf\x99\xbai\xebJ\xab5bc\x00\xa4,\xf8\xfe\xaaE\x9cs\x84 \xe7\xbcy\xd3\x9a\x8f&gt;\xd2\x85\x95xP\x05o\xc3\xe5hX\xe6\xa4\xd4\x18\xab\x813\x861.kAV\xd5\xe0J\x89\x8a\xdb\x95\x0fy\xdc\xbe\xf3\xce;\xb7o\xdf\xae\xd1h\x83\xc1@\x93F\xb7-\x9a\xfd\x7f.WI\x08\xaa\x97B\x08B4NW\xf1\x03Ouq{\x9c\x18cJi\xe7\xf6}\'?\xf7\x9a\xbd\xf8|E\x9f?.\x1d\xc6Y\x8c%\xf6\xa57&amp;~\xb8q\t\xc1Dn\xf39\xe7\xcdon;\xec\xde\xf4\xfau\x9b\xe8uF\x00\x81\xe0\xc2\xe9.\xfej\xf7\'o\xbd\x9fYXt\x0eB)s\x04uZ\xdd\xcb\x99k\xaf\xafQ\xcf\x1f\xf0Jk\x9d\x08A\x0e\xfa}\xb8q\xe9\x8b\xaf\x8d\x97\xc3\xd8\x8c\xf1\xcfW\x8f\xee\xd0\xedfZ\xec\nA\x1e\x86\x06\x99&amp;\xd9\xf6\xc2\xf3+\xa6,\xd8\xa0\xd1\x10J\x99\xcdf;v\xec\x98\xcdf\x03\x00(\xcb\xa0\xcaE\x04\xdd\xd9\x8aKA\xae\xfe\xd9\xd9\xd9\xdb\xb7o\x97\xb5_\r\xd1&gt;4t\xec\xe5I~^\x06\xd2321\xa1\xfa\xe0\xd4\xa7dw\rBh\xc7\x97\x9br\xf7\xed\x8a\x1c\x95P!\xb8Ag\xcc;~`C\xce\n9\x1e%W\xff\x9e\xdd\x06\xce\x9d\xb2\xfc\xc6\x1bne\x8c\xb9\xdc%.W\x89\xdb\xe3\xd4\x10\xed\xdd]\x07\xbe4\xf3\xff\xae\xafQO\x1a\xdfC\x08}~\xef\x9b\xcbfc\x8c#j\x83$\x84 D[Px6\xeb\xc3\xd7\xa4I\x03c&lt;\xa5W\x8b\x0e]\x9a\xd2bwh\xb2\xf0\x98 fw\xa5?\xd1\xa3n\xadj\xd2*\xc0n\xb7gdd(\x81\xa0\xca\x88\n\x00\x95\ty\\\x93\xdd\x17\x00\x00\x08\x11\xe7\xbc\xfd\x1dw7o\xda\xe6\xcae\x7f.\x1d\x8c\xb1\xcb\xed\xecs\xd7\xd0\x1a\xd5k3\xc6\x10\xc2A\x1ax\xeb\xbd\xcc\xc8Q\x07\xe2\x9c\xebt\xfa-\x9ff\x07\x83\x01\x08!D\x90s\xde\xb8a\xf3\xf4\x113\xbc^\x8f\xdb\xe3\x84\x10\xca\x92\x80\xb4\xba-*&gt;_=\xf9\xfaIc^5\x19-\x00@!8\x82hw\xeeg\xdf\xef\xff\xdah\x8c\xa0A\x07\xc6\xa8\xd5b\xcb^\xff\xdf\xdf\xf2\x7fF\x08s\xce\xb4Z2s\\_\xc0y\xc8v\xde\x10B\x1e\xa0\xb6kb\'\xa5\xf7\xe4\xa5\x12\x81\xe8\x8d7\xde8|\xf8\xb0J\x04U:T\x00\xa8L\xc8\xd6\xcfy\xf3\xe6\xe5\xe5\xe5i4\x1aJ\x83\x16\xb3\xed\x81!c\xdc\x1egh[\xd7!\xe7T\xaf3&gt;2\xecy\x00\x00\xe7\x0cc\xbc\xff\xd0\xb79\x9f\xae\x8e\xb1F\x84g$\xc6\xc4\xe5*\xd9\x9d\xfb9\x00@\xf0\xd2\x984\xf0\x9e\xc71!\x8c\x05\xff\xb8S\xd6\x10\x8d\xc3Y\xdc\xb0\xeeM\xf7\xf6\x1b!\x04\x87\x10A\x04\x01\x00[&gt;\xcd&amp;\x98\x88\x88\x89jF\xa3%\xef\xf8\xfe\xf5\x1f\xbf\x87\x10\x82Pp.\x9e\x1d\xd1\xb5~\xb3\xda\xf4\xcaT?\xff-\x84`Z\xe8\x1c&lt;\xa4}\xfbV\xf5)e\x84`J\xe9\xc8\x91#U)\xb8\xd2\xa1\x02@\xa5A\xd6~\x8f\x1d;\x96\x99\x99\x89\x10\x12\x02\x08!\xfa\xde}\xdfu\xd5\xeb\\-\xd9\x9fK\x07!\xecr;\xda\xb4\xec\xd6\xac\xe9\x1d\x9cs\x99\x8eX\xb2rA\xa1\xfd\x1c!\xda\xf0\xae\x02Bp\xadFw\xe6\xec\xcfg\xf2O\xcaW8\xe7\xd5\xe2\x93\x9b\xdcp\xab\xd7\xfb\x97y\x12\x8c\x89\xd3\xed\xe8\xd1y@\x8c5\x8e\xf3\xd2\x91\xe0o\xf7\xee((\xcc\xd7\x84\xfb7*C`\x8c\xdf~\x7f\x8e\x9c\xbcc\x8c\'%ZG=\xd1\x83\xbb|WO\xf6\xe7\xd2\xafE`\r\x9e:\xa6\x0fBP\xaa\x84\xe6\xe4\xe4\x94\x9b\x11\x85\xfab\x14\x97\x8b\n\x00\x95\x06)\xfb3u\xeaT\x87\xc3!\x1b\xffkT\xaf\x9d\xd6\xff1\x87\xd3\x1e\xae\x16l\xce\xd9\xa3\xc3\'\x12\xa2\x91\x9e\x91\xf9\xe7Ng\xaf\xfb\xaf\xd5b\x0b\xef!@\x96\xa9\xf3\xcf\x9d\xa6\x94"\x88\x00\x84\x00\x80\x9a\xd77(\xeb\xec\xfc\xf3H\t!\x0c\xd2@\xb5\xf8k\x9a7m+\xff\x08!\xb4\x17\x9f?z\xe2\x80.\x02\x1a\x9c\x18c\x16\xb3m\xf7\x9e\xcfv}\x93S\xae\xfa7{|\xff\xf8\xeb\xe2+\xb4\xf5\xf3\xaf(m\t\xedq\xcb\x90{Z1\xc6eK\xa8\xb4#U\xe7\x80J\x84\n\x00\x95\x03Y\xfb\xdd\xb1c\xc7\xf2\xe5\xcb1.\x95b\x7fd\xd8\xf3\x06\x83\x89\xf1\x10\x95\x7f/\x02!\xe4\xf1\xban\xa8\x7fK\xff^\xf7\x97{F\xae\xff\xf8\xbd#\xc7~4\x18\xcc\xb2\x9a\x1a\x16\x04\x00\x08!{\xf1y\x00\xe4B\x0e\x00\x00\xd5\xe2\xaf\xc1\xe8\x9f\x929\x02@\x08o\xbc\xa1\xb9\xfco\x99T9rl?!$\x8c\xbf\x8e\x04c\xec\xf1\xba\xdf^&gt;\x17B\x88\x11d\x8c\xb5oU\xff\xbe\xfb:\xd0"\xd7\xe59&gt;^9\x10#\xee\xf6ef\xa4\xc4\xc5\x9ah\x90\x12B\xf2\xf2\xf2\xe6\xcd\x9b\xa7*\x01\x95\x08\x15\x00*\r\x8c\xb1\x8c\x8c\x8c\xb2\x86\x16\xd6\xac\xe9\x1dmZvs\xb9\x1ca\x14-@\x08{\xbc\xae\x94\xde\x0f\xc5\xda\x12\xa4g\xa4\xdb\xe3\\\x9e\xbdX\xaf7\x84s\t\x10\x00\x00\xe0\xf3{\xc1\x05\x81Q\xaf3B\x04\xff~\xfd\x87\x102\xce\xaa\'\xd7\x04\x00\xf0\xb2=\xec/\xbf\x1e\xe3\x9c\x83\xb0v72F-f\xdb\xd6\xcf\xff\xef\xe8\xf1\x03\x08!.8\xc6h\xea\x98&gt;\x88 \x10\xbe\xbd6\x82\x90{\x03\xc9\xf5\x92G=\xdc\x85\x0b\x01\x80@\x08\xce\x9f????_u\x04U\x16T\x00\xa8\x04H\xa9\xe7\x15+V\xec\xd8\xb1C\xce\xfdbL\x1e\x1d&gt;1\xecR\xcc\xb2%4\xa9Z\x8dai\xcf\x94{F~\xbek\xc3W\xbb?\xb1\x98m\xe1\xbd&lt;\x04\x11\xb8\xa0\'\x891\n\x84\xf8\xc7\x93\x92\x10\xc2`0\x95\xfd\'\x00\x00\x9c/\xf8\x8d\xb1\x8a\x12W\xb8\x14\xa4\xe3\xe3\xd9\xf3\xa7\x97f\xbd\x08!B\x102\xc6\x07\xf5k\xd9\xa1\xc7-\xb4\xd8}uU?\xff-\x08#fw\x8dI\xefY\xafvb0H\t!EEE\xe3\xc7\x8f\x97\xbdUa\xbc0\xc5%\xa2\x02@\xa4#\x1b\xed\x1d\x0e\xc7\x94)S\xe4D\x12\xe7\xbcG\xe7\x01\r\xeb5\xf5x]a\xd7\xab\xc1\x988]\xc5]\xef\xbc\xa7^\x9d\x1be\x99\x9as\xfe~\xf6"\x1a\xc6E\x13\x02!\x84\xd9d-\xfd\xa3\x00\x00\x00{\xf1y\xce\xf9?^\x10\x84\xd0\xe3q\x01\x00 \x80\xf2o:\xdd%\x81\xa0\x1f\x85o\x16\x8csf4\x98W\xaf\x7f\xcb^\\\x801b\x9c\xc7X\r\x93F\xf7\xe6\xde\x00\x0c\xf7\xa7\x0f!\x14\x94i-\x86\x99c\xfb\x82\xb2.\xb5\x15+V\xe4\xe6\xe6*\xe3\xf8J\x81\n\x00\x91\x8e\\U333\x8f\x1d;&amp;-_\xcc\xa6\x98ai\xe9^\x9f\'BT\x8b\x19cF\x83\xe9\xc1\xc1c\xa4&lt;5\xc6x\xff\xa1\xef6m]i\xb5\x84\xa7%\x14\x02\xc89K\x88\xbf\x06\x00 \x04\x97[\xd1\x13?\x1f\xf6x]\x7f\xff\x8eq\xce4D\xf3\xfd\x8f_\x02\x00 \x82r\x0b\x1b\x08\xf8\xa4\xd6MXF\x1c8\xe7F\x83\xf9\xa7\xbc\xef\xd7lx\x17!\x04\x80\xe0\x9c\xa7?\xd4\xb9^\xb3Z\xcc\xe5C(\xfcc\xb7R%4uP\xdb\xf6\xad\x1bP\xca0F\x81@ ==\xbd\xb2\x99+D)*\x00D4r=-\xab\xad\x95\xf6~\x0cN}21\xa1z\xe8[?\xff\n\x8c\xb1\xd3U\xdc\xb2E\xc76\xb7w+\xf3\x8c\x84K\xb3^&lt;{\xfetX\x04\x82 \x84\x81`\xe0\xdakjY\xcc1B\x08\x01\x04\x84\xf0\xd7\xdfN\x1e\xce\xfb\xc1\xa07\xfeU\x93"c\xd4`0\x9d&gt;s"\xe7\xf3\xff\x83\xe0\x7f)l\xc6Xx+\xc0\x08\xe1\xd7\x97L\xa74(G\x9ak\xd7LH\x7f\xa2\x07\xb3W\x88\xe6\xf3\xe5"\x04e\x0b&amp;\xa7\x12\x82\xe5l\xf0\xce\x9d;W\xacX\xa1ZB#\x9f\xc8\xb9\x87\x14\x7f\x82\\=ew\x9d\xf4\xfc\xaaW\xe7\xc6\xbew\x0fs\xb9\x1d\x11\xa6\xbe\x0b\x19c\x0f\x0ey\xced\xb4\xc8\x96P{q\xc1\xea\xf5o\x19\r\xa6\xd0W\x02 \x84\xc1` 1\xa1z\xa3\x06\xcd\xa4\x83\xb1lL|?\xfbe\x88\x90&lt;E\x89\x0b\xe0\x9cSF\rz\x13\x10`\xfe\xab\xe3J\x1cvxA\n\x1b!\x14\xae\n0\xe7\xccl\xb2\xee\xda\x9d\xb3w\xdf\x97\x08!\xe9\xf8\x98\xf9|\x7f[\x92M\x04\xc2Y\x96\xb8\x08\x84\x10s\xfaZ\xb4o4bH\xbb2\xcfH8e\xca\x94\x92\x92\x12\xd5\x12\x1a\xe1\xa8\x00\x10\xb9\xc8\xd6\xcf\xed\xdb\xb7\x97\xcf\xd7\x08!\x1e\x1c&lt;F\xaf3\x84L\xf9\xe7\x12\x91*\xa1\xf5\xeb4\xe9}\xd7\xd0\xf2\x96\xd05\x1b\xde=|t_\x98\x04\x82\x04D\xb0{\xa7T\xb9\xfaH\x99\xcf\xbd?\xeez\xf9\xbf\x93\rz\xa3\xd5\x12\xab\xd1h1\xc6\x08aB\x88\xc1`\x8a\xb5%\x9c+83~\xfa\xf0=\xdf\xef\x04\x00\xc8\xa0%\xdf_B4\x18a!B\xefv \x10"&gt;\xbf\xe7\xcd\xa53\x01\x00\x18!\xc6x\xfb\xd6\rR\xd3\xda\xd2"g\xb8Z?\xff\n\x84!w\xfa\xa6\x8d\xeb\x17k3R\xca0&amp;\xc7\x8e\x1d[\xb8p\xa1&lt;\xb5\x84\xfb\xea\x14\x7f\x89\n\x00\x11\x8a\x1c\xfb\xf2\xfb\xfd\xa3G\x8f\x86\x10\xca\xd6\xcf\xb6\xad\xba\xb7l\xd1\xd1\xe9*\x8e\xb0\xed?\x00\x00`L\x1c\xce\xe2\xd4\xde\x0f_\x93|\xbdl\t\xa54\xb8\xec\x83\x852s\x1d\xe2\x8bA\x08\xbb\xdd\xce\xb6\xadz\xdc\xd4\xf86\xe9[\xc0\x05\x971)}\xc2\x80m;\xd6\x9e=\xff\xab\xcf\xe7\t\x04|%\x0e\xfb\x81C\xdf\xbd\xf6\xce\xb4\xc7\x9e\xed\x95\xfb\xc3\x17\x00\x80\xa4j\xd7\x966\x02A\x00\x00\xd0\xeb\x0ca\x99\x04f\x8c\x99M\x96u\x1f\xbfw\xfa\xcc\t\x8c1\xe3\\\xab%\x0b&amp;\xa7\n\xc6"f\xeb\xff? \x84\xdc\x17\x88\xad\x117\xf5\xd9\xde\xf2X\x851z\xf1\xc5\x17e\xe1JU\x83#\x16u@\x8bP\xe4\xf6\x7f\xe9\xd2\xa5\xc3\x87\x0f\'\x84\xc8\xbc\xca\xabs\xd7\xd7\xaey\x83\xd7\xeb\x0e{\xf3\xcf\x9fr\x91R\xb1\x10\x80s6+cI\xab[;;\x9c\xa1\x0eZ\xd2\r\xe6\xd7\xdfN&lt;=&gt;\xc5\xe9*\xc6\x980F\x11D\\p\x00\x80Ng\xb0\x9am\x08#\x8f\xc7\xedt\x15\x03 \xa5\xee\x85-&amp;~\xc2\xa8ES\xe7&gt;!\xa3,c\xac\xc5-\xed2\'\xbf\xe7\xf1\x84\xb4\xe1\xea"\xcdm\x82q\x90\xd2a\xa9\xad\x97,}\x92\x9e/\x89\xb4\xed\xbfD\x16[\x04\x827\xb6\x9d\x98w\xec\xacF\xab\t\x04\x82\xf7\xddw\xdf\xd2\xa5K)\xa5\x84D\x8aN\xb8\xe2B"q\x1dQ\xc8\xed\xbf\xddn\x1f7n\x1cB\x08\x00\xc89\xef\xdf\xeb\xfe\x86\xf5\x9a\x86R\xf5\xf3\xdf\x821).)\xba\xab\xcb\x80&amp;\x8dnee\x8eQo/\x9f\xeb\xf3{C/\x14\x8a\x10\xf2\xf9=5k\xd4\x9f\xfe\xfc[q\xb1\x89\xb2\x97\x1f"H\x88\x06c\xe2\xf7{\xcf\x17\xfev\xf6\xdc\xaf26\x10\xa2\x01B\xc4X\xe3fe,\x89\x8fK*\r\t\x00\x02\x00\xe2l\xd50\n\xf5\xc5s\xce\x8cF\xf3\xd2\xac\x85.\xb7\x03cD\x19\x8b\x8b5\xcd\xceH\xe1N/\x0ck\xe3\xff\xdf \xbdb\x88Q\xbbxZ\x9at\x8b$\x04/_\xbe|\xe7\xce\x9d\x84\x10\x95\x08\x8aL"\xf4f\x8ard\xebgFFF~~&gt;BX\xee\xacSz?\xe4\xf1\xba#\xa4\xf5\xf3\xaf\x11\x04k\x86\x0c\x18)\x07\x02\x10BG\x8f\x1fX\xbbi\xa9\xd9d\r\xfd\x12\x80\x11vy\x1cM\x1a\xdd\xfa\xd2\xcc\xd5\x1d\xda\xf4\x04\x000\xc6(\r^\xd4\x9c\xca\x18\xa54\xd8\xfa\xb6\xce\x0b\xa6e\xdd\xd2\xa4\xf5\xe93\'\x00\x00\xe5&amp;0\x89\t\xd7\xa0\xd2\x1a@\x88\x90\xaa\x9f{\xf7}\xb9y\xdb*\x19\xec\x85\x10\xa3\x1e\xee\x92\\/\x99\xfb\x02(\x02\x13@e`\x8c\x98\xc3\xdb\xed\xee\xe6];4f\x8cC\x88\x18c\xe9\xe9\xe9~\xbf_U\x83#\x13u.\x8b8\xe4\xbaY\xe6\xb4W\xda\xfa9,\xed\x99\xa4j5\x8aK\n"\xc7r\xebOA\x08;]\xc5\xado\xed\xdc\xb1\xed\x7f\xa4_9\x84hy\xf6\xe2\xce\xed\xfbX\xcc6J\x83!\xee]\xc1\x08\xbb=\xce\xc4\x84\xea\x93\x9e}\xe5\xe0\xe1\xbd\xbbv\xe7\x1c\xf8i\xcf\xb9\xf3g&lt;^\'\x00@\xaf7&amp;\xc4%\xdf\xd0\xe0\x96\xb6\xb7woz\xe3\xed\xc1`\xc0\xeb\xf3\x9c=w\x1a\x00\x80P\xe9\x82U\xfd\x9aZ\\\x84Z\n\x02c\xfc\xd6{\x99\x8cQ\xe9\xf9\xd3\xa0n\xd2\x98\xf4\x9e\xcc\xee\x0e\x83\xea\xe7\xbfF\x08\xc6\x17OOk\xday\xaal\t\xcd\xcd\xcd\xcd\xca\xca\x1a6l\x982\x8e\x8f@"z5\x89N\xe4\xe8\xaf\xf4\xda.s|\xbc\xf5\xee\xae\x03\x1d\xce\xa2\x08_\xfd%\x08a\xaf\xd7\xf3\xc0\x90\xe7v\xe7nw\xb9K\xa4p\xf4\xd2\xac\x85c\x9e\x9cS\xe2\x08\xc3\xaf\x80\x10\x0e\x04}\xfe\x00\xb8\xa1\xc1-75n\x19\x08\xfa\xdcng \xe8\x07\x00h\x88\xd6d4\xebt\x06\xca\xa8\xd7\xeb\x92\x13m\xc7N\x1e\x02\x00\x00\x00\xe5L\xc3\xf5\xd7\xd6\xa54\x08C\xd5\x02\xc4\x18\xb5Zc7o\xcb\xde\x7f\xe8[i\xf8.\x04X&lt;-Mk\xd6\xd3\xe2J\x10\x00\x10B\xcc\xe5m\xd8\xbc\xce\xb3#\xba\xce\\\xfc\xb1\x06#\x84\xd0\xb8q\xe3\xfe\xf3\x9f\xff\xd8l6\x99\xdb\x0c\xf75*\xfeG\xa4\xdfO\xd1\x86\xdc%\xe5\xe4\xe4\xe4\xe4\xe4\xc8\xc6\x7f\x84\xd0\x90\xd4\x91\x04\x93\xcar\x82\x86\x10\xfa\x03\xde\xeb\xaa\xd7\xe9{\xf7}\xf2\x9a\x11B\x9b\xb7\xad:|t\x9f\xd1\x10\x1ew-\x08\x11B\xc8\xebu\x978\x8a\xfc~\x9fN\xab\xb7ZlV\x8bM\xaf7\x04\x82\x81\x12\x87\xdd\xe3qA\x08\t\xd1x&lt;\xae\x9f\x8e~\x0f\x00\x00@\x00 \xe2c\x93\xae\xbd\xa6V0\xe0\x87!\x9a\xb9\x15\x18\x13\x8f\xc7\xf5\xde\x07/\x01\x000\x82\x8c\xf1\xae\x1d\x1aw\xbb\xbb\x19+\xf1\x84W\xf6\xe7\xd2A\x18q\x97o\xd4\x13=\x92\x12\xad\x8c2\x8cq~~\xfe\x82\x05\x0b\x94Jh\x04R9n\xa9(A\xee\x8f\xa4\xb9\x12\x00\x10!\xcc\x18\xbb\xb3M\xaf\xd6-\xbb8]\xc5\x11\x9f\xfd\xff\x1f\x18c\x87\xd3\x9e\xd6\xff\xb1\xea\xc95\x19\xa3\x08!\xc6\xe8\xebK\xa6\x87\xf7W@\x08a\x8c\xa5\xe4\'\xa5\x94R\xca\x18\x83\x10b\x8c\x11B\\\x08\x9dV\x7f\xeat\xde/\xa7\x8f\x95\xb5\xfc\xc3F\rn\xb1\xc5$P\x16\xa2\x13\x00c\xccj\x89\xcdZ\xf3\xda\x99\xfcS\x18c\xc6\x19!x\xf1\xb44\xc1D\x84xm^\n\x10B\xe6\x0b\xc4_\x17?{\\?^\xd6\x12:w\xee\xdc\xbc\xbc&lt;\x15\x03"\r\x15\x00"\x08\x99\xfd\x97\xf6\xaa\x84`\xc6\xa8\xc9h\x19\x9c\xfa\x94\xcf\x17R\xc3\xbf\xab\x01d\x8c\x1a\x8d\xe6\xa1\xf7&gt;\r\x00\x10\\ \x84\xf6\xee\xfbr\xd7\xee\x1c\xb3\xd9\xca"@\xc4\xb4\x9c\xf2\x17\x05\xe7Z\xadn\xd779\x8c1\x8c\xe5$\xb0h\xd9\xa2\xa34_\x0b\x01B\x08\x9d\xd6\xf0\xcb\x99\xe3k7-\x93\x97\xc6\xb9\x181\xa4]\xc3f\xb5\x99\xcbW\xb9n\x00)\x104p`\x9b\xe6Mk\xcaC\xad4\xb2V\xa5\xe0H\xa32\xddUU\x1bi\xac\x98\x9f\x9f\x9f\x91\x91\x01!\x94\xad\x9f\xbd\xef\x1a\xda\xa0\xeeM^\xaf\x0b\x86O\x8d\xf2\xf2\xc0\x988\x9d%\xdd;\xa54it\x1b\xe3L\xee\xfd\xdf\\:\xd3\xebu\x87\xbe\xab\xf2\x1f\x11Bh4\xda\xc2\xa2s\x9b\xb7e\x03\x00\x84\x00\x9cs\x8b9\xe6\xd6[\xda{}\x9e\xd0,\xbe\x9c3\x83\xc1\xf8\xce\xfbs\xe4\x08\x02\xe7&lt;\xd6f\x9c6\xae\x1f\xf7\xf8\x11\xaedys\x08\x80`\\g\xd2/\xc8H\x11\x02p\xc61\xc6\xd9\xd9\xd92\xb1\xa9ZB#\x87J\xb6\xacTad\xedw\xfc\xf8\xf1v\xbb]\x8a\xfe\'\'\xd6H\xed\xf3\xb0\xc3Y\\)j\xbf\x7f\nc\xec\xa1\xa1c1&amp;r\x1c\xf7\xf4\x99\x13Yk^\xb3Zb#m\t\x90\x8e+\xcbW\xbf\\P\x94\x8f\xca46;\xb4\xe9yM\xd2u\x81\x80?\x04uK\xce\x99\xc5l\xfb\xea\xbbm\x9f}\xf1\x91\xac\xfdr.\xa6\x8e\xee\x1d[#.,\x8e\x8fWN\xa9gd\xd7\xa6)=\x9b\xd3\xb2\xa1\x10\xd9\xda\xa0\xce\x01\x91\x83\n\x00\x11\x81L\xfe\xec\xd9\xb3g\xe5\xca\x95r\xf7\'\x84\x18&gt;pT|l"\xa5\x95\xf2\xf9\x07e\x02A\xcd\x9a\xde\xd1\xa3\xf3\x00\x99\xf9\x85\x10\xae\xdd\xb4\xec\x973\xc7\xc3\xa2\x12\xfa\xa7\x08\xc1)\xa5\tqI\x9b\xb7\xadZ\xb3\xe1\x1d\x99\xf0\x11@\xe8\xb4\xfa\xfe=\xef\xf7\x07B&amp;\xb9\x0c)\x0b\xbe\xbfj\x11\xe7\x1c!\xc89o\xde\xb4\xe6\xa3\x8fta%\x1eTi[\'\xe5hX\xe6\xa4\xd4\x18\xab\x813\x861.knV\x95\x80HA\x05\x80\x88@\x96\x7fG\x8f\x1e\xed\xf7\xfb\xe5\xe4W\x93F\xb7u\xeb\x94\x12\x96\xbe\xc9\xab\x08B\xd8\xe3q\rKK7\x9b\xac\x9c3)\x1c\xfd\xce\xfbsMFK\xc8TB9g\x9c3.\xf8E\n\xa0\x8c3\xc6\x99F\xa3\x8b\x8b\xad\xb6qk\xd6\x9c\xc5\xcf\x82\xb2r\x05\xe7&lt;\xb5\xef#uj7\xf6\xf9\xbc!H\xbe1Fm1q\x1f\x7f\xb2j\xff\xa1\xef0.m\xfd\\0)\x85\x18\xb4\x91\xa9\xfcs\x89 \x84\xa8\xd3W\xe7\xe6\x9a\xe9\x0fu\x96*\xa1\x10\xc2\x8c\x8c\x0c\xbb\xdd\xae,\xc3"\x04\x15\x00\xc2\x8f\xac\x92eggo\xdf\xbe]\x0e\xfeh\x88\xf6\xa1\xa1c#M\xf2\xf32\x90\x9e\x91\x89\t\xd5\x07\xa7&gt;%W^\x84\xd0\x8e/7\xe5\xee\xdb\x152\x95P\xb3)\xc6b\xb6\x19tF\x8dFK\x88\x86\x10\x8dV\xab3\x1a\xcd1\x96X\x8b9\xe6|\xc1\x99\xb9\x8b\xc7\xccZ\x98\x1e\x0c\x06\x00\x00\x08\x97F\xdf!)O\xba\\%!\x18\\\x12B\x10\xa2-(&lt;\x9b\xf5\xe1k\xb2.\xcd\x18O\xe9\xd5\xa2C\x97\xa6\xb4\xd8]\xd9\'\xa70A\xcc\xeeJ\x7f\xa2G\xddZ\xd5\xe4\\\x98\xddn\x97U.u\x08\x88\x04T2.\xcc\x94\xeeF\x19k\xd2\xa4I^^\x9e\x9c\xfc\xea\xdc\xbe\xef\xe4\xe7^\xb3\x17\x9f\xaf\xd4\xdb\xff2\x04\x00\x08!\xf8\xc83w\x9d&gt;s\x82\x10\r\xa5\xc1&amp;\x8dn[4\xfb\xff\\\xae\x92\nm\x0c\x85\x00r\xc1\xd6}\xfc~B|\xd2u\xd5\xebZ,1Z\x8dN\x08\xee\xf5y\xec\xc5\x05?\x9f&gt;\xfa\xfd\x8f_}\xbbw\xbb\xc7\xeb\x92I6\x8c1\xa5\xb4F\xf5\xda\xf3\xa7\xae\x8c\x89\x89\x0f\x06\xfd!\xd8\xfeS\x1a\x8c\x8fKz\xf5\x9d\xa9+\xff\xefU\x8c\x89\x10\x8c\x10\xbc\xff\xd3\xc9\xf5\x1b\xd7`\xeeJ\xd6\xfc\xf3\xa7P\xca4\xd5b\x96\xbd\xb9uX\xfa\x12B0\xe7\x02!\xb4\x7f\xff\xfe\x06\r\x1a\xc8\rA\xb8/0\xaa\xa9\x02\xebK\xe5Fz~eff\xe6\xe5\xe5i4\x1aJ\x83\x16\xb3\xed\x81!c\xdc\x1eg%j\xfc\xff[ \xe7\xd4h\x88yd\xd8\xf3\x93f=,\x13A\xfb\x0f}\x9b\xf3\xe9\xea\xbb\xba\xdc[\\RXqAN\x00\x81\x10\xfeh\xf3{g\xcf\xff\x8a\x10\xd2j\xf5r\x9e.\x18\x0c\xc8I`\x89\xdces\xc6(\xa5\r\xea5\x9d&lt;\xe6\xd5\xd8\xd8D\x9f/\x14\xb2KR\xf6\'\xef\xf8\xfe\xf5\x1f\xbf\x87\x10\x82P0&amp;\x9e\x1d\xd1\xb5~\xb3\xda\xb4\xc0\x11\x99\xaa\x9f\xff\x16B0-t\x0e\x1e\xd2\xfe\xed\xac];\xbe\xce\xd3j5\x81@p\xe4\xc8\x91[\xb6lQ\x87\x80\xb0\xa3\xc2o8\x91\xb5\xdfc\xc7\x8eeff\x96\x96\x1f\x85\xe8{\xf7}\xd7U\xaf\x139\x8e\x8fW\x8eT\x83h\xd3\xb2[\xb3\xa6w\xc8nW\x08\xe1\x92\x95\x0b\n\xed\xe7H\xc5K\xed[\xad\xb1\x84h \x84&gt;\x9f\xc7\xe5v\xb8=\xce@\xd0\x8f\x10"D\xa3\xd1h1&amp;\x8c1\xc6\x18\xc2\xb8_\xcf\xe1\xf3\xa7\xacH\x88O\x0e\xcd\xea\x0f\x00\x00@`\x8c\xdf~\x7f\x8e\xdb\xe3D\x081\xc6\x93\x12\xad\xa3\x9e\xe8\xc1]\xbe\xc8W}\xf8\x17\x08\x815x\xea\x98&gt;\x08A\xa9\x12\x9a\x93\x93Sns\x14\xee\x8b\x8bj\xaa\xd0MV\t\x91\xb5\xdf\xa9S\xa7:\x1c\x0e\x8c\t\xa5\xc1\x1a\xd5k\xa7\xf5\x7f\xcc\xe1\xb4W\xf6\xe4\xef\x1f\xe1\x9c=:|"!\x1a\xe9m\x90\x7f\xeet\xf6\xba\xffZ-\xb6\x8a6\x8ew\xba\x8a)\r^\xb4\xd0p\xce)\r\x06\x83\x019\xb0\xd6\xb9}\x9f\x97f\xae\x1e9b\x1a\xc2\xd8\xef\xf7\x85f\xf5g\x8cY\xcc\xb6\xdd{&gt;\xdb\xf5MN\xb9\xea\xdf\xec\xf1\xfd\xe3\xaf\x8b\xaf\xa4\xad\x9f\x7fEiKh\x8f[\x86\xdc\xd3\x8a1.[B\xa5\xd1\xa9j\t\r/\xea\xdd\x0f\x1b\xb2\xf6\xbbc\xc7\x8eN\x9d:\xc9\x0f\x82s6u\xfc\x7f\xdb\xb6\xea\xeet\x95\xe0*\x92\xff\xf9\x1f\x8cQ[L\xc2+o\xbf\xb0j\xed\x9b\x18\x13!\xb8AoZ4{M\x8d\xeau\x02\x81\x8aj\xb6A\x08\xbd\xfd\xfe\x9c\x1f\xf6\x7fS\xe2(t{]\x8cQ\x00 \xc6\xd8d\xb0\xc4\xc7%\xd6\xbc\xae\xfe\x8d7\xdczs\x93V\xd7U\xaf\xc38\xf3x]\x08\xa2P\xae\xbc\x10\xa2\xa7\x9f\xbf\xe7\xd8\x89\x83\xd2\xf2\xa5}\xab\xfa\x9fm|\x9e{\xfc8D\xbd\xa7\xa1\x83\x0b\x01\xb5\xe4\\~\xc9\x8d\x1d&amp;\x15\x17{0!\xc1`p\xc6\x8c\x19\xcf?\xff\xbcR\t\r#*\x00\x84\r\xb9\'\xed\xd4\xa9\xd3\x8e\x1d;d\xed\xb7Y\xd3;\xe6MY\xe9\x8e`\xcb\x97+\xa1\xdc\xe5j\xc4\xa8\xbbe\xea\x9f\xd2`\xa7v\xbd\'\x8f}\xbd\xb8\xb8\x02e\xae\xf5zc \xe0\xf7z]\xfe\x80/\x10\x0c\x00\x00\xb4\x1a\x9d^g0\x1a\xcd:\x9d\x01\x02\xe0\xf3{\x03\x01\x1f\x000\x94o\xbb\x0c\x87\x1fn|w\xe1\xeb\x13\xca\xddr\xb6\xad\x1a\xd5\xa1\xcbM\xb4\xf2\xe8\xbe\xfd+\x18e\xa4Z\xcc\x8c\x17VM\x9c\xb3N\xa3!\x8c1\x9b-\xf6\xc0\x81\x03\x89\x89\x89\x00\x80*y\xcfG&gt;\xeaM\x0f\x0f\x94R\x8c\xf1\x8a\x15+v\xec\xd8!\xe7~1&amp;\x8f\x0e\x9f\x18\xb2\xee\xf8\xd0#[B\x93\xaa\xd5\x18\x96\xf6\x8c\xec\xc5G\x08\x7f\xbek\xc3W\xbb?\xb1\x98m\x15\xf7\x8b{&lt;.\xce\x99\xc1`\x8a\xb3U\xbb&amp;\xb1\xc65\x895bm\tz\xbd!\x18\x0c8\x9c\xf6\x12\xa7=\x18\x0c \x84C\xec\xf8\xa8\xd5\xea\xcf\x9e?\xbd4\xebE\x08\x11\x82\x901&gt;\xa8_\xcb\x0e=n\xa1\xc5\xee*\xb9\xfa\x03\x00\x10F\xcc\xee\x1a\x93\xde\xb3^\xed\xc4`\x90\x12B\x8a\x8a\x8a\xc6\x8f\x1f\xaff\x02\xc2H\xd5\xbc\xd5"\x1c\xd9\xfd\xe6p8\xa6L\x99"S\x1f\x9c\xf3\x1e\x9d\x074\xac\xd7\xd4\xe3\r\xa9\xf7l\x88\xc1\x988]\xc5]\xef\xbc\xa7^\x9d\x1be\x01\x9cs\xfe~\xf6"\xcah\xc5%^\xe4\xfb\xc9\x18\x0b\xd2` \x18\x08\x04\x03\xb2$\x00!\xc4\x08c\x84C\x9fm\xe7\x9c\x19\r\xe6\xd5\xeb\xdf\xb2\x17\x17`\x8c\x18\xe71V\xc3\xa4\xd1\xbd\xb97\x00\xab\xee\xa7\x0f!\x14\x94i-\x86\x99c\xfb\x82\xb2\xfe\xb7\x15+V\xe4\xe6\xe6*\xe3\xf8pQe\xef\xb6HF\xae}\x99\x99\x99\xc7\x8e\x1d\xc3\x183F\xcd\xa6\x98ai\xe9^\x9f\xa7\xaa\xb4~\xfe%\xd2t\xe5\xc1\xc1c\xe4\x00\x04\xc6x\xff\xa1\xef6m]i\xb5\xc4Uh5\x18\xfe\x81\x8a\xfbY\x7f\x0f\xe7\xdch0\xff\x94\xf7\xfd\x9a\r\xef"\x84\x00\x10\x9c\xf3\xf4\x87:\xd7kV\x8b\xb9B\xa6&lt;\x11\x1e\xa4Jh\xea\xa0\xb6\xed[7\xa0\x94a\x8c\x02\x81@zz:cL\x1d\x02\xc2\x82\n\x00\xa1F\xaezyyy\xf3\xe6\xcd+\xef\xfd\x18\x9c\xfadbB\xf5\xaa\xd4\xfa\xf9WH5\x88\x96-:\xb6\xb9\xbd\x9b\xb4\xdc\x82\x10.\xcdz\xf1\xec\xf9\xd3\x91#\x10T\xd1 \x84__2\x9d\xd2 B\x881V\xbbfB\xfa\x13=\x98\xdd\x85I4&lt;\x8fBP\xb6`r*!X\xce\x06\xef\xdc\xb9s\xc5\x8a\x15\xaa%4,D\xc3\r\x17Y\xc85N\xf6\xc0I\xcf\xafzun\xec{\xf70\x97\xdb\x115\xbd\x10\x901\xf6\xe0\x90\xe7LF\x8bl\t\xb5\x17\x17\xac^\xff\x96\xd1`\xaa\xc2%\x10\t\xe7\xccl\xb2\xee\xda\x9d\xb3w\xdf\x97\x08!)\xfb\x93\xf9|\x7f[\x92M\x04*0\x0f\x169 \x84\x98\xd3\xd7\xa2}\xa3\x11C\xdaI\x81 \x84\xe0\x94)SJJJTKh\xe8Q\x01 \xa4\xc8\x8e\xb7\xed\xdb\xb7\x97O\xc1\x08!\x1e\x1c&lt;F\xaf3T\x01\xe5\x9fKD\xaa\x84\xd6\xaf\xd3\xa4\xf7]Ce\xe6\x17!\xb4f\xc3\xbb\x87\x8f\xee\x0b\x99@P\x98\x10\x08\x11\x9f\xdf\xf3\xe6\xd2\x99\x00\x00\x8c\x10c\xbc}\xeb\x06\xa9imi\x91\xb3j\xcc\xfd^\n\x08C\xee\xf4M\x1b\xd7/\xd6f\xa4\x94aL\x8e\x1d;\xb6p\xe1By\x1e\n\xf7\xd5E\x17*\x00\x84\x0e9\xf6\xe5\xf7\xfbG\x8f\x1e\r!D\x08q\xce\xda\xb6\xea\xde\xb2EG\xe9\x01\x12\xee\x0b\x0c\x1d\x18\x13\x87\xb38\xb5\xf7\xc3\xd7$_\xcf9C\x08S\x1a\\\xf6\xc1B\x99\x13\x0f\xf7\xd5U\x14\x8c1\xb3\xc9\xb2\xee\xe3\xf7N\x9f9\x811f\x9ck\xb5d\xc1\xe4\xd4J-\xf9y\x19@\x08\xb9/\x10[#n\xea\xb3\xbdE\x99g\xe4\x8b/\xbe(KbUz\x07\x10q\xa8\x00\x10:d\xed7++k\xcf\x9e=r\xfbO\x88\xe6\xbe{\xd39\xe7Q\xb2\xf7/\x07BHi !&gt;)\xad\xdfc\xe5-\xa1_|\xbde\xf7\x9e\xcf,f[\x95\xdc\x06\xca\xd6\xcfs\x05g\x96g/\x86\x10"\x089\xe7\x03\xfb\xdc\xd6\xa2}c\xe6\xact\x96\x9fW\n\xc2\x98\x95x\x1f}\xb0s\x83\xbaI\xd28\xbe\xa4\xa4d\xea\xd4\xa9J%4\xc4D\xd7m\x17F\xe4\xf6\xdfn\xb7\x8f\x1b7\x0e!$\x1d\x1f\xfb\xf7\xba\xbfa\xbd\xa6\x9e\xd0N~\x95\xe9\xe1\xf3R\xa1|\xce\xa4\xffL\xc8.@\x821).)\xba\xab\xcb\x80&amp;\x8d</t>
        </is>
      </c>
    </row>
    <row r="311">
      <c r="A311" s="1" t="n">
        <v>309</v>
      </c>
      <c r="B311" t="inlineStr">
        <is>
          <t>color_overlap_squares</t>
        </is>
      </c>
      <c r="C311" t="inlineStr">
        <is>
          <t>What is the missing color of the part denoted with a question mark?</t>
        </is>
      </c>
      <c r="D311" t="inlineStr">
        <is>
          <t>['purple', 'red', 'blue', 'yellow']</t>
        </is>
      </c>
      <c r="E311" t="inlineStr">
        <is>
          <t>blue</t>
        </is>
      </c>
      <c r="F311" t="inlineStr">
        <is>
          <t>There are 3 squares which overlap each other in the image. The color of the squares are ['?', 'red', 'yellow']. The part where the first and second squares overlap is purple. The part where the second and third squares overlap is orange.</t>
        </is>
      </c>
      <c r="G311" t="inlineStr">
        <is>
          <t>We observe that the red and yellow squares overlap to form orange. Hence, the pattern is that the color of the part where two squares overlap is determined by mixing the two colors.</t>
        </is>
      </c>
      <c r="H311" t="inlineStr">
        <is>
          <t>Based on the pattern that the color of the part where two squares overlap is determined by mixing the two colors, the missing color of the part which overlaps with red to form purple should be blue.</t>
        </is>
      </c>
      <c r="I311" t="inlineStr">
        <is>
          <t>b'\x89PNG\r\n\x1a\n\x00\x00\x00\rIHDR\x00\x00\x02\x00\x00\x00\x02\x00\x08\x02\x00\x00\x00{\x1aC\xad\x00\x00 \xecIDATx\x9c\xed\xdd}\x8c]e\x81\xc7\xf1\xe7\xbc\xdc{;w\xa6/C-\xban1.\xbe\xae\x91@\x03EE\xb7\xe0\x02\xa9\xb8\x1a\xd9uY\xff\xb0v\x8d\xd0\x96@-\x1a#\x16$\xd9\x10\x95\x9a\x98u\xa1(\xd2V\x14\nd\xf1-\x1aw\x83\xb2\x11\\F]\xa8m\xc1\n\xa2\x10\x82\x8ao\xa9\x85N\xdby\xb9s\xef=\xe7&lt;\xfb\xc7S\x86q:\x9d\xde\x97\xe7\x9c\xf3\xbc|?1\xa6\x0e%=\xcet~\xdf{\xcf9so \xa5\x14\x00\x00\xff\x84e\x1f\x00\x00\xa0\x1c\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1c\x95\xa6\xa9\x94\xb2\xec\xa3@q\x02\xbe\xde\x00\x84\x10R\xca \x08f\xfe\x02\xce\xe3\x19\x00\xe0;)\xa5\x1a\xfd\x1bn\xb8a\xff\xfe\xfdA\x10dYV\xf6A\xa1\x08\x04\x00\xf0\x9a\x942\xcb\xb2 \x08.\xbf\xfc\xf2O~\xf2\x93\xefy\xcf{FGG\xc30\xa4\x01&gt; \x00\x80\xbf\xd4\xfaGQ\xb4~\xfd\xfam\xdb\xb6\xd5\xeb\x03\xbbv\xedZ\xbdz5\r\xf0\x04\x01\x00&lt;5s\xfdw\xec\xd8Q\xabV&amp;\'\x1bq\x1c\xef\xde\xbd\x9b\x06x\x82\x00\x00&gt;\x9a\xbd\xfe\xb5j\xb3\xd5&gt;\xef\xec\x97giB\x03\xfcA\x00\x00\xef\xccZ\xff\x81\x81Z\xb3\xd9\xba\xf4\xbd\xaf\xfb\xe1\xbd\x97\xdc\xfa\xa9UI\x92\xd4j\x15\x1a\xe0\x03\x02\x00\xf8\xe5\xd8\xf5o4\x9a\xeb\xfe\xe5\xf5_\xdeza\xfb\xc0\xe4\xba\xf5gl\xff\xf4\xaaf\xb3M\x03|@\x00\x00\x8f\x1co\xfd\xb7\xff\xc7\x05\xe9x+\x16"90\xb9n\x03\r\xf0\x05\x01\x00|1\xff\xfa\x87\x99\x0c\xc2 \x8e\xc3\xe4\xcf4\xc0\x17\x04\x00\xf0B\'\xeb\xaf~\'\r\xf0\x07\x01\x00\xdc\xd7\xf9\xfa+4\xc0\x13\x04\x00p\\\xb7\xeb\xaf\xd0\x00\x1f\x10\x00\xc0e\xbd\xad\xbfB\x03\x9cG\x00\x00g\xf5\xb3\xfe\n\rp\x1b\x01\x00\xdc\xd4\xff\xfa+4\xc0a\x04\x00p\x90\xae\xf5Wh\x80\xab\x08\x00\xe0\x1a\xbd\xeb\xaf\xd0\x00\'\x11\x00\xc0)y\xac\xbfB\x03\xdcC\x00\x00w\xe4\xb7\xfe\n\rp\x0c\x01\x00\x1c\x91\xf7\xfa+4\xc0%\x04\x00pA1\xeb\xaf\xd0\x00g\x10\x00\xc0zE\xae\xbfB\x03\xdc@\x00\x00\xbb\x15\xbf\xfe\n\rp\x00\x01\x00,V\xd6\xfa+4\xc0v\x04\x00\xb0U\xb9\xeb\xaf\xd0\x00\xab\x11\x00\xc0J&amp;\xac\xbfB\x03\xecE\x00\x00\xfb\x98\xb3\xfe\n\r\xb0\x14\x01\x00,c\xda\xfa+4\xc0F\x04\x00\xb0\x89\x99\xeb\xaf\xd0\x00\xeb\x10\x00\xc0\x1a&amp;\xaf\xbfB\x03\xecB\x00\x00;\x98\xbf\xfe\n\r\xb0\x08\x01\x00,`\xcb\xfa+4\xc0\x16\x04\x000\x9d]\xeb\xaf\xd0\x00+\x10\x00\xc0h6\xae\xbfB\x03\xccG\x00\x00s\xd9\xbb\xfe\n\r0\x1c\x01\x00\x0ce\xfb\xfa+4\xc0d\x04\x000\x91\x1b\xeb\xaf\xd0\x00c\x11\x00\xc08.\xad\xbfB\x03\xccD\x00\x00\xb3\xb8\xb7\xfe\n\r0\x10\x01\x00\x0c\xe2\xea\xfa+4\xc04\x04\x000\x85\xdb\xeb\xaf\xd0\x00\xa3\x10\x00\xc0\x08&gt;\xac\xbfB\x03\xccA\x00\x80\xf2\xf9\xb3\xfe\n\r0\x04\x01\x00J\xe6\xdb\xfa+4\xc0\x04\x04\x00(\x93\x9f\xeb\xaf\xd0\x80\xd2\x11\x00\xa04&gt;\xaf\xbfB\x03\xcaE\x00\x80r\xb0\xfe\n\r(\x11\x01\x00J\xc0\xfa\xcfD\x03\xcaB\x00\x80\xa2\xb1\xfe\xc7\xa2\x01\xa5 \x00@\xa1X\xff\xe3\xa1\x01\xc5#\x00@qX\xff\xf9\xd1\x80\x82\x11\x00\xa0 \xac\x7f\'h@\x91\x08\x00P\x04\xd6\xbfs4\xa00\x04\x00\xc8\x1d\xeb\xdf-\x1aP\x0c\x02\x00\xe4\x8b\xf5\xef\r\r(\x00\x01\x00r\xc4\xfa\xf7\x83\x06\xe4\x8d\x00\x00ya\xfd\xfbG\x03rE\x00\x80\\\xb0\xfe\xba\xd0\x80\xfc\x10\x00@?\xd6_/\x1a\x90\x13\x02\x00h\xc6\xfa\xe7\x81\x06\xe4\x81\x00\x00:\xb1\xfe\xf9\xa1\x01\xda\x11\x00@\x1b\xd6?o4@/\x02\x00\xe8\xc1\xfa\x17\x83\x06hD\x00\x00\rX\xff"\xd1\x00]\x08\x00\xd0/\xd6\xbfx4@\x0b\x02\x00\xf4\x85\xf5/\x0b\r\xe8\x1f\x01\x00z\xc7\xfa\x97\x8b\x06\xf4\x89\x00\x00=b\xfdM@\x03\xfaA\x00\x80^\xb0\xfe\xe6\xa0\x01=#\x00@\xd7X\x7f\xd3\xd0\x80\xde\x10\x00\xa0;\xac\xbf\x99h@\x0f\x08\x00\xd0\x05\xd6\xdfd4\xa0[\x04\x00\xe8\x14\xebo&gt;\x1a\xd0\x15\x02\x00t\x84\xf5\xb7\x05\r\xe8\x1c\x01\x00N\x8c\xf5\xb7\x0b\r\xe8\x10\x01\x00N\x80\xf5\xb7\x11\r\xe8\x04\x01\x00\xe6\xc3\xfa\xdb\x8b\x06\x9c\x10\x01\x00\x8e\x8b\xf5\xb7\x1d\r\x98\x1f\x01\x00\xe6\xc6\xfa\xbb\x81\x06\xcc\x83\x00\x00s`\xfd]B\x03\x8e\x87\x00\x00\xb3\xb1\xfe\xee\xa1\x01s"\x00\xc0_`\xfd]E\x03\x8eE\x00\x80\x17\xb1\xfen\xa3\x01\xb3\x10\x00\xe0(\xd6\xdf\x074`&amp;\x02\x00\x08\xc1\xfa\xfb\x84\x06L#\x00\x00\xeb\xef\x1d\x1a\xa0\x10\x00\xf8\x8e\xf5\xf7\x13\r\x10\x04\x00\x9ec\xfd}F\x03\x08\x00\xfc\xc5\xfa\xc3\xf3\x06\x10\x00x\x8a\xf5\x87\xe2s\x03\x08\x00|\xc4\xfac&amp;o\x1b@\x00\xe0\x1d\xd6\x1f\xc7\xf2\xb3\x01\x04\x00~a\xfdq&lt;\x1e6\x80\x00\xc0#\xac?\xe6\xe7[\x03\x08\x00|\xc1\xfa\xa3\x13^5\x80\x00\xc0\x0b\xac?:\xe7O\x03\x08\x00\xdc\xc7\xfa\xa3[\x9e4\x80\x00\xc0q\xac?z\xe3C\x03\x08\x00\\\xc6\xfa\xa3\x1f\xce7\x80\x00\xc0Y\xac?\xfa\xe7v\x03\x08\x00\xdc\xc4\xfaC\x17\x87\x1b@\x00\xe0 \xd6\x1fz\xb9\xda\x00\x02\x00\xd7\xb0\xfe\xc8\x83\x93\r \x00p\n\xeb\x8f\xfc\xb8\xd7\x00\x02\x00w\xb0\xfe\xc8\x9bc\r \x00p\x04\xeb\x8fb\xb8\xd4\x00\x02\x00\x17\xb0\xfe(\x923\r \x00\xb0\x1e\xeb\x8f\xe2\xb9\xd1\x00\x02\x00\xbb\xb1\xfe(\x8b\x03\r \x00\xb0\x18\xeb\x8fr\xd9\xde\x00\x02\x00[\xb1\xfe0\x81\xd5\r \x00\xb0\x12\xeb\x0fs\xd8\xdb\x00\x02\x00\xfb\xb0\xfe0\x8d\xa5\r \x00\xb0\x0c\xeb\x0f3\xd9\xd8\x00\x02\x00\x9b\xb0\xfe0\x99u\r \x00\xb0\x06\xeb\x0f\xf3\xd9\xd5\x00\x02\x00;\xb0\xfe\xb0\x85E\r \x00\xb0\x00\xeb\x0f\xbb\xd8\xd2\x00\x02\x00\xd3\xb1\xfe\xb0\x91\x15\r \x000\x1a\xeb\x0f{\x99\xdf\x00\x02\x00s\xb1\xfe\xb0\x9d\xe1\r \x000\x14\xeb\x0f7\x98\xdc\x00\x02\x00\x13\xb1\xfep\x89\xb1\r \x000\x0e\xeb\x0f\xf7\x98\xd9\x00\x02\x00\xb3\xb0\xfep\x95\x81\r \x000\xc8\xdc\xeb\x7f\t\xeb\x0fG\x98\xd6\x80@JY\xf0\x1f\x89\x12\x95~\xd7\xc1&lt;\xa4\x94A\x10\x84a\xa8\xd6\xbfV\xad6[\xadK\xff\xf9u_\xfe\x8f\x0b\xda\xac\x7fQB&gt;\xc9\xf9K\x92,&gt;\xb9\xbec\xdb\xcf\xd6_7\x12\xc7q\x92$+W\xae\xbc\xef\xbe\xfb\x86\x87\x87\xd5wAaGB\x00`\x96\xa3\xeb_\xab\xb6\xdb\xed\xab\xd6\xbe\xf1\xf3\x9f?_\x8c\xb7\x85\x94\x82a*@\x9a\x89fZ\xf6Ax!I\xb2xY}\xfb\xf6\x9f}\xec\x86\x87Z\x89h\xb5\xdao~\xf3\x9b\xbf\xf6\xb5\xaf-_\xbe&lt;\x08\x82\xc2\x1a@\x00|\xa1\x1eY|\xecc\x1f{\xf4\xd1G\xa3(JS\xe3\xbe\xcf\x83 8|\xf8\xf0\xde\xbd{\xd5\xe1EQ\xf0\xf67\xbd&lt;\x95B\xa62\x0c\x05\x7fMs\x15\x85A\x9a\xc9\x15\x7f\xbb\xf4\xdf\xff\xed\xef\xe4T\xbb\xc8\x07\xa1~\x92\x99L\x84\xa8,\xab\xff\xfd?|\xe3\x87\xbb\xfeX\xaf\x0fLN6&gt;\xf5\xa9O]w\xddui\x9aFQT\xcca\xc4\xc5\xfc1(\x9d\n\xc0O~\xf2\x93]\xbbv\x95},\xf3\xa9\xc6q\x96eQ\x18\xa6i\xf6\x83\xff\xfbC\xd9\x87\xe3\x97\xc9F"\xe2@J\xc1\xfe\xe7Jf2\x0b\x83\xcaP\xf5\xb2\xcb\xbf\xff\xc3]\x7f\xac\xd5\xaa\x93\x93\x8d\r\x1b6\\s\xcd5\xea\x1aXaGB\x00\xfc244\x14EQ\x14E\xadV\xab\xecc\x99[+I\xd4/\x82\x19\xe7\xa3\xd3\x8c\'\x00\xf9\xaaV\xc34\x95C\x83\x15\x9ej\xe5M\xad\x7f4T]\xff\xd1\x1f\xdc\xf6\xcd\'k\xb5j\xb3\xd9Z\xb7n\xdd\xad\xb7\xdeZ\xfc\xf9\x18\x02\xe0\x97,\xcb\xd24\x95R\xbe\xf9\xe5/\x7f\xfb)\xa7L\xb4\xdb\xa1a\x0f\xf6\xa4\x10q\x18\x1el4\xbe\xfa\xf8\xe3\x99\x94\x81\x08\xc20\xb8\xe2\xdd\xa7\xbdl\xe9\xd0\xe4d+\x8aB!\xa4\x10f\x1d\xb3\xbd2)k\x0b*\x0f\xec\xfd\xed\x8f\x7f\xf1\xc7,\x93\x19\xa1\xcd\xd9\xcc\xf5\xdf\xf1\xf5_\x1d\xbd\xcfm\xdd\xba\xed\xdb\xb7\xa7i\x1a\x86a\xc1\'\xdf\x08\x80\x8f\xb2,;\xef\x94Sn8\xf7\xdc\x83\x93\x93qh\xdc\xad\xc0\x99\x94\x0b\xe2\xf8u\'\x9d\xb4yd$\x8e\x824\x93O\xff\xe1\xd0\xcd\x1b\xdf\x1e\x0e\xd5\xc4T"\xa2\x80G\xa9\xda\xa4\x99\x18\x1e\x8co~`\xe41\xce\xb6\xe5\xce\xb4\xf5\x17\x04\xc0[\x93\xed\xf6\xc1\xc9\xc9\x03F\x06@\x08!\x85\xb8\xe2\x8c3\x84\x10\x9bGF*Q\xf8?\x8f&lt;\xbb\xe2\xf2\xbb\xbf\xbf\xe5\x9f\x86\x87\xaaSSI\x14\xf1\x0c@\x8f$\xcd\x16\n1\xd1h\x97} \xee3p\xfd\x05\x01\xf0V\x18\x04q\x18\xaa\xff\x94},s\xfb\xf3\xe4\xe4t\x03jq\xf4\xf3_?\xf7\xae\xeb\xbes\xdfg\xffqx\xb0\xd6\xa0\x01\xfa\xc4Q\xc8\xbd\xffy3s\xfd\x05?\t\x0cc\xc5a\xa8\x1a\xf0\xd9U\xab\x9aIZ\x8b\xa3G\x9e\xfe\xf3\xea\xcd\xdf\x1e\x9dh\x0e,\x88\xd3\x94\xd3@\xb0\x83\xb1\xeb/\x08\x00LF\x03`;\x93\xd7_\x10\x00\x18\x8e\x06\xc0^\x86\xaf\xbf \x000\x1f\r\x80\x8d\xcc_\x7fA\x00`\x05\x1a\x00\xbbX\xb1\xfe\x82\x00\xc0\x164\x00\xb6\xb0e\xfd\x05\x01\x80Eh\x00\xccg\xd1\xfa\x0b\x02\x00\xbb\xd0\x00\x98\xcc\xae\xf5\x17\x04\x00\xd6\xa1\x010\x93u\xeb/\x08\x00lD\x03`\x1a\x1b\xd7_\x10\x00X\x8a\x06\xc0\x1c\x96\xae\xbf \x00\xb0\x17\r\x80\t\xec]\x7fA\x00`5\x1a\x80rY\xbd\xfe\x82\x00\xc0v4\x00e\xb1}\xfd\x05\x01\x80\x03h\x00\x8a\xe7\xc0\xfa\x0b\x02\x007\xd0\x00\x14\xc9\x8d\xf5\x17\x04\x00\xce\xa0\x01(\x863\xeb/\x08\x00\\B\x03\x907\x97\xd6_\x10\x008\x86\x06 ?\x8e\xad\xbf \x00p\x0f\r@\x1e\xdc[\x7fA\x00\xe0$\x1a\x00\xbd\x9c\\\x7fA\x00\xe0*\x1a\x00]\\]\x7fA\x00\xe00\x1a\x80\xfe9\xbc\xfe\x82\x00\xc0m4\x00\xfdp{\xfd\x05\x01\x80\xf3h\x00z\xe3\xfc\xfa\x0b\x02\x00\x1f\xd0\x00t\xcb\x87\xf5\x17\x04\x00\x9e\xa0\x01\xe8\x9c\'\xeb/\x08\x00\xfcA\x03\xd0\t\x7f\xd6_\x10\x00x\x85\x06`~^\xad\xbf \x00\xf0\r\r\xc0\xf1\xf8\xb6\xfe\x82\x00\xc0C4\x00\xc7\xf2p\xfd\x05\x01\x80\x9fh\x00f\xf2s\xfd\x05\x01\x80\xb7h\x00\x14o\xd7_\x10\x00\xf8\x8c\x06\xc0\xe7\xf5\x17\x04\x00\x9e\xa3\x01&gt;\xf3|\xfd\x05\x01\x00h\x80\x9fX\x7fA\x00\x00A\x03\xfc\xc3\xfa+\x04\x00\x10\x82\x06\xf8\x84\xf5\x9fF\x00\x80\xa3h\x80\x0fX\xff\x99\x08\x00\xf0"\x1a\xe06\xd6\x7f\x16\x02\x00\xfc\x05\x1a\xe0*\xd6\xffX\x04\x00\x98\x8d\x06\xb8\x87\xf5\x9f\x13\x01\x00\xe6@\x03\\\xc2\xfa\x1f\x0f\x01\x00\xe6F\x03\xdc\xc0\xfa\xcf\x83\x00\xf8EJf\xab\x0b4\xc0v\xac\xff\xfc\x08\x80/\xa4\x94R\xca8\x8e\xcb&gt;\x10\xcb\xd0\x00{\xb1\xfe\'D\x00\xbc \xa5\x0c\x82 \x08\x82C\x87\x0e\x95},\xf6\xa1\x016b\xfd;A\x00\xdc\'\xa5\xcc\xb2,\x0c\xc3\xf5\xeb\xd7\xef\xd9\xb3\xa7\x1a\xc7B\x08F\xab+4\xc0.\xac\x7f\x87\x08\x80\xe3\xd4\xfaGQ\xb4~\xfd\xfa\x1d;vDQ\x94e\x99\x10\xa2\x12\x86\\\x0f\xe8\n\r\xb0\x05\xeb\xdf9\x02\xe0\xb2Y\xeb_\xadV\xd34U\xff\xe8\xb9F\xa3\x16\xc74\xa0+4\xc0|\xac\x7fW\x08\x80\xb3f\xad\x7f\xadVk\xb5Za\x18&amp;Y\x16\x06\xc1]O&lt;q\xe3\xde\xbd/\x1d\x1aJ\xb2\xac\xec#\xb5\t\r0\x19\xeb\xdf-\x02\xe0\xa6Y\xeb?00\xd0l6/\xbf\xfc\xf2U\xabV\t!\x820L\xa5\xbcfd\xe4\x96G\x1f=\xb9^\xa7\x01]\xa1\x01fb\xfd{@\x00\x1ct\xec\xfa7\x1a\x8d5k\xd6|\xe9K_z\xf1\x9c\x8f\x94q\x18m\x1e\x19\xb9\xe5g?\xa3\x01\xdd\xa2\x01\xa6a\xfd{C\x00\\3\xe7\xfa\xaf]\xbb\xf6\xb6\xdbnk6\x9bI\x92\x1c\xfdmB$YJ\x03zF\x03\xcc\xc1\xfa\xf7\x8c\x008e\x9e\xf5\x1f\x1b\x1b\x13B\x84a(\x84H\xd3t\xd5\xd9\x97\xbc\xe6o\xceJ\xb2\xb4\x12\xc54\xa074\xc0\x04\xac\x7f?\x08\x80;\xe6_\xff,\xcbf~\',Z\xf8\x92\xab&gt;\xf8\xa5\xbf~\xd9k\xdaiB\x03zF\x03\xca\xc5\xfa\xf7\x89\x008\xe2\x84\xeb\xaf\x1e\xfbOk6\'\x07\x16\x0c]\xf9\x81\x9bO\xf9\xab\xd7\xd3\x80~\xd0\x80\xb2\xb0\xfe\xfd#\x00.\xe8v\xfd\x85\x10a\x18\xb5ZS\xf5\x81\x85\x1b\xff\xf5\x0b4\xa0O4\xa0x\xac\xbf\x16\x04\xc0z=\xac\xbf\xa2\x1a0\xb0\x80\x06h@\x03\x8a\xc4\xfa\xebB\x00\xec\xd6\xf3\xfa+a\x18\xb5Z\r\x1a\xa0\x05\r(\x06\xeb\xaf\x11\x01\xb0X\x9f\xeb\xaf\xd0\x00\x8dh@\xdeX\x7f\xbd\x08\x80\xad\xb4\xac\xbfB\x034\xa2\x01\xf9a\xfd\xb5#\x00V\xd2\xb8\xfe\n\r\xd0\x88\x06\xe4\x81\xf5\xcf\x03\x01\xb0\x8f\xf6\xf5Wh\x80F4@/\xd6?\'\x04\xc029\xad\xbfB\x034\xa2\x01\xba\xb0\xfe\xf9!\x006\xc9u\xfd\x15\x1a\xa0\x11\r\xe8\x1f\xeb\x9f+\x02`\x8d\x02\xd6_\xa1\x01\x1a\xd1\x80~\xb0\xfey#\x00v(l\xfd\x15\x1a\xa0\x11\r\xe8\r\xeb_\x00\x02`\x81\x82\xd7_\xa1\x01\x1a\xd1\x80n\xb1\xfe\xc5 \x00\xa6+e\xfd\x15\x1a\xa0\x11\r\xe8\x1c\xeb_\x18\x02`\xb4\x12\xd7_\xa1\x01\x1a\xd1\x80N\xb0\xfeE"\x00\xe6*}\xfd\x15\x1a\xa0\x11\r\x98\x1f\xeb_0\x02`(C\xd6_\xa1\x01\x1a\xd1\x80\xe3a\xfd\x8bG\x00Ld\xd4\xfa+4@#\x1ap,\xd6\xbf\x14\x04\xc08\x06\xae\xbfB\x034\xa2\x013\xb1\xfee!\x00f1v\xfd\x15\x1a\xa0\x11\rPX\xff\x12\x11\x00\x83\x18\xbe\xfe\n\r\xd0\x88\x06\xb0\xfe\xe5*\x7fP\xa0X\xb1\xfe\n\r\xd0\xc8\xe7\x06\xb0\xfe\xa53eS&lt;g\xd1\xfa+4@#?\x1b\xc0\xfa\x9b\xc0\xacY\xf1\x93u\xeb\xaf\xd0\x00\x8d|k\x00\xebo\x08\x13\x97\xc5+\x96\xae\xbfB\x034\xf2\xa7\x01\xac\xbf9\xcc\x1d\x17\x1fX\xbd\xfe\n\r\xd0\xc8\x87\x06\xb0\xfeF1}_\x1c\xe6\xc0\xfa+4@#\xb7\x1b\xc0\xfa\x9b\xc6\x8e\x89q\x8f3\xeb\xaf\xd0\x00\x8d\\m\x00\xebo \x9bV\xc6\x19\x8e\xad\xbfB\x034r\xaf\x01\xac\xbf\x99\xec\x1b\x1a\xdb9\xb9\xfe\n\r\xd0\xc8\xa5\x06\xb0\xfe\xc6\xb2uk,\xe5\xf0\xfa+4@#7\x1a\xc0\xfa\x9b\xcc\xee\xb9\xb1\x8b\xf3\xeb\xaf\xd0\x00\x8dlo\x00\xebo8\x17\x16\xc7\n\x9e\xac\xbfB\x034\xb2\xb7\x01\xac\xbf\xf9\xdc\x19\x1d\x93y\xb5\xfe\n\r\xd0\xc8\xc6\x06\xb0\xfeVpmw\x0c\xe4\xe1\xfa+4@#\xbb\x1a\xc0\xfa\xdb\xc2\xcd\xe91\x87\xb7\xeb\xaf\xd0\x00\x8dli\x00\xebo\x11\x97\xd7\xa7t\x9e\xaf\xbfB\x0342\xbf\x01\xac\xbf]\xdc\x1f\xa0\xb2\xb0\xfe\xd3h\x80F&amp;7\x80\xf5\xb7\x8e/\x1bT0\xd6\x7f\x16\x1a\xa0\x91\x99\r`\xfdm\xe4\xd7\x0c\x15\x83\xf5\x9f\x13\r\xd0\xc8\xb4\x06\xb0\xfe\x96\xf2q\x89r\xc5\xfa\xcf\x83\x06hdN\x03X\x7f{\xf9;Fy`\xfdO\x88\x06hdB\x03X\x7f\xab\xf9\xbeG\x1a\xb1\xfe\x1d\xa2\x01\x1a\x95\xdb\x00\xd6\xdfvL\x92\x1e\xac\x7fWh\x80Fe5\x80\xf5w\x00\xab\xa4\x01\xeb\xdf\x03\x1a\xa0Q\xf1\r`\xfd\xdd\xc00\xf5\x8b\xf5\xef\x19\r\xd0\xa8\xc8\x06\xb0\xfe\xce`\x9b\xfa\xc2\xfa\xf7\x89\x06hTL\x03X\x7f\x970O\xbdc\xfd\xb5\xa0\x01\x1a\xe5\xdd\x00\xd6\xdf1,T\x8fX\x7f\x8dh\x80F\xf95\x80\xf5w\x0f#\xd5\x0b\xd6_;\x1a\xa0Q\x1e\r`\xfd\x9d\xc4Nu\x8d\xf5\xcf\t\r\xd0Ho\x03X\x7fW1U\xdda\xfdsE\x034\xd2\xd5\x00\xd6\xdfa\xacU\x17X\xff\x02\xd0\x00\x8d\xfao\x00\xeb\xef6\x06\xabS\xac\x7fah\x80F\xfd4\x80\xf5w\x1e\x9b\xd5\x11\xd6\xbf`4@\xa3y\x1aP_\x10\xcbl\xee\x06\xb0\xfe&gt;`\xb6N\x8c\xf5/\x05\r\xd0\xe8\xb8\r\x18o\x06\x0b\xe2$\x9d\xfd\xc9d\xfd=\xc1r\x9d\x00\xeb_"\x1a\xa0\xd1\xdc\r\xb8\xf6;\x13\x13\xad\x85\x03\x95\x99\xbf3c\xfd\xbd\xc1x\xcd\x87\xf5/\x1d\r\xd0\xe8\xd8\x06\xec{\xe6\xc0{&gt;\xfe\xcd?\x1d\x9c|\xf17I)Y\x7fo\xb0_\xc7\xc5\xfa\x1b\x82\x06h4\xab\x01\x95(\xbc\x7f\xdf\xef\xbf\xf8_\xfb\xa2(\x10BdRJ!*C\xd5\xf5\x1fa\xfd\xbd\xc0\x84\xcd\x8d\xf57\n\r\xd0hf\x03\xdaiV\x89\xc2`\xc6?\n\x16V/\xfb\xc8\x0fv|\x83\xf5\xf7\x02+6\x07\xd6\xdf@4@\xa3Y\r\x10/,{\x18\x04\x1f\xfd\xc8\xfd\xb7}\xebI\xd6\xdf\x13\x0c\xd9l\xac\xbf\xb1h\x80FG\x1b\xb0b\xc5\x96U\xab\xa2 \x90\x99\x10B\xdc\xff\xd0\x1fn\xbc\xe3\xb1Z\xb5\xc2\xfa{\x82-\xfb\x0b\xac\xbf\xe1h\x80Fq\x18\xee\x1f\x1f\xff\xc8\x99g\xaey\xc3\x1b2)\xe30\xcc\xa4\xacV+\xcdV\x9b\xf5\xf7\x04s\xf6"\xd6\xdf\n4@\xa3 \x08\x9aI\xf2\x92\x81\x01\xf5?\xa3(j\xb1\xfe&gt;a\xd1\x8eb\xfd-B\x034\n\x82\xa0\x9deB\x880\x0c\xd34e\xfd\xbd\xc2\xa8\t\xc1\xfa[\x88\x06h\xa4f\xbe\x95$g\x9du\xd6\xf6\xed\xdb\xd5_x\xd6\xdf\x07\xec\x1a\xebo+\x1a\xa0\xdd\x92%K\xa4\x94RJ\xd6\xdf\x13\xbeO\x1b\xebo5\x1a\xa0W\x92$A\x10\xb0\xfe\xfe\xf0z\xddX\x7f\x07\xd0\x00\x8d\x98~\xdf\xf8;p\xac\xbf3h\x00\xd0\x1bO7\x8e\xf5w\x0c\r\x00z\xe0\xe3\xcc\xb1\xfeN\xa2\x01@\xb7\xbc[:\xd6\xdfa4\x00\xe8\x8a_c\xc7\xfa;\x8f\x06\x00\x9d\xf3h\xefX\x7fO\xd0\x00\xa0C\xbeL\x1e\xeb\xef\x15\x1a\x00t\xc2\x8b\xd5c\xfd=D\x03\x80\x13r\x7f\xf8X\x7fo\xd1\x00`~\x8eo\x1f\xeb\xef9\x1a\x00\xcc\xc3\xe5\xf9c\xfd!h\x00p|\xce. \xeb\x8fi4\x00\x98\x93\x9b#\xc8\xfac\x16\x1a\x00\x1c\xcb\xc1\x1dd\xfd1\'\x1a\x00\xcc\xe2\xda\x14\xb2\xfe\x98\x07\r\x00frj\rY\x7f\x9c\x10\r\x00\xa6\xb93\x88\xac?:D\x03\x00\xc5\x91Md\xfd\xd1\x15\x1a\x00\x087\x02\xc0\xfa\xa3\x074\x00\xb0~\x19Y\x7f\xf4\x8c\x06\xc0sv\x8f#\xeb\x8f&gt;\xd1\x00\xf8\xcc\xe2}d\xfd\xa1\x05\r\x80\xb7l\x9dH\xd6\x1f\x1a\xd1\x00\xf8\xc9\xca\x95d\xfd\xa1\x1d\r\x80\x87\xec\x1bJ\xd6\x1f9\xa1\x01\xf0\x8de[\xc9\xfa#W4\x00^\xb1i.Y\x7f\x14\x80\x06\xc0\x1f\xd6,&amp;\xeb\x8f\xc2\xd0\x00x\xc2\x8e\xd1d\xfdQ0\x1a\x00\x1fX\xb0\x9b\xac?JA\x03\xe0&lt;\xd3\xa7\x93\xf5G\x89h\x00\xdcf\xf4z\xb2\xfe(\x1d\r\x80\xc3\xcc\x1dP\xd6\x1f\x86\xa0\x01p\x95\xa1\x1b\xca\xfa\xc3(4\x00N2qFY\x7f\x18\x88\x06\xc0=\xc6-)\xeb\x0fc\xd1\x008\xc6\xac1e\xfda8\x1a\x00\x97\x18\xb4\xa7\xac?\xac@\x03\xe0\x0cS&amp;\x95\xf5\x87Eh\x00\xdc`\xc4\xaa\xb2\xfe\xb0\x0e\r\x80\x03\xca\x1fV\xd6\x1f\x96\xa2\x01\xb0]\xc9\xdb\xca\xfa\xc3j4\x00V+s^Y\x7f8\x80\x06\xc0^\xa5-,\xeb\x0fg\xd0\x00X*.\xe5Oe\xfdK\'e\x96fI\x96\xa5e\x1f\x88;\x1aS\xe3\xb5j\xfd\x8a\x0f\xdct\xf3\x1dW\xfeq\xff\xd3q\x18m\x1e\x19\x11B\\q\xc6\x19\xfb\'\'\x83\xb2\x0foNI\x96%Y\x96IY\xf6\x81\xa0\x1c%\x04\x80\xf57A\xb5:\xb0x\xe8%\x81\x10aX\xce\x83\x00\x07\x05"M\xd3\x85\x83\']{\xc5\x7f~a\xe7\xc6\xa7\x9e\xd9=\xdd\x80\xab\xce&lt;s*I\xc2\xc0\xb8\n$YvR\xbd^\xafT\xca&gt;\x10\x94\xa3\xe8o~\xd6\xdf\x04a\x18\xfe\xea\xe9\x87\xef\xf9\xef-\xcdV#\x08\xf8\x84\xeb"\x85\x08\xb2,\xad\xd5\xea\xcb\x96\x9e\xf2\xd4\xaf\xf7\xa42\x0b\x82`\xf3\xc8\xc8\x93\x07\x0f\x9e40\x90d\x99i\x05\xc8\xa4\x1c\xacT\xfe\xf7w\xbf\x0b\xc30\xe3T\x95\x7f\n\r\x80\x94R\x081\xbd\xfe\xb5Z\x8d\xf5/X\x18\x86Q\x14EQ\xf4\xf4o\x1f}\xfa\xb7\x8f\x96}8.\x8b\xa2H\xc55K\xd3\xaf&gt;\xfex\xd9\x87s\x02\xd5j5MS\xbe\x01}St\x00\xa4\x94W^y\xa5Z\xfff\xb3\xb9f\xcd\x1a\xd6\xbf0A\x10\x8c\x8f\x8f\xa7i\x9a\xa6\x9c\xfa\xcf\xdd\xccOr\x14\x86\x81\x10a\x18\xb6\x92\xa4\xc4C\x9aG\xab\xd5\x12B\x8c\x8f\x8f\x97} (Tq\x01H\xd34\x8a\xa2O\x7f\xfa\xd3\xdb\xb6m\xab\xd7\xeb\x93\x93\x93o{\xdb\xdb\xee\xbc\xf3\xce\xe7\x9f\x7f^\x08\xc1\xfa\xe7-\x08\x82$I\xde\xf4\xa67\xd5\xebu\x9e\xef\x17 \xcb\xb28\x8e\x83 \xf8\xd1\x8f~\xa4\xfe\xf2\xb7\x92\xe4\xcc3\xcf\\\xbcx\xb14\xef\xa2k\x14Ei\x9a\xaeX\xb1B\x08\x11\x98w\xad\x029\t\n\xfb\xbb\xa8\x1e\xfe\xff\xfe\xf7\xbf\x7f\xdf\xfb\xde\xf7\xf0\xc3\x0fW\xab\xd5J\xa5r\xc3\r7l\xda\xb4\xe9\xc0\x81\x03q\xcc\xa5\xc8",X\xb0 \x8a\xa2\xb2\x8f\xc2}Y\x96\x05AP\xab\xd5\xae\xb8\xe2\x8am\xdb\xb6U*\x95f\xb3\xb9n\xdd\xba\xed\xdb\xb7\x97}h\xc0\x8b\x8a\x0b\x80\x10BJ\x19\x04\xc1\xe8\xe8\xe8\xea\xd5\xabw\xef\xde\xad\x1et\xdct\xd3M4\xa00&lt;\xf0/\x80:\x9f\xb9p\xe1\xc2\x0f}\xe8Cw\xdf}w\xb5Zm\xb5Zj\xfd\xb3,S\xdf\x05e\x1f\xe3q\xf1\\\xdc+\x85\x06@\xbc\xf0\xbd1\xdd\x00u%\x80\x06\xc0\x19\xd3\xeb\x7f\xe9\xa5\x97\xee\xdc\xb9S\xdd\xe7\xa6\xd6_]e5y\xfd\xe1\x9b\xa2k\xaf\xce&gt;\x0f\x0f\x0f\xdfw\xdf}+W\xael6\x9b\xb5Z\xed\xaa\xab\xae\xda\xbau\xeb\xb2e\xcb\x12S/\x91\x01\x9d`\xfda\x97\x12\x9e\xee\xd1\x008\x89\xf5\x87u\xca9\xdfG\x03\xe0\x18\xd6\x1f6*\xed\x82\x0f\r\x803X\x7fX\xaa\xcc+\xfe4\x00\x0e`\xfda\xaf\x92o\xf9\xa2\x01\xb0\x1a\xeb\x0f\xab\x95\x7f\xcf/\r\x80\xa5X\x7f\xd8\xae\xfc\x00\x08\x1a\x00\x0b\xb1\xfep\x80\x11\x01\x104\x00Va\xfd\xe1\x06S\x02 h\x00,\xc1\xfa\xc3\x19\x06\x05@\xd0\x00\x18\x8f\xf5\x87K\xcc\n\x80\xa0\x010\x18\xeb\x0f\xc7\x18\x17\x00A\x03`$\xd6\x1f\xee11\x00\x82\x06\xc00\xac?\x9cT\xf4\xcbAw\xc5\xe1\xd7\x8e\x9e\xf5ig&gt;L\xc6\xfa\xc3UF\x07@\xb8\xd5\x80,\xcb\xd4\x1bE\xa9\xb7eW\xc3!\xa5\xcc\xb2l\xfa}zY\x13\xd3\xb0\xfep\x98\xe9\x01\x10\xf67@J\x99\xa6i\x1c\xc7\xf5z\xbdZ\xad\xa6i:&gt;&gt;&gt;66\xd6h4Z\xadV\xa5R\xa9\xd7\xeb\x8b\x17/\x1e\x1a\x1a\xca\xb2lllL\xbd\x7fl\xd9G\r!X\x7f\xb8\xce\x82\x00\x08\x9b\x1b\x90eY\xadV\x1b\x1c\x1c&lt;|\xf8\xf0\xbe}\xfbFFF\xf6\xec\xd9\xf3\xcc3\xcf\xec\xdf\xbf\xbf\xd1h\xa8\x11\xa9\xd7\xeb\xcb\x97/?\xfd\xf4\xd3\xdf\xf9\xcew^p\xc1\x05CCC\x87\x0f\x1f\xa6\x01\xa5c\xfd\xe1&lt;;\x02 \xecl@\x96e\x83\x83\x83\xcf&gt;\xfb\xec=\xf7\xdc\xf3\xado}\xeb\xe7?\xff\xf9\t\xff\x95\xd3O?\xfd\xfa\xeb\xaf\x7f\xf7\xbb\xdf=::\xca\xbb\xb3\x96\x88\xf5\x87\x0f\xac\t\x80\xb0\xad\x01i\x9a.^\xbc\xf8\x8e;\xee\xb8\xfa\xea\xabGGG\xd5\x07+\x95\x8a\x1a\x0eu=@\x08\x11\x04\x81\x1azu1@}p\xcb\x96-\x1f\xff\xf8\xc7GGGy\x1eP\n\xd6\x1f\x9e\xb0\xe91\xa6u\xf7\x86J)_\xfa\xd2\x97\x8e\x8e\x8eV*\x95J\xa5\x12EQ\xbb\xddn\xb5Z\xadV+I\x125\xf7i\x9a\xb6\xdb\xedv\xbb\x9d\xa6\xa9\x94R]\x1f\xbe\xe6\x9akv\xee\xdc9&lt;&lt;\xac\xae\x0c\xa3H\xac?\xfca\xd33\x00\xc5\xa2\xe7\x01Y\x96-^\xbc\xf8\x1d\xefx\xc7\xfd\xf7\xdf\xaf&gt;r\xf2\xc9\'\x9fs\xce9g\x9du\xd6\xab^\xf5\xaa%K\x96DQ411\xf1\xd4SO\xdd{\xef\xbd\x0f&gt;\xf8\xa0\xfa=a\x18J)\x97.]\xbag\xcf\x9e\x93N:\xa9\xddn\xb38\x85a\xfd\xe1\x15\xfb\x02 \xeci@\x9a\xa6K\x96,\xf9\xeew\xbf\xfb\xde\xf7\xbe\xf7\xdcs\xcf]\xb3f\xcd\x05\x17\\\xb0|\xf9\xf28\x8e\xd34\xcd\xb2LJ\x19\x86a\x14EI\x92\xec\xdc\xb9\xf3\xc3\x1f\xfep\xb3\xd9T\x1fL\xd3t\xcb\x96-\x9b7o6\xea\xff\x91\xdbX\x7f\xf8\xc6\xca\x00\x08{\x1a\x10\x04A\xab\xd5z\xe2\x89\'\xce&gt;\xfb\xec\x81\x81\x81\xf1\xf1q5\xf1jJ\xd4\xcf\x01\xa8/\xc1\xb2e\xcb&gt;\xf7\xb9\xcf]}\xf5\xd5\xea\xbc\x7f\x96e\xe7\x9dw\xde\xf7\xbe\xf7\xbd\xf1\xf1q\xae\x06\x17\x80\xf5\x87\x87l\r\x80\xb0\xaa\x01\x03\x03\x03\x13\x13\x13\xea\x06\xff9wD=\xea\x9f\x98\x98X\xb1b\xc5\x81\x03\x07\xa2(J\xd3\xf4\x95\xaf|\xe5\xc3\x0f?\xbc`\xc1\x824MY\x9f\\\xb1\xfe\xf0\x93\xc5\x0f-m\xb9&amp;,\xa5\x1c\x1f\x1f\x0f\x82 \x8e\xe3\xe3\xedH\x10\x04\xea|\xd1\xa9\xa7\x9e*^xe\x88#G\x8eLMM\xf1\xf0?o\xac?\xbce\xf7\xb8\xd8\xd2\x80\x0eG&lt;\x08\x82\x99[\xc3\xf4\x14\x80\xf5\x87\xcf\xec\x0e\x80\xb0\xa7\x01\xf3S7\x80NLL\xfc\xe9O\x7f\x9a\xfe\xe0\x92%K\xea\xf5:w\x82\xe6\x87\xf5\x87\xe7\xac\x0f\x80p\xa2\x01i\x9a\x0e\r\r=\xf2\xc8#\xcf&gt;\xfb\xac\xba\r4\x08\x82\xd7\xbe\xf6\xb5\x8b\x17/N\x92\x84\x19\xca\x03\xeb\x0f\xb8\x10\x00ay\x03\xb2,\xabT*\xedv\xfb\xfa\xeb\xaf\x9f\xbe&amp;/\xa5|\xd7\xbb\xde\x15E\x91\xbdW\xe9M\xc6\xfa\x03\xc2\xea\xbb\x80\x8ee\xcb}A3\xa9c^\xb4h\xd1e\x97]v\xfb\xed\xb7\xab\xab\x05Y\x96\xbd\xfa\xd5\xaf~\xe8\xa1\x87\xe28V\xaf ]\xf6a:\x85\xf5\x07\x14G\x9e\x01(\xd6=\x0fH\x92\xa4V\xab\xd5j\xb5\x0f~\xf0\x83\xb7\xdf~\xfb\xccW\xfe\xb9\xf1\xc6\x1b9\xff\x93\x07\xd6\x1f\x98\xe6T\x00\x84U\rH\x92d\xd1\xa2EG\x8e\x1c\xb9\xf8\xe2\x8b\xef\xba\xeb\xae\xe9\xb3=Y\x96m\xdd\xba\xf5\xa2\x8b.:t\xe8\x10/\x06\xa7\x17\xeb\x0f\xcc\xe4\xd4)\xa0i\xe6\x9f\x0bJ\x92dxxx\xdf\xbe}\xef\x7f\xff\xfb\x9f|\xf2I5\xf4j\x83\xbe\xf8\xc5/n\xd8\xb0\xe1\xf9\xe7\x9fg\xfd\xf5b\xfd\x81Y\xdc\x0c\x800\xbb\x01j\xfdGFF.\xb9\xe4\x92\x83\x07\x0fN\xaf\xff\xf0\xf0\xf0W\xbe\xf2\x95\x8b/\xbe\xb8\xf4#t\x0f\xeb\x0f\x1c\xcb\xd9\x00\x08S\x1b\xa0\xde%\xe6\xf1\xc7\x1f\xbf\xf0\xc2\x0b\xa7O\xf2\xa4i\xfa\xc67\xbe\xf1\xce;\xef&lt;\xed\xb4\xd3\x0e\x1e&lt;\xc8\xfa\xeb\xc5\xfa\x03sr9\x00\xc2\xbc\x06\xa8\x1b\xfc\x83 X\xb5j\xd5c\x8f=\x16\xc7\xb1z\xc7\xe0\xf3\xce;\xef\x9e{\xeeY\xb2d\xc9\xe1\xc3\x87+\x95J\xc1G\xe56\xd6\x1f8\x1e\xd7.\x02\xcfb\xda5a\xf56aw\xddu\x97Z\x7f\xf5\x860\xe7\x9e{\xee\xb7\xbf\xfd\xed\xc1\xc1\xc1#G\x8e\xb0\xfez\xb1\xfe\xc0&lt;\x1c\x0f\x800\xac\x01a\x18\xb6\xdb\xed\xaf\x7f\xfd\xeb\xeay\x80\x94r\xf9\xf2\xe5;w\xee\xacV\xabSSS\x9c\xf9\xd1\x8b\xf5\x07\xe6\xe7~\x00\x841\r\x90RV\xab\xd5\xfd\xfb\xf7\xff\xf2\x97\xbf\x94/\xd8\xb4i\xd3+^\xf1\x8a\xf1\xf1q\xee\xf9\xd1\x8b\xf5\x07N\xc8\x8b\x00\x083\x1a\xa0^\xf1\xed\xb9\xe7\x9e;|\xf8\xb0\x10B\xbd=\xc0\xaaU\xab\x1a\x8d\x06\xeb\xaf\x17\xeb\x0ft\xc2\x97\x00\x083\x1a\x10\x86a\xa3\xd1\x98~g\x98E\x8b\x16\xa9?\x9a=\xd2\x88\xf5\x07:\xe4Q\x00\x84\x19\rP\xef\x06\xac\xfe{jj\x8a\xc7\xfez\xb1\xfe@\xe7\x1c\xbf\rtNe\xdd\x1b\xaaN\x01\x8d\x8d\x8d=\xf2\xc8#\xea#\x95Je\xe5\xca\x95\xeaf\xd0\x9c\xfeP\xaf\xb0\xfe@W|\x0c\x80(\xf5\xe7\x03\xc20\x1c\x1c\x1cT\xbf\x96RNLL\xf8\xf9%\xd0\x8e\xf5\x07\xba\xe5i\x00D\xa9\xcf\x03\x92$\xc9\xb2L\x08\x11\x86!7\xfek\xc1\xfa\x03=\xf07\x00\xa2\xa4\x06\xa8\x97\x82X\xb0`\x81\x10\xa2\xddn\x8f\x8d\x8d\x89\x17\xde\x05\x1e\xbda\xfd\x81\xdex\x1d\x00Qx\x03\xa4\x94\x83\x83\x83?\xfd\xe9O\x1f|\xf0\xc1\xa9\xa9\xa9\xb3\xcf&gt;\xfb\xc2\x0b/l6\x9b\xbc\xebK\xcfX\x7f\xa0g\xbe\x07@\x14\xd8\x00\xf5:\x10[\xb7n\xfd\xc4\'&gt;1\xfdV\xefk\xd7\xae\xbd\xe5\x96[\x9a\xcd&amp;;\xd5\x03\xd6\x1f\xe8\x07\x01\x10\xa2\x90\x06H)\xe38&gt;t\xe8\xd0i\xa7\x9d\xa6^\xf3G\xfd$p\x9a\xa6\xf7\xde{\xef\xf9\xe7\x9f?66\xa6\xde\x0f\x12\x1db\xfd\x81&gt;\xb18B\x14\xf2\xf3\x01R\xcaZ\xad\xf6\x9b\xdf\xfcfll,\x08\x82v\xbb\xad~\xfe+\x0c\xc3_\xfc\xe2\x17\x95JE]\x16F\x87X\x7f\xa0\x7f\x04\xe0\xa8b~Fl\xce\xc7\xf8&lt;\xf0\xef\x16\xeb\x0fh\xc1\xf4\xbc(\xd7\x06\x04A055u\xea\xa9\xa7.]\xbaT\xbd*\x9cz9\xe8,\xcb\xce8\xe3\x8cV\xabE\x06:\xc4\xfa\x03\xba0:\x7f!\xbf\x06\xa8\xd3&gt;\xcb\x96-\xfb\xccg&gt;S\xadV[\xad\x96\xfai\x80\x8d\x1b7\x9es\xce9\xe3\xe3\xe3\x04\xa0\x13\xac?\xa0\x11\x17\x81\xe7\x90\xdf5a)\xe5\xd0\xd0\xd0\xde\xbd{\x1fx\xe0\x81F\xa3\xf1\x96\xb7\xbc\xe5\xfc\xf3\xcf\x9f\x9a\x9a\xe2\xab\xd0\t\xd6\x1f\xd0\x8b\x00\xcc-\xbf\x06dYV\xaf\xd7\x07\x06\x06\x84\x10\xadV\x8b\x9b\x7f:\xc4\xfa\x03\xda\x11\x80\xe3\xca\xb5\x01\xea\x9e\x9f \x08x5\xd0N\xb0\xfe@\x1e\x08\xc0|L{Oy?\xb1\xfe@N8\xf90\x1f\x13\xde?\xc0s\xac?\x90\x1f\x02p\x024\xa0D\xac?\x90+\x02pb4\xa0\x14\xac?\x907\x02\xd0\x11\x1aP0\xd6\x1f(\x00\x01\xe8\x14\r(\x0c\xeb\x0f\x14\x83\x00t\x81\x06\x14\x80\xf5\x07\nC\x00\xbaC\x03r\xc5\xfa\x03E"\x00]\xa3\x019a\xfd\x81\x82\x11\x80^\xd0\x00\xedX\x7f\xa0x\x04\xa0G4@#\xd6\x1f(\x05\x01\xe8\x1d\r\xd0\x82\xf5\x07\xcaB\x00\xfaB\x03\xfa\xc4\xfa\x03%"\x00\xfd\xa2\x01=c\xfd\x81r\x11\x00\rh@\x0fX\x7f\xa0t\x04@\x0f\x1a\xd0\x15\xd6\x1f0\x01\x01\xd0\x86\x06t\x88\xf5\x07\x0cA\x00t\xa2\x01\'\xc4\xfa\x03\xe6 \x00\x9a\xd1\x80y\xb0\xfe\x80Q\x08\x80~4`N\xac?`\x1a\x02\x90\x0b\x1a0\x0b\xeb\x0f\x18\x88\x00\xe4\x85\x06Lc\xfd\x013\x11\x80\x1c\xd1\x00\xc1\xfa\x03\x06#\x00\xf9\xf2\xbc\x01\xac?`2\x02\x90;o\x1b\xc0\xfa\x03\x86#\x00E\xf0\xb0\x01\xac?`&gt;\x02P\x10\xaf\x1a\xc0\xfa\x03V \x00\xc5\xf1\xa4\x01\xac?`\x0b\x02P(\xe7\x1b\xc0\xfa\x03\x16!\x00Es\xb8\x01\xac?`\x17\x02P\x02\'\x1b\xc0\xfa\x03\xd6!\x00\xe5p\xac\x01\xac?`#\x02P\x1ag\x1a\xc0\xfa\x03\x96"\x00er\xa0\x01\xac?`/\x02P2\xab\x1b\xc0\xfa\x03V#\x00\xe5\xb3\xb4\x01\xac?`;\x02`\x04\xeb\x1a\xc0\xfa\x03\x0e \x00\xa6\xb0\xa8\x01\xac?\xe0\x06\x02`\x10+\x1a\xc0\xfa\x03\xce \x00f1\xbc\x01\xac?\xe0\x12\x02`\x1cc\x1b\xc0\xfa\x03\x8e!\x00&amp;2\xb0\x01\xac?\xe0\x1e\x02`(\xa3\x1a\xc0\xfa\x03N"\x00\xe62\xa4\x01\xac?\xe0*\x02`\xb4\xd2\x1b\xc0\xfa\x03\x0e#\x00\xa6+\xb1\x01\xac?\xe06\x02`\x81R\x1a\xc0\xfa\x03\xce#\x00v(\xb8\x01\xac?\xe0\x03\x02`\x8d\xc2\x1a\xc0\xfa\x03\x9e \x006)\xa0\x01\xac?\xe0\x0f\x02`\x99\\\x1b\xc0\xfa\x03^!\x00\xf6\xc9\xa9\x01\xac?\xe0\x1b\x02`%\xed\r`\xfd\x01\x0f\x11\x00[il\x00\xeb\x0f\xf8\x89\x00XLK\x03X\x7f\xc0[\x04\xc0n}6\x80\xf5\x07|F\x00\xac\xd7s\x03X\x7f\xc0s\x04\xc0\x05=4\x80\xf5\x07@\x00\x1c\xd1U\x03X\x7f\x00\x82\x00\xb8\xa4\xc3\x06\xb0\xfe\x00\x94@JY\xf61@\'\xb5\xef\xa3\xa3\xa3\xabW\xaf\xde\xbd{w\xadVk6\x9b7\xddt\xd3\xa6M\x9b\x0e\x1c8\x10\x86!\xeb\x0f@\xe1\x19\x80k\xe6\x7f\x1e \x84`\xfd\x01(&lt;\x03p\xd3\xf1\x9e\x07l\xdc\xb8q\xed\xda\xb5w\xdf}7\xeb\x0f\x80\x008kV\x03\xe28N\xd3\xf4\xado}\xeb\x8f\x7f\xfcc\xd5\x03\xd6\x1f\xf0\x1c\x01p\xd9\xb1\rH\x92\x84\xf5\x07\xa0p\r\xc0e\xb3\xae\x07$IR\xaf\xd7Y\x7f\x00\n\xcf\x00\xdc7\xfd&lt;\xe0\xa2\x8b.\xda\xb5k\xd7\x86\r\x1bn\xbd\xf5V\xd6\x1f\x00\x01\xf0\x82j\xc0\xfe\xfd\xfbo\xbb\xed\xb6k\xaf\xbdV}\xd1Y\x7f\xc0s\x04\xc0\x17RJ\xb5\xf8\xd3\xbf\x00\xe09\xae\x01\xf8"\x08\x02)e\x9a\xa6\xac?\x00\x85g\x00\x00\xe0)\x9e\x01\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ea\xff\x01\xe5\xa7^\\\x9c\xc0\x9e\xe6\x00\x00\x00\x00IEND\xaeB`\x82'</t>
        </is>
      </c>
    </row>
    <row r="312">
      <c r="A312" s="1" t="n">
        <v>310</v>
      </c>
      <c r="B312" t="inlineStr">
        <is>
          <t>triangle</t>
        </is>
      </c>
      <c r="C312" t="inlineStr">
        <is>
          <t>What is the missing number of the part denoted with a question mark?</t>
        </is>
      </c>
      <c r="D312" t="inlineStr">
        <is>
          <t>['5', '2', '9', '7']</t>
        </is>
      </c>
      <c r="E312" t="inlineStr">
        <is>
          <t>5</t>
        </is>
      </c>
      <c r="F312" t="inlineStr">
        <is>
          <t>There are three groups of numbers with a triangle arrangement in the image. The first group is [3, 7, 21], the second group is [2, 1, 2], and the third group is [8, '?', 40].</t>
        </is>
      </c>
      <c r="G312" t="inlineStr">
        <is>
          <t>We observe that the number 21 is the product of 7 and 3. Similarly, the number 2 is the product of 1 and 2. Hence, the pattern is that the rightmost number in each group is the product of the other two numbers.</t>
        </is>
      </c>
      <c r="H312" t="inlineStr">
        <is>
          <t>Based on the pattern that the rightmost number in each group is the product of the other two numbers, the missing number of the group [8, '?', 40] should be 5.</t>
        </is>
      </c>
      <c r="I312" t="inlineStr">
        <is>
          <t>b'\x89PNG\r\n\x1a\n\x00\x00\x00\rIHDR\x00\x00\x02\x00\x00\x00\x02\x00\x08\x02\x00\x00\x00{\x1aC\xad\x00\x00\xb5 IDATx\x9c\xec\x9dwxTE\xf7\xc7\xcf\xdc\xb6\x9bM\xb2%\x8d^Bo\xa1\x04B\x0f\xbd\x04,\xa0\x02RD\xe9(\xc8\xfbR\x14D\x91&amp;\x8a \x08\nX@\x9aT\x11)\x82B\xe8R\xc5\xd0\x13\x81@h\xa1\x84\xf4\xed\xf5\xde\x99\xdf\x1f\x03\xfb\xcb\x0b\x88\xa4\x106d&gt;\x8f\x8f\x0f\xb9{\xf7\xeel\xb9\xe7;s\xe6\x14D\x08\x01\x06\x83\xc1`\x14?\xb8g=\x00\x06\x83\xc1`&lt;\x1b\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84g=\x00\xc6S\x87\x10B\xffO\xff\xe1\x05\xdd\xe7\x19\x8d\x8b\xc1`&lt;c\xd0\x03F\x81\xf1|@\x08\xc1\x18\x13B\x10B&lt;\xcf?\xe1\x99\x1c\xc71=`0\x8a\x0fL\x00\x9e+\x08!\x8a\xa2p\x1c\xc7q\xff\xef\xdcS\x14\xc5b\xb1\xdc\xbd{7%%\x05\x00\x01\xdc\xfb\xc6\xabT\xa9\x12\x18\x18\xa8\xd7\xebs^AQ\x14\x00`J\xc0`\x14\x07\x98\x00&lt;\'`\x8c1\xc6\x82p\xcf\xa7\x97\x95\x95u\xe6\xcc\x99C\x87\x0e\xfd\xf9\xe7\x9f\xb7n\xdd\xba\x9b\x9aj6\x9b\xdd.W\xce\xa7\x04j\xb5j\x95\xaar\xe5\xcae\xcb\x96m\xd9\xb2e\xf3\xe6\xcdk\xd7\xae\xad\xd1h\xe8\xa3\xb2,\xf3&lt;\xcfd\x80\xc1x\x8ea\x02P\xe4\xa1&gt;\x1c\xea\xe7\xb1X,[\xb6l\xf9e\xd3\xa6cG\x8f\xa5\xa5\xa5\xe6\xf6R\xe1\xe1\xe1m\xdb\xb6\xed\xdd\xbbw\xbbv\xed\xe8\x05\xe9z\x82\xc9\x00\x83\xf1\\\xc2\x04\xa0\x08\x93\xd3\xf4\'$$\xac\\\xb9r\xc3\xcf?\'\xdf\xb8\xe1=!P\xab\xadT\xb5f\x89\xd2e\xaaT\xaf\xed\xef\x1fP\xbdN=\xac\xc8t\xf7W\xf6x\xce\xc7\x9fr:\x1c\x89\x7f\x9f\xbd{\xe7\xf6\x8d\xab\x97]9\xd6\x07\xf5\xeb\xd7\xef\xd7\xaf_\xff\xfe\xfdK\x94(\x01\x00\x8a\xa2&lt;~#\x81\xc1`\x14E\x98\x00\x14U0\xc6\xd4\xd1\x7f\xfb\xf6\xed\xc9\x93\'\xaf[\xb7\xce\xe1p\xd0\x87J\x97-\xdf4\xba]\xeb\x8e15\xea4(S\xae\xa2J-\t\x02`\x02\x8a\xfc?W\x10D\x00\x02\xb2\x0c6\xab%\xf9ZR\xfc\xe9\x93\xfbc\xb7\x9d8v\xc8d\xcc\xa6\'\x94,Yj\xe4\xc8\x11\xe3\xc7\x8f\x97$\tc\xccB\x86\x18\x8c\xe7\x0c&amp;\x00E\x12Y\x96\x05A\xf0x&lt;\xdf}\xf7\xddg\x9f}v\xf7\xee]\x00\x90$)\xaaE\xeb&gt;\x03\xden\xd8\xb4eX\xc90\x8c\xc1\xe5r\xbb]\xae{A&gt;\x009\xcd7\x01\xf0\x1e\xe4xA\xa5R\xa9\xd4\x82,\xc3\xad\x1bW\x0e\xef\xdb\xb5~\xc5\xf7\x17\x12\xce\xd23#""f\xcd\x9a\xd5\xa5K\x17`K\x01\x06\xe3\xf9\x82\t@\xd1\x83Z\xff\xcb\x97/\x0f\x1c8\xf0\xc8\x91#\xf4`\xd7W^\x1f\xf6\xdf\xf1\xd5k\xd5\x15D\xc1n\xb3{&lt;n\x80\'\x0f\xeb$\x18\x13B0\x02$\xa9\xd5\x1a\x8d\xcab\xb1\x9f&lt;v\xf0\xeb\xcf\xa7\x9e=y\x9c\x9e1d\xc8\x90/\xbf\xfc200\x90\xbe\xfaS{s\x0c\x06\xa3\xf0`\x02P\x94\xa0\xc9\\\x1c\xc7m\xd8\xb0a\xe4\xc8\x91\x19\x19\x19\x00P7\xb2\xf1\x7f\'Nk\xd1\xb63!\xc4n\xb3\xd2\x13\xf2\xec\xab!\x84`\xacp\x1c\x1f\xa8\r\xb4Y\xad\xdb6\xae[0kj\xda\xdd;\x00\x10\x19\x19\xf9\xc3\x0f?4h\xd0\x80i\x00\x83\xf1|\xc0\x04\xa0\xc8\xe0\xb5\xfe\xd3\xa6M\x9b:u*=\xf8\xce\xd8\x8f\xde\x1e\xfb\x91\xc6\xdf\xcfd4\xd1L\xae\x82z9\xea\xed\xd1\xe9\x03n^\xbf\xf1\xe9Gcwm\xdb\x04\x00AAA\xdf~\xfbm\xaf^\xbd\x98\x060\x18\xcf\x01L\x00\x8a\x06\xde\x80\x9fa\xc3\x86-Y\xb2\x04\x00BK\x94\x9c1oI\xa7\x97^4f[\x9f\x9ek^\x96=~~\xfe\x92$\xfe\xb0`\xce\xbc\xcf&amp;y\xdcn\x00X\xbcx\xf1\xd0\xa1C\x99\x060\x18E\x1d&amp;\x00E\x00\x9a\xdf+\x08\x82\xd7\xfa\xd7\xaa\x1b\xf9\xed\x9a\xcd\xa5\xcb\x967f\x1b\x9fv\xba\x16\xc6\x18\x00\x82\x82\xb5\x87\xf7\x1f\x18\xf9\xe6\xabfc60\r`0\x9e\x0b\x98\x00\x14\x01\xa8\x9d}\xfb\xed\xb7\xbf\xff\xfe{\x00\xa8U7r\xd9\xc6\x1d:}\x90\xd5j\x11\x04\xb1p\xc6\xe0\xf1xBB\r\x7f\x1d92\xac\xf7\x8bf\x93\x11\x00V\xacX\xf1\xd6[o1\r`0\x8a.L\x00|\x1dja\x17/^&lt;|\xf8p\xb8o\xfd\x03uz\x87\xcd\xce\x17\xae\xe5\x95=\x1eC\x88\xe1\xc4\xd1{\x1a\xe0\xef\xef\x7f\xe0\xc0\x81F\x8d\x1ay3\x12\x18\x0cF\xd1\x82\t\x80OCm\xeb\xf1\xe3\xc7\x9b7o\x8e1\xaeZ\xa3\xf6\xaa_\xf7\x05\xea\xf4\x0e\xbb\xe3\x99\xc4\xe3\xcb\x1eOP\x88\xe1\xaf#G\x06\xf7\xecl\xb7\xd9\xc2\xc3+\x9d&lt;y\x82\x96\x93c9b\x0cF\x91\x83M\xdc|\x17\xaa\xcd\x99\x99\x99}\xfb\xf6%\x84h4\xfe\x9f/Z\x11\x14\x12b\xb7\xd9\x9fU6\x96 \x8a\x99\x19\xd9\xcdZ\xb7\x18?\xf5\x0b\x00\xb8v\xed\xea\xb0a\xc3\xe8\x06\xf53\x19\x0f\x83\xc1\xc8\x0fL\x00|\x17:\xfd\x1f7n\xdc\xd5\xabW\t!\xefO\xfb"\xb2q#c\xb6\xe9\xd9\xfa\xdcEQ\xccH5\xf6\x1f\xf6\xce\xcb=\xdf\x00\x80\x8d\x1b7\xaeZ\xb5\x8a\xe7yZG\x9a\xc1`\x14!\x98\x0b\xc8G\xa1\x91\x9d\x87\x0e\x1dj\xdb\xb6\xad\xa2(\x9d^|\xf5\xbb\xb5\xbfde\x18\x0b\xd9\xef\xffH\x08!&lt;\xcf{\xdc\xeeW\xdb5\xbc\x95|=,,\xec\xfc\xf9\xf3:\x9d\x8e\x15\x0bb0\x8a\x16l\x05\xe0\x8b\xd0\xfe\\.\x97k\xcc\x981\x8a\xa2\xe8\x83\x82?\xfct\x9e\xcd\xe6D\xbe\xb1\xd7\x8a\x10\xf2\xb8\xdd:\x83\xfe\x83\x19\xf30\xc6w\xef\xde\x9d&lt;y2\xc7q\xcc\x11\xc4`\x14-|\xc2\xa00\x1e\x80:\x7f\xd6\xaf_\x7f\xf2\xe4I\x00\xe87xd\x85J\xe5\x9d\x0eg\x9e\x83m\xa8\x9b^\xc9\x01\xad\x10\x97\xe7\x11\xf2\x82`6\x9a\xdbwy\xb1Y\xab\xf6\x00\xf0\xfd\xf7\xdf_\xbcx\x91i\x00\x83Q\xb4`. _\x84f~\xd5\xabW\xef\xe2\xc5\x8b\xe1U\xabo\xdc\xfd\x17 \x00L \xf7\x0e\x16EQ\x10\x02QRI\x92\xca\x9b1F\x08\xc82v\xbb\x9c\x1e\x8f\'\xcf\x85\x830\xc6\x1a\x8d&amp;\xf1|B\x9f\xae-\x1dv\xdb\x90!C\x96,Y\xc2\xca\x852\x18E\x88g\xefPf&lt;\x80\xd7\xfb\x7f\xf1\xe2E\x8cq\xb7\x9e\xfd\xf5\x86\x80\x8ctcn\xf7~\xef\x17\xf3\xd1a\x0c\xa9)\xb7\x93\xaf_I\xbb{\xc7j6#\x84\xb4:}\xa92\xe5*T\xae\x1a\x1c\x1a\xec\xb4\xbb\x9cNg\x1e\xac6\xc7q6\x9b\xadN\xfd\xfaQ\xcd\xa3\x0f\xee\xd9\xf9\xeb\xaf\xbf\xce\x9c9388\x98\xfa\xafr{5\x06\x83Q\xf80\x01\xf0Q~\xf8\xe1\x07\x8cqph\xd8K=\xfaY-y1\xd0Z\x9d\xcea\xb7\xff\xbey\xe3\xb6\x8dkN\xc7\x1d\xcbL\xff\x9f\x0e\x91\x08\xa1\xb2\xe5\xc3\xdb\xc5\xbc\xf4\xe6\xdb\xff-[\xbe\xa2\xc5l\xce\xc3K \x00\xac\xe0\xbe\x83F\x1e\xde\xb7;--m\xf3\xe6\xcd\xac&gt;\x04\x83Q\x84`. \xdf\x82N\x9fSRRj\xd4\xa8a6\x9b\xbb\xf5\xea?\xef\x87\x1f33r7\xfd\'\x00\x08\xc1_\x87\xf6/\xfc\xe2\x93\xf8\xd3q\x8f?9\xb4D\xa99\xdf\xadj\xda\xaa]\xde4\x00\x00q\x08\xbd\xd2.\xf2Z\xd2\xa5&amp;M\x9a\xd0\xfe\x04,1\x98\xc1(\x12\xb0\x99\x9aoA\x8b\xbe\xed\xda\xb5\xcbl6\x03@\xfb./+J\xee&lt;*\x84`QR\xdd\xbd}s\xc4\x9b\xaf*\xb2\xccq&lt;\xc6\n\x00T\xac\\\xadB\xa5*zC\x90,\xcb7o\\=w2\x0e\x80\x88\x92\x94\x9e\x9a2\xf2\xcd\xd7~\xdeu\xac|xe\xa73\xd7\xfb\xcc\xb2\xec\t\x0e\xd1G\xb7\xefr\xf5r\xe2\x993g\x92\x92\x92\xaaU\xab\xc6\x8aC0\x18E\x02v\x97\xfa\x16\xd4\xd6\xff\xf1\xc7\x1f\x00P\xb2t\xd9F\xcdZ9\xec\xb93\xca\x08qn\xa7\xb3B\xa5\xca\xe3&gt;\x9e\t\x00\x82\xc0\xf7xc\xd0\x9a\xed\x7f\xfc\xb27n\xc9O\xbf\xcd\xf9~\xd5\xfc\xa5\xeb\xd6\xff~\xf8\xe7\xdd\x7f\xd6\xae\x17\xe9q\xbbEIe\xb5\x98\xbe\x99;C\xa5\x96\x08\xc9u\x0c\x0f\x87\x90\xc7\x83\xdb\xc7\xbc\xcc\xf3\xbc\xd3\xe9&lt;z\xf4\x18\xdc/ \xca`0|\x1c\xb6\x02\xf0-8\x8e\xf3x&lt;\xc7\x8f\x1f\x07\x80\xda\xf5\x1a\x86\x96\x083\x19M\xb9\xf5\xccp&lt;o\xb7\xd9\xdf\x18\xf2nVFZ\x9bN/\xb4h\xd3\xda\xe5\xc2N\x87\xc3b2Q\x7f\x1f\x02\x88l\xdc\xf8\xeb\x15\x1b_k\x1fe\xca\xceB\x08\x1d\xfbco\xda\xdd4\xff\xc0@E\x96s\xb5\xe0@\x1c\xe7t8\xab\xd7\xae\x1bV\xaat\xca\xad\x9b\x07\x0f\x1e\x1c0\xe0-\xb6\t\xcc`\x14\t\xd8\n\xc0\x87\xc0\x18#\x84\x92\x92\x92\xae\\\xb9\n\x00\x8d\x9aE\xf3&lt;@\x9e6i\x08!\xb2\xec\x99\xf0\xc9\xec\x86MZff\x98lV+!\x98\xe3\xef\xc1\xf1|fzV\xc5J\xe1-\xdat\xa4\x9b@&amp;Svfz\xaa \x88\xb9\xdd\x13B\x08y&lt;\x1eCppD\xfd(\x00\xf8\xf3\xcfcy\xf0#1\x18\x8cg\x02\xbbQ}\x08j|\xaf_\xbf\xeer9\x01\xa0r\xb5\x9a\xb2\x9c\xf7*\x9b\x08!S\xb6\xc9n\xb7\xf1&lt;\xcfq\x1c\xc0\xff\\\x87\xe39BpHX\t\xf0\x16\xf2\xcc\xeb\xac\x9d\x10"\x8aP\xa9j\r\x00HI\xb9k6\x9b\x11b\xc1\x05\x0cF\x11\x80\t\x80\x0fA\x8d\xe6\x993g\x01@\xab\xd3\x95\xabX\xc9\xe3v\xe7\xc7\x9dr\xdf\xf4\xff\xd3kqwn\xdd\xa4\xff\xd6\xe9\x83\x82CJ\xc8\xb2\'\x0f/\xc7!$\xcbP\xb5f\x1d\x000\x9bM\x89\x89\x89\xc0\xb6\x01\x18\x8c\xa2\x00\x13\x00\x9f\xc3f\xb3\x01\x00\xcf\x0b\x01\x01\x81\x18\xe3&lt;d\xff&gt;\x0c\xc9\x01\xc6\xd8\xe3vku\xfakIW\xfe&lt;\xb8\x97\xe7\x05BH\xe3\x16\xadCK\x86\xe5Yo\x08\x01\xadN\x0f\x00\x18c\x87\xc3\x91\xff\x013\x18\x8cB\x80\t\x80\x0fAg\xeb\'O\x9e\x00\x80r\x15+\xe9\x0c\xc1r.\xb7d\x1f\tBH\x10DA\x10\x04A\x10%\xc9?  \xb4DPz\xea\x9d\x89\xa3\x06\xda\xacVE\x91\xfd4\x9aw\xc6~\xe8q\xe5e\xfa\x0f\xf7k\xc3\x95-\x1f\x1e\xa8\xd5\x01@\\\xdc\t\xb8\xbf\x9aa0\x18\xbe\x0c\x8b\x02\xf29&lt;\x1e\x0f\x00\x04\x04jUj\xb5\xd5b\xce\xe7\x86*\xb5\xce.\x97\x13!\x8e\x10\xect8\xee\xde\xb9y\xfc\xf0\xfeu\xcb\xbf\xcfH\xbb\x0b\x00\x81Z\xdd\x17\xdf\xae\xaa^;\xc2l\xca["\x18\x00B\x18\xe3@\xadV\x92$\xef\xf8\x19\x0c\x86\xef\xc3\x04\xc0\xe7\xa0\xd3p\xac(\xf9\x9fD+\xb2\xac\x0f\xd2\xad\xfc~\xf9\xa2/\xa6\x8b\xa2J\xf6\xb8\x9dN\x87\xcdj\xa1\x8f\x86W\xa9\xde\xbcu\x87~CF\x84W\xa9\x9ew\xeb\x7f\x1f\xef\x80Y\x0c(\x83QT`\x02\xe0sP\x03ZP\x0e\x14\x8eG\x16\xb3)+#\xfd\xff\x8fp\x9c \x8a\xfe\x01\x81M\xa3\xdb\xbe\xf0j\xefr\x15*\x17H#\x17\xef\x80\x99\x000\x18E\x05\xb6\x07\xe0s\xc8\xb2\x0c\x00\x82 p\\\x01XR\x8c\x89\xc6?@\xab7\x18\x82C\xb5:\xbd\x9f\xc6\x1fc\xecv\xb9\xb233\xd6-\xff\xae\xef\x0b\xd1\xddZ\xd7\xffm\xd3\xfa@\xad6\x0fi\xc0^\x08!\x82  \xc4y\xc7\xcf`0|\x1f\xb6\x02\xf0!\xa8\x0b%88\x18\x00RS\xee\x98M&amp;A\x10hvX\xde.\xc8\x0b\x82\xd5l\xef\xd6\xeb\x8d\x98\x97^\xa3\x9ez\x97\xd3\x91\x9d\x99q5)\xf1\x8f\xdd\xbf\xed\xf9m\xab\xa2\xc8W/_\x1c7\xac_\xca\xed\x9b\xc3GO0\x1bM\\\xee\x1dA\x84\x10Q\x14\xef\xa6\xdc\xb6\xdb\xad\xde\xf13\x18\x0c\xdf\x87\xad\x00|\x08*\x00\xb5k\xd7\x01\x80\x8c\xb4\xbb\x0e\x9b5\xff\xcdU\x08!j\xb5\x9f!8D\x1f\x14\x1c\x1c\x12Z\xa6|\xc5z\x8d\x9a\xf6\xea?\xf0\x9b\xd5\x1b\x7f\xf8\xf9\xf7\xe0\x900^\x10\x04A\x983\xed\x83\x93\x7f\x1e\xd5\x04\xf8\xe7%~\x9f\x10^\x1023\xd2\x1dv;\x00\xd4\xad\x1b\x01\xcc\x11\xc4`\x14\x05\x98\x00\xf8\x1c\x06\x83\x1e\x00\xdc.WFz*/\x08y+\x05\x91\x13\x8c\xb1\xc7\xe3\x91=\x1e\x8f\xc7\xe3v\xb9\xec6\xab1\xdb\x98\x99\x96\xd5\xa1k\xc7\t\x9f\xccQd\x99\xb6\x1a\xfey\xd5\x0f\x92$\xe4\xc1\x11D\x008\x0eRo\xdf\x04\x00I\x92\x02\x02\x02\x80\t\x00\x83Q\x14`\x02\xe0CP\xa3Y\xaf^=\x00\xb0\xdbm\xb7o&amp;\x8b\xa2P \x01\xf5(\x07\x1c\xc7\xf1\xbc \x88bf\xba\xadE\x9bN\x86\xa0\x10\x8f\xdb\r\x00\xe7\xe3\xcf\xd8lN\x8e\xcf\xb5W\x90\x10\xc2\xf3p\xfd\xca%\x00\x08\x0c\xd4V\xadZ\x15\x98\x000\x18E\x01&amp;\x00&gt;\x045\x9a\xe1\xe1\xe1\x81\x81Z\x008\x7f\xf6$\xcf\x03~\x9a\x19U\x92J\xd2\x19\x0c\xf4\xdfv\x9b\xd5\xe5tr\xb9/\xe3\xc3q\x9c\xd3\xa9\x9c\x8f?\x03\x00\x95*\x85\xfb\xfb\xfb\xb3\xae\x90\x0cF\x91\x80\t\x80\x0f\xc1q\x1c!\xa4\\\xb9r5k\xd6\x04\x80S\x7f\x1dq\xbbI\xde\x12\xc1h\xd5\x87\xc7\x9f\x838\xce\xe5t\x1a\xb3\xb3\xe9\x9fj\xb5Z\x14\xa5\xdc\xdanB\x88$I\x19\xa9w\x13\xff&gt;\x07\x00-[\xb6\x14EQQ\x94&lt;\x8c\x99\xc1`\x142L\x00|\x0bEQ8\x8ek\xd6\xac\x19\x00\\\x88?s\xeb\xc65\x95J\x9d\xdb)9!D\x94$^\x10dY\xc6\x18?\xf2\xe9\x1e\x8f\xdb?\xc0/\xe1\xf4\tcV\x86(\x8a\x08\xa1r\xe1\x95\xfd\x034\xb9\xb5\xdd\x18c\xb5\x9f\xea\xcc\x89?\xb3\xb32\x00 :\xba\x150\xff\x0f\x83QD`\x02\xe0[P\xd3\xd9\xa1C{\x000\x19\xb3\x8f\x1c\xd8\xed\xa7\x91pn\x8c2\r\xc9\xbf{\xfb\xa6\xd5l\x0e\t\xd3\xfb\x07\x04\xf2\xbc\x801V\xee\x83\x15\x85\x00\t\n\x0e6g\x9b\xbe\xfa|\n}UBH\x9b\x8e/ \x0e\xf2\x90\x82\x868\xb4\xe7\xb7-\x84\x10\x9dN\xd7\xa4Icx\xa6=\x81\xc9C&lt;\xab\x910\x18\xbe\x0f\x13\x00\xdf\x82\x9a\xce\xd6\xad[\x97)S\x16!\xb4o\xe7VB[\xbc?1\x18+\x01\x81~\xbb\xb6o\xee\xd9\xa9\xc9\x9ci\x1f\x9f8v\xc8f\xb3h4\xfe:\xbdN\x1f\xa4\xd3\x1bt\x81:\x1d\x028\xf6\xc7\xbe\xb7^\xe9x!\xfe\xb4(I\x1e\xb7\xbbb\xe5j]\xba\xf7\xb4\x9am&lt;\x97\x8b\xc0S\xea\xff\xc9L\xcb&lt;vx\x1fB\xa8U\xabV\xa5K\x97\xceO\xe2B\x1e\xa0\xda&amp;\xcb\xb2\xa2(\xf4\xa5\x1f\xc0{\xc2c\xd6C\x0cF\xf1\x84%\x82\xf9\x16\x08!Y\x96\x03\x03\x03{\xf7~}\xee\xdc\xb9\x7f\x1d9x\xee\xe4\xc9\x1au\xea:\x1c\x8e\'\x9fV\x13\x02\x82 \xdc\xb9yc\xd1\x173\x16}1\xa3D\xa92\xe5*V*Q\xaa\xac\x7f@\x80\xa2(\xd9\x99\xe9\xd7\xaf\\\xbez\xf9"\x00\x88\xa2\xe4q\xbb\xfd\x03\x02?_\xb8\xcc\xdf?\xc0f\xb5\xe6*\x11\x0c+\x8aF\x17\xb8y\xfd\xca\xb4\x94;\x000l\xd80(\xac:\xa0\x8a\xa2\x10B\x1enx\xe0p8\x9cN\xe7\xbdr\x1a\x84p\x1c\xa7\xd3\xe9\x1e~.\x00p\x1c\xc7\\U\x8cb\x0e\x13\x00\x9f\x83Z\xb4\x81\x03\x07~\xfd\xf5\x02\x87\xdd\xb6\xe5\xa7\x1f\xa77\xfd\xcaf\xb5\xe5\xc2\xafB@\x10E\xef_\xa9)\xb7SSn?\xf2D\x8f\xc7]\xbdv\xddis\xbf\x8dl\xdc,\x0f\xf5\xe0\x10\xc7\xc92\xde\xb8z)B\xa8r\xe5\xca\xed\xdb\xb7\xa767W\x17\xc9\x15\xb4\x9f\x01\xc7q\xde\xa1\xde\xbcy\xf3\xc4\x89\x13\xf1\xf1\xf1\xe7\xce\x9d3\x99LW\xae\\\xb1X\xac\x08\x01\x01\x00\x02\xbc\xc0\xd7\xaaYS\xadV7j\xd4\xa8R\xa5\xcaM\x9a4\xaeZ\xb5\xaa \xdc\xfb\xd9+\x8aB\xe3b\x9f\xde\x80\x19\x0c_\x86\xb5\xee\xf3E\xa8\x8dk\xdf\xbe\xfd\xfe\xfd\xfb\x83B\xc2~\xde\xf5gh\x89\x92\x1e\xcf\x93\xd6\xebG\x089\x9d\x8e\x83{v\xec\xf9}k\xc2\xe9\xb8\xb4\xd4\x14\xf9\xa1\x12\xcdZ\x9d\xbef\x9d\xfa]^y\xfd\xa5\x1e}\xfc\x03\x02\xad\x16Kn\xad\xbf\xa2(Z\x9dv\xcfo\xbf\x8e\x1a\xf0\x9a\xa2(\xd3\xa6M\x9b&lt;y\xb2,\xcb^\xf3Z\xb0P\xd3\xef\x1d\xe4\xd1\xa3G7o\xde|\xf8\xf0\xe1\xf3\xe7\xcf\x9b\xcd\xe6\'\xbc\x88J\xa5\xaaZ\xb5ZTT\xa3n\xdd\xba\xc5\xc4\xc4\xa8T*`2\xc0(\xc60\x01\xf0E\x14E\xe1y\xfe\xc0\x81\x03m\xdb\xb6\x05\x80\x97{\xf6\xfbj\xd9\xea\x8ct\xe3\x93\xdbV\x8e\xe3\xfc\x034\x18CVF\xc6\x9d[\xc9iwo\x1b\xb3\xb3\\N\'B( P\x1b\x12V\xa2L\xb9\x8a\xa5\xca\x94\x93\xd4\x82\xd5lSd9\x0f%\x80\xe8\xabto\xd3\xe0Z\xd2\xa5\x90\x90\x90\x84\x84\x84\xd0\xd0\xd0\x02),\xfa0\xf4\x03\x01\x80\xd4\xd4\xd4_\x7f\xfdu\xe5\x8f?\x1e9|8\xe7\tzCPX\xc9\xd2\xa1%J\x86\x84\x95*_1\xdc\xe3\x91\x01\x80\x17\x04cv\xe6\xb5\xcb\x89V\x8b\xf9V\xf2\xb5\x9c%Q\x01\xa0V\xed\xda\xbdz\xf6|\xfd\xf5\xd7k\xd4\xa8\x01\x00\xb2,\xf3&lt;\xcf\x9cB\x8cb\x05\x13\x00\x1f\x85\x9a\xbc^\xbdz\xfd\xfc\xf3\xcf\x92J\xb5r\xf3\xbe\xc8\xc6M,\x96\'\xaf\x0eD\x14\x05#\x00A\x14EI\x12\x04\xe1^[x\x02\x84\x00\xc6\xc4\xedv{\xdc.\x8cI\xde\\\xe1\xb2\xc7\x13\x1cf\xf8~\xde\xdcY\x93\xdfC\x08\xcd\x993g\xec\xd8\xb1t\x8b5\xff\xf5\x8b\xfe\xe7m\x10B\xddJ&amp;\x93i\xde\xbcy\x8b\x17/NII\xa1\x0fI*U\x9d\xfa\r\x9bF\xb7\xab\xdf\xa8Y\xb5\x9au\xb4:}\x80V\x8b\x10\x08"\x10r\xaf\xc5=\xc6\xa0\xc8\xe0t:M\xc6\xac\x9b\xd7\xaf\x9e;u&lt;\xee\xe8\xc1\x13\xc7\x0e\x99\x8c\xf7\xb2\x1f4\x1aM\xef\xde\xbd\'L\x98P\xadZ5\xb8\xbf\xf6*\xc0\xf13\x18\xbe\x0c\x13\x00\x1f\x85\x06\xb4\\\xbbv\xadA\x83\x06f\xb3\xb9f\x9d\xfa?\xef&gt;\xea\xf1(yH\xd4\xca\x11\rI\x00\x10\x00 \x04\x08\xe5}\x0b\x14+\x8a\x9f\xbf\xff\xf5\xa4\xcb=;5v\xd8\xed\x18\xe3\x1a5j\xbc\xff\xfe\xfbo\xbe\xf9&amp;-_\n\x05\x14\t\xea\x9d\xf8\xaf_\xbf~\xda\xb4i\x17/^\xa4\xc7\xab\xd7\x8ax\xb9W\xbf\x16m:W\xadY\xcbO#\xc9\x1ep9]\x8a"+\xb2L\xfew\x17\x1a!@\x08q\x88\xe3EQ\x92$I\xe2d\x0f$_O:~\xf8\x8f\xdf\xb7\xfctd\xffnz\x9a!(h\xec\x981\xe3\xc7\x8f\x97$\xc9\xfb\xa2\x0c\xc6s\x0f\x13\x00\xdf\x85Z\xa2\x993g~\xf8\xe1\x87\x00\xd0w\xd0\x88O\xbfZ\x94\x91\x96\x9ds\x83\xb7\xf0!\x84 \x00A\x14\xfa\xbc\xd0*\xe1\xf4\t\xba\x80\xa0q5\xcd\x9a5\x9b6mZ\xc7\x8e\x1d\xa1 &lt;*t;\xe1\xce\x9d;C\x86\x0c\xd9\xb1c\x07=\xd8\xacU\xbb~C\xdem\x1a\xdd.8D\xe7\xb0\xcbN\xa7CQ\x14\x0e!D\x9b\'\xfc\xf3\xcb\xdd\x93A\x8c\x11B*\xb5\xda\xcf_\xe5r\xc8\xa7\xe3\x8el\\\xb3|\xcb\xfa\x95\xf4&amp;\xa8S\xa7\xcew\xdf}\xd7\xa2E\x0bo8i\x9e\x07\xcf`\x14\t\x98\x00\xf84t\x7f2&amp;&amp;f\xf7\xee\xdd\x000\xe7\xbb\xd5=\xfb\xf7KM\xc9\x12%\xe9Y\rI\x96=%J\x1a&gt;xw\xe4\xdae\xdf\x00\xc0\'\x9f|\xd2\xb5k\xd7\x0f&gt;\xf8\x80\x8e\x10\x00\xfa\xf6\xed;q\xe2\xc4:u\xea\xc0}#\x9e\xdb\x97\xf0\xba}bcc\x07\r\x1e|\xe7\xf6m\x00\x08\xafRm\xf0\xbb\xef\xbd\xd2\xe7-\x95J\xb2\x98m\xb2\xec\xe18.\xcfu2\xb0\xa2 \x8e\x0b\x08\x08\x14Dt`w\xec\x92\xaff\xfdyh?\x00H*\xd5\xac\xcf?\x1f=z40w\x10\xa3\x18\xc0\x04\xc0\xa7\xa16(55\xb5n\xddzii\xa9:\xbd\xe1\xfbu\xdb\x1a5o\x91\x9d\xf1l\xd6\x01\xb2,\x87\x86\xe9\x97.Z8\xe3\x83Q\x84@\x87\x0e\x1dv\xed\xdaEg\xca\xeb\xd7\xaf\x9f9s\xe6\xb9s\xe7\x00@\xa3\xd1\x8c\x1b7n\xdc\xb8q:\x9d.\xb7\x1b\x03^\xeb?\x7f\xfe\xfc1c\xc6\xd0\x83}\x07\x8d\x18\xfd\xe1\xb4\x90\xb0\x90\xec,3!4\x16\xa8@\xda\xa5)\x04\x13\xad^\xaf(\xf2\xaa\xc5\x0b\xbf\xfe|\x8a\xd5b\x06\x80A\x83\x06\xcd\x9f??00\x90i\x00\xe3\xf9\x86\t\x80\xafC\x1dA\xc7\x8e\x1dk\xd9\xb2%\xc6X\xab\xd3/^\xbf\xbdQ\xf3\x16Y\x19\xd9baj\x00!\xb2,\x87\x960,[\xb4h\xfa\x84w\x01 &lt;&lt;&lt;...((\x88:L8\x8es\xbb\xdd\xb3g\xcf\xfe\xe6\x9bo\xe8&gt;m\xcd\x9a5\xdf\x7f\xff\xfd\x81\x03\x07\xc2\x13\x87Zzc=\x87\r\x1b\xb6d\xc9\x12\x00\xd0\x19\x82&amp;\xcf\xfa\xfa\xd5&gt;\xfd\xcc&amp;\xbb\xdb\xed~\x1a1\xa6tl\xc1!\xda\x93\xc7\xe3&gt;\xfa\xef\xd0\x8b\tg\x01\xa0q\xe3\xc6;w\xee4\x18\x0cL\x03\x18\xcf1L\x00\x8a\x00T\x03\x96,YBSm\xa9\x064\x89n\x91\x9eZH\x1a\x801\x06BBK\xe8~Xp\xcf\xfa\x07\x05\x05\xc5\xc6\xc66j\xd4\xc8k\x1f\xbd{\xa7w\xee\xdc\xf9\xf8\xe3\x8fW\xacXAw\x83;v\xec8a\xc2\x84\xf6\xed\xdb\xc3\xbfm\x0cx\xe7\xfe^\xeb_\xabn\xe4\x97\x8bWW\xadY3+\xd3\xf8\xb4c4e\x8f\'P\xa7\xb3Y\xcd\xd3\xc7\xffg\xeb\x86U\x00\x10\x15\x15\x15\x1b\x1b\xcb4\x80\xf1\x1c\xc3\x04\xa0h@\x9d\xe9^\r\xd0\xe9\r\xb3\xbf\xfd\xb1\xd3\x8b/fgY\x08\xc1\\n\n\xf8\xe4\xe1\xa5\xd5j\xb5J\xadZ\xf2\xd5\x17_L\x9b\x00\x00AAA;w\xee\x8c\x8a\x8az `\x86\x10\xa2(\n\x9d\xa4\xef\xdd\xbbw\xd6\xacYtc\x80\xe3\xb8\x01\x03\x06xC-\xff)\xcc\x86\x1e\xcfi\xfd\x97m\xdca\x08\x0e1\x1bM\x85\xe3\xefR\x14Y\x92T~\x1a\xbf\xf1#\x06n^\xb7\x02\xeek\x80^\xaf\x07V\xe2\x94\xf1&lt;\xc2\x04\xa0\xc8\xf0\x80\x06\x00\xc0;c?\xfa\xcf\x07\xd3\x08\x10\x9b\xc5\xc2\x0bB\x81[(\x8c1\xc6\x8a!\xc8\x90v\xf7\xee\xd4\xf7F\xee\xda\xbe\t\x00\x82\x83\x83w\xec\xd8\x11\x15\x15\xf5O\x1b\xbc9Sv\x97/_\xfe\xc5\x17_\\\xb8p\x81&gt;q\xd4\xa8Q\xa3G\x8f\xa6\x1b\x03\xf0\xbf\xa1\xa2\xf4j^\xbf?\xb5\xfe\x81:\xbd\xddf\x7fJ\xa9\xc5\x8f\x04c\xccq\xc8? `\xc2\xc8AT\x03z\xf4\xe8\xf1\xf3\xcf??\xbd\x0cg\x06\xe3\x19\xc2\x04\xa0(A\xcdPll\xec\x1bo\xbc\x91\x91\x91\x01\x00\xcd[w\xf8\xe8\xb3\xf9\xb5\xeb\xd56\x19\xedn\xb7\xbb\xa0\xfc$\x04c\x05c\x8d\xc6\xdfO#\xee\xf9}\xfb\xa7\x1f\x8e\xb9q5\t\x00\x1a7n\xbcz\xf5\xea\xaaU\xab\xfek\xb0\xbc\xd7\xe9o2\x99\xe6\xcf\x9f\xbf`\xc1\x82\xcc\xccL\x00\xa8Y\xb3\xe6\xe4\xc9\x93{\xf7\xee\r\xf7\x9b\x1f\xd0(R\x9e\xe7w\xef\xde\xdd\xa9S\'\x00\xa8\x15\xd1`\xd9/;\x03uz\x87\xddQ\xf8!\xf9\x04c\xc4\xa1\x80\x80\xc0\xf1#\x06l^\xbf\x12\x00\xa6N\x9d:e\xca\x14\xa6\x01\x8c\xe7\x0f&amp;\x00E\x0cj+/_\xbe&lt;p\xe0\xc0#G\x8e\x00\x80Noxc\xe8\xbbo\x0c\x19U\xb2t\xa8\xc5\xect\xb9\x9c\xf9\x8a\x8f\xc4\x18\x00\xfc4\x1a\x7f\x7f\xf1\xef\xb3\xf1?,\x98\xbbu\xc3*zp\xc8\x90!s\xe7\xce\xd5j\xb5O\x9e*\xe5=\xf3\xd2\xa5K\xb3g\xcf^\xbe|9\xbdT\xa7N\x9d\xa6O\x9f\xde\xa4I\x13\x00\xf0x&lt;&lt;\xcf\xa7\xa5\xa5\xd5\xaf\xdf 5\xf5\xaeVo\xd8\xb0\xf3hx\x95jf\xb3\xf9Y\x19\\\xba\x82\x11E\xb1w\x97\x16\xf1\xa7O \x84bcc;v\xec\xc8r\xc4\x18\xcf\x19L\x00\x8a\x1e\xd4\x0cy&lt;\x9e\xf1\xe3\xc7\x7f\xfb\xed\xb7.\x97\x0b\x00\xc2\xabT\x1f8bt\xeb\x8e]\xcbU,\xefv\x11\x87\xdd\xa6\xc82\xdc\x0f\xbcy\xcc\xb2\xe0~\xa60\x06\x00QTi\xfc\xfd\x10\x82\x0b\t\t\xb1[\x7f^\xb5d\x01-\x99P\xa2D\x89\x193f\x0c\x192\x04r\x1f\x1d\xff\xc0\xc6\xc0\xc7\x1f\x7f|\xec\xd81\x00P\xab\xd5}\xfb\xf6\x9d&gt;}z\x992e\x00 &amp;&amp;&amp;66\x16!\xf4\xc5\xb7\xab^\xe9\xdb/3\xbdpc\x9c\x1eBQ\x14\x8dFs\xe3jR\xef.-L\xc6\xec\x12%J^\xb8p^\xa7\xd3\xb1\x041\xc6\xf3\x04\x13\x80"\x89\xd7\n\x1f?~|\xd2\xa4I{\xf6\xec\xa1\xc7\xc3J\x96z\xf1\xb5\xbem;\xbfX\xa7~#\x9d&gt;@Q\xc0\xe5r\xd3f(@H\xce\xfe\xf2\x08\x00q\x08\x01\x12DQ\x10EI% \x80\xd4\xbbi\xa7\xfe&lt;\xb4\xfb\xb7-\xbb\xb6mr8\xec\x00\x80\x10\x1a8p\xe0\'\x9f|\xe2\xed\xf4\x927\xf3\x871\xc6\x18\x0b\x82 \xcb\xf2\xaaU\xab\xa6L\x99r\xf3\xe6M\x00(Y\xb2\xe4\x84\t\x13BCC\xdfx\xe3\r\x00\xe8\xf5\xe6\xd0Y\xdf,\xceH\xcbE\xd9\xbb\xa7\x87\xec\x91\x83C\xf5?\xaf\xfaq\xc2\xc8\xb7\x00\xe0\xddw\xdf]\xb0`\x01[\x040\x9e\'\x98\x00\x14Ur\xee\xb5.[\xb6l\xfe\xfc\xf9\xf1\xf1\xf1\xdeG\xab\xd5\xac\xd3\xacU\xbb\xfa\x8d\x9b\xd7\x8e\x88\xd4\x19\x82\xf4A\xc1\x08A\xce)5!\xe0\xf1\x80\xa2\xc8\xd9\x99\xe9\x19iw\x13\xce\x9c8u\xfc\xd8\x9f\x87\xf6\xdd\xbey\xc3{N\xa7N\x9d\xc6\x8f\x1fO#8\x0b\xc4\xf0y/\x92\x96\x96\xb6p\xe1\xc2\xb9s\xe7\xda\xed\xf7d\x06!T\xa6|\xc5_\xf6\xc6\xa9Tj\xba\x7f\x90\xcf\xd7*\x10\x14E\xd1\x1bt#\xdexm\xd7\xf6M\xa2(\x1e;v\xaca\xc3\x86,*\x94\xf1\xdc\xc0\x04\xa0h\xe3\x9d\x95\xbb\xdd\xee\x9d;w.[\xbe|\xf7\xae]\xd4\xaaR\x02\x02\xb5\x86\xa0\xe0r\x15+i\xfc\x03\xaa\xd7\xae\xab(\n\xad\x08\'{\xe4\x8b\tg\\.\xe7\x8d+\x97\x8c\xc6l\xb7\xcb\xe5}J\xa9\xd2\xa5_|\xf1\xc5\x01o\xbd\xd5\xbcys\xc8\xb1U[ \x03\xce\xe9\x11JHH\x985k\xd6\xe6\xcd\x9b]n\xb7\xec\xf1|\xf2\xe5\xe2~C\x86ff&lt;\xd1\xf4?\xb7E\xf1\xf2\x06\xc6X\xa3\xf1\xbb|\xf1|\x8f\x0eM\xdcnW\xeb\xd6m\x0e\x1c\xd8\xcf\x04\x80\xf1\xdc\xc0\x04\xe0y \xe7\xf4&lt;11q\xdb\xf6\xed\xbbbc\xcf\x9e=\x9b\x96\x96\xf6\xe4\x17\t\x0f\x0f\x8f\x8c\x8c|\xf1\xc5\x17\xbbv\xed\x1a\x16\x16\x06\x0f\xf5`)@\x08!\xb2,\x8b\xa2h\xb5Z+W\xae\x9c\x9e\x91\x11\xd54z\xc5\xe6]\x0e\x87\xf31\xb6\x15cL\x08F\x808\x9eC\x88\xa3\xc3#\x04#\x94\xebMo\xdaQ\x12\x008\x0e=&gt;\x8bB\x96\xe5\xa0`\xfd\xe7\x93&amp;,Y0\x1b!\xb4o\xdf\xbe6m\xda0G\x10\xe3\xf9\x80\t\xc0s\x02\xb5\x869\xcb-dee\x9d&gt;}\xfa\xcf\xe3\xc7\xaf$]\xb9y\xf3fj\xea\xdd\x94\x94\xbb\x08\x81\xc5b\x95eY\x10\xf8\xfa\xf5\xeb\x07\x04\x06F\xd4\xa9S\xa1B\x85\xe6\xcd\x9b\xd7\xae][\xa3\xd1\xd0\xe7\x16B\x93,Y\x969\x8e\xfb\xe1\x87\x1f\x86\x0f\x1f\x0e\x00\x0bVl\xec\xd2\xfd5c\x96\x91\x7f\xd4\xf4\xff~l\x92\xbfJ\xc5+\n8\x1dN\x8f\xc7\xcd\xf3\xbc\xda\xcfO\x149\x8f\x87\xd8\xac\x16Z\xe3\xfa__\x97nykuZ\xfa:n7\xd8\xac\x96\xc7o\x92K\x92\x94v7\xe5\xa5\xe8\x08\x9b\xd5\xda\xb7o\xdf5k\xd60\x01`&lt;\x1f0\x01x\xde\xa0\xdb\xad\x0fG\x82b\x8c\x8dF#\xc7q\xaf\xbc\xf2\xca\x81\x03\x07\xda\xb4i\xb3\x7f\xff\xfe\x07\x9e\xeb\xed\xb4^8\xde\x15\x00h\xde\xbc\xf9_\x7f\xfdU\xb9Z\xcd\x9fv\x1e\xe1h\'\x97\x87P\x14\xd9?@\xcbq(\xe1\xec\xa9\xc3{c\xcf\x9e&lt;\x9e\x9ar\xcba\xb7\x0b\xa2\x18\x1c\x12Z\xabn\xc3\xb6\x9d_h\xd4\xac\x95\xc7\xe3v\xbb\\\x8f\x17-EQDQ\xf4\xd3h6\xad[y=\xe9\x12\x00T\xab\x15\xd1\xf9\xe5W]N\xd7c\xde\xb2\xa2(:\xbd\xf6\xbd\xe1om\xdd\xb0J\xab\xd5^\xbcx\xb1T\xa9R\x85\xe3\x83b0\x9e*\xcf&gt;\xd6\x82Q\xb0xM\xff}\x0f\t\xa1\x9b\x04\x1c\xc7\x05\x05\x05\x01\x00\r\xaf\x14E\x91\xba\xe3\xe9\xb3\xe8\t\x856\xab\xa53\xe8\xe3\xc7\x8f\x9f8q\x82\x10\xf2r\xcf7\x82B\xf5\x0f\x07\xffP5\xd2\xea\xf4\'\x8f\x1f\xff\xee\xcb\xcf\xfe\xd8\xf3\xbb"\xcb\x0f\\\xea\xd8\xc1}K\x17~\xd1\xf9\xa5\xd7&gt;\xfcl^HXI\xa7\xc3\xf1O\x1a \xcbr@`\xa0\xc3n\x9d\xf8\xee\xa0_\xd6.\xa7\x07\xdbwy\xf9\xe5\x9e\xbd\x1f\x9fq\x86\x000&amp;=\xdf\x18\xbcm\xe3Z\xb3\xd9\xbcv\xed\xdaq\xe3\xc6yw2\x18\x8c\xa2\x0b\xdb\xcbznA\x08\xf1&lt;/\x08\x02\xcf\xf3\x1c\xc7Qs\xef\xed\x0eF\x85\x81\xe38A\x10\xe89\x859\x9f\xa5c\xd8\xb8q\xa3\xa2(\x92J\x15\xdd&gt;\xc6a\x97\xf9\x87\x0c7\x87\x90\xcb\xe9\x9c\xff\xd9\xb4~/\xb4\xda\xb7\xf3W|_\xae\xfe\x17\xc4\xf3|\xec\xb6_\x06\xbe\xda1#\xed\xae\xa4\x92hN\xc3\x03/\xa7(rP\xb0\xfe\xf2\x85\x847^j\xfb\xcb\xda\xe5\x82 \xaaT*A\x10\x02\x02u\xff\xba\x06\xe6x\xdens\xd4\xaa\x17Y\xb1r\x15\x00\xf8\xe5\x97_\xe8\xc6x\x1e\xdf&lt;\x83\xe13\xb0)Lq\x01\xdd\xe7Y\x0f\x04\x00\x80\xe7yEQ\xfe\xf8\xe3\x0f\x00\xa8]/\xb2Z\xad:N\x87\x03=\xe0\xb3R\x94@]\xe0\xe1m\xbb\x16\xcc\x9a\xca\xf3\x02\x00\x10B"\x1b7o\x17\xf3r\x95\x1a\xb5\xfd\x03\x02lV\xeb\x89c\x07\xd7\xafXl\xb5\x98$Iu\xf5r\xe2\xf4\t\xa3\xbeY\xb5\xc9\xedr\xe7|\x97\x18c\x8e\xe7\x0cz\xfd/kWM\x1f\xff.\xad\xf8/\xcb\x1eBxEQ0~\xa4\xa8&lt;\x88,{\x82C\xf4\xad;\xbep\xf5rb||\xc2\xdd\xbbw\xcb\x94)\xc3\xbc@\x8c\xa2\x0e\x9b\xc50\n\x1b\xbaY}\xf7\xee\xdd\xc4\xc4D\x00h\x16\xdd^\xa3\x11\x95\x87f\xf7\x1c\xcf[\xcc\xd6\x0e/\xbc\xdco\xf0\x08E\x91\xabT\xaf\xb5\xe8\xc7M\xab\xb7\x1dx\xe7\xbd\t\xedb^\x8cj\xde\xbam\xe7\x17?\x9e5{\xf5\xb6\xfd\xa1%Jz&lt;n^\x10\xf6\xed\xf8\xf5\xec\x89\xbf4\xfe\xfet\x83\x01\x00\x08\xc6\xfe\xfe\x01&lt;\xc7M}\xff?\xe3\xdfy\xd3n\xb7\x01@\xa5\xaa5\xcaU\xac\xe4=\xe7I\xe0\x10\x92e\xd2\xbcu\x07\x84\x90\xd5j\x89\x8b;\x01\xf7\xb71\x18\x8c\xa2\x0b\x13\x00FaC\xfd?\x7f\xfe\xf9\xa7\xd9l\xe68\xae~T3\x8f\x87p\x8f\x9aJ#\x84&lt;n\xf9\xbf\x1f~2\xf6\xe3\xcfVn\xd9\x1b\xd3\xfd\x15\x87\xc3\x91\x9da\xb4\x98L6\xab\xc5j6\xa5\xdc\xce\x88l\xd2`\xf8\xe8\x0f\xe9n\x01!\xe4\xf8\x91?T*\x9e`\x0c\x00\x84`A\x12\x13\xcf\x9f\x1d\xd4#f\xd5\xe2\x05\xa2$aE\x89j\xd6j\xc5\xe6\xdd:\xbd!W\xe1\x0f\x88\xe3\\NW\xb5\x9au\x82CB\x01`\xdf\xbe}\x05\xf4a0\x18\xcf\x12&amp;\x00\x8c\xc2\x86Z\xde\x84\x84\xbf\x01  0\xb0J\xf5Zn\x97\x1b=\xca\xa5\x8e\x10\xf2x&lt;\xa2\xa4\x1a1nb\x80V\x97\x9di\xe48\x8e\x17\x04\x8e\xe79\x8e\xe3x^\x14%\x8b\xc9\xd3\xa8YK\x9e\xe7eY\x06\x80;\xb7n\x10r\xaf_$\xc6D\xa3\xf1;\xb0{\xe7\x89c\x87DI\xf2\xb8\xdd=\xfb\x0fY\xfa\xcbN\x9d&gt;\xc8\x98\x9d\x95\xab1\xd3T\xbb\xb0\x92e\xca\x87W\x01\x80\x0b\x17\xce\x03\xeb\x10\xc0(\xfa0\x01`\x146t\xfb4&gt;\xfe\x1c\x00\x94,]No\x08\x92e\xf9\x9f\x8c)B\x0806f\x9b\x14Y\xa6;\x01\xff\xfb(\x10 *\x95Z\x10\xc5{\xb3\xfe\x1cn\x19\x9e\xe7\xcd&amp;\xcb\xdbc\xc6w|\xa1\xbb"+Sf/\x9a\xb9`\t\xc1\xc4\xe1\xb0\xa3\xdc\xb7\x14&amp;\x84\x88\x12W\xa1rU\x00\xb8r\xe5\x8a\xc5bA\x88EQ3\x8a6l\x13\x98\xf1l0\x1a\x8d\x00`\x08\x0e\xf1\x0f\xd4Z-\xe6\xc7\x05\xd5 \xf4O1\x9a\x84\x00\xcf\xf1\x16\x8b\xd9\xedrs&lt;\x8f\x15%84\x0c!\x80\x1cfY\x96\xe5\x0f?\x9d\xdf\x7f\xd8\x7fZ\xb6m\x9b\x95i\x12\x04\x81C\xdc\xc3\x91B\xff\n!D\x10\xa0d\xa9\xb2\x00`2\x99i\xae\x1c\x13\x00F\x91\x86\xad\x00\x18\x85\n\x8d\x9c\xb1X,W\xaf^\x05\x80\x92\xa5\xcbq\x1c\xc9\xb3\x19%\x04K*\xfeB\xfc\x19B0\x878BH\xcd\x88\x06\x8a\xfc\xff\xce\x19\x84\x90\xcb\xe9\x0e\x0e\r\x8bj\xde:+\xd3\x94\x9f\xa2F\x08!Y\x86\x12\xa5\xcb\x02\x80\xd5jIJJ\x82\xfb\xee,\x06\xa3\x88\xc2V\x00\x8c\xc2\x86z\xf6\x8dF3\x00\x94\xafXI\x14\xf3&gt;\x8fF\x88s\xbbd\xda\xb7KV\xe4\xb0R\xa5\x1b5mi\xb7\xffOD)BH\x96e\xdav&amp;?\xf6\x1a\x01`\x0c\xe5+V\x02\x00\xb7\xdbMW0L\x00\x18E\x1a\xb6\x02`&lt;\x03\x10B\x82\xc0\x03\x80\xc7\xe3\xc9\xb3\t\x95=\x1eC\x90v\xf3O\xab\xce\xc4\x1d\x13E\x89`\xdcw\xe0;a%C=\xee\x07\xeb:\x14`]#\x8f\xc7C\xff\xc1\xd2\x80\x19\xcf\x01L\x00\x18\xcf\x86|\xce\x9d\x15E\t\xd0\x06^\xbapq\xf6\xe4\xf7x^\xf0x\xdc\x95\xaa\xd6xs\xd8(\xb3\xc9\xc6\x15JA\x0b6\xf7g&lt;\x070\x01`&lt;\x1b\xa8\x01\xcd\xdb&lt;\x1acE\xa5VYL\xa6\xff\x0ez\xdd\x98\x9d\x85\x10\x88\x924\xe3\xab%\xfe\x01\x81\xca?\x07\x14\x15\x08\xde\x013\x01`&lt;\x070\x01`&lt;\x03\x10B\xd4\x92\x1a\xb331\xce]A\x05\x8c\xb1(\x8aXQ\xde}\xabG\xe2\xdf\xe7$I\x92ey\xea\x17\xdf4n\xd1\xd2b6?\xd5\xe9?B`\xcc\xca\x04\x00\x848\xe6\x02b&lt;\x070\x01`\x14*\x08!\x8c\xb1N\xa7\xabY\xb3\x06\x00$%\x9e\x97\xe5\\T(\xa2\x8d\x859\x8e\xff\xef\xa0\xde\x7f\x1d9 \xa9Tn\xb7{\xec\xa4\xcf\xfa\x0c\x1c\xfcO\xbd\x04\n\nL\x88(BR\xe2y\x000\x18\x0c\xb5j\xd5\x82\xfb9\r\x0cF\x11\x85\xcdb\x18\xcf\x00\x84\x90\x9f\x9f\x1f\x00\xd8m6\x97\xf3q]\xc0r\x821\x16\x04^\x10\x85\xd1\x83\xfa\x1c\xd8\xb5]R\xa9\xdd.\xe7;\xe3&amp;\x8d|\x7fbV\xa6\xe9\xe14\xb1\x02\x1f\xb3\xa2\x10\x8b\xd9\x04\x00\x92$\x899;,3\x18E\x136\x7fa\x146\xb4\x86Z\xbdz\xf5\x01\xe0\xe6\xf5+\xc6\xac\x0cA\x10\xfe\xd5\xa5N\x9bS\x8a\xa28vh\xbf\xdd\xbfm\x92T*\xb7\xcb\xf9\xce\xd8\x8f\xde\x9b\xfc\x891\xdb\xfcp)\xe9\x02\x07!\xe4\xf1\xa0\xcb\x17\x13\x00\xa0j\xd5*Z\xad\x96V\xb5{\xda\xaf\xcb`&lt;=\x98\x000\x9e\rU\xabV\x01\x00\xab\xc5r+\xf9\xba(J\x8f\x17\x00j\xfd%\x95\xf4\xde\xdbo\xc6\xfe\xbaQR\xa9\xdc.\xd7\xa8\tS\xdf\x9b:\xc3\x98mF\x08\xc1S6\xc4\x84\x10A\x10L\xd9\x19wn\xde\x00\x80J\x95*\xb14`\xc6s\x00\x13\x00FaC\x1d&gt;-[\xb6T\xa9\xd4\x1e\x8f\xfbL\xdc1I\xc5=\xa6\xb42\xc1\x98\xe79\x95Z5\xfe\x9d\xb7~\xdf\xfc\x13\xb5\xfe\xa3?\xfcd\xccGS\x8c\x99\xa6\xc2ir@\x08Q\xa9\xd5W.]\xb8s+\x19\x00\xda\xb6m\x0b,\x10\x88Q\xf4a\x02\xc0(lh{\xb2\x8a\x15+V\xaaT\t\x00\xfe:\xfa\x87,\xffc \x10\xc1\x18\xf1\x9c\xda\xcfo\xc2\x88\x81\xdb\x7fY\'I*\xb7\xcb5v\xd2g\xff\xf9`RV\xa6\t\xe5\xa3\xb4C\xae\xc0\x18K\x12w\xe2\xd8aEQT*u\xd3\xa6M\x81\xed\x003\x8a&gt;\xec\x17\xccx\x06`\x8c%Ij\xda\xb4\t\x00\x9c\xfc\xf3p\xf2\xd5\xabj\xb5\xfa\xe1\t5!\x84\xe39?\x8d\xe6\x83\x91\x83\x7f\xfdy5/\x08n\xb7k\xec\xc7\x9f\x8dxobFz\x16\x00\x10\x82\xb1\xa2\xfc\xff\x7fX\xc1X\xc9C\xa1\xb7\x7f\x85\xe7y\x87\xdd\xbdw\xe7V\x84P\xe5\xca\x95\xc2\xc3\xc3\t!L\x00\x18E\x1d\xf6\x0b~\x9e\xa1}\x80eY\x96eYQ\x14\x8c1m\x13O\x1f\xf2\x1e\xa7\xbd\x82\x0b\x7fx\xaf\xbd\xf6\x1a\x00X\xcc\xa6c\x87\xf6i\xfcU\x0f\xb6\xfc%\x04!\xa4R\xab?|w\xc8\x96\x9fV\x8a\x92$\n\xe2\xb4\xb9\xdfM\x98&gt;\xd1\xe3Qt\xfa \xadN\x17\xa8\xd5\x05\xear\xfc\xa7\xd5\x05\x04\xeaTj\xbf\x82};\x04c??\xbf\xa4\xc4\x0b\x17\xe3\xcf\x10B\xbav\xed*I\xd2\xc3-\xcc\x18\x8c"\x07\x0b\x03}\xde \x84P+\xcfq\xb4i\xca\x83\x89Q4\x83\x89\xf6\x82\xcfy\x9c\xca\x00}\xd6\xd3\x1e$\xf5\x02\xb5k\xd7\xaej\xd5\xaaIII\xdb\x7fY\xfbZ\xdf\xb7\x1e\xec\tLH@\x80\xff\x8c\x89c6\xad[.\x88\xa2\xc7\xedVku\xc7\x0f\xed\xdb\xb7\xf3W\x84\x1e\xd9@\x0c8\x8e\xf7x\xdcm:\xbe\xd0o\xf0\xdbV\xab\x95\xe3\n&amp;)\x0cc,\xa9\x84\xdf\xb7\xfc\xe4r\xb9$I\x1a0`\x000\xff\x0f\xe3\xb9\x80\t\xc0\xf3\x03\x9d\xef\x0b\x82\xe05\xfa\x99\x99\x99\x7f\xff\xfd\xf7\x95+Wn\xde\xbc\x99\x9c\x9c|\xfd\xc6\r\x0e\xa1\xd3\xa7O\xf3&lt;\x7f\xf2\xe4\xc9\xb1c\xc7\xeat\xfa\xbau#\xca\x96-[\xbbvm\x8dF\xe3\xbd\x0e\xc68?\x95\x93\xff\x15Z\xa1\xd3\xcf\xcf\xafw\xef\xde\x9f|\xf2\xc9_G\xfe8u\xfc\xcf\xa8\x16-\xadf\x8b7\x95\x17!${\x94S\x7f\x1e\x16%\t\x01\x12\x04\xc1j\xb1\xfc\xbee\xc3\xbf^&lt;\xacdiQ\xfa\x97\xc2\x9f&lt;\x7fO\xff\xfeU$\x08!\xa2$e\xa4enZ\xbb\x1c!\xd4\xb2e\xcb\xda\xb5k\xd3\xcf\xe7\x89\xdf.\x83\xe1\xa30\x01x\x1e\xa0S~\x9e\xe7\x05A\xc0\x18\x1f?~|\xd7\xae]G\x8e\x1c9s\xf6lzZ\xda#\x9f\x92\x91\x911o\xde&lt;\xef\x9f\xe1\xe1\xe1\x91\r\x1bF\xb7l\xd9\xa9S\xa7\x9a5kR\tQ\x14\xe5\xe9\xc9\x005\xd0\xa3F\x8d\xfa\xfa\xeb\xafM&amp;\xd3\xcf\xab\x974o\xd3\n\x13\xf2\xbff\x15\xb9\xdd.\x8f\xdb\x9d\xab+?\xe8Jz\x14\xc6\xac\x0c\xdaB\xd2j1=\xfe\xfd)\x8a\xa27\x04n\xfdiUF\xea]\x020d\xc8\x10\x00`\x02\xc0x&gt;`\xb1\xccE\x1b:[\xa7\xf6\xfa\xd6\xad[\xeb\xd7\xaf_\xb3f\xcd\x993gr\x9e\x83\x10\x04\x05\x87\xaa\xfd4\x15*U\xa1\xdb\x00\x00\xa0(\xca\x8d\xab\x97e\x8f\xe7\x81\xee\xb8*\x95\xaaM\x9b6\xfd\xfa\xf5\xeb\xd6\xad\x9bV\xab\xa5g\xfeSC\xae\xbcA\x07\xc0q\x9c\xdb\xed^\xbcx\xf1\xd4\xa9S-V\xab,\xcbK\xd6\xff\x1e\xdd\xbe\x83\xd9d\xa1/G\x08\x11\x04\xf1\x97\xb5\xcbR\xef\xdc~\xc2\xa0{\xc4q\x04\xe3:\r\x1a\xb5\x8by\xc1\xe9p"\xf4\xe8&gt;\xc3\x8a,\xff\xb4r\xb1\xd9d\x04\x80j\xb5":\xbf\xfc\xaa\xcb\xf9`\x05i\n\r\xff7\x1b\xb3\xbb\xb7m\x98\x99\x9eZ\xb5j\xd5\xb3g\xcfJ\x92T8\xb1\xa7\x0c\xc6\xd3\x86\t@\x11\xc6k\x9a\x13\x12\x12\xe6\xcd\x9b\xb7y\xf3\xe6\xec\xecl\xfa\x90J\xa5\xaa\x19Q\xbfnd\x93\xc8\xc6\xcdK\x94.S\xb6B%A\x10\x83BB\xe9\xd7\x8d\x10`\x05gf\xa4\xb9\xdd\xae\xe4\xab\x97o%_?\xfd\xd7\xd1\x843\'/\x9d\x8f\xf7\xfe\x1a\xca\x97\xaf0p\xe0\x80\x11#F\x84\x85\x85\x11B\n$\xe8%\xa7\\\xed\xd8\xb1\xe3\x83\x0f&gt;8w\xee\x1c}\x08\x014h\xd2b\xedo\x7f\xd8\xac\xb6\x1c/D\x02\x02\x03\x05\x01\xee\xb7y\xff\xb7\xeb\x03 \x00\x97\x0b\xdbm\xb6\xc7\x1b\xe8@]\x00\xcf\x01\x00\xb8\xdd`\xb3Z\xfe\xe9d\xd9\xe3\t-a\xf8\xe4\x83\xf1K\x17~\x01\x00\x1b6l\xe8\xd9\xb3g\x81+"\x83\xf1\xac`\x02P$\xf1ZR\x93\xc94g\xce\x9c\xb9s\xe7:\x1c\x0e\xfaPd\x93\x16\xed:\xbf\x18\xdd&gt;\xa6J\xf5Zj\x8d\x84\x15P\x14\xecv\xbb\t&amp;\xb2\xec\xceiHEQB\x08I*\x15/\x00\x020\x9b\xac\tgN\xec\x8f\xddvp\xcf\x8e\xa4\xc4\x0b\xf4\x9c\xb2e\xcbN\x9f&gt;}\xe0\xc0\x81\x90\xbf\xa5\x80w\x7f\x02\x00\x12\x12\x12&amp;L\x98\xf0\xfb\xef\xbf\xd3\x87z\xf5\xeaU\xa6L\x19\xea\x8f\xfa\xe0\x93\xb9o\x8f\x1d\x9b~7[\xb8_i\'W\x11J\xb4\x19\xf0\x93\xecc+\x8aL\xaf\xcaq\xe8\x9f\xb6\x01\x14Y\xd6\xea\xb4\xa7\xfe\xfa\xf3\xcd\xee\xed&lt;nw\xc7\x8e\x1dccc\x99\xf5g&lt;O0\x01(zx\x1d\xd0\x1b6l\x98&lt;yrbb"\x00\xa8T\xea\x98n=^|\xadO\x8b\xb6\x9dT*\xc1\xe5\x92\x9d\x0e\x07V\x14@\xc8\xeb\xafx`\x9e{?\x1e\x94\x06\x86"\x9e\xe7\xfd4\xfe\x92\x84\xb2\xb3\x8c\xbb\xb6o\xd9\xbeq\xed\x91\x03\xbb\xe9\x99\xed\xdb\xb7\x9f={vddd\xdev\x05\xbcF3--\xed\xd3O?]\xb2d\t\x95\xab\xbau\xeb~\xfe\xf9\xe7]\xbat!\x84\xd4\xa8Q\xe3\xf2\xe5\xcb\x1a\xff\x80\x1f\xb7\xec\xab]\xbf\x81\xd5ly\xaa\xa5=\xff\x15B0\xcf\xf3\xb2\xec\xe9\xd3%\xfa\xf2\xc5\xbf9\x8e\xff\xfb\xef\x84j\xd5\xaa\xb1\xf0\x7f\xc6\xf3\x04\x13\x80"\x065\xa6\xb2,\xbf\xff\xfe\xfb\xf3\xe7\xcf\xa7\x07\x9b\xb7\xee\xf0\xee\xf8)\xcdZ\xb5t\xbb\x89\xcdb\xc1\x18\xa3&lt;Es\xd2\x1d\x02Q\x14\x03\x02\xfd1&amp;[7\xac^&lt;\x7f\xd6\xe5\x8b\x7f\x03\x80N\xa7\x9b3g\xce\x90!Cr\xe5\x0e\xf2\xba\xfb=\x1e\xcf\xea\xd5\xab\xa7N\x9d\x9a\x9c\x9c\x0c\x00\xa5J\x95\x9a8q\xe2\xf0\xe1\xc3i5\x7f\x9e\xe7\x8f\x1f?\x1e\x1d\x1d-\xcbr\xd5\x1a\xb5\x7f\x8a=\xc2\x0b\xa2\xec\x91\x9f\xa1\xa9Ud9(D?zp\xff_\x7f^\r\x00\xf3\xe6\xcd\x1b=z4\x9b\xfe3\x9e3\x98\x00\x14%\xa8\x01JII\xe9\xd9\xb3\xe7\x91#G\x00 \xacd\xe9\xf7\xa7\xcc\xea\xf6z?E!V\x8b\x99C\xa8 :\xa2\x10EQ\x10\xe2\xb4:\xad\xcdj\xfb~\xfe\xcc\xa5\x0b\xe6\xb8\xdd.\x00\x18&gt;|\xf8\xc2\x85\x0bi\xac\xd1\xe3\xadsN\x9f\xcf\xee\xdd\xbb\xa7L\x99r\xec\xd81\x00P\xab\xd5\xc3\x86\r\xfb\xe8\xa3\x8f\xc2\xc2\xc2\xbc\xef\x88\xfe\x7f\xfe\xfc\xf9c\xc6\x8c\x01\x80\x17_\xeb;\xef\x875V\xb3\x85\x10\x82\x9e\x85\x06\xc8\xb2\x1cVB\xbf\xf8\xab\xaf&gt;\xfdp4\x00\xf4\xe8\xd1\xe3\xe7\x9f\x7ff\xd6\x9f\xf1\xfc\xc1\x04\xa0\xc8 \xcb\xb2 \x08qqq\xdd\xbbw\xbfs\xe7\x0e\x004o\xdd\xe1\xd3\xaf\x7f(_\xb1\x821\xcb\x04\xe8\xdfC\xdas\x8b\xa2\xc8&lt;/\x18\x82\x02\x0e\xef;\xf0\xe1\x7f\x87&amp;_K\x02\x80\x16-Zl\xdb\xb6\xcd`0&lt;F\x03\xe8P\x01 !!a\xe6\xcc\x99k\xd7\xae\xa5\xc7;u\xea4}\xfa\xf4&amp;M\x9a\xc0C1\xa6\xf4)\x03\x06\x0cX\xb9r%\x00\xbc\xd2g\xc0\xacE\xcblV[\xe1\x07\\\xca\xb2\x1c\x1a\xa6_\xb6h\xd1\xf4\t\xef\x02@DD\xc4\x1f\x7f\xfc\xa1\xd3\xe9X\xe4\x0f\xe3\xf9\x83\t@\xd1\x80N?\xe3\xe2\xe2bbb\xb2\xb2\xb2\x00\xe0\xed\xb1\x1f\xfd\xf7\x83i\nV\x1cv\xfb\xd3kOH\x08QdYg0d\xa6\xdf\x9d&lt;n\xe4\xee\xed\x9b\x00 ***66\xf6\x91\x1a\xe05\xebiii\x0b\x17.\x9c;w\xae\xddn\x07\x80\xbau\xebN\x9c8\xb1w\xef\xde\xf0\x0f\xe9\x05\xd4\xb3\xe4t:\xdb\xb4i\x13\x17\x17\x07\xf75\xc0n\xb3S\x1f\xd1Sz\x83\x0f\x8c\x01c\x1c\x12\xa6[\xb6\xf0\x9e\xf5\x0f\</t>
        </is>
      </c>
    </row>
    <row r="313">
      <c r="A313" s="1" t="n">
        <v>311</v>
      </c>
      <c r="B313" t="inlineStr">
        <is>
          <t>shape_morph</t>
        </is>
      </c>
      <c r="C313" t="inlineStr">
        <is>
          <t>What is the missing shape of the part denoted with a question mark?</t>
        </is>
      </c>
      <c r="D313" t="inlineStr">
        <is>
          <t>['square', 'hexagon', 'triangle', 'pentagon']</t>
        </is>
      </c>
      <c r="E313" t="inlineStr">
        <is>
          <t>hexagon</t>
        </is>
      </c>
      <c r="F313" t="inlineStr">
        <is>
          <t>There are eight shapes arranged in a grid. The top left shape is a ? and the bottom right shape is a triangle. The other shapes do not appear to regular shapes.</t>
        </is>
      </c>
      <c r="G313" t="inlineStr">
        <is>
          <t>We observe that from the bottom right to top left direction, the shapes look like a triangle but gradually change shape into something like a hexagon. Hence, the pattern is the the shapes are morphing between triangle and hexagon shapes.</t>
        </is>
      </c>
      <c r="H313" t="inlineStr">
        <is>
          <t>Based on the pattern that the shapes are morphing between triangle and hexagon shapes, the missing shape at the top left should be a hexagon.</t>
        </is>
      </c>
      <c r="I313" t="inlineStr">
        <is>
          <t>b'\x89PNG\r\n\x1a\n\x00\x00\x00\rIHDR\x00\x00\x02\x00\x00\x00\x02\x00\x08\x02\x00\x00\x00{\x1aC\xad\x00\x00\x9c\x8fIDATx\x9c\xec\xddwXT\xc7\xda\x00\xf09m{\xa1\x17A\xa5\xa3\x88(\xd2Q\xac\x88\x82Fc\x97hb4\x16\xd4h4=\xdf\x8d\xa6\x98xM\xd5DM\xec%\xf6\xde\xa2\xd8{\x03\x0b *\x02RTz\xdf\xdeN\xf9\xfe\x18\xe5\x1a\xa3\xc6X\xd8]v~\xcf}\xf2\\a\x81\xb3g\xcf\x99w\xe6\x9d\x99\xf7`\x1c\xc7\x01\x04A\x10\xc4\xf6\xe0\xe6&gt;\x00\x04A\x10\xc4&lt;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91\xe6&gt;\x00\x04\xf9wX\x96\x05\x00`\x18\xd6\xf8_\xa4)q\x1c\x07\xd0\x99o.0\xf8q"\x885\x82\xc1\xe0\x91\x90\x80bC\x13`\x18\x86\xe38\x0c\xc3p\x1cG\xa7\xdaz\xa1\x00\x80X\r\xd8\xe2\\\xbdz\x95\xc7\xe3yxx\x08\xf8|\xa1H\xf4\xa4\x17\xff=6\xe08\x0eP`x\x01\xf0\xfc\xd7\xd7\xd7s\x1c\xe7\xe0\xe0\xd0\xf8u\x96eY\x96E\xc1\xc0\x1a\xa1\x00\x80X\x07x\xa1\xaaT*///\x85B!\x97\xcb\x85B\xa1\x9f\x9f\x1fI\x92\xed\xda\xb5\xf3\xf1\xf1\t\t\t\x01\x00\x04\x06\x06\x8aD"\x99LF\x10\xc4\x93~\x0f\xcb\xb2\x8f\xe41Plx\x16,\xcb\xe28&gt;h\xd0\xa0\x93\'O\xf6\xe8\xd1c\xc0\x80\x01\xde\xde\xde\x9d:u\x92J\xa5\x8d\xaf\xe18\x8ea\x188\x0e\x83g\x15\xb1d(\x00 \xd6\x81a\x18\x82 RSS\xfb\xf7\xef\x0f\xfb\xf5\x12\x81\x80\xc0q\x85V\xfb\xf0\xcb(\x8a\'\x91\x88]]]]\xdd\xdc\xf8&lt;^\xa7\xb0\xb0\xc0\x80\x80V\xadZ\x11\x04\xd1&gt;8\x18\'\x08;;\xbb\'\xfd\t\x18\x18\x1e\x8e\r(\xa1\xd4\x08v\xff+**\xfc\xfd\xfd\xd5ju\xe3\xd7[xx\xf8\xf9\xfaFDD\x0c\x1d:400\xd0\xde\xde\xbe\xf1[\x0f\x8f\x0c\x00:\x87\x16\t\x05\x00\xc4:\xc0F\xbf\x7f\xbf~\xc7\x8f\x1dsvt,\xa9\xa8\xe8\x19\x15\xc9\x01\xecDZ\xda\xf0\xbe}o\x15\x15\x89\x85\xc2\x0b\x99\x99\x9dC;\x9e\xcf\xc8|\xec5-\x12\x8b\xf9&lt;\x9e\xb7\x8f\x8f\x83\xbd}DD\x04\x9f\xcf\xef\xd0\xa1\x83\\.\x97H$\xfe\xfe\xfe\x18\x86\xc9\xe5\xf2\xa7\xfc\xf5\xc7\xc6\x06\xdbi\xd4h\x9a&amp;Ir\xed\xda\xb5o\xbf\xfd6\x9f\xcf7\x18\x0c\xbdcc\xb3\xf3\xf2\xaa\xeb\xea\xec\xc4\xe2Z\x95\n\x00 \x95\xc9\x82\xdb\xb5\x1b2dHhhh@@\x80\xa7\xa7\xe7#\xbf\x01\x8d\x0c,\r\n\x00\x88\x15\x80\xdd\xff\xf4\xf4\xf4\xa8\xa8(\x01\x9f\x1f\xd9\xbe\xfd\x94\xe4d\xff\xd6\xad._\xbfQRY\xc9\xa7H\xa5FSTZv\xf4\xc2\xf9\x0f\xc6\x8c\xf9\xfc\xd7\x85\xde\x9e\x9e&lt;\x8a,\xb8W\xd2\xa7K\x97\x06\xa5\xf2NYieMm\xa7\xb6m\xd3\xb2\xb3\t\x0cc\xfev\xcdK\xa5R&gt;\x9f\x1f\xd8\xa6\x8d\xb3\x93S\xfb\x90\x10\x1eEEGG\x13\x04\xe1\xee\xee\xee\xe6\xe6\xf6\x94\xd8\x00\x03\xc3\x93\xd2M\xcd\xc9\xfd\x00\xdc\xbf\x7fjj*\x00 \xbaC\x87i\xa3G\xcd\xf8\xef\xbc\xce\xa1\xa1eUU\xe9\xd9\xd9-\xdd\xdc\xa4"\xd1\xcd\xc2B\xf8z\xa9T\xda\xa3G\x8f\x0e\x1d:\x84\x87\x87w\xee\xdc\xd9\xce\xce\xae\xf1,\xc14\x11\x00\x00\xc7q\x14\x0c\xcc\x0b\x05\x00\xc4\n\xc0\x000a\xfc\xf8\xb5k\xd6\x98\x18\xa6\x8d\x8fw\xc6\x8e\x1d\x02\x1e\x0f`\x18\xe0\xf1\x80\xc1\xc0\xb0lu]\x1d\x07\x80\xc1h\xcc)(\x10\n\x049\x85\x85\r\x1aMUu\xb5\xab\xa3\xe3\x9a]\xbbI\x8a\x8c\x8f\x8e\xf9e\xdd\xba6&gt;&gt;\x1c\xc7u\n\n\xda\xb4\x7f\xbfO\xcb\x96\x95\xb5\xb5R\xb1\xd8^"\xc9)*\xa2\x08\xdc\xc4\xb0\x8f\xfci\xb9\\NQ\x94\xbf\xbf\x7f```\xabV\xad\xec\xec\xecB;vd9.  \xc0\xd1\xd1Q(\x14\x9a\xe5\x8441\x98\xffQ*\x95\xbe\xbe\xbeB\x92\xacS(6|\xff\xdd\xc0\xa4\xa4\xe2\xc2B\x0c\xc3\xf6\x9e&lt;u\xfe\xca\x157g\xa7s\x19\x99\x97\xb2\xb3\x83\xfd\xfd\xa5"\xf1\x85\xac\xcc\xc6\x1f\x17\x89\xc5\xad[\xb5\xea\xdf\xbf\x7f||\xbc\xa7\xa7gPPP\xe3\xb7\x1a\xe7cP\x9a\xc8,P\x00@,\x1d\xcc#\xe7\xe4\xe4\xc4u\x8e\x8d\x0e\t\xe180"1\xf1\xad\xc1\x83\x1a\xea\xeb\t\x82\xe0X\x16\xb6\x1d\x14E\xc1\xd4\x0c\x9f\xcf\xe7\x18\x06#\x08@\x10\xc0d2\x18\x8d\xd5\xf5\xf5\x14EU\xd7\xd5\xdd-+3\x18M\xe5\xb5\xb5\x1c\xcbl=x0\xb6c\xe8\xc6\xfd\xfb\xc3\x83\x835Z\xed\xa1s\xe7\x82\xfc|\xe5R)\x9f\xe2\x9dLO\x0f\t\x0c\xb8\x96\x9b\x17\x12\x10PZYY\xabP\xb89:T\xd4\xd6=|T$Ey\xb4h\xe1\xe3\xe3\x13\x16\x16\xf6\xddw\xdf5\xefq@\xe3\x08\xack\xd7\xae\t11\x01^\xad\xa7\xbf\xf9\xa6\x8b\xbd=\x86a\x00\xc3\xf8"\x11`\x18\x8dFs577\xeb\xe6M\x02\'v\x1c=z"--\xb6cG\x9aa.fe\xc5v\xecx&gt;3\x13\xfe*\x82 \xa2\xa2\xa2\xbau\xeb\xe6\xef\xef\x9f\x90\x90\xe0\xe1\xe1\xf1\xf0\x1f\xa2i\x1a\xa0\x91A\x13B\x01\x00\xb1t0\xfb\xfc\xf1\xc7\x1f\xff\xf0\xc3\x0f\x00\x807\xfa%\xad\x9e;\xd7h4&gt;\xd2[l\xbc\x92Y\x8e\xc3\x00\x80\t{\x1c\xc30\x0c\xa3(\x8acY\x92$I\x8a\x02\x1c\x07\x08\xc2\xa4\xd7S$\xa9\xd5\xe9\xeb\x95J\x1eE\xde\xbe{\xb7V\xa1\xa8W(8\x00\xae\xe7\xe7_\xc8\xcc\xea\x16\x11\xbex\xd3\xe6\x94\xe1\xc3\x97m\xdb\xc6\x01\x10\x11\xdc\x8e \xc8\xec\xfc\xbc\x92\xf2\x8a\xe0\x00\xff\xeby\xf91\x1d:\\\xc8\xca\x82\x7fq\xcd\x9a5c\xc6\x8c\x81\xc7\xd9\xc4\'\xa7i&lt;\xf2\x11\x84\x05\x05]\xd8\xb4\xd1`4\xc2\xef2,\x8ba\x18\x81\xe3b\xa1\x10\x90$g2U+\x1a\x8a\xef\x95h\xf4\xfae[\xb6\x9a\x18F$\xe0\xaf\xdb\xbbO*\x91\xf4\x88\x8c\xd8{\xfcD\xe3\xaf\x95\xc9d\xed\x82\x83\x03\x03\x02\x06\x0f\x1e\x1c\x13\x13coo\xdf\x18D\xd1\xc8\xa0i\xa0\x00\x80X4x}VUU\xc5FGy\xb9\xba\x96TV%\xc4\xc6\xfe:{\x96J\xa9$\x9e\xb9\x93\x08\x7f\t\xd7\x18$8\x0e\xc7q\x8e\xe3p\x1c\'\t\x82\xe38&gt;\x8f\x87=hzh\x93\t\xc7q\x95F\xa3\xd1jq\x82\xc8\xbau\x8b\xc7\xe7\x17\x14\xdf\x91\x88E[\x0f\x1e\xd2\xeat&gt;\x9e\x9e\x9bSSg\xbe\xf5\xd6\xecE\x8b\x00\x00\xbe-[\xda;9\x1e8t\xd8\xc9\xc9\t4\xd3\xa6\x8a\xe38\x9a\xa6\x83\x83\x83\xf3\xf3\xf20\x0c\x9b3}\xfa\xff\xbd;UQWG\xfeu\xd0\xc3\xb2,\xcbq8\x86Q$\xc9\xe3\xf10\x008\x00X\x8e\xbb\x9e\x9f\x9f\x9d\x97WY[Wx\xef\xde\xea]\xbb\xec\xe5\xf2n\xe1\xe1\x9b\x0f\x1c\xc00\xcc\xd5\xc1\x1e\x0e\xad\xc4b\xb1\x9f\xafoR\xbf~O\x1a\x19\xa0\t\xe4W\x01\x05\x00\xc4\xa2\xc1\xbe\xe7O?\xfd\xf4\xe1\x87\x1f\xba9;\r\xed\x9d\xf0\xcd{\xd3y\x14\x05\x17\x9b\xbf\xf8\xef\xbf\x1f\x1b\x1ao\x03\x8e\xc3p\x1cp\x1cA\x10\x04\x8es\x1c\'\x10\x08\xe0\xa0\x81\xa3i\x18B\xea\x95J\x93\xc9d4\x992o\xdd*\xb8W\xb2j\xe7\xce\x1b\xb7o\x0f\x192d\xdb\xb6m\x0c\xc34\xbfA\x00\xcc\xff\x9c;w...\x0e\x00\xc0\xa7\xa8\xf3\x9b6\xb6\x0f\x08\xd0\xe9\xf5\xf8\x13&gt;\x82\xc6\x15S\x00\x00\x0c\xc3\x84\x02\x01AQ\x00\x80\xba\xfa\xfa\x8a\xea\xea\xf2\x9a\xda\x8bY\x99\xdb\x0f\x1d&amp;\x08"\xc0\xcbk\xd3\xfe\xfd\x02&gt;?\xc8\xc7\xe7jN\x0e\xfc\x91\xa7\x8c\x0c\x1a\'\x90\t\x82h\x96\xb1\xb6\x89\xa1\x00\x80X4\xb8\xf9(&amp;:\xfabZ\x1a\x00`P|\xfc\xceE\x0b\x95\nE\x13$\xdc\xe1\xad\xc1&gt;\x184\xdcon0\x8c$\x08\x1c\xc3\x18\x96\x15\xb9\xb9mX\xbf\xfe\x9dY\xb3=\xdd\xdc\n\xee\xde\xfd\xea\xab\xaff\xcf\x9e\xdd\xfc\x12A\xf0\x1d\xcd\x9d;w\xf6\xacY\x0c\xc7\xb5\xf7\xf3\xbb\xbac\xbb\xde`x\xf6\xf6\x97\xe58\x8ee\x01\x00\x14IR\x14E\x12\x04\xcbq\x06\xa3\xb1V\xa18\x97\x91q\xfa\xd2\xa5\xbb\x15\x95\xb9\x85\x85U\xb5\xb5\xfd\xbaw\xdb\xf8\xe7\xfe\x87G\x06O\x99@\xe6\x1a?\x14\xe4y\xa1\x00\x80X.\xd8\xf7&lt;r\xf4h\xf2\xd0\xa1\xe1\xc1\xc1yw\xee\xac\x9d\xfbm\x97\xf0p\x95Z\xfd\xec\xf9\x9f\x97\xaeq\xd0\x80\xe1x\xb5B\xb1p\xed\x1f\xcbwlWku\x14I\x9e&gt;u*:&amp;\x06\x1e\xb6\xb9\x0e\xef\xa5\x83o\xe7\xad1c\x8e\xa5\xa6N~#\xb9\xbd\x9f_b\\\x9c\xd1dz\xbe\xc6\x17\xee\xa7\xc0\x00\x80\xf97\xbe\x80\x0f\x08R\xaf\xd5^\xbdqC\xa37\xa4_\xbb\xb6\xfd\xd0!\x82 \x02\xbcZo\xda\x7f\x80\xcf\xe7w\x0c\x0cH\xbb\x96\r\x7f\x16N w\xed\xda5  `\xe8\xd0\xa1R\xa9\x94}\xb0\x04\x00y&gt;(\x00 \x96\x0b6=\xfd\xfa\xf5KMMm\xe3\xe3\x932|\xf8\xf8\xe1\xc3X\x9a\xb6\x90~\x1f\xc3\xb22\xa94;77r\xc4H\x0fW\xd7\xbbeer;\xbb\x1b7n8;;\xc3\t\x06s\x1f\xe0K\x00{\xd9*\x95*  \xa0\xa2\xa2B\xc0\xe7\xaf\x9d;whR\xa2Z\xa5z\xf1\x18\xccq\x1c\x8c\x07$\x8e\x8b\x84B\x0c\xc7Y\x96\x85#\x83\xf3\x19\x19\xc7/\xa6\xa9\xb4Z\x1c\xc3\xd6\xef\xfb\xcb\x042\t\x00\r@TT\xd4\x81\x03\x07\x1c\x1c\x1cP\x0cx\x11(\x00 \x16\n6=UUU~~~*\x95\n\x000\xff\xd3Of\x8c\x1b\xa7\xa8\xaf\'-\xa6\x7f\xcd0\x8cD$:u\xf9\xf2\x84\xd9_(\xd4\xea\xba\x86\x86\x88\xc8\xc8\x0b\x17.\xc0\x83\xb7\x90@\xf5"`\x0c&gt;p\xe0@\xff\xfe\xfd\t\x82\xe0S\xd4\xd5\x1d\xdb\xbd=&lt;\x0c\x7f[\x85\xf5\x82X\x96\xe5\x00xhd \x008n2\x18n\xdc\xbe\xfd\xf0\x04\xb2\x80\xcfo\xe7\xe7{!3\x8be\xd9\x11\xc3\x87\xaf[\xbf\x9e\xa2(\x14\x03\x9e[\xb3JV"\xcd\t\xcb\xb2\x04A,^\xbcX&amp;\x10\x84\x07\xb5-\xab\xaczs\xc0\x00\xbdY\x93?\x7fG\x10\x84F\xa7\xeb\x11\x155~\xe8\xd0u{\xf7jt\xba\xb4\xb4\xb4)S\xa6\xfc\xfe\xfb\xef\xcd)\x11\xb4e\xcb\x16\xb8\x10\xa8WTT\x80\x8f\x8f\xf2\xdf,\xc1zF\x0f\xb7\xe0&amp;\x9a6\xa8T\x1c\xc7\x118\xde\xde\xdf\xbfcP\x10\x00\xa0\xae\xbe~jrrE]\xdd\x9a\x9d;\xae\xdc\xb8\xf9\xf6\xeb\xaf/\xdf\xb2\xa5\xf8\xee\xdd\xd4\x03\x07\xec\xed\xedQ\x0cx&gt;h\x04\x80X"xY\xeat\xbaV\xad[\xd7\xd6\xd4t\xe9\xd4\xe9\xb3\x89\x13\xe2cc\r\x06\xc3\x93V\x9e\x98\x11\xcb\xb2R\xa94\xf9\xfd\x0fr\x8b\x8b3rr\x00\x00\xa7O\x9f\x8e\x8b\x8bk\x061\x006\xac\xd111\x8a\xcaJ\xff\xd6\xad\x93\xbau\x9b\x98&lt;R\xdd$\x93\xf0\xf7\x0f\xe0\xa1\td\x92$)\x91\xa8\xe4\xde\xbd\x9b\x05\x05_-\xfe\xed|V\x16\xe0\xb8\x88\x88\x88\x93\'O\n\x04\x02\xf0\xd7(\x82&lt;\x0bt\xbe\x10K\x04w\xffn\xdd\xba\x95`\x18\xbfV\xad\xce^\xbd\xea \x97\x138\x0e,\xb2\xbf\x82a\x98Z\xad\xfe\xe3\xbbyF\x93)\xa2}\xfb\x11\x89}\xdf\x9f9S\xa7\xd3a\x98uw\xb0\xe0LFEEE\xce\xcd\x9b:\x83\xc1\xc3\xcd\xb5GT$m\xd07e;\x8bc\x18A\x10\xc4\x83\x85C\x8a\xdaZg\x07\x87.aa\x01^\xad\xe1\xb7.]\xba4u\xeaT\xb8\xb1\xc3\xaa\xcf\xb6YX\xf7\x05\x8a4W0\xe1\x10\x12\x12R~\xef^|\xe7\xce\x03{\xf6\x18\x99\x94d\xf87K\x0f\x9b\x18\\\x14T\xa7P\xdc\xbc}{\xf2\xd7s\x8aJJ\xc6\x8e\x1d\xbbj\xd5*\xab^\x15\n\x0f\xfe\x8f?\xfe\x183f\x0c\x00\x80\xc4\x89\xa2\xa3\x87\x9d\xed\xedMf\x9d\x87\x87\x9d\x03\x89\x9b\xdb\xe8\xc9\x93O_\xbe\xc2aXIy\xf9\x84\t\x13\x96-[\x06\xbfe\xb1\x17\x89\x05B#\x00\xc4\xe2\xc0M^\xe7\xcf\x9d\xbbu\xeb\x96\xc6`\xd8y\xe4H+7w\xd8\x074\xf7\xa1=\x11\x86a\xb4\xc9\xd4\xd2\xcb\xeb\x8f={M\xb4\xc9\xc5\xc9i\xf5\xea\xd5\x0b\x16, I\x12\xd6\xb7\xb1F\xb0[\xbdz\xcd\x1a\x89P(\xe0\xf3\xc7\x0e\x1e\xe4\xe9\xe9\xf9\xd2\xa7\x7f\x9f\xe7\xa8\x00PVT,\xfd\xfa\xeb1\x03\x07\x96\x94\x97K\xc5\xe2\xe5\xcb\x97\'%%\xc1!\x17\xea\xd4&gt;;4\x02@,\x0e\xec\xc7\xf5\xea\xd9\xab\xae\xac\x94\xa4Hw\'\xe7\x9d\x8b\x16\x1a\xf4z\x0b\xef\xd9\xdd\xaf&gt;D\x10c&gt;\xf9\xf4\xe4\xa5K\x14EUTW\x1f=z\xb4W\xaf^\xd68\x19\x00\xb3\xff999\xc1\xed\xdb\xb3\x0c\x03\x008\xb2rE\xcf\xe8h\xb5Fc\t\xf3\xf0\xb0\xfa\x1eA\x10S\xbe\x9es\xf0\xecY\xbd\xc1P\xdb\xd0\x00\xc7\x014M\xa3}\xc2\xcf\xc8\xfc\x1f$\x82&lt;\x8ca\x18\x1c\xc7\xd3\xd3/\x9d8y\xa2\xa8\xb4\xd4\xc3\xc5u\xde\x87\x1f\xc05\x82\x16\x0e\xc30\xc0q&lt;\x8a\xfa\xf2\xdd\xa9\xd1!!u\r\r\x00\x80\x94\x94\x94\xda\xdaZ\xd8\x956\xf7\x01\xfe;\xf0\x80\xef\xdc\xb9\xc3\xa7\xa8\x84.]^\xeb\xde=$ \xc0h1\x93\xf0\x18\x86\xd14\xcd\xd0\xf4\xd2/\xbf\x08\xf4j-\xe4\xf3\xe18 %%\x05\x8e\xba\xac\xee\x84\x9b\x05\n\x00M\nV2a\x18\x86\xfe+\x86a\xd0\xf5\n\xc1\xf3\xb0s\xe7\x0e\x00\x80R\xa3\xb9z\xf3f\x0bgg\x86\xa6-\xa2\xd5\xf9\'8\x8ek4\x9a\xe0\xf6\xed_\xef\xd5\x8be\xd9\xb6\xbe\xbe\xb7o\xdf\x1e\xf5\xc6\x1b\x8d\x15l\xac\x08\xfc N\x9e&lt;\xc90\x0c\xc7\xb1\xaf\xf7\xeae\'\x95\xd2/\xa9\x04\xd3K\x81\xe38\xc3\xb2:\xbd\xfe\xd0\x8a\x15\t\x9d;\xab4\x1a\x92$\x97.]\xbat\xe9R\xb89\xc0\xdc\x07h\x05P\x00x\xe5\xe0\xcd\x0f\xbb$\xd8\x83%\r\xe4_\xc1\x11+\x9c\xf9\xb4\xe5\x0b\x17\x8e\xeb+++wl\xdb\xda#22\xd0\xdb\xfb\xddQ\xa3\xec\x9d\x9c\xcc;\xeb\xf8\xafP$\xa9\xaa\xad\x1d\xf3\xfa\xc0\xc5\xb3&gt;\xaf\xaa\xad\x91K%\x87\x0e\x1f\xfe\xee\xbb\xef\xacn2\x80 \x08\xa3\xd1\xb8k\xd7.\xa3\xc9t\xe4\xdc\xf9\x9c\xc2B\x9eX\xccX\xd8\xc5\x89a\x18\x07\x00m2-\xfe\xfc?\x1d\x02\x03|[\xb6\x14\x8bD)))\x0b\x16, \x08\x02\x8d\x03\xfe\x11\x9a\x03x\x85\xfe\xfe\xbc\xc0\xea\xea\xea;w\xeeTTTTWWk4\x1a\x86a(\x8artt\xf4\xf0\xf0\xf0\xf5\xf5uww\x87/\x83i\x10ki\xf2^\xa2\x87k\x7f:;8\x8cLL\x9c=e\xb2H \x80\xb3\x02\xe6&gt;\xbag\xd5\xf8\xa1\xf7\x1a;.;?\x7fDb\xe2\xe1\x8b\x17\xf6\xfc\xb9\xbfc\x87\x0e\xd6R"\x02NZ\xa4\xa5\xa5\xc5\xc6\xc6\x02\x00x$\x99\xbeuK\x90\xaf\xaf\xf6\xc9\x15@\xcd\x08NWh\x0c\x867&gt;\xf8\xf0|f\x86\xbdL^VU5s\xe6\xcc\x9f\x7f\xfe\xd9d2Q\x14e\xee\x03\xb4\\\xd6\xba@\xcd\xc2\xc1\xa5\x08\xf0V\xd7j\xb5g\xcf\x9eMMM=w\xee\\~~~CC\xc3c\x7fD*\x95\x06\x07\x07\x0f\x1c8\xf0\x8d7\xdeh\xd9\xb2%xpY7\xe5a\x9b\x17l7u:\xdd\x96M\x9bB\x02\x03n\xdc.(.-urrR64X\xd7\x0c*LOS&lt;\xde\xde\xdf\x7f\xdbu\xe4\xe8\xeec\xc7\xee\x95\x96\x8d\x7f\xe7\x9d\xcb\x97/\xc3\x0b\xc3Z\x82\xd9\x96-[\xe0x\xb4C``[\x1f\x9f\xa7\xd4\x7f6/\x1c\xc7Y\x96\xb5\x97J\xd7\xce\x9b7\xfd\x9bov\x1e=*\x97J\xe7\xcf\x9f\xdf\xb6m\xdb\t\x13&amp;X\xe3\x0c|\x93A\x01\xe0\x95\x80\x8b\x91\xaf]\xbb\xf6\xc7\x1f\x7f\xec\xda\xb5\xab\xf0\xc1\x93\xb2\xe1\xb7\x1ey\xc8\x11l\x14T*\xd5\x85\x0b\x17.\\\xb80o\xde\xbc\xe9\xd3\xa7\xff\xe7?\xff\xe1\xf1x6\x15\x03\xe0\x8d\xbak\xd7\xaeKW\xaet\x08\x0c\x9c\xf9\xd6\x9b)#F\x1a\xf4z\xcc\n\xcf\x00\x8e\xe3z\xbd\xde\xc9\xd9Y"\x12\x1d8}Z$\x14^\xbdz5%%e\xe9\xd2\xa5V\xd1\x1e\xc1\x8b\xf3\xca\xd5\xab\xce\xf6\xf6"\xa1\xb0o\\\x1c)\x100:\x9d\xe5Taz\x04\x8e\xe3:\x9d\xae\x85\x8b\xd3\xd7\xd3\xde\xadW)\xcb\xab\xaaU\x1a\xcd\xc4\x89\x13q\x0c{g\xfcx4\x0ex\x12\x94\x02z\xc9`\xb2"77w\xd6\xacY\xbbw\xef~\xf8\x19\xa7\x8dO\xb9\x83\xe0=\xf6\xbf\xda\xc2\x18\x06\xd3&gt;\xf0G\xbat\xe9\xb2u\xebVwww+\xea0\xbe \x18\xed\x12\x93\x92\x0e\xa6\xa6\x02\x00\xe2\xa3\xa3\x8f\xac^\xa5R*qKmt\xfe\x11\xc7q\x00\x03\x93\xbf\xfa:;\xff\xf6\xcd\xdb\x05&amp;\xda\xb4t\xe9\xd2\x89\x13\'Z\xf8\xee0xM\xaa\xd5\xea\x80\xc0@7\x99ld\xbf~I\xdd\xbb\x05\xb4nm2\xf7\x0e\x80\x7f\xc4\xb0\xac\x80\xcf\xd7\x19\x0c\xbd\xde\x1e{\xe5\xe6M8\xefr\xe4\xc8\x91\xf8\xf8x\x14\x03\x1e\xcb\xfa\xfaV\x16\x0e\xb6\xd7\n\x85b\xfb\xf6\xed\xf0&gt;\x87M?\xdc\xdc\x04\xbb~\xb0\xcb\xcf\xb2\xf0\tz\x1cL}`\x18\x06\xe7\x8a\xe13l\xcf\x9e=\xdb\xb7o\xdf\x86\x86\x06\x1b\xd9\xd8\x02[\xff\x1b7o^\xbbr%\xd8\xdf\x9f$\x88I#\x86\x03\x0c\xe3,\xbb\xc5\xf9G\x04\x86\xaf\x983\x87G\x92\x01^\xad%"\xd1\xa4I\x93233I\x92\xb4\xe4EA\xb0\x13s\xe6\xcc\x99\x8a\xf2\xf2\xcc\xdc\xdc\xff[\xb0@HQV\xf11\x108\xae7\x18\x84|\xfe\x81e\xcb&lt;\\\\p\x0c\xeb\x1d\x1b;b\xf8\xf0\x95+WR\x14e]\x93\xf0M\x03\x05\x80\x97\x8c \x08\x96e\xa3\xa2\xa2\x06\r\x1a\xd4\xd8]"\x08\xe2\xe1\xb5@"\x91\xc8\xd5\xd5\xd5\xdb\xdb\xdb\xdb\xdb\x1b&gt;H\x96a\x18X\xfc\x12\x00\xc0q\x1c\xec\xad\\\xbbv-%%\x05\xc6\x0fs\xbe\xa5&amp;\x01\x83\xdc\x82\xf9\xf3\xabjk\xdd\x9c\x9c\xbe}\xef\xbd\xee\x91\x91:\x8d\xc6\xaa3`\x18\x86\xd1,\xcb2\xcc\xb6\xf9?\x9bhZ\xad\xd5\xe28&gt;f\xcc\x98\xfa\xfaz\xcb\xdf\x19\xb0u\xebV\x1c\xc7)\x92L\xec\xd2\xc5\xcf\xcb\xcb\x92\xebp&lt;\x8c\xc0q\x9dN\xe7\xe2\xec\xf4\xf3\xa7\x9f\xfe\xf0\xe1\x87:\x83\xbe\xae\xbe~\xfc\xf8\xf1+V\xac\xb0\xba\x85XM\xc0\x8a\xef.\x8b\x05o\xec\x193f\x00\x000\x0c\x83\xdd\x7f\xb1X\x9c\x94\x94\xf4\xcb/\xbf\x9c={6777???\'\'\'\'\'\'???++k\xd1\xa2Eaaap\xf1\x0f\xfc%&amp;\x93\x89$\xc9-[\xb6\x1c?~\x9c \x08K\xee0\xbe88a\xae\xd5jw\xef\xd9C3\xcc\xd1\x0b\x17\x0cF\xa3\x93\x8b\x8b\xd1J\x96\xff?\x05\x8eaF\x9an\xed\xe5\xf5\xd6\x80\x01-\xdd\xdd\x02\xbd\xbd\xaf]\xbb6q\xe2DxU\x98\xfb\xe8\x1e\x03\x8eG5\x1a\xcd\x91#GX\x965\xd1t\xff\xee\xdd\x81e\xd7\xe1x\x04I\x92\x8a\xfa\xfa\xe1\xaf\xf5\xef\x12\xd6);7\x0f\xdeS\x13&amp;L\xb8x\xf1"I\x92&amp;\x93\xc9\xdc\x07hA\xd0\x1c\xc0+\x01\x13\x1aQQQ\xe9\xe9\xe9\x9d:u\x1a=z\xf4\xa0A\x83\xbc\xbc\xbc\x9e\xf2#\x0c\xc3|\xf3\xcd7_~\xf9ecs\x0f\x13\x05\x03\x06\x0c\xd8\xbd{w\xf3\x9e\r\x86\xf3\xa2k\xd7\xae\xfd\xe4\xfd\xf7%\x12qYU\xf5\xf5=\xbb=]]\x9f\xfb\xb9\x83\x96\x86\xe58\x91D\xf2\xf3\x8a\x95\x1f\xff\xf4\x93D,Vk4\xeb\xd7\xad\x1b5z\xb4\x05N\x06\xc0+\xad\xbc\xbc\xbcM\x9b6=\xc3\xc3}[\xb7~k\xe0\x80 \x1f\x1f\x9d\xc5\xec\x01~F4MK\xc4\xe2;ee\xa1\x83\x87\xd8\xc9\xe5u\r\r&lt;\x81\xe0\xe0\xc1\x83\x11\x11\x11\x16x\xda\xcd\x05\x05\x80W\x02\xb6h\'O\x9e,//\x1f9r$l\xc5`\xd2\x1f{\xa0\xf1\xc5p&gt;\x00N\x14\xcf\x9c9\x13\xeea\x81s\x06\x1c\xc7\xd9\xd9\xd9\xdd\xbe}\xdb\xd1\xd1\xb1\xb9\xce\x06\xc3I\x0e\x9a\xa6\xdb\x06\x05\xdd-.\x1e\x14\x1f\x9f\xd4\xad\xeb\xc8\xc4D\xdaz6\x7f\xfd#\x96\xe3(\x92l\xd0\xe9\x86N}W\xc0\xe7\xfb\xb4\xf4\xdcw\xfa\xcc\xf9\x0b\x17\xbc\xbc\xbc,mg\x00l\x1c\x97/_\x9e2iR\xab\x16-\xba\x84u\xfa}\xd6,+\xfd \x18\x86\x11\t\x85\x17\xb2\xb2&gt;\xfc\xfe\x87\xf4\xecl\x00\x80\x83\x83\xc3\xca\x95+_\x7f\xfdu\x14\x03 \x0b\xba\xf2\x9a\x13\x98\xcd\xef\xde\xbd{rr2\\\xd8\x03\x9bx\xb8\xe9\x17\xae\xf6i\x04\xbf\x0e\x00`Y\xf6\x8b/\xbepttll\xfd1\x0ckhh\xb8y\xf3&amp;\xfc\xae\x99\xdf\xd5\xab\x01\xcf\xcc\x86\x8d\x1bU55\xad[\xb4\xd8v\xe8\x90\x8f\xa7\'\x8f\xc7\xb3\xa2\x9c\xc3?\xc21\xccd2\xd9\x89DGV\xaf\xea\x11\x19\xb9\xfd\xd0\xe1\x8a\xca\xca\x89\x13\'\xc2\x0c\xa1Eu\xc2\xe0\xe4\xc4\x8a\x15+X\x8e+.-\xc5\x00&amp;\x96H,m\x03\xf03\x82\xcfk\x8b\x8b\x8a\xfa\xef\xcc\x19\xad\xdc\xdd\x03\xbc\xbc\xea\xea\xea\x92\x93\x93/]\xbad\xe1\xf3\xf0M\x06\x05\x80W\x08\xe6y9\x8e\x83k\x81\x9e\xfebx\xe3\xd9\xd9\xd9u\xee\xdc\x19&lt;x\xb6\x11\xfc\xef\xbd{\xf7\xc0\x83\xa9\x85\xe6\x07\xc7q\x83\xc1\xf0\xc3\xf7\xdf\xeb\x8c\xc6NAA\x7f\xfc\xf7\xbf\x91!!Z\xad\xd6\x12JN\xbeDpg\x80P$jP*\xeb\x95\xca\x96\xee\xeeG\x8f\x1e\x9d9s\xa6E\xcdL\xc2`\x9c\x9b\x9b\x9b\x95\x95\x05K\x94\x8c\x1b&lt;\xd82\x1f\xc2\xf3\x8cH\x82h\xa8\xab\xeb\x19\x17\xb7f\xee\xb7eUU\x01^\xad\xf5z}\xdf&gt;}._\xbe\xdc\xec\xa7\xd6\x9eE\xb3\xba\xc7,\r\x8e\xe3\xff\xaa,-L\x86\xb4n\xdd\x1a&lt;\xd8%\x00\xff\x0b\x1f\x89\xde,\xc1\xb1NvvvNN\x8eZ\xa7\xdbv\xe8\x90\xa7\x9bk3\xeb\xfe7"IR\xa7V\xff\'e\xd2\x8c7\xdf\xc4\x00\x10\t\x85\x0b\x16,X\xb3v-EQ\x16\xd2\x12\xc1Q\xe6\xc1\x83\x07\r\x06\x03M\xd3\xae\x8e\x8e\x91\xed\x83\xad=\x18S$\xa9\xac\xaf\xef\x1c\x1a\xbaw\xf1b\x8dV\x87aX]}\xfd\x88\x11#\xea\xeb\xebQ\x0c\xb0\xe2\xcf\xb5Yz\xecC\x04-\x7f\xe3\xe8\x0bZ\xb2d\x89_\xcb\x96\xce\x0e\xf6\xa1m\xdat\t\x0f\xd3ZF\xc5\xf9\x97\x0e{03\xf9\xc1\xd8\xb7}&lt;=\xbdZ\xb4\x00\x00L\x9d2\x05\xf6F-\'\xc5WPX\xd8\xc2\xd9\xf9\xfd\xb1o\x7f2~&lt;\x8f\xa2\x9a\xc1\xd0\x13\xee\x0f\xe8\xd1\xad\xeb\xaf\xff\xf9?\x0c\xc3\xda\xf8\xf8\x14\x16\x16\xf6\xee\xdd\xbb\xbc\xbc\xdc\xa2\xce|\xd3k\x86\xb7\x99\xf5\x82\xfd\xfd\xb2\xb22\xf0\xd0\x0ea\x00\x00\xdc+`\xa5\x13qO\x01\x13\x0e\x85\x85\x85+W\xae\xd4\x1b\x8d\x03{\xf6\xfc\xfe\xe3\x8f\xb8f\xbd0\x01\xc7q\xadN\xe7\xe6\xec\xbc\xe8\xf3\xffht\xba\x0em\xdah\xb5\xda\x11#F(\x95JK\xd8\xf1\x07+\x80\x1e9|\xb8\xaa\xae\xee\xc8\xb9\xf3\xde\x1e\x1e\xd6\xb5\x00\xf4)\x08\x82P\xd5\xd6\xf6\xed\xd2e\xfdw\xf3j\xea\xeb\xe4Ri\xc6\x95+aaa\xd9\xd9\xd98\x8e\xdb\xec8\x00\x05\x00K\x01W\x83\x18\x0c\x86\xcb\x97/\x83\x07M?\xcc\x90\xf8\xfa\xfa\x82\xe6\x18\x00\xe0,\xf7\x86\xf5\x1b\x9c\xec\xecJ*+7\xec\xfb\xb3c\x9b6lsY\xfa\xf9$\x04\x8e\xeb\xf4z\x7f/\xaf\x95s\xbe\xce+*\x02\x00\x14\x16\x16~\xff\xfd\xf7fOG\xc0\x8b-###//\x8ff\x98\xec\xbc&lt;{;9\xceq\xcd\xe6\xc3\xc01\x8ce\xd9\xe4\x01\x03\xe6L\x9f\xeelo\x8f\x93dyy\xf9\xa8Q\xa3`.\xc86\xc7\x01(\x00X\nx\xfbm\xdf\xbe\xfd\xee\xdd\xbb\xf0r\x84\x8b\x85\xbc\xbc\xbc\x02\x02\x02@\xb3\x0b\x000\xe0\xd5\xd4\xd4\xcc_0\xdf\xc5\xd1a\xfc\xd0\xa1\x0b\xfe\xef3;\x99\xcc\x8aJ\xff?7\x1c\xc3\x8cFc\xb7\xe8\xe8\xde\xb1\xb1\xfe\xad[{yx\xfc\xf0\xc3\x0fp\x9b\x92\x19c\x00\xecs\xec\xd8\xb1\x03\xc30\x02\xc7\xa3\xda\xb7\x8f\xe9\xd0A\xab\xd5Z\xd4*\xd5\x17\xa7hhHy\xfb\xed\xe4~\xfd\x1c\xe4\xb2@o\xef\xec\xec\xec\xbe}\xfb\xd6\xd7\xd7\x83\xe6\xbb\xd0\xee)\x9a\xd5Gk\xbd\x18\x86!I\xb2\xaa\xaa\xea\xd3O?m\x9c\x06\x80\xeb\x82\x86\r\x1b\xc6\xe7\xf3\x9b\xd3\xa2x\x08\x06\xbc?\xf7\xef\xaf\xaf\xaf\xbfYP\x98z\xfa\xf4\xc0\x1e=\xe8\xe6\xde\xfdo\xc4\x01`2\x1aW\x7f\xfbM+77\x01\x9f\xcf1\xcck\xaf\xbdVUUe\xc6\xae(A\x10z\xbd~\xf7\x9e=,\xcb2,;\xa0gO\x9c\xcfg\x9aE\xfe\xa7\x11\xac\xc7\xa5\xaa\xa9\x99=u\xca\xe2Y\xb3\xf2\x8a\x8b\xf9|~zzz|\xef\xde\x8d\x15\x1b\xcd}\x8cM\n\x05\x00\xf3\x83\xbb\xc64\x1a\xcd\x90!CJJJ\xe0\xdapx-\xcad\xb2\xe9\xd3\xa7[\xda^\xa1\x97\x02\xc7q\x96\xe3\xb6o\xd9\xe2\xea\xe8\x00\x00\x08\x0f\x0evrrj6[\x7f\xff\x11\x8ea\xb4\xc9$\x15\x89f\x8e\x19c4\x1a\xa5\x12I}]\xdd\xc0\x81\x03a\xb5\xa8\xa6\x9f\x0c\x80\xe98\x8dFS]Y\x19\x1b\xda\xb1O\x97.\xdd"\xc2Y\xa3\xd1\xbav\xff&gt;\x0b\x0c\x00\x0c\x00\x9dV;41q\xc1\xa7\x9f\x1a\x0c\x06\x8a\xa2jJKG\x8e\x1c\tk4\xd9T\x0chn\xcd\x8a\xd5\xa1i\x9a \x88\xda\xda\xda\xa4\xa4\xa4\xb3g\xcf6v\x00\xe1\xff\xf9\xfe\xfb\xef=&lt;&lt;\x9a_\x1d\x08\xd8\xfd?u\xf2\xe4\x91\xa3G\x83\xfc\xfcRF\x0c\x7f\xef\xcd7\xcd&gt;\x05\xda\xc4p\x1c\xd7\x1b\x8d\xfdzt\x9f0th\xab\x16\xee$I^\xbcx\xf1\x9bo\xbe\x81\xcf2l\xe2\x83\x81W]zz\xbaJ\xad\xd6\xe9\r\x11\xed\x83\xdb\xf9\xf9\xe9\xf5\xfafv\xe1Ap\x03\xa6Z\xa9\x9c\xfe\xe6\xe8\xe1\x89\x89\xb3R&amp;\xb9\xb9\xb8l\xd9\xb2%11\xb1\xb6\xb6\x16\xd8R.\xa8\x19~\xbaV\x04\xeeG\xbf}\xfbv\x8f\x1e=N\x9f&gt;\xdd\x98\x02\xa6(\xcad2M\x980a\xd2\xa4IV\xf1\xfc\x90\xe7\x80a\xd8\xaa\xd5\xab\x8d&amp;\xd3\x89\xb4\xf4\xe2\xd2\xb2\x1eQ\x91\xbaf\xba\xfa\xf3)p\x1cW*\x95\x9fN{W*\x14\x19\x8cFw\x17\x97\xaf\xbe\xfaj\xc7\x8e\x1d\xe6\xda\x19\xb0e\xcb\x16\x86a2rr\x0e\x9f9+\x95H\x9a\xf1\xda\x18\x18\x03\x14J\xe5\x96E\x0b\xf9\x14/\xfd\xda5\xb1H\x94\x96\x966r\xe4H\x98z\xb5\x91\xee\x88m\xddo\x16\x05\xe6\xfd\x8f\x1f?\x1e\x17\x17\x97\x9d\x9d\r\xfb}\x18\x86\xc1\x82\x85o\xbe\xf9&amp;|zT\xf3\xeb\x82\xc1z\x935\xb5\xb5\xe7N\x9f\x96K\xa5\x00\x80\xf8\x98h\x80\xe3\xb6\xd2\xe9\xfa+\x0c\xc3\x0c\x1a\xcd\xa2/f\x0fMH`\x18\x9a \x88\x89\x13\'^\xbf~\xbd)\'\x03\xe0\'\xd2\xd0\xd0p\xe8\xd0!\xd82N\x1c1\x9ch\xa6\xdb\xf1\x1eF\x90\xa4\xaa\xb6v\xca\xe8Q\xb3RR4Z\xad\x87\xab\xeb\xd1\xa3G\'N\x9c\x08\xf7o\xdaB\x0chn\x8d\x8b\xb5\x80\xfd\xfa%K\x96\xf4\xe9\xd3\xa7\xa2\xa2\x02.\x01l|"\xd8\xb4i\xd3\xfe\xf8\xe3\x0f\x98\xfao~9q\xd8\xae}\xff\xfd\xf7\xa5ee\x14E\xb5\xf7\xf7\x1f=p\xa0^\xa7#\x9a\xdd;}\x168\x8e\xebu\xba\x906\x81S\xdfHf\x18\x16\xc7\xb0\xba\xba\xba\x91#G*\x14\x8a&amp;k\x83\xe0\'\x92\x95\x95UQQ\x01\x00\x90\x08\x85="#\x8dV\xbe\x01\xf8Y`\x00`\x18F\xe1\xf8G\xef\x8c\xfb&lt;e\x92\x80\xc7\xc3q|\xf9\xf2\xe5\xa3F\x8d\xd2j\xb5\xb60\x0eh\xe6\x1f\xb0e\x82\xad\xff\x97_~9y\xf2d\xd8\xee\xc3\xaf\xc0r\xa1\xdf\x7f\xff\xfd\xaf\xbf\xfe\xdaX7\xd4\xdc\x07\xfb\xaa`\x00p,\xabR\xab\x01\xb0\xeab3\xaf\x04\xcb\xb2\x96S \xc8\x06\xd9\xce\xf9G\x01\xa0\xa9\xc1\xb6\xfe\x9bo\xbe\xf9\xea\xab\xaf\x1a\x8b\x80\xc2\x11\x80\xa3\xa3\xe3\xde\xbd{?\xfa\xe8#\x98\x0bj\xae\xad?Lj}\xfc\xf1\xc7\x9e\x1e\x1e8\x8eg\xe7\xe7o\xd8\xbbG \x146\xb3\x15\x87\xcf\x88eY\x81Px\xedV\xee\xe2\x8d\x9b\x08\x02g9\xce\xc1\xc1a\xeb\xd6\xadMY\x00\x1c~"\x1d:tpss\x03\x00\xa8u\xba\x13\xe9\xe9&lt;\x91\xc8J\x8b\x80&gt;;\x0e&gt;\x80\x8fe\x7fX\xb9\xea\x9b%K\xf5F#\xcb\xb2\x13&amp;L\xd8\xb4i\x93L&amp;k\xc6\xf7`#\x14\x00\x9a\x14l\xfdw\xed\xda5k\xd6,8\xe5\x0bk\x852\x0c\x13\x18\x18x\xe6\xcc\x99\xd7^{\r\xce\x0c7\xe3+\x0f&gt;\xfd\xd8\xd1\xd1\xb1s\xb7n:\xbd\x1e\x00p\xf4\xc2E\xc0\xb2\xb6y-r\x1c\xc7\x17\x8b\xdf\xfd\xea\xeb\xed\x87\x0f\x13\x04\xc90\xcc\xb2e\xcb\x82\x83\x83i\x9an\xb2\xe9\x1f\xf8\x89\xd8\xd9\xd9\xf5\xe9\xd3\x07\xe6=\x96m\xd9\xca4\xc75\xa0\x8f`hZ\xea\xe8\xf8\xdb\xfa\rs\x96,\x11\x8bD\xa5\x95\x95\xf1\xf1\xf1\xcb\x96-\x837f3\xbe\x07\x1b\xd9\xe6Mg\x1e0\xa7___?e\xca\x94\xc6B\xf0p\xee7,,\xec\xd4\xa9Sm\xdb\xb6\xb5\x9d\xe7Tp\x1c7n\xecX\x1eE\xf6\x88\x8a\xf4\xf2hq"-](\x167\xfb.\xe7#\xe0V\x8fy\x0b\x17\xa9tZ&gt;\x8fW^U\xf5\xc5\x17_\x0c\x192\x04&gt;\x10\xb4\xe9\x8fg\xc4\x88\x11\x04A\x84\xb6m\x9b\x10\xd7E\xa5V7\xcb\xe5g\x10\x8csr\x99l\xc4\xbb\xd3\x0c&amp;cdH\x88F\xab\x8d\x8a\x8a\xda\xbcys\xb3\xcf\xbe&gt;\xcc&amp;\xda\x1a\x0b\x01\x97\xfd\xacX\xb1\xa2\xa2\xa2\x02V\x81\x87\xd9\xffv\xed\xda\x1d&lt;x\xd0\xc9\xc9\t\xbe\xc0\xdc\x87\xd9\x14\xe0\x84G\xb7\xee\xdd{\xc7\xf7\xbe\x9c\x9ev"-\xbd\xbc\xba\xa6kT\xa4\xb9\x8f\xabI\xb1,+\xe0\xf1\xf6\x9f8\xb9|\xfb\xf6\x06\x95\x8a\xa6\xe9\xe8\xe8\xe8\xcf?\xff\xdc,\x97\x01\x1cmDFFJ%\x12\xa1\x80\x7f)\xfb\xfa\x8d\xdb\xb7cBC5\x1aM\xb3\\\x87\xc6q\x9cT.\xffu\xcd\xda\xad\xa9\xa9\xbb(\xca\xdd\xd1q\xc4\x88\x11\xbf\xff\xfe\xbb\xbd\xbd}\xf3\xdbv\xf3\x14\xb6\xf2&gt;-\x01A\x10\x1c\xc7m\xde\xbc\xb9\xf1i_\x1c\xc7I$\x92\x1d;v899\xc1\x1da\xe6&gt;\xc6\xa6\xc3\xb2,\x8eaCG\x8c\xa8\xac\xad\x03\x00\\\xbe~\xbd\xa6\xa6\xa6y\x14\x1f~\x16,\xc7\x91\x14\xa5\xd2j\xe7\xaf]\xcb\xe3\xf1Tj\xb5\xbd\x83\xc3\x9e={`\xf6\xaf\xe9\xbb\x9f\xf0j\x14\x8b\xc5\xce\xae\xae\xe732\x0f\x9d={\xea\xd2e\xbc9\xae\x04\xe5\x00\xe0\x00\x10\x8aD\xdbSSg\xcc\x9b\xc7\xe7\xf3M&amp;\x93\x93\x87\xc7\xe6\xcd\x9bm\xad\xf5\x07(\x004\x198\xae,--\xcd\xc9\xc9\x81\x0f\x01\x86\xf1`\xda\xb4i\x81\x81\x81\xe6\x1a\xf2\x9b\x11|\xfb\xfd\xfb\xf5\xb3\xb7\xb7\x0f\xf2\xf5I\xec\xdau\xcf\x89\x13\xa4\xcd\x04\x00\x0c\x00\x8a\xc7\x1b\xfb\x9f\xcf\xefVT\xe8\r\x06\x8c \xf6\xed\xdb\xe7\xe2\xe2b\xc6\x9d\x1f\x0c\xc3\x08\x04\x82\xd7\x07\x0e\xc4q\x9c\xc0\xf1\xbd\xc7\x8f\xb3\x06C3[\x9b\xcbq\x1c\xc30R\'\xa7\xaf\x17\xff6u\xce\x9c\x00//\x83\xc1\x10\x19\x19y\xf4\xc8\x11\xb8\x06\xcf\xa6Z\x7f\x80\x02@\x93\x81\xedZqq\xb1N\xa7\x83\xfd;x\xab\'\'\'\xdb\xe0e\x07\x00\x80\xb3 NNN3g\xcc\xac\xaa\xad[\xb1}\xfb\x8c\xb9\xffmP*)\x92l\xf61\x80\xe58\x1e\x8fw\xea\xe2\xc5#\xe7\xcf\xe7\xdf\xb9S\\Z\xfa\xd1G\x1fEGG\x9bw\x14\x08/\xcb!C\x86p\x1c\xc7\xb0lZv\xf6\x85\xac,\x91H\xd4\xcc\xea"\xc8\xed\xec\x96\xacY\xb3i\xff\xfe:\x852\xb7\xa8\xa8}\xfb\xf6\x07\x0f\x1e\xb4\xb7\xb7\x07\x0f\xf2`6\xc5\xe6\xde\xb0y\xd5\xd4\xd4\x00\x00\xe0\xf6.\x8e\xe3\\\\\\\xbc\xbd\xbda\x19Bs\x1f\x9a\x19\xc0\x930j\xf4\xa8\x9a\x86\x06OW\xd7Q\xaf\xf5\xcf\xbcu\x0bo\xee\x83\x00\x86e\x85\x02A~q\xf1;\xb3f\x07x{\x03\x00|||&gt;\xfe\xf8c\xb3\xd7\xfc\x80c\xb2\xd0\xd0\xd0\x80\x80\x00\x92 \xda\x07\x04\xd47(X\x0ck6\x1f\x06\xcbq8\x8eo\xda\xbbw\xd6\xaf\xbfV\xd7\xd7\xb34\xed\xee\xee\xbea\xc3\x06{{\xfbf\xb9\xe5\xfeY\xd8\xe2{6\x0b\xd8\xa8\x19\x0c\x06\xf2!\xae\xae\xae"\x91\xc8\xdc\x87f6\xb0\xf2\xa2\x8f\x8f\xcf;\xef\xbc#\xe0\xf1\xf6\x1c?\xfe\xf1\xf7?`\xa09/\xbfcYV$\x14VTW\xbf\xfb\xcd\xb7b\xa10\xeb\xd6-\x91H\xb4e\xcb\x16\x0bYu\xce0\x0c\x8f\xc7\xeb\x9d\x90\xe0\xe2\xe0\xd0\xbbslQi)`\x98\xe6\xb1\x18\x94a\x18\xa9\xa3\xe3\xc1\xb3gG\x7f\xf2\xa9\x93\xbd\x83B\xa5\n\r\x0b\xbbr\xe5J\xfb\xf6\xeda&gt;\xd6\xdc\x07h\x1e(\x004)\x9dNG\xd3\xb4\xc1`0\x1a\x8d4M+\x14\n\xd8\xef0\xfb\x9do^)))\xb7\xef\xdd\xab\xae\xab\xcf\xb8u\xeb\xec\xe5+\xa2f\xba\x1e\x94\x03\x80$I\xb5F\xf3\xd3\xea5\x85%%\xc5ee\x00\x80\xc5\xbf\xfd\x16\x1e\x1enQ=P_\x1f\x9f\xb2\xea\xea\x9fW\xaf\xf9n\xc5\x8a\xe6Q\xa0\x9baY\x01\x9f\x7f\xe2\xd4\xe9\xe9\xdf\xce\xe58\xeeVa\xa1\x8f\x8f\xcf\x91#G\xdc\xdd\xdd-\xea\xcc7=\xdb\x9ax4#x\x91\x85\x87\x87\x7f\xf9\xe5\x97\xf0\x8e\xe28\xce\xd5\xd5\xd5\xdc\xc7ef0\xed\xd0\xbe}\xfb\xb6m\xdb\xde+.N\xec\xda\xb5\xa4\xa2\xd2\xd8L\xb7 \xd14-qp\x98=\xf7\xbf\x0b\xd6\xadk\xe9\xee\xae\xd5\xe9f\xcc\x98\xf1\xf6\x981&amp;\x93\x89\xa2(s\x1f\x1d\x00\x0f\xae\xd2\xbe}\xfb~\xfa\xe9\xa7\x0c\xc3T\xd6\xd6\xa6g_\xef\x16\x19\xa1R\xab\xad\xb7.\x90\x89\xa6\xed\x1c\x1dO\x9c=;`\xea\xbb-\\\x9c9\x8es\xb0\xb7\xdf\xb2e\x0b\xcc\xfc\xd8l\xdf\x1f\xb2\x89\x8aw\x88%\x837\xe1\xea5k&gt;\x991C&amp;\x93\x15\xdc\xbbw\xea\x8f\xb5]\xc2\xc2\xd4\xcd\xab:4\xcb\xb2\x14\x8f\xc7\x01\xf0\xf3\xaa\xd5?\xadYS\xafT\xc6\xc7\xc7\x1f9r\x04N\xfcZN/\x1b.W\x8b\x8e\x8eNOO\x07\x00\xbc9`\xc0\xda\xef\xe6\xa9T*+\xfd,h\x86\x91\xdb\xdb\x1f?{v\xec\x7f&gt;\x17\xf0\xf9y\xc5\xc5\x02\x81\xe0\xf4\xe9\xd3\x11\x11\x11\xa8\xf5\x07(\x05\xd4\xc4`\x91\xa9\x87\x99\xfb\x88\xcc\x0f\xce\x04\x8cz\xe3\r\xa9\x93\xd3\x9d\xb2\xb2a}\xfa\x14\x96\x944\xb3A\x00\xcbq\x14E5h\xb5\xbd\xc7\x8e;\x91\x9e&gt;\xb4O\x82\x9b\xab\xeb\xb2e\xcb,\xb0\xe0+\x0c\x00\xe3\xc7\x8f\xc71\xcc\xcb\xc3\x83\x03\x9c\xc6j\xbb\xff\x0c\xc3\x88\x85\xc23ii\x9f\xcd_p\xb7\xbc&lt;\xaf\xb8\xd8\xc1\xc1a\xd3\xa6M\x11\x11\x11\xb6\xb6\xed\xe6I\xac\xf2s\xb5^8\x8e\x93$\x89?`kk\xff\x1f\x0b\xae\x05\xe2\xf1x\xb3g\xcdr\x94\xcb\xaf\xe6\xdc\x9c\xf2\xf5\x9c\xb2\xaa\xaaf\xb6)\x8c\x12\x08\xd6\xed\xd8y.##-;{\xf9\xb6\xed?\xfe\xf8\xa3\xb7\xb7\xb7\x05&amp;\xa0\xe1\xf1\xf4\xef\xdf_"\x95v\x0c\x0ctut*,-\xe5[\xe1\x8e0\x9a\xa6\xc5"\xd1\xdd\xf2\xf2\xfe)\x93+jk%"\x91\x83\x83\xc3\xc1\x83\x07_\x7f\xfdu\xdb)\xb8\xf2\x8f,\xeb\xe2k\xf6`\xfd\x9f\xc6\x00\x00w\x84\x99\xfb\xa0\xcc\x0f\x9e\x8aa\xc3\x861\x04Qp\xf7\x9eN\xaf\xdf\xb0\xefO^s\x99\n\xa6\x19Fjg7\xef\xf7%\x0b7nh\xeb\xeb\xab\xd6h\x86\x0e\x1d:29\xd92\x9b!8\x1c\x91\xc9d\x12\x89d\xf7\xf1\xe3?\xad^}\xfej\x06)\x10X\xd7\x85J\xd3\xb4\xdc\xd11+7\xb7\xd3\x90\xa1j\x9d\xeenY\x99Z\xab\xdd\xbf\x7f\x7fDD\x84\rn\xba|\n\x14\x00\x9aN\xe3x\xff\xde\xbd{YYY\xf7\xee\xdd\xc30\x0c\xb6}\xe6&gt;43\x83\x9b\xc2D"\xd1\xeb\x03\x07\x92\x04\x11\x1f\x13\xc3\xe7\xf1j\xaa\xaax$i\xed\xa7\x86\xe58\x1eI\xde).\xfec\xef\xde{\xe5\x15\xb9EE!!!\xcb\x96-\xc3q\xdc2S\x10\xb02\xa8X,\xee\xdd\xbb7\x8e\xe3\x14I\xfey\xf2\xa4u-\x06\xa5iZno\xbfu\xdf\x9fg\xaf\\m\x1f\x18\x00C\xd7\xf2\xe5\xcb\xe1V;\x0b\x99o\xb7\x10(\x004\x11X\xfc\xe7\xda\xb5k\t\t\tm\xdb\xb6\r\r\rm\xdb\xb6mbb\xe2\xf5\xeb\xd7m\xe4\xe1sO\x07;\x9e3f\xcetqt\xac\xa8\xa9\xf9\xcf/\xbf\x9cLO\x17\x8a\xc5\xd6\xd5\xf1|\x04\xc7q$\x8e\xe3\x041l\xe6\xfb\x14IJD"\x96e\xd7\xae]\x0bk\xceXT\xea\xff\xef\x86\x0f\x1f\xce\xb2\xac\x89\xa6S\xcf\x9e\xbd]\\\xcc\xe7\xf3\xad\xe2*eXV(\x14VU\xd7\xbc?o\xdeG?\xfe(\xe4\x0b\x1c\xec\xedW\xacX1~\xfcx\xcb\x1cr\x99\x17jz\x9a\x02&lt;\xc9\x15\x15\x15\x1d;v\xac\xaa\xaaz\xf8[...\x19\x19\x19\xee\xee\xeep|`\xa6\x03\xb4\x08\xb0$FbR\xd2\xc1\xd4T\x00@|t\xf4\x91\xd5\xabTJ%n\x91=\xe5g\xc1q\x1c\xc0\xc0\xe4\xaf\xbe\xce\xce\xbf}\xf3v\x81\x896-]\xbat\xe2\xc4\x89\x16\xde\x12\xc1\xcbU\xadV\x07\x04\x06\xba\xc9d#\xfb\xf5K\xea\xde-\xa0uk\x93\xd1h\xe1A\x0b\xae\xf7\xd7\x19\x0c\xbd\xde\x1e{\xe5\xe6MXs\xf7\xc8\x91#\xf1\xf1\xf1\x96\xb3\xd6\xd6\xa2\xd8t\x8b\xd3d\x18\x86\xc10l\xeb\xd6\xadUUU|&gt;\x1f{\x80\xcf\xe7WUUm\xdc\xb8\x11\xe6@\xcc}\x98f\x06\'H\xde\x1c=\x1a\x00\xd0!0\xb0c\xdb6\x05w\xee\xf2\x04\x02\xab\x9b~\x84L4-\xb1\xb3\xdbw\xe2\xd4\xfa}\x7f\xe6\xdf\xb9c\xa2M\x13\'N\x9c8q\xa2\xe5\x17\xfd\x86CR\xa9T\x1a\x10\x10PZU\xf5\xfb\xe6\xcd;\x0e\x1e\xe2\x0b\x85\x16&gt;%\xc30\x8cT"\xce/.\x1e4m\x9aF\xa7\xc3q\x9c\xa6\xe9\x15\xcb\x97\xa3\xd6\xff)P\x00h:9990\xc1\xca=\x00\x03\xc3\xf5\xeb\xd7\x81\xcdo\x06\x06\x00\xc0\x9c\xf8\xa0A\x83"\xc2\xc28\xc0\xcd\xffc\xdd\xccy\xf3\xf8\x02\x01g\xd9\xed\xcec\xb1,+\x10\x08j\xaa\xab\xd5ZmR\xd7\xaeZ\x9d\xaeS\xa7NK\x96,\xb1\xc0e?\x8f\x05\x07\x01a\x9d:U\xd7\xd7\xdf)+;x\xe6\x0c\xad\xd7[\xf2bP\x96e\x85BaYU\xcd\xec\x85\x8bN\xa4\xa5\x97\xd7\xd4\xb0,\xbbl\xd9\xb2w\xc6\x8fg\x18\x06\xb5\xfeOb\xb9\x9fhs\x02\x1bw\x93\xc9\xf4\xf7\x84\x1b\xc7q&amp;\x93\xc9\x1c\x07eq`t\x14\n\x85#\x92\x93\xaf\xe5\xe69\xc8\xe5^\x1e\x1e555\xa4\xb5\xd5\x07\x85\x8f\xf9\xe4Xv\xc0\xe4)\xef\x7f\xf7\x9d\xbb\xb3sK\x8f\x16+V\xae\x04\x00XB\xc1\x9fg7b\xc4\x08\xb8\\-+77\xa7\xb0Ph\xa9\xa31\x98&lt;\xacW\xa9\xc6|\xfai\xea\xd93-\\\\\x14*\xd5\xcc\x993\'L\x98`2\x99,s\xb2\xddB\xa0\x00\xd0\x14`\xfb\xe5\xee\xee\xfe\xc8\xfd\x0f\xff\xe9\xe1\xe1\xd1\xf8\x1a\x1b\x07+C\x8c\x1e=\xda\xd7\xdb+\xd8\xcf\xef\xf0\xf9\xf3+w\xec\x14\xc9\xe5\x16\x9e|x\x04\x07\x00I\x10\xeb\xf6\xee\xcd\xbbSL\x10\xf8\xca\x1d;&amp;O}7\xb4cGk\xe9\xfe\x83\x87*\x83\xfa\xf9\xf9\xb1,\xab7\x1a\xff\xd8\xb3\x97\xb0\xc8\xc5\xa0,\xc7Q$I\xe0x\xc2\xb8q%\x95\x958N\x94UU\xcd\x9f?\xff\xe7\x9f\x7f\xb6\xf0\xb9\x16K`\x1d\x97\xa3\xb5\x83\xb7\xfd\x80\x01\x038\x8e\x83\x0b\xd1\x08\x82\x803T\x1c\xc7\r\x1a4\x08\xd8d-\xf2\xbf\x83\x83\x00WW\xd7!\xc3\x86\x9fHO\xcf-*Z\xb4aC}M\x8d\x15=$\xc0D\xd3RG\xc7\xb5\xbb\xf7L\x9d\xf3\x8d\x8b\xa3\x93B\xa5\xee\x93\x90\xf0\xc9\'\x9fX]c\x04+\x83\x0e\x1a4\x88GQ\xbd;\xc7\xb6\xf5\xf11Z^q\x0e\x8e\xe30\x00H\x8a\x9a\xfa\xcd\xb7Y\xb9y\x05\xf7\xeei\xb4\xda%K\x96\xcc\x981\x03\xce\xb5X\xd1x\xcb,,\xeb\xe3l\xae`\xb5\x83\xc8\xc8\xc89s\xe6\xc0\x9c\x0f\xc30\xb0\x0e\xc4\xdc\xb9scbbl\xf3\x990\x8f\x05\xef\xd8\xc1\x83\x87\x00\x00dbq\xa7\xa0\xa0\xb2\xeaj\xc2J6\x04\xb0,+\x16\x8b\xafgg\xef&gt;v\x0c\xc7\xf1\x9c\x82\x02??\xbf\r\x1b7b\x18fu\x89\x08\xf8At\xef\xde\x9d \x08\x0c\xc3w\x1f;\xd6\xa0R\x91\x04a9\x91\x98eY\x02\xc7\x85\x02A\x9f\xf1\xe3\x0f\x9f;\'\x15\x8bi\x9a\x9e4i\xd2\xa4I\x93L&amp;\x13\xba\xa1\x9e\x05Z\x06\xdat`+\x9f\x96\x96\xb6o\xdf\xbe\xf2\xf2rww\xf7\x81\x03\x07FDD\xa0\xd6\xff\x11p\x8d|\xaf\x9e\xbd\xea\xcaJI\x8atwr\xde\xb9h\xa1A\xaf\xb7\xf0\xde\x1c\xc7q\x1c\x008A\x8c\xf9\xe4\xd3\x93\x97.Q\x14UQ]}\xf4\xe8\xd1^\xbdzYc\xdd1xY\xe6\xe4\xe4\x04\xb7o\xcf2\x0c\x00\xe0\xc8\xca\x15=\xa3\xa3-\xa4H\x1f\xc7q\x04A\x10\x041\xe5\xeb9\x07\xcf\x9e\xd5\x1b\x0c\xb5\r\r\x13&amp;LX\xb6l\x99\xa5\xd5\xd7\xb3d(\x004\xa9\xbf\xb7\xf5\xa8\xf5\xff;\xd8\\\x9e:y\xb2{\x8f\x1e$I2\x0csb\xf5\xea\xb8\x88p\x0biz\x9e\x84\xa6i\xb9\x8b\xcb\xa8i\xd3O_\xb9l\xa4\x99\xaa\x9a\x9a\xf9\xf3\xe7\xcf\x981\xc3\xea\x92?\x8d`$\xee\xd9\xab\xd7\xe5\x8b\x17i\x96}\xf3\xb5\xd7\x96\xcd\xfdVY_o\xf6`\xc6r\x1c\x07\x00A\x10\xf3\x96.\xfbf\xe9R\xa9X\xac\xd2h\x12\x13\x13\xf7\xef\xdf\x0fw\\\xa2\xd6\xff\x19Y\xee\xed\xd4,\xc1\\\x10M\xd30\x05\x84Z\xff\xc7\x823\x90\xb1\x9d;\xb7i\xd3F\xcc\xe7\x0f\xee\xdd\xfbnE9c\xd9\xd5\x088\x8e#)\xea^q\xf1[\x03\x07P$UUS3v\xecX\xabn\xfd\xc1\x83\x000\xf6\xed\xb7\xd5:\x9d\xde`X\xbdsWII\t\x9f\xc73o\xaf\x91eY\x0c\x00\x99\x9b\xdb\xa4\xd9\xb3\xd7\xee\xd9\xe3\xe9\xee\xae\xd2h&amp;L\x98p\xe0\xc0\x01\xd4\xfa\xff[h\x04\x80X"8\x08X\xb3f\xcd\'\xef\xbf/\x93Jo\xdf\xbd{a\xd3\xc6\x88\xf6\xed\xb5Z\xad\x05\x86Lx\x13\xf1\xf9\xfc\xd0\xc1CDB\xa1\x8f\xa7GAU\xf5\xe93g\x1a7\xfd\x99\xfb\x00\x9f\x13lO+**\x02\x03\x03\xed%\x92\xc4\xaeq3\xdez\xcb\xdb\xa3\x85\xd1h\x9e\xc7\x84\xc1\xad3\x02\x81\x80a\xd9\xa9_\x7f\xfd\xc7\xde}p\xd5\xc0\xdbo\xbf\xbdz\xf5j\xb8\xc8\xcaz\xcf\xb6YX\xdc\xbd\x84 \xe0A}\xd0\xe1\xc3\x873\x04q\xfb\xee\xdd.\x9d:\xd5)\x14\x0c\x</t>
        </is>
      </c>
    </row>
    <row r="314">
      <c r="A314" s="1" t="n">
        <v>312</v>
      </c>
      <c r="B314" t="inlineStr">
        <is>
          <t>circle_size_number</t>
        </is>
      </c>
      <c r="C314" t="inlineStr">
        <is>
          <t>What is the missing number of the part denoted with a question mark?</t>
        </is>
      </c>
      <c r="D314" t="inlineStr">
        <is>
          <t>[1, 4, 3, 2]</t>
        </is>
      </c>
      <c r="E314" t="inlineStr">
        <is>
          <t>4</t>
        </is>
      </c>
      <c r="F314" t="inlineStr">
        <is>
          <t>There are 6 numbered circles with varying sizes arranged in a ring with number ['?', 1, 4, 1, 3, 3] in a clockwise order.</t>
        </is>
      </c>
      <c r="G314" t="inlineStr">
        <is>
          <t>We observe that the size of the circle is related to the number in the circle. The circle with the largest value 4 seems to be the biggest and the circle with the smallest value 1 seems to be the smallest. Thus, the pattern is that the larger the number the larger the circle.</t>
        </is>
      </c>
      <c r="H314" t="inlineStr">
        <is>
          <t>Based on the pattern that the larger the number the larger the circle, the missing number of the circle denoted with a question mark should be 4.</t>
        </is>
      </c>
      <c r="I314" t="inlineStr">
        <is>
          <t>b'\x89PNG\r\n\x1a\n\x00\x00\x00\rIHDR\x00\x00\x02\x00\x00\x00\x02\x00\x08\x02\x00\x00\x00{\x1aC\xad\x00\x00\x82\x92IDATx\x9c\xed\xddg|\x14U\xfb8\xfc\x99\x9d-\xd9\xecf[\x1a\xa1\x06\x08\x90BH\xa7\x85\x1a\xe9\x84\xd0\x8b""\x82H\xc7\xa8 ( *J\x11o@\xe9\x88J\x11H\xe8\x1d\xa4wBH#@ @\x0c\x9d\xb4\xddM\xdb:\xe5yq\xfe\xec\x93\x1fM\xc0\xec\xce\xcc\xee\xf5}q\x7f\xee\x0f\xa6\x9c\xec\x99\xb9\xae\xd3\x0f\xce0\x0c\x06\x00\x00\xc0\xf5\x08\xd8.\x00\x00\x00\x00v@\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A\x02\x00\x00\x00\x17\x05\t\x00\x00\x00\\\x14$\x00\x00\x00pQ\x90\x00\x00\x00\xc0E\t\xd9.\x00\xe0\x1c\x86a^\xf8\xef8\x8e;\xb8$\xe0\xed@\r\x82\xd7\x04\t\xc0u1U`\x18\x86\xe38\n\x10\x02\xc1\x8b\xfb\x854MW\xfd?x\x15\x8e*2\xf8?\xa0\x06\xc1\x7f\x84\xbf\xac\xb1\x00\x9c\x12\xc304M3\x0c\x83\xe38A\x10/\xfc\x9a\x8a\x8a\n\xa3\xd1\x88\xe3\xb8-\xac0\x0cC\x10\x84F\xa3y\xe1\xd7\xd34M\xd34\x8a#/\x0b=\xa0\xba@\r\x82j\x04\t\xc0%\xd8\xde\xf0\xaa!\x83\xa2\xa8\xbc\xbc\xbc\x9c\x9c\x9c\xbc\xbc&lt;\xf4\x7f\xca\xcb\xcb1\x0c\xd3\xe9tV\xab\xf5\x99\x07C \x10xzz\n\x04\x02\x82 \xc2\xc2\xc2|}}\xc3\xc3\xc3\xeb\xd4\xa9\xd3\xb8qc\xb9\\\xfe\xfc/\x12\x08\x04\xd0\xae\xacFP\x83\xc0\x1e \x0183\x86a(\x8a"\x08\xc2\xf6&amp;\x97\x96\x96\x9e&gt;}\xfa\xd4\xa9SW\xae\\y\xfc\xf81I\x92r\xb9\xbcF\x8d\x1a\xb5k\xd7\xae]\xbbv@@\x80\xc5b\t\x0e\x0eV\xab\xd5\x14E\xd9~\x0e\x8e\xe3$Ifdd`\x18\xa6\xd5j\xb3\xb3\xb3\xf5z}^^\x9e\xc1`\xb0Z\xad\xde\xde\xdeaaa-Z\xb4h\xd7\xae\x9d\xbf\xbf\xbf\xed\xbbH\x92\x14\x08\x04\xd0\xa2\xfc/\xa0\x06\x81]A\x02pBh\x94\x00\xc30[k1++\xeb\xc4\x89\x13\x07\x0f\x1e\xcc\xcf\xcf\x17\n\x85aaam\xdb\xb6\r\t\t\t\x08\x08\xf0\xf1\xf1\x11\n\xff\xdfT\x10j\xfa\x99L\xa6\xaa\xb1\x03\xc1q\\*\x95V\x1d/\xa6(\xaa\xb4\xb44??\xff\xea\xd5\xab\xe7\xce\x9dKMM-..\xae]\xbbv\xc7\x8e\x1d\xbbv\xed\xda\xa6M\x1b\x148Pa\xa09\xf9F\xa0\x06\x81c@\x02p*\xe8]\xb5E\x8d\xfc\xfc\xfc\xdf~\xfbm\xef\xde\xbd:\x9d.""\xa2{\xf7\xee-[\xb6l\xd2\xa4\x89T*\xc50\xccl6\x9b\xcdf4V\x80\xc6\x94\xd1w\xbdlV\xd06\x85\x88\xbe\x18\rGH$\x12777\xd4\xc0\xfc\xe7\x9f\x7fRSS\x0f\x1f&gt;|\xee\xdc9\x1c\xc7\xdb\xb7o?z\xf4\xe8\xe6\xcd\x9b\xa3\xef\xa2(\n\x82\xc8\xbf\x82\x1a\x04\x8e\x04\t\xc0IT\r\x1c4M\xef\xd9\xb3\xe7\xcf?\xff\xcc\xce\xce\x0e\t\t\xe9\xd3\xa7O\xd7\xae]k\xd5\xaa\x85a\x98\xc1`@\xcd\xc3\xeaZ\x01b\x9b\x93\x14\x08\x04\x12\x89D&amp;\x93\xe18\xae\xd7\xeb\xcf\x9c9\xb3}\xfb\xf6\x8b\x17/zzz\xbe\xf7\xde{\xef\xbf\xff\xbeR\xa9\xc40\x8c$\xc9\xaa\x03\x1a\xc0\x06j\x108\x1e$\x00g\x80\x86\x891\x0c3\x9b\xcd+W\xae\\\xb5j\x95T*\xed\xdb\xb7\xef\x90!C\x02\x02\x02\x18\x86)//\xb7X,\x18\x86\xd9\xb5\x05g\x0b%"\x91H.\x97\x0b\x85\xc2\xa2\xa2\xa2={\xf6l\xd8\xb0\xe1\xde\xbd{\xbd{\xf7\xfe\xe2\x8b/P\x14\x83 \xf2\x0c\xa8A\xc0\nH\x00\xfcf\xeb\x95[\xad\xd6\xa5K\x97\xae_\xbf^\xa5R\x8d\x193\xa6O\x9f&gt;\x12\x89\xc4\xb6\x1c\xd0\xf1=w\xb4\x98D,\x16+\x14\n\x1c\xc7\xcf\x9d;\xb7h\xd1\xa2\x9b7ov\xee\xdcy\xca\x94)~~~\x18\x86\x91$i\x1b\xbcvYP\x83\x80E\x90\x00\xf8\xaa\xea\x88\xc1\xaf\xbf\xfe\xbal\xd9\xb2\xc0\xc0\xc0\xcf?\xff\xbcm\xdb\xb6hr\xef\x99\xd5#,\x16\x12\xc30\xb9\\\xee\xe6\xe6v\xeb\xd6\xad_\x7f\xfd\xf5\xd0\xa1C\xbdz\xf5\x9a5k\x96R\xa9D\xff\xd55\xd7\x99@\r\x02\xd6A\x02\xe0%\xdb\x88\xc1\x81\x03\x07\xe6\xce\x9dk\xb1X\xa6N\x9d\xda\xbf\x7f\x7f\xb3\xd9\x8cV\x82\xbfl\x8b\x10[PsR*\x95\xca\xe5\xf2\xcb\x97/\x7f\xff\xfd\xf7\xb9\xb9\xb9\xe3\xc7\x8f\x9f0a\x02\xe6\x92\rI\xa8A\xc0\x05\x90\x00x\x06-\x0c\x17\n\x85eee\x93\'O&gt;z\xf4\xe8\xf4\xe9\xd3\xc7\x8e\x1dK\xd3\xb4V\xab\xe5\xf8\xaam\x86aH\x92\xf4\xf0\xf0\x90J\xa5\x7f\xff\xfd\xf7\xf4\xe9\xd3\xc5b\xf1\xda\xb5k\x83\x83\x83m;Q\xd9.\xa3\xddA\r\x02\xee\xe0\xee\xa3\x06\x9e\x87\xde1\xa1P\xb8{\xf7\xee\xa8\xa8(\x8b\xc5\x92\x96\x966n\xdc\xb8\x92\x92\x12\x9dN\'\x14\n\xb9\x1c;0\x0c\xc3q\\$\x12\x19\x0c\x86\xa2\xa2\xa2\x8e\x1d;\xa6\xa4\xa4t\xed\xda5&gt;&gt;~\xee\xdc\xb9h\x8c\xfb\xf9\xd5\xebN\x06j\x10p\n\xf4\x00x\x03\xf5\xb2\x19\x86\x195j\xd4\xc1\x83\x07\xd7\xacY\xd3\xb3g\xcf\xd2\xd2R\x8b\xc5\xc2\xc7\xde7Z\xc8\xe8\xe9\xe9\x99\x9b\x9b;d\xc8\x10\xb1X\xbcc\xc7\x8e\x9a5k:\xf1`\x02\xd4 \xe0\x1aN77\x80\rz\xa9n\xde\xbc\xd9\xacY\xb3\xa2\xa2\xa2+W\xaet\xeb\xd6\xad\xa8\xa8\x08\r&amp;\xb0]\xba\xb7A\x10\x84@ (**\xaa]\xbbvjjj\\\\\\xx\xf8\x9e={\x84B!Z\x89\xc8v\x01\xab\x19\xd4 \xe0 H\x00\\g\x1b2^\xb7n]\xdb\xb6m\x87\r\x1b\xb6g\xcf\x1e\xb1X\xac\xd5j\x85B!\xdf\x87\\\x85B\xa1\xd1h\xd4\xeb\xf5?\xfe\xf8\xe3\xbau\xeb&gt;\xf9\xe4\x93\xcf?\xff\x1c\r&amp;\xd8\xb6\xad\xf2\x1d\xd4 \xe0,\x18\x02\xe24\xdbJ\xc19s\xe6,Y\xb2$)))..\xae\xa8\xa8\x88\xf5\xd5\x81\xd5\xcej\xb5zyy=y\xf2\xa4k\xd7\xaeM\x9a4\xf9\xf3\xcf?\xe5r9:\x82\x86\xed\xa2\xfd\'P\x83|\xafA\xe7\x06\t\x80\xbbl\xb1c\xe0\xc0\x81iii\xe7\xce\x9d\xf3\xf6\xf6\xd6j\xb5"\x91\x88\xed\xa2\xd9\x05I\x92nnn\x1e\x1e\x1e}\xfa\xf4\xb9~\xfd\xfa\xa5K\x97T*\x95m\xb9$\x1fA\r\xf2\xbd\x06\x9d\x1e$g\x8e\xb2\xc5\x8e~\xfd\xfa\x95\x97\x97\xe7\xe4\xe4xxx\xe8t:g\x8d\x1d\x18\x86\t\x85B\x8b\xc5\xa2\xd5jw\xed\xda5t\xe8\xd0\x98\x98\x18\x9dNG\x10\x04O\x17\x96@\r\xf2\xbd\x06]\x01/g\x9f\x9c^\xd5\xd8a4\x1a\x0f\x1d:TZZ\xea\n\x8b+\x04\x02\x01\xc30EEE\xdf|\xf3\r\x8e\xe3111\xa9\xa9\xa9\xe8h{~\xb5"\xa1\x06\xf9^\x83.\xc2\xc9\x1fG&gt;z&amp;v\x1c&lt;xP\xa7\xd3\xb9\xceX*Z&amp;_XX8k\xd6,\x0c\xc3\xf8\x18A\xa0\x06\xf9^\x83\xae\x03\x12\x00\xb7\xa0\x83\xdd]6v\xd8\x88D"[\x04i\xde\xbcyJJ\x8aF\xa3\xe1\xc5\xe7\x005\x88\xf0\xb7\x06]\n$\x00nA\xeb\x05\x07\x0f\x1e\xec\xca\xb1\x03\xb1E\x10\x86abcc\xcf\x9d;\xa7R\xa9\xaa^{\xc2MP\x836&lt;\xadA\x97\x02\xab\x808\xc4j\xb5\x8aD\xa2\xc4\xc4\xc4\xfd\xfb\xf7\xe7\xe6\xe6\xbar\xec\xb0\xb1Z\xad&gt;&gt;&gt;#G\x8e\xbc|\xf9rVV\x16\xc7\x8f\xa1\x87\x1a|\x1e\xbfj\xd0\xd5@\x02\xe0\n4B\xba|\xf9\xf2\x1f~\xf8!--\xcd\xdd\xdd\xddj\xb5\xbax\xec\xc0\x9e\x8e\xa7k4\x9a\x1e=z(\x95\xca\xa4\xa4$\xceN\xa5B\r\xbe\x10\x8fj\xd0\x05A\x02\xe0\x04\xd4N\xcc\xc8\xc8\x88\x8d\x8d=r\xe4H\x8b\x16-\xd0\xd1`l\x97\x8b\x13\xd0\xb5$\x14E\x85\x84\x84|\xf5\xd5W\xe3\xc7\x8f\xe7`\x04\x81\x1a|\x05^\xd4\xa0k\x82\x04\xc0&gt;\xd4D2\x99LAAA_}\xf5\xd5\x981c\n\x0b\x0b\xc5b1T\x8d\rEQ\n\x85\xe2\xc6\x8d\x1b\xad[\xb7&gt;s\xe6LDD\x04\xa7\x86V\xa0\x06\xff\x15\xc7k\xd0eA\x02`\x1fj\r\xf5\xef\xdf\x9f \x88\xe4\xe4\xe4\xc2\xc2B\'\xde+\xf4\xd6\xd0P\xf2\x8a\x15+\xe6\xcf\x9f\x7f\xf5\xeaU\xa9T\xea\xf8[\x12_\x06j\xf0up\xb9\x06]\x16$\x00\x96\xa1\x81\xe3?\xfe\xf8c\xc6\x8c\x19\xb7o\xdf6\x99L\xb0L\xe2eP\x04\xe9\xd3\xa7\x8fT*\xdd\xbcy3G\x86\x11\xa0\x06_\x1f7k\xd0\x95A\x02`\x13:.\xb1\xa0\xa0 """99\xb9E\x8b\x16\xe5\xe5\xe5\xb0Y\xe6e\xd0\xfaz\xab\xd5\x1a\x15\x15\xb5|\xf9\xf2\x9e={\xb2\xbe\xb7\x08j\xf0\x8dp\xb0\x06]\x1c$\x006\xa1\xa7\xbfs\xe7\xceM\x9a4Y\xbat)\x0c\x1d\xfc+\x92$\xbd\xbc\xbcv\xed\xda\xf5\xc9\'\x9f\xdc\xb9sG&amp;\x93\xb1{\r!\xd4\xe0\x9b\xe2Z\r\xba8H\x00\xacA\xb1c\xdd\xbau\xb3f\xcd\xbaz\xf5\xaa\xd5j\x85\xd7\xe0u\x90$\xe9\xed\xed\xdd\xaf_?\x99L\xb6a\xc3\x06\x16\x9b\x90P\x83o\x87;5\x08 \x01\xb0\x03\x1d\x18@\x92d\xc3\x86\r\x17/^\xdc\xb7o_\xadV\x0b\xaf\xc1\xeb`\x18F$\x12\xe9t\xba\xf0\xf0\xf0\xd3\xa7O\x87\x84\x840\x0c\xe3\xf8\xf5$P\x83o\x8d#5\x0808\x0e\x9a-h\r\xdc\x8c\x193BBB\xfa\xf7\xef_RR\x02\xb1\xe35\xe18n2\x99\xea\xd6\xad;u\xea\xd4\x91#G\xb2\xd5\xe8\x86\x1a|k\x1c\xa9A\x80A\x0f\x80\x15\xe83/..n\xd4\xa8\xd1\xc1\x83\x07#""*++\xa1\x05\xf4\xa6\x04\x02A``\xe0\xef\xbf\xff\xde\xbd{w\x07\x0f#@\rV\x0b\x16k\x10 \x90\x00X\x80\x9e\xf5O?\xfd\xb4\xb4\xb4\xf4\x8f?\xfe(**\x82\xc5po\x8a\xa2(OO\xcfu\xeb\xd6\xad\\\xb9\xf2\xe2\xc5\x8b\x0e\xdeU\x045\xf8\xdf\xb1[\x83\x00\x81O\xdc\xd1\xd0p\xe7\x93\'O\xf6\xed\xdb\xf7\xf5\xd7_WVVB\xc3\xe7-\x10\x04\xa1\xd5j\x87\x0e\x1dJQ\xd4\xbe}\xfb\x04\x02\x81\xc3\xae\x9d\x82\x1a\xac\x16,\xd6 \xb0\x81\x04\xe0h4M\xe38&gt;w\xee\xdc\xe6\xcd\x9b\x07\x04\x04TVV\xc2\x18\xe8\xdb\xa1iZ(\x14\x8e\x1e=z\xf6\xec\xd9\x18\x869\xecc\x84\x1a\xac.l\xd5 \xb0\x81! \x87\xb2\x8d\x1d\x07\x05\x05\xed\xda\xb5+::\x1a\xc6\x8e\xff\x0b\x1c\xc7i\x9a\x0e\r\r]\xbbvm\xb7n\xdd\x1c0\x8e\x0c5X\xbd\x1c_\x83\xa0*xp\x1d\x8a\xa2(\x1c\xc7\xff\xfc\xf3\xcf\xf0\xf0\xf06m\xda\x94\x97\x97C\xec\xf8/\xacV\xabF\xa3\x19=z\xf4/\xbf\xfc\xe2\x98\xdf\x085X\xbd\x1c_\x83\xa0*xv\x1dJ \x10\xd04\xbd~\xfd\xfa\x11#F\xa0P\xc2v\x89\xf8\x8d \x88\x8a\x8a\x8a\xa1C\x87fee\xdd\xbf\x7f\x9f \x08{\xf7h\xa1\x06\xab\x97\xe3k\x10T\x05\t\xc0q(\x8a\x12\x08\x04g\xcf\x9e5\x18\x0c\xbdz\xf5*++\x83\xde\xee\x7f\x84\xe3\xb8\xd1h\x0c\x08\x08\x88\x8a\x8aZ\xbdz5\x86av\x9dH\x84\x1a\xacv\x0e\xaeA\xf0\x0cH\x00\x8e\xf6\xcb/\xbf\xf4\xee\xdd[\xa1P\x90$\xc9vY\x9c\x01\x8e\xe3$I\x8e\x1a5j\xcb\x96-\x16\x8b\xc5\x01\x11\x19j\xb0z9\xbe\x06\x81\r$\x00\x07A\xe7 \x96\x95\x95\x9d={\xb6_\xbf~f\xb3\x19\xc6\x8e\xab\x05\x1aCh\xd7\xae\x9d\xc9d\xbap\xe1\x02\x8e\xe3vjBB\r\xda\x89\xc3j\x10&lt;\x0f\x9e`\x07A\xe7\x06\x1f8p@\xadVsv\xe9\x08\xba\xd9\x8a\xa2(\xf2\xff\xa2(\x8a\xcb#\xb3V\xabU\xa5R\xb5o\xdf~\xfd\xfa\xf5\xd8\xd3\x85:\xd5\x0ej\xd0~\x1cS\x83\xe0y\xb0}\xd1A\xd03}\xf0\xe0\xc1\xae]\xbb\xba\xb9\xb9\x95\x97\x97sj\xef(js\x89D"777\x91H\x84B\x9b\xedb\x13\x92$M&amp;\x93\xc9d\xc20\x8c\x83=t4\x86\xd0\xbf\x7f\xffo\xbe\xf9\x86\xa6i;\x95\x10j\xd0~\x1cS\x83\xe0y\x1cz\x82\x9d\x1bA\x10f\xb3955u\xc5\x8a\x15\x16\x8b\x85;\x8dG4\xb1\xa9P(\x84BaaaaVV\xd6\xad[\xb7\xee\xdf\xbf_VVf\xb5Z\xa5R\xa9\x97\x97W\xc3\x86\rCCC\xeb\xd7\xaf\xcf0LYY\x19\xd7n\xf2Cc\x08\xed\xdb\xb77\x9b\xcdW\xaf^m\xd6\xac\x99=\xce\x15\x80\x1a\xb4\x1f\xc7\xd4 x\x1e$\x00G@OsNN\x0eI\x92\xcd\x9a53\x18\x0c\\x\xb8\xd1p\x81R\xa9$I\xf2\xe4\xc9\x93III\'O\x9e\xcc\xcb\xcb{\xe1\x17k4\x9av\xed\xda}\xf2\xc9\'\x9d;w.//G\xbba\x1d\\\xe0W@\xd7\x8c4l\xd8\xf0\xd8\xb1c\xf6\x08\x1fP\x83\xf6f\xef\x1a\x04/\x04\t\xc0\x11\xd0\xd3\xbcs\xe7\xce\x06\r\x1a\xa8\xd5\xea\xe2\xe2b\xd6;\xb9\x0c\xc3H$\x12\x89Dr\xe8\xd0\xa1E\x8b\x16\x1d?~\x1c\xfd\xbbX,n\xd4\xa8Q\xdd\xbau===E"\x91\xc1`x\xf0\xe0\xc1\xf5\xeb\xd7\xb5Z\xed\xae]\xbbv\xef\xde=v\xec\xd8\xf9\xf3\xe7S\x14\xc5\xa9U\xf0h|\xa6M\x9b6{\xf6\xecILL\xac\xf6\x82A\r\xda\x9b\xbdk\x10\xbc\x10$\x00G@O\xf3\xd9\xb3g\xdfy\xe7\x1d\x8c\x03s\\\x0c\xc3\x08\x85\xc2\xfb\xf7\xef\xcf\x9d;\x17M\xbba\x18\xd6\xbe}\xfb\x01\x03\x06\xb4i\xd3\xa6n\xdd\xba\x1e\x1e\x1eh\x94\x80a\x18\xb3\xd9\xfc\xe8\xd1\xa3\xc3\x87\x0f/^\xbc\xf8\xf6\xed\xdb\xcb\x97//((X\xbf~=\xa7\x96j\x08\x04\x02\xb3\xd9\xdc\xb6m\xdb\x95+W\x1a\x0c\x06ww\xf7\xea\xbd\x99\x1dj\xd0\xde\xec]\x83\xe0\x85\xa0\x93\xe5\x08\x02\x81\xc0d2=~\xfc866\x96\x0b\xc3\xc74M\xbb\xbb\xbb\x9f;w\x0e\xc5\x8e\x0e\x1d:\xec\xdb\xb7\xef\xe0\xc1\x83\xe3\xc7\x8fo\xdc\xb81\x8e\xe3eee:\x9dN\xab\xd5\xeat:\x93\xc9\xe4\xeb\xeb;~\xfc\xf83g\xcet\xe9\xd2\x05\xc3\xb0\xed\xdb\xb7/Z\xb4H\xadVs\'\x82\x08\x04\x02\xa3\xd1\x18\x12\x12\xe2\xee\xee~\xeb\xd6-\xac\xbac4\xd4\xa0\xbd\xd9\xbb\x06\xc1\x0b\xc1apv\x87F\x0fn\xdf\xbe\xdd\xad[\xb7\xd3\xa7O\xcbd2.t\xbd\x19\x86\x91\xc9d\x13\'Nl\xd8\xb0!\xeaq\x97\x95\x95\xa1\xa2&gt;\x1f\xdd\xd0\xdd\x87r\xb9\xdch4\xb6i\xd3&amp;77W\xa3\xd1\xa4\xa6\xa6j4\x1a\x92$Y\xff[\x10t\xbe|\xc7\x8e\x1d?\xf8\xe0\x83\x8f&gt;\xfa\xa8\x1a\x8f\x15\x83\x1at\x0c\xfb\xd5 x\x19\xe8\x01\xd8\x1dJ\xb1\x19\x19\x19^^^\xbe\xbe\xbe\x1cy\xdfp\x1c7\x18\x0c\xbf\xfc\xf2\xcbg\x9f}VYYYZZ*\x10\x08\x84B\xe1\x0b\xdb\xb68\x8e\x8bD\xa2\xf2\xf2rOO\xcf\xc4\xc4D\x9a\xa6\x8b\x8b\x8b\x8f\x1e=*\x97\xcb\xd1\xeax.@\x9fs\xd3\xa6MSSS\xb1jm?B\r:\x86\xfdj\x10\xbc\x0c$\x00\xbbC\xcf\xf1\xe5\xcb\x97\x1b7n\x8c\x8e\x12c\xbbD\xff?\x148\xb0\xd7[\x1b.\x12\x89\xd0\x8eM\x0f\x0f\x0f\x1c\xc7\xd3\xd2\xd2\xd0\x10\xb3\xfd\x8b\xf9Zp\x1c\xc7q&lt;&lt;&lt;\xfc\xea\xd5\xab\x18\x86U\xe3(\r\xd4\xa0c\xd8\xaf\x06\xc1\xcb\xc0Glw\xa8\xb5\xf8\xe4\xc9\x13???.\xb4\x1c\xab\x12\x08\x04o\xd4\xcb&amp;IR\xa3\xd1\xd4\xa8Q\x83a\x98\'O\x9epa$\xc4\x06m&amp;\xaaQ\xa3FEE\x85\xc5b\xa9\xf6\x19`\xa8A{\xb3_\r\x82\x97\x81\x04`w\xe89\xbey\xf3f\xd3\xa6M1\xfe_{D\x10\x84X,\xc60\x8c$I\xee4\x1e1\x0c\xc3q\xdcd25i\xd2D\xa7\xd3UTTTc\xdb\x16j\xd01\xecW\x83\xe0e \x01\xd8\x1d:\xf0V\xa7\xd3\xa9\xd5j\x8e\x0c\x1f\xbf5\x1c\xc7\xcdfsyy9\x86aj\xb5\x9aksthm\x0c\xc30\xf7\xef\xdf\xc7\xaao\x10\x19j\xd0a\xecT\x83\xe0e \x01\xd8\x17Z\xcb\\VVf2\x99\x82\x83\x83\x8dF#\x7f\xc3\x07\xc30b\xb1\xf8\xfe\xfd\xfb\x8f\x1f?\xc60,((H \x10p\xe7\x15\xc5q\xdcj\xb5\xfa\xf9\xf9y{{\xdf\xbe}\x1b\xab\xa6\xf0\x015\xe80v\xaaA\xf0\n\x90\x00\x1cA"\x91\xe08\xce\x85\xf5\xe3\xff\x05I\x92R\xa9t\xd7\xae]V\xabU,\x16\xbf\xf3\xce;F\xa3\x91k\x7f\x11EQV\xabU&amp;\x93U\xef\x8f\x85\x1at\x18;\xd5 x!n\xd5\xbd\xf3AM\x98\x7f\xfe\xf9\xc7\xdd\xdd\xdd\xd3\xd3\x93\xbfW\x88X,\x16OO\xcf\x8c\x8c\x0ctmS\xef\xde\xbd\xa3\xa2\xa2\xb8v$2:\xb2\xbfN\x9d:7o\xde\xac\xc6\x9f\x89A\r:\x8a=j\x10\xbc\x02\x87\xea\xde)=\x13&gt;\xacV+\x97\x07\x10\x98\xe7\xa0\x93\xe5\x19\x86\xf1\xf5\xf5\xbds\xe7\xce\xb0a\xc3\xb4Z\xad\x9f\x9f\xdf\x8f?\xfe\xc8\xc1\xc1\x10\x86a\x04\x02\x81-|T\xd7\x10\x10\x065\xe8(\xf6\xa8A\xf0\n\x90\x00\x1cA$\x12\xa1W\x91k\xef[U8\x8e\x13U\x08\x85B\x89D\xa2T*\xbd\xbd\xbdE"\xd1\x86\r\x1b:v\xecx\xed\xda\xb5Z\xb5jm\xdb\xb6\xadn\xdd\xba&amp;\x93\x89S\x8dG\x1b4\xbeQ\xbd?\x13j\xd0\x91\xecQ\x83\xe0\x85\xe008G@\r\x19\x8e\xc7\x0e\xab\xd5Zu\x89\x0bI\x92\xa5\xa5\xa5\xf9\xf9\xf9\x17.\\HNNF\xc7\xb3\xf4\xeb\xd7\xef\xc7\x1f\x7f\xac_\xbf&gt;\x97\xefC\xb7\xc7\xf2A\xa8AG\x82\x05\xa0\x0e\x03\t\x00`$Izzz\xce\x9d;w\xf5\xea\xd5"\x91\x08\x1d\x10\x86\x16\x0bVTT`\x18\xe6\xef\xef?m\xda\xb4A\x83\x06EDD\x94\x95\x95\xe9\xf5z\xb1X\x0c\xaf(w@\r\x82\xb7\x03\t\x00`\x18\x86\t\x04\x82\xc7\x8f\x1f\xdf\xbbw\xef\x85\xff\xd5j\xb5\xe6\xe7\xe7\x9f:u\xcal6GFF\n\x85B\x83\xc1\xc0\xd9\xf6\xa3k\x82\x1a\x04o\x01\x12\x80#py\xe8\x00\xc30\x82 \xca\xcb\xcb?\xfe\xf8\xe3\xae]\xbb\xa2\x85\xe1\x0c\xc3X,\x96\xd2\xd2\xd2G\x8f\x1e\xdd\xbau\xeb\xc2\x85\x0b[\xb6l\xd9\xb2e\x8bP(\xec\xd3\xa7\xcf\x8c\x193BBB\xf4z=g#H\xb5\x7f\xe0P\x83\x0e\xc6\xf1\x0f\xdci@\x02p\x0442\xcb\xd9g\x1a\r\x1f7j\xd4($$\xa4\xea\xbf\xa3\x83\x85i\x9a\xae\xa8\xa8\xc8\xc9\xc9Y\xbf~\xfd\xea\xd5\xab\xb7m\xdbv\xf4\xe8\xd1\xb5k\xd7&amp;$$p3\x82\x08\x04\x82j_\xac\t5\xe8H\xf6\xa8A\xf0B\\\\\x03\xe0LP\xc8\x08\r\r-++{\xf4\xe8\x11ZL\xc2v\xa1^\x00\x1d\xc3\xa2\xff\xbf\xb4ZmQQ\x91V\xab\xa5(*,,l\xd9\xb2e\x87\x0f\x1f\xae[\xb7\xae^\xaf\x7f\xf7\xddw\xcf\x9d;\xe7\xe1\xe1\xc1\x9d\x1bE0\x0c\x13\x08\x04\x14E\xdd\xbcy3&amp;&amp;\x06\xab\xa6V$\xd4\xa0#\xd9\xa3\x06\xc1+@\x02\xb0/\xf4\x04k4\x1a\xab\xd5\xca\xc1]\x97U=\xb3\x88\xd0\xb6\x94\x10\xb5\x10+++\x0b\x0b\x0b\xe3\xe2\xe2\x92\x93\x93U*\x95\xc5bILL\xb4X,\\k?2\x0cSZZ\xea\xed\xed]]?\x10j\xd0\xc1\xaa\xbd\x06\xc1+p\xf7iv&amp;$IR\x14\xc5\xcd\x96\xe3k\x12\x08\x04"\x91\xe8\xc9\x93\'-Z\xb4\x988q"\x86a\x19\x19\x19G\x8e\x1c\xe1Z\x13\x92\xa6i\x9a\xa6-\x16K\xf5\xfeX\xa8A\x87\xb1S\r\x82\x17\x82\x04`_hE\xb3F\xa3Q(\x14W\xae\\qww\xe7\xd4u"oJ$\x12UVV\xf6\xef\xdf_*\x95\xe28~\xfc\xf8q\x82 8\x12\x16\xd1Ig\x0f\x1f&gt;,))i\xd6\xac\x19V}C@P\x83\x8ea\xa7\x1a\x04\xaf\x00\t\xc0\xee\x18\x86\x11\n\x85\x9e\x9e\x9e\xe5\xe5\xe5|\x7f\xa0\xd1dc\xadZ\xb5\xea\xd6\xad\xcb0\xcc\xad[\xb7\xacV+wFE\xd0\xc5\xe2nnnj\xb5\x1a\xab\xbe\xf0\x015\xe80v\xaaA\xf02\\\xa9x\'\x86\x1a\x8cAAA\xe9\xe9\xe9|\xdf\xe2\x88\xe38M\xd3R\xa9T\xa5Ra\x18VZZ\xca\x9d\xb3qP\xc1\xae]\xbb\xa6R\xa9\x94J%M\xd3\xd5U0\xa8A\xc7\xb0_\r\x82\x97\x81\x04\xe0 5j\xd4(**b\xbb\x14\xd5\x03\x8d\xd2b\x18&amp;\x10\x088\xf5\x8a\xe28^PP\xa0V\xab\xedq\xcc=\xd4\xa0\x03\xd8\xb5\x06\xc1\xf3 \x01\xd8\x1dz\xc1Z\xb5ju\xf3\xe6M\xb3\xd9\xcc\xb5E\x17o\x04\x9d\xd6[YY\x89B\xa1\xa7\xa7\xa7X,\xe6\xc8\x988\x8a\x17\xa9\xa9\xa9\x11\x11\x11X\xb5\x1e$\t5\xe8\x18\xf6\xabA\xf02\x90\x00\xec\x0e\r\xb0\x86\x86\x86\x96\x97\x97sy!\xf9\xeb`\x18F"\x91\xe4\xe5\xe5=|\xf8\x10\xc3\xb0\xe0\xe0`\xa1P\xc8\x91?\x07\xedx\xb2\xc7\x12r\xa8A\xc7\xb0_\r\x82\x97\x81\x04`wh\xd4\xd8\xc7\xc7G.\x97_\xbbvM*\x95r\xe4}{\x8bbP\x14\xe5\xe6\xe6\xb6m\xdb6\xab\xd5\x8aaX\\\\\x1cGF\x90\x19\x86\x11\x89D\x05\x05\x05EEE\xa8\xfdX\x8d\xa5\x82\x1at\x00\xbb\xd6 x\x19H\x00\x8e@\xd3\xb4P(\xf4\xf7\xf7?u\xea\x94P(\xe4B\x8f\x1bm\x1a"I\xf2\xf5\x0bc\xb5Z\xd5juFF\xc6\xda\xb5kq\x1c\x8f\x8e\x8e\x8e\x8d\x8d-//\xe7\xc2\x90\x08\xc30\xee\xee\xee\x19\x19\x19\x0c\xc3\xa0\xf5-\xd5\xbb\xb2\x05j\xd0\xde\xec]\x83\xe0\x85\xe0#v\x04\xd4R\xeb\xd4\xa9\xd3\x85\x0b\x17\xb8\xb0\xb6\x01\xad\x054\x99L\xde\xde\xde\xee\xee\xee\x0c\xc3\xa0\x8dN4M\xa3s\xc4\xd0\x97\xa1\xffO\xd34\xfa\xaf^^^\x8f\x1f?\x1e&gt;|xYY\x19\xc30\xdf|\xf3\x8dD"\xe1B(\xc4\x9e\x06\xe8S\xa7N\x85\x87\x87\xdbcP\x1bj\xd0\xde\xec]\x83\xe0\x85 \x018\x02ja\xc5\xc7\xc7?z\xf4\xe8\xc9\x93\'\xec\x1e\xc5\x8e\xa6\x01\x8dFc\x9f&gt;}\xbe\xfa\xea\xabk\xd7\xae\x89\xc5b///\xb5Z\xed\xee\xee.\x12\x89l-/\xb4wT&amp;\x93yzzzxx\x1c8p\xa0s\xe7\xce\xd9\xd9\xd9\x18\x86\xcd\x9c9\xb3{\xf7\xee\xa5\xa5\xa5\\h&lt;bOGi.^\xbc\xd8\xa7O\x1f{\xfc|\xa8A{\xb3w\r\x82\x17\xe2\xf7\xa2f\x1eAM\xb3\x96-[~\xf5\xd5W\xbdz\xf5b\xf1\x14F\xb4\xad\xa9\xac\xac\xcc\xdf\xdf\x9f\xa2(\xa1P\x18\x19\x19\xd9\xbau\xeb\x98\x98\x98F\x8d\x1a\xf9\xf8\xf8\xa0 \x82a\x98\xd5j\xad\xac\xac|\xf4\xe8Qzz\xfa\x9e={\x8e\x1c9\x82a\x18A\x10\xb3f\xcd\xfa\xea\xab\xafJKK9\xd2IG\xc3\xc7:\x9d\xee\x9dw\xde9r\xe4\x88\xbf\xbf?\xc30\xd5\xdeH\x87\x1a\xb4\x1f\xc7\xd4 x\x1e\x1c\x07\xed \xa8\x87\xdb\xbau\xebm\xdb\xb6\xf5\xed\xdb\x97\xc5\xbc\x8b\xe38EQ2\x99\xec\xbb\xef\xbe\xdb\xb8qcNN\xce\xa5K\x97.]\xba\x84\xfe\x93\xa7\xa7\xa7F\xa3qss\xc3q\xdch4\x96\x94\x94\x94\x94\x94\xd8\xbe\xb7m\xdb\xb63f\xcc\xe8\xd4\xa9\x93N\xa7\xe3H\xec\xc00\x8c\xa6i\xb9\\\xbee\xcb\x16\x95J\xe5\xef\xefO\xd3\xb4=\xca\x065h?\x8e\xa9A\xf0&lt;\xe8\x018\x08EQ\x04A\x1c?~|\xc4\x88\x11YYY\x18\x07\x969+\x95J\xadV{\xf9\xf2\xe5\x93\'O\xa6\xa6\xa6\xe6\xe6\xe6\x16\x14\x14\xa0\xc5!U\xc9d\xb2\x86\r\x1b\xb6l\xd92!!\xa1C\x87\x0e"\x91\x88k\xd7\xc9\x92$\xe9\xed\xed\xdd\xbd{\xf7\x88\x88\x88\x1f\x7f\xfc\x91$I\xa1\xb0\xfa[6P\x83\xf6\xe3\x98\x1a\x04\xcf\x83\x04\xe08h\xa6.  \xe0\xd7_\x7f\xed\xd1\xa3\x07\xebwq\xa0\xd1\x03\x99L&amp;\x12\x89L&amp;SIIIaaaqqqyy\xb9\xd9l\xc60L*\x95*\x95\xca\x1a5j\xf8\xf9\xf9)\x14\n\x8a\xa2\xca\xcb\xcbi\x9a\xe6T\xec@\xe3!\xe5\xe5\xe5\x11\x11\x11\'N\x9c\x08\t\t\xb1_\xfb\x11j\xd0\x1e\x1cY\x83\xe0\x19\x90f\x1d\x87\xa2(\x91H\xd4\xa7O\x9f\xa4\xa4\xa4\x84\x84\x04\xd6S/A\x104M\x97\x96\x96\xa2%w\x1e\x1e\x1ej\xb5:$$\xc4v&lt;\x00Z@b\xb5Z-\x16\x8bV\xabE\xdf\xc2\xa9\xd8\x81U\x19=\xf0\xf7\xf7\x0f\x0e\x0e\xb6k\xec\x80\x1a\xb4\x07G\xd6 x\x06$\x00\xc7A\x8f\xf5\xd8\xb1c;u\xea\xf4\xf0\xe1C\x0f\x0f\x0ft\xd1 \x8bEBk\xc9\xd1\xff\'I\xd2j\xb5&gt;\x13\xd4\xf0\xa7\xb8\x165\x9e\xf1\xc7\x1f\x7f\x8c\x1c9\x12\r\x8e\xdb/|@\r\xda\x8fcj\x10&lt;\x03&gt;h\xc7A;\xdd\x03\x03\x03\x1b6l\xb8y\xf3f\xd4%g\xbbP\xff?\x1c\xc7\x05\x02\xc13\xf7Iq\xed\xb0\xb0g\xa0\xc6\xe3\xe5\xcb\x97\x1f&lt;x\xf0\xee\xbb\xef\xa2\xf5\x91\xf6\xfbuP\x83\xd5\xce\xc15\x08\x9e\x01\t\xc0\xa1P\xebl\xec\xd8\xb1\x1b6l\xe0\xd49\xec&lt;E\xd3\xb4\x9b\x9b\xdb\xea\xd5\xab;w\xee\x8c\xc2\xb1\xbd\x83\x1d\xd4`\xf5r|\r\x82\xaa\xe0\xf1u(t\xc8m\x9f&gt;}\xb4Z\xed\x8e\x1d;\x94J%\xa7\x9a\x90\xfc\xc20\x8cT*\xcd\xcb\xcb\xdb\xb1cGbb"\xf6t\x88\xc6\xae\xa0\x06\xab\x11+5\x08\xaa\x82\x8f\xdb\xa1\xd0u\x1cnnnS\xa6LY\xb3f\rw\x0eb\xe4#\x8a\xa2\xe4r\xf9\xfa\xf5\xeb\xdb\xb5k\x17\x1a\x1a\xea\x98\xb1c\xa8\xc1j\xc4J\r\x82\xaa`\x19\xa8\xa3\xa1\xe3Y\xccfsdd\xe4\x9a5k\x9a7o^^^\x0e\xcf\xfd[@c\x05\xcd\x9b7\xdf\xbauk\xb3f\xcd\x1cv|\x18\xd4`ua\xab\x06\x81\r|\xdc\x8e\x86\xce&lt;\x91J\xa5\xe3\xc6\x8d\x9b1c\x06w\xae\xe4\xe6\x17\x92$U*\xd5\x82\x05\x0b\x9a6m\x1a\x16\x16\xe6\xc8\xb5\x83P\x83\xd5\x82\xc5\x1a\x046\xd0\x03`\x01jB\x92$Y\xaf^\xbd\xc5\x8b\x17\x0f\x1c8P\xab\xd5\xc2\xe2\x87\xd7\xc70\x8cX,...n\xda\xb4iJJJpp\xb0\x83\x1b\x8fP\x83\xff\x11\xeb5\x08\x10H\x00\xec@\xe7\n\xfc\xf9\xe7\x9f\x8b\x16-\xbat\xe9REE\x05&lt;\xfd\xaf\x0f\x9d\x1c0r\xe4H\x8b\xc5\xb2a\xc3\x06\xf4a:\xb8\x0cP\x83\xff\x05\x17j\x10`\x90\x00X\x84\x1e\xfa\xf0\xf0\xf0!C\x86L\x9b6\xad\xa8\xa8\x08\xce?y\x1d\x14E)\x14\x8a\xb4\xb4\xb4\xae]\xbb\xe6\xe7\xe7\xabT*\xb4\xd1\x89\x95\x92@\r\xbe\x05\xee\xd4 \x80\x04\xc0\x1at\xafHJJJ\xb7n\xdd._\xbe\xec\xeb\xeb\xcb\x91\xcb\xf98\x8e\xa6i\x0f\x0f\x8f\xe8\xe8\xe8\xf7\xdf\x7f\x7f\xea\xd4\xa9,6\x1e\xa1\x06\xdf\x0ewj\x10@\x02`\x13z\xf4?\xfd\xf4\xd3\x9c\x9c\x9c\xc3\x87\x0fC\x13\xf2_Y\xadV\x1f\x1f\x9fy\xf3\xe6%\'\'\xa7\xa7\xa7\xb3\x1e;\xa0\x06\xdf\x14\xd7j\xd0\xc5A\x02`\x13:\xab\x8b\xa6\xe9\xd0\xd0\xd0\xc9\x93\'\x8f\x1d;\x16"\xc8+\xa0e\xe3999\xef\xbc\xf3\xce\xc5\x8b\x17\x1b5j\xc4\xfa\xcc!\xd4\xe0\x1b\xe1`\r\xba8H\x00,C\xab\xdfRRR\xe2\xe2\xe2\xae\\\xb9R\xa3F\r\x93\xc9\x04\xaf\xc4\x0b\xd14\xadR\xa9BCC?\xf8\xe0\x83i\xd3\xa6q\xa4\xf1\x085\xf8\xfa\xb8Y\x83\xae\x0c\x12\x00\xfb\xd0k0g\xce\x9c-[\xb6dffr\xe7\xa2&gt;NAC\x07\xa3G\x8f\xbes\xe7\xce\xb1c\xc78ug\x08\xd4\xe0\xeb\xe0r\r\xba,H\x00\x9c\x80^\x86\xb8\xb8\xb8F\x8d\x1a\xadZ\xb5\xaa\xa0\xa0@,\x16\xb3](\x0eA\xb1#))i\xc2\x84\t\xb9\xb9\xb9J\xa5\x92k\xebF\xa0\x06_\x8d\xfb5\xe8\x9a \x03s\x02\xba\xd9c\xfb\xf6\xed\x01\x01\x01\xe1\xe1\xe1c\xc7\x8e-,,D\xf7z\x03\x92$\xd5juvv\xf6\xd0\xa1CO\x9d:\xa5V\xab9xh\x0c\xd4\xe0+\xf0\xa2\x06]\x13$\x00N@\xa7\x0b\xa8\xd5\xea\xfd\xfb\xf7\xf7\xe8\xd1#00\xb0m\xdb\xb6:\x9d\x0e\xfa\xc8\xe8\xe45\xadV\xdb\xabW\xaf\x9f\x7f\xfe966\x96\x9b\x03\xc7P\x83/\xc3\x97\x1atM0\x04\xc4!h\x18a\xc3\x86\rc\xc6\x8c\xb9}\xfb\xb6Z\xad.//w\xe5\x08\x82\x16\xdak4\x9a\x98\x98\x98\xa0\xa0\xa0\xf5\xeb\xd7s|\xe0\x18j\xf0\x19\xbc\xabAW\x035\xc1!B\xa1\x90$\xc9a\xc3\x86i\xb5\xda\x96-[^\xbcxQ\xa5RUTT\xb8\xe6\x0b\x83V\xd7\xa8\xd5\xea\xee\xdd\xbb\xd7\xaf_\x7f\xfd\xfa\xf5V\xab\x95\xe3\x1f\x05\xd4`U|\xacAW\x03\x95\xc1-(\x82L\x9e&lt;\xd9j\xb5\xbar\x04\xa9\x1a;\xa4Rirr2M\xd3B\xa1\x90\xfb\xd3\x86P\x83\x08\x7fk\xd0\xa5\xb8\xd6C\xc9\x0bB\xa1\xd0j\xb5~\xf1\xc5\x17\x18\x86\xb9f\x04y&amp;v\xec\xd8\xb1\x03\xcd\x19\xf2%v@\r\xf2\xbd\x06]\x87\xab&lt;\x91\xfc"\x12\x89\x9e\x89 \xde\xde\xdeZ\xad\xd6\x15V\x95P\x14%\x16\x8b\x15\n\x05\xafc\x07\xd4 \xdfk\xd0E@\x02\xe0([\x04\xc1q\xbce\xcb\x96{\xf7\xeem\xda\xb4iII\x89s\xb7"I\x92\x94\xcb\xe5&amp;\x93\xa9k\xd7\xaer\xb9|\xfb\xf6\xed\xfc\x8d\x1dP\x83|\xafAW\x00Kq\xb9\x0bE\x90\xcf?\xff\xfc\xb3\xcf&gt;k\xd9\xb2\xe5\x91#G\xbc\xbd\xbd)\x8ar\xd6\x85[V\xabU\xa3\xd1\x14\x14\x14DGG+\x95J\'\x88\x1dP\x83|\xafA\xa7\x07\t\x80\xd3D"\x11\x9aQ&lt;t\xe8\xd0\x80\x01\x03~\xf8\xe1\x07///\x82 H\x92d\xbbh\xd5\t\x9d\xa7\xe6\xe3\xe3\xf3\xf7\xdf\x7f\x87\x84\x84L\x980!99\xd99b\x07\xd4 \xdfk\xd0\xb9\xc1&gt;\x00\x1e@K\xa7sss\x07\x0c\x18\xe0\xef\xef\xff\xe7\x9f\x7f*\x95J4\x98\xe0\x04o\x17I\x92\xee\xee\xee\xee\xee\xee_\x7f\xfd\xf5o\xbf\xfd\xf6\xfb\xef\xbf\xc7\xc7\xc7;\xd9^!\xa8A\xc0M\xd0\x03\xe0\x01\xa1PHQT\xe3\xc6\x8d333===cbbN\x9d:\xe5\xe3\xe3\x83\xe38EQl\x97\xee\xed\xd14MQ\x94\xb7\xb7wAAA\x87\x0e\x1d\x8e\x1d;\x96\x95\x95\x15\x1f\x1fO\x92\xa4\x93\xc5\x0e\xa8A\xc0M\x90\x00\xf8\x01\x1d5#\x10\x08\xfe\xf8\xe3\x8fY\xb3f\r\x1e&lt;x\xfa\xf4\xe9\x12\x89D\xa9T\x92$\xc9\xc7n\x1cI\x92nnn^^^\x9b6mj\xd9\xb2eTTTJJ\x8a\x9f\x9f\x1fEQN9M\n5\x088\x08\x86\x80\xf8\x84a\x18\xf4v=~\xfcx\xe4\xc8\x91\xf7\xee\xdd[\xb2d\xc9;\xef\xbcS^^n2\x99\x08\x82\xe0\xc5x\x02\xfa\x13T*\xd5\x9d;w&gt;\xf9\xe4\x93\x92\x92\x92\xa5K\x97\xc6\xc6\xc6\xd24\x8da\x98s\x9f\x11\x065\x088\x05\xaa\x8aOp\x1cG\x1bM\xfd\xfc\xfc\x0e\x1c8\xf0\xc5\x17_\xbc\xff\xfe\xfbC\x87\x0e\xd5j\xb5\xde\xde\xde\x02\x81\x80\xe3mI\x8a\xa2h\x9a\xf6\xf4\xf4\x14\x08\x04\xb3g\xcfn\xd3\xa6MXXXZZZll,I\x92\x02\x81\xc0\xe9c\x07\xd4 \xe0\x14\xa8-\xfe\x11\n\x85\xa8!\xf9\xe1\x87\x1ffee\xf9\xf8\xf8\xb4n\xddz\xf2\xe4\xc9\x0c\xc3x{{\xa3\xf8\xc2\xa9 \xc20\x0cZ\xf4\xa2\xd1hT*\xd5\xf2\xe5\xcb###\xd3\xd2\xd2\x0e\x1d:\xf4\xf3\xcf?\x0b\x04\x02W\x1b4\x80\x1a\x04\x1c\x01C@&lt;f[h\x91\x99\x999g\xce\x9c\xdc\xdc\xdc\xa1C\x87~\xf0\xc1\x07~~~\x06\x83\xc1`0`\x18\xc6\xee\\\x1cZ\x1d(\x91H\x14\nEyy\xf9\xfe\xfd\xfb\x97/_\x8e\xe3\xf8\x17_|\xd1\xabW/\x0c\xc3\xd0l!/\xc6=\xec\x01j\x10\xb0\x0b\x12\x00\xbf\xa1K\xc9Q\x8c\xb8|\xf9\xf2\x82\x05\x0b._\xbe\xdc\xa3G\x8fq\xe3\xc6\x05\x07\x07\xd34]ZZ\xea\xf8\xbe9\x8a\x1a\x04A\xc8\xe5r\xb1X\xfc\xe8\xd1\xa3\x8d\x1b7\xfe\xfe\xfb\xef~~~\x93&amp;M\xea\xdb\xb7/\xfa\x1a\x0c\xc6\x8b\xa1\x06\x01\xab \x018\x03\x9a\xa6\x19\x86AA$==}\xfe\xfc\xf9iiiM\x9a4\x196lX\x8f\x1e=\x14\n\x05I\x92\x15\x15\x15V\xab\x15\xc7q;\xed\xcdA\x81\x0c\x15C&amp;\x93I$\x12\xb3\xd9|\xfe\xfc\xf9u\xeb\xd6\x9d&gt;}\xba~\xfd\xfa\x93\'ONHH\xc0\xfeo\xc8\x03\x08\xd4 `\x05$\x00\xe7Q5\x88&lt;~\xfc\xf8\xaf\xbf\xfe\xda\xb2e\x8b^\xaf\x8f\x8d\x8d\x1d0`@ll\xacF\xa3\xc10\xcc`0\x98L&amp;\x8a\xa2\xf0\xa70\x0c{\x8b\x80\xc2T!\x10\x08$\x12\x89\xbb\xbb\xbb@ 0\x1a\x8d\xe9\xe9\xe9\xbbv\xed:t\xe8\x10EQ]\xbat\xf9\xe8\xa3\x8f\x9a5k\x86A\xe0\xf87P\x83\xc0\xc1 \x018\x9b\xaaA\x04\xc3\xb0c\xc7\x8em\xde\xbc\xf9\xd4\xa9S\x12\x89$&lt;&lt;\xbcM\x9b6\xad[\xb7n\xd4\xa8\x91T*\xc50\x8c$I\x14J\xacV+\x86a\xe8axY(\xb1\xfdW\xd4\x08\x15\x89D"\x91H"\x91`\x18f\xb5Z\xef\xde\xbd{\xe9\xd2\xa5\xd3\xa7O\xa7\xa6\xa6j\xb5\xda\xf0\xf0\xf0\x81\x03\x07\xf6\xef\xdf\x1f}\xc13\xa5\x02\xaf\x005\x08\x1c\x06\x12\x80sB-5\xdbX\x01M\xd3\x99\x99\x99{\xf6\xec9{\xf6\xec\xcd\x9b7\x95JeXXX\xd3\xa6M\xc3\xc2\xc2\x1a7n\xacT*\xd1\xc2\xbe\xaa\xdf\xfe\xfc\xcf\xb4\x85\x15\x9a\xa6+++\x8b\x8a\x8a\x1e&gt;|x\xe5\xca\x95\xf4\xf4\xf4\xac\xac\xac\xc7\x8f\x1f\xfb\xf8\xf8\xb4k\xd7.&gt;&gt;\xbeu\xeb\xd62\x99\x0c}1j\xa8\xc2H\xf1\x9b\x82\x1a\x04\x0e\x00\t\xc0\xc9\xa1\xb3\'\xab.\xd1+**JMMMII\xb9z\xf5\xea\xdd\xbbwu:\x9d\x9b\x9b\x9bL&amp;\xf3\xf4\xf4\xf4\xf7\xf7\xb7Z\xad\xe1\xe1\xe1\x9e\x9e\x9e$I\xda\xe2\x05\x8e\xe3V\xab\xf5\xe2\xc5\x8b\x18\x86i\xb5\xda\x7f\xfe\xf9\xc7b\xb1TTT\xb8\xbb\xbb\xfb\xf9\xf9\x85\x86\x86\xc6\xc6\xc6FDD\xd4\xaf_\xbf\xea\xef\xc50\x0c\xce\x02\xfb\xef\xa0\x06\x81\xfd@\x02p\th\x9c\x17\xb5(\x9fi\xca\x15\x15\x15\xdd\xbf\x7f\xff\xfe\xfd\xfbYYY\xc5\xc5\xc58\x8e\xe7\xe4\xe4\x94\x95\x95=\xf3\x13\x08\x82\x08\x0f\x0f\'\x08B"\x91\xb4l\xd9\xd2\xcb\xcb+88X\xadVW\rLhm\xbb\xfdf)]\x19\xd4 \xb0\x07H\x00.\xc7\xb6\xd8\x03\xc7\xf1\xff&gt;\xa4\x8b\xda\xa7\xb6a\xe5j)!x5\xa8\xc1\x97E-HZo\n\x12\x80\xab\xab\xba\x14\x04\xfd\x8bma\xc93\xd0\xbao\xec\xe9k\x86\x82\x05\xbcr\xacs\xe2\x1a|\xe6O\xb3\xfd]\xafHT\xe8oD\xffk\xfbb.\xff\x8d\xec\x82\x04\x00\x00\xe0\x10\xd4\xb9A+S_\x16\xe8\xb5Z-\x1a\xaa\xaa\x9a\xf3\xd0A\x1a/\xfb\xb1\xa8\xa3\x83\x92\x01\xe4\x03\x1bH\x00\x00\x00\x96\xd9\x06\xb5\x9e9PH\xa7\xd3\xfd\xf3\xcf?\xf7\xef\xdf\xcf\xc8\xc8\xd0j\xb57n\xdc(++c\x18\xa6\xb8\xb8\xd8\xd6\x9b\xb1\xc1q\\\xa5R\x89\xc5b4\xdb!\x95J[\xb5j\xe5\xe5\xe5\x15\x12\x12\xe2\xe5\xe5U\xf5+m\xc9\x80/C^\xf6\x03\t\x00\x00\xc0\x0e\x14\xf7\xb1\xff{\xde\xd1\xed\xdb\xb7\xcf\x9e={\xf2\xe4\xc9k\xd7\xae\x15\x14\x14(\x14\nww\xf7\x06\r\x1a\xa8T\xaa\xa6M\x9bzzzb\x18\x16\x11\x11\x81\x0e\xd4\xab\xfa\xd3\x04\x02\xc1\xb5k\xd7\xca\xcb\xcbI\x92LII1\x1a\x8d999F\xa3\xb1\xb4\xb4T\xa1P\x04\x04\x04\xb4k\xd7\xae]\xbbv\xa1\xa1\xa1"\x91\x08}\x8b\xed\xc4\x0b\x97\xed\x13@\x02\x00\x008\x1a\x8a\xbc\xb6\xf6\xbeN\xa7;p\xe0\xc0\xd1\xa3G\xaf\\\xb9RQQQ\xabV\xad\x90\x90\x90\xe8\xe8\xe8\xb0\xb0\xb0\xbau\xeb*\x95J[\x86@\xa3CF\xa3\xf1\x85\x81\xcb\xcd\xcd\r}\xa5m\xf3\x84\xc1`x\xf0\xe0\xc1\xd5\xabW\xd3\xd3\xd3\xaf_\xbf~\xe7\xce\x1d\x81@\xd0\xa8Q\xa36m\xda$$$4h\xd0\x00}\xa3\xcb\xaey\x85\x04\x00\x00p\x90gv\xb7\x95\x96\x96\xee\xdb\xb7o\xc7\x8e\x1d\xd7\xaf_\x97\xcb\xe5m\xdb\xb6\xed\xd4\xa9SXXX\xcd\x9a5\xd1\x98\xbe\xd1h\xb4X,h\xc4\x06-UB?\xe7eC7\xb6\xe9b\xdb\xa41A\x10b\xb1\xd8\x96\x18\xb4Z\xed\xf5\xeb\xd7\xcf\x9c9s\xf8\xf0\xe1\'O\x9e\xd4\xae];&gt;&gt;\xbeo\xdf\xbe\xf5\xea\xd5C?\xc1\xd5.\xb2\x87\x04\x00\x00\xb0\xbbg\x0e\x11\xbat\xe9\xd2o\xbf\xfdv\xf8\xf0a??\xbf\xbe}\xfb\xf6\xe8\xd1#((\x08]\x84`0\x18,\x16\x0b\n\xf7\xd5\x12\x8b\xab\xae\x9a\x15\n\x85R\xa9\x14\x1dnq\xef\xde\xbd\xbf\xff\xfe{\xc7\x8e\x1dYYY111\x1f~\xf8aBB\x02J-\xae\x93\x06 \x01\x00\x00\xec\xcbv\xed\x81\xd5j\xdd\xbau\xeb\xd2\xa5Ku:]\\\\\xdc\xfb\xef\xbf\x1f\x19\x19)\x91H\x0c\x06\x83\xd1h\xb4u\x0e\xec\x1ayQ2\xc00L,\x16+\x14\n\x0c\xc3rrr\xb6o\xdf\xbes\xe7N\x83\xc10r\xe4\xc8\xf7\xdf\x7f\xbfF\x8d\x1a\x98k\\u\x00\t\x00\x00`/\xb6\xa64I\x92+V\xacX\xb6l\x99Z\xad\x1e2d\xc8\xd0\xa1C\xbd\xbc\xbc\xccfsEE\x05[\xd3\xb0\xb6)h\xa9T*\x93\xc9\xccf\xf3\xee\xdd\xbb\xd7\xaf_\x9f\x95\x955h\xd0\xa0\xa9S\xa7\xfa\xfa\xfab\x18F\x92\xa4\x13_v\x06\t\x00\x00P\xfd\xd0\xa9\x12(t\xfe\xfa\xeb\xafK\x97.U\xa9TS\xa6L\xe9\xd3\xa7\x8fP(\xd4\xeb\xf5V\xab\x95#\x0b1QQ\t\x82@\xb3\xcd\x17.\\@\xf71\x0c\x1a4h\xd6\xacYJ\xa5\xd2\xb6/\x81\xed\x92V?H\x00\x00\x80jf\x1b\xf3\xd9\xb7o\xdf\xfc\xf9\xf3-\x16\x0b\n\xfd8\x8e\xeb\xf5z\xce\xae\xbcD\xb3\xcd\x1e\x1e\x1ennn\x17.\\\x987o^nn\xee\xb8q\xe3&amp;N\x9c\x889iW\x00\x12\xc0\xbf@\x9f\x0f\xea*&gt;\xb3\x1f\xfd\x99/{f#&gt;l8\x04.\xc86\xd9\xfb\xe8\xd1\xa3I\x93&amp;eff&amp;&amp;&amp;\x8e\x1b7\x8e\xa6i\xbd^\xcf\x8b\x1b\x05\xd0\x12U\x94\x06\x0e\x1f&gt;&lt;k\xd6,\xb1X&lt;w\xee\xdc6m\xda`Ur\x9bsp\xc2N\xcd\x7f\x87\xba\x84$I\xda.]"\x08\x82 \x08\xa1P(\x14\n\t\x82\x10&lt;\xc7\xf6_m_\x80\xe38M\xd3\xe8\x87&lt;\xbfk\x11\x00\xe7\x83\xde\x17\x82 \xd6\xae]\x1b\x15\x15\xe5\xed\xed\x9d\x9e\x9e&gt;~\xfcx\xadV\xab\xd3\xe9\xd0k\xc2v\x19\xff\x9d@ \x10\n\x85\xe8\xbe\x84\x8e\x1d;^\xbcxq\xc8\x90!\xfd\xfb\xf7OLLD\xd1\x9f$I\xb6\xcbXm\xa0\x07\xf0\xffC\x99\xff\x99qI\x8a\xa2\n\x0b\x0b322\x8a\x8a\x8a\xd2\xd2\xd2p\x1c\x7f\xf0\xe0\xc1\xc3\x87\x0f\xab\x9eC\x82a\x98B\xa1@Wx7l\xd8\xb0~\xfd\xfaAAA~~~r\xb9\xdc\xf6\x05p\xd0.pnh\x84\xe4\xd1\xa3G#G\x8e\xd4j\xb5K\x96,i\xd9\xb2%\x1a\xeb\xe7\xef\xc8\tZ2\xe4\xe5\xe5u\xef\xde\xbd\xa9S\xa7\xe6\xe4\xe4,]\xba\xb4m\xdb\xb6N\xb3N\x14\x12\xc0\xb3\x9bS0\x0c+**:\x7f\xfe\xfc\x993g\xae\\\xb9\xf2\xf8\xf1c\x93\xc9\xe4\xe1\xe1\xa1P(\x02\x03\x03I\x92\xac_\xbf~\xc3\x86\r\xd1\xf5\xdc\xe8\xdb\x85BaIIIff\xa6H$\xba\x7f\xff~AAAyy9:\x9a*&lt;&lt;&lt;&amp;&amp;\xa6M\x9b6\r\x1b6\xb4\xfdF\xb8b\t8\x13\xdb\x1c\xe9\x9e={F\x8d\x1a\xf5\xd1G\x1f\xcd\x993\x87\xa6\xe9\xd2\xd2Rn\x8e\xf5\xbf)\x92$\xa5R\xa9\\.\xdf\xb4i\xd3\xe4\xc9\x93\'N\x9c8k\xd6,\xcc)\x86\x83\\:\x01\xa0\xfd\xdf\xb6*\xcc\xcc\xcc\xdc\xbd{\xf7\xa9S\xa7\xf2\xf2\xf2\xbc\xbc\xbc\x02\x02\x02\xda\xb7o\x1f\x12\x12R\xb7n]???\xb1Xl{\x94\x9f\xff\xd0\xaa&gt;\xe5\x14E\x15\x14\x14&lt;y\xf2\xe4\xea\xd5\xab(\x8b\x94\x94\x94\xc8\xe5\xf2\xf6\xed\xdb\xf7\xee\xdd\xbbC\x87\x0e(\xf4?\x9fx\x00\xe0\x1d[\x10LLL\xdc\xb2e\xcb\xef\xbf\xff\xde\xbd{\xf7\x92\x92\x12^\x0c\xf7\xbf&gt;\xd4\x83\xf7\xf6\xf6\xbes\xe7\xce\xc0\x81\x03===\x93\x93\x93\xd5j5\xdfg\x86]4\x01T\xed\xc1\xe5\xe7\xe7o\xdd\xbau\xe3\xc6\x8d:\x9d.,,\xacg\xcf\x9e\xb1\xb1\xb1h_"\x86af\xb3\xd9b\xb1X\xadV\xdb\xfe\x91\xd7\xb9q\x1b]\xb7\xed\xe6\xe6\x86F\x8a\xee\xdd\xbbw\xe1\xc2\x85\x03\x07\x0e\x9c?\x7f\x1e\xc7\xf1\x1e=z\x0c\x1f&gt;&lt;22\xf2\xf9\xc2\x00\xc0#(\xfc\x95\x96\x96v\xee\xdcY*\x95n\xde\xbc\xd9\xd7\xd7\xb7\xa4\xa4\xc4v\xda\x9a\x93!IR&amp;\x93\x89\xc5\xe2I\x93&amp;\xed\xda\xb5k\xc7\x8e\x1d-[\xb6\xb4Z\xad\xfc\xfd{].\x01T\x8d\xb6\xc7\x8f\x1f_\xb6lYfffhhhBBB\xd7\xae]k\xd5\xaa\x85a\x98m_\xe2[\xaf\xe7\xb1\xad\x1dB\x1b\xd0%\x12\x89L&amp;\x13\x08\x04z\xbd\xfe\xcc\x993;v\xec\xb8x\xf1\xa2J\xa5\x9a8q\xe2\xc0\x81\x03\xd1\xd3\x03i\x00\xf0\x0b\n|\xa9\xa9\xa9\xef\xbe\xfbn\xff\xfe\xfd\xe7\xcf\x9f_QQa4\x1ay\xdd"\xfeW(,h4\x1a4\x1c\xf4\xd3O?}\xf8\xe1\x87\xfc\xcd\x01.\x94\x00\xd0R\x1c4\xfc\xb2k\xd7\xae\x05\x0b\x16\x94\x94\x94\xf4\xed\xdb\xf7\xa3\x8f&gt;j\xdc\xb81\xc30\xe5\xe5\xe5\x16\x8b\x05\xb3\xc3\xa1\x80\xb6\xd3HD"\x91\\.\x17\n\x85\xc5\xc5\xc5\x7f\xfd\xf5\xd7\x96-[t:\xdd\x981c\xc6\x8d\x1b\'\x16\x8b1\xa7\x18U\x04\xae\x00\xb5\xfd\xcf\x9f?\xdf\xb3g\xcf\xaf\xbf\xfe\xfa\x8b/\xbe@\xd7\x11\xbb\xc8\xcc\x96\xc5b\xf1\xf5\xf5=q\xe2D\xff\xfe\xfdg\xce\x9c\x89\x16\x08\xf1\xb1\x01\xe7\x12\t\xa0\xea\xa6\xc4\xbd{\xf7.\\\xb8\x90a\x98\xfe\xfd\xfb\x0f\x1b6L\xa3\xd1\xa0f\x8b\xc3\xd6\xe7\xa0\xb5F"\x91H\xa5R\x91$\xb9s\xe7\xce\x8d\x1b7\xde\xbd{w\xe4\xc8\x91\xe3\xc6\x8d#\x08\xc2\xd6\xf3\xb0wI\x00x;(\xfao\xd8\xb0\xe1\xd3O?\xdd\xb2eK\xe7\xce\x9d\x0b\x0b\x0by\xda\x04~kV\xabU\xa3\xd1\x14\x16\x16\xb6m\xdb\xb6O\x9f&gt;?\xff\xfc3\x1f\xdf\\\xe7O\x00\xb66uVV\xd6\x8c\x193rrr\x12\x13\x13\xc7\x8c\x19C\x10\x04Z\xa3\xc6\xd69$\xa8\xc9\xa0T*\x85B\xe1\xa1C\x87f\xcd\x9aE\xd3\xf4\xec\xd9\xb3\xe3\xe3\xe31\'\xddv\x08\x9c\x00z2\x97-[6a\xc2\x84\xe3\xc7\x8fw\xec\xd8\xb1\xa0\xa0\x00\xf5_]\rI\x92r\xb9\xbc\xbc\xbc&lt;&lt;&lt;\xbc}\xfb\xf6\x9b7o\xe6]?\xc0\xc9\x13\x00zXi\x9a\x9e2e\xca\xa6M\x9b&gt;\xf9\xe4\x93\xcf&gt;\xfb\xcc\xc3\xc3C\xab\xd5V\xbd\x8f\x82Eh\xf7\xb9J\xa5"\x08b\xcb\x96-3g\xcel\xd2\xa4\xc9o\xbf\xfdV\xb3fM\xde=L\xc0\xe9\xa1\xc1\xee\xe5\xcb\x97\x8f\x1f?\xfe\xf4\xe9\xd3m\xdb\xb6u\xc1\xb6\x7fU(\x07TVVFFF\xc6\xc6\xc6n\xde\xbc\x19\xed{\xe0\xcbk\xeb\xb4\x03v\xb6a\x9fs\xe7\xceEDDdee\x9d={v\xf6\xec\xd94M\x97\x94\x94\xa0\xcd~l\x97\x11\xc30\x0cm!.++\xd3\xe9tC\x86\x0c\xc9\xc8\xc8\xa8_\xbf~DD\xc4\x1f\x7f\xfc\x81\xba&amp;h\xad*\x00\xacC\xd1\x7f\xf3\xe6\xcd\x10\xfdm\x84BaEE\x85\xbb\xbb{ZZ\xda\xe9\xd3\xa7G\x8e\x1c)\x12\x89x\xb4U\xd89\x13\x80mK\xfaw\xdf}\xd7\xa7O\x9f\xb1c\xc7\x1e=z\xb4F\x8d\x1aEEE\xdc\\\x9e\x8c\xb6\x1f\xa3~\xc9\xb2e\xcb6o\xde\xfc\xd3O?\r\x1c8\xb0\xb2\xb2\xd2\xc9\xb6\x9e\x03\x9e\xa2(J$\x12\x9d?\x7f~\xfc\xf8\xf1\xc7\x8f\x1f\x87\xe8o\x83\xce\x8d\x90\xc9d\xe9\xe9\xe9\xc7\x8f\x1f\xff\xdf\xff\xfe\'\x12\x89\xacV+\xdb\xe5z-N8\x04\x84\x86}\xf4z\xfd\xc0\x81\x03KJJ\xb6n\xdd\xda\xb0aC\xbe,Q`\x18\x86$I\xb5Zm\xb5ZG\x8d\x1a\x95\x9a\x9a\xbai\xd3\xa6\x98\x98\x18\xfe\xae3\x03N\x00M\xa4eff\xc6\xc6\xc6\xee\xda\xb5\xcb5g}_\r\x8d\x05\xe9\xf5\xfa\xf0\xf0\xf0o\xbe\xf9f\xdc\xb8q\xbc\x98\xc6\xe3z@|S\xe8C\xbfp\xe1BPPP\xa3F\x8d.]\xba\xe4\xe7\xe7W</t>
        </is>
      </c>
    </row>
    <row r="315">
      <c r="A315" s="1" t="n">
        <v>313</v>
      </c>
      <c r="B315" t="inlineStr">
        <is>
          <t>color_size_circle</t>
        </is>
      </c>
      <c r="C315" t="inlineStr">
        <is>
          <t>What is the missing color of the part denoted with a question mark?</t>
        </is>
      </c>
      <c r="D315" t="inlineStr">
        <is>
          <t>['dark purple', 'dark orange', 'dark green', 'light orange']</t>
        </is>
      </c>
      <c r="E315" t="inlineStr">
        <is>
          <t>light orange</t>
        </is>
      </c>
      <c r="F315" t="inlineStr">
        <is>
          <t>There are circles of various sizes and colors in the image. The circles are ['small', 'large', 'extra large', 'medium'] size, and their colors are ['?', 'dark orange', 'very dark orange', 'medium orange'].</t>
        </is>
      </c>
      <c r="G315" t="inlineStr">
        <is>
          <t>We observe that the largest circle is very dark orange color, and the smaller circles change color from dark orange to medium orange. Hence, the pattern is that the circles become lighter as they become smaller.</t>
        </is>
      </c>
      <c r="H315" t="inlineStr">
        <is>
          <t>Based on the pattern that the circles become lighter as they become smaller, the missing color of the smallest circle denoted with a question mark should be light orange.</t>
        </is>
      </c>
      <c r="I315" t="inlineStr">
        <is>
          <t>b'\x89PNG\r\n\x1a\n\x00\x00\x00\rIHDR\x00\x00\x02\x00\x00\x00\x02\x00\x08\x02\x00\x00\x00{\x1aC\xad\x00\x00\xe5\xf7IDATx\x9c\xec\x9dw|\x95\xd5\xfd\xc7\xbfg&lt;\xcf\xdd\xb9\xd9!a\x84\x00\t{\x88\x80\x0ce(\xe0\xde\x1bg]\xb5\xeeV\xabm\xb5uT\x7f\xad[[W\xa5\xc5\xbd\xf7VPQ\x94!{\x8f\x04\x08+\t\xd9\xb9\xfb&gt;\xe3\x9c\xf3\xfb\xe3$\xd7\x08h\xd5\n97y\xde/K\xf3\\Br\xees\xcf\xf3\xfd\x9c\xf3]\x07\t!\xc0\xc1\xc1\xc1\xc1\xa1\xeb\x81;z\x00\x0e\x0e\x0e\x0e\x0e\x1d\x83#\x00\x0e\x0e\x0e\x0e]\x14G\x00\x1c\x1c\x1c\x1c\xba(\x8e\x008888tQ\x1c\x01pppp\xe8\xa28\x02\xe0\xe0\xe0\xe0\xd0Eq\x04\xc0\xc1\xc1\xc1\xa1\x8b\xe2\x08\x80\x83\x83\x83C\x17\xc5\x11\x00\x07\x07\x07\x87.\x8a#\x00\x0e\x0e\x0e\x0e]\x14G\x00\x1c\x1c\x1c\x1c\xba(\x8e\x008888tQ\x1c\x01pppp\xe8\xa28\x02\xe0\xe0\xe0\xe0\xd0Eq\x04\xc0\xc1\xc1\xc1\xa1\x8b\xe2\x08\x80\x83\x83\x83C\x17\xc5\x11\x00\x07\x07\x07\x87.\x8a#\x00\x0e\x0e\x0e\x0e]\x14G\x00\x1c\x1c\x1c\x1c\xba(\x8e\x008888tQ\x1c\x01pppp\xe8\xa28\x02\xe0\xe0\xe0\xe0\xd0Eq\x04\xc0\xc1\xc1\xc1\xa1\x8b\xe2\x08\x80\x83\x83\x83C\x17\xc5\x11\x00\x07\x07\x07\x87.\x8a#\x00\x0e\x0e\x0e\x0e]\x14G\x00\x1c\x1c\x1c\x1c\xba(\x8e\x008888tQ\x1c\x01pppp\xe8\xa28\x02\xe0\xe0\xe0\xe0\xd0Eq\x04\xc0\xc1\xc1\xc1\xa1\x8b\xe2\x08\x80\x83\x83\x83C\x17\xc5\x11\x00\x07\x07\x07\x87.\x8a#\x00\x0e\x0e\x0e\x0e]\x14G\x00\x1c\x1c\x1c\x1c\xba(\x8e\x008888tQ\x1c\x01pppp\xe8\xa28\x02\xe0\xe0\xe0\xe0\xd0Eq\x04\xc0\xc1\xc1\xc1\xa1\x8b\xe2\x08\x80\x83\x83\x83C\x17\xc5\x11\x00\x07\x07\x07\x87.\x8a#\x00\x0e\x0e\x0e\x0e]\x14G\x00\x1c\x1c\x1c\x1c\xba(\x8e\x008888tQ\x1c\x01pppp\xe8\xa28\x02\xe0\xe0\xe0\xe0\xd0Eq\x04\xc0\xc1\xc1\xc1\xa1\x8bB;z\x00\x0e\x0e\x07\x08!\xc4\x8f\xfcN\x84\xd0~\x1d\x89\x83\x83"8\x02\xe0\x90\xc6\xa4l:\xe7|\x8fW\x10B\xed\xed\xf8\x1e\x97\xff\xf5\xc7\xb6W\x8b\xf6\x97\xa9\x1f\x821\xde\xe3\x15\x07\x87\xb4\x03\xfd\xf8e\x91\x83CG!g\xa9\xb4\xf2\xf2ki\xd0SV\xf8\xc7\xd0\xdc\xdc\x8c\xd0\x7f\x99\xf0\xf2\x1b\xb2\xb2\xb2~\xfc\x8f\xe5\x9c\xa7\x14B\x8a\x81\x1c\x95#\x0c\x0e\xea\xe3\x08\x80\x83r\x88v\x00\x00B\x88\x10\xb2\xcf\xefd\x8c\x85\xc3a\xce\xf9\xbau\xeb\x18c\xb6m/^\xbc\xd8\xb2,\x84\xd0\xf6\xed\xdb\xb7m\xdb\x96\xb2\xf8\xd1ht\xf3\xe6\xcd?r\x00\xfd\xfa\xf5\xf3\xfb\xfd\xd0\xa6\x07\xbd{\xf7...\x16Bh\x9a6f\xcc\x18J)!d\xf0\xe0\xc1\x18\xe3\x8c\x8c\x8c\x1f\x18[{\xad\xfaI[\x10\x07\x87\x03\x83#\x00\x0e\x1d\x8f\x10"\xb5\xba\xc7\x18\xef\xbd\xaeg\x8cE"\x91\x8a\x8a\x8ah4\xbaj\xd5\xaaP(\xb4j\xd5\xaa\x96\x96\x96\xda\xda\xda\x9a\x9a\x1a\xc1yK(t\x80\xc7\x9c\x19\x0c"\x8c\x0b\x0b\x0b\x0b\n\n233\x87\x0f\x1f\x1e\x0c\x06\x87\x0f\x1f\xee\xf7\xfbKKK\x03\x81\xc0\xde\xc2\xc09\xe7\x9c\xa7v\t\x8e\x1e8t8\x8e\x008t\x00\xed\xd7\xf8{[\xfcD"\xd1\xd0\xd0\xb0y\xf3\xe6\xd5\xabW\xd7\xd7\xd7/Y\xb2d\xe7\xce\x9d\xbbw\xefnnn\xfe\xfe\x1f\x89\xda\xfd)\xda\xfd\xf9K\xf1\x13~~VVV\xb7n\xddz\xf6\xec9z\xf4\xe8\xbc\xbc\xbca\xc3\x86\xf5\xeb\xd7/77\xd7\xe3\xf1\xb4\xff\xb6\x94\x1e8\xfb\x03\x87\x8e\xc2\x11\x00\x87\x03\x84\\\xe6\x0b!\xf6v\xe9\x84B\xa1\xf2\xf2\xf2]\xbbv-_\xbe|\xf1\xe2\xc5\x1b6lhll\x8c\xc7\xe3\xfb\xfa1\x08\x00\x01\x88=\xec\xafG\xc7n\rs\x0e%y\xee\x0c\x0f\xb1\xb9\x08z\xe8\x90\x1e&gt;\xce\x05 \x04\x00\x14\xc3\x88b\xbf\x86\xb1\xf8Aa@\x80,\xceWn\x8f\xda\xbcu\xd0\x18\xa3\xb5\xbbb\xa1\x84M1\n\'Xe}\x12cHZ&lt;a\xf2\x1f30\x89\xd7\xeb\xcd\xc9\xc9\x198p\xe0\x981cF\x8e\x1c\xd9\xa3G\x8f\xb2\xb2\xb2`0\xd8\xfe{\xa4\xcbH\x066\x1c1p808\x02\xe0\xb0\x1f\xf9&gt;\xa3\xcf\x18+//\xdf\xb8q\xe3\xf2\xe5\xcb\x17.\\\xb8j\xd5\xaa\x86\x86\x86\xbd\xfe\xf5\x9e&amp;\x95`\x94\xe1!y\x01\xad[P/\xcct\xf5\xceuyt2\xac\xa7\x8fqQ\x92\xe7\xcepS\xc6E\x8e_sk\x98\x0b\x811\xd2\tj?\xb9m\xf6\xa3\xe6:\x02\xa0\x04\xb5\xbf4\x99\xe0\\`\x84\x92\x16o\x8cZ\x04\xa3p\xd2\xae\xacO\x12\x8cV\xef\x8c%L\xb6\xad\xc1\xa8i1v\x87\xcc\xfa\x88\x15N0\xc6E\xbb\x7f\xbdoU\xc8\xcd\xcd\x1d&gt;|\xf8\xb8q\xe3F\x8e\x1c9`\xc0\x80\xb2\xb2\xb2=\xee\x8f#\x06\x0e\x07\x00G\x00\x1c~y\xa4\xd1\x07\x80\xf6F-\x1e\x8f\xaf]\xbbv\xc1\x82\x05\xabW\xaf\xfe\xe6\x9bo\xca\xcb\xcbm\xdbN\xfd-BH\x88\xef\xd8\xca\x80\x9b\x14f\xba\n3\xf5\xd2\x02OI\x9e{@\xa177\xa0\x15f\xea\x1e\r\x07\xbd\x14\x01h\x04q\x016\x17\x00`\xda\x82q\x81\x10XLp.\x10\x02!@\x886\x9f\x8d\xfc\x15?z\xfc\xe2\xbb\x17\x08\x81\xfc\x81\x18#\x8d !\x80`\xa4S\xb9\xb1@\x18\x81\xc5\x84\x00\x08\xc5\xed\x84\xc5kZ\xcc\x86\x88\xb5\xb1&amp;^Y\x9f\xac\xa8M\xd4\xb4\x985-F$\xc9\xda\x8dB\x86\x96\xbf\xfd%\x94\xd2\xb2\xb2\xb2C\x0e9d\xd8\xb0a\xe3\xc7\x8f\x1f2d\x88\xd7\xebM\xfd-cL\xde\x9f\x9f\x94\xf2\xe4\xe0\xf0cp\x04\xc0\xe1\x97!\xb5\xd8o\xef\xd3g\x8c-_\xbe|\xfe\xfc\xf9_}\xf5\xd5\xd2\xa5Kw\xec\xd8\x91\xfa~\x04 \x00\xb7\xb7\xf89~\xad\xac\x9bgh\x0f\xdf\x90\x1e\xbe\xde\xb9\xee\x92&lt;w\xb6O\x0b\xb8\t!\x08\x01\xd8\\\xd8LXLp!l&amp;\x00Z\xed\xbb4\xeb\xb8m\x99\xbc\xbf\x97\xcb\xa9\xc7\x85\x0b\x01r\xe8\xadN&amp;\xa0\x04a\x844\x82(A\x14#\x01\xc0\x98\x88$YS\xcc\xaa\xacOnkH\xae\xdd\x15[\xb3+V\xbe;\xd1\x18\xb5\xda\xdd\x06\x84\x80\xb7\x7f\x08{\xf5\xea5j\xd4\xa8\xc3\x0e;l\xc2\x84\t#G\x8eL\x89h*f\xe0l\x0b\x1c~)\x1c\x01p\xf8\x9fH\xd9}J\xbf-*\xdc\xb5k\xd7\xe2\xc5\x8b\xdf\x7f\xff\xfdo\x16-Z\xbfaC\xea\xf5\xb6e~\xab\xf7&lt;\xcbK\x07\x16y\x87\xf4\xf0\r\xe9\xe1\x1bP\xe8\xed\x9d\xeb\xce\rhn\r\x0b\x016\x17\xa6\xcdm&amp;\xe4\x02_\xb4\xad\x9c\x11|k\xf4UC\x0eT\xc8\x10w\xdb\x86\x83bD\t\xd2)\xa6\x18!\x04I\x8b7D\xacm\r\xc9\x8d5\xf1\xb5\xbbbkw\xc56T\xc7\x9b\xe3\xa9\x9d\x10\xdecs0h\xe0\xc0C\xc6\x8e=\xee\xb8\xe3\xc6\x8c\x19\xd3\xa3G\x8f\xd4\xeb\xb6m;J\xe0\xf0\xbf\xe3\x08\x80\xc3\xcfao\xbb/\x17\xfb_~\xf9\xe5\xc7\x1f\x7f\xbcd\xc9\xe2p8"_\xdf\xc3\xe8\xf7\xc8v\r\xef\xe5\x1f\xd77cH\x0f_i7OQ\xa6\xee\xa2X\x08\xb0\x187\xec\xd6\x05\xfe\xb7\x8bzUm\xfd\x8fG\xaaBj\xbb \xb7\x08.\x8a4\x82\x11\x02\xc3\xe6\xd5-f\xc5\xee\xc4\xda]\xb1\x85[\xc2\xabvDw5\x19m\xff\xf4;b\x90\x91\x11\x18=z\xccQG\x1d5i\xd2\xa4\xf6\xdb\x02G\t\x1c\xfe\x17\x1c\x01p\xf8\t\xec\xd3\xee\x7f\xf3\xcd7o\xbd\xf5\xd6\x87\x1f~\xb8~\xfd\xfao\xbf\x15a\x10\xad\xee\x9d\x1e\xd9\xae\x11\xbd\xfcc\xfbf\x8c*\t\xf4/\xf4\xe4\xfa5\x82\x91\xcdD\xd2\xe6\xa6\xddj\xf1\xa5\xb5\xef\nFL\x08\x10 \x84h\xd5\x03\x9d"7\xc5\x94 \xc6EC\xd4\xdaT\x93XZ\x19Y\xb4%\xbc\xf2[1\x90!\x88o\x93\x8e\x06\r\x1at\xcc1\xc7\x9c|\xf2\xc9\x87\x1cr\x88\xa3\x04\x0e\xff\x0b\x8e\x008\xfc(\xa4\x03\xfa\x87\xed~\xfb\xc5~\xc0M\x0e*\xf6O\x1e\x98yhi\xb0\xb4\xc0\x93\x1b\xd0\x08F\xa6\xcd\x93\x16\x97!S\x04\x80\x9d\xdcw\x00!\x80\xb7\xb9\x8c4\x82\xdc\x1a\xd6)f\\4D\xac\x8a\xda\xc4\xd7\x15\xa1/6\xb4\xac\xd8\x1em\x0b#\x7fg[\xf0}J\xb0\xcfb:\x07\x87\xbdq\x04\xc0\xe1\x87\x90K\xfe\xd4\xba\xf2\xbf\xda\xfd\xfe\x85\xde\x83{\x07\xa6\x0f\xc9\x1a\xde\xcb\xd7\'\xcfC\t\xb2\xda\x19}\x8c\xc0\xb1\xf9?\x80\x8c\x1fp\xf1\xad\x18h\x14\xdbLl\xadO\xac\xda\x11\x9b\xbd\xb6y\xd9\xb6\xc8\xa6\x1aY\x1e\xf1_\x94`\x8f\x0f\xce\xc1a\x9f8\x02\xe0\xb0od\xf6aj]\xb9~\xfd\xfa\x0f?\xfc\xf0\xb9\xe7\x9e[\xbdz\xb5|\x05#\xd4\x16\xa0\x85\xfe\x85\xdei\x83\xb3\x8e\x1e\x96}P\xb1?\xe8\xa1\x02D\xc2\xe4\x86\xcdEk\x0e\xa5c\x84~2\xad\xc1d\x01\x08\x81\x8bb\x8f\x8e\x11\xa0P\xc2^\xb1=\xfa\xd1\xea\xa69\xeb\x9a\xdb\x94\x00a\xd4\x1ac\x00\x80a\xc3\x86\x9dw\xdey\xc7\x1cs\xcc\xa0A\x83\xe4+{|\x8e\x0e\x0e\xedq\x04\xc0\xe1;\xec\xb1r\x0c\x87\xc3\xef\xbc\xf3\xces\xcf=7w\xee\\\x99\xb6\x8f\x11\xe2m\xeb\xfd\xd1}\x02\xc7\x0e\xcf\x19\xd7/cHw_\xb6\x9f\x1a\xb6\x88\x1b\xadeP\x8e{\xe7\x17D\xb4\x85\x91\tF^\x17qQ\xd4\x14\xb5\xd7V\xc5\x16n\x0e\x7f\xb0\xaaq\xc9V\x19o\xc7\x18\t\xf9m\x94\xd2)S\xa6\x9cw\xdey\'\x9exbFF\x068\x1b\x02\x87\xef\xc1\x11\x00\x87Vdt7\xb5T\\\xb0`\xc1\xd3O?\xfd\xd1G\x1f\xed\xda\xb5\x0b\x000\x02.p\xca\xcf#\xd7\xfb\x87\xf4\xcd\xf0\xea\xd8\xb4y\xc2\xe4\x16\x17\x18\x00c\xc7\xbe\xec_8\x17\x1c@\xc3\xc8\xa3c\x9d\xe2\xb8\xc9\xbf\xd9\x12\xfe\xee\x9e\x00c\xc4eeA\x8f\x1e=\x8e&gt;\xfa\xe8\x0b/\xbcp\xfc\xf8\xf1\xf2\x9f3\xc6\x9c\x9a2\x87\x14\x8e\x008|\xc7K\x90Z\xf2\xcf\x993G\xfe-\xc6X\xb6\xea,\xcat\x1d18\xf3\xec\xb1\xf9#z\xf93\xbd\xd4d"\x96dL\x08\x8c\xbe\xad\xc3r8`p!\xb8\x00\x82\x90\xcfMt\x82Z\xe2\xf6\xca\x1d\xd1\x97\x16\xd5}\xb6\xae\xa5\xba\xc5\x80v\x1f\x1c\x00L\x9b6\xad\xfd\x86\xc0\xf1\x0b9H\x1c\x01\xe8\xba\xec\xe1\x16\xd8\xb8q\xe3+\xaf\xbc\xf2\xef\x7f\xff[.\xf9\t\xc1\x8c\x01\x00wQ|\xf8\xa0\xcc\xe3F\xe4\x1c=,;?Cg\\\xc4\x0cf;\xeb}e\x90{\x02\x8a\x91\xcfE\x08Fua\xf3\xa3\xd5M\xef\xafl\xfc|}\x8bas\x00L\x080\xc6\x01\xa0G\x8f\x1e\x97\\r\xc9\x99g\x9e9`\xc0\x00p\xfcB\x0e\x8e\x00tM\xe4\x93\x9fZ\x00\xce\x993\xe7\xf9\xe7\x9f\x7f\xe5\x95W\x0c\xc3\x00\x00L\x08g\x0c\x00J\x0b&lt;\xa7\x8c\xca=\xe9\xe0\xbc\xc1\xdd\xbd\x18\xa1h\x92Y\x8c#\xc7\xee\xab\n\xe7B\x00h\x04\xfb\xdd\x84\x0b\xb1\xae*\xfe\xf6\xb2\xfa7\x976T\xd4&amp;\xa0\xdd\xc7\xear\xb9\xce&lt;\xf3\xccs\xcf=w\xda\xb4i\xf2\x1f2\xc6\x1c\x19\xe8\x9a8\x02\xd0\xb5ho\xfaM\xd3\xfc\xf8\xe3\x8f\x1fy\xe4\x11\xe9\xed\xc1\x088`\x10\x9c`4\xb1\x7f\xf0\xe2I\x85\x93\xfa\x07s\xfcZ\xc2\xe2q\x83\x01\x00v\x1c=\xe9\x80\x00\x90\x11\x00\xaf\x8bx4\xdc\x18\xb5\xbe\xdc\x14\xfa\xcf\x975\xf36\x85\x18\x17\x800n\xfd{\x986m\xdaUW]u\xd4QG\xe9\xba\x0e\x8e\x0ctI\x1c\x01\xe8*\xeca\xfa_x\xe1\x85\x07\x1ex`\xed\xda\xb5\x00@\t\xb6\x19\x00\xf0\xbc\x80v\xe6!\xf9\xa7\x8d\xce\x1d\xde\xcb\xaf\x11\x14I0\x8b\x0b\x8c\x90\xb3\xe2OG\xb8\x00.\x84\x86Q\xc0C,&amp;V\xed\x88\xbe\xbe\xa4\xe1\x95o\xea\xea#\x16\x00\xa6\x04l\xc6\x01`\xc8\x90!\xbf\xfb\xdd\xef\xce9\xe7\x1cG\x06\xba \x8e\x00t~~\xc8\xf4Sb\xdb\x0c\x00\x06\x14z\xcf\x1e\x97\x7f\xda\xa8\xbc\xbe\xf9\xee\xb8\xc9\xe3\xa6\xec\xeb\xe9\x98\x81\xb4Gn\x08\x10B^\x1d{u\xbc\xa5.\xf9\xfa\xd2\xfa\x97\x16\xd6m\xac\x89C\xbb\t\xe0\xc8@\xd7\xc4\x11\x80\xce\xcc\x0f\x98~\x8d\x12\xcbf\x000y@\xe6\x19\x87\xe4\x9dpPN\x8e_\x8b$X\xd2\xe2\x18;K\xfeN\x08\x17\xc0\xb9pk8\xe0!\x8dQ\xeb\xdd\x15\x8d\xaf~S\xff\xc5\xc6\x16h7\x19\x1c\x19\xe8j8\x02\xd0ia\x8c\xed\xd3\xf4\xa7\x82\x81\x93\x07d^5\xad\xfb\x11\x832u\x82\xc3\t\xdbb\x828\x0f{gG\x08`\\h\x04ex\xa8\xc9\xf8g\xeb[\x1e\x99S%e 51\xf6\x96\x01\'a\xb4\xb3\xe2\x08@\'$U\xec\xb3\x87\xe9\'\x840\xc64\x82O\x19\x95{\xfa\x98\xbc#\x06e\x12\x8c\xc2\t[\x1eq\xd5\xd1\xa3v8\xa0\xc8\x03\xd42&lt;\x94q\xf1\xd9\xfa\x96\xd7\x16\xd7\xbf\xb9\xb4\xc1b\\N\x12\xf8\xae\x0c\xecQ$\xe8\xd0ip\x04\xa0S\xd1\xfeA}\xf9\xe5\x97\xef\xba\xeb\xae\xf6\x0e\x1f\x8d\xa0\xd3\xc7\xe4\xfd\xe6\xf0\xa2\x91\xbd\x036\x13\x91$\x13B8\xa6\xbf+\xc3\xb8@\x08\x05\xdc\x84\x12\xb4|[\xe4\xf1\xcf\xab_[\\o1\xd1\xde)t\xf3\xcd7\x9fu\xd6Y\xe0T\x11wF\x1c\x01\xe8$\xb4w\xf7\x7f\xf6\xd9gw\xdf}\xb7L\xee\xd4(\xb5l\x1b\x00N&gt;8\xf7\x86cz\x8e\xe8\xe93l\x115\x18\x02g\xd5\xef\xd0\n\xe3B\x00\xf8]\xc4E\xd1\xca\x9d\xb1\xfb&gt;\xdc\xf9\xd6\xb2\x06h7y\xa6M\x9bv\xd3M7\x1dq\xc4\x11\xe0\x04\x06:\x17\x8e\x00t\x06R^\xda\xb5k\xd7&gt;\xf8\xe0\x83\xb3f\xcd\x82\xef\x86y\xaf\x9a\xd6}\xda\xe0,.D$\xc9\x9c\xb4N\x87}"\xd3F\x03n\x82\x11\x9a\xb3\xae9\x15\x1bHM\xa4\x8b.\xba\xe8\xb7\xbf\xfd\xed\x90!C\xc0\t\x0ct\x16\x1c\x01Hod\xb3\x17\x8cq(\x14\xba\xef\xbe\xfb\xee\xb9\xe7\x1e\xd34)\xc16\x13\x00\xe2\xe0\xde\x81\x9bO\xe85e`&amp;\xc1(\x1c\xb7\xc1i\xda\xe3\xf0\xdf\xe0B\x80\x80\x0c/e\\\xcc\xdd\xd0r\xd7\xbb;\x96m\x8b\x00 J\x90\xcd\xb8\xae\xeb7\xdex\xe3\r7\xdc\x10\x0c\x06Ss\xaf\xa3\x87\xec\xf0\xf3q\x04 ]i\xef\xf3y\xf9\xe5\x97o\xbd\xf5\xd6\xf2\xf2r\x82\x11\x13\x18\x04\x1bP\xe8\xbd\xe2\x88\xa2\xd3\xc7\xe4\xf9]$\x14\xb7\x85\xe3\xf0q\xf8)0.\x10@\xd0K\xa3\x06{mq\xfdc\x9fUo\xac\x89\x03"\x04q\xc6EYY\xd9\xed\xb7\xdf\x9e\n\x0c8\x1e\xa1\xf4\xc5\x11\x80\xb4\xa4\xbd\xcf\xe7\xc6\x1bo\xfc\xe8\xa3\x8f\x00@\xd3\xa8e\xd99~\xed\xb2)\x85WO\xed\x1e\xf4\xd2P\xdcf\xdc\t\xf3:\xfcL\xe4\xe4\x91\x13\xe9\x9f\x9fV=9\xb7\xa61j\xc9i\x06\x00G\x1f}\xf4=\xf7\xdc\xe3x\x84\xd2\x1aG\x00\xd2\x8c\xd4\xc2\xbf\xbd\xcf\'\xe5\xa5={\\\xfe\x9f\x8e\xeb\xd5\xaf\xc0\xd3\x1c\xb3m.\xa8c\xfa\x1d\xfeg\xe4D\xca\xf2\xd1\xcd\xb5\x89\xff{\x7f\xc7K\x0b\xeb\xa0-0\xd0\xde#\xe4l\x05\xd2\x11G\x00\xd2\t\xdb\xb6\xe5\xb1\xec\x1f}\xf4\xd1u\xd7]\xd7\xe6\xf3A \xf8\xc8\xde\x81\xbf\x9cX&lt;mHV\xdc`\t\x93\x13\xe2&lt;\x88\x0e\xbf\x18\x02\x801\xe1\xd1\xb1\xd7E\xe6\xacm\xbe\xe3\x9d\xed\xcb\xb7E\x00a\x82\x84\xf4\x08=\xf4\xd0CG\x1f}4\xb4\x9b\xa2\x0ei\x81#\x00\xe9Aj\xe1_]]}\xfd\xf5\xd7\xbf\xfc\xf2\xcb\xd0\xce\xe7s\xc3\xd1=/\x9a\xd8\xcd\xa3\xe3\x96\x98\xedT\xf3:\xec\'d\x15q\xa6\x8f&amp;L&gt;k\xde\xee\xfb&gt;\xda\xd9\xde#t\xd6Yg\xdd\x7f\xff\xfdEEE\xceV \x8dp\x04 \rH\xad\xaa^~\xf9\xe5\xeb\xaf\xbf\xbe\xba\xbaZ\xd7\x88i}\xeb\xf3\xe9\x9b\xefiq\xdc\xfd\x0e\x07\x049\xcd2\xbdtK\xdd\xb7\x1e!9!\x8b\x8a\x8a\xee\xbf\xff~\x19\x1cv\xb6\x02i\x81#\x00J\xb3\xcf\x85?\xa5\xd4\xb6\xed&gt;\xf9\x9e\xbf\x9fQr\xfc\x88\x9cH\x92%-\xee\xb8\xfb\x1d\x0e$\xb6\xec+\xe7&amp;\xef\xadl\xfc\xc3\xab\x95[\xeb\x12rZ\x82\xb3\x15H+\x1c\x01P\x97Tf\xc5\x1e\x0b\x7f\x82\xd1\xb5\xd3\xbb_5\xad{^@k\x8e:&gt;\x1f\x87\x8eAz\x84\xb2\xfc\xb4&gt;b=2\xa7\xea\xe1\xd9U\x8c\x8b\xbd\xb7\x02N\x82\x90\xca8\x02\xa0"B\x08\xc6\x18\xa5\xb4\xb1\xb1\xf1\xaa\xab\xaej\xbf\xf0\x1fY\x1c\xf8\xfb\x99%\x87\x95\x05C\xf1\xd6\xfe\x9d\x1d=X\x87.\x8d\xec-\x1a\xf4\xd2\xaf\xcaC\x7fx\xa5r\xf9\xf6H\xfb\xad\xc0#\x8f&lt;\x92\x93\x93c\xdb6!\xc4Y\xa7(\x88#\x00\xca!\xcf\xe9\x06\x80O&gt;\xf9\xe4\x9ak\xae)//\xd75jZ6\xc1\xe8wG\xf5\xb8\xfe\xe8\x9e\x1e\r\x85\xe2\xccY\xf8;(\x82\xdc\n\x04\xbd$a\x89\xfb?\xda\xf9\xc0\xc7\xbb\x18\x17r\xd2\x96\x95\x95\xfd\xe3\x1f\xff8\xf2\xc8#\xa1\xdd\xc4vP\x07G\x00\xd4B\x86\xcel\xdb\xfe\xfd\xef\x7f\xff\xd0C\x0f\x01\x80|\x90R\x0b\xff\xe6\x98\x13\xecuP\x119-\xb3|\xdfn\x05\xe4\xd4\x05\x80\xeb\xae\xbb\xee\xde{\xef\x95\x13\xdb\x89\x0c+\x85#\x00\xaa\x90r\xfbTTT\xfc\xeaW\xbf\x9a?\x7f\xbeN\x89is\x00\xf1\xeb)E\x7f=\xb5\xb7NQ8\xce\x9c\x04\x7f\x07e\x91\xe5\x02\x19^b\xda\xe2\xcfol\xfb\xd7\xdcj\x00\xa4Sl\xdal\xc2\x84\tO=\xf5Tii\xa9\xe3\x0eR\nG\x00\x94 \xb5;~\xf5\xd5W\xaf\xb8\xe2\x8a\xc6\xc6F\x97\xae\x19\xa6\x95\x9f\xa1\xff\xf3\xbc~\xc7\x8d\xc8q\x9a:8\xa4\x0b\xa9\x06\x12\xef\xafl\xbc\xfa\xb9\xcduaSN\xe6\x9c\x9c\x9c\xc7\x1e{\xec\x8c3\xce\x00\xc7\x1d\xa4\x0c\x8e\x00t&lt;{\xbb}(!6c\'\x1c\x94\xf3\xf73\xfa\xf4\xccq5Gmg\xe1\xef\x90F\xc8\xad@\x96\x9f\xeel4\xfe\xf0\xea\xd6wW4\xca)\r\x8e;H1\x1c\x01\xe8`\xe4c\xf0\xad\xdb\xa7-\xd1\xf3\xb6\x93\x8b\xaf\x9d\xde\xc3\xb0x\xc2\xe4\x948\xc6\xdf!\xfd\xb0\x99\xf0\xe8\xd8\xa5\xe1\x87g\xef\xba\xed\xad\xed\xa9$\xd1\xf6\xee G\x03:\x16G\x00:\x8cT\x91\xd7\x1en\x9f\x92&lt;\xf7\xa3\xe7\x97N\x19\x98\xd9\x18\xb5\x00\x9c\xc3[\x1c\xd2\x18.\x00@\xe4\xf8\xb5\xb9\x1bZ\xae|\xb6\xa2\xb2&gt;\xb9\x87;\xc8)\x16\xebX\x1c\x01\xe8\x18R\xd51\xb7\xdf~\xfbm\xb7\xdd\x06\xed\xdc&gt;\x0f\xcc\xe8\x9b\x9f\xa1\xb7\xc4lg\xe1\xef\xd09\xb0\x99\xc8\xf4\xd1\xba\xb0\xf9\xbb\x17\xb7\xb4w\x07\xddv\xdbm\xb7\xdez+8\xc5b\x1d\x87#\x00\x1d\x80\xdc\xf9677_~\xf9\xe5\xaf\xbe\xfa\xaaF\x89es\x82A\xba}\x92&amp;O\xdaNk\x07\x87N\x85\xcd\x85\x9bb\xb7\x9er\x07\x81F\xb1e\xb33\xce8\xe3\x89\'\x9e\xc8\xca\xcar\xdcA\x1d\x82#\x00\x07\x1a\xb9\xd8\xa9\xa8\xa88\xe7\x9cs\x96,Y\xe2v\xe9I\xc3\xcc\xcf\xd0f]2\xe0\x88A\x8e\xdb\xc7\xa1\xd3\x92r\x07}\xb6\xbe\xe5\xa2\x7fo\xac\x0b[r\xf2\x8f\x1e=\xfa\x85\x17^(--u\xf6\x01\x07\x1eG\x00\x0e(r\x993\x7f\xfe\xfc\x13N8\xa1\xa9\xa9I\xfaCG\x97\x04\x9e\xbel@\xcf,WK\xdcq\xfb8trl&amp;2\xbdtg\xb3q\xe1\x93\x1b\x97TF\xe4#\x90\x9d\x9d\xfd\xee\xbb\xefN\x980\xc1\xd9\x07\x1c`\x9cT\xdc\x03D\xaa\xcek\xe6\xcc\x99\x93\'Onjj\xd2)5L\xeb\xfc\t\xdd&gt;\xbcahA\x86\x16J8\xd6\xdf\xa1\xf3C\t\n%\xec\x82\x0c\xed\xc3\x1b\x86\x9e?\xa1\x9baZ:\xa5MMM\x93\'O\x9e9s&amp;\xa5\x941\xe6\xacJ\x0f\x18\xce\x0e\xe0@\x90*{\xf9\xedo\x7f\xfb\xd0C\x0f\x11\x8c\xb8@B\xf0{\xcf\xeas\xc5\x11\xddCq\x9b\x0b\x81\x9dD\x88_\x029\x9d\x05\x88\xb6/R\x7f\x01\x08\xc1\x8f\xb9\xc7B\x80\x10\x00m\xdf)\xff\x1f!@\x80\xe4\x17\x0e\xff;r\xc2\x07\xbd\xf4\xb1\xcf\xaa~\xff\xf2V\x840F\x82qq\xddu\xd7=\xf8\xe0\x83\xe0T\x8a\x1d(\x1c\x01\xd8\xef\xc8\xa9l\xdb\xf6\x15W\\1s\xe6L\xd9 %\xc3C\xff}q\xd91\xc3\xb2[b6BN\x16\xdcOFN[.\x84\xfc\x1a!@\x00\x08#\x8d !\xc0E[\xad\x07m\xcb0D\x00\\\x80\xc9\xfe\xfbl\xd7\t\xc2\xa8U9\x84\x00\x9b\x0b\x00\xe0\x1c\x0c\x9b#\x04\x16\x13\x82\x0b\xd1\xf6K\x01@*\xb7\xf3\t\xfeT\x84\x00!D\xa6\x8f~\xb8\xba\xe9\x92\xff\x94\x87\x13\xb6|4.\xbd\xf4\xd2\xc7\x1e{\x8cR\xeah\xc0\x01\xc0\x11\x80\xfd\x8b\x8ck577\x1f\x7f\xfc\xf1\xf3\xe7\xcfw\xbb\xb4\xa4a\xf5\xceu\xcf\xbc\xa8\xec\xb0\xb2`m\xd8\xd2\x1c\xb7\xcf\x8fC\x08\xe0\xa2ui\x8e\x10\xd2\x08"\x18\xe9\x14\x11\x84\x08\x06\x8b\t! i\xf3\xc6\x88\x851\xdaR\x97\x88\x19\x8c`\xb4fW,\x9c`\x00@\x104\xc7\xec\xf5\xd5\xf1\xff\xfa\x8b\x06\x15y\xb3|T*E\x86\x87\x0c\xed\xe1c\\\xf8\\\xa4o\xbe\x87s\x91\x13\xd0\xdc\x14#\x04\x1aA\x8c\x03\x13\xc2\xb4\x05\xe3\xc2bB\xb4\r\x0f;\x8a\xfe\xa3\xb1\x98(\xc8\xd0\xbe*\x0f]:\xab|[CR&gt; \x13&amp;Lx\xef\xbd\xf7\xb2\xb2\xb2\x9c\xb0\xf0\xfe\xc6\x11\x80\xfd\x88\x9c\xbe555\'\x9ex\xe2\x92%K\xe4\xe4\x1e\xd1\xcb\xff\xfa\xd5\x83\xf3\x02\xb4%\xce\x1c\xeb\xff\x03\xb4\xb7\xf8\xd2\xd6\xeb\x14K\xb3k\xda\xbc1j\xb5\xc4\xed]\xcdFe\xbdQ\x1b2\xb65\x18\xd5-F4\xc9\xb6\xd6%\x11\x82\x96\xb8\xfd\x8b\x8f\'\xd3K\x85\x80&gt;\xf9n\xbf\x9b\x14e\xbaz\xe7\xba\n\x82\xae\x92&lt;W\x8f,W\xa6\x97\xe6\xf85\x9db)E\xa6\xcd\xa5*8z\xf0c\xb0\x98\xc8\xf4\x92\xfa\x88}\xda?\xd7\xad\xdc\x11\x95\x8f\xc9\xe8\xd1\xa3\xdfy\xe7\x9d\xc2\xc2BG\x03\xf6+\x8e\x00\xec/d&gt;\xc3\x92%KN&lt;\xf1\xc4\x9a\x9a\x1a\xb7N\x93\xa6}\xd6!\xf9\xf7\x9e\xdd\xc7\xa3\xe1\xb8\xe9d\xfa\xef\x03.@\xae\xa3\tB.\r\xb9(\xa6\x04\xd9LD\x92\xac\xa6\xc5,\xdf\x1d_\xbb+\xbe\xa5.\xb1\xad!\xb9\xb9.\x11M\xb2\xa4\xc5;z\xc8\xe0\xd6\xb0\xdfM\xfa\xe5{z\xe7\xba\xfb\xe6{\x86\xf4\xf0\x96u\xf3\x16f\xea\x017\x91\x837lnX\x82\t!\xf7.\xce\xc7\xbe76\x17^\x1d\',\xfe\xfb\x97\xb6\xbe\xfcM\x9d|X\n\x0b\x0b\xdfy\xe7\x9d\xd1\xa3G;\xa9A\xfb\x0fG\x00\xf6\x0b)\xeb\x7f\xe4\x91G677K\xe7\xe69\xe3\x0b\x9e\xb8\xa04nr\xd3\xe6N_\xcf\x14\xa9\x95&gt;\xc5\xc8\xada\x17\xc5\x08A\xdcd\xdb\x1b\x8c\xf2\xda\xf8\xea\x1d\xb15\xbbb\xe5\xbb\x13;\x9b\x92\t\xf3\xc7\x9a{\x8f\x8bzt\xca\xb9\xe8\x96\xed-\xcc\xf1s\xc6\x01 \xe8s\r\xef\x93\xc79\xff^\x87\xbd\x10\x18\xe3U[\xebC1\x03\x000\xc15\x8d\xd1\xddMq\x8cQ\xc2\xb4\x13\xc6\x8f\xddUxt\xdc3\xdb]\xd6\xcd3\xb4\x87oX/_Y\x81\xb78\xd7\xe5\xd5\x89\x10`\xd8&lt;iq\x9b\x0bgg\xb0\x07\x8c\x0b\x9db\xaf\x8e/\x7f\xa6\xe2\x85\x05\xb5\xf2\x91\xc9\xca\xca\xfa\xe4\x93O\x1c\r\xd8\x7f8\x02\xf0\xcb\x93J\xf6?\xfe\xf8\xe3\x9b\x9b\x9b5J,\x9b\xddqJ\xefk\xa6w\x8f\x1b\x9c\x0bp\x8c?\x00p!d\x1c\xd5E\xb1G\xc7\x04\xa3\xe6\x98]Y\x9f\\\xb6-\xb2\xae*\xbedkxCM\xfc\xbfZ\xfc\x0c\xaf\x1e\xf4\xb9\xfa\x15\x053&lt;\xfa\xb0&gt;y\x01\x8f6\xa2o\x9e\xcdx\xbf\xa2\xcc\x0c\x9f\xce\x99\xc8\xf0\xea&gt;\x9f\xab5d\x8c\x10h\x18~x\xbe#\x00\x8b\xa7\xbe?\x163\xc2q\x13\x13\x14\x8e\x99\x9b\xab[(\xc1+\xb7\xd4G\x12\xd6\xea\xad\xf5\xe1\x84\xb9\xb9:\x14\x8a\x19\xe1\xb8\xf9\xc3\x83\xf4\xe8x`\xa1wt\x9f\x8c\xc1\xdd\xbd\x07\xf7\x0e\x94\xe4\xb9\xb3|\x94q\x910\xb9asy\x13\x9c\x1c0\x00\x90\x8f\x86\xd7\x85\xff1\xbb\xea/on\x93\x0fNVV\xd6{\xef\xbd\xe7\x94\x08\xec\'\x1c\x01\xf8\x85\x91\xd3t\xe6\xcc\x99W\\q\x85m\xdbr\x12\xdfwv\xdfk\xa6u\xaf\x0b\x9b\x08\xba\xfa\xa2\x8fs\xc1\x014\x8c&lt;:\xd6(\xb6\x99\xa8\xacO\xac\xd8\x1e\xfdfkd\xee\x86\x96-\xb5\t\x99u\xb3O\x82&gt;\xbd_Qf\xaf\xfc\xc0\x90\xe2\xdcA\xbd\xb2\xf33=\xa5\xdd3\xfdn-+\xe8\x01@\xa0a\xe0\x02\x98\x00\x04\xdcb\x8c\x0b\x00`\x9c\xdbL\xc8[.\x00~\xcclO\xad\xcb\x05\x00%\x88`\x0c\x00\x04#\xac\x11\x10\x00\x04\x01F`q\x00\xd1\x1cJD\x93VEUK]Kb\xfd\x8e\xa6\xb5\xdb\x1bv\xd4E6W\xb7\x84b\xdf+\t\x14\xa3\xbe\x05\x9e)\x033\x0f\xe9\x138\xa8\xd8_\x92\xe7\xa1\x04Y6O\x98\xdc\xe2\x02\x03\xe0\xae\xbd:\x10\x02\x04\x88\xfc\x0c\xfd\x1fs\xaanxi\x8b||(\xa5\x8f=\xf6\xd8\xa5\x97^\xeah\xc0/\x8e#\x00\xbf$)\xeb\x7f\xd9e\x97\xa5\x92\xfd\xef;\xbb\xefUS\x8bjC\x16\xed\xc2=\xfd\xa5\xdd\xa7\x18y]\xc4EQS\xd4^W\x15\x9b_\x11\x9a\xbb\xa1e\xc5\xf6h$\xc9\xe4\xb7!\xf4\x9d\t\xe9ui\x83\x8b\xb3\x07\x15\xe7\x0c-\xc9\x1d^\x92;\xa0GV\xb7l/\xd5)\x10\x0c\x8c\x83\x10\xb6\xc9\x98\x10\x96\xcd\xa1\xcd\xb8\xa3\xb6\xa4L\x99\xb6\xdf\xf6\x7f?\x13\xd1\xfa\xbfv\x85\x05\xed~\x8bF1A\x88\xea\x04\x10\x92C\xb2M{wS|\xe3\xae\xe6U\x95\rk*\x1b\xd6oo\\\xb7\xbd)nX\xa9\x1f\xd8\xfe\r\x06\xdc\xe4\xa0b\xff\x94\x81\x99\x13J\x83\x83\xbb\xfb\xb2\xfd\xd4\xb0E\xdc`v\xd7V\x02\x01`3Q\x10\xd4\x1e\xf9\xb4\xfa\x86\x97\xb6\xa4J\x04\x9e|\xf2IG\x03~q\x1c\x01\xf8\xc5ho\xfd5J-\x9b\x05=d\xe6\xc5e\xc7\x0c\xcbn\x8e\xd9]\xd3\xe9\xcf\x05p!\xa4\xdd\xd7\tj\x89\xdb+\xb6G?Z\xdd4g]\xf3\xa6\x9aTF&amp;j_\xb0\x95\x1dp\x0f+\xc9=tp\xd1\xd8\x81\xdd\xfaw\xcf*)\x0c\x12\x9d\x02F`3\xdbd\xa6\xcd\xb9\x10B\x08i\x82\xb1\xb4\xf6\x1dtke\x11\x02o\x13\x06\x84\x10FH\xa7\x98\xea\x04(\x01.\x98iW\xd6\x846U5/\xda\xb0\xfb\xebu\xd5\xab+\x1b\x9a"\xc9v?\xe0\xdb7\xde\xbf\xd0;mp\xd6\xd1\xc3\xb2\x0f*\xf6gz\xa9\xc9\xda\x94\xa0\xab\x06\x8d\x19\x17Y&gt;\xfa\xe1\xea\xa6K\xffS\x1eJ0\x8d\x12\xcb\xb6\x1d\r\xf8\xc5q\x04\xe0\x97a\x9f\xd6\xff\xb5\xab\x07M\xec\x1f\xac\x0bY]\xad\xc7\x83\x10\xc0\x84\xc0\x08yu\xec\xd2ph_v\x1f!HM\xbd\x80G\x1fU\x96?aP\xd1\x84\xc1E\xc3Jr\x8br\xfc\xa0\x13`\x9cY\xcc\x90&amp;\xbf-\x7fF}\x0f\x9a\x10B\xe62!\x00\x8c\x91K\xa7D#@0\x98\xac\xba1\xba\xba\xb2a\xfe\xba\xea\xf9\xeb\xab\x97\x96\xd7E\x12\xad\x9e\xa2\xf6\xb7\xa2\xbd\x12\x04\xbd\xd4\xb0x\xdc\xe4\\\x08\xd2\xf5"\xc66\x13\xf9Am\xde\xa6\xd0\xe9\xff\\\xefh\xc0~\xc2\x11\x80_\x80\xbd\xad\x7f\x86\x87\xbc~\xf5\xa0\t\xfd\x82\r\xd1\xaeU\xea%\x97\xfcn\x8a\xfdn\x92\xb4\xf8\xc6\x9a\xf8\xdb\xcb\x1b\xdeY\xde\x98\xb2\xfb\x18!\xde6\xe5z\xe5\x07\xa6\x0c\xefy\xcc\x98\x92Q\xa5\xf9}\n\x83\xa0\x11\xb0\xb9e\xda\xa6\xc5\xb8\x10\xb2@:\xdd\xa3\xa32\xd6-\x84\xc0\x08\xe9\x1a\xd1t\n\x14\x83\xc5\xb6\xd6\x84\x96V\xd4}\xb8\xb8r\xee\xaa\x9d;\xea"\xf2\x9b\xdb\xdf\x9c\xfe\x85\xde\x13G\xe6\x9c42w@\xa1\xd7\xad\xe1h\x92%m\xde\xd56\x04\x16\x13\xb9~m\xfe\xe6\xd0i\xff\\\x1fv4`?\xe0\x08\xc0\xff\x8ac\xfd%\x8c\x0b\x84\x90W\xc7n\rW6$?_\xdf\xf2\xe6\xd2\xfa\xaf6\x85dP\xb7\xbdi\x1b\xd8+\xfb\xa8\xd1\xbdO\x1a\xd7gX\xef\xdc\xccL/\x80`\x86\x9d4[\x8d~\'N\x8elMx\x15\x02#\xe4\xd6\tqQ\x00\xd4\xd2\x12_\xbd\xad\xe1\xed\x85[?^\xb2m\xc3\x8e&amp;\xf9\x9d\xa9\xdbE1:\xac\x7f\xf0\x94Qy\x87\x0f\xca,\xc9u\'-\x1e7\xb9\x10\xa2\xebx\x14\x1d\r\xd8\xaf8\x02\xf0?\xe1X\x7f\xe9\xed\xd10\xca\xf0P\x93\xf1\xd5;c\xff\xf9r\xf7G\xab\x1b\xeb#\x16\xec\xd3\xee\x8f\xed3\xaa\xac\xc0\xebw\x83\xcd\x0c\xc3\xb6\x18\x93\xe7\x1ftZ\xab\xff=HO\x11\x80\xd0\x08q\xb9(P\x12\x8f&amp;\x97\x96\xd7\xbe\xbdh\xdfJ\x90\x17\xd0\x8e\x1e\x96s\xf1\xa4n\xc3z\xfat\x82\xc3\t\xdb\xe2]\xc5/\xe4h\xc0\xfe\xc3\x11\x80\x9f\x8f\x9c|\xff\xfe\xf7\xbf/\xbd\xf4\xd2.h\xfd\xb9\x00\xce\x85[\xc7~\x17i\x8aY\xef\xaehzmq\xdd\xbcM!\xd6\xba\xe4\x97\x07\x80@\xf7\\\xff\x99\x13\xcbN\x1c\xdfgTi\xab\xddO$-\x9b\xf1\xce\xbd\xd8\xff\xf1\xa4\xb6\x05\x94`\x8f[kU\x82\x8a\xdaw\x16l}e^yUC\x14\xda\xddL\x82\xd1\xc4\xfe\xc1\xd3\xc7\xe4\x9fpPv\xb6O\x8b\x1a,ir\x8c;\xbf_h\x9f\x1a0s\xe6\xccK.\xb9\xc4\xd1\x80\xff\x05G\x00~&amp;r\xda-Z\xb4h\xfc\xf8\xf1\x04c\x9bq\x19\xf5\xed\n\xd6_\x069}.\xe2\xd1\xf1\xb6\x86\xe4\xd3_\xed~siCEm\x02\x00\x08FR\x00t\x8d\x1cyp\xf1\x85\xd3\x06M\x1c\xda=7\xd7\x0f\xd6\xb7v\xbf\xeb\xb8/~*\x8c\xb7S\x02\x8d44D\xe7\xad\xa9zz\xce\xfaO\x96m7-\x06\xednoi\x81\xe7\x94Q\xb9\x17\x1e\xd6\xadw\xae;a\xf2\x98\xc1:}\x93\x89\x94\x06\xc8\x980%\x98q\xbe`\xc1\x82\xb1c\xc7:\x1a\xf0\xb3q\x04\xe0\xe7 \x1bT-Y\xb2\xe4\xa8\xa3\x8e\n\x85Z\x10@\xc0\x85_\xb9j\xd0\x84\xd2`C\xa43[\x7f\x19\xe3\xf5\xbb\x88K\xc3K+#\xaf-\xae\x7f\xe5\x9b:\xe9\xed\x91}o\x00\xa0\x7f\xcf\xac3&amp;\x96\x9d9\xa9lpI.\x00\x98I\xcb\xb0\x98c\xf7\x7f\x12R\t\\\x1a\xd1\xdd\x1a\x00\xac\xablx\xe5\xcb\xf2W\xe7\x95o\xda\xd9\x0c\xednu^@;\xf3\x90\xfc\xd3\xc7\xe4\x8d*\t\x18\x16\x8f\x1a\xacsG\x89-&amp;r\x03\xda\xfc\x8a\xd0\x99\x8f\xac\x8f\x18\\\x00\x04\x83\x99\x1f\x7f\xfc\xf1\xe8\xd1\xa3\x9d\x9eq?\x0fG\x00~2)\xeb/\xfb\xfc\xc8b\xc5W\xaf\x1ct\xc2\xc8\x9c\xda\x16K\xa3\x9d\xf3\xf9\xfb\xd6\xf4S\xbc|{\xe4\xf1\xcf\xab_[\\o\xb1\xefx{\xa6\x1e\xd4\xeb\xdc#\x06\x9c&lt;\xa1_F\x86[\x98v,i\x83\xd3\xf1\xe6\x7f@z\x87\x00\xc0\xe7\xa6H\xa7\xe1p\xf2\xad\xf9\x9b\x9f\xffl\xe3\xa7+v@\xbb\xdb\xae\x11t\xfa\x98\xbc\xdf\x1c^4\xb28`\xd8\x9d\\\x06,[\x14dj\xef.o&lt;\xe3\xd1\xf5\xa9^\x11\xb2_\x90\xa3\x01?\x03G\x00~\x1a\xf2\x90\x8a\xfa\xfa\xfa\xc1\x83\x07\xd7\xd7\xd7k\x94Z\xb6}\xdf\xd9}/\x9fR\xd8\x14\xed\x9cg:J3\xe4\xdb\xcb\xf4\x7f\xeb\xed\xa1\xe4\xec)\xfd/&gt;j\xf0\x84AEX\'\xc9\x98a\xd9\xd21\xdd\t\xefF\x87\xc0\x85\xe0\\h\x14\xbb}.n\xb2\xf9\xeb\xab\xff\xf3\xf1\xba\x97\xe6n2\xedo\xfdB{\xc8@\xcc`\x9dUzm&amp;\xb2\xfd\xf4\x89\xb957\xbc\xb4E&gt;\x80yyy\xeb\xd6\xad\xcb\xcb\xcbs\xce\x90\xf9\xa98\x02\xf0\x13\xe0\x9c\x03@KK\xcb\xd1G\x1f\xbdx\xf1b\x97N\r\xd3\xbe\xef\xac\xbeWM\xeb^\x1f6;\x9f\x8bC\x08`\\\xb8u\xec\xd5\xf1\x8a\xed\xd1\xbdM\x7f~\xa6\xf7\xf2c\x87\x9e1\xa9lp\x9f&lt;`&lt;\x9609\x17\xa4\xf3\xdd\x085\x10\x00\x8cq\x8c\x91\xcf\xa3\x03\xc1\xeb\xb6\xd6\xbf\xfae\xf9\x13\x1f\xac\xa9k\x89\xc3^2pP\xb1?n\xf2\xa4\xc9\t\xee\x842\xc0\xb8\xc8\xcb\xd0\x1f\x99Su\xc3\xcb[\xe4c8f\xcc\x98\x8f&gt;\xfa(33\x13\x00\x1c\r\xf8\xf18\x02\xf0c\x11m\x1d\x08&amp;L\x98\xb0p\xe1B\xb7\xae%M\xeb\xb6\x93{\xdf||\xaf\xea\x16\xb3\xf3\xf9\xfdm&amp;t\x8a2&lt;tg\x93q\xdfG;\x9f\xfej\xf7\xde\xa6\xff\xb2c\x87v\xef\x16\x14\x86\x15KZ\x00\x8e\x97\xff\x00\xc1\xb8\x00\x10&gt;\xb7\x86\\Z\xd5\xee\xd0\x93\x1f\xac\xd9[\x06.&lt;\xac\xdb\rG\xf7\xec\x99\xed\n\'l\xd3\x16\x9dooj1Q\x94\xa9\xdf\xf5\xde\x8e\xdb\xde\xda&amp;\x1f\xc6q\xe3\xc6\xcd\x9f?_\xb4\x96\x10v\xb6\xf7\xbb\x9fp\x04\xe0G!\x84`\x8cQJ/\xbb\xec\xb2\x993g\xba]z\xd20g\x8c+x\xfc\x82\xd2H\xd2\xeed\xd3M\x96t\xe5\xf8iu\x8b\xf9\xaf\xb9\xd5\xb3\xe6\xedn\x88X\xfb4\xfdV\xdcL\x9a\xb6\xe3\xed\xe9\x10\xa4_\xc8\xadS\xcd\xab\xefS\x06r\x03\xdaE\x13\xbb\xfdzJQQ\xa6\xde\x18\xb5;Y\xf9\x98\xec\xed\x1ap\xd3\xdf&lt;S\xf1\xe2\xc2Z\xf9H^z\xe9\xa5O&gt;\xf9\xa4m\xdb\x84\x90\xce\xf5P\xee/\x1c\x01\xf8Q\xc8&lt;\xb3\xdf\xfe\xf6\xb7\x0f=\xf4\x90\x9cj\xa7\x8f\xce\x9bui\xffH\x82\xa5\x0e\x07\xef\x04H\x9fO\x86\x872.^\\T\xfb\xd0\'U[\xea\x12\x00\x08c\xc19\xe4gz.?vX{\xd3O:\xab\x9b9}\x10B\xb0=e`u]K\x02c\xe0\x1c\x01\x88\xbe\xf9\x9e\xeb\x8e\xec&gt;cl\x01\xc1(\x9c\xb0;\x93GH&gt;z\x01\x0f\xb9h\xe6\xa6\xd7\x96\xd4\xcb\x07\xf3\xba\xeb\xae{\xf0\xc1\x07\x9d\xc4\xd0\x1f\x89#\x00\xff\x9d\xf6\xe5\xbe.]3LkxO\xff\x07\xd7\x0f\xd1\x08\xb6\x18\xef4\x8b_\x9b\xb7\xf6\xf0\xf9\xaa&lt;t\xe7\xbb\xdb\xbf\xda\x14\x02\x00\x8d \x8b\t\x8d\xe2\x1bN;\xf8\xaa\x13F\x14u\xcbpL\xbf\x82\xb4\x97\x81\xea\xdd\xe1G\xde]y\xdf\xeb\xcb,\x9b\xcb\x8f\x0f\x00\x0e\xeb\x1f\xbc\xe5\x84\xe2\xc3\xca\x82\xb2\xa7P\xa79\x8e\x94\x0b!\x1f\xc3c\xef_\xbbjgT&gt;\x9eN\x91\xf0\x8f\xc7\x11\x80\xff\x82\xcc-kW\xf0\xc5zf\xbb\xbe\xf8\xd3\x88\x0c\x0f\x91\x11\xb6\x8e\x1e\xe0/\x00\x17\x00Bd\xfahU\xb3y\xdfG;g\xcd\xdb\xcd\xb8pi\xd8\xb08\x00\\0m\xd0u\xa7\x1c4\xa2\xac\xc0JX\x8e\xe9W\x99oe\xc0\xa3\xad,\xaf}\xe8\xcd\x15\xcf\xccY\x0f\x00\xf2\xa3$\x18]4\xb1\xdb\rG\xf7\xec\x9e\xa5\xb7\xc4l\xe8,\xa9\xa22O!\x9c`\x93\xffo\xe5\xce&amp;\x83\x12\x92*\x10s\x12C\xff+\x8e\x00\xfc\x102\xab\xac\xb2\xb2r\xd4\xa8Q\xa9\x82\xafW\xaf\x1a4\xa6OF(aw\x8ee\x94\xcd\x84\xcfM4\x8c^\xfe\xa6\xee/on\xdb\x1d2\tA\x8c\t\x00\x982\xbc\xc7\x1f\xcf\x1c=\xed\x90&gt;\xc2\xb4\xa3\t\xd31\xfdi\x81\x94\x01\xbfGG:\x9d\xf3\xcd\xd6\xbf\xbd\xb2d\xee\xaa]\x00 ?\xd6nA\xfd\x8eSz\x9fuH\xbe\xc5E,\xc9:Gp\xd8\xe6"\xe8\xa1\x8b\xb7\x86\xcfhW \xb6t\xe9\xd2\x92\x92\x12\'1\xf4\x87q\x04\xe0{\x91w\xa6\xa5\xa5e\xfa\xf4\xe9K\x97.\x95\xa7T\xb7\x16|\x85:C\xb9\xafl\xb3\x9f\xe3\xa7\xabv\xc6n~\xad\xf2\xb3\xf5\xcd\xd0\x16?,\xcc\xf6\xddq\xfe\xb8\x0b\x8f\x1cD)\x89D\x92\x18\xa1.{@U\x9a\xc2\xb9\xe0B\x04\x02n\xdbfO\x7f\xb2\xfe/\xcf.\xaci\x8a\xa5"\xf9G\x0c\xca\xba\xeb\xf4\x92\xe1=}\x8dQ\x1b@t\x027\xa6\xc5DA\xb0\xb5@L&gt;\xaa\xa3F\x8d\x9a={\xb6L\x0cu\x16.\xdf\x87#\x00\xdf\x8b\xf4!\x9e~\xfa\xe9\xaf\xbf\xfe\xba\xf4-\xfe\xfd\x8c&gt;WO\xed\xde9Z\xfd\xd8L\xf8\xdd\x04!xbn\xcd\xff\xbd\xbb=\x92d:\xc5\xa6\xcd)F\xbf&gt;n\xd8\xcdg\x8f)\xcc\x0f\xc4#I.\xa0s\xb8\xb9\xba&amp;\x8c\x0b\x8c\xc0\x1bp\xd7\xd4E\xeezi\xf1\xbf\xde_ms!?\xe8\x80\x9b\xfc\xe9\x84\xe2\xcb\xa7\x14\n\x01\xd1N\xb1\x15\x90\xcd\x82\xfe\xf9i\xd5\x1f^\xdd*\x1f\xd8\xd3N;\xed\xb5\xd7^s\x82\x01?\x80#\x00\xfbFN\x9a\xdbo\xbf\xfd\xb6\xdbn\x93\xd9\x05\xe7\x8c/\x98\xf9\xab\xb2\xa6\xa8\x95\xeeka\xd9? \xc7OW\xef\x8c\xdd\xf4\xea\xd6/6\xb4 \x84\xe4\x86gt\xff\x82\x87~3y\xfc\xd0\xee\xd2\xddO\x89\xb3w\xee\x0c\xd8\x8c\xcb\xc0\xc0\x825U\xd7=\xfe\xc5\x92M\xb5\xf2\xe0d!\xc4\xe4\x81\x99w\x9f\xd1gX\xebV\x00\xd2|j\x03\xe7"\xdb\xaf]\xfaT\xf9\x0b\x0bZ\x13Co\xbb\xed\xb6[o\xbd\xd5\xd1\x80\xef\xc3\x11\x80} cGo\xbc\xf1\xc6i\xa7\x9d&amp;\x97\x12#{\x07f\xff~\xa8i\x8btO\xfa\xb4\x99\xf0\xba0%\xe8\xf1\xcf[\x17\xfe2B\x98\xe1\xd5\xef8\x7f\xdce\xc7\x0e\xf5\xe84\x123\x1cw\x7f\'C\x06\x06\x02&gt;W\xc2\xb4\x9f\xfc`\xcd_\x9e]\x18\x8e\x9b\xf2\xa3\x97[\x81\xdf\x1c^h3\x117xZo\x05\xe4\xe3\xa9S4\xfd\xde5\xcb\xb7E\xe4\xc3\xfb\xfa\xeb\xaf\x9fz\xea\xa9N@x\x9f8\x02\xb0\'\x9cs\x84\x90\x0c\xfc\x86C!\x01"\xdbK\xe7\xdd&lt;"/\xa0\x19\x16O\xeb\xe5\xbf\xcdD\x96\x9f\xeel4\xfe\xf0\xea\xd6wW4\xa6\x16\xfe\xd3F\xf6z\xf87\x93\x07\xf6\xcdKD\x92\x8cw\xaar!\x87\xf6\xc8\x0f\xd7\x13po\xd8R\x7f\xed\xe3_\xccY\xbe#\xb5\x158\xe1\xa0\x9c\xbf\x9f\xd1\xa7g\x8e\xab9\xcd[Zq.\\\x1a\xae\x8fX\x13\xefZ\xd9\x14\xb7\x11\xa0\x8c`P\x06\x84\x85\x10N@x\x0f\x1c\x01\xf8\x0eB\x08\xd9\xf0\xe7\xd0C\x0f]\xb4h\x91F\tg\xfc\x9d\xdf\x0e\x9eX\x96\xd9\x92\xcei?\\\x00\x02\xc8\xf6\xd3wW4^\xfd\xdc\xe6\xba\xb0\xe9\xd6H\xd2b~\x8fv\xe7\x85\xe3\xaf:q\x04\x16\x10M\x98\x8e\xcf\xa7+`3\xee\xf7\xe8\x1c\xc1#\xef\xac\xbc\xe5\xe9\x05\xd1\x84%\'C~\x86\xfe\xcf\xf3\xfa\x9dpPNS\xd4\x16\xe9\xec\x0e\xb2\xb9\xc8\xf4\xd0y\xe5-\'&gt;\xb8\x0e\x13l\xd9l\xec\xd8\xb1_\x7f\xfd5\x00`\xdc\x89\n\xe1~\t\x9c\x07\xfe;\xc8}\xe2\r7\xdc\xb0h\xd1"\x97\xaeY6\xfb\xf3I\xc5S\x07g\xb5\xc4\xd3\xd8\xfa\xdbL\xb85\xe4q\xe1?\xbf\xb1\xed\xccG\xd7\xd7\x85M\x8d\xe2\xa4\xc5F\x97\x15|~\xcfi\xd7\x9e1:\x99\xb0\xe2I\xcb\xb1\xfe]\x04Jp&lt;i%\x13\xd6\xb5g\x8c\xfe\xfc\x9e\xd3F\x97\x15$-\xa6Q\\\x176\xcf|t\xfd\x9f\xdf\xd8\xe6qa\xb7\xd6z\xe4@:B1j\x89\xdbS\x07g\xfd\xf9\xa4b\xcbf.][\xb4h\xd1\r7\xdc@\x08a\x8cu\xf4\xe8\xd4\xc2\xd9\x01|\xcb\xde\xae\xffc\x86\xe7\xbcr\xc5\xc0P\xc2N\xdf&lt;9\xd9;w[\x83q\xd5\xb3\x15_ll\xd1(\xb6l\x0e\x00\xb7\xcc\x18s\xf3\xd9c\xdc\x1a\x8d\xc4\x0cJ\x1d\xd3\xdf\x15\xb1m\x1e\xf0\xb9\x92\x96}\xd7K\x8b\xef|q1\x00\xc8\xe91y@\xe6#\xe7\x97\xf6\xceu\xa5u\x87s.D\xd0C\xcf|l\xc3\x87\xab\x1a\x9d`\xc0\xf7\xe1\x08@+\xed]\xff\x91p\x88\x0b\xd1#\xcb5\xf7\x8f\xc3\x03nb\xda"\x1dW\xff2\xdb\'\xdbG\xdf[\xf9\x1d\xb7O\xb7,\xef\xbf\x7f7\xed\xd8\t\xfd\x1c\x8f\xbfC**\xf0\xc1\xfc\xcd\x97&lt;0gws\xbc\xbd;\xe8\xf8\x119M\xb1t\xcd\x0e\xe2\x02t\x8a"I6\xe5o\xabv5\x1b\x18\xa1@\x86\x13\x0c\xd8\x13G\x00\x00\xbe\xc7\xf5\xff\xeeo\x87\x1c\xd6?\x98\xa6\xce\x1f\xc6\x85N\xb1[C\x0f\xcf\xae\xfa\xcb\x9b\xdb\x00@\xa3\xc8\xb2\xc5\xd4\x83z\xcd\xba~Z\xcfn\xc1H8Ap\xfanl\x1c~1\x84\x00\xc6y \xc3\xb3sw\xe8\xa2\xfb\xe7|\xbab\x87\x9c*\x00p\xc7)\xbd\xaf\x9d\xde=i\t\xd3N\xcb\xae\'6\x17\x99^\xfa\xd5\xa6\xd0\t\x0f\xaeu\x82\x01\xfb\xc4\x91A\x80\xefq\xfd\x1f&gt;(\xb3%\x96\x96\xd6\xdf\xe6\xc2\xeb"&amp;\xe3\xbf~\xba\xe2/on\xd3\x08\x06\x00\xcb\x16\xb7\xcc\x183\xfbo\'\x17e\xf9"\xe1\x04%\x8e\xf5w\x00\x00@\x08(\xc1\x91p\xa2(\xcb7\xfbo\'\xdf2c\x8c\xb4\xfe\x1a\xc1\x7fys\xdb\xaf\x9f\xae0\x19\xf7\xba\x88\xcd\xd3o\xa5H1j\x89\xd9\x87\x0f\xcat\x82\x01\xdf\x87\xb3\x03h\xb5\xfe\x9f}\xf6\xd9\xd4\xa9S\xa5\xaf\xf0\xd8\xe19/]10\x9c\x9e\xae\x7f\x9b\x89\x0c/\xa9n6g&lt;\xbea\xe5\x8e\xa8\xdc\xd1g\xf9]\xcf\xdft\xd41\x13\xfa\xc5\xc3I!DZ\'\xb3:\xec\'8\x17\x08!o\x86\xfb\xc3\xf9\x9b\xcf\xbd\xfb\xe3\xe6\xa8!\'\xcf\x88^\xfe\x17\x7f3\xb0(K\x0f\xc7\xd3\xb2`\x98\x0b\x91\xe1\xa1g?\xb6\xe1\x83\xb6`\xc0\xa7\x9f~z\xc4\x11G8\xc1\x00p\x04@\x9e\xf3\xd5\xd2\xd22f\xcc\x98\xca\xcaJ\x00\xc8\xf1\x91y7\x8f\xc8\xf5kF\x1a\xba\xfem&amp;\xf2\x83\xda\x97\x1bC\xe7=\xb1\xa1.\xd2\x9a\xdewpi\xfe\xf3\x7f8z@qN$\x94p\xe2\xbd\x0e?\x8cm\xf3@\xd0\xb3q{\xe3\xb9\x7f\xffhYE]kH \xa0=w\xf9\xc0I\x03\x82u!+\xed4\x80\x0bpQ\xd4\x10\xb5&amp;\xde\xb5\xb21\xc6\x00\xa0\xa4\xa4d\xf1\xe2\xc5\x99\x99\x99\xce\xd9a]\xdd\x1c0\xc60\xc6\xbf\xf9\xcdo\xb6l\xd9\xa2\x11\xcc9\xff\xe7\xf9\xa5=\xb2]\t\x93\xa7\x97\xf5\x97g\xb9\xe4ehO\xce\xad9\xe5\x1f\xeb\xea"\x96Nq\xd2b\xe7O\x1d\xf8\xd9=\xa7\xf5\xef\x9e\x19\t;\xd6\xdf\xe1\xbfC)\x8e\x84\x13\xfd\xbbg~v\xcfi\xe7O\x1d\x98\xb4\x98Nq]\xc4:\xe5\x1f\xeb\x9e\x9c[\x93\x97\xa11\x9ef\x8bF\x8c a\xf2\x1e\xd9\xae\x7f\x9e_\xca9\xd7\x08\xde\xb2e\xcbo~\xf3\x1b\x8c\xb1\xe3\x08\xea\xd2\x16A\x9e\xf2\xf8\xea\xab\xaf\xbe\xfa\xea\xab\xba\xae\x19\x96}\xc9\xa4\xc2\x13F\xe44\xc7\xd2,\xfbM&gt;\x90\xd9~\xed\x91O\xab\xaey~s\xdc\xe4\x08\x81i\xf3{/9\xec\xe9\x1b\x8f\xf4h$\x16w\xd2\xfc\x1d~,\x94\xe0X\xdc\xf2h\xe4\xe9\x1b\x8f\xbc\xf7\x92\xc3L\x9b#\x04q\x93_\xf3\xfc\xe6G&gt;\xad\xca\xf6k\xd06\xe5\xd2\x05JPs\xcc&gt;aD\xce%\x93\n\r\xcb\xd6uM&gt;\xf5\x94\xd2.\xae\x01]\xd7\x05$\xd3~\x1a\x1a\x1a\x86\x0e\x1d\xda\xd8\xd8\xc0\xb8\x18\xd2\xdd;\xf7\x8f\xc3\xadtk\xf8\xc3\x85@\x08\xf9\xdd\xe4\xeag7?;\x7f\xb7\xec\xf5\xe8wk\x0f^&gt;\xe9\x92\x93F\xc4\x9a\xe3\x80 \x1d\x83\x19\x0e\x1d\x0b\x17\x02\x04\xf8\xb2\xbc\xff~{\xe5o\x9f\xf82\x9a\xb4\xe4\xd4:\x7fB\xb7\x7f\x9e\xdf/\x9adB\xa4S\x1fi\xf9Pk\x14M\xf9\xdb\xaa\xb5Uq\x82QNN\xee\x9a5krss\x01\xa0\xcbf\x85v\xd1\xb7\rm\x87\xbd\\}\xf5\xd5uuu\x18c\x8a\xe0\x81\x19}5\x8c\x18\x17\xe93\xab\x81q\xa1\x11\x1c\xf4\x90+\x9e\xaexv\xfen\x97\x86M\x9bg\xf9]\x9f\xfc\xed\x94KN\x1c\x11n\x8c9\'\xb6;\xfc&lt;\xe4!\x10\xe1\xc6\xd8%\'\x8e\xf8\xe4o\xa7d\xf9]\xa6\xcd]\x1a~v\xfe\xee+\x9e\xae\x08z\x88F0K\x9f\xd4 \x84\x80q\xa1a\xf4\xc0\x8c\xbe\x14\x01\xc6\xb8\xae\xae\xee\xea\xab\xaf\xc6\x18\xcb\xb5`\xd7\xa4\x8b\n\x80t\xfe\xbc\xf6\xdak\xaf\xbe\xfa\xaa\xaeQ\xcb\xb2\xaf\x99\xde\xfd\xb0\xb2`8\xc1\xd2(\xdf\x99q\xe1\xd5I\xd4`g?\xbe\xe1\x85\x85\xb5n\x9d\x18\x16\x1f\xd9/\x7f\xc1\xc3g\x8d\x1fT\x18i\x8ai\x8e\xd3\xdf\xe1\x7fC\xa38\xd2\x14\x1b?\xa8p\xc1\xc3g\x8d\xec\x97oX\xdc\xad\x93\x17\x16\xd6\x9e\xfd\xf8\x86\xa8\xc1\xbc:I#\r \x18\x85\x13\xec\xb0\xb2\xe05\xd3\xbb[\x96\xadk\xf4\xd5W_}\xed\xb5\xd7\xba\xb2#\xa8+\xba\x80d\xd1o}}}{\xe7\xcfg\x7f\x18\xceX:9\x7f\xa4\xf5\x0f%\xec\x93\xff\xb1n\xd5\x8e\xa8[\'I\x93\x8d\xec\x97\xff\xf1\xdfN\xce\xcb\xf0Db\x86\xe3\xf4w\xf8\xa5\xb0\x19\x0f\xf8\\\xf5\xe1\xc4Q\x7f|k\xf9\xe6:9\xd9\x86\xf7\xf2\xbfu\xcd\xe0\xa0\x87\xc6\xcd\xb4Y6\xc9\x07\x9c\x10t\xc4\xdf\xbf\xe3\x08\xca\xcb\xcb\xeb\x9a\xe5\xc1]\xee\r\x03\x80\x10\x02!\x94r\xfeh\x18\x1e\x98\xd1\xd7Mq\x1a9\x7f\xbe\xb5\xfe\x0f\x7fk\xfd\xa7\x1e\xd4\xf3\xe3\xbbN\xca\xf6\xbb\x1d\xeb\</t>
        </is>
      </c>
    </row>
    <row r="316">
      <c r="A316" s="1" t="n">
        <v>314</v>
      </c>
      <c r="B316" t="inlineStr">
        <is>
          <t>size_cycle</t>
        </is>
      </c>
      <c r="C316" t="inlineStr">
        <is>
          <t>What is the size of the missing circle denoted with a question mark?</t>
        </is>
      </c>
      <c r="D316" t="inlineStr">
        <is>
          <t>['medium', 'small', 'large']</t>
        </is>
      </c>
      <c r="E316" t="inlineStr">
        <is>
          <t>large</t>
        </is>
      </c>
      <c r="F316" t="inlineStr">
        <is>
          <t>There are circles arranged in a spiral with three arms. The first arm has circles of sizes ['small', 'medium', '?'], the second arm has circles of sizes ['small', 'medium', 'large'], and the third arm has circles of sizes ['small', 'medium', 'large'].</t>
        </is>
      </c>
      <c r="G316" t="inlineStr">
        <is>
          <t>We observe that the circles in each arm progress in size from small to medium to large. Thus, the pattern is that the circles in each arm get bigger as they progress away from the center of the spiral.</t>
        </is>
      </c>
      <c r="H316" t="inlineStr">
        <is>
          <t>Based on the pattern that the circles in each arm get bigger as they progress away from the center of the spiral, the size of the missing part that is farthest from center should be large.</t>
        </is>
      </c>
      <c r="I316" t="inlineStr">
        <is>
          <t>b'\x89PNG\r\n\x1a\n\x00\x00\x00\rIHDR\x00\x00\x02\x00\x00\x00\x02\x00\x08\x02\x00\x00\x00{\x1aC\xad\x00\x00\x8f\x8cIDATx\x9c\xed\xddw|\x14\xc5\xdb\x00\xf0gfw\xef.=\x97\x00\xa1w\x02\x04\x085T)\x01bP\xb1\xa0\x80(" \x06P\xc1\x1f\xd8\x0b\n\xbc\x82\r\x15\x14,\x10\xa4(\x08"\n\x8a\n\x91.\x9d\xd0;I\xe8\x08\x84\x94K\xcf\xdd\xed\xce\xcc\xfb\xc7\xc0\x19\x055\x81\xb4\xcb=\xdf?\xf8\xdc\x1e\x97\xbb\xcde\xf7y\xa6\x0f\x11B\x00B\x08!\xcfC\xcb\xfa\x04\x10B\x08\x95\r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L\x00\x08!\xe4\xa10\x01 \x84\x90\x87\xc2\x04\x80\x10B\x1e\n\x13\x00B\x08y(\xb5\xacO\xa0"\x13Bp\xce\x85\x10\x7f{\x9e\x10B)%\x84\x94\xc9Y!\x84\x90Dn\x0cO\xe86q\xce9\xe7\x94RJ\xff\xad\x82%s\x83\xa2(\xa5vb\x08!T\x10&amp;\x80\xe2\xf4\xb7\x98~\xf5\xea\xd5\x13\'N$%%\xfd\xf1\xc7\x1f\xd9\xd9\xd9\xba\xae{yyU\xa9R\xa5q\xe3\xc6\xadZ\xb5\xaaV\xad\x9a\xfc\x91\x7f\xcf\x13\x08!TB0\x01\x14\xbfs\xe7\xce\xfd\xf8\xe3\x8f\xabV\xad\xda\xbbw\xaf\xcdf\xbb\xe9k\x02\x03\x03{\xf6\xec\xf9\xbf\xff\xfd\xaf[\xb7n\xf2O\x80-B\x08\xa1R\x86\t\xa0x\xc8\xafq\xf7\xee\xdd\x9f~\xfa\xe9\xca\x95+\xb3\xb3\xb3\xe5\xf3\x94REQ\n\x96\xf19\xe7\x8c1\xce\xb9&lt;\x1c?~\xfc\x07\x1f|\x00\x00\x84\x10\xcc\x01\x08\xa1\xd2\x84\t\xa0x0\xc6\x14Ey\xe8\xa1\x87~\xf8\xe1\x07B\x88\x0c\xfaB\x08]\xd7o|\xb1\xa2(B\x08\x19\xee\x19c\x8f=\xf6\xd8\xd7_\x7f-\xdf\xa1\xd4O\x1c!\xe4\xb90\x01\x14\x0f\x19\xbew\xef\xde\xdd\xa5K\x17J\xa9\xd3\xe9\x94\xcf\xab\xaaZ\xa7N\x9d\x1a5j\xf8\xfb\xfb\x03@ZZZBBBZZ\x1a\x00\x10B\x84\x10&amp;\x93\xc9\xe9t~\xf2\xc9\'c\xc7\x8e\xc5\x1c\x80\x10*M\x98\x00\x8a\x8d\xec\xce\xed\xd9\xb3\xe7\xc6\x8d\x1b\x15E\xe9\xd1\xa3\xc7\x80\x01\x03z\xf4\xe8Q\xb7n]\xb3\xd9\xeczYJJ\xca\xaaU\xab\xdex\xe3\x8dK\x97.\xb9\x9a}\x82\x82\x82\x12\x12\x12\xacV\xab\xabf\x80\x10B%\r\x13@\xb1\x91\xe5\xf7\xb8\xb8\xb8e\xcb\x96\x8d\x1d;\xb6U\xabV\xae\xffr\xcd\x06p\r\xff?u\xeaT\xb7n\xdd._\xbe,s\x00c\xec\x9bo\xbey\xe4\x91G\x0c\xc3PU\x9c\x9c\x81\x10*\r\x98\x00J\x8a\x10\x821&amp;#~\xc1B\xbd\x10\xc2\xe9t\x9a\xcd\xe69s\xe6\x8c\x1a5JQ\x14\x99\x00\x9ez\xea\xa9O?\xfd\x14\x13\x00B\xa8\xd4\xe0\x08\xf4b&amp;\xe3&gt;\xe7\x9c\x10\xa2\xaa\xea\x8d3~\t!\x9a\xa6q\xce{\xf5\xea\xa5i\x1acL\xfe\xd4\xf9\xf3\xe7\x01\x07\x83"\x84J\x11&amp;\x80b\xe6\x1a\x02\xf4\xef\xaf\xa1\x94\x06\x04\x04x{{\xbb\x9e\xb4\xdb\xed%\x7fv\x08!\xf4\'L\x00e@6\xbb\xe5\xe6\xe6\x16\x0c\xfa\xbe\xbe\xbeewF\x08!O\x84\t\xa0\x0c\xc8&gt;\xe1c\xc7\x8e9\x1c\x0e9\xee\x93\x10R\xaf^=\xb8\x9e\x1b\x10B\xa8\x14`\x02(\x1b\x84\x90\x993g\xca\xc72\x1fDFF\x02\xf6\x01 \x84J\x11&amp;\x80\xd2\xa6\xeb\xba\xaa\xaa\xb3f\xcdZ\xbdz\xb5\xec*\x10B4h\xd0\xa0w\xef\xdeB\x08\\\x18\x0e!Tj0\xdc\x94\x1e!\x84a\x18\x9a\xa6\xcd\x9b7o\xec\xd8\xb1rA\x08\xb9b\xc4{\xef\xbd\xe7\xe5\xe5%\xc7\x0e\x95\xf5i"\x84&lt;\x05&amp;\x80R"W\x7fSU\xf5\xbd\xf7\xde\x1b1b\x04\xa5\x94s\xae\xaa\xaa\xae\xeb\xff\xfb\xdf\xff\x1ez\xe8!\\\x07\x02!T\xcap"Xi\x90\xabD\xe8\xba&gt;f\xcc\x989s\xe6\xc8v\x1e9\xffk\xd4\xa8Q_|\xf1\x85k\xcaXY\x9f)B\xc8\x83`\x02(q2\xfa\xa7\xa5\xa5\r\x1c8p\xc3\x86\r\xb2\x98/\xe7\x7f\xbd\xfe\xfa\xebS\xa6L\x91-?\x18\xfd\x11B\xa5\x0c\x13@\xc9\x92_oFFFTT\xd4\xde\xbd{UU\x95\x1bF\x9a\xcd\xe6\xcf?\xff|\xf8\xf0\xe1X\xf6G\x08\x95\x15\\v\xa6d\xc9\xd5=\x07\x0f\x1e\xbcw\xef^\xb9\xf0\x03\xe7\xbcZ\xb5j\xdf}\xf7]\x97.]p\xe5\x1f\x84P\x19\xc2\xe8S\x82d\xbf\xee\x82\x05\x0bV\xaf^\xad\xaa\xaa\x8c\xfeu\xea\xd4\xf9\xed\xb7\xdfBCCu]\xd74\xad\xac\xcf\x11!\xe4\xb9\xb0\t\xa8\x04\t!8\xe7m\xda\xb49r\xe4\x88\x1c\xf6\x13\x10\x10\xb0m\xdb\xb6\xa6M\x9bb\xd9\x1f!T\xe6p\x18hI\x91]\xbbIIIG\x8f\x1e\x95c@9\xe7S\xa7Nm\xda\xb4\xa9\x9c\x0bV\xd6\'\x88\x10\xf2t\x98\x00J\x8a\xacZ\x9d&lt;y\x921\xa6\xaa\xaaa\x18AAA\x8f&gt;\xfa\xa8\x1c\xfe_\xd6g\x87\x10B\xd8\x07Pbd\x02HKKS\x14E\xd34!D\x93&amp;M\x02\x02\x02p\xd3G\x84P9\x815\x80\x92\x95\x93\x93\xc3\x18\xcb\xcf\xcfg\x8c\xc9\xb8/\x9b\x83\x10B\xa8\xcca\r\xa0\xa4\xc8p_\xaf^\xbd\xc8\xc8H\x93\xc9\xe4t:\xdb\xb5k\x07\xb8\xde\'B\xa8\xdc\xc0Q@\x08!\xe4\xa1\xb0\x06P\xb2\xe4HP\xf9X\xee\x04Y\xb6\xe7\x83\x10B.\x98\x00J\x96\xec\xf2\x95q\x9f1\x86=\xc0\x08\xa1\xf2\x03\x9b\x80J\x90+\xdcgffj\x9aVp\x0bx\x84\x10*s\xd8"QR\xe4D\xb0\x1d;v\xf4\xee\xdd\xbbQ\xa3F\x8d\x1b7\x1e&gt;|xrr\xb2\x10\x02\x93.B\xa8&lt;\xc0\x1a@\x89\x90\xdf\xea\x95+W\x9a6m\x9a\x99\x99\xe9z\xbeW\xaf^\xbf\xfd\xf6\x1b\x00`g\x00B\xa8\xcca\x18*\x11r\xd4\xff\xc6\x8d\x1b333M&amp;\x93\xec\x06P\x14e\xe3\xc6\x8dg\xcf\x9e\x95\xeb\x02\x95\xf59"\x84&lt;\x1d&amp;\x80\x12\x94\x96\x96&amp;c\xbd\x1c\x0b$;\x81\xd3\xd3\xd3\xcb\xfa\xbc\x10B\x08\x00G\x01\x95\xa8\xaaU\xab\xca\x95\x7fH\x01U\xaaT)\xeb\xf3B\x08!\x00\xac\x01\x94\x10EQ\x84\x10={\xf6\xacZ\xb5\xaa\xd3\xe9t\xd5\x00\xfa\xf6\xed[\xbbvm\xb9IdY\x9f#B\xc8\xd3a\x18*\x11\x84\x10!Dpp\xf0\x9a5k\xa2\xa3\xa3+W\xae\\\xabV\xadQ\xa3F\xcd\x9f?\x1f\xa7\x02 \x84\xca\t\x1c\x05T\x82p\x1e\x00B\xa8&lt;\xc3\x04P\xb2\xe4h\x1f\xd7L`\xdc\xff\x1d!T~`\x02(\r\xf2K\xc6\xd0\x8f\x10*W0\x01 \x84\x90\x87\xc2N`\x84\x10\xf2P\x98\x00\x10B\xc8Ca\x02@\x08!\x0f\x85\t\x00!\x84&lt;\x14&amp;\x00\x84\x10\xf2P\x98\x00\x10B\xc8Ca\x02@\x08!\x0f\x85\t\x00!\x84&lt;\x14&amp;\x00\x84\x10\xf2P\x98\x00\x10B\xc8Ca\x02@\x08!\x0f\x85\t\x00!\x84&lt;\x14&amp;\x00\x84\x10\xf2P\x98\x00\x10B\xc8C\xe1\xa6\xf0\x08\xa1\x9b\x13\x05\x00\x00!\xe4o{Z\xfc\xed\xbfn|\x01*\xe7p?\x00\x84\xd0_p\xce9\xe7\x84\x10EQ\x8a\xfa\xb3\x8c1\xb9\x13*n~\xe7\x160\x01 \x84\x00\x00\x84\x10\x8c1EQ\\\x81\x9b1v\xe9\xd2\xa5\xa4\xa4\xa4\x83\x07\x0ffff\x9e;w\xee\xec\xd9\xb3\x84\x10\x19\xe2\x85\x10\x81\x81\x81-[\xb6TU\xb5}\xfb\xf65k\xd6\xacS\xa7N\xc1\x8d\xaf\r\xc3\xa0\x94\xca\xfdPQ\xf9\x84\t\x00!O\xc7\x18\x03\x00Wy\xff\xd8\xb1c\xbbv\xed\xda\xb2e\xcb\xae]\xbb\xce\x9d=\x9b\x9b\x97W\x987QU\xb5z\xf5\xeam\xdb\xb6\xed\xd6\xad[\x97.]\xda\xb4i#\xdfP\x08\xc19\xc7\nA\xf9\x84\t\x00!\xcf\xc5\x18s\x85\xe6\x8b\x17/.]\xba\xf4\x87\x1f~\x88\x8f\x8f7\x0c\xe36\xdf9,,\xec\xee\xbb\xef\x1e2dHxx\xf8\x8d\x9f\x85\xca\tL\x00\x08y"\xce9\x00\xc8\xf6\x99\xb5k\xd7.Z\xb4h\xe5\xca\x95YYY\x00 \x9bw\\\xaf\x0c\xf0\xf7\xadQ\xbdJH\xd5\xca\x01\xbe^\xadZ5\x11\x8c\x13\x00!\x04Q\xb5\xb3g.\x9c\xbb\x94\x9c\x9b\x95\x9bx\xfa\x82\xcd\x96\xe5\xfa\x11\xd7;(\x8a\xd2\xb3g\xcf\xc7\x1e{l\xd0\xa0A&amp;\x93\t\x00d+S)\xff\xb2\xe8\x9f`\x02@\xc8\xe3\x18\x86\xa1\xaa*\x00\xac]\xbbv\xda\xb4ik\xd7\xae\x05\x00B\xc0\x15\x0cj\xd6\x08\x89\x88h\xde\xads\xeb6\xad\x9a\x845\xaa\x1bd\r\xa0\xfe\xbe\x00\x02\x88\t\xc0\x151\x08\x80\x01\x82\x83\xddaK\xcbL&lt;\xf3\xc7\xd1\xe3\xa7\xb6l\xdb\xb7+\xfe\xf0\xb1\xe3\xa7\xe4+(\xa52\xd34o\xde\xfc\xb9\xe7\x9e{\xec\xb1\xc74M\xc3\xaa@\xf9\x81\t\x00!\x0f"\x07nRJ\x13\x12\x12&amp;N\x9c\xb8t\xe9R\x00PUU\xb6\xf9\x84T\t\xbe\xfb\xae\xae\xf7\xdf\x13\x19\xd9\xad\xad\x7fH%\x00\n\xc2\x00\x87\x13\x0c\xc6\r&amp;\x00\x84\xe0\x00\xae\xc0-\x08!\x04\x08\xa1\x94h\n\x98L\xa0\xa8\x00\xc0\xb2\xb3w\xed9\xbab\xd5\xc6\x9f\x7f\xd9t"\xe1,\x00h\x9a\xaa\xeb\x06\x00t\xe8\xd0a\xea\xd4\xa9\xbdz\xf5\x02\x00\xd91P&amp;_\x02r\xc1\x04\x80\x90\xa7p5\xbf\xcc\x9c9\xf3\x8d7\xde\xc8\xcc\xcc\xd44M\xd7u\x00h\x1e\xd6p\xe8\x90\xfb\x87&lt;rwH\x9d\xda\x00\x06\xe4\xe53\xa7.\x04\x10B(%\x00\xffQ^\x17Bp!\x04\x17\x84\x80\xa2(\xe0\xe3\x05\xd4\xe4\xc8\xb0-[\xb1\xf6\xeb\xc5?\xaf]\xbf\x03\x00\\\x9f5v\xec\xd8\xb7\xdez+  \xc0U\x11Ae\x05\x13\x00B\x1eAF\xff\xcb\x97/\x0f\x1f&gt;&lt;..\x8e\x10\x00\xa0B\xf0\xe6a\r\x9e\xfb\xdf\xe3\x83\x1f\xbe\xdb\x14\x10\x08\xf99\xcc\xee\x04\x02\xb7\xd3D#\x008\xe7\x82\x0bUS\xc1\xd7\x17\x98\xb16n\xeb\xb4\x8f\x16\x14L\x03\xa1\xa1\xa1\xf3\xe6\xcd\xeb\xd2\xa5\x8b\x9cp\x80\xcdAe\x05\x13\x00B\x15\x9f,k\xc7\xc5\xc5\r\x1f&gt;\xfc\xf2\xe5\xcb\x16\xb3\xd9\xeep\x04\xf8\xf9\xbc\xf0\xfc\xf0\x97\x9e\x1bf\xf2\xf3\x87\x9c,C7\nN\x02\xb8}B\x00g\x8cPB\xfd}A\xc0\xd2\xc5?O\xfc\xbfY\tI\xe7M&amp;\x93\xd3\xe9TUu\xda\xb4i\xe3\xc6\x8d+\xd8\x1d\x8dJ\x19&amp;\x00\x84*29\x0c_Q\x94\xd8\xd8\xd8\x91#G\xc2\xf52xt\xafN\x9f|\xfcjh\xb30\xc8\xce`\x06\xa3\x8aRr\xa5p\xc6\x18\x01B\x03\x032S\xd2\xde\x988s\xe6\xe7K\x80\x10U\xa1\x86\xc1bbb\xe6\xcc\x99\x03\xd8%PF0\x01 Ta\xb9\xba|\xc7\x8f\x1f?c\xc6\x0cM\xd3t\xc3\x00!&amp;\xbd&gt;j\xe2\xa41 \xc0\xc8\xceUT\xb5t\x1a`\x98\xc1\x14\x93\x06&gt;~\xcb\x16\xaf|z\xec[i\xb6,\x8b\xc5l\xb7;\xa2\xa3\xa3\x97,Yb\xb5Z1\x07\x94&gt;L\x00\x08ULri\x07UUG\x8e\x1c\x19\x1b\x1b+\x1b^\xac\x01\xbeK\x16M\x8b\xee\xdb\x9bge\x00\x17T)\xd5\x80{\xed\x94\xacA\x89\xc7\x12\x07?\xf6B\xfc\xfe\xe3\x16\x8b\xc5n\xb7GDD\xc4\xc5\xc5a\x0e(}\xf8]#T1\xc9\xe8?z\xf4\xe8\xd8\xd8X//\x8b\xd3\xe9l\xdd"t\xfd\xda\xf9\xd1}{\xeb\xe9i\x94\x90R\x8e\xfe\x00@\x08QU\xd5HOo\xd4\xa4^\xdc\xea\xd8\x81\xfdz\xdb\xedv/\x8b%&gt;&gt;&gt;::://\x0f\x00\xb0HZ\x9a0\x01 T\x01\xc9^\xdf\xd9\xb3g\xcf\x9e=\xdbb6\xe7\xe7\xdb#Z7]\xbfn~\xebv\xcd\x8c\xf44M+\xcb\xc1\x97\xaa\xa6\xb2\xacl\xab\xbf\xcf\xb7?\xcc\x8a\x19\xfa@\xfe\xf5\x1c\xf0\xcc3\xcfPJ\xe5z\xa2exz\x1e\x05\x9b\x80\x10\xaah\xe4\x88\xcf\xef\xbf\xff\xbe\x7f\xff\xfef\xb3\xd9\xe1p\xb4k\xd5\xf4\xb7\xb8\xb9\xd6@?\x96\x9b\xa7\x94\x8f\xa1\xf7\x9csA\xa8\xe2\xe73r\xd8+\xb1_\xfd(\xdb\x82\xc6\x8d\x1b7}\xfat\x9c\x1fPj0\x01 T\xa1\xc8f\xf4\xd3\xa7O\xb7k\xd7.;+K\x00\x04\xf8\xfb\xec\xd9\xb6\xa4^\xe3\xba,3GQ\xcb\xd1:&lt;\x82s\xa1(D\xd3\xbat}tG\xfc\x11\x99\xab\x96/_\xfe\xd0C\x0f\xe1\x92A\xa5\x03\x13\x00B\x15\x87\x1c\xf4\xc99\xef\xd6\xad\xdb\xce\x9d;M\x9a\xc68\xdb\xfa\xdb\xbc\x8e\x91\x1dXFf9)\xfb\x17\xc49\x07\x93\x96\x91\x99\x13\xd1i\xd0\xd9\xf3\x97)\xa5~~~\xf1\xf1\xf1\xf5\xeb\xd7\x97\xe3\x97\xca\xfa\x04+8\xfc~\x11\xaa8\xe4\x90\xff\xb7\xdf~{\xe7\xce\x9d\x16\x8b\xd9\xa9\xeb\x1fL\x19\xd7\xb1\xe7\x1dF\xb9\x8c\xfe\x00@)\x15vgPH\xa5o\xe6\xbdM\x08\x10Bl6\xdb\xa8Q\xa3\xfe\xb6")*!\x98\x00\x10\xaa d\xf4\xdf\xb7o\xdf\xd4\xa9SM&amp;\xcdnw\xf4\xbf\xbf\xe7\xb8\x97b\x8c\xcc\xf4\xf2\xdc\xa4\xae\xa8\x8a\x91\x91\xd9!\xb2\xf3\x07S\xc6\xe9\xban6\x9b\xd6\xaf_\xff\xe9\xa7\x9f*\x8a"w\xaaA%\x07\xd3,B\x15\x84\x0c\x97\x91\x91\x91[\xb6lQ\x15\xa5Rp\xe0\xa1\xf8\xef*U\t\x16\x0eG\xf9oK18W\xfd|\xa3z\r[\xb7i\xb7\xaa*~~\xfe\xc7\x8e\x1d\x0b\t\t\xc1\x86\xa0\x12\x85\xdf,B\x15\x81\xec5]\xbcx\xf1\x96-[\xccf\x93\xc1\xd8\xbb\x93\xc7T\xae]\x8b\xe5\xe5\xbbE\x00\xa5\x02\x80\xb3O?z\xc5d\xd2dC\xd0\xab\xaf\xbe\x8a\rA%\r\xbf\xdf\xf2Bv\xdf\xc1\xf5\x8907.\x91(\xffW\xfe\x17\xee\xa7\x81\n\x92\xd7\x8c\xae\xeb\xe1\xe1\xe1\x89\x89\x89B\x88n]ZoX\xbfP\xe4\xe7+\xee\x10\xfd%\xc3`\xaa\xd5:\xe1\xc5w\xa7~0OUUEQ\x0e\x1e&lt;\xd8\xb8q\xe3r&gt;=X\\\x07\xff&lt;\x8bM\xde\xad\xf2\xb7(Wwn\xf9\xfdZ=\x81\x9c\x19o\x18\x86\\\x14WQ\x14EQTU\x95W?\xfd+\xf5:\xb9d\xa3\x10\xc20\x0c\xc6\x98+1 \x8f%\xaf\x9fo\xbe\xf9\xe6\xe4\xc9\x93\x94R!\xc4\xa4WGRM\x05\xb7*\xdd)\n\x15\xf9\xb9\xcf\xfd\xef\xf1\xe0\xe0\x00\xce\xb9\xc3\xe1x\xfb\xed\xb7\xa1\xfc\xcd\rv\xdd\xb6\xf2\xee\x93\x05\xb2\x827\xef\x8d\xe4\xff\xcaR\x1d\xe7\xdc0\x0c\xf9\xe3e\xfe\xaba\r\xa0\x0c\xb8\n\xfb\x05G:gff&amp;$$\\\xbcx\xf1\xd0\xa1C\x86a\xec\xde\xbd[\xd7u\x19\xe8\xe5\xbf\xadZ\xb5\n\x08\x08\xa8]\xbbv\x83\x06\r\x9a6mZ\xb9re\xd7\xcfr\xceeSi\xb9*\\\xa0R#/\xa7\x0e\x1d:\xec\xdd\xbb\x17\x00"\xbb\xb5[\xbfn\x01\xcf\xcd-\xcf\x05\xe7\x9b2\x0c\xa6Z\x83&amp;\xbf6m\xd2;s(\xa5^^^\x89\x89\x89\xd5\xaaU\x93wA\xd9\x9e\x9b\x1c_+Kc\x05\x9f\xcf\xcc\xcc\xcc\xca\xcaJLL$\x84\x1c&lt;x033\xf3o?X\xa7N\x9d:u\xeaPJ\x9b5k\xe6\xe3\xe3\xe3\xe5\xe5U\xf0\x7fe\x1a\xb8\xf1mK\x07&amp;\x80R\xe5Z\x9fK\x1efgg\xc7\xc7\xc7o\xd9\xb2\xe5\xf7\xdf\x7f?t\xe8Pjjj!\xdf\'   44\xb4K\x97.]\xbbvm\xdf\xbe}\xcd\x9a5\xe5\xf3\x86a\x94\xd5\x95\x84\xca\x8al\xfd\x8f\x8f\x8f\xef\xd8\xb1#!\x841\xf6\xcbw3\xee\xee\xdf\x87\xd9\xb2\x14\xd5\xcd\xae\x04!\x04\x98\xb4\xab\x97\xae6hq_\xbe\xdd\xc99\xff\xf0\xc3\x0f\x9f{\xee\xb92\x9c\x1b,\xe3~\xc1\x9d\x12\xd2\xd3\xd3\x0f\x1f&gt;\xbc\x7f\xff\xfeC\x87\x0e\x9d&gt;}\xfa\xd8\xb1c\xb9\xb9\xb9r!\xa3\x7f\x17\x10\x10\x10\x10\xe0\xdf\xb0a\xa3\xf0\xf0\xf0\x96-[\x86\x85\x855o\xde\xdc\xdb\xdb\xfb\x9f&gt;\xa8\x14`\x02(%\x05C?cl\xc3\x86\rK\x96,Y\xbbv\xed\xc5\x8b\x17o\xf3\x9d\xfd\xfd\xfd{\xf4\xe8\xd1\xbf\x7f\xff\x07\x1ex\xc0\xcf\xcfO\xbe\xbf\xac\x96\x16\xc3y\xa3rO&amp;\x00\xb9\xe4\'!\xa4Ih\xdd\xbd;\xbf\xb5\xa8\x14\x04\xb8c}\x901\xa6\x04\x04\x0c\x1f\xf2\xe2\x82\xc5\xab\x00\xa0Y\xb3f\xfb\xf6\xed\xd34\xad\x94k\x00\xb2\x9a^\xf0&gt;:v\xec\xd8o\xbf\xfd\xb6i\xd3\xa6\xad[\xb7\xa6\xa5\xa5\x15\xcb\xa7\xd4\xae]\xbbW\xaf^]\xbbv\x8d\x8a\x8ar\x15\xe3J\xf3\xfe\xc5\x04P\x1a\\\xf3\xda\x93\x93\x93\xbf\xfe\xfa\xeb\xaf\xbf\xfe\xfa\xd0\xa1C\xf2\xbf\n\x8esP\x14\xc5j\xf5\x0fk\\OQ\x95\xf0f\r\xadA\x81\xc2`@\x80\x10\xa2\xeb\xc6\xee\xbdG\x0c.\x92N]HK\xb5\xe5\xe5\xdbo\xfc\x94\x9a5k\x0e\x1a4h\xe8\xd0\xa1\xcd\x9b7\x97\x1f\x8a\x8dB\x15\x9el\x1b\xc9\xce\xcen\xd4\xa8\xd1\xd5\xabW\x85\x10\x1fL\x1d\xf7\xfckc\x0c[\x9aZ\x9eV}(&lt;\xc6\xb8\xe2\xef\x1b\xff{|\xc7^\xc3\x00\x08\xe7|\xe7\xce\x9d\x1d:t(\xb5\xc5!\\[\xe8\xc8\xc3\x13\'N\xfc\xfc\xf3\xcf+V\xac\xd8\xbd{\xb7a\x18\xf2\xc9\x1b\x87\'Y\x83\x02\x04\xe7\xd5B*U\xad^\x05\x0c\xf6g\xee\xa54)\xf1\\Nn&gt;\x17&lt;33\xa7\xe0\x8f\x14|\x13\x7f\x7f\xff\xc8\xc8\xc8\xfb\xef\xbf\xff\xee\xbb\xef\x0e\t\t\xb9\xf14J\x08&amp;\x80\x92\xe5\xda\xf2\xf4\xea\xd5\xab\x9f}\xf6\xd9\x17_|\x91\x9c\x9c\x0c\x00\x8aB\x19\xbb\xd6\r\xd0\xa6u\xd3.\x9dZu\xed\xd2\xbaIh\xdd\x1aU\xab\x04T\n\x04E\x01\xaa\x02P(\xd8\x8b\xc7\x9d@H^ZFZ\xaa\xedD\xc2\xd9\xed\xbb\x0e\xfd\xbe}\x7f\xfc\xde\xa3\xd9\xd9\xb9\x00@)\x95\r\xc1&amp;\x93\xe9\xb1\xc7\x1e\x1b?~\xbc+\r\xe0\x9a*\x15\x98\xfc\xfb\xfe\xfc\xf3\xcf\xf7\xde{/\xa5TU\xe8\xa1\x9d\xdf6n\x11\xca\xf3\xec\x94\xbak\xee\x17\x04\x9c\\\x84\xb7}(!\xe9\x02\x80x\xe1\x85\x17\xa6M\x9bV:\xad@\xae\xfbEV\xd3g\xcd\x9a\x15\x17\x17\xe7p8\xe0\xaf\xf1ZU\x95F\r\xeb4iR?\xbcY\xc3\xf0\xa6\rj\xd5\xa9\xd6\xb0^M\xe0&lt;\xc0\xdf\x97\xfa\xfb\x01\xe7\x7f&amp;\x00B\xf2R\xd2\x1dN\x9d\x19\xecX\xe2\xf9\xd3\xa7\xce\'\x9d\xbe\x10\x7f\xe0\xf8\xf1\x13\xa7/\\\xb8\xe2z\x91\xebN\x0f\t\t\xb9\xef\xbe\xfb\xc6\x8c\x19\x13\x1e\x1e\x0e\xd7\xbb\xf7J\xee\x16\xc6\x04P\x82\\\x17\xd3\xfc\xf9\xf3\'L\x98p\xe9\xd2%\x00p\xcdo\xec\xdc\xa9U\xbf\xfbz\xde\x13}G\xd3\xb0\x86`\xb6\x00p\xd0u\xd0\r\xae\x1br\x99,\x00\x01\xd7\xae#\x01@\xe4\xfdLU\x15T\x05\xcc&amp;\x00\x15\xb8~\xf1\xf4\x85\xb5\x1bv\xfe\xb8j\xd3\x9a\xdf\xb6:\x9c:\\O-&amp;\x93\xe9\xa5\x97^z\xe1\x85\x17\x02\x02\x02\xb0*P\x81\xc9\xb08n\xdc\xb8\x8f?\xfe\x18\x00:\xb5\x0f\xdf\xbae\x11\xd8\x1d\xd4\x9d\xff\xdcr&lt;\xe8+\xe3\xa7\xbe7c!\x00\xb4i\xd3f\xf7\xee\xdd%}\r\xbb\xcajN\xa7s\xd1\xa2E\x1f\x7f\xfc\xb1\xac\xa6SJ8\xbf\x16$k\xd6\x08\x89\xea\xdd\xa9[\x976\xed\xdb6o\xdc\xb0\xb6\xe2\xef\x0b\xa0\x000`\x0c\x9cN\x00\x02\x8c\xf1\x82\xc5\x7f\x00\x10@M*\x10\x02\x84\x80\xd9\x04D\x01\xa0 \xf4\xbc\xb4\x8c#\xc7Om\xdf}h\xe3\xa6\xf8M\x9b\xe3\xb3\xfeZ\x8cS\x14\xa5g\xcf\x9e/\xbe\xf8bTT\x14\x94dm\x1e\x13@\x89pU\xdf\x12\x12\x12\x9e}\xf6\xd9\xb8\xb88\x00PT\x95\x19\x86\xd9\xa4=\xdc\xbf\xcfc\x8f\xf6\x8d\x8a\xee\x0c\xaa\x19t\x87\xc8\xb73\xc6\xe5B(7\x0e\xff\xbf\xf1\x9d\x85pm\xf5G\xa8\xc5\x0cf\x0b\x808\xb2\xe7\xc8\xc2oV}\xbdxU\xf2\xd5t\xb8\x9efBCC?\xf9\xe4\x93\xe8\xe8h\xc0=W+(y%t\xe8\xd0a\xcf\x9e=\x000\xf9\xb5QoN}\xc1\xb0\xa5\xbbi\xfb\x8f\xc4\x18W\x02\xfc6\xad\xfe=\xf2\x9eQ\x84\x10oo\xef\x93\'O\xd6\xa8Q\xa3\x84\xc6\x02\x15ll\x997o\xde\xf4\xe9\xd3\x8f\x1c9\x02\x05\xcaj!U\x82\xef\xbe\xab\xeb\xfd\xf7DFvk\xeb\x1fR\x19\x00@w\x82\xc3\xc1\x0c&amp;\x04\x10\x02@\xc8\xf5\x8c{\x93\x13t\xc5X\xce\xafM\x17\xa0\x84PM\x05\x8b\x19\x14\r\x04\xbbx\xea\xfc\xda\x8d;W\xfe\xb4)n\xedV\x87C\x87\x02\x99 **\xea\xe5\x97_\xee\xd5\xab\x17\x94Lm\x1e\x13@\xf1s\x85\xda\xb9s\xe7\xbe\xf0\xc2\x0b\x99\x99\x99r\x9d[MU\x86\x0c\xbew\xfc\xd8!\xcd\xdb6\x07\xc1DV.\xe3\x9c\xd2\xdb\xea\xed\xe1Bp\xc6\t\x01\xc5\xc7\x1b4\xaf\xe4\x0b\x17\xbe\x88]\xf6\xd9\x17K\xaf\xa6\xd8\xe4\xde\xdf\x000n\xdc\xb8i\xd3\xa6\xa9\xaa\x8a\xcdA\x15\x8c\xbc\xd2.\\\xb8\xd0\xb4i\xd3\xbc\xbc&lt;\x02\xb0n\xd5\xe7\x91wwg\x99\xd9J\xa9\xef\xf6U\x8c\x84\x10DS\xd3RlMZ\xf7K\xb3e\t!\xbe\xff\xfe\xfb\x07\x1f|\xb0$.`\xd7{\xee\xda\xb5\xeb\xf5\xd7__\xbf~=\x00h\x9a\xaa\xeb\x06\x00t\xee\xd4j\xd8c\xf7\xdd\xdf\xb7G\x95\xda5\x01\x18\xe4\xe53\x87.\x00(%\x7f\xc6\xfc["\x84\xe0B\x08.(!\xd4\xcb\x0cf\x0b\x08~\xe2H\xc2\xb7\xcb\xd6,]\xb6\xe6D\xc2\x99\x82\xa7\xf1\xc4\x13O\xbc\xf5\xd6[\xd5\xabW\x97Y\xa1\x18Kr\x98\x00\x8a\x99\xbc\x9e\xb2\xb2\xb2\x9e\x7f\xfe\xf9\xb9s\xe7\x12B\x80\x10\xc1y\xaf\x1e\xed\xa7\xbe\xf5l\x87;:\x80ng9y@H\xf1\xde\xa2r\x0c\x99j1\x83\x97\xdf\xa5\xd3g\xde\x98&lt;k\xdeW?\x02\x80\xc9\xa49\x9dz\x97.]\xe6\xcf\x9f\xdf\xa8Q#\xdcj\xa3"\x91\x17\xdb\x9a5k\xee\xba\xeb.B\x88\x9f\x9f\xf7\xa9\x83?V\xaaZI8uwo\xf1\xe3\x9c\x13_\xefn]\x1f\xdb\xba\xe3\x00\x00\xbc\xfa\xea\xabo\xbf\xfdv\xb1_\xbd\xf2\r333\xdfx\xe3\x8d/\xbe\xf8B.E\xe7p8\x01 \xaaW\xa7\x17\x9f\x1f\x16\x15\xd5\x19T\x13\xe4\xe73\xbb\x03\x08\x94P;\x8c,\xc6Q\x02\xd4\xc7\x1b4\xb3#3\xf3\x9b\xa5\xbf~\xf4\xc9WG\x8e\x9d\x82\xebi\xa0J\x95*\x13&amp;L\x18;v\xac\xeb\xb4\x8b\xe5\xa3\xdd\xb8\x98P\x0e\xc9\x1b2===**j\xee\xdc\xb9f\xb3I\x08\xe1\xebm\xf9\xe4\xa3W\xd6\xfd6\xafC\xa7\xd6\xcc\x96\xc6\xf3\xf2\x15U)\xf6\x02\x9a\x9c*,t\xc3\xb0\xa5V\xaf^\xf9\xcb\x85\x1f\xacY\xf5yh\x83ZN\xa7n\xb1\x98\xb7m\xdb\xd6\xb1c\xc7\xf8\xf8xUU]#\x19\x90\xbb\x93\xa57\xd9T-\x84hX\xafV`Hp\x05\x88\xfe\x00\xc0\xb9 \x8a\xa9uxcyx\xe0\xc0\x01(\xd6\x92\xef\xb5\x02\x93\xaa\xc6\xc5\xc5\xb5o\xdf~\xe6\xcc\x99\xb2p\xedp8{\xf5h\xff\xdb\xaf\xb3\x7f\x8b\x8b\x8d\xba\xab\x9b\xc8\xb53[\x86\xd0uEUJn\x84&gt;%DU\x15\xaa(&lt;/\x9f\xd9lf\x85\x0e\x1f\xf5\xc8\xde\xedK\xe7\xcd\xf9\xbf\xc6\r\xeb\xe8\xba\xa1\xa8\xea\xd5\xabW\x9f}\xf6\xd9&gt;}\xfa$&amp;&amp;\xca\xbb\xb8X\xca\xee\x98\x00\x8a\x8da\x18\xae\xf98\xbbw\xef\xf6\xf2\xb28\x1c\xce6-\x1bo\xde\xb0p\xec\xf8\'y^\x1e\xcf\xceUT\xb5D\x1b\xe2\xe5\xa6\xdb\xc2\xa9\x1b\xe9i\xd1}{n\xdf\xf2\xcd\xc0\x07\xa3\xecv\x87\xc9dJOO\xef\xd5\xab\xd7\xbcy\xf30\x07T\x182\x1e\x1d;vL\x1e\xd6\xafWC\xf5\xf2r\xf5XV\x00\xa1\r\xeb\xc8\x07g\xce\x9c\xc9\xcf\xcf/\xae\xb5\xe1d\x9f*\xa5t\xf2\xe4\xc9}\xfa\xf4IHH\xd04\x8d1V\xbdZ\xe5y\xb3\'\xaf[37\xea\xaen&lt;\'\x8fed\x11J\x14\xb5\xf4ffQJ\x15U\x11\\0\x9b\xcdD\xc9\xf0\x98Gvm\xfff\xc2+1\n\x01\x000\x9bMqqq\x9d:uZ\xb6l\x99\xaa\xaa\xc5\xf2m`\x02(\x1er\x92W|||tttbb\xa2\xc9d\xca\xcf\xb7?1\xe4\xbeM\x1b\xbfn\xdd&amp;\xccHO\xa5\x94\xd2\xd2j\x96%\x84\xa8\x9a\xcal\xb6\xe0@\xbfo\xbf\xfbx\xfa{/8\x9dN\x00\x92\x93\x933b\xc4\x88\xd8\xd8X\xcc\x01\x15\x83\x0cLg\xcf\x9e\x95\x87-\xc2\x1a\x02(\x15\xa3Q\x97\x10\x02\xc0\x9a\x875\x90\x87\x97/_v8\x1c\xc5\x12\x88eA\xed\xf2\xe5\xcb}\xfa\xf4\x994i\x92\xa6\xa9\x00\xa0\xeb\xfa\xd8\xa7\x1e\xd9\x1f\xbf|\xf8\xc8G\x84\xc3\xc12\xb2\xe4\xf2&gt;\xb7\xffq\xb7\x80\x10PTE\x00\x18\xb6\xb4\x00\x1f\xaf\xb7\xdeyq\xdf\xaee\xd1\xbd;9\x1cNEU\xd3\xd2\xd2\x1e~\xf8\xe1\xf1\xe3\xc7\x1b\x86!\'~\xdf\xcega\x02(\x06\xb2\xe5\xe7\xf0\xe1\xc3\xd1\xd1\xd16\x9bM\xd34\xa7\xd39\xf1\xb5Q_\xce\x7f\xdb\xcf\xa2\xb1\xac\x1cU+\x83fwEU\x85\xd3\xc9\xb2s\xc6\xbd4\xea\xdbE\xd3\xac\x81\xbeB\x80I\xd3F\x8e\x1c\xb9p\xe1B\xcc\x01\x15\x83a\x18\xf9\xf9\xf9\xf2qE\x1b\xe5%\x80^\x1f\x17\xc79\xcf\xce\xce\xbe\xfd\xb7\x94\xad\xe7\xf1\xf1\xf1m\xdb\xb6\x8d\x8b\x8b\xb3X\xcc\xbanT\x0b\xa9\xb4\xe6\xa7\xcf&gt;\xf9lr\x95 \x7f\xc3\x96.\x97e\xbc\xfd\xcf\xbaM\x04@UUa0\xc3\x96\xde\xacE\xe8\x9a\xd5s\xa7\xbf\xf7\x02\x11\xd7\xe6\xfa\xcc\x981\xa3G\x8f\x1e6\x9b\xed6\xb7\xcd\xa9XWLY\x90C\xd3\xd2\xd3\xd3\x07\x0f\x1el\xb3\xd9L&amp;\x93\xae\xebsfN\x984\xf5\x15\x96\x93\'\x9cF\x19n\xc3M(U(\xd5\xd3\xd3\x06\x0e~0n\xd5\x17\xd6@_\xa7n\xa8\xaa\xfa\xf4\xd3O\xcb\xfe\x00\\I\xd4}\xc9\x15\xc4\xb2\xb2\xb2N\x9e&lt;)\x9f\xe9\xd0\xae9\x80Q\x01:\x00\x00\x80R\x02\x0eGX\xd3\xfa\x01\xfe&gt;\x00";;;!!\x01\n,\x8a~\x0bd\xf4\x8f\x8b\x8b\x8b\x8e\x8e\xbe|\xf9\xb2\xc9d\xb2\xdb\x1d\xd1\xbd:\xed\xdd\xb94\xfa\xde\x9e\x86\xcd&amp;\xf4r7DB6\xea\xf2\x9c&lt;\x9e\x9b7\xee\xa5Q\x9b\xd6\xceoT\xbf\x96\xd3\xe9\x94\x1d{\xb2\xbd\xe1vr\x00&amp;\x80\xdb"G\x10\x0b!\xfa\xf6\xed{\xf8\xf0a\xb3\xd9\xect:\xe7\xcc\x9c\x103f\x98\x9e\x9e\xac\x10J\xca\xc1lLMS\xf5\xb4\xab\x11w\xb4\x939\x00\x00\xec\xf9\xf9\xd1\xd1\xd1\xa7O\x9f\x96e\xab\xb2&gt;At\xeb\n.\x1a\xa3\x95EE\xb3\x04\tq\xbd\xa5\x1b\xe0\xb6\xeb72\xfa\xc7\xc6\xc6\xf6\xe9\xd3\'#\xc3F\xa9"\xab\xe9k\xd6\xc4V\xabV\x99\xd92\xd5Rl\xeb/*\xaaPJ\x89aK\xeb\xd2\xa3\xfd\xcem\xdf\x0c\xec\xd7[v\xec\xc9\x1e\xc7\xf8\xf8xEQn\xadB\x8f\t\xe0\xb6\xc8\xc6\x9f\x17^xa\xc7\x8e\x1d\x16\x8b\xc5\xe1p\x8c{\xfa\x91\x981O\xe8\xb6TMS\xcb\xcfZ\\\x9aI\xd3\xd3\xd2#\xee\xe8\x18;\xeb\r\xc30L&amp;\x93\xcdf\x1b&lt;x\xb0\xcc^\x15\xa3\xd5\x18U\xbc\xbfcq\xfdF\xb2\x8b.66v\xe4\xc8\x91\x9a\xaa\x02\x10J\xc4\x9cYoL\x9a\xfa\n\xcb\xcd\xe3vG\x19V\xd3\x0bOUU\x96\x91\x15\x14\xe0\xf7\xed\xf7\xb3F\x8dx\xc8\xe9t\xca\xc1\x1d\xd1\xd1\xd1\xb2B\x7f\x0b\xf5\x00L\x00\xb7N^U\xcb\x97/\x9f1c\x86\xc5l\xb6\xdb\xed\xfd\xef\xeb9}\xe6\x9bzF\xaa\xaa\x94\xbb\xb2\x98f\xd2\xf4\xf4\x94\x87\x06?8\xfd\x9d\xf1v\x87\xc3b6\xef\xdc\xb9\xf3\x85\x17^P\x14\x05+\x01\xc5\xc2\xb5O\x88k\xab\x10\x97\x82O\x96\xe8\t\x94\xdc\x9b\x97\x89b\xf9\x85d\xaf\xef\xb5\xe8\xafi\xbaa\x04\xfa\xfbnZ;?\xe6\x99\xc7t[2u\xabus\x15U\xe1N\'\xcb\xca\xfeb\xee\xdb_|\xfc\xba\xd3\xe9\xd44\xcdf\xb3\xc9\x1cp\x0bmAn\xf3\x9b\x977r\x12\xe6\xd5\xabW\x9fy\xe6\x19\x85R\xa7\xae\xd7\xaf[c\xce\x9c\xff\x13\x0e\xbb\xfa\x1f\xab9\x94\x19MS\x8d\xcc\xf4q/\x8d\xec\x7f_O\xbb\xc3a6\x9bg\xcc\x98\xb1~\xfd\xfa\xdb\xecG\xf2p2\xbe\xbb\xf6t\xbb\xe9\x86n\x05\x9f\x94[\xb9\x15c&amp;(\xb0BY\xb9+v\xdc&amp;U\xf9s\xe2\xd5\xad\xa57\xd9\xf2\xb3n\xdd\xba\x91#Gj\x9a\xaa\xeb\xba5\xc0/\xee\x97/\xbaDv2\xd2m\x9a\xaa\x96\xd3{\xf5\x9fQJ\x15\x02,#c\xd4\xb3O\xcc\x999A\xd7u\x99\x03\xee\xb9\xe7\x9e\x94\x94\x94\xa2\x96\xe7*\xda\x15Sjd\x17\xdc\xd8\xb1c\xaf^\xbd\xaai\x9a\x10\xfc\x9byo[\xab\x04\xb3\x8c\xac\xf2\\\x9dT\x80p\xbb}\xce\x9c\xff\xdb\x7f8\xe1\xcc\xb9K\x94\xd2Q\xa3F\xed\xdb\xb7\xcf\xd7\xd7\xb7&lt;l\xba\xe4^d\xd6\x94a\x1d\x00\xd2\xd3\xd3\x8f\x1c9\xb2o\xdf\xbe\xb4\xb44\xd7\x86n\xf2\x95\xe1\xe1\xe1\x95*U\x8a\x88\x88h\xda\xb4i\xadZ\xb5d\xa4\x96\x1dH\xb79\xb9Tv\x12\xca\xc7i\xe9\x19P~\x9a\x1do\x8f\x10@(\xcd\xc8\xca\xd1\xf5k\xdd\xda\xb7\x90\xde\xe4T\xaf\xf8\xf8\xf8A\x83\x06\xa9\xaa*\x04\x04Y\xfd\xd7\xfc\xf4yD\x97vFzz\x99\x8c\xcd+\x1e\x84(\x8a\xa2\xdbRb\xc6\x0c\x03\x80\x91c\xa7X\xcc\xe6\x94\x94\x94\xbe}\xfb\xfe\xfa\xeb\xafAAA\x85\xbf\x97\xdd\xf6+(S\xb2\xe9\xff\xb7\xdf~[\xb6l\x99\\ka\xd2+1\x1d"\xef0\xd2S\xca\xf9UE(\xe1\x0e\xa75\xa4\xf2\xecO^\xbf\xf3\xfe\xa7UU;u\xea\xd4{\xef\xbd7u\xeaT\\)\xa8\xf0\n\xee\xe8y\xf1\xe2\xc5\xe5\xcb\x97o\xdc\xb8q\xdb\xb6m\xff\xb4O\xc8\x86\r\x1b\xe4\x03oo\xefV\xadZEEE=\xf8\xe0\x83\xe1\xe1\xe1\xae\x95\x87o\xe1\x9b\x97\x1d\xf8\x01\x01\x01aaa\xbf\xff\xfe;\x00\x1c8\x94\xd0\xef\xd1\n2\x0f@\x08\x01fS\xd2\xa9\xf3\xd99y\x84@@@`XX\x18\x14\xa5+X\xd6\xc9\x92\x93\x93\xfb\xf6\xed\x9b\x96\x96\xa6(\ng\xec\x97\xef?\x89\xb8#\xc2\xbd\xa3\xffu\x9a\xaa\xea\xe9\xa91cF\xe4\xe6\xe4\x8d\x7f\xf5#\x8b\xd9\xbc{\xf7\xeeA\x83\x06\xad]\xbb\xb6\xf0W\x146\x01\x15\x99\xcc\xae\x0e\x87\xe3\xd9g\x9f\xa5\x94\xea\xba\xd1\xb8Q\x9d\xd7^\x7f\x8ae\xdb\xcas\xd9\xdfEQ\x15\xc3f\xeb\xd5\xb7\xf7\x90Aw\xcb6\xc4\x0f&gt;\xf8@n&amp;\x8e\x9d\x01\x85\xe1\x9aG\xba}\xfb\xf6\x11#F\x84\x85\x85\x8d\x1f?\xfe\xa7\x9f~*\xcc.Qyyy\xdb\xb7o\x9f&lt;yr\x9b6m\xee\xbc\xf3\xce\x1f\x7f\xfcQ\xd7uYm\xbf\xb5\xc0]p\x14\x10\xe7\xbcxZ\xcd\xcb\r\x831\xb8\xde\x13P\xd4\x1c)\xef\xd3!C\x86\\\xbdz\xd5l63\xc6f\xcf\x9c\xd01\xb2s\xc5\x88\xfe\x92\xaa\xaaFf\xca\xb8\x17\x9f\x8c\x19\xfa\x80\xdd\xe1\xf0\xb2X\xd6\xad[7y\xf2\xe4\xc2\x0f\n\xaa _Di\x92+\xc7~\xfb\xed\xb7\'O\x9e\x94\xeb4}\xf2\xfe\x8b\x9a\x8f\x17\xcb\xcc"nR\x82\xa6\x8a\xc2\xf3s\xdf\x9d2\xfe\xe7\xb8\xad\x19\x199\x8c\xb1w\xdeyg\xc1\x82\x05\x98\x00\xfe\x9d\xab\xa1\xff\xe8\xd1\xa3S\xa6LY\xbat)\x80\\\xe9\xfd\xda\xa4|ooK\x9d:\xd5\xab\x86T\x0eoZ\xdf\x1a\x1c(\x0c\x83P\xaa\xeb\xfa\xee\xfd\xc73lY\tI\xe733\xaf\xcdf\x12B\xac]\xbbv\xed\xda\xb5\x1d;v\xfc\xbf\xff\xfb?\xd7\xb2\xefE\ns\xb2\x05\xa9E\x8b\x16\x9b6m\x02\x80\xbd\x07\x8e\x03a\xee\xbb\x0fLAB\x08\x00u\xff\xc1kS\x1c\xea\xd5\xabW\xa4VJ\xd9\xf4?y\xf2\xe4\xb5k\xd7Z,\x16\xbb\xdd&gt;\xe9\x95\x98\x981#t[rE\x1a,K\x08(@x^\xde\x9c\xf9\xef\x9c=wi\xed\xa6\xdd&amp;\x93i\xd2\xa4I\x9d;w\x8e\x8a\x8a*\xcc\xe5\x84\xab\x81\x16\x8d\xfc\xba\xecv{\xeb\xd6\xad\x13\x13\x138\x17=\xba\xb6\xdd\xb8\xf1k\x96\x93\xa3\xb8\xcfX\x02\x90w\x88\xb5\xd2\xe4W\xdf\x9f\xf4\xee\x1cUU\x14E\xdd\xbf\x7f\x7f\xd3\xa6Mq\xdb\x80\x7f\xe2\xba\x9d&amp;O\x9e\xfc\xf6\xdbo;\x9dN\xd7lj\x7f?\x9f\x07\xee\x8d\x8c\x8c\xec\xd0\xb3kD\x8dj\xc1\x8a\x9f\x0f\x10\x05@)\xb0\xa1\x9b\x01\xf9\x8e\xd4T\xdb\xf6]\x077n\x8e_\xbeb\xdd\xc5?\x92A\x96\xe0\x0c\x03\x00\x06\r\x1a4k\xd6\xac\xe0\xe0\xe0"\xe5\x00\x19\xe6f\xcd\x9a%\x17\x89l\xda\xb8\xee\xfe\xdd\xdf\x99(!\xee\x7fO3\xc6\x94\xc0\xc0\x11\x8f\xbf8\xef\xeb\x9f\x00\xe0\xa1\x87\x1eZ\xbe|y!\xbf\x1c\xf9\xb2\xf5\xeb\xd7\xf7\xee\xdd\xdbd29\x9d\xce\xa8\x1e\xed\x7f[;\xcf\xc8\xcdSno\r\xe7\xf2\x89sN\xcc\xa6\xabW\xd2Zv\x18\x90\x92\x9a\x01\x00\x95+W&gt;t\xe8P\xa5J\x95\xe0\xbf\x1a\xcd\xf0V/\x1aY\x06\\\xbf~\xfd\xc9\x93\')U(\xa5\x13_\x8e\x01B\xc0\xddn9EQD~\xf6\x98\xa7\x1f\xa9R\xd9*\x048\x1c\x8e\xb9s\xe7\xc2\xed\xcd\xb4\xac\xc0dLq- \xc3\x98A\x085\x0c\xa3yX\x83i\xef&lt;\x7ft\xdf\xf7\x0b\x17\x7f0\xec\xc9\x81\xb5\xebVS(\xe1\x999\x86-\xc3\xb0\xa5\x1a\xb6t\xc3\x96f\xd8\xd2yF\xb6\xd0\xf5J\x95\xac\xf7\xf5\x8f\x9e&gt;s\xd2\xd1\xbd?|5ojT\xafN2\xfa\x9bL\xda\xd2\xa5K;u\xea\xb4m\xdb\xb6"\xcd\xe8\x91\xc5\xe1V\xadZ\xc9\xf5\x12\xce\x9e\xbf\x9cr\xe9*1i\x15`=8J)s\xe4\xef?t\xad\x06\xd0\xb6m[(\xdc@ \xf9\x9a\xec\xec\xecQ\xa3FQJ\r\xc3\x08\xa9\x12\xf4\xf5\xfcw\x84\xc1(@\xc5\x8b\xfe w\x8f\xc9w\x84\xd4\xad\xf1u\xec\x14.\xb8\xa6\xa9\xc9\xc9\xc9c\xc7\x8e\x95C\xce\xfe\xe3gK\xe7\x14+\x0cy\xcb\xcd\x9e=\x9b\x10b\x18F\x9bVMz\xdcy\x07\xcfq\xbf\xfd7\x08!\xcc\xee\x0c\xaeUk\xc8\xa0{\x18c\x84\x90%K\x96\xe4\xe4\xe4\xa8\xaa\x8a\x95\xc2\xbfq\xad\xf3\xeaZ@\x861\xee\xef\xeb\xf5\xc9G\xaf\xec\xdd\xb9\xec\x85WF\xd7\xacY\x95ed\x1a\xb6\x0c\xeep\n\x0eT\xa1\xaa*\xc7\x83^\xfb\x97*\x94\x10"t\x9ded\x19\xb6t\x7f_\xaf!\xc3\xfb\xff\xf6\xdb\xdc_\x7f\xfc,\xb4am\xa7S7\x99L\x89\x89\x89=z\xf4(\xd2R}\xb2p\xd7\xa4I\x13\xab\xd5\n \xf2\xf3\x1d{\xf6\x1f\x07\x93\xd9\xdd\xff\x82B\x08b6]&gt;s)1\xe9\xbc\xccm\xed\xdb\xb7\x87\x9b\xee\xb6u\x03\xd9B\xfb\xea\xab\xaf\x9e:uJ.v\xb2(\xf6\xad\x90\xba5x\xbe\xbd\x02Wm\x15U1l\x19Q\xf7\xdd9\xf1\xe5\x18\x87\xc3i6\x99\x96-[\xb6|\xf9\xf2\xff\x1c\xe1]a\xbf\x91\x92 \x9bG\x12\x13\x13\xd7\xaf_/\xaf\xc511\x03@\xd3\x04s\xcb\xfb\x8dR*\xf4\xfc\x11\x8f\xdf\xef\xe5e&amp;\x84\\\xbe|\xf9\xa7\x9f~\x82\xeb\xa3\x1b\x91Tp\x9d\xd7\x82\x0b\xc8\xec\xde\xb1d\xec\xf8\x11&amp;\x10\x86-M8uEQT9j\xfd\x9fc\xd4\xf5\x89\x02\x8a`\x8c\xd92xV\xee]\xf7\xf5\xdc\xbd}\xe9\xd8\xa7\x1eq:\x9d\xb2#a\xe4\xc8\x91\x85\xcf\x01r P\xa5J\x95Z\xb5j%c\xfe\xef\xdb\xf6U\x80\x05A9\x17`6\xef=p&lt;\'7\x1f@\x04\x05\x05\xb5n\xdd\x1a\n1\x04HF\xff}\xfb\xf6\xcd\x9e=[\xae\xc9\xf8L\xcc\x80\xde\xf7\xddi\xd82\xddb\x80\xc6\xedP\x14\x85eg\xbc&gt;\xe1\xe96\xad\x9a8u]Q\x94\x97_~9++\xeb\xdfW\x8d\xc6\x04P\x04\xb2yd\xe5\xca\x95\xf9\xf9\xf9B\x88\xaa!\xc1\xfd\xfbG\x8b\xbc\xdcR[\xe7\xb9xQJDn^\xd3v-zv\x8b\x90\xbf\xda\xe2\xc5\x8b\xa1\xe2-*y\x1bd@\x91\xd1\xbf\xe0:\xafk\xd6\xc4\x86\x86\xd63liB\x80Z\xf4\xc9D\x84\x10EU\xa8B\x99-3\xc0\xdb\xf2\xc9g\xff\xf7\xed\xa2i\x81\x01\xbe\x8c1M\xd3\x8a\x94\x03\xe4\x1f\xee\x8e;\xee\x90\x87\xab\xd7nsfg*\x9a\xbb\x07;\x01@~\xfce\x13\x00\x08\x01-Z\xb4\xb0Z\xad\xb2\xf5\xf5?~L\x08\xc6\xd8\xb8q\xe3\xe4T\xbb\xaa!\xc1oM\x1a\xcb\xf3s\xdc\xae\x82~\x0b\x08!`0\xcd\xdb2\xe3\xdd\xe7\t!\xaa\xa2\x9c&gt;}\xfa\xbd\xf7\xde\xfb\xf7\xd1}\x15\xff{)F\x94R\xc6\xd8\xf7\xdf\x7f\x0f\x00B\x88\xe8\xde\x9d|*\x05s\x87\x1bo\xc0\xc4\x05\x08 \x03\x1e\xe8\r\x00\x94\x92\xad[\xb7^\xbat\xa90M\x87\x9e@F\x9c\xd3\xa7O\xbb\xa2\xff\x9f\xeb\xbc\xe6\xe6\xf1\xdc|UUo\xf3/\xaf\xa8\x8a`\xec\xcf\xe5Z\x03\xfc\xe4\xc4\xce\x91#G~\xff\xfd\xf7\x85Y\xddE^{}\xfa\xf4\x91#SO&amp;\x9e\xdf\x1f\x7f\x18\xbc\xbc\x18s\xd7\xbe\x1c!\x045iY\xc9WW\xaf\xdd.\x7f;\xb9\xe1\xe5\x7f\xf6N\xc9~\x9a\xc5\x8b\x17o\xd9\xb2\xc5l61\xc6\xde\x9d4\xc6Z\xbd\xaa\xb0;\xdd\xf7\x0e-\x12EUXFV\xd7\xe8\xeeC\x06\xdd\xe5(\xdc\x08oL\x00\x85%\xa7\xfe^\xb9r\xe5\xf0\xe1\xc3\x84\x10B`\xe0\x03Q \x84[\xf7+)\n%\x8e\xfc\xe8\xa8N\x01\xfe\xbe\x00\x90\x95\x95\xb5k\xd7.\xc0\xae`\x00\xb9F\x1e\xe7\\\xae\xf2m6\x9be\xf4\x97\xeb\xbcRB\x8a\xab\xdaG\x08\xf9s\xb9\xd6\x9f\xbf\x08\xb2\xfas\xceUE\x89\x89\x899}\xfa\xf4\x7f\xce\xecW\x14E\x08\xd1\xb6m\xdb\xfa\xf5\xeb\xcbs\xfe\xfe\xa7\rDq\xe3n\x00\xce\x05\xf1\xf6\xde\xbae\xdf\x95\xe449\xcf\xf9\x81\x07\x1e\x80\xff\xaa\x98\xbaf\xe7\xbc\xfd\xf6\xdb\x94R\xa7S\xef~G\x9b!O\xf4gY\x15\xbf\xf1\xa7 \xa2P\x91\x9f\xf7\xee\x94\xf1\xc1\xc1\x01\x9cs\xa7\xd3\xf9\xce;\xef\xfcK+\x10&amp;\x80\xc2\x92\xf7a|||^^\x1e\x00X\x03\xfd;ul\t\xf6|\xb7\x1evM\x08\xe1vg\xd5z5\xdb\xb6n*\x87\x8e\xc89\xa5\xee\x1b&gt;\x8a\x8bl\xfcy\xe1\x85\x17v\xee\xdci1\x9b\x1d\x0e\xc7\xf4w\xc6\xc7\x8c\x19\xa1\xa7\xa7jZ\xf1/ \xa3\x994#\xdd\x16qG\xc4/\xcb?\x01\x10\x84R\xb9\\\xab\xd3\xe9\xfc\xcf\xe5Z\x19c&amp;\x93i\xf0\xe0\xc1\xb2\x8c\xb2\xf0\x9b\x9fS/\x9cW,&amp;7\xfd#\x12\x02B7&gt;\x9a\xb5\x08\x008\xe7]\xbbvm\xd8\xb0\xe1\x7f\x8eN\x96/X\xbat\xe9\xc9\x93\'\x15\x85\n!&amp;\xbd:\x92j*\xb8\xff\x80\xa8"\xa1\x840\xbb\xbdj\xbd\xbacc\x1ef\x8c\xa9\xaa\xb2t\xe9\xd2\x13\'N\xfcS%\x00\x13@a\xc9\xdbi\xe3\xc6\x8d\xf2q\xeb\x96\x8d\x03\xabV\xe2\xee\xbf\x017\xe7\x02\xa8\xd6\xbdK\x1by\xb8e\xcb\x169\xe8\xa5l\xcf\xaal\xc9\xc6\x84\xdf\x7f\xff}\xc6\x8c\x19f\xb3\xd9\xeep\xf4\xbf\xbf\xe7\xb8\x97F\xea\x19)%\xb7\xe0\x9a\xaa\xa9zzz\xc7\x9ew|0e\x9c\xae\xeb\x16\x8by\xe7\xce\x9d\x1f|\xf0\xc1\x7fV\x02dd\x1c2d\x88\x97\x97\x17!p5\xc5\xf6\xe3\x8f\x1b\x88\x97\x8f;\xb6\x02q\xce\x89\xb7\xd7\x89\x83\xc77o\xdb\'\x7f\xaf\x98\x98\x98\xc2\xccQ\x97#&gt;\xdf{\xef=B\x88\xae\x1b=\xba\xb6\xedqgW\x96\xe5~\xc3\xf3n\x9fk\x84wpP\x00\xe7\xc2\xe1p|\xf8\xe1\x87\xffT\t\xf0\xb8o\xe7\x96\xc9\xabp\xef\xde\xbd\xf2\xb0C\xbb\x16D5W\x80\x01\xd7\x84\x10\x00\xde1\xa2\x05\x00\x10\x02\x89\x89\x89\xe9\xe9\xe9\xc5\xb5\xfb\xb6\x9b\x92c|\xdfx\xe3\rB\x88a\xe8U*[?\xfb\xe4\r\xe1t*\xa4d\x1b\xfc\xae/\xd7\xfad\xaf\xee\x11v\xbbCU\xd5\x0f?\xfc\xf0\xf2\xe5\xcb\xff\xde+#\xbb\xa6\x1a4h\x10\x19\x19\xc9\x18\xa7\x84|0s\x91#+\x8b\xaa\x8a\xdb\xfd\t\x05\x17D3\xbd7}\xa1a0!DHH\xc8\xbd\xf7\xde+\x84\xf8\xf7\x12\x89\x1c\xc7\xbcy\xf3\xe6\x13\'NPJ\xae\xcd\xce\xa1\xd4\xedf\xe7\x14\x0bY\xad\x0f\xaeUs\xec\xa8\x87e\xc5h\xe5\xca\x95W\xaf^\xbd\xe9U\x84\t\xa0Pd\xe5:///11Q&gt;\xd3\xa6e\x13\x00\xe6\xee\xc5\x7f\x90\t\xc0\xe9h\x1aZ\xd7\xdb\xcb"7\x8e?u\xea\x14xp7\x80a\x18\x94\xd2\xe5\xcb\x97\xff\xfe\xfb\xef\xaa\xaa2\xc6gM{\xa9r\xed\xea\xa53\x90\x9c\n\x10\x861{\xd6\x1b\xb2W&amp;==}\xe2\xc4\x89\x85\xdc\xb8\xed\xf9\xe7\x9f\x07\x00EUN$\x9c\xfdv\xc9\xcf\xd4/\x80\x19\xee4\xa2\x97sN}\xbd\x13\x0f\x1c[\xba&lt;NU\x15!\xc4\xe8\xd1\xa3}}}\x0b3\xfe\x07\x00&gt;\xfa\xe8#!\x04\xe7\xa2]\xeb\xa6=\xee\xec\xe2\x8e\xb3s\x8a\x0bU\xa8\xb0\xe7\x8e~\xb2\xbf\xaf\xaf\x17\x00\xa4\xa6\xa6~\xfd\xf5\xd77\xddA\xdeC\xbf\xa0\xa2\x92\x99\xf3\xfc\xf9\xf3r\\\xad\xa6\xaa\xf5\xea\xd6\x00\xce\xdc?\xfe_kr\r\xae\x12\\\xa9R\xa0\xec\xf6&lt;~\xfc8xp7\x80\xac\xea\xc9\xb9~\xban\xf4\xec\x1e1\xe0\xf1\x07Xf)\xf5%R\x85\xb2\x9c\xbc\x06\xcd\x9b=7f\xb0LE+V\xac\xf8\xa7\xe2\x9b\x8bl&amp;\xea\xd9\xb3g\x8f\x1e=t\xddP\x14\xe5\xad\xf7\xe7f\xa5\xa4\x10\x93\xe6F\x7fG!\x04Q\xd4\xd7\'\x7f\xeap\xeaB@PP\xd0\xd8\xb1ce\xd9\xeb_~J\xf6\xd6$&amp;&amp;n\xdc\xb8Q\xb6\xfe?9\xf4\x01\xd0L\xdc=g\xe7\x14\x0bB\x08\xb7;B\xea\xd5\xbe\xf7\xaen2}\xce\x9f?\xdf\xe9t\xdeX\x91\xc2\x04P(\xf2.JNN\xb6\xdb\xedB\x08__\xaf\xfauk\x80\xa3"\x0c/#\x84\x08\x83y\x07\xfb7\xac_K&gt;s\xfe\xfc\xf9\xb2=\xa52$W\xfa\xdc\xb3g\xcf\xa6M\x9b(\xa5\x00\xe2\xf91\x83\x05!P\x8a\xd5!EU\x84={\xd4\x88\x87\xfe\xb3\xf8V\x90\xbcD\'O\x9eL)UU%\xe9\xf4\xc5\xf7\xdf\x8bU|\xfc\xdd\xa5\x12\xc0\x0c\xa6\x04\x06\xac]\xb5\xfe\xbb\x95\xebL&amp;\x8d1\xf6\xfc\xf3\xcf\x07\x07\x07\xffg\xf1\xff\xaf\xb3s\xa0r%k\xbf\x07z\t{\x9e\xc7\x16\xff\xaf# D\xcc\xd0~\x94\x12B\xc8\xd1\xa3G\xf7\xef\xdf\x7f\xe3U\xe4\xe1\xdfQ\xd1dff\xca\x07\x15\xf0\xda\x12\xe0Z\xcc.++\x0b\n7\xed\xbe\xa2\xfa\xf2\xcb/\x01\x80s^\xbf^\x8d\xc8^\x9d \'\x87\xaa\xa5\xf7\x17\xbf\xb1\xf8\xb6`\xc1\x82\x9b\x16\xdf\n\x92\x93\xfe\xbbu\xeb6d\xc8\x10\x87\xc3i\xd2\xb4i3\xbf&gt;\xb0m\xb7\x1a\xe8\x069@\x08\x01&amp;-\xd7\x96\xf9\xf4s\xef*\n\xd5u#44\xf4\x85\x17^(\xcc\xd2\x84\xb2n\xf4\xc3\x0f?\x00\x00\xe7\xfc\x9e\xe8;*\xd5\xaa\xc9\xf3+B\xe1\xecv(\n\x15y\xb9]\xbbG4lPKvU\xba&amp;0\x15|Y\x85\x0bd%C~k\xfb\xf6\xed\x93\x87aM\xea\x07T\x88!@\x12\xe7\x02\xa8\xa9C\xbb\xe6\xf2PvtW\x8c_\xad\xa8(\xa5\x0e\x87\xc35\xd6k\xe8\xa3}\xbd\xacV\xae\xb3R\xff.\x08\x081rh?Y\xd48y\xf2\xe4\xe9\xd3\xa7\xff\xb3\'@\xbe\xe0\xddw\xdf\xadR\xa5\n\x17B\xd7\xd9\xd0\xd1o\xe6f\xe6\x80I\x13\xe5{\xb4\x02c\\\xf1\xf1}v\xec\x94\xa4\xd3\x17\xe5jT\x9f~\xfa\xa9\xc9d\xfa\xcf\xf5\x9fe\x868y\xf2\xe4\xbe}\xd7F\r\xf5\xbf\xbf\x97\x10\xdc\xadg\xe7\x14\x17\xa63\xd5\xd7\xef\xfe\xbb{\xc8Ui\x7f\xfc\xf1G\x87\xc3\xf1\xb7b\x04&amp;\x80"p\r\x01TU\x95\xb8\xf3\xf0\xff\x9br\xad\x93^\xf1\xb6\x96-$Y\xdc&gt;|\xf8\xf0\xa9S\xa7(\xa5\x94\x90{\xfbt\x03\xaeC\xa9\xff\xad)%\x90\x9f\xd7\xb1S\xab\x90*AB\x80\xae\xebk\xd6\xac\x81\xff\xea\x99\x97e\xe1\xaaU\xab\xce\x9c9\xd30\</t>
        </is>
      </c>
    </row>
    <row r="317">
      <c r="A317" s="1" t="n">
        <v>315</v>
      </c>
      <c r="B317" t="inlineStr">
        <is>
          <t>size_cycle</t>
        </is>
      </c>
      <c r="C317" t="inlineStr">
        <is>
          <t>What is the size of the missing circle denoted with a question mark?</t>
        </is>
      </c>
      <c r="D317" t="inlineStr">
        <is>
          <t>['medium', 'small', 'large']</t>
        </is>
      </c>
      <c r="E317" t="inlineStr">
        <is>
          <t>large</t>
        </is>
      </c>
      <c r="F317" t="inlineStr">
        <is>
          <t>There are circles arranged in a spiral with three arms. The first arm has circles of sizes ['small', 'medium', '?'], the second arm has circles of sizes ['small', 'medium', 'large'], and the third arm has circles of sizes ['small', 'medium', 'large'].</t>
        </is>
      </c>
      <c r="G317" t="inlineStr">
        <is>
          <t>We observe that the circles in each arm progress in size from small to medium to large. Thus, the pattern is that the circles in each arm get bigger as they progress away from the center of the spiral.</t>
        </is>
      </c>
      <c r="H317" t="inlineStr">
        <is>
          <t>Based on the pattern that the circles in each arm get bigger as they progress away from the center of the spiral, the size of the missing part that is farthest from center should be large.</t>
        </is>
      </c>
      <c r="I317" t="inlineStr">
        <is>
          <t>b'\x89PNG\r\n\x1a\n\x00\x00\x00\rIHDR\x00\x00\x02\x00\x00\x00\x02\x00\x08\x02\x00\x00\x00{\x1aC\xad\x00\x00\x8f\xd9IDATx\x9c\xed\xddg|\x14\xd5\xda\x00\xf0\xe7\x9c\x99\xd9\xdd\xf4l\x12\x8a\x11\xe9Dj @\x12\xaa\xd2B@\x01\xc1\xab\x88"R$\x80\x08^P\xf1^\xdb\x0b^\xb1\x17PP\x81 E@\x8a\x05\x15\x14#" \x04\x0c\x81\x84\x1eH(\x82\x80\xb4d\xd3\xb3\xbb3\xe7\x9c\xf7\xc3\x815\x02j\x80\x94\xdd\xec\xf3\xff\xc0/\xb3lvg73\xcfs\xfa!B\x08@\x08!\xe4}hU\x9f\x00B\x08\xa1\xaa\x81\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xa9U}\x02\x95J\x94"\x1f\xa1\xf4\xca\x14X\xfa\x7fI)\x95z\xa2\x08!T\xf1\x88+\xd8UW\x9cs\xce9\x00PJ\xaf\x0e\xf7\xd7\xf5"2\x13\xdc\xf0\x8b \x84\x90[\xa9\x9e\t@\x08\xc19\x17B(\x8aR\xba\xf0\x9e\x97\x97w\xe6\xcc\x99\xb3g\xcf\xee\xd9\xb3\'///77w\xcf\x9e=\x84\\\xfa\x12\xe4\x0f\x9a\xa6\xc5\xc4\xc4\xa8\xaaZ\xaf^\xbdz\xf5\xea5j\xd4\xa8F\x8d\x1a&gt;&gt;&gt;\xae\x17\x91\xc9\xe0f\xd2\tB\x08\xb9\x83\xea\x96\x00dtV\xd5?\x9a\xb6\x0e\x1e&lt;\xb8c\xc7\x8e={\xf6\xa4\xa7\xa7\x1f8p\xc0f\xb31\xc6\xca\xfe\x82\xbe\xbe\xbe\xa1\xa1\xa1\xcd\x9a5\x8b\x8e\x8en\xd7\xae]LL\xcc\xad\xb7\xde*\xffK\x08\xc1\x18\xbb"\xc7 \x84\x90\xa7\xa8&amp;\t@\x16\xf9)\xa52\x163\xc6RRRV\xaf^\xbdy\xf3\xe6\xf4\xf4t\xc30\xca\xeb\x8d\x02\x02\x02bbb\xfa\xf4\xe9s\xf7\xddw7k\xd6L&gt;(3\x8a\xa2(\xe5\xf5.\x08!T\t&lt;&gt;\x01\xc8\xd0\xef\n\xbe{\xf7\xee]\xb2d\xc9w\xdf}w\xf0\xe0A\xf9\x88\xab\x85\xc7\xc5j\rl\xdc\xa0\x8e\x7f\x90\xbf\n$\xa6}KMS\x85\x10\x04@\x08 \xaa\x92\x9b\x93\xbbg_\x16Q\xd5\xdf\xcf\x9c;\xf3\xfb\x85\xbc\xfc\xc2R\xbfJ\x00.\xbd\x94\xaa*11\xb1\x83\x06\r\x1a2dH\x9d:u\xae&gt;\x13\x84\x10rs\x9e\x9d\x00d\x0b\x0c\x008\x9d\xceu\xeb\xd6}\xf0\xc1\x07?\xfd\xf4\x93,\x8fSJ8\xbf\xf4\xd1B\xac\x81Q\xad\x9bv\x8c\x89l\xdb\xa6i\x9d\xdbj7nP\xc7\x1a\x12\x04\x163\x08\x01\xd4\xf4\xe7\x97$\x00\x1c\x98\x0e\x94\xf2\xfc\xc2\xec\x9c\xbc\x8c#\'\x8f\x1e\xffm\xef\xbe\xccm\xbf\xec\xd9\x7f\xf0Hq\xb1\xfd\xd2\xf3.\xe7\x95\x80\x80\x80\xfb\xef\xbf\xff\xd1G\x1f\xed\xd4\xa9\x13\x00\xb8:\x9c+\xedK@\x08\xa1\x1b\xe3\xa9\t\xc0\x15g\x9dN\xe7\xb2e\xcb\xde}\xf7\xdd\xfd\xfb\xf7\xcbG\xe4\x7f\x01@\xb3\xa6\r\xef\xee\xd3\xb5O\xefNmZ4\t\xbd\xb5&amp;(f\x00\x06\x8c\x81\xd3)t&amp;8\x07\x02\x9c\x0b\x00\x01\xe0j\xc4\x17\x00\x84R\x02\x02\xa8\xaa\x80\xaa\x80\xd9\x04D\x01\xa0\xe0(&gt;y\xe2\xcc\xae\xf4\x8c5\xdf\xfd\xbc~\xc3\xf6S\xa7\xcf\x01\x00!\x04\xe0\xd2W\x18\x17\x177e\xca\x94\xb8\xb88\x00`\x8c\xb9\xda\xa3\x10B\xc8=y^\x02(\xdd\xd2\xb2b\xc5\x8aW^yE\x86~UUe[\x7f\x9d[k\r\x19\xdcg\xd0\x80\x1e\xb1\xedZ(\x01\x81\x00\x0cJ\xec\xdc\xa9s.\x08\x01 \x84\x96m\\\xbf\x10\x00 8\xbf4-@Q(1\x9b\xc0l\x06 \xf9\xe7.l\xda\x9a\xf6\xc5\x97?|\xb5fc~AQ\xe9w\x8f\x8b\x8b{\xf9\xe5\x97ccc\xa1T\x05\x05!\x84\xdc\x90\x87%\x00\xd9\xd3\x0b\x00\xfb\xf7\xef\x7f\xe6\x99g\xd6\xad[\x07\x00\x9a\xa6\xe9\xba\x0e\x00q=;\x0e\x1b\xda\xef\x9e\xbb\xba\x05\xd6\xaa\x01\\\x87\xa2\x12\xc3`\x84\x10J\xcbg&amp;\x17\x17Bp\x0e\x02\x14\xb3\x06\xbe\xbe\x00p\xea\xc8\xaf+&gt;_\xbfx\xc9\xd7\xfb\x0f\x1e\x01\x00MSu\xdd\xd04m\xdc\xb8q/\xbc\xf0B\xcd\x9a5]\xb3\x07n\xfe\xdd\x11B\xa8|yR\x02\x90\x05j\xc30\xa6O\x9f\xfe\xdak\xaf9\x9d\xce\xd2\xa1\x7f\xca\x93#\xe2\xe2\xbb\x80\xa2BQ\x91\xe1\xd4\t!T\xa1\x15\x14we-\x04\x00\x14\x8b\x19,~\xce\xbc\xdce+\xbe{\xf7\xfdO\xf6\x1f&lt;\n\x00\x8a\xa20\xc6\xc2\xc3\xc3\xdfy\xe7\x9d!C\x86\x00V\x05\x10Bn\xc93\x12\x80\xab\xd9\'--m\xfc\xf8\xf1)))2\xc8\x02@lt\xab\x97_\x9a\x18\xd7\xbb\x13(\n\xcf+\x10\\P\xa5\xf2\x1a\xdf\xe5T\x00US\xc1?\xd0\x99\x97\xbfl\xe5\xb7/N\x9b}\xfa\xf7\x0b\x8a\xaa2\xc3\x00\x80!C\x86\xcc\x9e=;44\xd40\x8c\xd2\xb3\x13\x10B\xa8\xcay@\x02p5\xfb\xcc\x9f?\xff\xc9\'\x9f,((0\x99LN\xa7\xb3f\x98\xf5\x85\xe7\xc6\x8e\x1b\xf3\x80\xe6g\xe1y\x05r\xdeo\x95\x9c\xa1\x10\xc0\x19ST\x05\x02\x02\xcf\x9f\xfe}\xfa\xabs\xe6\xcc]\xa53&amp;\xcf3""b\xc1\x82\x05\x9d;w\xc6\xe6 \x84\x90[q\xf7\x04 \x1bO\xf2\xf3\xf3\x9fz\xea\xa9\xf9\xf3\xe7SJ\x04\x10\xc1\xf9\x90\xfb\xfb\xbc\xf3\xe6\x94\xf0\xfa\xb7AA\xbe\x9b4\xb0\x08\x00f\x18\xaa\xc5\x0c&gt;~)[S\xff=\xf9\xb5\x94\x9d\xfbe\x0ePU\xf5\xad\xb7\xde\x9a4i\x12c\x0cW\x13B\x08\xb9\t\xb7N\x002\xb2\xdbl\xb6&gt;}\xfa\xec\xd8\xb1\xc3l69\x1c\xce\x00\x7f\xdfw\xdfzf\xf4\xb8\x87\xc0^l\x948\x14Eq\xab"\xb5\x10\x823\xae\x04\xfa\x1b\x0e\xe7\x94\xff\xbc=s\xf62 DU\xa8a\xb0\x84\x84\x84y\xf3\xe6A\xa9:\rB\x08U!\xf7M\x00\xb2\xd1&lt;==\xfd\xd1G\x1fMOO\xf7\xf1\xb1\x94\x94\xd8\xdbF\xde&gt;\x7f\xfe\xf4\xa8\xe86,7\x87\x12J*\xaa\x97\xf7f1\xc6\xa8\xa2\x90\x80\xa0U\xcb\xbe\x1a?\xf1\xe5l[\xbe\xc5b\xb6\xdb\x1d\x83\x07\x0f\x9e3g\x8e\xd5j\xc5\x1c\x80\x10\xaarn\x9a\x00d\xf4OMM\x8d\x8f\x8f\xb7\xd9l\xb2!e\xd4\xb0\x013\xdf{! \xd0\xcf\xc8+P5w\xefP\xbd\xd4?l\r\xc9:\x985\xf4\xe1)\xa9\xe9\x07-\x16\x8b\xddn\x8f\x8e\x8eNJJ\xc2\x1c\x80\x10\xaar\xee\x98\x00d\xcb\xcf\x15\xd1\x7f\xd2\x84\xa13f&gt;\x07\x0e\'s8\x15\xb5\xea[\xfc\xcb\xc8\xd0\r58\xd0v&gt;\xfb\xc1\x87\xa7$m\xf8\xc5\xc7b)\xc1\x1c\x80\x10r\x0fn\x97\x00d\xf4\xdf\xb9sg\xef\xde\xbdm6\x9b\x1c\xe9?o\xd6\x0b\t\x13F\xb1\xbc\x8b\x14\x88\xdb6\xfb\xfc\x15\xce\x185\x9b\xc0b\x193\xf2\xd9\xc4\xc5_\x95\xce\x01AAA\x80\x0b\x07!\x84\xaa\x88{%\x00Y"\xb6\xd9l\xed\xda\xb5;~\xfcx\xa9\xe8?B\xb7]\xd4\x14\x05\xdc\xaa\xc3\xb7\xcc8\xe7\x82R\xc5\xdf\xaft\x0e\xb8\xef\xbe\xfb&gt;\xfb\xec3\\5\x08!TU\xdc\xa8\xec)S\x91\xcdf\x8b\x8f\x8f?~\xfc\xb8\xc5lvE\x7f\xc3vQSU\x0f\x8d\xfe w\xa3\xe4\x82\x15\x16\xcd[\xf8Z\xc2\xf0\x81%v\xbb\x8f\xc5\xf2\xf9\xe7\x9f\x8f\x193\xc65\xa3\r!\x84*\x99\x1b%\x00Y\x16\x1e3fLjj\xaa\x8f\x8f\xc5\xeepL\xfboB\xc2\x84G\xf5\x9c\x8b\xd5`\x0e-\xa1\xc4\x95\x03zu\x8b.\xb1\xdb-\x16Kbb\xe2\xcc\x993]\x0b\xc9!\x84Per\x97&amp; 9\xecg\xe6\xcc\x99\x93\'O\x96\xa3e\x12\x1e\xb9g\xde\xc7\xaf\x18E\xc5\n\xa1\x1e[\xf4\xbf\x12\xe7\x1c4\xcd\x96_\xd4\xe7\xae\x84\x9d\xe9\x19&amp;\x93\x891\x96\x9c\x9c\x1c\x1b\x1b\x8b\x1d\xc2\x08\xa1J\xe6\x16\t@\xc6\xbe\x94\x94\x94\xce\x9d;+\x94:u=\xb6}\x8b\xed[\x97\x83a\x00c\xd5\xac}\x9c3F\x03\x03\x8e\x1f&gt;\xde\xae\xd3\x90\x82\xc2\x12\xcey\xfd\xfa\xf5SSS\x83\x83\x83q\xa1\x08\x84Pe\xaa\xfa"\xa7\xcc@\x05\x05\x05\x0f=\xf4\x90\\\xf4\xcd\x1a\x1c\xf0\xe9\xe27\x81\x10\xa1\x1b\xd5/ RE1r\xf3\x1b4k\x928\xebE\xc30L\x9av\xec\xd8\xb1\xc7\x1e{\xac\xf4V6\x08!T\t\xaa&gt;\x01\xc8\xe2\xff\xb3\xcf&gt;{\xec\xd81MS\r\xc6\x12g\xbd\xd8\xb0y\x13^TD\x95\xaa?\xbd\x8a\xa0j\xaaa\xcb\xf9\xd7\xc3\x83&amp;=6\xc4\xeep\x98M\xa6U\xabV\xadZ\xb5\n;\x84\x11B\x95\xa9\x8a\x9b\x80\xe4\xa8\xff-[\xb6\xdcq\xc7\x1dr\xa9\x9f\xc7G\xdf7;\xf1u\xc3V\x1d:~\xff\x86\x10\x82\x13\x02\xaa\x1a\xdd\xf1\x81\xdd{3)\xa5\xa1\xa1\xa1\x87\x0e\x1d\n\n\n\xc2\x86 \x84P\xe5\xa8\xca"\xb6\x10\x82\x10b\x18\xc6\xa4I\x93\xe4\x0f\r\xeb\xdf\xfa\xda\xebO\xb3\xa2|wX\xdd\xb3B\x11B\x80qE\xd3&gt;\xfe\xe0\xff\x14\x85RJ\xce\x9f?\xff\xe2\x8b/bC\x10B\xa8\xd2Te\x02\x90\x8d?s\xe7\xceMKK\xd34\x951\xfe\xc6K\x13\x03B\xad\xe0\xd4\xbd\xa1\x08\xac(\x94\x15\x14Fu\x8e\x197\xf2^]74M\x9d;w\xee\xae]\xbb\x14E\xc1\x1c\x80\x10\xaa\x04U\xd6\x04$\xdf7\'\'\xa7I\x93&amp;\xf9\xf9\xf9\x8c\xb1\xde=b\x93~\\\xc4\xf2\x0b\x14\xaf\x19\r)\x84\x10\x9a\x9ag+h\xdev\xd0\x85\x8b\xb9\x8c\xb1;\xef\xbcs\xd3\xa6M8$\x14!T\t\xaa,\xca\xc8\xed\xb1f\xcf\x9em\xb3\xd9\x08!f\x93\xf6\xfe\xdb\xcf\x08\xc3\xa8\xfe%\xffR\x08!\xc2\xee\xb4\x86\xd7~}\xea\x04\xc6\x98\xa6\xa9\x9b7o\xde\xb4i\x13\xa5\x14{\x83\x11r\x07\xe2Z\xaa\xfa\xa4\xcaM\xd5\xd4\x00\xe4\x9b^\xb8p\xa1y\xf3\xe6\xb9\xb96\xc6\xf8\xf0\x87\xee^\xb4l\x06\xb3\xd9&lt;h\xa5\xcfr!\x00\x04\x01]@\xebv\xff\xca:\xfa\x1b\xe7\xbc[\xb7n\x1b6l\x00\\$\x0e\xa1\xca%\x87\xa1\xc3\xe5\xeeI\xd9\x10}\xcd\xdb\xf0\x8ad \xb7\xf9\xf3\xc4\x86\xeb\xaa\t1rg\xc4\xa5K\x97fgg\x13BM&amp;\xed\xd9\xa7G\t\xdd\xe1q+}\xde&lt;\x02 tf\x0e\x08|\xee\xc9\x91\x9csUU7m\xda\x94\x96\x96\x86\x95\x00t\xf3dDc\x8c\x19\x86a\x18\x06c\x8c\xff\xd9\x15\xffU\x9d\xca\xb6e$\xf7\xed0\x0cC\xb6I(\x8a\xa2(\x8a\xaa\xaa\x8a\xa2PJ)\xa5yyy6\x9b-77\xd7f\xb3\xb9~\x90\x11_&gt;S&gt;\x99\x10R\xfa\xa5\xaa\xfac\x95U\x15\xd4\x00\xe4;\xda\xed\xf6v\xed\xda\x1d:tH\x081bh\xff\x85K\xdff\xb9\xb9\xd5~\xf0\xcf5]\xaa\x04p\x88\x8a\xb9\xffP\xe6\xafB\x88\x11#F,\\\xb8\xd0M\xf6:F\x9eE\x06}Y\x86\xbd\x81\xeb\x871&amp;\x84\x90\xb1\xaf"N\xcfM\xc8\xfcw\xc5\xc7\xcc\xcb\xcb\xcb\xcc\xcc\xfc\xed\xb7\xdf\xf6\xed\xdbw\xe2\xc4\x89_\x7f\xfd\x95s~\xe0\xc0\x81\xab\x8bbM\x9a4\xf1\xf3\xf3\xb3Z\xad\x91\x91\x91u\xeb\xd6m\xd4\xa8Q\xb3f\xcdj\xd4\xa8\xe1z\x82L\x06\xee\xff5VA\x02\x90qm\xed\xda\xb5\xfd\xfb\xf7W\x14E\x08\x91\xf2\xd3\xa2v]\xdb\xf1\xfc"\xa5\x9a\xce\xfc\xfaG\x86\xc1Tk\xc8\xbb\xaf}\xf8\xd4s3(%&gt;&gt;\xbeYYY\xb7\xdcr\x8b\xbc\x8d\xab\xfa\xec\x90g\x90A\xad\xf4\x04\x9a\xe2\xe2\xe2\x13\'N\x9c:uj\xc7\x8e\x1d\x86a\xec\xd9\xb3\'77W\x96U\xe5\xbf\xf5\xeb\xd7\xafW\xaf^PPP\xeb\xd6\xad\x1b7n\x1c\x1e\x1e\xee\xca\x192\x84\xc9\xb2m\x15}\xa0\xf2\'\xb3\xa3,\xbf\xcbG\xb2\xb3\xb3\x93\x93\x937n\xdc\x98\x9e\x9e~\xe0\xc0\x81\x8b\x17/\xde\xd8+\x07\x07\x07GDD\xb4h\xd1\xa2k\xd7\xae={\xf6\xac[\xb7n\xe9wt\xdb\x06\xa2*H\x00\xf2\xeb\xe8\xdf\xbf\xff\xda\xb5\xdf\x02\x88\xe8v-~I^\x0e\x0eG\xf5Y\xf2\xed\xfa\t!\x88I\xfb\xfd\xd4\xd9\x886\x83\x8aK\x1c\x9c\xf3\xb7\xdf~\xfb\xa9\xa7\x9e\x92k\xe4U\xf5\xd9!\xb7vE\x88a\x8c\xa5\xa5\xa5%\'\'\xff\xfc\xf3\xcf\xbbv\xed:s\xe6L\x19\xd7\x9a\xf5\xf3\xf5\xadW\xbf~lll\xd7\xae]ccc\x9b7o.\x1f\x97\xe5_O\xaf\x8c^\xda\xa2\xf5\xf2\xddt\xea\xd4\xa9\x1f\x7f\xfcq\xf5\xea\xd5\xc9\xc9\xc9\xd9\xd9\xd9\xe5\xfb^\xbe\xbe\xbem\xda\xb4\x194h\xd0]w\xdd\xe5\xfa\x1a\r\xc3p\xc3\nAe\'\x00Y\xf48{\xf6lDDDQQ!\xe7"q\xd6\x0b\xa3\'&lt;b\xd8l\xaa\x97u\xff^\x811\xa6\x04\x05=&lt;d\xf2\xb2U\xeb\x00 66v\xdb\xb6m\x80]\xc1\xe8\xaf\xc9\xd0\xef\n\xcd{\xf7\xee]\xb2d\xc9w\xdf}w\xf0\xe0\xc1\x9b|eUU\xa3\xa3\xa3\xef\xbd\xf7\xde!C\x86\xd4\xa9S\xe7\xea\xf7\xf2 \xa5C\xbf\xd3\xe9\xfc\xfe\xfb\xef?\xfe\xf8\xe3\x8d\x1b7\x16\x14\x14\\\xfddEQBB\x82\x9aE\xd4k\xd4\xe0\xb6z\xf5\xeb\x08Co\xdd*"8$H\x18\x8c\x10"@\x10Bt\x9d\xed\xd8\xb9\x9f\x01\xe4\xe6\xe4\xee9x\xf4\xc8\xd1\xdf\xb2/\xda\x8aK\xecW\xbf\x9a\xaa\xaa111#F\x8c\x180`@\xadZ\xb5\xe0r\xf7\xa7\xfb\xdc\xd4\x95\x9d\x00d\x91v\xf1\xe2\xc5#F\x8c\xa0\x94\xfa\xf9Y\xb2v\x7fU\xeb\xd6\x9a\xc2\xe1\x15\x93\xbf\xfe\x06c\\\t\x0e\\\xf7y\xd2]\xf7\xff\x9bR\xaa\xaa\xea\xbe}\xfb"""pN\x00\xba&amp;W\x17\x91\xd3\xe9\\\xb1b\xc5\xd2\xa5K\x7f\xfa\xe9\'YZ\x97\xcd;\xaegZ\xad\x81M\x1a\xde\xe6\x17\xe8W/\xbcV\xfd\x06\xb7\tC\'\x84\x08\x00\xa2\xd0\xdd\xbb\x0f\xe5\x15\x96\x9c;{\xe1\xf4\x99\xf3y\xf9\x85\xae_q\xbdB``\xe0\xc0\x81\x03\x1f~\xf8\xe1\xb8\xb88\x90\xeb\x99{N\xa1\xa4t\xd2:w\xee\xdc\x92%K\x16/^\xbc\x7f\xff\xfe\xcb\xffO\x00\x04\x00\xf8\xfa\xfa\xb4h\xde\xa8s\xc76];G5\x8d\xa8\x7fk\xed\x9aAa\xc1\xa0\x99\x00\x14\x00\x01\xc0\xe4\xd3\xfeL\x05 \x00\x1c\x84Q\x9c\x9d\x9b}\xd1v(\xf3\xd7m){\x7fNN\xdb\xbd/3\'\'\xef\xd2\x1b\\\xfe\x1ak\xd5\xaa5l\xd8\xb0\xe1\xc3\x87\xb7l\xd9\x12.\xef}\xe2\x0e\x11\xaf\xb2\x13\x80l\x80\xeb\xd7\xaf\xdfw\xdf}\x07\x00w\xc7wY\xfb\xdd&lt;\x9e_X]\xd7}+;!\x04Q\x95\xfc\x82\xa2\xdb[\x0f&lt;w&gt;G\x08\xf1\xc6\x1bo&lt;\xf3\xcc3\xd8\n\x84\xae\xe0\x8ak\xba\xae/]\xba\xf4\xddw\xdf\x95A\xad\xf4:"\xcd\x9b5\x8a\x8dn\xd5\xb5s\xdb\x16\xcd\x1a5ip\xab54\x08,f \x14@-\x15\xce\x08\x08\'\x00\xe1\xf9\x859\xb6\xbc\x83Y\xbf\xa6\xed&gt;\xf4\xf3\xb6\xf4\xd4\xd4\xfd\xa7N\x9f\xbb\xf4\x0c\x022B\xc4\xc5\xc5M\x992E\xa6\x01\x8f\xb8&amp;]\t\xf2\xdc\xb9s\x1f}\xf4\xd1\x9c9s\xce\x9d;\x07\x00\xae%\x17\x03\x03\xfc\xba\xdd\x19=h@\x8f\x1ew\xc6\xd4\xadw\x0b\x98}\x008\xe8:\xe8\x06\xd7\r!\xe4\x98(\x19\xa5\xaf\x88\xd42j\n\x00B)\xa1\xaa\n\xaa\x02f\x13\x80\n\xcc\x91\xfd\xfb\xc5\xe4_\xf6|\xb5\xe6\xa7\xf5\x1b~\x91_\xa3\xeb\xefb2\x99\x1e~\xf8\xe1\xc9\x93\'\xcb4\xe0\x0e_c\xa5&amp;\x00\xd9\xfe\x93\x9b\x9b\xdb\xb0a\xc3\xdc\\\x9b\x10\xb0h\xce\xb4\xe1c\x1f4l\xb9^\xde\xfe#1\xc6\x94\xe0\xe0Q\xc3\x9e^\xb8t\r\x00t\xeb\xd6m\xe3\xc6\x8dX\x03@\xa5\xb9\xae\x87\r\x1b6&lt;\xff\xfc\xf3)))\x00\xa0i\xaa\xae\x1b\x00\xd04\xa2~\xbf\xbb\xbb\r\xea\xdf=\xb6}\x0b% \x00\x00\x80\x19\xe0t\n\x9d\t\xce\x05\xc8q\xeb\xaep&amp;\x08\xa1\x04\x80\xaa\xca\xa5\x10FT\x00\x9e\x7f\xee\xe2\xc6\x9fw}\xfd\xed\xc6\xef\xd6m9w&gt;\x1b\x00\\\x9b\xd6\r\x192\xe4\xa5\x97^\x92\x15S\xb7]\xb5\xd0\x95 \r\xc3\xf8\xe8\xa3\x8f^y\xe5\x95+B\x7f\xa7\x0e\xadG\x0c\xbb\xa7o|\x97:\r\xeb\x00Q\xc0a\x17\x0e\'c\x9c\x10 \x97]\xd7\xdb\tqif\x00\xa5\x84\x9a4\xf0\xf1\x01 \x05\xe7.l\xdc\xb2\xf3\xe3\xc5_%\xfd\x90\xecp\xea W\x7fa\xdcd2\x8d\x1d;\xf6\x85\x17^\xa8Y\xb3\xe6\xe5\xdf\xaa\xb2\x1b\xbcR\x13\x80\xcc\xc9\xdf~\xfbm\xff\xfe\xfd\x01\xc0\xd7\xc7\x9c\x99\xbe:\xbc^\xb8p8\xdd\xf3J\xaad\xb2\x15\xe8\xeb\x15\xdf\x0e|\xf0)JI@@`FF\x06\x8e\x05B.\xb2\xcc\x98\x97\x97\xf7\xe2\x8b/\xce\x9a5\x0b\x004M\xd3u\x1d\x00\xe2zv\x1c6\xb4\xdf\xe0Aq\xe6`+p\'\x14\x950\xc6\x84\x00B\t\xfd\xa7\x88&amp;\xcb\xb3\x9c\x0b!\x04!\xa0\x984\xf0\xf5\x01P\xcf\x9d8\xb9d\xf9w\x8b\x97|\xbd\xff\xe0\x11\xd7{\x05\x05\x05\xbd\xfc\xf2\xcb\x13\'N\x84R\xa5l\xf7q\xcd\x04)C\xbfIS\x1f~\xb0\xdf\xa3#\xef\xed\xd4\xb15\x98-\xe0\xb0\xf3\x12\x07\x17\x82*\xb4\x1cG\xa0\\\x9aM&amp;@1k\xe0\xeb\x0bB\x1c\xda\x9f\xb9\xf2\xb3\xef?\x9a\xbb\xf2\xdc\xf9\x1c\xb8\x9c\x06\xc2\xc3\xc3\xa7O\x9f&gt;r\xe4H\xa8\xd2\xaf\xb1R\x13\x80\xbc|\x9fx\xe2\ty\xed\xb6\x8bj\x96\xb2m9\xf5\x8e\xa5\xdf\xcaB\x08A,\xa6S\xc7N7mwo\x89\xdd\xc99\xff\xe2\x8b/\xee\xbd\xf7^7\xbc\xcdP%s\x15\x15\x93\x93\x93G\x8d\x1a\x95\x99\x99Y:\xf4OyrD\\|\x17PT(,4t\x83PB\xe9\x8dO\xaa\xfc#\x84YL\xe0\xe3\xef\xcc\xcb]\xb6\xf2\xbbw\xdf\xfbd\xff\xc1\xa3\x84P\x00.\x04\xc4\xc7\xc7/\\\xb8\xf0\x96[nq\xab\x8b\xf3\xaf\x12\xa4\x0c\xfd\x93\x9f\x18\xd6\xb2]K\xe0\x86(,\xe6\x8cS\xa5b[\xe1/\r9\x05\xa0~&gt;\xa0\xf9\x9c\xfb\xed\xd4\x9c\xc4U\x1f\xcdYy\xeeB\x8e\xab.\x12\x1f\x1f\xff\xfe\xfb\xefGDDTU\xaf@\xa5V=d[Xzz\xba&lt;\xec\xda1J\xb1\xf82\xe61\xb3\xe6*\x9a\\\x1a\xe8\x96\x06\xb76\xbb\xbd\x81l4\xdc\xb9s\'\\nqD^KN\xec\xa2\x94\xce\x9c9\xb3[\xb7n\x99\x99\x99&amp;\x93I\xd7\xf5\x88\xc6u\x97\x7f\xf2\xe6\x0f?|\x1c\xd7\xb7+/,b\xb6\\\xc1\x85\xaa*\xcaMD\x7f\x00\xb84!VU\x84n\x18\xb6l\x93BF\x8eyp\xd7/+_\x9e6!\xd0\xdfG\x08\xb0\x98\xcdIII\xed\xda\xb5KJJ\x92--\xe5\xf6Qo\x94k\xa8OrrrLL\xcc\xacY\xb34M\x03\x00]\xd7\xfb\xc6w\xd9\x95\xb2\xf2\xe3\xc5o\xb4\x8c\x8c`\xb9\xb9&lt;\xbf\x88\x10\xa2\xa8\x15&gt;\xbfA~\x8dTQx\xb1\xdd\xb0\xe5\xd4\n\xb3N\xfd\xdf\xe4=i_N\x1c\xff\x90\x0c\xbbf\xb39)))&amp;&amp;f\xfe\xfc\xf9r\xbeE\xe5O\xfe\xaf\xbc\x04 \xaf\xe0\xc2\xc2\xc2\xc3\x87\x0f\xcbG\xbav\x8a\x02\xc0\xc6\x8d?a\x8c+f\x9fN\xb1\xad\xe5\xa1L\x96\xd8\x07\xe0\xcd\\\x13V\xc7\x8c\x193y\xf2d\x00\x01\x848\x9d\xce\x89\x8f=\xb8c\xdb\x8a!\xc3\xee\xe1\xf9\x85,\xaf\x80R\xaa\xa8J\xf9\xdeL\x84\x10UU\x05\x07f\xb3\x99\x00^\x98:i\xc7\xf6\xe5\xf1=;\xda\x1d\x0eM\xd3~\xff\xfd\xf7&gt;}\xfa$&amp;&amp;\xaa\xaa*\xe7\x0f\x97\xe7{_\x0f\xd7*\x0e\xd7L\x90\xdf}7\xafe\xab\x08f\xcb\xe5\xc5%\x8a\xa2T\xfex\x13J\xa9\xaa*B\xd7\r[N\xad\xd0\xe0\xf7?\x98\xb6e\xd3\xe2\x9e\xddb\x1c\x0e\x07\xa14???!!!!!\xa1\xa0\xa0\xa0\xf2\xf7\x04\xac\xd4\x04\x00\x00G\x8e\x1c\x91+iX\xcc\xa6\x16\xcd\x1a\x82\x81\xad\xffW\x13\xed\xda4\x93?\x1d8p\xa0\xb8\xb8\x98R\x8a\x95\x00\xef$\xa3\xbf\xcdf\x93\xa1\xd6b1\x1b\x06\x0b\r\x0eX\xb9\xf4\xad\xf7?\xfc_\x90\xaf\x85\xd9r\xa9B+\xb4\x11\x86\x10PTE\x080r.FD4\xf8\xfe\xfby\xd3\x9e\x1f\xab\xeb:\x10\xa2i\x9aLKrJ\x7f\x95\\\xa5\xb2\xf1\xc4f\xb3=\xf0\xc0\x03\x93\'O\x16\xe2\x1a\t\x92\x17\x95(\xaaR\xb5\x05\xa9K\xd9T\xd7\x99\xcd\x16\xdb1\xea\xc7\x1f\x16\xbc\xff\xee\x7f\xfd}-B\x08\xb3\xd94\x7f\xfe\xfcn\xdd\xba\xa5\xa7\xa7Wr\x8d\xaa\xb2\x13\xc0\xb1c\xc7\x0c\xc3\x10B\x04\x06\xfa\x85\x87\xd7\x04\xa7\x8e\xf1\xbf4B\x08\x08\xd6\xb8\xd1m\xb2A0;;\xfb\xc2\x85\x0b\x80\xad@^\xc9\x15\xfd\xe3\xe3\xe3\x93\x92\x92,\x16\x8b\xdd\xee\x88\x8ej\xb6}\xeb\xf2\xc1C\xef1l\xd9\x82\xb1J[=\x97\x10P5\x95\x17\x95\xf0b\xfb\xd4\xe9O\x7f\xbf\xe6#k\xa0\x9f\xae\xeb&amp;\x93i\xe6\xcc\x99c\xc6\x8c\x91\xcb\x17V\xf2\x85*{ rrr\xe2\xe3\xe3W\xadZe\xb1\x98\x19\xbbF\x82t\x9f:\xb4l}\xe2\x05E\xbc\xb8x\xe2\xe4\xd1\x9b\x7fZ\xdc\xb6\xf5\xed\x0e\x87\xd3l6\xa7\xa5\xa5\xf5\xec\xd9355\xd55\xe6\xaa\x12Tv\x028t\xe8\x90&lt;l\xd4\xa0\x8e_h\x107\x18\xd6\x00J\xa3\x94\x80\xc3\xd9\xb8A\x1d__3\x80\x90k\xb9\x00&amp;\x00\xef#\xff\xe2\xc5\xc5\xc5\xf1\xf1\xf1\xa9\xa9\xa9&gt;\x16\x8b\xddn\x1f&lt;\xa8W\xd2\xba\xc4&amp;M\x1b\x1899\xaa\xaaVA\x9f\xa1B)!zNv|\xbf^\x1b\xd6/\x8cj\x15\xe1t:}|,\x89\x89\x89\xe3\xc6\x8d\x93mA\x95v2\x86a(\x8a\x92\x9a\x9a\xda\xa1C\x87\xd4\xd4T\x1f\x1f\x8b\xdd\xee\xe8\x1c\x1b\xb9}\xcb\xa7\x95\x9f \xaf\x8b\xccIF\xce\xc5\xa8\xb6\xcd7m\xfcd\xf4\x88A\x0e\x87\xc3d2\xd9l\xb6\x9e={.X\xb0\xa0\xd2r@\xe5%\x00y\xb1\x1e;vL\x1e6\x8dh@U\x93\xf0\x9cuS+\x07!D\x18F`\x98\xf5\xb6[k\xcb\x98\xef\xfa\xc6\x90\xf7p\xad%\xf9\xf8\xe3\x8f\xcb\xe8_b\xb7\'\x0c\x1f\xb8\xf2\xcb\xd9\xd6@?\x96_\xa0jU9\x81H\xd3T#\';\xaa}\x8b\r?.\x8c\x8ejVRb\xb7\x98\xcds\xe7\xce\x9d;wn\xa5E.9\xe0\'555&gt;&gt;&gt;++\xcbd2\x95\x94\xd8\x13F\x0c\xda\xb4iI\x93\x88z\x86\xadj\x12\xe4uQ5\x95\x15\x14\x06\x98\xb4\xc4\x85o\xccy\xffy\xa7\xd3\t\x84\x14\x16\x16&gt;\xfa\xe8\xa3\xb2g\xa5\x12\xbe\xc9\xcaN\x00G\x8e\x1c\x91\x87\x8d\x1b\xd6\x01\xa2`\xb9\xf6j\x82qK\x90\x7f\x9d[k\xca\xc3\xa3G\x8f\x02\xd6\x00\xbc\x8c\x1c\xd02y\xf2\xe4E\x8b\x16Yd\xf4\x7f\xe4\x9ey\x0b_c\xf9\x85\xdc\xa9\xbb\xc3\xb0KUSYn\xbe58 \xe9\xfb\xf9\xed\xdb4\xb3;\x1cf\xb3y\xdc\xb8q_|\xf1E%\xd4\x03\xe4\xf7#\xa3\xbf\xcdf\xd34\xcd\xe9tN}n\xec\xbc\xc4\x97U\xc6XQq\x95\xcf\xb0-#EQ\x04c,7w\xec\xc4\xe1+\x97\xbee\r\xf4\x17\x02d\xcfJ\xe5\xe4\x80Jm\x1a+=\xe7\xad\xa4\xc4Q\x99o\xeda\x18\xb3;\x9c\xf2G7/\xc5\xa0r\'\xa3\xdb\x17_|1s\xe6L\xb3\xd9l\xb7\xdb;F\xb7\x9c;\xefe^TL\x85\x1bM\x0bWT\x95\x15\x95X\xc3\x82W}\xfav\x885\xd00\x0cUQ\x12\x12\x12\x8e\x1d;\xa6(J\xc5m\x8a"\xdb\xfd\xf7\xed\xdb\xe7\x8a\xfe\xba\xae\xcf\x9b\xf5\xc2\xb4W\xfe\xcb\x8a\x8a\x85;\xcdK(\x0bB\x88\xa2P#\'g\xf0\xd0{\x93\xbe\x9dc\r\xf2\xd7u\xddd\xd2\xc6\x8c\x19\xb3x\xf1\xe2\x8a\xce\x01\x95t1\xc9\xd0\x9f\x97\x97w\xe0\xc0\x01\xf9H\xdb6M\x01\xb0\x03\xe0\x1a\x84\x10@\xb5v\xad\x9b\xca\xc3_~\xf9\x05p$\xa8\xd7\x90\x1d\xbfG\x8f\x1eMHHPUU\xd7\xf5\x86\xf5o]\xfb\xcdG\x823`\x8c\xb8\xd9e\xa0\xa8\n\xcb+h\xd0\xb4\xe1\xb7\x9f\xbf\x0f d\x97\xf5\xd0\xa1Cu]\xaf\xa0AAr\x8d\x07\xf9.6\x9bM\x0e\xf7\x9c7\xeb\x85\x84\t#\xf4\x9cs\nq\x8b\x15\xd6n\x80\xaa\xa9z\xf6\xf9\xe8\xce\xed\x93\xbe\x9dc\r\np:\rUU\xc7\x8f\x1f/\xfb\x84+\xaeFU\xd95\x00W6\x0b\r\t\xbe\xd6\x1a{\x08\x84\x00 44$X\x1e\xca\xd9\x9e\xc8K\xc8e?\xc6\x8e\x1d+GK\x13\x02\x9f.x5\xa4V\x98\xb0;\xdd\xb3\x10\xa0\xa8\xaa\x91\x9b\xd7\xa1G\x97\xb7\xa7Or\xea\xba\xc5b\xfe\xe5\x97_^}\xf5\xd5\x8a\xa8\x04\xc8\xa4RTT\x14\x1f\x1f\xbfo\xdf&gt;\x8b\xd9\xect:e\xf47l\x175M\xbdr\xd16\x8f\xa2\x994#\xc7\x16\xdd\xb9}\xd2\xda9\xd6`\x7f\x00\xb0\xdb\xed\xf2\x93V\\\x8d\xaa\xb2/)W~v\x87\xd9\x83\xee\xcc\xf5\xfdxh\x89\x06\xdd\x00\xd9\xb8\xf1\xc1\x07\x1fl\xd8\xb0\xc1l6\xe9\xba\xfe\xf6\xf4I\xb1\xdd;\x19\xb9y\xee9\x9aERU\xd5\xc8\xcb\x99\xf4L\xc2}\xf7\xf4\xb0\xdb\x1d&amp;\x93\xf6\xca+\xaf\xa4\xa5\xa5\x95{\xd8\x92\xdf\xcf\xc4\x89\x13/\x8d\xf9q8&amp;\x8d\x7f0a\xc2(\xddv\xd1S\x1a\xfd\xff\x9e\xaa\xa9zvNt\x97\x0e\x89\xb3_4\x0c\xc3\xa4i6\x9b\xed\xe1\x87\x1f.**\xaa\xa0\x1aU\xd5\xadB\x87q\xedo\xe1\xf7\xe3md\xe3\xcf\xd9\xb3g_|\xf1EUU\x1c\x0eg\xafn1\x93\x9e\x19m\xe4\xd9\xdc?\xbaQ\x00\xe1t~\xf8\xfe\x0b\xb5k\x86r\xc6u]\x9f4iR\xf9N\x0b\x90]#\x0b\x17.\\\xb8p\xa1\xc5b.)\xb1\x8fx\xf0\xee\x19\xb3^\xd4s/\xaa\x8a\xbb\x7f?e\xa7\x994#\xe7\xc2\xbf\x86\x0e\x9c3\xe3Y\xbb\xc3a1\x9b\xf7\xee\xdd;q\xe2\xc4\n\x9a$\xec\x8e\x95J\x84\xbc\x90l\xfcy\xf6\xd9ge\xe3\x8f\xc9\xa4}\xf0\xee\x7f\x813\xea\t\r\xa5\x94RV\\R\xa3\xeem\xaf\xbf4\xc1`\xccl6m\xd9\xb2e\xd9\xb2e\xe5\x15\xb6d\xd3\xbf\x0c\x85&amp;M\xb3\xdb\x1d\xad\x9a7\xfa\xe0\xc3i\xdc\xeeP\xddtQ\xea\x1b\xa7j\xaa\x91k\x1b;i\xd4\xc8\xa1\xfde\x0e\x90i\xaf":\x03\xb0\x06\xe0\xa6\\\xdf\x0f~Q\xde@\x06\xb8\xc3\x87\x0f/_\xbe\\UU]7\xa6&lt;1,"\xaa\xa5QP\xec){%\xa9\x9a\xca\xf2l\xc3F\xddwg\x97\xb6N\xa7N)}\xf5\xd5W\x9dN\xe7\xcd/d"[?t]\x1f1bDQQ\x91\x00\xf0\xf3\xb5,[\xf4\xba\xaf\xbf\xafp8\xc9M-|\xe7\xa6\x14BYQ\xc1\xac\xd9\xff\x17\xd9\xbc\xb1\\yi\xe2\xc4\x89G\x8f\x1e-\xf7V\xb5\xca\xee\x04v\x9d\xbd\xdc\xbf\x02\xfd\x15\xd7\xf7\x83\x9d%\xde@\x86\xc8W_}\xd5\xe1pp\xceCC\x83\x9e\xfc\xf7#\xa2\xa4H\xf1\x90\xe8\x7f\x89\x00\xaa\xa9\xd3\x9e\x1d#G\xfd\x1d&gt;|\xf8\xd3O?%\x84\xdcd\xcc\x92\xd9\xf1\xd5W_MOO7\x9bL\xba\xae\xcfzkJ\xab\xe86F~\x81;w\x8d\xdc\x0cB\t\xd1u?\x7f\xdf\xa5\x8b^\xf5\xf7\xf7\x05\x80\xa2\xa2\xa2\xb1c\xc7\xcaua\xcb\xf1\x8d*\xe9\xf2\x92\x17A```DD\x84|$e\xe7~\x00\x15\xe77]\x8dR\x02\xdc\x99\xb2\xf3\xd2\xce\xa5\xed\xda\xb5\x03\x9c\x08V\xad\t!\x14E\xf9\xfd\xf7\xdf\xbf\xf8\xe2\x0b\xb9d\xfa\xc41\x0f\x84\xd4\xb9\x95\xd9=l\xa9DE\xa1&lt;\xbf\xa0[\xef\xae=\xee\x8c\x96\xbb\x9f\x7f\xf0\xc1\x07r\xa9\xce\x1b~M\xd95r\xf8\xf0\xe1W^yE\xd34\x87\xd39xP\xaf\x91\xe3\x87\x19\xb6\x9c\xaa\x9d\x0e]\xd1\xa8\xa2\x18\xf9\x05\xad\xa2\xdb\xbd1m\x82\xae\xebf\xb3i\xc3\x86\rK\x96,)\xdf\xce\x80J-_\xa8\xaa\xea\xe7\xe7\'\x7f\xc6\x88\xf6wJ\x15\x9a\x82\x82\x82\x00\xbf\xaejM\xde\xcf\xcb\x97//**\x02\x00?_\xcb\xb8\xd1\xf7\t\xbb\xa7\x15\xff\x01\x00@p\x00Uyj\xc2PY\tHKK\xdb\xb5k\x97\\\'\xee\x06_P\x08B\xc8\x13O&lt;\xa1\xeb\xba\x10\xdc\x1a\x1c0k\xc6\xb3\xbc\xa4\xd8=\x07\xc5\x96/US\x8d\xbc\xec\xf1\xff\x1e\xde\xb5S\x94\xc3\xe1TU\xe5\xbf\xff\xfd\xaf\xec"*\xaf\x80P\xd9_bHH\x88\xfc!\xc7\x96\x07\x82{T\xf9\xa6\x92\x10Jt\xbb#\xbf\xa0H\x1e\x06\x07\x07W\xe9\xe9\xa0\n\xa7(\x8a\xd3\xe9\\\xb0`\x01\x00p\xce\xef\x1f\x14W\xabA]nwxV\xf1_\xa2*\x15\x85\x85\xdd{u\x92\x9b\x1aq\xce\x13\x13\x13o\xf8\xd5\xe4\xb8\xcf\xcf&gt;\xfb\xec\x87\x1f~0i\x9aa\xb0\x97\x9f\x1fW\xb3\xdem\xc2\xee\xb8\xb9=o&lt;\x06\x15\x00 f\xbe\xf1\x94\xaa*\x84\x109H\xcc\xb5\xcb|9\xbc~\xb9\xbcJY\xc83n\xd9\xb2\xa5&lt;\xdc\xbd/\x13\xc0\xf0\xc4K\xbcB\t!\x88\xaa\x16]\xcc\xcd:zR&gt;\xd2\xaaU+\xc0\xae\xe0\xeaK6\x95\xa4\xa7\xa7\x1f8p\x80RJ)\x19?\xfa&gt;\x10\x1c&lt;sR\x13\x01`:\xf3\t\x0ey\xf4\x91{d\xe1\xfd\x9bo\xbe\x91[\x9d\\o\xa1U\xfe\xba\xc3\xe1x\xfe\xf9\xe7\t!\xbaa\xb4k\xd3t\xeccCYA&gt;\xad\xa6M\xffW\xa3\ne\x05Em\xbb\xc4\x8e\x1by\xaf\xae\x1b\xaa\xaa\xce\x9d;\xf7\xf0\xe1\xc3\xe5\x95\x03*\xbb\x06P\xbf~}\xf9\xc3\xf1_O\x17g\xe7\x13\xf5\xba/\x8b\xeaM\x08\x01f\xd3\xf1\x13g\x8a\x8a\xed\x84\x10\x8b\xc5R\xbbvm\xc0\x04P}\xc9\xeb\xff\xf3\xcf?\x07\x00\xceE\xe3\x86\xb7E\xb6m.\x8a\x8b=\xb1\xfdG\xa2\x94\x82^\xd2\xafOW\x93\xa6\x12B\xce\x9d;\xb7y\xf3f\xb8\\\x04,;\xd9\xfa\xbfr\xe5\xca\xac\xac,UU\x84\x10\xef\xbc:Y\xf55\x83\xc1\xbc\xeaf\xa0\n\xe5%\x85\xff\x9b:!,4H.\xa6\xf0\xdak\xaf\x95W+Pe\xaf\x06\xda\xb4iS\xb9\xd5\xc9\x85\x8b\xb9\xd9\xe7\xb3\x89\xa6b\xfc/M\x08\x00\xaa\x1c\xfb\xf5\xb4\xae\xcbms\x02\xeb\xd6\xad\x0b\x98\x00\xaa/\xd9\xa7\xf7\xd3O?\x01\x00\x80\x18\xd4\xaf\xbb90\x88\xe9\x95\xbd7l9\xa2\x94\xf0\x12{\x93\x96M\xdaE5\x97A\xff\xc7\x1f\x7f\x84\xeb\xec\xc7\x92]\x08%%%\xaf\xbe\xfa*\xa5D\xd7\x8dn]\xdb\xdd\x19\xd7\x85U\xdf\x91?\x7f\x85\x10\xc2\xedN\xeb\xad\xe1\x13\x12\x1e`\x8c\xa9\xaa\xb2b\xc5\x8a\x8c\x8c\x8cr\xa9\x04T^\x02\x90\x9d6\x8d\x1a5\n\x08\x08\x00\x10\xc5%\xf6\x8c\xcc_\xc1d\xc6\x1a@iB\x08\x00%m\xcf\xa5ms"""|}}or\x1c\x05r[\xb2\x95\xe3\xec\xd9\xb3\x87\x0f\x1f\x96\x7f\xe2&gt;q\x9d@x\xfc"\x89\x9cqj\xf2\xe9\xd3\xab\xa3&lt;LNN\x96C9\xaf\xe3\x158\'\x84l\xdc\xb8\xf1\xf0\xe1\xc3\x94*\x000\xf5?\t@\xa9w\xae\x1f\xa6(T\x94\x14N\x18\xff`Xh\xb0\x10\xe0p8&gt;\xfe\xf8\xe3\x9b\x1f_\x0b\x95\\\x03\x10B\x84\x84\x844l\xd8P\xc6\xfc_R\xf7\x01\xe0n\xb7\x7fB)\x11\xcc\x91\xb2s\x9f&lt;\x8c\x8a\x8a*\xc7\x0e\x1f\xe4n\xe4_6%%E\x8e\xff\t\x0b\tj\xd5\xb2\t\xd8\xed\x9e\xde\xc3I\x08\x01at\xed\x14E\t!\x84ddd\x9c&gt;}\xfa\xba\x02\x96L\x81\xef\xbe\xfb.!\xc40\x8cn]\xdbu\x8b\xef\xca\x0b\n&lt;\xb7e\xecf\xc8J@\xe8mu\x1eO\xb8_\xee\x14\xb4d\xc9\x92\x8b\x17/\xde@\xcf\xca\x15*\xf5\xdb\xe4\x9c\xab\xaa\x1a\x19\x19)\x0f7m\xdd%\x0c\xa7\xa7_\xeb\xe5H\x08AMZ\xce\xe9\xf3\xe9{.\x95\x07\xdb\xb6m[\xd5\'\x85*\x90\xbc{w\xee\xdc)\x7fnz{\x83\x90[kr\xa7\xee\xe95\x00J\t8\x1c\xadZ4\xf6\x0f\xb84\x89I\xae\x03_\xc6h%[\xff\x0f\x1c8\xb0y\xf3f\xf9U\x8c\x19q/\xa8*\xe7\xde[X$\x94\n\xbd\xe4\x91\x87\xfa\xf9\xf8\x98\t!\xe7\xcf\x9f_\xbdz5!\xe4&amp;\xe7\x04T\xf6L`\x00\xe8\xd1\xa3\x07\x00\x10B\xf6\xec\xcb\xcc={\x91\x9a4\xac\x04H\x9c\x0b\xb0X\xf6\xed\xcf\xb2\xe5\xe6\x13B\xccfs\xa7N\x9d\x007\x03\xa8\xbe\xe4_v\xf7\xee\xdd\xf20*\xf2v\xa2\x98\xaaA\x98#\x84\x08\xa7\x1e\\+\xb4q\x83\xdb\xe4\xdd\xbdw\xef^\xb8\x9e\x04\x00\x00\x8b\x16-2\x0cC\x08qK\xed\xb0\xfe\xfd\xba\x89b\x8f\x9c\x18Q^(%\xa2\xa8\xa4a\xcb\x88\x9ew\xc60\xc6\x00\xc8\xfc\xf9\xf3e\xa6\xbc\xa9\x97-\xaf\xf3+\x0b\xd9\x08\xd8\xabW/___\x00\xb0\xe5\xe6o\xffe\x0fX|\xaa\xc1\x15_.\x84\x10@\x94\xef\xd7o\x13\x028\xe7-[\xb6l\xdc\xb8q\xe9m\xd4Pu";\x00JJJ\x8e\x1f?.\x1f\x89h\\\xafjO\xa9\x1cq.T\x1f\x9f\x86\rn\x95\x87\x07\x0f\x1e\x842\x8fe\x90\x13#\xd6\xacY\x03\x00B\x88\xa1\x83\xfb\xfa\xd7\xac\xc1\x1c\x1e_1\xbaI\x02\x08\x00\x197\xea^\x00\xa0\x94\xec\xde\xbd\xfb\xc8\x91#7\xd9D\\\xa9\x91E6\x02\xd6\xaaU\xabU\xabVru\xebU_\xad\x07Bpg\x18I\xd1\x14gA\xfe\xea\xb5\x1b\xe5\x18\xf0\xee\xdd\xbb\xdf\xcc\x14J\xe4\xfe\xe48\xf7\xdf\x7f\xff]\x1e\xb6l\xde\xa8\xdal\x93\'\x873\xb4j\xdeX\x1e\xfe\xfa\xeb\xafP\xb6\x04\xe0\x9a\x18\x91\x95\x95E)\xa5\x84\xdcwO\x0f\xe08g\x08(%PR|\xc7\x1d\xd1\xb5k\x85\n!\x9cN\xe77\xdf|\x03\xd7?\xbe\xf6O\xafY~\xa7W&amp;r0\xc0}\xf7\xdd\x07\x00\x84\x90\xa4\x1f\xb7\x17\x9c\xbb\xa0`+\x10\x00c\x9c\xf8\xfa\xa6\xa7\xee;r\xf47J\t\xa5\xd4\xf5-U\xf5\xa9\xa1\nTPP G\xbc\x10B(!\xd5\xac,Tj\x0f\xf0\x922.k\xe8\x9a\x18\xc19\xe7\\4nt[Tt+\x8f\x9e\x18Q^\x08!\xcc\xa9\x07\xd4\xaa\x11\xdf\xab\xa3\xeb[\x92}\xc27\xfc\x9a\x95\xfd\x9d\xcas\x1d0`\x80\xc9d"\x84\x9c=\x97\xfd\xf3\xcf\xa9\xe0\xe3\x8b\xad@B\x08\xa0\xea\xe7_\xff\xc4\x85\xe0\x9c7i\xd2$**J.\x13V\xd5\xa7\x86*\x84,\xb8eff\x16\x14\x14\x00\x88\xa0@\xbf\xe6\xcd\x1a\x82\xa3\x9a,r@\x08\x010b\xdb_\x9a\xf9\x7f\xf8\xf0\xe1\xfc\xfc\xfc\xb2,\r-W&lt;\xde\xb8q#\x00\xc8\x89\x11\xa6\x80@\x8f\x9e\x18Q\xae\x08\x081x`\x1c!@\x08\xd9\xb7o\xdf\xb9s\xe7nf\xc1\xed*H\x00\x9c\xf3\xc6\x8d\x1b\xb7i\xd3F\x06\xfd9\x0b\xbe\x04\x10\xd5\xad\xe4s\x9d\x84\x10\x8aY+&lt;\x7fa\xd9\xaau\xb2\xc8\xdf\xbf\x7f\x7f\x93\xc9\x84\xed?\xd5\x9e,\x12\t\x01\x84\x10UU\xa1zU\x85\xb5\xcb\x0bv\xca\xe9\x9f\xff\xf8|Y\x19:r\xe4\xc8\xfe\xfd\xfb)\xa5\x84T\x93\x89\x11\xe5\x85R\x02\xf6\x92\x8e\x1dZ[\x83\x03\x01\xa0\xb8\xb8XN\xb2\xbb\xe1@Q\x05\xb5*\xd9s=z\xf4h\x00\xa1(\xca\x86\xcd;\x8e\xed\xcf$~^\xdd\x15\xcc\x18\'\xbe~k\xd6n\xfa\xfd\xecE\x19\x08F\x8c\x18\x018\xfe\xc7\xcbT\xbf\x86\xd0\xeb\xfdD\xb2V\xb4m\xdb6\x87\xc3!\x84\xb0\x06\x07V\x8f\x89\x11\xe5\x85\x10\xc2\x9dzp\xed\xb0\xd6\xad"\xe4w+\xe7\x90\xdfp\x82\xac\x82\xf8"\'/\x0c\x1a4\xa8f\xcd\x9aB\x88\x92\x12\xc7\'\x9f\xae%\x9a\x8f\xf0\xe2\xe9N\x94\x120\x8cy\x8b\xbe\x04\x00!\xc4\x9dw\xde\xd9\xa2E\x8b\x9b\x1f\xe3\x85&lt;K\xb5\x8b\xff7\x98\xd2\xd2\xd2\xd2\xe4\xefF\xb5\xbe\xbdzL\x8c(G\x9c\x0b\xa2\x9a\xbaui\'\x0f\xf7\xee\xddk\x18\xc6\r\x07\x8a*\x88/r\xf2BXX\xd8\xb0a\xc3d\x9f\xf0\x07\x89\x9fe\xffv\x8aZL\xd5\xaf\x04T\x16\x8cq\x1a\x10\xb0)i\xcb\xa6-\xbbTU\x15B&lt;\xf9\xe4\x93P\x1d\xcb\x83\xe8j\xae\xbf2!D\xadv\xfd\x9c\xae\xed\xec\xcbx1\xcb&amp;\xe2\xf4\xf4ty\x18\xdb\xbe\x15Q\xcc\xde\xdc6p5B\x08\x00\xef\x10-\x17\t\x86c\xc7\x8e\xe5\xe4\xe4\xdc\xf0\xdapUs\xc1\xc9^\x8bG\x1f}\xd4l6\x13\x02\x17\xb3sg\x7f\xb8\x9c\xf8\xf83\xe6\x95\x95\x00\x02\xc0\xf9Ko$\x02\x00\xe7\xec\xf6\xdbo\xef\xde\xbd;\x0e\xff\xf7\x12\xaa\xaa\xca!@\xban\xe4\xe6\x17\x02\xa5\xd5(\xef\x93\xec\x9c\\\xf9\x93\xfc\x98\x7f\xffly\xcd\x17\x17\x17gff\xcaG\xda\xb6nZm\xc6\xc5\x96\x17B\x088\x1d\xcd"\xea\xfb\xfaX\x00HAA\xc1\xd1\xa3G\xe1F\x07\x83VY\x02\xe0\x9c7k\xd6l\xc8\x90!\x86\xc1\x14E\x99\x9d\xb8\xd2v\xfa\x8c\x17V\x02\x98\xc1\x94\xc0\x80\xcd\xeb\xb7n\xda\xb2K\xd3T\xce\xc5s\xcf=\xe7\xe3\xe3\x83\x0b\xc0U{2\xc17o\xde&lt;((\x08@\x14\x14\x16\x1f9z\x12\xcc\xd5\xe4\x16\x90\xf3\x00v\xef\xbd\x14\xca\xe5\xc7\xfc\xfb\xabZ~\xf0\x93\'O\xe6\xe7\xe7\x13B4MmX\xffV\xe0\x0c\xef\x83\xd2\x08\x01\xa1\x1b\xa15Ck\x84\x05\xcb]\xd6\x0f\x1d:\x047\xda`PeeLYgy\xf6\xd9ge\xd1\xe0bv\xde\xff\xbd4\x9b\xfa\xf8so\xaa\x04\x08\x00P\x15\xa3\xd8\xf1\xd4s3\x08!\x86\xc1\x9a4i\xf2\xc0\x03\x0f`\xeb\xbf\xf7\x90\xc3|\xe5\xcdkT\xb3A_B\xb8\x8a\xa5e\x19\x05$C\xd8\xd9\xb3g\xedv\xbb\x10\xc2\xcf\xd7\xd2\xa0^88&lt;lc\xe4\x8aF\x08\x11\x06\xf3\r\rlP\xff\xd2,k9\xc9\xee\xc6TY\x94\x91\x95\x80\xdbo\xbf}\xec\xd8\xb1\x86ah\x9a:g\xe1\x97i[S\x94\x00?\xef\xc9\x01\xdc`J@\xe0\xdc\x8f\x96\xed\xda}HSU!\xc4+\xaf\xbcb6\x9b\xe5"\x01U}v\xa8b\xc92\x90\xbf\xbf\x7f\x83\x06\r\xe4#\xe9{\x0e\x03\xa8\xd5\xa3\x06@)\x01\xc2v\xed\xce\x90\x87rc\xbb\xbfo\xa6\x90\x1f|\xdf\xbeKK\xe16iT\xd7/,X\x188\x07\xf8JB\x08\x00\xb5M\xab\x08y\xb8\x7f\xff~\xb8\xd1\x11\x83UY\xcc\x949\xe0\xe5\x97_\xae]\xbb\xb6\x10\xc20\xd8\xa4\xff\xbc\x03@\xb8w\xfc\xb99\x17\xc4b&gt;\x7f\xe2\xb7\x17_\x99\xa3\xaa\x8aS\xd7{\xf7\xee}\xff\xfd\xf7\xcb}P\xab\xfa\xecPe\xe0\x9ck\x9a\xd6\xb0aCy\x98y\xe4\x04@5\xd9(\x9b(\xd4\x91_\xf8\xeb\xc93\xf20""\xa2\x8c\xbf\x98\x9b\x9b+\x7f\x08\x0c\xf0\xd3,f\x81=\xc0W\x11\x02\x80\xd0\x10k\x90&lt;\xcc\xc9\xc9\xb9\xe1\x97\xaa\xca\x04 K@V\xab\xf5\xf5\xd7_7\x0cf6\x9b\xb6lK\xff\xf0\xbd\xc5jP\xa8\xa1\x97i\xd6\xb8G\xe3\x9cS\x1f\xdf\x89\x93_\xb3\xe5\x16\x10B5M{\xff\xfd\xf7\xb1\xec\xefUd\x99\xb7]\xbbKC\xfa\xd2\xf7\x1ef\x8e\x92j\xd0\xfa\xc7\xb9 &amp;\xed\xc2\x99\xf3\xbf\x9e\xfc]vq\xb7i\xd3\x06\xfei\xb8\xba\xfc\xdf\xbc\xbc&lt;yH)\xad\x86\x03c\xcb\x8f\xeb\xcb,***\xe32\x1bW\xab\xe2KM\xee\x877l\xd8\xb0\x9e={:\x1cNM\xd3\xfe3m\xf6\xbe\xd4]j`\x00\xaff\xed\xa1\x7ff\xe8\x86j\rY\xf8\xe1\x92U\xab\x7f4\x9bL\xba\xae?\xff\xfc\xf3\xb7\xdf~;\xb6\xfe{\x15y\x0f\xc7\xc4\xc4\xc8(\x99u\xe4\xe4\xef\xc7\xcf\x10\xcf\xef\x07\x16B\x80\xc9\xbc3=\xa3\xa4\xc4\x01 \xacVk\xd3\xa6M\xe1\x9f\x9a)\xe4\xb7\xb1k\xd7.y\x18\xdb\xbe%\xd0\xea\xb08v\xb9\xbbb\x99\x8d\xcc\xcc\xcc2.\xb3q\xb5\xaa\x8f5\x84\x10J\xe9\xdc\xb9s\xfd\xfc\xfc\x00\xa0\xb0\xb0\xf8\xe1\x11\xcf\x15\x15\x16\x0bM\xab\xae\xb5?f050`_\xea\xee\x89S\xde\xd24\xcd\xe1tFEE=\xf7\xdcs7\xb9\xae\x13\xf28\xf2\xcf\x1d\x15\x15\x15\x12\x12\x02 \n\x8bJv\xed\xce\x00\xb3\xc7\x8f|\x97C\x80~N\x96\xf3\xb9\xa0M\x9b6aaae\x1c\xd8\xe6\x9a:\xe0ZF\x02]\xd3\xf5.\xb3qMU\x1fn\xe4\x8a\xc7\x8d\x1a5\x9a5k\x96\xae\xeb\x16\xb3y\xef\xc1#\x13\'\xfcO\xf1\x0b`\xa2\x1a\xf6\x06\x0b.\x88\xd9T\\X&lt;t\xc4\x7f\x8b\x8a\xed\x04\xc0\xcf\xcfo\xd1\xa2E\x9a\xa6\xc9b`U\x9f \xaa&lt;r\x81t\xab\xd5\xda\xaaU+Yz\xfb\xfa\xdbM\x00\x1e\xbf@\xba\xa2)\xce\x82\xbcu\xeb\x93\xe5a\x97.]\xa0\xcc\x03\xd5]\xc5XO\xaf\x06U\xb4r\xf9~\xaa&gt;\x01\x00\x80\xa2(\x86a\x8c\x1c9r\xe4\xc8\x91v\x87\xc3b6/\\\xb6f\xee\xcc\x05j\xb0\xb5\x9au\x06\x08\x01\x86\x10\xd4b~|\xfc\xb4}\x07\x8fZ,f\xa7\xae\xcf\x9a5+22\x12\x8b\xff\xdeI\x96\x8b\xfb\xf6\xed\x0b\x00\x84\x90u\xeb\xb7\xe5\x9f;\xef\xd1\xdb\xe41\xc6\xc1\xc7\'=u\xdf\xe1\xac\x93\x94RJi\x9f&gt;}\x00\x176wK\xee\x12qdg\x80\x0c\x852\x07\x8c\x9b\xfc\xda\x17\xcb\xbeRCj\xe8N\xbd\xaa\xcf\xae\xdc\x18\xcc\xd0\x82\xc3&amp;O|y\xd1\xf2o}|,v\xbbC\xa6=\xc30p\xe4\x8fw\x92Y\x7f\xe0\xc0\x81rB\xcc\xd9s\xd9[\xb7\xa4\x11_\x0f^ ]\x08A\x14\xf3\x17\xdf\xfc$\x84\x10B4l\xd8\xb0]\xbbv7\xb0\xb0\xb9\xe7\xa6\xc0\xcaQ}j\x00\x00 [?\xfc\xfc\xfc\x96.]j\xb5Z\x9d\xba\xae\xaaj\xc2\x84\x97S\xb7\xfe\xa2\x85\x86T\x8fz\x80a\x18\x9a5,q\xf6\x82\x99\x1f.\xb7\x98\xcd%%\xf6\xe8\xe8\xe8Y\xb3f\xe1\xb8Oo\xe6Z \xbdk\xd7\xae\xb2\x91\xe4\xdd\xd9K\x85nxhqY\x08\xa1XL\x17\x7f;\xb9\xf8\xd3\xb5\xb2[r\xe8\xd0\xa1\xd7\xb5\xb0\xb9+\xae\xb9:\x03\xd05]\xef:K\xd7\xe4.\t\x00.w\x06\xb4j\xd5*))\xc9b\xb1\x00\x80-\xb70\xbe\xdf\xb8\xd4\xe4\x9dj\x88\xd5\xb3\xeb\x01\x02t\xddP\xada\x89\xb3\x17\x8d\x998\xddd2\xd9\x1d\x0e\xf9I\xfd\xfc\xfc\xb0\xe9\xdf\xcb\xc9\xa1_\t\t\t\x00@)\xdd\x9c\x9cvhO\x06\xf1\xf5\xb9\x99\xad\xfe\xaa\nc\x9c\xf8\xf8}\xfd\xf5O\xe7/\xd8\x08\x01\x1f\x1f\x9fa\xc3\x86\xc1\xf5LS\xd24M\xfe\x90\x9d\x93\x0b\xa2\x9a\xcc\x8a\xa8\x00\xd7\xb7\xce\xd2_q\xa3\x04\x00\x97;\x03\xa2\xa3\xa3?\xfc\xf0C\xc30L&amp;\xd5\x96W\x10\x7f\xf7\xb8\xd4\xe4\x9dZhM\x0f\xad\x07\x08!\x98\xe0ZH-\x19\xfd5Ms:\x9dV\xabu\xd9\xb2eV\xab\x15\x9b\xfe\x91\\ \xbd\x7f\xff\xfe\xb5j\xd5\x923"\xdf\x98\xb1\x98h&amp;\x8f\x1b\x05\'\x00\xa8\xaa8\xf2\xf3\xdf\x9e\xb5\x94\x12\xc2\x18\xef\xde\xbd{\xa3F\x8d\xcax\x91\xcb\x84\xd7\xa1C\x07y\xb8k\xcf!\xe0\xb8\x10\xf45\xc8AVi\xbb\x0f\xc9\xc3\x16-Z\xfc\xe3:K\x7f\xc5\xedB\x8f\xaa\xaa\x86a\x0c\x1f&gt;|\xde\xbcyN\xa7\xaei\x9a-\xaf0\xfe\xeeq\xab\x96}\xa9\x86\x840\xc6=\xabe\x901F\x14E\xf1\xf3\x9d\xf6\xfc\xeb2\xfa\xeb\xban\xb5Z\x93\x92\x92Z\xb5j\x85\x8d?\x9eH\xfc\xd9\xcd\xbf\xa0\x1c\x0b\xe4\xef\xef?n\xdc8!\x84\xaa*+&gt;O\xca\xda}\x90\xfa\xfbzV%\x80\x19\x8c\x06\x04\xad\\\xbe\xf6P\xe6\xaf\x8a\xaa\x00\xc0SO=u\xbd/\xe2\xfaJ-f\x13\xe0\xdd\xf1\xd7||\xcc\xf2\x87\x9bY8\xd2\xed\x12\x00\\\xce\x01\t\t\t\xf3\xe6\xcd\xd3u\x9d\x10\xb0\xe5\x17&gt;\xf0\xf0\x94\xb9\xb3\x16+\xc1\xc1DQ&lt;e\xa3D\xc30\x14?_CQ\xc6$\xbc\xf8\xd2\xabsM&amp;\x93+\xfaGGGc\xc7\xaf\xa7\xe0\x9c3\xc6\x0c\xc3`\x8c\xc9\xa9\xda\xa5]\xf1\xbf7\xf6\x16\xb2\xb9|\xe2\xc4\x89!!!B\x80\xc3\xa9?\xff\xd2\x07D\xf1\xa4u\x81\x84\x10\xc4\xa4\xe5_\xb8\xf0\xf2\x9b\xf3\x15E\xd1u\xa3[\xb7n=z\xf4\x90{~\x94\xe5\x15d\x</t>
        </is>
      </c>
    </row>
    <row r="318">
      <c r="A318" s="1" t="n">
        <v>316</v>
      </c>
      <c r="B318" t="inlineStr">
        <is>
          <t>color_size_circle</t>
        </is>
      </c>
      <c r="C318" t="inlineStr">
        <is>
          <t>What is the missing color of the part denoted with a question mark?</t>
        </is>
      </c>
      <c r="D318" t="inlineStr">
        <is>
          <t>['dark green', 'light purple', 'light blue', 'dark purple']</t>
        </is>
      </c>
      <c r="E318" t="inlineStr">
        <is>
          <t>light purple</t>
        </is>
      </c>
      <c r="F318" t="inlineStr">
        <is>
          <t>There are circles of various sizes and colors in the image. The circles are ['medium', 'small', 'large', 'extra large'] size, and their colors are ['medium purple', '?', 'dark purple', 'very dark purple'].</t>
        </is>
      </c>
      <c r="G318" t="inlineStr">
        <is>
          <t>We observe that the largest circle is very dark purple color, and the smaller circles change color from dark purple to medium purple. Hence, the pattern is that the circles become lighter as they become smaller.</t>
        </is>
      </c>
      <c r="H318" t="inlineStr">
        <is>
          <t>Based on the pattern that the circles become lighter as they become smaller, the missing color of the smallest circle denoted with a question mark should be light purple.</t>
        </is>
      </c>
      <c r="I318" t="inlineStr">
        <is>
          <t>b'\x89PNG\r\n\x1a\n\x00\x00\x00\rIHDR\x00\x00\x02\x00\x00\x00\x02\x00\x08\x02\x00\x00\x00{\x1aC\xad\x00\x00\xe1\xd7IDATx\x9c\xec\x9dwx\\\xc5\xd9\xb7\xa7\x9c\xb2}W\xbd\xcb\x96,\xc9\xbd\xf7\x82\x8d\x01\x03.\x94\xd0C\xc0&amp;\x10H\x80\x90\x10\xc2\x1bR\xde|\x94\x84\xe4%\xa1\x85\x04HB\x02\xd8\x18b\x0c\x040\xc6\x80\x01\xdb\x18w\x1b\xf7*\xc9\x92,\xab\xd7\xed\xbb\xa7\xcc\xcc\xf7\xc7\xc8\x8bp\xa1\xdb\x9a\x95\xce}%\\{\xd6*Ggg\x9e\xdf\xcc\xd3\x062\xc6\x80\x85\x85\x85\x85E\xdf\x03\xf5\xf4\rXXXXX\xf4\x0c\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d4\xd37`aq\x86`\x8c}\xc9\xaf\x84\x10\x9e\xd6;\xb1\xb0\x10\x04K\x00,\x92\x98\x84M\xa7\x94\x1e\xf7\x0e\x84\xb0\xbb\x1d?\xee\xf2\x0b\x7flw\xb5\xe8~\x99\xf8!\x08\xa1\xe3\xde\xb1\xb0H:\xe0\x97_\x16YX\xf4\x14|\x94r+\xcf_s\x83\x9e\xb0\xc2_\x86\xce\xceN\x08\xbf`\xc0\xf3/HII\xf9\xf2?\x96R\x9aP\x08.\x06\xfc\xae,a\xb0\x10\x1fK\x00,\x84\x83u\x03\x00\x00!\xc4\x18\x9f\xf4+\t!\xc1`\x90R\xbao\xdf&gt;B\x88i\x9a[\xb6l1\x0c\x03Bx\xe4\xc8\x91\x9a\x9a\x9a\x84\xc5\x0f\x87\xc3\x95\x95\x95_\xf2\x06JJJ\\.\x178\xa6\x07\xfd\xfb\xf7\xef\xd7\xaf\x1fcL\x96\xe5\t\x13&amp;H\x92\x841\x1e:t(B\xc8\xe3\xf1|\xce\xbdu\xd7\xaa\xaf\xb4\x05\xb1\xb083X\x02`\xd1\xf30\xc6\x12\xab{\x84\xd0\x89\xebzBH(\x14\xaa\xa8\xa8\x08\x87\xc3\xbbv\xed\n\x04\x02\xbbv\xed\xf2\xfb\xfd\xcd\xcd\xcd\x8d\x8d\x8d\x94\xd2@ p\x86\xef\xd9\xeb\xf5"\x84rrr\xb2\xb2\xb2|&gt;\xdf\xc8\x91#\xbd^\xef\xc8\x91#].Wii\xa9\xdb\xed&gt;Q\x18(\xa5\x94\xd2\xc4.\xc1\xd2\x03\x8b\x1e\xc7\x12\x00\x8b\x1e\xa0\xfb\x1a\xffD\x8b\x1f\x8b\xc5\xda\xda\xda*++w\xef\xde\xdd\xda\xda\xbau\xeb\xd6\xa3G\x8f655uvv\x9e\xea\x07B\x08\x18\x00\x10\x00\x06\xf8\xffO\x0f\xb0\xebW@\x00&gt;g\xde\xa4\xa4\xa4dgg\x17\x14\x14\x8c\x1f?&gt;##c\xc4\x88\x11%%%\xe9\xe9\xe9v\xbb\xbd\xfb\x97%\xf4\xc0\xda\x1fX\xf4\x14\x96\x00X\x9c!\xf82\x9f1v\xa2K\'\x10\x08\x94\x97\x97\xd7\xd5\xd5m\xdf\xbe}\xcb\x96-\x07\x0e\x1choo\x8fF\xa3\'\xf9)\xdcH\x9e0f%\xacHXa\x8cy\x9cY\xaa\xec\xa4\x8c(\xb23\xdd\xdb\x9f\xb1\xae\xe00\x828#e\x00\x82\xf8\x8b\xf4\x01RFZ;\x0fSF\xba\xae!j\x0b\xd4\xe8F\x04A\xac\x19\x91`\xa4\x19Bh\x12\xdd$\xfa\x97\xbc7\x00\x80\xc3\xe1HKK\x1b&lt;x\xf0\x84\t\x13\xc6\x8c\x19\x93\x9f\x9f_VV\xe6\xf5z\xbb\x7f\rw\x19\xf1\xc0\x86%\x06\x16g\x06K\x00,N#\xa72\xfa\x84\x90\xf2\xf2\xf2\x83\x07\x0fn\xdf\xbe}\xe3\xc6\x8d\xbbv\xedjkk;\xee{\xf9\xa2\xbe\xbb=E\x10+\xb2\xdd\xaez\x9d\xb6T\x87=\xd5\xeb\xc8\x92$5\xdd[\xc4\x18\xf18\xb3U\xd9A\x19\xb5+\x1e\x8c\x15\xc6(\x84\x08#\xa9\xfb\xf7SJ\xd81+}\xca\x1b\x06\x00\x02\x80Pw}\x82\x84\x9a\xfc\x07\x12\xa2\xc7\xf4 \x82H3\xa2\xc1H\x13\x84\xb8-Pm\x9aZ \xda\x1c\x8duD\xe2\x1d1-\xa0\x1b\xb1\x84x\x00pl\xd3p\xc2$KOO\x1f9r\xe4\xe4\xc9\x93\xc7\x8c\x193h\xd0\xa0\xb2\xb2\xb2\xe3\x9e\x8f%\x06\x16g\x00K\x00,\xbe}\xb8\xd1\x07\x00t7j\xd1ht\xef\xde\xbd\x1b6l\xd8\xbd{\xf7\xe6\xcd\x9b\xcb\xcb\xcbM\xd3L\xfc+\x84\xf0\xb8L}Ev8m\xa9N[\x8a\xcf\x9d\xe7uf\xa7z\n\xec\x8a\xc7iO\x93\xb0\xa2\xc8N\x08!\x82\x981J\x19\x85\x00\x10jPF!\x80\x94\x91\xc4\xaa\x9f}v5\x0e\xbf\xc0\xf8\x7f\xca\xa9\xbe\x11B\x84 f\x80!\x880\x92\x19\x00\x08"\x08\x11e\x841\xa6\x1b\x11\x93\xe8\x91X{L\x0fv\x04\x8f\x06"M\xfeP}$\xde\x19\x89w\xe8\xc6\xa7\xbb\x19\x08\xc1q\xf3N\x92\xa4\xb2\xb2\xb2\x89\x13\'\x8e\x181b\xca\x94)\xc3\x86\rs8\x1c\x89\x7f%\x84\xf0\xe7\xf3\x95R\x9e,,\xbe\x0c\x96\x00X|;$\x16\xfb\xdd}\xfa\x84\x90\xed\xdb\xb7\xaf_\xbf\xfe\xe3\x8f?\xde\xb6m[mmm\xf7o\x81\xf03Kc\xbb\xea\xf1\xb9\xf2\xd2\xbd\xfd\xd3\xbd\xfd=\xce,\xaf+[\x95\xdd\x8a\xec@\x10\x01\x08)%\x8c\x11BM\xc6\x18c\x04\x1c3\xd3]\xd6\xf9\xd3u\xf2\xe9^/\x1f\xdb\x960v\xdc=@\x88!\x84\x18I\x10b\x840`\x8c2\xaa\x1bQ\xcd\x08\x05\xc2M\xc1Hs[\xa0\xa6-P\xe3\x0f\xd7\xc7\xb4\xe0\xa9\x1e\x02\x00\xa0\xb0\xb0p\xdc\xb8qg\x9du\xd6\xd4\xa9S\xc7\x8c\x19\x93\x10\xd1D\xcc\xc0\xda\x16X|[X\x02`\xf1\x8dH\xd8}I\xfa\xb4\xa8\xb0\xae\xaen\xcb\x96-\xcb\x97/\xdf\xb4i\xd3\x81\x03\x07\x12\xefC\x08\x01L,\xd0\x81Mq\xa5\xba\x0b\xd3|\xfd\xd2=\xfdS=\x05\x1eg\x96]\xf5b$\x03\x00(#\x84\x1a\x94\xd2\x84\xad\x87\x00\x1e3\xf3"\xdb&gt;&gt;\x9f\xd8\xb1\x1b\x06\x10b\x84\x10F2\x82\x18\x00@\xa8\x11\xd3\x02\xc1HsG\xf0h[\xb0\xa6\xdd\x7f\xa4#T\x1b\xd7\xc3\xfc\x9b!\x02\x80}fJ\x0e\x1e&lt;x\xd2\xa4I\xf3\xe6\xcd\x9b0aB~~~\xe2}\xd34-%\xb0\xf8\xe6X\x02`\xf1u8\xd1\xee\xf3\xc5\xfeG\x1f}\xf4\xee\xbb\xefn\xd9\xb25\x14\xeaZ\xe4\x1eg\xf4]\x8e\xf4\x0c_qN\xda\xe0to\xff\x14W\x9e\xd3\x9e\x86\x91\x04\x00 \xd4$\xd4\xa0\x940@\x8f\xb9I\xe0\x97w\xda\x88\x0c\x03\xec\x98s\x8bA\x80\x10\xc2\x18\xc9\x89\xbf:\x12k\xef\x0c\xd7\xb7\x05j\x1a\xdb\x0f\xb4\xfa\xab\xc2\xd1\xaeX\xc8qb\xe0v{&amp;L\x18\x7f\xe1\x85\x17\xce\x981\xa3\xfb\xb6\xc0R\x02\x8bo\x82%\x00\x16_\x81\x93\xda\xfd\xcd\x9b7\xbf\xfe\xfa\xeb+V\xac\xd8\xbf\x7f\x7f\xe2+\x11\x82\x94v\r-\x97#=\xd37 ;mPvjY\x8a;\xdf\xaex \xc4\x94\x99\x84\x18\x84\x9a\t\x8b\x0f!\x14{u\xffm\x91\xe8,\xc1 @\x18I\x18\xcb\x08J\x8c\x91\x98\x1e\xec\x0c\xd55u\x947\xb5\x1fl\xf1\x1fN\x88A\xf7\x87\t\x00\x182d\xc8\x9c9s\xbe\xf3\x9d\xefL\x9c8\xd1R\x02\x8bo\x82%\x00\x16_\n\xee\x80\xfe|\xbb\x0f!d\xc7\x02\xa8\x8ad\xcfH\x19P\x9092/}\xa8\xcf\x9d\xc7\x8d&gt;\xa1\x06\xa1:\xa5\x84{H\xfa\x8c\xc5\xff|\xb8\x1e0\x08 B\x18#\x05#\x99\x8b\x81?T_\xdf\xb6\xefh\xcb\xae\xd6\xce\xc3\xba\x19\x03\x80G\x1b&gt;\x9d\xb3\xa7R\x82\x93\x16\xd3YX\x9c\x88%\x00\x16\x9f\x07_\xf2\'\xd6\x95_h\xf7S\xdc\xf9Y\xa9\xa5\xfd\xb2\xc6d\xf8\x06x]\xd9\x08bBM\xcb\xe8\x7fiN\x14\x03\x892\x12\x087\xb5\xfa\x0f\x1fi\xde\xde\xdcQ\xd1\x19\xaa\x03\xe0\x8b\x95\xe0\xb8\x0f\xce\xc2\xe2\xa4X\x02`qrx\xf6ab]\xb9\x7f\xff\xfe\x15+V\xbc\xf0\xc2\x0b\xbbw\xef\xe6\xefto\xac\x96\xe2\xce\xef\x97=\xa6\x7f\xf6\xf8\xcc\x94\x01\xaa\xecd\x80\x99D\'D\xb7\x8c\xfe7\xe0S1\xc0X\x91\xb0\x02\x01\xd4\x8cHK\xe7\xe1\x9a\xa6\xadG\x9a\xb6w)\xc1g?\x88\x11#F\\\x7f\xfd\xf5s\xe6\xcc\x192d\x08\x7f\xe7\xb8\xcf\xd1\xc2\xa2;\x96\x00X|\x86\xe3V\x8e\xc1`\xf0\xcd7\xdf|\xe1\x85\x17V\xaf^\xcd\xd3\xf6\xbb\xaf\xf7\xb3S\xcb\x8ar&amp;\xe6\xa4\x0fN\xf7\xf6S\x157\xa5\xa6a\xc6yb~\xaf\t\xe1\x8a@"\x8c\x8c \x92%\x1bB\x92\xa6\x87\xda\x02G\x1a\xdb\x0eT7nn\xea(\x07\xe03{\x02I\x92f\xce\x9cy\xfd\xf5\xd7_r\xc9%\x1e\x8f\x07X\x1b\x02\x8bS`\t\x80E\x17&lt;\xba\x9bX*n\xd8\xb0\xe1\xf9\xe7\x9f\x7f\xe7\x9dw\xea\xea\xf8J\x13B\xd4\x95\xcc\x93X\xef\xe7\xa4\r\x92$\x95\x10\xc3$\x1ae\x04\x02\x08\xa1\xe5z&gt;\xbd0F\x19`\x08b\t\xab\x18\xcb\xa6\xa95\xb6\x1f\xec\xbe\'\x80\x080\xda\xd5\x15)??\x7f\xf6\xec\xd97\xdcp\xc3\x94)S\xf8\xb7\x13B\xac\x9a2\x8b\x04\x96\x00X|\xc6K\x90X\xf2\xbf\xff\xfe\xfb\xfc_\x11B\xbcU\xa7\xd3\x9e\xd6/k\xd4\xc0\xc2\xb33|\x03T\xc5E\xa9\xa9\x9b1\xc6\xa8e\xf7{\x04\xae\x04\x10"E\xb2#$iz\xb8\xd5\x7f\xf8P\xed\x9a#\xcd;#\xb1v\xd0\xed\x83\x03\x00\xcc\x9a5\xab\xfb\x86\xc0\xf2\x0bYp,\x01\xe8\xbb\x1c\xe7\x168x\xf0\xe0\xcb/\xbf\xfc\xaf\x7f\xfd\x8b/\xf9\x11\xc2\x94\x11\xc0\x00FrA\xd6\xc8\xe2\xdc\x89E\xd9\xe3\xed6\x1fc\xd40\xe3\xd6z_\x1c\x12{\x02Y\xb2A\x88bq\x7fu\xd3\xd6\xaa\x86\xcdG\x9bw\x11j\x00\x08\x10\xc4\x94\x12\x00@~~\xfe\x0f~\xf0\x83\xab\xaf\xbez\xd0\xa0A\xc0\xf2\x0bYX\x02\xd07\xe13?\xb1\x00|\xff\xfd\xf7\x17/^\xfc\xf2\xcb/k\x9a\x06\x00\xc0\x18\xf3\x15\xa2\xcf\x95W\x9a?\xb5$\x7fJ\x9a\xa7\x1f\x80\xd00\xe3\x94\xf20\x80e\xf7E\x84{\xe8\x10\x92d\xc9\x06\x18k\x0f\x1e\xa9\xac\xdbPQ\xb7\xde\x1f\xae\x07\xdd&gt;VUU\xaf\xbe\xfa\xea\xeb\xae\xbbn\xd6\xacY\xfc\x1b\t!\x96\x0c\xf4M,\x01\xe8[t7\xfd\xba\xae\xbf\xfb\xee\xbb\x7f\xfb\xdb\xdf\x8ey{ B\x8cR\x00!\xca\xcf\x18&gt;\xac\xf8\x82\xfc\x8c\xe16\xc5kR\xcd45\xd0\x87\n\xb5\x92\x1dv,\x14\xacJH\x8d\xeb\x81\xba\xd6={\xab\xde\xabk\xdd\xc3\x18E\x08\xd0c\x11\x82Y\xb3f\xfd\xf8\xc7?\xbe\xf0\xc2\x0b\x15E\x01\x96\x0c\xf4I,\x01\xe8+\x1cg\xfa_|\xf1\xc5G\x1f}t\xef\xde\xbd\x00\x00\x8c0a\x040`W\xbd\x03\x0bg\x94\xe6O\xcb\xf0\r@\x08\xebF\x8c2\x13\x02\xcb($%\x8c1\x06(\x82\x92"\xdb)%\xad\xfe\xc3\x15u\xeb\x0e\xd5~\x14\xd3\x02\x00\x02\x0c1\xa1\x04\x000l\xd8\xb0\xbb\xee\xba\xeb{\xdf\xfb\x9e%\x03}\x10K\x00z?\x9fg\xfa\xb1D\x88\t\x00H\xf5\x14\x0c,&lt;\xbb,\x7f\x9a\xd7\x95k\x12\xcd05\x00\x98\xe5\xea\xe9\x1d0F\x01\x80\xb2\xa4JX\r\x84\x1b\xca\xeb\xd6\x1d\xaa]\xd3\x11&lt;\n\xba\r\x00K\x06\xfa&amp;\x96\x00\xf4f&gt;\xc7\xf4K\x92\xc4\xf3\xfa\x0b2G\x94\x15L/\xce\x9dlW\xdd\xba\x113\xa9n-\xf9{%|C !E\x91\xed1-T\xd5\xb0\xb1\xfc\xe8\xda\xa3-\xbbA\xb7\xc1`\xc9@_\xc3\x12\x80^\x0b!\xe4\x14\xab~D\x08\x05\x00\xe4g\x8e\x18]zqA\xe6h\x8c$\xcd\x88PF\x10D\x96\x97\xbf\xb7\xc3(\xa3\x08bUv\x12j\x1em\xd9\xb1\xa3bY]\xcbn\xd0m`\x9c(\x03V\xc2ho\xc5\x12\x80^H\xa2\xd8\xe7\x04\xd3\x8f\t!\x08I%yS\x06\x16L/\xc8\x1a\r!\xd2\x8d(\x03\x94w\xab\xb7\xe8;PF @\x8a\xec`\x8c\x1em\xdeq\xe8\xe8\xda\xca\xfa\r\x94\x9a\x89d\xa1\xee2p\\\x91\xa0E\xaf\xc1\x12\x80^E\xf7\x89\xbad\xc9\x92\x07\x1f|\xb0\xbb\xc3\x07!\xa9\xac\xe0\xac\x91\x03\xe6e\xa6\x94PFt#f9\xfa\xfb8&lt;&lt;\xa0\xc8v\x04qKg\xe5\xae\xc3\xcb\xcb\x8f~L\xa9\xd9\xdd)\xf4\x9b\xdf\xfc\xe6\x9ak\xae\x01V\x15qo\xc4\x12\x80^Bww\xff\x87\x1f~\xf8\xd0C\x0f\xf1\xe4\xce\xc4L.\xc9\x9f2n\xe0\x15\x19\xbebBM\xdd\x8cYe\\\x16\tx)\x99"\xd91\x92Z\xfdU\xdb\x0e\xbdZY\xb7\x01t\x1b&lt;\xb3f\xcd\xba\xe7\x9e{\xce=\xf7\\`\x05\x06z\x17\x96\x00\xf4\x06\x12^\xda\xbd{\xf7&gt;\xf6\xd8c\xcf&gt;\xfb,\xe8\x96\xe0Q\x909bT\xe9\xc5\x85Yc\x18\xa3\xba\x19\xb3b\xbc\x16\'\x85G\x89\x15\xc9\x0e!\xaam\xde\xbe\xb3b\xd9\xd1\xae\xd8@\xd7@\xba\xf1\xc6\x1b\x7f\xf6\xb3\x9f\r\x1b6\x0cX\x81\x81\xde\x82%\x00\xc9\ro\xf6\x82\x10\n\x04\x02\x0f?\xfc\xf0\x9f\xfe\xf4\']\xd7\x13y\xfd\x99)\xa5\x13\x87\\S\x909\x12B\xac\x1b\x11`\x15\xf1Z|\x11\xbc\x9cX\x91\x9d\x8c\x91\xa3-\xbb6\xef_\xd2\xd2Y\x91\xa8\x1bP\x14\xe5\x17\xbf\xf8\xc5\xddw\xdf\xed\xf5z\x13c\xaf\xa7o\xd9\xe2\xebc\t@\xb2\xd2\xdd\xe7\xb3d\xc9\x92{\xef\xbd\xb7\xbc\xbc\x1cB\x04!\xa3\x94\xa5\xba\x0bF\x96\xcc+-8K\x91\xed\x9an\x99~\x8b\xaf\x06\x97\x01Uq\xeaF\xac\xe2\xe8\xc7\xbb*\x97w\x84\x8e"\x04\x19\x83\x8c\xd1\xb2\xb2\xb2\xfb\xef\xbf?\x11\x18\xb0&lt;B\xc9\x8b%\x00IIw\x9f\xcf/~\xf1\x8bw\xdey\x07\x00 I\xb2i\x1av\xd53\xbcx\xce\xa8\xd2\x8bU\xd9\xa9\x19\x11\xc6\xa8e\xfa-\xbe\x1e|\xf0\xf0\x81\xb4\xb3b\xd9\x9e\xaa\x151-\xc8\x87\x19\x00`\xf6\xec\xd9\x7f\xfa\xd3\x9f,\x8fPRc\t@\x92\x91X\xf8\x7f\xc6\xe7s\xccK;\xa8p\xe6\x84!W\xfb\\\xb9q=L\x19\xb1\x92;-\xbe9| \xd9\x14\x97?\xdc\xb0e\xff\xcb\x07kW\x83c\x81\x81\xee\x1e!k+\x90\x8cX\x02\x90L\x98\xa6\xc9\x8fe\x7f\xe7\x9dw\xee\xbc\xf3\xce\xee&gt;\x9f\xcc\x94\x92IC\xbf\xd7/k\x8cA\xe2&amp;\xd1-\xd3o\xf1\xedB\x19\x91\xb0"c\xdb\x91\xe6\xed\x9b\xf6\xbd\xd8\xd2Y\xd9\xdd#\xf4\xf8\xe3\x8f\xcf\x9e=\x1bt\x1b\xa2\x16I\x81%\x00\xc9Ab\xe1\xdf\xd0\xd0\xf0\xf3\x9f\xff|\xc9\x92%\xa0\x9b\xcfg\xec\xc0\xcb\x87\x15] a5n\x84!D\xd6Y\x8c\x16\xa7\x03\x06\x18c\xd4&amp;\xbbL\xa2\xed\xad~\xef\x93C\xafu\xf7\x08]s\xcd5\x8f&lt;\xf2Hnn\xae\xb5\x15H",\x01H\x02\x12\xab\xaa%K\x96\xfc\xfc\xe7?ohh\x90\xb0l\x12\x03\x000\xa8\xf0\xec\tC\xae\xf1:s,w\xbf\xc5\x99!\x11\x18\x08D\x1a\xb7\xec_r\xb0v\r\x00\x80\x0f\xc8\xdc\xdc\xdcG\x1ey\x84\x07\x87\xad\xad@R`\t\x80\xd0\x9cb\xe1/\x99\xa6\xe9u\xe5\x9c5\xe2\xc6\xe2\xdc\x89\xba\x19\xb3|&gt;\x16g\x18\xee\x11R${U\xc3\xe6\x8fw?\x1b\x087&amp;\xaa\xc6\xac\xad@\x12a\t\x80\xb8$2+&gt;]\xf8K\xb2i\x1a\x10\xa21e\xdf\x19Uz\xb1]\xf5\xc6\xf5\x90\xe5\xf3\xb1\xe8\x11\xba&lt;B\x8a;\xa6\x05vV,\xdb^\xfe:c\x94\x0f\xd1\xee[\x01+AHd,\x01\x10\x11\xc6\x18!D\x92\xa4\xf6\xf6\xf6\x1f\xff\xf8\xc7\xdd\x17\xfe\x99)%g\x8d\xb81/c\x98fD\t5\xac\x85\xbfE\xcfB\x19\xc1HVeG}\xeb\xde\x8fw?\xdb\xd2Y\xd9}+\xf0\xb7\xbf\xfd---\xcd4M\x8c\xb1\xb5\x15\x10\x10K\x00\x84\x83\x9f\xd3\r\x00x\xef\xbd\xf7~\xf2\x93\x9f\x94\x97\x97\'\x16\xfec\x07^&gt;v\xe0\xe5\x12\x965#j\xb5n\xb6\x10\x06F\x19Ue\x87I\x8cO\x0e\xbd\xf6\xc9\xa1\xd7\x12[\x81\xb2\xb2\xb2\'\x9ex\xe2\x82\x0b.\x00\xdd\x06\xb6\x858X\x02 \x16&lt;tf\x9a\xe6\xff\xfc\xcf\xff&lt;\xfe\xf8\xe3\x00\x00Y\x92\r\xd3H,\xfc\xe3z\xd8\n\xf6Z\x08\x08\x1f\x966\xc5\x95\xd8\n\xf0\xa1\x0b\x00\xb8\xf3\xce;\xff\xfc\xe7?\xf3\x81mE\x86\x85\xc2\x12\x00QH\xb8}***\xbe\xff\xfd\xef\xaf_\xbf^\xc22\xa1\x06c`\xc4\x809S\x86-\xc0X\xd2\x8c\xa8\xe5\xf3\xb1\x10\x19\xca\x88*;\x0817\xec]\xb8\xfb\xf0\n\x08\x01F\xb2I\x8c\xa9S\xa7&gt;\xf7\xdcs\xa5\xa5\xa5\x96;H(,\x01\x10\x82\xc4\xeex\xe9\xd2\xa5\xb7\xddv[{{\xbb,+\x86\xa1;T\xdf\xcc\xb1\xb7\x15\xe7L\xb4\xb2&lt;-\x92\x85D\x9ehU\xe3\xe6\xd5\x9f&lt;\x15\xd5\xfc|0\xa7\xa5\xa5=\xf5\xd4SW]u\x15\xb0\xdcA\xc2`\t@\xcfs\xa2\xdb\x87\xd7\xd9\x0f\xc8\x9d4m\xe4\x8dnGf\\\x0fY\x1e\x7f\x8b\xa4\x82QFm\x8a;\x14mY\xb7\xeb\xd9\xc3\r\x9b\x12\xddJ,w\x90PX\x02\xd0\xc3\xf0i\xf0\xa9\xdb\xe7X\xbcw\xf2\xd0\xebF\x97]J\xa9i\x10\xcdr\xfbX$#\x94\x11\x19\xab\x08I;\xca\xdf\xd8\xb8oq"2\xdc\xdd\x1ddi@\xcfb\t@\x8f\x91(\xf2\xea\xe6\xf6Q\rC\xf3:\xb3\xcf\x19{{A\xe6\xc8\x98\x16\x04\x00Z\xdeR\x8b\xe4\x851\x06\x00\xb3\xab\x9e\xa3-\xbbV}\xf2d \xd2\xc4\x07y\xc2\x1dd\x15\x8b\xf5,\x96\x00\xf4\x0c\x89\xea\x98\xfb\xef\xbf\xff\xbe\xfb\xee\x03\xdd\xdc&gt;3F\xff\xd0\xa1\xfa\xe2F\xd8Z\xf8[\xf4\x0e(#6\xd9\x15\xd5\xfc\x1f\xed\xf8Gww\xd0}\xf7\xddw\xef\xbd\xf7\x02\xabX\xac\xe7\xb0\x04\xa0\x07\xe0;\xdf\xce\xce\xce\x1f\xfd\xe8GK\x97.\xe5}T\x12n\x1fB\x0c\x93Z\xad\x1d,z\x15\x94\x11\t)\x18\xcb\x9f\xba\x83\xb0l\x12\xe3\xaa\xab\xae\xfa\xfb\xdf\xff\x9e\x92\x92b\xb9\x83z\x04K\x00\xce4|\xb1SQQ\xf1\xbd\xef}o\xeb\xd6\xad\x8a\xa2\xea\xba\xe6P}\xe7O\xb8\xab0k\x94\xe5\xf6\xb1\xe8\xad$\xdcA\xb5\xcd;Wny4\xaa\xf9\xf9\xe0\x1f?~\xfc\x8b/\xbeXZZj\xed\x03\xce&lt;\x96\x00\x9cQ\xf82g\xfd\xfa\xf5\x17_|qGG\x87"+\xba\xa1g\xa5\x96]8\xf1n\x97=]3"\xd6\xc2\xdf\xa2wC\x19Qeg8\xd6\xf6\xee\xe6\x87\x9b;\xca\xf9\x14HMM]\xb6l\xd9\xd4\xa9S\xad}\xc0\x19\xc6\x12\x803D"\xe4\xfb\xcc3\xcf\xdcv\xdbm\xa6i\xf2\x8c\x88!\xfd\xcf\x9b&gt;\xeaf\x08\xa0\x95\xedc\xd1G\xe0\xd9A\x0c\xb0\xb5;\x9f\xd9_\xf3\x01\x9f\x08\x92$=\xf5\xd4S7\xdf|\xb3\x15\x16&gt;\x93X\x02p&amp;H\x94\xbd\xfc\xecg?{\xfc\xf1\xc7\x11D\x0c2F\xd9\xf4\x91?\x18Yr\x91U\xe4\xf5\xad\xc2@\x97\xb7\x81_|fx\x7f\x99\xb6\xa9\xa7\xfa\x96c&amp;\xc92L\xdf\x02\x89b\xb1]\x95o\xad\xdd\xf5/\x88 d\x902z\xe7\x9dw&gt;\xf6\xd8c\xc0\xaa\x14;SX\x02p\xda\xe1C\xd94\xcd\xdbn\xbb\xed\x99g\x9e\xe1\xeb\x1dEv\x9e?\xfe\xce\xa2\x9c\xf1q=\x0c!\xb4\xcc\xcaW\x87\xb1\xc4\x7f\x00\xe3f\x1aB\xc4wQ\x18I\x10"\x06\x00\x82\xf8\xd8R\x122F)3\x01\x80\x00\x9cj\xccC\x00\x18\x82\x12\x84\xe8\x98\x90\x00\xca\x08\x04\x801J\xa8\t\x00\xa0\x8c0F\xbb\xff\xd2c\xca`}\x82_\x15\xc6\x18\xb3)\xae\xea\xc6\xad+\xb7&gt;\xae\x1b\x11&gt;5n\xbe\xf9\xe6\xa7\x9ezJ\x92$K\x03\xce\x00\x96\x00\x9c^x\\\xab\xb3\xb3\xf3\xa2\x8b.Z\xbf~\xbd"\xab\xba\xa1y\x9cY\xb3\xc6\xdd\x99\x971,\xaa\xf9-\xb7\xcf\x97\x84\xf1\xfe\xf3]f\x17"\x84\x11D\x08\xc9\x10"\x04\x11\xb7\xcb\x84\x181=\x08!\n\x84\x1b\r3\x06!n\x0bT\xebF\x14\x00\x00!\xd2\xf4p{\xb0\xf6\x0b\x7fQ\x9a\xa7PU\\\xdc\xca+\xb2#\xdd[\xc4\x18\x91%\xbb\xd7\x95\xc3\x18\xb5+\x1e\x8c\xf9/\xc5\x94Q\xc6(\xa5\x06e\x94R\x02\xc0\xb1\xdb\x83\xd0:\xa1\xe1KB\x19q\xa8\xbe\xfa\xd6\xbd\xefo{&lt;\x18i\xe6\x13d\xea\xd4\xa9o\xbd\xf5VJJ\x8a\x15\x16&gt;\xddX\x02p\x1a\xe1\xc3\xb7\xb1\xb1\xf1\x92K.\xd9\xbau+\x1f\xdc\x19\xbe\xe2\x8b\xa6\xfe\xd6\xaez5=\x82\x905\xb8OIw\x8b\x0f!\xc2H\xc2HF\x08SF)5cZP3\xc2\xe1h[ \xd2\x1c\x8dw\x06\xa3\xcd\xe1X\xbba\xc4\x02\x91&amp;\x00\xa1\xa6\x87\xbf\xf5\xfbQ\x15\x17`\xcc\xeb\xcc\x96e\xbb\xcb\x9e\xe6qd9l)^g\x96\xcb\x91\xae\xca.\xbb\xeaAHB\x10QJ\x085\x085\x19\xa3\x96\x1e|\x19(%\xaa\xe2\x8ci\x81\xb7\xd6\xff\xae\xd5_\xc5\xa7\xc9\xf8\xf1\xe3\xdf|\xf3\xcd\x9c\x9c\x1cK\x03N+\x96\x00\x9c.x&gt;\xc3\xd6\xad[/\xb9\xe4\x92\xc6\xc6F^\x009\xb0p\xc6\xf4\x917KX\xb1B\xbe\'\x85g\n2\xc0\x10D\x18\xc9\x18\xc9\x10a\xc6\xa8nD#\xb1\x8e\xcep]{\xe0\x88?\xdc\x10\x8c4\xfb\xc3\x8d\x86\x193\x89\xde\xd3\xb7\x0c$\xac\xc8\x92\xdd\xe7\xca\xf18\xb3|\xae\xdc4o\xbf\x14W\xbe\xd3\x9e\xaa\xc8\x0e\x08\x11\xeb\xd2\x03\x832\xca\xf7.Vx\xf3DxX\xd8$\xfa\xda]\xcf\x1c\xaa\xfd\x88O\x96\x9c\x9c\x9c7\xdf|s\xfc\xf8\xf1Vj\xd0\xe9\xc3\x12\x80\xd3B\xc2\xfa_p\xc1\x05\x9d\x9d\x9d\xb2\xa4\x18\xa6&gt;\xb8\xdf9\xe7\x8e\xbd\xc3 \x1a\xa5\xa6\x15\xf2M\x90X\xe9#\x881V$$\x03\x00M\x12\x0fFZ:\xc3um\xfe\xea\xb6@Mg\xa8&gt;\x14m5\x89\xf6%\x7f\xa6,\xab\xb2\xa42F=\xae4\xaf\'\x93R\x02\x00\xb0\xdb\\yYe\x94\x91S\xad\xc7\xf9=\xd47\x97\xc7\xe2a\x00\x00B8\x10l\t\x86\xdb!D\x86\xa9\x19\xc6\x97\xfd\xed\x12V\xdd\x8e\x8c\x14w^\xba\xb7\x7f\xba\xaf(\xc5\x95\xefqfJ\xd8\x06\x003\xa9A\x88\xdeu\x0f\xd6\xce\xa0\x1b\x8cQ\x84$\x19\xab\x1f~\xf2\xd7\x03GV\xf1)\x93\x92\x92\xf2\xde{\xefY\x1ap\xfa\xb0\x04\xe0\xdb\'\x91\xec\x7f\xd1E\x17uvv\xf2\x8a\xc7)\xc3\xe6\x8f.\xbd\xc4 \x9a\x95\xf0\xc3IxH0V$\xacp\x1f} \xd2\xd4\xd2Q\xd1\x1e\xacm\xea8\xd4\x11&lt;\xfa\x85\x16\xdf\xa6:\xed6Wzj\x81Mu\xe4e\x95\xa9\xaa=?{ \xa5$=5\xdfns\x11J\xec\xaa\xd3nsQ\xca\xb8\xbd\x95\xb0|\xca\x000\x07\x02\x93\x18\x8c1\xc0\x00B0\x16\x0f\xc7\xb4\x08F8\x16\x0f\xb7u\xd4!\x84\xeb\x9a\x0eiZ\xac\xbe\xb9&lt;\xaeE\xdb:\x8e\xc6\xe2\xe1\xb8\x16\xf9\xfc\x9b\x94\xb0\x9a\xea)\xc8N\x1d\x98\xe6)\xccL-\xf5:\xb3y\x8c\xc1$:!z\xc2\xc7\xf5\x15\x9f_/\x84O\r\x19\xab;*\xde\xdc\xb0w\x11\x9f8)))o\xbd\xf5\x96U"p\x9a\xb0\x04\xe0[\x86\x0f\xd3D\xb2?o{2}\xd4\xcd\xa3K/\x8d\xc6;\xad\x84\x1fn\xf7\x11\xc4\x12V1\x92(#\x81pS\xab\xffpc\xfb\xc1\xa3-\xbb\x02\xe1F\xca\xc8\xa9\xbe\xd7\xae\xba\xd2\xd3\nR\xbd\xd99\x99\x03\xb23\xfa\xbb]\xa9\x19\xa9\x05\x8abw9R\x00\x00\x92$3\xc6\x085!\x80\xa6\xa9S\x9e\xabC)a\x84?\xf1D\xd6\xd0\x17p\xccG\xc3\x00\xc0\x10C\x84\x00\x00\x08"IR\x18`\x18I\x10B\xd34\x00\x00\xe1h\xa7\xae\xc7Z;\x8e\x86\xc2\x1dM\xad5\x8d-\x87;\x02Mm\xedGc\xda)#\x10\x08b\xaf+\xa7 sdN\xda\xa0\x0c\xdf\x00\xaf+\x1bAL\xa8i\x12\x8do\x0b\xfa\xbc\x120\xc6\x98\xc3\x96\xb2\xa3\xe2\x8d\xb5;\x9f\xe1\xd3\'Q"`i\xc0\xb7\x8e%\x00\xdf&amp;\t\xeb\x7f\xcb-\xb7 \x88\x18`\x8c\xb1\xe9\xa3n\x1e]rq$\xee\xef\xcb!\xdf\x84\xdd\x97%\x1bB\x92\xa6\x87\xda\x03G\xea\xdb\xf6\x1dm\xd9\xd5\xdayX7c\xfc\xcb \xfc\xcc\x80Td[NfqvFq^vinVIfZ\xa1\xc7\x95.\xcb*F\x12\xa1\x841\xca\r=\xa5\xe6\xa7\xc6\x1dB\xc0\x93\xf7!\x00\x0c|s\x87;c\x8c\xff\xa8\xae\xfa\x80c\xbf\x05\x02\xc0\xa3\xbe\x92\xa4@\x880\xc2\x84\x9a\x86\xa1\x05\xc3m-\xed\xb5\r\xcd\x95\xf5M\x15M\xadU\x8d-U\xba\x11O\xfc\xb4\xee\x7f\xa0"\xd93R\x06\x14d\x8e\xccK\x1f\x9a\xe6\xed\xa7*nJM\xc3\x8c[J@)q\xda|;*\x97\xad\xdd\xf9\x0c\x84\x10\x02H\x19\xfd\xe7?\xffii\xc0\xb7\x8e%\x00\xdf\x1a\xdd\xad\xbf$I&amp;1\x15\xc9y\xfe\xf8;\xfb\xe7\x8c\xd7\xf4p\xdf\x9c\xcf\x8c1\x06h7\xbb\x1fn\xe9&lt;\\\xd3\xb8\xf5H\xf3\xf6\xceP\xddI\xbf\xc5a\xf7\xe4e\x95\x16\x17\x8e\xec_0&lt;3\xad0=%O\x96m\x10BBL\xd3\xd4\t5(e]\x89\xfc\x10\xc2.\x0b\xdfS\x9b*\xee+b\xc76\x16\x10!\x88\x91,I\n\xc6\x12c\xcc0\xe2m\x9d\xf5-\xed\xb55G\xf7T\xd5\xee\xaao\xae\x88\xc6\x82\'\xfdA)\xee\xfc~Yc\xfa\xe7\x8c\xcfL\x19\xa0*\xaenJ\xd0Gkb\x19\xa3\xaa\xe2\xaa\xe1%\x02fD\xc2\x92i\x9a\x96\x06|\xebX\x02\xf0\xedp\x9c\xf5\'\xc4\x94%\xe7ES~\x93\x971\xbcO&amp;\xfb3\xca(\x04H\x92T\t\xc9\x9a\x119\xd1\xeew_\x0b\xab\xaa\xa3_\xee\x90\xa2\x82\x11\xc5\x85#s\xb3K}\xee\x0cIR(%\xa6\xa9\x1b\xa6\xceS\xf2\x8f\x99{\xd1\xad!\xeb\x12\x05\x06\x00\x80\x10\xc9\x92"I\nB\xd84u\x7f\xa8\xb5\xa1\xa9\xa2\xaavW\xf5\xd1\xddG\x1a\xf6kZ\x94\x7fK\xf7G\xf1\x19%\x90\x9d&amp;5LSc\x80\xf6\xc1#\xe1\x8e\x95\x08\xecyk\xc3\x83\x86\x19\xc1\x96\x06\x9c\x06,\x01\xf8\x168\x99\xf5w\\4\xe5\x7fs\xd3\x87\xc4\xb4 B}h\xa4\xf2%\xbf\x84\x14Y\xb2\x11\xaaw\x04\xeb\x0e\xd7o\xa8\xac\xdfxR\xbb\x9f\xe2\xcd.+\x1a7\xaclZ~\xee\xa0\x8c\xd4|\x8ce\xeeE!&lt;\x0c\x0b \xa7\xe7\xfe\x9ao\x01\xc6\x18\xcfm\x85\x10b,w\xf9\xaf\x88\xd1\xdaQW\xd7ppo\xf9\xba\xf2\xeam\x9d\x81&amp;\xfe\xc5\xc7)AI\xde\xe4\x01ySR=\xf9\x18)\x86\x197\xa9\xde\xd76\x04\x94\x9av\xd5\xd3\xd0\xb6\xff\xad\r\xbf7\xcc\xa8\xa5\x01\xdf:\x96\x00|S,\xeb\xcf\xe1y\xee\xb2\xa4b,\x07\xc3\xcdG[vV\xd4\xad\xafo\xdd\xcb\x83\xba\xddM[vF\xd1\x90\xd2)\xc3\x07\xcd\xc8\xcd*q;S\x00\x00\xba\x117M\x9d1\x96,\xcb\xfc\xafGbs\x00!\x94$E\x91m\x00\x80P\xa4\xb3\xa1\xb9r\xcf\xc1\x8f\xf6Wlhj\xad\xe6_\x99x\\\x08\xe2\xbc\x8ca\xa5\xf9S\x0b2Gy\\Y\x84\x18\x86\xa9\xf1:\x89\x9e\xfcK\xce \x96\x06\x9cV,\x01\xf8FX\xd6\x9f\x01\xc6\x18EPRe\x07\xa1F\x9b\xbfzo\xf5{\xd5\x8d[cZ\x00\x9c\xc2\xee\x17\xe6\x0ev\xd8=&amp;1\xf8b\x1f\x00\x00a\xdfZ\xd8\x82\xae\x9d\x01\x05\x00\xf0m\x81\x84\xe5h,X\xdbp\xe0TJ`W\xbdE9\xe3\x87\x15]\x90\xee+\xc2H\xd6\x8c(e&amp;\x84\xa8/T\x12X\x1ap\xfa\xb0\x04\xe0\xeb\xc3\x07\xdf\xbf\xfe\xf5\xaf\x9bo\xbeY\x92dB\x8c&gt;e\xfd\xbb{{\xe2z\xa8\xaaaS\xf9\xd1\x8f\xebZ\xf7p\xbb\x06\x01\xe4i3&gt;O\xe6\xe8a\xb3Ft\xb3\xfb\xba\x1e\xa3\x94\x1cs\xef\xf4~\xfb\xf5Ep/\x11C\x08+\x8a=\xa1\x04\xbb\x0f~\xb4c\xef\xfb\xfe`\x0b\xe8\xf60!D\xf9\x19\xc3\xcb\n\xce*\xce\x9ddS\xdc}\xc7/t\x82\x06\xc8\xa6i&lt;\xf3\xcc3?\xf8\xc1\x0f,\r\xf8&amp;X\x02\xf05\xe1\xc3n\xd3\xa6MS\xa6LA\x08QJx\xd4\xb7/X\x7f\xee\xd4\x96$\x9b\x8c\x95@\xa4y\x7f\xf5\xfb\x15\xf5\xeb\xfd\xa1z\x00\x00\x82\x88\'\xe0KX\x1e\\2y\xc2\xe8y\xa5\xfdF{=\x99\x9f\xb5\xfb}\xc5}\xf1Ua\x8cvW\x82@\xb0\xa5\xe2\xc8\x8e-;\x96\x1f\xa8\xdch\x12\x03t{\xbc&gt;w^i\xde\xd4!E\xb3\xbc\xce,\x83\xe8\xa6\x19\xef\xf5M&amp;\xbai\xc0\x83\x86\x19A\x08SJ7l\xd80i\xd2$K\x03\xbe6\x96\x00|\x1dx\x83\xaa\xad[\xb7^x\xe1\x85\x81@\x00\x00 !\xfb\xbc)\xbf\xceM\x1f\x1a\xd3\x02\xbd\xd8\xfa\xf3U\xbf"\xd91\x92\x9b;\xca\xcb\xeb&gt;&gt;T\xfb\x11\xf7\xf6 \x84y\xc7\x85\xac\xf4~c\x86\x9d?z\xd8yyY\xa5\x00\x00M\x8f\x11bXv\xff+\xc1\x95\x00cYU\xec\x00\x80\xfa\xe6\x8a\x1d{?\xd8\xbewes\xdb\x11\xd0\xedQ\xdbU\xef\xc0\xc2\x19e\xf9ge\xa5\x96\x11j\xe8f\xacw\xef\x06(5\xed\xaa\xb7\xa1m\xdf\xf2\r\x7f0i\x0c\x00\xe0\xf5z\xdf}\xf7\xdd\xf1\xe3\xc7[=\xe3\xbe\x1e\x96\x00|e\x12\xd6\x9f\xf7\xf9\xe1\xc5\x8as\xa7\xfcz@\xee\xe4h\xbc\xb3\xb7Z\xff\xee\xa6\xbf\xa5\xb3r\xd7\xe1\xe5\xe5G?\xa6\xd4\x04\xdd\x1c\x14\x03\x8b\'\x8c\x1f9g\xd4\x90\x99N\x87O7\xe2\xba\x1e\x07\x80!\xd4\xe7\xf2\x17\xbf=\x18\xa5\x14\x00\xa8(6E\xb6E\xa2\xfe\x9d\xfbWo\xdd\xb5\xe2P\xd5\x16\xd0\xed\xb1#$\x95\x15\x9c5r\xc0\xbc\xcc\x94\x92^/\x03\x94\x9a\x0e[\xca\xe1\x86\x8doo\xf8\x03\x9fz\x89~A\x96\x06|\r,\x01\xf8j\xf0C*Z[[\x87\x0e\x1d\xda\xda\xda\xca\x8f\xb0\x98&gt;\xea\xe6\x11\x03\xe6\xc6\xf5P\xaf\xcc\xf7\xe7\x89+\xb2d;\xce\xf4w\xf7\xf6\x8c\x1d~\xc1\xe4\xb1\x97\x14\x15\x8c\x90%5\x16\x0f\xf3nw\xbd\xd5\x06\x9dyx\xc4\x18!\xc9ns\x19\xa6V}t\xf7\xc6O\xde\xfcd\xcf{\xdd\xfdB\xc7\xc9\x80a\xc6{k\xb39\xca\x88Mq\xef&gt;\xfc\xf6\xda\x9d]\xc7+edd\xec\xdb\xb7/##\xc3:C\xe6\xabb\t\xc0W\x80R\n\x00\xf0\xfb\xfd\xb3g\xcf\xde\xb2e\x8b,+\x86\xa1O\x1fy\xf3\xe8\xd2\x8b\xa3Z\xa07\xba8\x18eT\xc2\x8a\x84\xd5\xd6\xce\xc3\xbb*\x97\x97\xd7}\xc6\xf4\xbb\x9d\xa9\xd3\xc6_&gt;z\xd8y\xf9\xd9e\x94\x92\xb8\x16e\x8c\xf6\xe5\x8e\x17\xa7\x1bJ\t\x84\xc8\xa6:\x10\xc2uM\xe5;\xf6~\xb0n\xebk\xa1H\x07\xe8.\x03\xf9g\x8d,\x99\x97\x912\xc0$\x9aI\xf4^YA\xc6\x18u\xa8\xde\x1d\x15\xcb\xd6\xeez\x86O\xc3\t\x13&amp;\xbc\xf3\xce;&gt;\x9f\x0f\x00`i\xc0\x97\xc7\x12\x80/\x0bO\xd5\x80\x10N\x9d:u\xe3\xc6\x8d\xbce\xf9\xe4\xa1\xd7M\x1c\xf2\xddp\xac\xa3\xf7Y=\xca\x08F\xb2"\xdb\xc3\xd1\xd6m\x07_\xdbW\xf3\xfegM\x7f\xca\xb4\xf1\x97O\x1dwYZJ\x9en\xc4u=\x06 \xec;\xc9\xe9=\x0be\x140\xa6(vE\xb6\xb5w\xd6\xaf\xdf\xf6\xdfu[_\x0bE:A7\x19\x18\xda\x7f\xd6\xb8A\x97\xbb\x1c\x19\xba\x11#\xd4\xe8}{SJ\x89\xcb\x9e\xbay\xff\x7f6\xee[\xdc5\x19\'O^\xbf~=\x9f\xa4\xd6\xee\xf3Kb\t\xc0\x97\x821F\x08\x91$\xe9\x96[ny\xe6\x99g\x14E\xd5umP\xbf\x99\xe7\x8e\xbdC7\xa2\xbdl\xed\xcf\x18\x05\x00\xdaUw$\xd6\xb1\xfb\xf0\xdb{\xabW\xc6\xb4\x00B\x88o\x80\xba\x9b\xfe\xb8\x161M\xdd\xf2\xf6\xf4\x08\xdc/$I\x8aMu\x1e/\x03\x08QJ\xed\xaawX\xd1\xf9#\x06\xccu\xdaScZ\x08\x00\xd6\xfb\x06\xaa";&gt;\xfc\xe4\xaf\x07\x8f\xac\xe6S\xf2\xe6\x9bo\xfe\xe7?\xffi\x9a&amp;\xc6\xd8\x1a\x93_\x06K\x00\xbe\x14&lt;\xcf\xecg?\xfb\xd9\xe3\x8f?\xce\x87ZY\xc1Y\xe7O\xb8K7b\x00\xb0^\xb3\xc5\xe6U]\xaa\xec\xa0\x94\x1e\xac]\xbd\xbd\xfc\xf5@\xb8\x11\x00\x00!b\x8c\xba\x9c)gY\xa6_0N\x94\x81\x8f\xb7\xbe\x16\x8et\xf2\x8f\x0c\x00\xe0u\xe5\x8c)\xfb\xce\xa0\xc2\x99\x08!\xcd\x88\xf6\xae\xda1\x06\x00Td\xfb\xca-\x8f\x96\x1f\xfd\x98O\xcc;\xef\xbc\xf3\xb1\xc7\x1e\xb3\x12C\xbf$\x96\x00|1\xdd\xcb}\x13\xe7\xfa^:\xfd\x01\x04\xa5\xdet\xb6\x17e\x84Wu5\xb4\xed\xdb\xb4\xff\xa5\xfa\xd6\xbd\x00\x00\x84$JM\x8c\xa5s\xa7^?}\xe2Ui\xbe\\\xcb\xf4\x0b\xc8gd\xc0\xdf\xb0v\xf3\xd2\x0f\xd7\xbf@\x88\xc9?&gt;\x00@^\xc6\xb0IC\xae\xcdM\x1f\xcak\xc7z\x8dG\x88\xc7\xc6)3\xdfX\xfb\xff\x12\xe7\t[E\xc2_\x1eK\x00\xbe\x00\x9e[\x96(\xf8"\x84\xb8\x1d\x19W\xce\xfc\x93*;M\xa2\xf7\x0e\xeb\xcf\x0b\xbbT\xc5\x15\x89\xb5o;\xf8\xea\xde\xea\x95\x8c\x11~\x1e\x13\x00`\xe2\xa8y3\'_\xdb/oH\\\x8f\x19\xa6\x86,\xd3/*\x8c1\xca\xa8,\xa96\xc5~\xa4~\xff\xea\x8d/m\xde\xb9\x1c\x00\xc0?J\x08\xf1\xb0\xa2\xf3\xc7\r\xba\xc2iO\xd3\xf4p\xaf)\x1cc\x8cJX\xd1\x8c\xc8+\xab\x7f\x11\x8a\xb6b\xfci\x81\x98\x95\x18\xfa\x85X\x02\xf0y\xf0\xac\xb2\xea\xea\xeaq\xe3\xc6\x05\xfc\x01\x00\x80$\xd9\xe7M\xf9Mv\xea@\xcd\x88\xf4\x8ee\x14eD\xc66\x84\xf0\xa1\xda\x8f6\xee]\x14\x89w&amp;\xea\x8cJ\x8b\xc6\x9d\x7f\xd6\r\xc3\x06N3\x0c]\xd3\xa3\xd6\xaa?)\xe0\xbb\x01Uq\xc8\xb2\xb2\xf7\xd0\xba\x95\x1f?_Q\xbd\r\x1c+\x1fs\xdaR&amp;\x0f\x9b?\xb0p\x06\xa5\xc4 \xf1^3\x86U\xd9\xd9\xd4qh\xf9\x86\x07M3\x06\x00\xf0\xfa\xbc\xdb\xb6m+**\xb2\x12C?\x1fK\x00N\t\x7f2~\xbf\xff\xfc\xf3\xcf\xdf\xb6m\x1b\xcf8\xeeM\x05_\x8cQ\x00\xa1]q\xb7\xfa\xab\xd6\xefYX\xdb\xbc\x03\x00\x80 \xa6\x8cx\xdc\xe9s\xcf\xf9\xd1\xe4\xd1\x17a,Ec!\xab\x8e7\xe9\xe0\xb5\xc4\x0e\xbb\x9b\x10s\xe3\x8e\xb7\xde^\xf5\xf7`\xa8\x8d\x7f\xb8\x00\x80\xc2\xac\xd1S\x87/\xc8\xf0\x15\xc7\xf4\x10`\xbd!8\xdc\xbd@\x8cO\xd5q\xe3\xc6\xad\\\xb9\x92\'\x86Z\x0b\x97Sa\t\xc0)\xe1&gt;\xc4+\xaf\xbc\xf2\xd5W_\xe5\xbe\xc5i#n\x1c]zIL\x0f\xf6\x82u\x13eD\x91\xec\x00\x80\xdd\x87Wl\xd9\xff\x1f\xdd\x8ca,\x13b \x84\xa7\x8d\xbb\xfc\x82\x197\xa5\xfa\xb2"\xd1\xa0\x95\xd7\x9f\xd4\xf0\xba\x01\xa7\xc3\xd3\xe1o~\xef\xa3\x7f\xaf\xdb\xf6\x1a\xa5\x84\x7f\xd0\x8ad\x9f0\xe4\xbb#\x06\xcc\x01\x00\xe8f\xacw\x0ci\xbb\xe2\xd9Q\xf1\xe6\xba\xdd\xcf\xf2\t{\xc5\x15W\xbc\xf2\xca+V0\xe0s\xb0\x04\xe0\xe4\xf0As\xff\xfd\xf7\xdfw\xdf}\xaa\xa2j\xba6\xb8\xdf9\xe7\x8d\xfbi\\\x0f%\xfbr\x89{\xfc\xed\xaa\xa7\xd5_\xbdn\xf7\xb3G[vA\x08\x19\x03\x00\xb0~yC/\x9f\xfd\xf3\xd2\xa2\xb1q-b\x98:\xb6L\x7f\xaf\x80P"K\x8aMuVT\x7f\xf2\xda;\x8f\x1c\xa9\xdf\xc7\xd7\xc4\x8c\xb1\x82\xcc\x91\xd3F\xdc\x98\xe1+\x8ai\xc1^\x10\x15`\x8c\xda\x14\xf7\x07\xdb\xfer\xe0\xc8*&gt;m\xef\xbb\xef\xbe{\xef\xbd\xd7\xd2\x80Sa\t\xc0I\xe0\xb1\xa3\xd7^{\xed\x8a+\xaePdE7\xf4\xcc\x94\xd2\xcbg&lt;H\xa8\x99\xecI\x9f\x94\x11\x19\xab\x08\xe1]\x95o\xf3\x85?\x8f\x10\xdaT\xe7\xdcs~4m\xfc\xe5\x92\xa4\xc4\xe3a\xcb\xdd\xdf\xcb\xe0\x81\x01\x9b\xcde\x9a\xfa\xba\xad\xaf\xbd\xbd\xea\xefq-\xc2?z\xbe\x15\x18Y2\x97Rb\x10-\xc9\xb7\x02\x0c\x00\x88\x91\xf4\xdaG\xbfi\xe9\xac\xe0\x93\xf7\xd5W_\xbd\xfc\xf2\xcb\xad\x80\xf0I\xb1\x04\xe0x(\xa5\x10\xc2\xae\xc0o \x00\x00Pe\xd7U\xe7&lt;\xecP}\xc9\x9e\xf6\xc3\x9b\xa8\x84\xa2-\xebv={\xb8a\x13\x84\x907\xfa\x198`\xe2\x15s\xee\xce\xcf.\x8b\xc6\x82\x94Q\xab\xa0\xb7\xb7\xc2?\\\x87\xddS\xd7T\xfe\xea\x8a\x87\x0f\x1d\xde\x0c\x01\x04\x100\xc6\x06\xe4N\x9a6\xf2F\xb7#3\xd9[Z\xf1\xa4\xa0\xa8\xe6_\xba\xean\xcd\x08\x03\x00\xbc\xde\xae\x800c\xcc\n\x08\x1f\x87%\x00\x9f\x811\xde\x7f\x11L\x9b6m\xd3\xa6M\x12\x96\t%\x97L\xbb7/c\xb8nD`\xd2N\x0c\xc6\x18\x84\xc0\xa6\xb8\x0f7lZ\xfd\xc9SQ\xcd/a\xc5$\xba\xaa\xd8\xe7\x9d{\xdb\xd9\x93\xaea\x8c\xc5\xf5\x08N\xfe\xc8\xb6\xc5\x17B\xa8iS\x9c\x10\xc25\x9b\x96,\xff\xf0)M\x8f\xf1\xc1\xe0P}3\xc7\xde6 wR\\\x0fu\x9d\xce\x99\x9c0F\x14\xd9Y\xdf\xba\xe7\xcdu\xf7c\x84MbL\x9a4i\xdd\xbau\x00\x00\x84\xac\xad\xedg\xb0\x04\xe03|\xa6\xe2WVuC\x9b&lt;\xf4\xba\xf1\x83\xaf\x8ej\xfe\xe4]\x16q\xb7\x0f\x84h\xcb\x81%\xdb\x0e\xbe\n\x00\xc0H"\xd4,\xcc\x1br\xf5\xbc_\x96\xf4\x1b\xcd\xbb\x89%\xf5\xe6\xc6\xe2+\xc1\x8e\xf5\xf2\xab&lt;\xb2\xe3\xe5\xe5\xffW[\xbf\x9f\x0f\t\x00\xc0\xb8AWL\x18|\rc4\xa9\xddA\x94\x11\x87\xea\xdbz\xe0\xe5\x8d\xfb\x16\xf3\x89lU\x08\x9f\x14K\x00&gt;\xe5D\xd7\x7fQ\xce\x84\xb9S~\xa5\xe9\x91\xe45\x8e\xdc\xed\x13\x8c4\xaf\xda\xfed]\xcb\xee\xc4&lt;\xbf`\xc6M\x17\xce\xb8Q\xc2J,\x1e\xc6\xd8\x9a\x12}\x11BL\xbb\xcde\x12\xfd\xdd\x8f\x9e}\xef\xa3\x7f\x83c+\x83\xfc\xcc\x11\xe7\x8c\xb9\xdd\xe3\xccJjw\x10cTU\x9coo\xf8cu\xe3\x16+\x18p*,\x01\xe8\xa2\xbb\xeb?\x18\x08R\xc0\\\xb6\xf4+g&gt;\xa4H\x0e\xc2\xccdl\x9f\xc2\x18\x83\x00\xa8\x8a\xab\xaaqsw\xb7\x8f\xdb\x95\xf6\xbdK~;j\xe89\x91h\xc0*\x93\xe9\xe3\xf0\x01\xe0txw\xee[\xf5\xe2\x9b\xbf\x0b\x85\xdb\xbb\xbb\x83\x8as&amp;jz\x98%g\x1e=\x03\x0cCI7\xa3\xaf\xac\xbe\'\x1coC\x00z\xbc\x1e+\x18p\x1c\x96\x00\x00pJ\xd7\xff}\xf9\x19\xc35#\x9c\x8c\xae\x7f\xc6(F\x12\xc6\xca\x8e\xf276\xec]\x04\x8e-\xee\x06\x16O\xf8\xdew\xfe_ZJ^$\xea\xc7\x08\'uF\x93\xc5\xb7\x04#\x948\x1d\xbe\xf6\xce\xfa\x17_\x7f\xe0P\xd5\x96\xc46q\xca\xb0\xf9\xa3\xcb.%D\'\xc9\xd9\xf3\x8a1\xa2\xca\xae\xba\xd6=o\xae\xbb\xcf\n\x06\x9c\x94\xe4\xfbPO\x07|Wx\xf7\xddwo\xda\xb4I\x91\x15\x93\x18\x93\x86\\[\x985:\xae\'\xa5\xf5\xa7\x8cHX%\xd4\xfc`\xdb\x13\x1b\xf6.\xe2\xa1]B\xcd\x0bf\xdct\xfb\x82\xbfy\\\xe9\xd1h\x00#\xc9\xb2\xfe\x16\x00\x00\x9e7\x19\x8d\x06&lt;\xae\xf4\xdb\x17\xfc\xed\x82\x197q\xeb\x8f\x91\xb4a\xef\xa2\x0f\xb6=A\xa8)a\x95\x97\x10\'\x17\x10\xe2\xb8\x1e.\xcc\x1a=i\xc8\xb5&amp;1\x14Y\xd9\xb4i\xd3\xddw\xdf\x8d1&amp;$\xf9\xfe\x9c\xd3\x81\xb5\x03\xe8\xb2\xfe\x1f~\xf8\xe1y\xe7\x9d\xc7O\x17*\xca\x990w\xf2\xaf4#)]\xff\x94\x11Ur\x84\xe3\x1d+6\xfe\xb1\xd5_\xc5w\xf4v\x9b{\xc1\x15\xbf\x1b5\xf8\x9cp\xd4\xdf\xfb\xfa\xc2[|+\xf0s \\\x0e\xdf\xce\x03\xab\x16\xbe\xfa\xdbX&lt;\xc4\x07O\x86\xafx\xce\xe4_\xb9l\xa9\x9a\x19M\xc6\x90\x00cT\x95\x9doo\xfccuc\xd7)~\x1f|\xf0\xc1\xb9\xe7\x9ek\x05\x03\x80%\x00\xfc\x9c/\xbf\xdf?a\xc2\x84\xea\xeaj\x00\x80*\xbb\xaf:\xe7a\x87\xea5\xa9\x0e\x93m\x87\xc4\x93\x1f\xeaZ\xf7\xbc\xbb\xe9OQ\xcd/I\x8ai\xea\x05\xb9\x83o\xb8\xe2\xf79\x99\xc5\xe1\xa8\xdfJ\xf4\xb4\xf8|\x085]\x0e_cK\xd5\xf3\xaf\xfe\xef\xd1\x86\x03|\x089T\xdf\x85\x93~\x91\x9f1&lt;\x19\xd3\xe1\x18\xa0\x12R\xa2Z`\xe9\xaa\xbb5#\x04\x00(**\xda\xb2e\x8b\xcf\xe7\xb3\xce\x0eK2\x03\xf7\xadC\x08A\x08\xddz\xeb\xad\x87\x0f\x1f\xc6H\xa2\x94\x9e3\xe66\xb7=\xc3 Z\xb2Y\x7f\xc6\x0fJ\xddS\xb5\xe2\xad\xf5\x0fD5?\xc6\x92i\xea\x13F\xcd\xfd\xe9\xf7\xff\x9e\x99VhY\x7f\x8b/\x03FR8\xea\xcfL+\xfc\xe9\xf7\xff&gt;a\xd4\\\xd3\xd41\x96\xa2\x9a\xff\xad\xf5\x0f\xec\xa9Z\xe1P\xbd\x8cQ\x00\x92i\xd5\x08\x012\x88\xe6\xb6g\x9c3\xe66J)F\xd2\xe1\xc3\x87o\xbd\xf5V\xde\xdd\xbd\xa7\xef\xae\x87\xe9\xd3;\x00\xbe\x07\\\xbat\xe9\xd5W_-\xcb\xb2a\x18\xc3\x8a/&lt;g\xcc\xadQ-\xc9\xda\xbd1\xc0 \x00\xaa\xec\xdaY\xf9\xd6\xc7\xbb\xfe\x95\xe8\xeds\xe9\xf9?9o\xda|\xc3\xd4MS\xb7z\xbaY|y(%\x92\xa4\xc8\x92\xf2\xc1\xbaEo\xac|"\xd1;\xe8\xac\x91?\x18Ur\x91f\x84\x19\x00\xc9\x95\x1aG\x19q\xa8\x9eU\xdb\x9f\xde[\xf5.\x9f\xec/\xbf\xfc\xf2UW]\xd5\xc7\x1dA}W\x00x\xdaO[[\xdb\xf0\xe1\xc3\xdb\xda\xda\x19#i\x9e\xfeW\xcc|\x88R\x92\\\r\x7f\x18\xa3\x10"Y\xb2\xad\xde\xfe\xd4\xfe\x9a\x0fx\xafGU\xb1_&gt;\xfb\xe73&amp;]\x13\n\xb7\xf7\x82&amp;_\x16g\x1e\xde4\xd0\xedJ\xfbh\xd3\x92\xd7\xdeyD\xd3\xbb\xfa\xc5\x0e\xe9\x7f\xde\xcc1\xb7\x19f\x9c\x0f\xbc\x9e\xbe\xcd/\x0f\x03\x00"\x84_]}O{\xb0\x06B\x9c\x9e\x9e\xb6g\xcf\x9e\xf4\xf4t\x00@\x9f\xcd\n\xed\xa3\x7f68\x96\x01}\xc7\x1dw\xb4\xb4\xb4 \x04!\xc03F\xdd\x82\xa1\xc4Ca=}w_\x16\x9e\xee\xc9\x8f\xc6NX\x7f\xbb\xcd}\xfb\xfc\'\xa7O\xbc*\x10j\xb5\xda\xbaY|=\xf8!\x10\x81P\xeb\xf4\x89W\xdd&gt;\xffI\xbb\xcdM\x88\x81\xb1\xbc\xbf\xe6\x83\x0f?\xf9\xab";0\xe2\x93%Y\x80\x8cQ\x0c\xa5\x19\xa3n\x81\x00#\x04[ZZ\xee\xb8\xe3\x0e\x84\x10_\x0b\xf6M\xfa\xa8\x00\x10B$Iz\xe5\x95W\x96.]*\xcb\xb2i\x9a\xa3\xca.\xc9\xcb\x18\xa6\x99\xd1$Z\xd40F$\xac\xeaf|\xc5\xc6?\x1e&lt;\xb2Z\x92\x14B\x8c\x82\x9cAw\xdf\xf2|q\xe1\xc8`\xa8\xddr\xfa[|C0\x92\x82\xa1\xf6\xe2\xc2\x91w\xdf\xf2|A\xce B\x0cIR\x0e\x1eY\xbdb\xe3\x1fu3.a\x95%Oz(\x84H3\xa3y\x19\xc3F\x95]b\x9a\xa6,\xcbK\x97.}\xe5\x95W$I\xea\xb3\xc1\x80\xbe\xe8\x02\xe2E\xbf\xad\xad\xad\x9fq\xfe\x9c\xfd\x7f\xb4+\xba\x95\x1c\xebe\xc6\x88\x84m\xba\x11Y\xb6\xfe\x81D\xbagA\xce\xa0\xdb\x17\xfc\xcd\xe5\xf0E\xe3a\xab\x9b\xbf\xc5\xb7\x05\xa1\xc4as\x85\xa3\xfe\'\x17\xfe\xf8h\xe3\xc1Dz\xe8\xc5S\xff\x9f";M\x12O\x9er\x19\x06\x00D\x10\xbd\xba\xe6\x97\xdd\x1dA\x19\x19\x19}\xb3&lt;\xb8\xcf\xfd\xc1\xa0\xab5&amp;\xfc\xd4\xf9\x03\xa5\xe9\xa3n\xc1HI"\xe7\xcfI\xad\xff\xc0\xe2\t\xb7\xcd\x7f\xc2ns[\xd6\xdf\xe2\xdb\x05#\x1c\x8d\x87\xed6\xf7m\xf3\x9f\x18X&lt;\xc1$\xba\x84\x95V\x7f\xd5\xb2\xf5\x0f\xe8FD\xc2\xb6\xe4\xd9\x07@\xc6(F\xca\xf4Q\xb7@(%\x1cA\x10\xf6\xc5\xa50\xe8\x83\x02\xc0\x83\xfe\xef\xbf\xff~\xc2\xf93b\xc0\xdc\x82\x8c\xe1\x9a\x994e_\'\xb5\xfe\x93F_\xf4\x93\xef?mS]\xba\x11\xb7\xac\xbf\xc5\xb7\x0eFX7\xe26\xd5\xf5\x93\xef?=i\xf4E\xc9\xab\x01\x10"\xcd\x8c\x14d\x0c\x1f1`n\xc2\x11\xf4\xfe\xfb\xef\xf7\xcd\xf2\xe0\xbe\xa5{\xbc\xec+\x1c\x0e\x8f\x1d;\xb6\xaa\xaa\x8a\x01\xe6\xb6g^9\xf3O\x12R\x18H\x8e\xe5\xff\xa9\xac\xff\xf5\x97\xdd\x1f\xd7"\xc9\x96\x98a\x91d\xf0\x01fS\x9d/\xfc\xf7\xdeM;\xdeJZ_\x10\x83\x00\x99T\x7fe\xf5/B\xb1\x16\x08`qq\xf1\'\x9f|\xe2r\xb9\xfaZiX\xdf2\x16&lt;\xf3\xe7\xa1\x87\x1e\xaa\xac\xacD\x08\x03\n\xce\x1ay\x93]\xf5Rf\xf6\n\xebo\xf5x\xb08\xbd@\x88\x18cq-r\xfde\xf7\'\xf3&gt;\x00Rf\xdaU\xefY#o\x02\x14 \x84+++\x1fz\xe8\xa1&gt;\x98\x11\xd4\x87v\x00&lt;\xf6[^^&gt;b\xc4\x08J\xa9i\x9ae\x05\xd3/\x9cxwT\x0b$E\xd9\x17cT\xc2\xea\xe7Z\xff$\xd00\x8b^\x00\x1fl\xa7\xde\x07hI\xb1\x10\xa1\x8c8T\xef\xbb\x9b\x1f.?\xbaV\x92$\x84\xd0\xee\xdd\xbb\xcb\xca\xca\xfaT4\xb8\xaf\xfc\x9d\xe0\xd8\xa8\xfd\xc9O~\xa2\xeb:cL\x95\x9d\x93\x86^\xab\x1b\xb1\xa48\x02\x97\xe7\xfb[\xd6\xdfB\x04x\xc8\xf4T</t>
        </is>
      </c>
    </row>
    <row r="319">
      <c r="A319" s="1" t="n">
        <v>317</v>
      </c>
      <c r="B319" t="inlineStr">
        <is>
          <t>triangle</t>
        </is>
      </c>
      <c r="C319" t="inlineStr">
        <is>
          <t>What is the missing number of the part denoted with a question mark?</t>
        </is>
      </c>
      <c r="D319" t="inlineStr">
        <is>
          <t>['6', '1', '4', '0']</t>
        </is>
      </c>
      <c r="E319" t="inlineStr">
        <is>
          <t>1</t>
        </is>
      </c>
      <c r="F319" t="inlineStr">
        <is>
          <t>There are three groups of numbers with a triangle arrangement in the image. The first group is [8, 6, 48], the second group is [9, 3, 27], and the third group is ['?', 5, 5].</t>
        </is>
      </c>
      <c r="G319" t="inlineStr">
        <is>
          <t>We observe that the number 48 is the product of 6 and 8. Similarly, the number 27 is the product of 3 and 9. Hence, the pattern is that the rightmost number in each group is the product of the other two numbers.</t>
        </is>
      </c>
      <c r="H319" t="inlineStr">
        <is>
          <t>Based on the pattern that the rightmost number in each group is the product of the other two numbers, the missing number of the group ['?', 5, 5] should be 1.</t>
        </is>
      </c>
      <c r="I319" t="inlineStr">
        <is>
          <t>b'\x89PNG\r\n\x1a\n\x00\x00\x00\rIHDR\x00\x00\x02\x00\x00\x00\x02\x00\x08\x02\x00\x00\x00{\x1aC\xad\x00\x00\xbd\xc9IDATx\x9c\xec\x9dwx\x14\xd5\xd7\xc7\xcf\x9d\x99\x9dmIv7\x8d\x1eH \xa1\x86\x12z\t\x1d\x04DA)RDi\x82\x82(\x88\x82\x05i\xa2\x08\x8a\xa0\x80\x05\xa4)\x02"\x02\n\n\xa1+M\xa4\x93\xd0C\x80PB\xea\xf6&gt;s\xef\xfb\xc7\x85}\xf3\x03T\xb2\taC\xee\xe7\xf1\xf1!\xb3\xb3\xb3w\xcb\x9c\xef\xb9\xe7\x9e{\x0e"\x84\x00\x83\xc1`0J\x1f\xdc\xa3\x1e\x00\x83\xc1`0\x1e\r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L\x00\x18\x0c\x06\xa3\x94\xc2\x04\x80\xc1`0J)\xc2\xa3\x1e\x00\xe3\xa1C\x08\xa1\xff\xa7\xff\xf0\x81\xee\xf0\x88\xc6\xc5`0\x1e1\xe8.\xa3\xc0x&lt; \x84`\x8c\t!\x08!\x9e\xe7\x1f\xf0L\x8e\xe3\x98\x1e0\x18\xa5\x07&amp;\x00\x8f\x15\x84\x10Y\x969\x8e\xe3\xb8\xff\x0f\xee\xc9\xb2l\xb5Zo\xdd\xba\x95\x91\x91\x01\x80\x00n\x7f\xe3\xd5\xaaU\x0b\x0e\x0e\xd6\xeb\xf5\xf9\xaf \xcb2\x000%`0J\x03L\x00\x1e\x130\xc6\x18cA\xb8\x1d\xd3\xcb\xcb\xcb;q\xe2\xc4\xde\xbd{\xff\xfa\xeb\xaf\xeb\xd7\xaf\xdf\xca\xcc\xb4X,\x1e\xb7;\xffS\x82CBTJe\xd5\xaaU+V\xac\xd8\xaaU\xab\x16-Z\xd4\xae][\xa3\xd1\xd0G%I\xe2y\x9e\xc9\x00\x83\xf1\x18\xc3\x04\xa0\xc4Cc84\xcec\xb5Z7n\xdc\xf8\xf3\xfa\xf5\x07\x0f\x1c\xcc\xca\xca,\xe8\xa5\xa2\xa3\xa3\xdb\xb5k\xd7\xaf_\xbf\xf6\xed\xdb\xd3\x0b\xd2\xf9\x04\x93\x01\x06\xe3\xb1\x84\t@\t&amp;\xbf\xe9OIIY\xb1b\xc5\xda\x9f~J\xbfz\xd5wBpHHLl\xcd2\xe5+T\xab^[\xab\r\xaa^\xa7\x1e\x96%\xba\xfa+y\xbdg\x92\x8f\xb9\x9c\xce\xf3\xa7O\xde\xbay\xe3j\xdaEw\xbe\xf9A\xfd\xfa\xf5\x07\x0e\x1c8h\xd0\xa02e\xca\x00\x80,\xcb\xff\xbe\x90\xc0`0J"L\x00J*\x18c\x1a\xe8\xbfq\xe3\xc6\xe4\xc9\x93W\xaf^\xedt:\xe9C\xe5+F5Kl\xdf\xa6S\x97\x1au\x1aT\xa8TE\xa9\x12\x05\x010\x01Y\xfa\x9f+\x08\n\x00\x02\x92\x04v\x9b5\xfdrj\xf2\xf1\xa3\xbb\x936\x1d9\xb8\xd7l2\xd2\x13\xca\x96-7z\xf4\xa8\t\x13&amp;\x88\xa2\x881f)C\x0c\xc6c\x06\x13\x80\x12\x89$I\x82 x\xbd\xde\xaf\xbf\xfe\xfa\xa3\x8f&gt;\xbau\xeb\x16\x00\x88\xa2\xd8\xb8e\x9b\xfe\x83_n\xd8\xacUd\xd9H\x8c\xc1\xed\xf6x\xdc\xee\xdbI&gt;\x00\xf9\xcd7\x01\xf0\x1d\xe4xA\xa9T*U\x82$\xc1\xf5\xab\x97\xf6\xed\xda\xb6f\xf97gSN\xd23\xe3\xe3\xe3g\xcd\x9a\xd5\xb5kW`S\x01\x06\xe3\xf1\x82\t@\xc9\x83Z\xff\x8b\x17/\x0e\x192d\xff\xfe\xfd\xf4`\xb7g\x9e\x1b\xf1\xfa\x84\xea\xb5\xea\n\n\xc1awx\xbd\x1e\x80\x07O\xeb$\x18\x13B0\x02$\xaaT\x1a\x8d\xd2ju\x1c=\xf8\xe7\x17\x1fO=y\xf4\x10=c\xf8\xf0\xe1\x9f}\xf6Ypp0}\xf5\x87\xf6\xe6\x18\x0cF\xf1\xc1\x04\xa0$A7sq\x1c\xb7v\xed\xda\xd1\xa3G\xe7\xe4\xe4\x00@\xdd\x84&amp;\xaf\xbf3\xade\xbb\'\x08!\x0e\xbb\x8d\x9e\xe0w\xac\x86\x10\x82\xb1\xccq|pH\xb0\xddf\xdb\xb4n\xf5\xfcYS\xb3n\xdd\x04\x80\x84\x84\x84o\xbf\xfd\xb6A\x83\x06L\x03\x18\x8c\xc7\x03&amp;\x00%\x06\x9f\xf5\x9f6m\xda\xd4\xa9S\xe9\xc1W\xdex\xef\xe57\xde\xd3h\xd5f\x93\x99\xee\xe4*\xaa\x97\xa3\xd1\x1e\x9d&gt;\xe8\xda\x95\xab\x1f\xbe\xf7\xc6\xb6M\xeb\x01 44\xf4\xab\xaf\xbe\xea\xdb\xb7/\xd3\x00\x06\xe31\x80\t@\xc9\xc0\x97\xf03b\xc4\x88\xc5\x8b\x17\x03@D\x99\xb23\xe6.\xee\xfcTw\x93\xd1\xf6\xf0B\xf3\x92\xe4U\xab\xb5\xa2\xa8\xf8v\xfe\xa7s?\x9a\xe4\xf5x\x00`\xd1\xa2E/\xbd\xf4\x12\xd3\x00\x06\xa3\xa4\xc3\x04\xa0\x04@\xf7\xf7\n\x82\xe0\xb3\xfe\xb5\xea&amp;|\xf5\xc3\x86\xf2\x15\xa3LF\xd3\xc3\xde\xae\x851\x06\x80\xd0\xb0\x90}\xbb\xf7\x8c~\xe1Y\x8b\xc9\x08L\x03\x18\x8c\xc7\x02&amp;\x00%\x00jg_~\xf9\xe5o\xbe\xf9\x06\x00j\xd5MX\xban\x8bN\x1fj\xb3Y\x05AQ&lt;c\xf0z\xbd\xe1\x11\x86\xbf\xf7\xef\x1f\xd1\xaf\xbb\xc5l\x02\x80\xe5\xcb\x97\xbf\xf8\xe2\x8bL\x03\x18\x8c\x92\x0b\x13\x80@\x87Z\xd8E\x8b\x16\x8d\x1c9\x12\xeeX\xff`\x9d\xdeiw\xf0\xc5ky%\xaf\xd7\x10n8r\xe0\xb6\x06h\xb5\xda={\xf64j\xd4\xc8\xb7#\x81\xc1`\x94,\x98\x00\x044\xd4\xb6\x1e:t\xa8E\x8b\x16\x18\xe3\xd8\x1a\xb5\xbf\xffuW\xb0N\xeft8\x1fI&gt;\xbe\xe4\xf5\x86\x86\x1b\xfe\xde\xbf\x7fX\x9f\'\x1cv{tt\xcc\xd1\xa3Gh99\xb6G\x8c\xc1(q0\xc7-p\xa1\xda\x9c\x9b\x9b;`\xc0\x00B\x88F\xa3\xfdx\xe1\xf2\xd0\xf0p\x87\xdd\xf1\xa8vc\t\nEn\x8e\xb1y\x9b\x96\x13\xa6~\x02\x00\x97/\xa7\x8d\x181\x82.P?\x92\xf10\x18\x8c\xc2\xc0\x04 p\xa1\xee\xff\xf8\xf1\xe3\xd3\xd2\xd2\x08!oM\xfb$\xa1I#\x93\xd1\xfchc\xee\n\x85"\'\xd34h\xc4+O\xf7y\x1e\x00\xd6\xad[\xf7\xfd\xf7\xdf\xf3&lt;O\xebH3\x18\x8c\x12\x04\x0b\x01\x05(4\xb3s\xef\xde\xbd\xed\xda\xb5\x93e\xb9s\xf7g\xbf^\xf5s^\x8e\xa9\x98\xe3\xfe\xf7\x85\x10\xc2\xf3\xbc\xd7\xe3y\xb6}\xc3\xeb\xe9W"##\xcf\x9c9\xa3\xd3\xe9X\xb1 \x06\xa3d\xc1f\x00\x81\x08\xed\xcf\xe5v\xbb\xc7\x8d\x1b\'\xcb\xb2&gt;4\xec\xdd\x0f\xe7\xda\xed.\x14\x18k\xad\x08!\xaf\xc7\xa33\xe8\xdf\x9e1\x17c|\xeb\xd6\xad\xc9\x93\'s\x1c\xc7\x02A\x0cF\xc9" \x0c\n\xe3.h\xf0g\xcd\x9a5G\x8f\x1e\x05\x80\x81\xc3FW\x8e\x89r9]\x85I\xb6\xa15\x1edY\x96eI\x96e\x8c\xe5\xc2L\xfexA\xb0\x98,\x1d\xbavo\xde\xba\x03\x00|\xf3\xcd7\xe7\xce\x9dc\x1a\xc0`\x94,X\x08(\x10\xa1;\xbf\xea\xd5\xabw\xee\xdc\xb9\xe8\xd8\xea\xeb\xb6\xff\r\x08\x00\x13\xf0+\xc0\x82\xb1\x0c\x04D\xa5JT*y\x1e\x00\x01!\x80e\xe2v\xb9=\x1e\xb7\xdf\x05$0\xc6\x1a\x8d\xe6\xfc\x99\x94\xfe\xddZ9\x1d\xf6\xe1\xc3\x87/^\xbc\x98\x95\x0be0J\x10\x8f&gt;\xa0\xcc\xb8\x0b_\xf4\xff\xdc\xb9s\x18\xe3\x1e}\x06\xe9\rA9\xd9&amp;\xff\xd6~eY\x0e\x0e\x0eA\x1c\xbaq\xed\xea\xe5\xd4\x0b\xd9\xb72\\.\xa7F\xab-S\xb6Bt\xb5\xb8\xb2\x15*H\x92l\xb7\xd9\xfc\xb0\xda\x1c\xc7\xd9\xed\xf6:\xf5\xeb7n\x91\xf8\xe7\x8e\xad\xbf\xfe\xfa\xeb\xcc\x993\xc3\xc2\xc2h\xfc\xca\x8f\xa12\x18\x8cb\x86\t@\x80\xf2\xed\xb7\xdfb\x8c\xc3""\x9f\xea=\xd0fu\xf9\xe7V\x13Btz\xdd\x81=\xbbV~\xbb\xe0\xc8\xc1?\x8dy\xb9\xf9\x1f\r\x8f,\xdb\xbcu\xfbA#^k\xd0\xb8\xa9\xc5l\xf1c\x1e\x80\x00\xb0\x8c\x07\x0c\x1d\xbdo\xd7\xf6\xac\xac\xac\r\x1b6\xb0\xfa\x10\x0cF\t\x82\x85\x80\x02\x0b\xea&gt;gdd\xd4\xa8Q\xc3b\xb1\xf4\xe8;h\xee\xb7\xdf\xe5\xe6\xf8\xe3\xfe\x13B4Z\xcd\xdc\x0f\xdf\xfff\xee\xcc\x7f9MP(&amp;L\x9d=\xf8\x95\xb1V\x8b\x99\xe3\xfc\x90\x19\xc4!\xf4L\xfb\x84\xcb\xa9\x17\x9a6mJ\xfb\x13\xb0\x8d\xc1\x0cF\x89\x80yj\x81\x05-\xfa\xb6m\xdb6\x8b\xc5\x02\x00\x1d\xba&gt;-\xcb\xfeDTdY\xd6\x1bt_\xcd\xf9\xf8\x9b\xb93}I\xfa\xcdZ\xb7\x8f\xaf\xdfX\xab\r2\x1as\x8f\xfe\xb5/\xe5\xc4\x11\x9e\xe7eI\xfe\xe8\xbdqa\x11\x91O\xf7\xeeo1[\xb8\x02N5$\xc9\x1b\x16\xaeO\xec\xd05\xed\xe2\xf9\x13\'N\xa4\xa6\xa6\xc6\xc5\xc5\xb1\xe2\x10\x0cF\x89\x80\t@`Am\xfd\x1f\x7f\xfc\x01\x00e\xcbWl\xd4\xbc\xb5\xd3Q\xe0\xe4\x1fB\x88R\xa5\xba\x9av\xf9\xab\xcff\xd0\xd8Qhx\xc4\xac/W\xb4\xe9\xd8U\xb8\xb3\x08\xec\xf1\xc8\xeb~X\xf6\xc1\x84W\x01\xc9X&amp;\x9f\xcf\x9c\xdc\xee\x89\xee\xbc \x10L\xa0 r\xc3!\xe4\xf5\xe2\x0e]\x9e^\xb9x\xbe\xcb\xe5:p\xe0 \x13\x00\x06\xa3\xa4\xc0\xee\xd2\xc0\x82\xe38\xaf\xd7{\xe8\xd0!\x00\xa8]\xafaD\x99H\x8f\xc7S\xd0\x19\x00\xc6X\xadV\xfe\xbd\xff\x0f\x87\xdd\xceq\xbc,\xcb\xe3\xdf\x9f\xd9\xadgW\x93\xd1\x98\x97k\xca\xcb1\xe5\xe5\x9a\xec6\xdb\xd0Q\xc3\x07\x0c\x1b%K\x12\xc7\xf3\xe9\x97/\x9dK9\xa5R\xab1)\xd8\x86^\xc4q.\xa7\xabz\xed\xba\x91\xe5\xca\x03\xc0\x9f\x7f\xfe\t\xac.\x10\x83QB`\x02\x10@`\x8c\x11B\xa9\xa9\xa9\x97.\xa5\x01@\xa3\xe6\x89&lt;\x0f\xe0\xc7"\r!\x1c\x07\xb7n^C\x08I\x92\xa4R\xa9\x1b\xb7l\x93\x9b\xed\x12\x04\x81\x17\x04^\x10\x04A\x00 V\x0bNl\xff\x04\x00\xd0\x1d\xbcY\x997y\x9e+\xe8\xab!\x84\xbc^\xaf!,,\xbe~c\x00\xf8\xeb\xaf\x83.W\xa1\xf6+0\x18\x8cb\x83\xdd\xa8\x01\x04]\x90\xbfr\xe5\x8a\xdb\xed\x02\x80\xaaq5%\xc9\x7foZ\xa1\x10\xe9Ui}\x86\xbb.C/{\xfb\xe2\x84\x10B\x14\x82\xc2\xbf\x84\x00B\x88B\x011\xb15\x00 #\xe3\x96\xc5bA\x88%\x170\x18%\x00&amp;\x00\x01\x045\x9a\'N\x9c\x04\x80\x10\x9d\xaeR\x95\x18o\xc1\xe3?\x00\x00\x08\xc9\x12DW\xabN\x8b\xf68\x9d\x8e\xb3\xc9\xc7\x83\x82U^\xaf\xc7w\x8a\xe4\x95\xd4\x1a\xee\xf8\xe1\x83\xf4u\x05\x85\xa2rL\x9c\xd7\xeb\xe5\n\xfer\x1cB\x92\x04\xb15\xeb\x00\x80\xc5b&gt;\x7f\xfe&lt;\xdc\xe9#\xc6`0\x02\x19&amp;\x00\x01\x87\xddn\x07\x00\x9e\x17\x82\x82\x821\xc6~\xec\xfe\xe59\xceaw4n\x91X\xaeB%\x19c\x8e\xe3\xe6}4\xf9\xc6\xb5\x9ba\xe1a\xb2$\xc9\xb2,IRd\xd9\xb0SG\x93\xbf_&lt;_\x10\x14\xb2,\xb7\xee\xd05\xb6fM\x97\xd3\xe9_\xb9!B D\xa7\x07\x00\x8c\xb1\xd3\xe9\xf4\xe3\n\x0c\x06\xa3\xf8a\x02\x10@\xd0\xd0\xf9\xd1\xa3G\x00\xa0R\x95\x18\x9d!L\x92$\xfff\x00^\xc9k\x08\x0b\x1b7\xe9#\x821\xc7\xf3i\x17\xcf\xbd\xd0\xa3\xc3\xfe\xdd;u\x06\xbd\xce\xa0\xd3\x1b\xf4\xdb6o\x1e\xd1\xefI\x8b\xc9(I\xde\xf0\xc82\xef\xcc\x98\xe3\xf5z\xfd\x1b6\xad\rW1*:8D\x07\x00\x87\x0f\x1f\x81;\xb3\x19\x06\x83\x11\xc8\xb04\xd0\x80\x83\x1a\xe2\xa0\xe0\x10\xa5Je\xb3\xfa\xb3A\x17\x00x\x9e\xb7\x98-\xcf&lt;\xf7\xfc\xf5\xabi_|&lt;\x05\x00\xd2.\x9e{\xf1\x99\x8e]\x9e\xee\xdd\xed\x99^\xbf\xad_\x97\xb4\xe9gzft\xb5\xeas\xbf]U\xa9J\x8c\xcdj\xf5\xb3\x8c\x0fB\x18\xe3\xe0\x90\x10Q\x14}\xe3g0\x18\x81\x0f\x13\x80\x80\x83\xba\xfcX.T\xb5N\x00\xe08\xcej\xb5\xbc:ar\xc5\xa8*\xf3gO\xbby=\x1d\xcb\xf2\xd6_\xd7m\xfdu\x1d}To\x08\xeb\xf1\xdc\xa0a\xaf\xbe\x19\x16\x1e\xe1\xbf\xf5\xbf\x83o\xc0,\x07\x94\xc1()\xb0\x10P\xc0A\rh\x91\x04P\xb0\x8c].\xd7\xc0\xe1/\xf4\x1f\xfc2\x02$\x08\nzq\xa5J\x05\x00\xe5*V\xea3hh\x85\xa8rN\xa7\xb3\xf0V\xdb7`&amp;\x00\x0cFI\x81\t@\xc0!I\x12\x00\x08\x82\xc0q\x85\xb2\xa4\xb2,\x07\xebt7\xaf]\xed\xd3\xa9\xe3\xec\xa9\x13\xb0,y\xbd\x1e\xa5J\xa5Vk\xdc.\x17\xc6\xf8\xf4\xc9cO\xb6\x88\x9f2\xfeu X\xa9R\x15&amp;o\x87\x10"\x08\x02B\x9co\xfc\x0c\x06#\xf0a\x02\x10@\xd0\x10JXX\x18\x00df\xdc\xb4\x98\xcd&lt;\xcf\xfb\x17\x08\x92e98$\xe4\xc8\xc1\xbd\x03\x9eL&lt;\xf0\xc7N\x00\xc0\x84\xf4}\xe1\xa5\xf5\xbb\x8e\xae\xdf}\xf4\xa5\xd7&amp;\xea\xf4\x06\x00@\x1c\xf7\xdd7_\x0c~\xb6sn\xd6-\x95\xbf\x1a@\x08Q(\x14\xb72n8\x1c6\xdf\xf8\x19\x0cF\xe0\xc3\x04 \x80\xa0\xb6\xbev\xed:\x00\x90\x93u\xcbi\xf7\xa7L?\x00`\x8cUj\xd5\xd5\xb4\xd4\xd1\x83\x9e\xcd\xcb\xc9\xe6y&gt;&lt;\xb2\xcc\x92\x9f\xb6~\xbc`QTt\xd5JUb\xde\x99\xf1\xf1\xfa]G\xba\xf6\xec\x8beYT\xaaN\x1d\xfb{\xd4\xa0g\xdc.\'/\xf8\xa57\x84\xf0\x82\x90\x9b\x93\xedt8\x00\xa0n\xddx`\x81 \x06\xa3$\xc0\x04 \xe00\x18\xf4\x00\xe0q\xbbs\xb23yA\xf0\xaf\x14\x84(\x8as\xa6\xbfc2\xe6\n\x82B\xa5R/\xfc~c\xfb\xaeO\xe4f\x1b=.\x97\xc7\xed\xca\xcd1\x95)Wa\xc1w?\x0e\x1d\xfd\xa6\xc7\xed\x12\x95\xca\xd3\'\x8f}\xbb\xe0\xd3\xe0`-\x96\x0bV\x0b\x08\x00\x08\x00\xc7A\xe6\x8dk\x00 \x8abPP\x100\x01`0J\x02L\x00\x02\x08j4\xeb\xd5\xab\x07\x00\x0e\x87\xfd\xc6\xb5t\x85B(\xa8KN\x08Q\xaa\xd5\x97S/\xee\xd9\xfe;\xc7\xf1\x92\xe4\xed7\xe4\xe5f\x89\xcd\xb2n\xe5\n\n\x05\xe28\x848A\x10\xdcn\xb7\xd9h\x9d8}vB\xd3\x96\x1e\xb7\x1bq\xdc\xa6u\xabLF\xb3\xa0P\x14t\x05\x9a\x10\xc2\xf3p\xe5\xd2\x05\x00\x08\x0e\x0e\x89\x8d\x8d\x05&amp;\x00\x0cFI\x80\t@\x00A\x8dftttpp\x08\x00\x9c9y\x94\xe7\x01\x17P\x000\xc6\xa2(^N\xbd\xe0v\xdd\xce\xedi\xd5\xfe\t\xa7\x03\xdf\xd5R\x86\xe38Y\x96\x04\x01u\xed\xd1\x07\x00\x80\x90\xcc\x9b7n\xdd\xb8\xae\x10E\x82\x0b\xf6\x8a\x1c\xc7\xb9\\\xf2\x99\xe4\x13\x00\x10\x13\x13\xad\xd5jYWH\x06\xa3D\xc0\x04 \x80\xe08\x8e\x10R\xa9R\xa5\x9a5k\x02\xc0\xb1\xbf\xf7{&lt;\xc4\x9fN\x8d\x08\x1cv\x1bB\x88\x00\x01\x00\x8d6\x88`\x80{\xca\xfc#\xc4a\x8c\x83uz\x00@\x08\xc9\xb2\xe4v\xbb\x10B\x052\xff\x84\x10Q\x14s2o\x9d?}\n\x00Z\xb5j\xa5P(\xe4\x82\xc7\x91\x18\x0cF\xf1\xc3\x04 \xb0\x90e\x99\xe3\xb8\xe6\xcd\x9b\x03\xc0\xd9\xe4\x13\xd7\xaf^V*U\x05\x8f\x02Ap\x88\x8e\x10\xc2!\x0e\x00n\xdd\xbc&amp;(\xb8{\x83\xfbX\x96\x05\x05GC7\x84\x10\x95Z\x1d\xa23`\x19\x17\xc8y\xc7\x18\xab\xd4\xca\x13G\xfe2\xe6\xe5\x00@bbk`\xf1\x1f\x06\xa3\x84\xc0\x04 \xb0\xa0\xa6\xb3c\xc7\x0e\x00`6\x19\xf7\xef\xd9\xae\xd6\x88\x05Z\x98\xe58\xce\xe3\xf6DW\x8bSk\xb4\x18\xcb\x00\xb0z\xe9\xd7\x00\xa0T\xab%I\x92%I\x96%Y\x92$\xc9\xab3\x84f\xdc\xc8\xfau\xedJ\x8e\xe3\x00Ptl\x8d\xb2\x15*x&lt;\xee\x82\x9ao\xc4\xa1\x1d\xbfm$\x84\xe8t\xba\xa6M\x9b\xc0#\xed\tL\xee\xe1Q\x8d\x84\xc1\x08|\x98\x00\x04\x16\xd4t\xb6i\xd3\xa6B\x85\x8a\x08\xa1][\x7f!\xe4\x9eZ\xfe\xff\nB\xc8\xedrV\x8e\xa9\xda\xa6S7\x8c\xb1(*\xff\xda\xbb\xeb\xed\xd1\xc3\x9c\x0e\x9b!L\x1f\x1a\xae7\x84\xea\r\xe1z\xbd\xc1p\xf9\xe2\xb91/\xf6\xbay=]P(\x08\xc1}\x07\xbd\xa4R)\x0b\xb4\x15\x80\xc6\x7fr\xb3r\x0f\xee\xdb\x85\x10j\xdd\xbau\xf9\xf2\xe5i[\x9b\x02\xbfs\x7f\xc1\x18\xd3\xfa\xa6\xb2,\xd3\x97\xbe\x0b\xdf\t\x92$a\x8c\x99$0\x18&gt;X\xe3\x8e\x80C\x92$A\x10\xde|\xf3\xcd9s\xe6\xa85\xda\x1f6\xfdQ\xa3N]\xa7\xd3\xf9\xe0n5\xc6X\xa9R\xde\xbcv\xb5_\x97Vy\xb9\xd9\xa2\xa8\xf4x\xdce\xcaUh\xd1\xa6cTL5\x95Jm\xb3Z.\x9cI\xde\xb7{\x9b\xd3aW(\x14^\xaf\xb7C\xd7\xa7\xe7/\xff\xc9\xe5*\x98\xfb/K\x92&gt;T\xff\xc3\x92\xaf\xa7\x8c\x7f\x05\x006m\xda\xd4\xbd{wY\x96\x0bYV\xe8\x81^Z\x96i\xb7\x83\xbb\x06\xect:].\xd7\xedr\x1a\x84p\x1c\xa7\xd3\xe9\xee}.\x00p\x1c\xc7BU\x8cR\x0e\x13\x80\x80\x83vT?}\xfat\x83\x06\t^\xaf\xe7\x85\x11\xafM\x9f\xfby\xf6-\x93\xa0(@\xe5&gt;Y\x96\x83\x82\x83SN\x1c\x99\xf0\xca\x8bi\x17\xcf\xfd\xfb\xc9O\xf7\x198m\xceW\x1c\xcf\xcb\x92\\\xd0\x05\x00mPP\x9fNMSN\x1c\xadZ\xb5\xea\xa9S\xa7T*\x15&lt;\xcc5\x00B\x08\xfd||/q\xed\xda\xb5#G\x8e$\'\'\x9f:u\xcal6_\xbat\xc9j\xb5!\x04\x04\x00\x08\xf0\x02_\xabfM\x95J\xd5\xa8Q\xa3\x98\x98\xaaM\x9b6\x89\x8d\x8d\xf5%D\xc9\xb2\x8c\x10b\r,\x19\xa5\x16&amp;\x00\x81\x08\xb5q\x1d:t\xd8\xbd{whx\xe4O\xdb\xfe\x8a(S\xd6\xeb\xf5\x16\xcc=\x97emP\xb0\xc5d\\\xfb\xdd\xe2\xdf7\xfe\x98v\xf1\xbc\xdb\xf5?\xadZB\xf4\x86\x06\x8d\x9a\xf7}\xe1\xa5\x8e\xddz\xb8\\Nj\r\x0bt\xfd\x10]\xc8\x8e\xdf~\x1d3\xb8\x97,\xcb\xd3\xa6M\x9b&lt;y2\x9d\xbe&lt;\xf8E\x1e\x1cj\xfa}s\x8b\x03\x07\x0el\xd8\xb0a\xdf\xbe}g\xce\x9c\xb1X,\x0fx\x11\xa5R\x19\x1b\x1b\xd7\xb8q\xa3\x1e=zt\xe9\xd2E\xa9T\x02\x93\x01F)\x86\t@ B\xa3({\xf6\xeci\xd7\xae\x1d\x00&lt;\xddg\xe0\xe7KW\xe6d\x9b\nj[1\x96\x05A\x11\x14\xac\xb1Y\x1d\xd7\xae\xa4]O\xbfl\xcc\xcd\xf1x\xdc*\x95&amp;\xbcL\xd9*1\xd5*DEs\x1c\xb2Z,4\\^\xd0qr\x1c\xd7\xb3m\x83\xcb\xa9\x17\xc2\xc3\xc3SRR"""\xfc\xbb\xce\x7f\xe2\x0b+eff\xfe\xfa\xeb\xaf+\xbe\xfbn\xff\xbe}\xf9O\xd0\x1bB#\xcb\x96\x8f(S6&lt;\xb2\\T\x95h\xafW\x02\x00^\x10L\xc6\xdc\xcb\x17\xcf\xdb\xac\x96\xeb\xe9\x97\xf3r\xb2\xf3?\xa5V\xed\xda}\xfb\xf4y\xee\xb9\xe7j\xd4\xa8\x01\x00\x92$\xdd\x1bPb0\x1eo\x98\x00\x04(\xd4\xe4\xf5\xed\xdb\xf7\xa7\x9f~\x12\x95\xca\x15\x1bv%4ij\xb5\x16\xb8:\x10!\x04c\x99\xe7\x05Q\xa9T(\x14\x1c\x07\x80\x00\x08\xc82x&lt;n\x8f\xdbM#\xe9\x05\x1d\x9e\xe4\xf5\x86E\x1a\xbe\x99;g\xd6\xe47\x11B\x9f~\xfa\xe9\x1bo\xbcA\x97X\x8bv\x01\x80f\xf2p\x1cg6\x9b\xe7\xce\x9d\xbbh\xd1\xa2\x8c\x8c\x0c\xfa\x90\xa8T\xd6\xa9\xdf\xb0Yb\xfb\xfa\x8d\x9a\xc7\xd5\xac\x13\xa2\xd3\x07\x85\x84 \x04\x82\x02\x08\xb9\xbd\xeb\x01c\x90%p\xb9\\fS\xde\xb5+i\xa7\x8e\x1d:|\xe0\xcf#\x07\xf7\x9aMFz\x11\x8dF\xd3\xaf_\xbf\x89\x13\'\xc6\xc5\xc5\xc1\x9d\xb9W\x11\x8e\x9f\xc1\x08d\x98\x00\x04(4\xa1\xe5\xf2\xe5\xcb\r\x1a4\xb0X,5\xeb\xd4\xffi\xfb\x01\xafW\xf6{\x93-\xc1\xf8NR\xe4\xed\xbc"\xe4\xef*(\x96e\xb5V{%\xf5b\x9f\xceM\x9c\x0e\x07\xc6\xb8F\x8d\x1ao\xbd\xf5\xd6\x0b/\xbc \x08\x02\xcd#*\x123\xeas\xfc\xd7\xacY3m\xda\xb4s\xe7n/fT\xaf\x15\xfft\xdf\x81-\xdb&gt;\x11[\xb3\x96Z#J^p\xbb\xdc4\xbd\x95\xfco7J\x84\x00!\xc4!\x8eW(DQ\x14EN\xf2B\xfa\x95\xd4C\xfb\xfe\xf8}\xe3\x8f\xfbwo\xa7\xa7\x19BC\xdf\x187n\xc2\x84\t\xa2(\x16\xcf"6\x83\x11\x080\x01\x08\\\xa8%\x9a9s\xe6\xbb\xef\xbe\x0b\x00\x03\x86\x8e\xfa\xf0\xf3\x859YFA\xa1x\x84\xa3"\x84 \x00A!\xf4\x7f\xb2u\xca\xf1#t=\x96\xe6\xd54o\xde|\xda\xb4i\x9d:u\x82\xa2\x88\xa8\xd0\xe5\x84\x9b7o\x0e\x1f&gt;|\xcb\x96-\xf4`\xf3\xd6\xed\x07\x0e\x7f\xb5Yb\xfb\xb0p\x9d\xd3!\xd1\xa5\x0b\x0e!D\x9b\'\xfc\xf3\xcb\xdd\xde\x14\x801BH\xa9R\xa9\xb5J\xb7S:~x\xff\xba\x1f\x96m\\\xb3\x82\xde\x04u\xea\xd4\xf9\xfa\xeb\xaf[\xb6l\xe9K\'\xf5{\xf0\x0cF\x89\x80\t@@C\xd7\'\xbbt\xe9\xb2}\xfbv\x00\xf8\xf4\xeb\x95}\x06\r\xcc\xcc\xc8S\x88\xe2\xa3\x1a\x92$y\xcb\x945\xbc\xfd\xea\xe8UK\xbf\x04\x80\x0f&gt;\xf8\xa0[\xb7no\xbf\xfd6\x1d!\x00\x0c\x180\xe0\x9dw\xde\xa9S\xa7\x0e\xdc1\xe2\x05}\t_\xd8\'))i\xe8\xb0a7o\xdc\x00\x80\xe8jq\xc3^}\xf3\x99\xfe/*\x95\xa2\xd5b\x97$/\xc7q\xfe\xcd3\x08!X\x96\x11\xc7\x05\x05\x05\x0b\n\xb4g{\xd2\xe2\xcfg\xfd\xb5w7\x00\x88J\xe5\xac\x8f?\x1e;v,\xb0p\x10\xa3\x14\xc0\x04 \xa0\xa16(33\xb3n\xddzYY\x99:\xbd\xe1\x9b\xd5\x9b\x1a\xb5hi\xccy4\xf3\x00I\x92""\xf5K\x16.\x98\xf1\xf6\x18B\xa0c\xc7\x8e\xdb\xb6m\xa3\x9e\xf2\x9a5kf\xce\x9cy\xea\xd4)\x00\xd0h4\xe3\xc7\x8f\x1f?~\xbcN\xa7+\xe8\xc2\x80\xcf\xfa\xcf\x9b7o\xdc\xb8q\xf4\xe0\x80\xa1\xa3\xc6\xbe;-&lt;2\xdc\x98g!\x84\xe6\x02\x15\x81{\x8e\xb1L0\t\xd1\xebeY\xfa~\xd1\x82/&gt;\x9eb\xb3Z\x00`\xe8\xd0\xa1\xf3\xe6\xcd\x0b\x0e\x0ef\x1a\xc0x\xbca\x02\x10\xe8\xd0@\xd0\xc1\x83\x07[\xb5j\x851\x0e\xd1\xe9\x17\xad\xd9\xdc\xa8E\xcb\xbc\x1c\xa3\xa285\x80\x10I\x92"\xca\x18\x96.\\8}\xe2\xab\x00\x10\x1d\x1d}\xf8\xf0\xe1\xd0\xd0P\x1a0\xe18\xce\xe3\xf1\xcc\x9e=\xfb\xcb/\xbf\xa4\xeb\xb45k\xd6|\xeb\xad\xb7\x86\x0c\x19\x02\x0f\x9cj\xe9\xcb\xf5\x1c1b\xc4\xe2\xc5\x8b\x01@g\x08\x9d&lt;\xeb\x8bg\xfb\x0f\xb4\x98\x1d\x1e\x8f\xe7a\xe4\x98\xd2\xb1\x85\x85\x87\x1c=t\xf8\xbd\xd7_:\x97r\x12\x00\x9a4i\xb2u\xebV\x83\xc1\xc04\x80\xf1\x18\xc3\x04\xa0\x04@5`\xf1\xe2\xc5#F\x8c\x00\x00\xaa\x01M\x13[fg\x16\x93\x06`\x8c\x81\x90\x882\xbao\xe7\xdf\xb6\xfe\xa1\xa1\xa1III\x8d\x1a5\xf2\xd9G\xdf\xda\xe9\xcd\x9b7\xdf\x7f\xff\xfd\xe5\xcb\x97\xd3\xd5\xe0N\x9d:M\x9c8\xb1C\x87\x0e\xf0_\x0b\x03&gt;\xdf\xdfg\xfdk\xd5M\xf8l\xd1\xca\xd8\x9a5\xf3rM\x0f;GS\xf2z\x83u:\xbb\xcd2}\xc2k\xbf\xac\xfd\x1e\x00\x1a7n\x9c\x94\x94\xc44\x80\xf1\x18\xc3\x04\xa0d@\x83\xe9&gt;\r\xd0\xe9\r\xb3\xbf\xfa\xaes\xf7\xee\xc6&lt;+!\x98\xe3\x1eb\xd6\x8a$I*\x95J\xa9R.\xfe\xfc\x93O\xa6M\x04\x80\xd0\xd0\xd0\xad[\xb76n\xdc\xf8\xae\x84\x19B\x88,\xcb\xd4I\xdf\xb9s\xe7\xacY\xb3\xe8\xc2\x00\xc7q\x83\x07\x0f\xf6\xa5Z\xfeS\x9a\r=\x9e\xdf\xfa/]\xb7\xc5\x10\x16n1\x99\x8b\'\xde%\xcb\x92(*\xd5\x1a\xf5\x84QC6\xac^\x0ew4@\xaf\xd7\x03+q\xcax\x1ca\x02Pb\xb8K\x03\x00\xe0\x957\xde{\xed\xedi\x04\x88\xddj\xe5\x05\xa1\xc8-\x14\xc6\x18c\xd9\x10j\xc8\xbauk\xea\x9b\xa3\xb7m^\x0f\x00aaa[\xb6li\xdc\xb8\xf1?-\xf0\xe6\xdf\xb2\xbbl\xd9\xb2O&gt;\xf9\xe4\xec\xd9\xb3\xf4\x89c\xc6\x8c\x19;v,]\x18\x80\xffM\x15\xa5W\xf3\xc5\xfd\xa9\xf5\x0f\xd6\xe9\x1dv\xc7C\xdaZ|_0\xc6\x1c\x87\xb4AA\x13G\x0f\xa5\x1a\xd0\xbbw\xef\x9f~\xfa\xe9\xe1\xedpf0\x1e!L\x00J\x12\xd4\x0c%%%=\xff\xfc\xf3999\x00\xd0\xa2M\xc7\xf7&gt;\x9aW\xbb^m\xb3\xc9\xe1\xf1x\x8a*NB0\x961\xd6h\xb4j\x8db\xc7\xef\x9b?|w\xdc\xd5\xb4T\x00h\xd2\xa4\xc9\xca\x95+ccc\xff3Y\xde\x17\xf47\x9b\xcd\xf3\xe6\xcd\x9b?\x7f~nn.\x00\xd4\xacYs\xf2\xe4\xc9\xfd\xfa\xf5\x83;\xcd\x0fh\x16)\xcf\xf3\xdb\xb7o\xef\xdc\xb93\x00\xd4\x8ao\xb0\xf4\xe7\xad\xc1:\xbd\xd3\xe1,\xfe\x94|\x821\xe2PPP\xf0\x84Q\x837\xacY\x01\x00S\xa7N\x9d2e\n\xd3\x00\xc6\xe3\x07\x13\x80\x12\x06\xb5\x95\x17/^\x1c2d\xc8\xfe\xfd\xfb\x01@\xa77&lt;\xff\xd2\xab\xcf\x0f\x1fS\xb6|\x84\xd5\xe2r\xbb]\x85\xca\x8f\xc4\x18\x00\xd4\x1a\x8dV\xab8}2\xf9\xdb\xf9s~Y\xfb==8|\xf8\xf09s\xe6\x84\x84\x84&lt;\xf8V)\xdf\x99\x17.\\\x98={\xf6\xb2e\xcb\xe8\xa5:w\xee&lt;}\xfa\xf4\xa6M\x9b\x02\x80\xd7\xeb\xe5y&gt;++\xab~\xfd\x06\x99\x99\xb7B\xf4\x86\xb5[\x0fDW\x8b\xb3X,\x8f\xca\xe0\xd2\x19\x8cB\xa1\xe8\xd7\xb5e\xf2\xf1#\x08\xa1\xa4\xa4\xa4N\x9d:\xb1=b\x8c\xc7\x0c&amp;\x00%\x0fj\x86\xbc^\xef\x84\t\x13\xbe\xfa\xea+\xb7\xdb\r\x00\xd1\xd5\xaa\x0f\x195\xb6M\xa7n\x95\xaaDy\xdc\xc4\xe9\xb0\xcb\x92\x04w\x12o\xfeeZp\xa7o\n\x06\x00\x85B\xa9\xd1\xaa\x11\x82\xb3))I\xbf\xfc\xf4\xfd\xe2\xf9\xb4dB\x992ef\xcc\x981|\xf8p(xv\xfc]\x0b\x03\xef\xbf\xff\xfe\xc1\x83\x07\x01@\xa5R\r\x180`\xfa\xf4\xe9\x15*T\x00\x80.]\xba$%%!\x84&gt;\xf9\xea\xfbg\x06\x0c\xcc\xcd.\xde\x1c\xa7{\x90eY\xa3\xd1\\MK\xed\xd7\xb5\xa5\xd9d,S\xa6\xec\xd9\xb3gt:\x1d\xdb \xc6x\x9c`\x02P"\xf1Y\xe1C\x87\x0eM\x9a4i\xc7\x8e\x1d\xf4xd\xd9r\xdd{\rh\xf7D\xf7:\xf5\x1b\xe9\xf4A\xb2\x0cn\xb7\x876C\x01B\xf2\xf7\x97G\x00\x88C\x08\x90\xa0P\x08\n\x85\xa8\x14\x10@\xe6\xad\xacc\x7f\xed\xdd\xfe\xdb\xc6m\x9b\xd6;\x9d\x0e\x00@\x08\r\x192\xe4\x83\x0f&gt;\xf0uz\xf1\xb3z\x04\xc6\x18cA\x10$I\xfa\xfe\xfb\xef\xa7L\x99r\xed\xda5\x00([\xb6\xec\xc4\x89\x13#""\x9e\x7f\xfey\x00\xe8\xfb\xc2K\xb3\xbe\\\x94\x93U\xe0\xb2w\x0f\x03\xc9+\x85E\xe8\x7f\xfa\xfe\xbb\x89\xa3_\x04\x80W_}u\xfe\xfc\xf9l\x12\xc0x\x9c`\x02PR\xc9\xbf\xd6\xbat\xe9\xd2y\xf3\xe6%\'\'\xfb\x1e\x8d\xabY\xa7y\xeb\xf6\xf5\x9b\xb4\xa8\x1d\x9f\xa03\x84\xeaC\xc3\x10\x82\xfc.5!\xe0\xf5\x82,K\xc6\xdc\xec\x9c\xac[)\'\x8e\x1c;t\xf0\xaf\xbd\xbbn\\\xbb\xea;\xa7s\xe7\xce\x13&amp;L\xa0\x19\x9cEb\xf8|\x17\xc9\xca\xcaZ\xb0`\xc1\x9c9s\x1c\x8e\xdb2\x83\x10\xaa\x10U\xe5\xe7\x9d\x87\x95JUA\x0bS?&lt;dY\xd6\x1bt\xa3\x9e\xef\xb5m\xf3z\x85Bq\xf0\xe0\xc1\x86\r\x1b\xb2\xacP\xc6c\x03\x13\x80\x92\x8d\xcf+\xf7x&lt;[\xb7n]\xbal\xd9\xf6m\xdb\xa8U\xa5\x04\x05\x87\x18B\xc3*U\x89\xd1h\x83\xaa\xd7\xae+\xcb2\x10\x00\x04\x92W:\x97r\xc2\xedv]\xbdt\xc1d2z\xdcn\xdfS\xca\x95/\xdf\xbd{\xf7\xc1/\xbe\xd8\xa2E\x0b\xc8\xb7T[$\x03\xce\x1f\x11JII\x995k\xd6\x86\r\x1b\xdc\x1e\x8f\xe4\xf5~\xf0\xd9\xa2\x81\xc3_\xca\xcd)\x0e\xf7\xff\x01k\xeaa\x8c5\x1a\xf5\xc5sgzwl\xea\xf1\xb8\xdb\xb4i\xbbg\xcfn&amp;\x00\x8c\xc7\x06&amp;\x00\x8f\x03\xf9\xdd\xf3\xf3\xe7\xcfo\xda\xbcy[R\xd2\xc9\x93\'\xb3\xb2\xb2\x1e\xfc"\xd1\xd1\xd1\t\t\t\xdd\xbbw\xef\xd6\xad[dd$\xdc\xd3\x83\xa5\x08!\x84H\x92\xa4P(l6[\xd5\xaaU\xb3sr\x1a7K\\\xbea\x9b\xd3\xe9*\xa8m\xa5\xbd!\x01\x00\x01\xf0\xff\xaa\x1c\x04cL0\xa2\x0b#\x1cG\xdf\x1d!\x18\x01\xe2\xfe\xf9=J\x92\x14\x1a\xa6\xffx\xd2\xc4\xc5\xf3g#\x84v\xed\xda\xd5\xb6m[\x16\x08b&lt;\x1e0\x01xL\xa0\xe6,\x7f\xb9\x85\xbc\xbc\xbc\xe3\xc7\x8f\xffu\xe8\xd0\xa5\xd4K\xd7\xae]\xcb\xcc\xbc\x95\x91q\x0b!\xb0Zm\x92$\t\x02_\xbf~\xfd\xa0\xe0\xe0\xf8:u*W\xae\xdc\xa2E\x8b\xda\xb5kk4\x1a\xfa\xdcbh\x92%I\x12\xc7q\xdf~\xfb\xed\xc8\x91#\x01`\xfe\xf2u]{\xf62\xe5\x99\xfe\xdd\x88\xdf\x05!$D\x17LM1&amp;`5\xdb\xef\xfb{\xa6\x1f\x8eZ\xadQ\xa9\x15\xb2\x0c.\x97\xcb\xeb\xf1\xf0&lt;\xafT\xa9E\x91\x93$\xb0\xdb\xact\x13\xf2}\x9f+\x8ab\xd6\xad\x8c\xa7\x12\xe3\xed6\xdb\x80\x01\x03~\xf8\xe1\x07&amp;\x00\x8c\xc7\x03&amp;\x00\x8f\x1bt\xb9\xf5\xdeLP\x8c\xb1\xc9d\xe28\xee\x99g\x9e\xd9\xb3gO\xdb\xb6mw\xef\xde}\xd7s\xff\xa9\xd3\xfaC\x1a\'\x00\xb4h\xd1\xe2\xef\xbf\xff\xae\x1aW\xf3\xc7\xad\xfb9\xda\xc9\xa5 WPk4kW,\xce\xb8y\r\x01R\xa9\xd5\xfd\x87\xbe\xa2R\xa9\xe9\x95}\x10\x8c9^\x08\n\xd6\\8sf\xcf\xf6\xdf\x8f\xff} \xe3\xc65\xa7\xc3.(\x14zCX\x8d\xdau\x13;ti\xda\xaa\x9d\xa0\x10\xec\xb6\xfb\xf7\xdb\x91eY\xa7\x0fys\xe4\x8b\xbf\xac\xfd&gt;$$\xe4\xdc\xb9s\xe5\xca\x95\xf3\xbb1\x03\x83\x118&lt;\xfa\\\x0bF\xd1\xe23\xfdwB\x1c\x84.\x12p\x1c\x17\x1a\x1a\n\x004\xbdR\xa1P\xd0p&lt;}\x16=\xa1\xd8\xbcZ\xeaA\x1f:t\xe8\xc8\x91#\x84\x90\xa7\xfb&lt;\x1f\x1a\xa1/P\xf2\x8f,Kz\x83~\xf3\xfa\xb5S\xdf\x1aE\x8fp\x08=;`\x88Z\xa3%\xf9\xd6\x90\t\xc1\x82(J^\xcf\xf4\x89\xaf\xaf\xfb~\x89\xc3a\xbf\xeb:\x87\xf6\xed^\xf1\xcd\xe7\tM[\xbe3cN\xbd\x86M,f\xcb\xbd\x1f\x02\x02\xc0\x98\xf4y~\xd8\xa6u\xab,\x16\xcb\xaaU\xab\xc6\x8f\x1f\xef[\xc9`0J.l-\xeb\xb1\x05!\xc4\xf3\xbc \x08&lt;\xcf\xd3\x907u\xf0\xe9\x9c\x8f\n\x03\xc7q\x82 \xd0s\x8a\xd3\x9f\xa5cX\xb7n\x9d,\xcb\xa2R\x99\xd8\xa1\x8b\xd3!\xf1\x0f\x1cq"\x18+U\xea\xeb\xe9\xe9\x1fL|\x8d\x17\x04Q\xa9\x14\x04\xc1\x10\x1eq\xd7[ \x84p\x1c/y=\xa3\x9e\x7f\xe6\xbbo\xbe\xa0\x89\xad\x00\xa0\xd1\x06E\x94)\xa73\x84\xd2?y^8vh\xff\xe0g:\x1d&gt;\xb07(8\x08c\xf9\xae\x97\xe3x\xdeaw\xd6\xaa\x97P\xa5j5\x00\xf8\xf9\xe7\x9f\xe9\xc2xa&gt;\x01\x06#\x10`?\xe2\xd2\x02\xba\xc3\xa3\x1e\x08\x00\x00\xcf\xf3\xb2,\xff\xf1\xc7\x1f\x00P\xbb^B\\\xad:.\xa7\x13=\xb8\x00\x00(\x95\xe2\xb47G\xe7fg\xca\x92\xe4\xf5x$I\x92%\xe9\xae\xd30\xc6\xc1!\xda\x05\x9f|\xf0\xd7\xde]\xa2RE\x08\x89\x89\xad\xf1\xc9\xd7\xdfm\xdcsl\xe3\x9ec\xbf\xec9\xbeb\xe3\x8eNO&gt;#\xcb\x92B\x14\xed6\xeb;c\x86\xda\xacV\x9eW\xdc\x1b\x17\x95$\xaf\xde\x10\xdc\xa6\xd3\x93\x00\x90\x9c\x9cr\xeb\xd6-\xaa\xa9\x85\xfe$\x18\x8cG\t\x13\x00FqC\x17\xabo\xdd\xbau\xfe\xfcy\x00h\x9e\xd8A\xa3Q\xf8\x82Q\xff\x89$I\x86\xd0\x90\xef\x17-\xdc\xbdm3\x87P\xc5\xcaU\xee\xabjt\xf1\xf6\xd6\xcd[\x1bW\xaf\xe08\xce\xebqGW\xab\xber\xd3\xee\xde\x03\x07\x95\xab\x18\x15\x1c\xa2\x0b\x8d\x88l\xda\xaa\xfd\xa2\x1f\xd7\xf7}a\xb8\xd7\xe3Q\x88b\xfa\xe5K{w&amp;i\x834w\xad"\x00\x00\x87\x90$\x91\x16m:"\x84l6\xeb\xe1\xc3G\xe0\xce2\x06\x83Qra\x02\xc0(n\xa8\xe3\xfc\xd7_\x7fY,\x16\x8e\xe3\xea7n\xee\xf5\x12\xee\xc1\xa6&amp;\x18\xe3\xa0 \xed\xe9S\xc9\x9f}\xf0\x0e\xc7\xf1\xe5\xa3\xaa\xf4\x1d\xf4\xd2}\r1!DT*\xaf\xa6\xa5\xe6\xe5f#\xc4\x11B\x06\x0c}\xa5|\xa5\xb2\x99\x199t\xc6 y\xbdV\xb3\xc9a\xf7\x0e\x195^T*i\xe2\xd3\xd9\xe4\x13&lt;\x0f\xf7\xaeE#\x8es\xbb\xdcq5\xeb\x84\x85G\x00\xc0\xae]\xbb\n\xfd10\x18\x8f\x1e&amp;\x00\x8c\xe2\x86\n@J\xcai\x00\x08\n\x0e\xaeV\xbd\x96\xc7\xedy\xb0\xf8\x0f\xe1\x10\xc2\x18O\x1e7\xd2n\xb7a,\x8fx\xfd\xdd\xd0\xf0\x88\x7f:\x19!\xce\xedr\x02\xdcn\x1fY\xa1R\x15\xb7\x0b\x0b\n\x85/\x1a\xc6\x0b\x82\xe4\xf5\x86\xe8\r!!z,\xcb\x84\x10\xa7\xc3~\xdf\xb0\x0e\xddj\x17Y\xb6BTt5\x008{\xf6\x0c\xb0\x0e\x01\x8c\x92\x0f\x13\x00FqC\x97O\x93\x93O\x01@\xd9\xf2\x95\xf4\x86PI\x92\x1e\xc4\x98J\x92\xac\x0b\r^\xf8\xe9\x8c\xe3\x87\x0f\x02@|B\xe3!/\x0f\xbbu\xf3\xfa?\x9c\x8edY\xd2\x19B9\x8e#\x18\x03@vf\x86 \xdc\xfe\xf7m\x08\xe1x\xcen\xb5\xd8\xac\x16:\xaa\xb0\xc82\xff4\x10B\x88B\xe4*W\x8d\x05\x80K\x97.Y\xadV\x84X\x165\xa3d\xc3\x04\x80\xf1h0\x99L\x00`\x08\x0b\xd7\x06\x87&lt;\xc8\x02\x80,\xcb!\xba\x90\x03{\xfe\\4o\x16\xc7\xf1\x1am\xd0\x07\x9f}\xc3\x0b\xc8\xe5t\xde\xf7|\x8e\xe3&lt;nw\x95\xaaqQU\xaa\x12\x00\x84\xd0\xcf\xab\x97\xb9\xdd^\xa5J%I\x12\x00`\x8c%I\xd2\x1bT\x9b\xd6\xadr\xb9\x9ct3p\xb3V\xed\xdc.\xf9\xbe\xd3\x11B\x88 @\xd9r\x15\x01\xc0l\xb6\x04N\xc1"\x06\xc3o\x98\x000\x8a\x15\x9a~j\xb5Z\xd3\xd2\xd2\x00\xa0l\xf9J\x1cG\xfe\xd3\x8f&amp;\x84\x08\x82`\xb3Z&amp;\xbf1R\x92\xbc\x18\xcb\xe3\'\xcf\xacU\xb7\x81\xed\xee\xb4\xfe\xffA\x92$\x9d&gt;\xf8\xf9\x11c\x08\xc6\n\x85x\xea\xe8\xdf\x13G\r\xc1X\xd6\x1b\xf4\x04\x13Q\xa9\x8c,\x1b\xfa\xe3\x8aU\xdf\xcc\x9d)\x8aJ\xc9\xeb}\xaa\xf7\xc0\x84\xa6\xcd\x1dv\xdb}S&lt;\x11B\x92\x04e\xcaW\x04\x00\x9b\xcd\x9a\x9a\x9a\nw\xc2Y\x0cF\t\x85\t\x00\xa3\xb8A\x08y\xbd^\x93\xc9\x02\x00QUb\x14\x8a\xff\x0e\xa4\xc8\xb2\x1c\xac\xd3\xce\x9e21\xed\xe29\x00h\xdf\xe5\xa9A/\x8d6\xe6\xe5\t\xfc\xbf\x99`\x9e\xe7\xcd&amp;\xeb\x80!/wz\xf2\x19\x8f\xc7\xad\x10\xc5M\xeb~\xe8\xdb\xb9\xc5\x96\x8d?)\x94\x8a\xcc\x9b\xd7&amp;\x8c\x1a\xf1\xe6\xc8\x81^\xc9\xeb\xf1\xb8\x1b5O\x9c2{\xbe\xd3\xe9D\xe8\xfe7\x05\x02\xc0\x18\xa2\xaa\xc4\x00\x80\xc7\xe3\xa13\x18&amp;\x00\x8c\x12\r\xdb\xca\xc8x\x04 \x84\x04\x81\x07\x00\xaf\xd7\xfb\x9f&amp;T\x96$}\xa8\xfe\xf7\r\xeb\x7f\\\xb1\x88\xe3\xb8\xd0\xf0\xc8)\xb3\x17\xba\xdd\x9e\x07\x0c\xc0x\xbd\xdeO\xbfY9\xf9\x8d\x97\x7fY\xfb=\x87\xb8\x0bg\x93_\x1b\xd2\xb7F\x9dz\x19\xd7\xd3i\xbb\x1b\x82q\x9f\xe7\x87\xbd\xf3\xe1g\n\x85\xe8\xf1x\xfe}\x87\x97\xd7\xeb\xa5\xff`\xdb\x80\x19\x8f\x01l\x06\xc0x4&lt;\xa0\xefL0V\xaaT\xb7n\xdc\xf8`\xe2\x18\xc4q\x18\xe3\xf7?\xfe\xa2BT%\xb7\xcb\xc9\xfd\x83\xab\x9e\x1f\xdapX\x92\xbc_,\xff\xee\x93\xafWj\x82\x82x^P(\xc4s)\'\xcd&amp;\xa3 \x08\xe1\x91e\x96\xac\xdb\xfa\xc5\xf2o\x81\xc0\x7fZ\x7f?\xc6\xcf`\x042\xcc\x8ba&lt;\x1a\xa8\x01\xfdO?\x9a\x10\xa2R\xab\xa6\xbf4&amp;\xeb\xd6M\x00\xe8\xf3\xfc\xf0\xee\xbd\xfa\x18sM\xbc \xdc\xbb\xf5\xf7\xfeW\xc08D\xaf;u,\xf9\xc0\x1f;dY&amp;\x04{\xbd\xd2\x9d\x8b\x83\xcdjY\xb6\xf03\x04(\xb1cg\x9b\xc5\xf6\x9f%\xde|\x03f\x02\xc0x\x0c`3\x00\xc6#\x00!D-\xa9\xc9\x98\x8b\xf1?\xda\\I\x92\x0ca\xba\xd5K\x17m\xffm\x03B\xa8J\xd5\xb8\x89\x1f\xcc\xb6Y\x1d\xffR\xbe\xff.0\x96C\xf4\xba\x9f\x7fX\xde\xafK\xcb\r\xab\x97;\x1dv\x8cq\x87\xae=^\x19\xffN\xc5\xca\xd1\xb2,\xb9\x9c\xce}\xbb\xb7\r\xed\xfd\xc4\xac\xf7\'\x88\xa2\xf8\xef\x05\x1e\x10\x02S^.\x00 \xc4\xb1\x10\x10\xe31\x80\t\x00\xa3XA\x08a\x8cu:]\xcd\x9a5\x00 \xf5\xfc\x19I\xba\x7f\x85"\x8c\xb1V\xab=\x7f\xe6\xec\xec\xa9o\xd1\x8c\xfb\xa9\x9f~\xa9\xd5\x06\xb9\x9cN\x8c\xb1|\x07\xda\xce\x9e\xe2;H\xf7\x06\xcb\xb2\x1c\xa2\xd7\xadZ\xfa\xf5\xdb\xaf\x0eq\xd8m\x00\x10\x13[\xe3\xdb\xb5\xbf\x7f\xb9r\xe3[S&gt;\xda\xb0\xfb\xc8\xe4\xd9\x0b"\xca\x94\x05\x00A\x10\xbe\x9d\xff\xc9\xc4\xd1\x83E\xa5\xf8O#\xc7\x84(\x14\x90z\xfe\x0c\x00\x18\x0c\x86Z\xb5j\xc1\x9d=\r\x0cF\t\x85\xfd|\x19\x8f\x00\x84\x90Z\xad\x06\x00\x87\xdd\xeev\xdd\xbf\x0b\x18\xc7q\x80\xe0\xfdq/\xdb\xac\x16\x004a\xda\'O\xf6\xec\x808&gt;,"Lo\xd0\xe9\r:\x9d!\xd4\xa0\xe7\x95*\xb5\xef\x9a:\xbdAo\xd0\xea\rz\xad6\x08\xcb\xb2V\xab=u\xec\xe8\x8c\xb7_\xe3\x05\x81\x10\xd2\xa0I\x8b\xd5[\xf6\xb6\xe9\xd4\xd5j1\xe7\xe6\x98\x14\n\xe5\xe0\x97G\xff\xbc\xf3\xeff\xad;H\x92$*\x95\x9b\x7f^\xbdt\xc1g!\xfa`Y\xbeOp\t!$\xcb\xc4j1\x03\x80(\x8a\x8a\xfc\x1d\x96\x19\x8c\x92\t\x9b\xc62\x8a\x1b\xda\xaf\xa6^\xbd\xfa[\xb6l\xb9v\xe5\x92)/\xc7\x10\x16\xee\xf5z\xf3\xcf\x030\x96Ct\xba\x05\xb3?8r\xf0O\xc4q\xa1a\x11a\x11\x91\xcb\xbe\xfe\x9e`\x02\xe8\xff\xcf\t\n\x0e:\x7f\xfa\x14\xfd\xd3\xe3v\xff\xfa\xd3\x0f\xda\xe0`\xc9\xe3)S\xbeb\x83\xc6\xcd\x05\x85\xb0t\xc1\xa7^\xaf\x97\xe7y\xbd!\xec\x93\xaf\xbf\x0f\xd1\x1b\x8cyFj\xbb1\xc69\xd9\xc6\xf0\x88\xb2_\xad\xdc0\xe0\xc9\xd6\xe7RNr\x1c\xbfd\xc1\xa7=\xfb\xbd\x10\xa2\xd3\xdf\xbb9\x19!\xe4\xf5\xa2\x8b\xe7R\x00 6\xb6ZHH\x08k\x0e\xcc(\xe90\x01`&lt;\x1abc\xab\x01\x80\xcdj\xbd\x9e~%\xb2ly\x8f\xc7\xf3\xbf\x06\x17\xc92\xf9s\xe7VA\x10\x10\xc7\x99\xf2r&amp;\x8ez\xf1\xdf/h\xb7\xdb\xa6\x8c\x7f\x99\xfe\xbbE\x9b\x8e\xdf\xfd\xb2=+3\xeb\xe8_\xfb\x00!Y\x96;w\x7f6&amp;6&amp;\'\xcb\xe8\xf3\xdc\x11B\xb4)qX\xb8\xe1\xe57\xde}}H_\x9eG\xc6\xbc\x9c\x94\xe3G\xdaw}\xcab6\xe7\xef\x0cCw\xa2\x99\x8d97\xaf]\x05\x80\x98\x98\x18\x1a\xcb*\xcaO\x84\xc1(v\x98\xff\xc2(n\xa8\xd7\xdc\xaaU+\xa5R\xe5\xf5zN\x1c&gt;(*\xb9\xfb\x19S$K\x92$I^\x8f\xe7\xc1\x8bE\xdf\x81\xf0\x02XLF\xb3\xc9HU\xa5Z\xf5\x9a\x18\x13\x8e\xbb{\xb1A\xe0y\xa7\xd3\x1bS\xad\x86 \x08\xb4\xbaCVf\xc6\xbdn=!D\xa9R]\xbap\xf6\xe6\xf5t\x00h\xd7\xae\x1d\xb0D F\xc9\x87\xcd\x00\x18\xc5\r\xcd\xb4\xa9R\xa5JLL\xcc\xd9\xb3g\xfe&gt;\xf0\xc7\xf0\xd7\xde\xbc7\xde\x82e\xa9^\xc3&amp;J\x95\x8a\xe3\xf8{\xbbt\x01\xad\xce\xa6\x10\xae\xa4]\xca\xb8\x9e\x0e\x00\x82\xa0\xa8\xdb\xb0\x89(*eY\xaaU7A\x960\xe28\xdfe\xdd\x1e7\x82\xfb\xd4y&amp;\xb7+}\xba1&amp;\x88\xe3\xb0,\xdf7\xb8\x8f1\x16E\xee\xc8\xc1}\xb2,+\x95\xaaf\xcd\x9a\x01[\x01f\x94|\x98\x000\x1e\x01\x18cQ\x14\x9b5kz\xf6\xec\x99\xa3\x7f\xedKOK+[\xa1b\xfe(\x10B\xc8\xedv\xbd\xf3\xe1\\\x8e\xfb\xc7\x8cOY\x92\xc2"\x14S\xde|\xf7\x9b\xb93\x01 8$d\xd1\x9a\xcd:\x83^\xf2b,\xcb6\xab344\xdc\x10\x1a\xeet\xd8\x01\xe0\xc0\x1f;^\x19\xff6\x00\xc2\xf2\xff\xd7z#\x84x\xbd\x9e\x882!\x87\xf6\xed\xc6X\xe6\x05\x01\x00*U\xa9*Iwg\xa6\xf2&lt;\xeftxvn\xfd\x05!T\xb5jLtt4!\x84\t\x00\xa3\xa4\xc3~\xc1\x8f3\xb4\x0f\xb0$I\x92$\xd1\xe4H\xda&amp;\x9e&gt;\xe4;N{\x05\x17\xff\xf0z\xf5\xea\x05\x00V\x8b\xf9\xe0\xde]\x1a\xad\x12\xdf\x13\xe7q9\x1cv\x9b\xf5_\xfe\xb3Y\xb1\xd7\xe3\xa1\'\x13B\xec6\x9b\xdd\xe6\xb0\xdb\xacn\xb7S\x92$C\x98\xa1a\xb3V\x84\x10\x85Bq\xf0\x8f\x9d\xdf/\xfa\xb2L9\xbdF\x1b$\x08\n\x9e\xe7yAP\xa9\xd5\xe5+\x84\x1f&gt;px\xf1\xe7\xb3y\x9e\xc7\xb2\x1c]-\xaev\xbd\x06N\x87=\xff6c\x82\xb1Z\xadN=\x7f\xf6\\\xf2\tBH\xb7n\xddDQ,xT\x8a\xc1\x088\x98\x00&lt;n\xf8\x8c&gt;\xed\xbcH\xfb\xc2\xd3\xb6\xef\x82 \xd0.\xf0\x00@\x0f\x8a\xa2\xc8\xf3&lt;\xed\x08\xef{V1\x0c\x92F\x81\xda\xb7o\x1f\x1b\x1b\x8b\x10\xda\xfc\xf3*\x97\xf3&gt;=a\x10\xf7\xdf\xe4w\xd5\xf3\x1d\xe4\x10B\x1e\x8fw\xf0+c\x05A!\xcb\xb2 (\xa6\xbd5\xfa\xadW^&gt;q\xf4/\x931\xd7\xe9t\xd8,\x96K\xe7\xcf|&gt;s\xe6\xe0g;\x1b\xf3r\x10\xc7\x11BF\xbf59(8\x18\xcb\x12\xe4\x9b\x00`\x8cE\xa5\xf0\xfb\xc6\x1f\xddn\xb7(\x8a\x83\x07\x0f\x06\x16\xffa&lt;\x16\xb0\x10\xd0\xe3\x035\xfd\xd4\xd6\xd3#\xb9\xb9\xb9\xa7O\x9f\xbet\xe9\xd2\xb5k\xd7\xd2\xd3\xd3\xaf\\\xbd\xca!t\xfc\xf8q\x9e\xe7\x8f\x1e=\xfa\xc6\x1bo\xe8t\xfa\xbau\xe3+V\xacX\xbbvm\x8dF\xe3\xbb\x0eMp|x\xf5\xee\x11B\x92$\xa9\xd5\xea~\xfd\xfa}\xf0\xc1\x07\x7f\xef\xff\xe3\xd8\xa1\xbf\x1a\xb7le\xb3X\x1f|\x97/\xc5\'i\xfc\xffn\xcd\xe58\xceaw\xc47h8m\xceW\xef\xbd&gt;\x9c\xbe\xa35\xcb\xbfY\xb3\xfc\x9b\xd0\xf0\x08\xb5F\xeb\xf5x\x8c\xb99^\xef\xed\t\x84\xe4\xf5\xbe2~\xd2\xd3}\x06X\xcc\x16\x8e\xff\xffK\x11B\x14\xa2\x98\x93\x95\xbb~\xd52\x84P\xabV\xadj\xd7\xae\xcd\x12@\x19\x8f\x07L\x00\x1e\x07h`\x87\xfa\xf8\x18\xe3C\x87\x0em\xdb\xb6m\xff\xfe\xfd\'N\x9e\xcc\xce\xca\xba\xefSrrr\xe6\xce\x9d\xeb\xfb3:::\xa1a\xc3\xc4V\xad:w\xee\\\xb3fM*!\xb2,?&lt;\x19\xa0A\xa71c\xc6|\xf1\xc5\x17f\xb3\xf9\xa7\x95\x8b[\xb4m\x8d\t)\x90YE\x08\x1cv\x1bm\xf0b\xcc\xc9\xbe+\x90\xc5\xf3\xbc\xc5d\xee\xfb\xc2\xb02\xe5\xca\xcf\xfd\xf0\xfd\xd3\'\x8f\xd2\xe3y9\xd9\x00\xd9\xf9\xcf\xacR5n\xf4[\x93z\xf4\x1dd\xb3Z\xef\xb2\xec\xb2,\xeb\r\xc1\xbf\xfc\xf8}N\xe6-\x020|\xf8p\xb8\xb3\x95\xc1\x8fw\xcd`\x04\x14\xac\xa7]\xc9\x86z\xeb\xd4^_\xbf~}\xcd\x9a5?\xfc\xf0\xc3\x89\x13\'\xf2\x9f\x83\x10\x84\x86E\xa8\xd4\x9a\xca1\xd5\xe82\x00\x00\xc8\xb2|5\xed\xa2\xe4\xf5\x9a\x8cy\xf9OV*\x95m\xdb\xb6\x1d8p`\x8f\x1e=BBB\xe8\x99|\x01\xbd\xf2\x7f\x87\x0e\x80\xe38\x8f\xc7\xb3h\xd1\xa2\xa9S\xa7Zm6I\x92\x16\xaf\xf9=\xb1CG\x8b\xd9\xfa\x80/G0VkT\x7f\xee\xdc~\xfc\xef\x03\x00\xa0R\xab\xfb\x0f}E\xa5R\xdf\x15\xc5\x92e98D\xe7t\xd8\xff\xde\xff\xc7\xc1?w^8\x9bb\xcc\xcdv\xbb\\&lt;/\x84\xe8\xf5U\xe3j6Kl\xdf\xb2]gC\xa8\xc1b\xb6\xdce\xd6i\xfa\xbf\xc5d\xec\xd9\xaeanvfll\xec\xc9\x93\'EQ\xa4-\x85\x8b\xee#a0\x1e\rL\x00J0&gt;\xd3\x9c\x92\x922w\xee\xdc\r\x1b6\x18\x8dF\xfa\x90R\xa9\xac\x19_\xbfnB\xd3\x84&amp;-\xca\x94\xafP\xb1r\x8c (B\xc3#\xe8\xd7\x8d\x10`\x19\xe7\xe6dy&lt;\xee\xf4\xb4\x8b\xd7\xd3\xaf\x1c\xff\xfb@\xca\x89\xa3\x17\xce$\xfb~\rQQ\x95\x87\x0c\x19&lt;j\xd4\xa8\x</t>
        </is>
      </c>
    </row>
    <row r="320">
      <c r="A320" s="1" t="n">
        <v>318</v>
      </c>
      <c r="B320" t="inlineStr">
        <is>
          <t>color_number_hexagon</t>
        </is>
      </c>
      <c r="C320" t="inlineStr">
        <is>
          <t>What is the missing number of the part denoted with a question mark?</t>
        </is>
      </c>
      <c r="D320" t="inlineStr">
        <is>
          <t>['5', '7', '1', '2']</t>
        </is>
      </c>
      <c r="E320" t="inlineStr">
        <is>
          <t>7</t>
        </is>
      </c>
      <c r="F320" t="inlineStr">
        <is>
          <t>There is a hexagon split into six parts with the colors ['blue', 'orange', 'orange', 'blue', 'green', 'green'] in an anti-clockwise order. The parts are denoted with the numbers [5, 4, '?', 6, 9, 2] respectively.</t>
        </is>
      </c>
      <c r="G320" t="inlineStr">
        <is>
          <t>We observe that the numbers in the blue parts add up to 11. Similarly, the numbers in the green parts also add up to 11. Thus, the pattern is that the numbers in the parts of the same color add up to 11.</t>
        </is>
      </c>
      <c r="H320" t="inlineStr">
        <is>
          <t>Based on the pattern that the numbers in the parts of the same color add up to 11, the missing number of the orange part should be 7.</t>
        </is>
      </c>
      <c r="I320" t="inlineStr">
        <is>
          <t>b'\x89PNG\r\n\x1a\n\x00\x00\x00\rIHDR\x00\x00\x02\x00\x00\x00\x02\x00\x08\x02\x00\x00\x00{\x1aC\xad\x00\x00\xa5\xc2IDATx\x9c\xec\x9dw|\x94\xc5\xf6\xc6g\xce\xbc\xdbw\xb3I \x10@E:\x02\xa2\x80\x8a\x85\xa2\xa0\xa0X@\x90^\xbd\x82X\x91\xa2\x08"\xd2\x04Ai\x16\xae"\x16P:\x82\xa8X\x88\n\x026\xbc\x14\x0b\xa8t\x11\x94\xd0\xb2\xd9\xde\xe6\xcc\xfc\xfe\x98\x90\xeb\xcf+\x88@v7\xd9\xf9~\xf2\x87b\x90\x97\xcd\xfb\xce\x99\xf7\x9cg\x9e\x87J)\x89F\xa3\xd1h\xd2\x0fH\xf6\x05h4\x1a\x8d&amp;9\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e8\x02\xa0\xd1h4i\x8a.\x00\x1a\x8dF\x93\xa6\x18\xc9\xbe\x00M2\x91RJ)\x93}\x15\x9a\xa4A)\xa5\x94&amp;\xfb*4I\x83\xea\xe7?m\xe1\x9c\x1b\x86\xde\x01\xa4;\x9cs\xc6\x98.\x03\xe9\x89.\x00i\x8a\x10\x02\x00~\xfe\xf9\xe7\xfb\xee\xbb\x0f\x00\x84\x10\xc9\xbe"MB1\x0c\x83s\xde\xbf\x7f\xff\x1e=z$\xfbZ4ICo\x00\xd3\x0eU\xf2\xc3\xe1\xf0\xb4i\xd3233\xd7\xae]\x9b\xec+\xd2$\x8dz\xf5\xea\xfd\xf6\xdbo7\xdexc\x83\x06\r\xa4\x94\x00z(\x98^\xe87\x80\xb4\x03\x11\x19c\xf3\xe6\xcd\xeb\xd7\xaf\x1f\xa5\x941V|\x0f\xe8\xe7?\x1d\x10R\x92\x13?q\xc6X,\x16\xeb\xdd\xbb\xf7\x1bo\xbc\xa1[\x82i\x88.\x00\xe9\x85\x9a\xfaz\xbd\xdez\xf5\xea\x1d;vL\x08\xa1\x9b?i\x8e\xd9lF\xc4\xb5k\xd76o\xde\\m\x0e\x92}E\x9a\xc4\xa1\x0b~z!\x84`\x8c\x8d\x1e=:??\x9f1F\xa4T:\x10!D\xb3\x9b\xbb\xb5\xea\xd8/\xe8\xf72f\xe8]A\xd9\x83R"\x04Zm\x8e\xdd\xdb6/\x9d5^\nA\x88\xa0\x148\xe7B\x88\xc1\x83\x07\x7f\xf9\xe5\x97&amp;\x93IJ\xa9\x07\xc2\xe9\x83~\x03H#\x84\x10\x94\xd2\x9d;w6h\xd0@\x08Q\xac\x01\xa5\x14\xa4\x14Y\x15*M{\xfb[gFf\x9c\xc7\x80RB\xf4*Pv\x90D\x12B%\xa2#\xc35\xa6_\x9b\xef\xbe\xf8\x18\x80\t\x81\x84\x10J\t\x00C\xc4\xb9s\xe7\xf6\xed\xdbW\xbf\x04\xa4\x15\xba\x00\xa4\x11\xea\xd9n\xdb\xb6m^^\x9e\xc9d\xc4\xe3\xfc\xf2\xfa\xd5\xf2\x8fy\x0f\x1e)\x00f \xe7\xd7v\xe8s\xf7\xd8\x7f\x07\n\x0b@/\x01e\x0e\x81\xe8tg\xad{g\xfe\xec\xb1\xf7\x020!\xd1d2\x1a\\v\xd1\xd6/\x7fP\xb3\x9f\n\x15*l\xdf\xbe=33S\x1f\x0eH\x1ft\x01H\x17\xd4\xea\x9f\x97\x97\xd7\xb6m[\xb5\xc5\x93R|\xb3`\xcc\xfaM?\x0f\x9d\xb6\xd80\x18\n\t\x14&amp;\xcc_wA\xad\x06\x91pP\x0f\x84\xcb\x12\x92H \x94P:\xa2\xeb\x95\x87\x0f\xecS\x1a\xd0+Z6z\xfc\xf9a\xbd\xaf\xbd\xcf\xe7\xf1\x1b\x86\x11\x8f\xc7G\x8d\x1a\xf5\xe4\x93O\xea\x97\x80\xf4A?\xe4i\x81j\xecr\xce\x07\r\x1aD\ta\x00\x88\xd8\xadm\xd3&amp;\x97\xd5\x1d\xd8\xa5U\xcd\xf3+r\x8e\x0c\x00\x91/\x98\xf1\x180\xd0\xdb\xbf2\x86@t\xb8\xb3\xde\x9d;\xfd\xf0\x81}\x8c\x19B 3\xd8\x9d\x0f\xf7\xactA\xc5~C\xbaI)\x85\x14\xc0\xe0\x99g\x9e\xd9\xb5k\x97&gt;\x17\x92&gt;\xe8\x02\x90\x16\xa8c_\xb3g\xcf\xde\xb1c\x073\x0c\x8e\xe8v\xda\x9f\xb8\xa7C\xdc\x1f\xb2\xbb\x1c\xe3\xef\xeb@\x08\x91R\x00\xb0\xed\xdf\xac\xdb\xb4\xf6}\xbb\xcb-\x10\x93}\xd5\x9as\x83\x94\xd2b\xb1\x1d\xda\xbf;o\xc9\xcb\x94RB\x89\x10\xf2\xa6.\xad\xeb5\xae\x93\x7f\xf0\xc8M]\xae\xafY\xbf\x9a@\xa1$\xa1\xa3F\x8d\xa2T7\x06\xd2\x05]\x00\xca&gt;j\xf6\x9b\x9f\x9f?z\xf4h\xd5\xdd\x15B&lt;\xd8\xbdu\x9d\xfa\xd5\xe2\xd1x\xc4\x1f\xea\xde\xbeE\xf3\xc6\xb5\x11\x05\x03J\x08]8sT$\x14`\x8cI\xa2W\x81\xb2\x80\x10h\xb1;\x96\xbe0.\xe8\xf5\x003\x84@g\x86\xa3\xdf\x90\xee\x91PDJisX\xfb\x0f\xef-\xa5T5`\xd9\xb2eyyy\x8c1\xd4;\x804@\x17\x80\xb2\x8f:\xe19r\xe4H\x8f\xc7c2\x0c\xcey\xb5*9C\xfa\xb6\x8b\x15\x06\x18\x03I\xa4@|fHW\x831\x14\xc8\x18\xcb\xffu\xcf\xbbs\xa7;\xdcY\xfa%\xa0\x0c \x04:3\xb2\xb6\xac\xff\xe8\xab\xd5o\x010"\x85\x14\xb2\xd7\x83\x9d+T.\x1f\x8b\xc4\x0c\xc3\xf0\x17\x06\x9a^\xd7\xa4Y\xdb\xa6\x88\x08\x00\x94\xd2A\x83\x06q\xce\xf5{@:\xa0\x0b@\x19G5\x7f6o\xde\xbch\xd1"\x06L\x08!%\x99\xf4@\xa7\xec\x9cL\xe4\x9cR\xca\x00\xa2\xc1H\xd3\xa6\xf5\x06tl!\x84\xa4\x94PJ\xf3\x96\xbc|h\xffn\xb3\xc5\xa6\x97\x80\xd2\x0e%\x94\xf3\xf8\xca9\x93\xd5\x9d \x84\xa8Y\xbf\xda\xed\xfdn\x0e\xf8\x82E\x93^J\x10\xb1\xff\xf0\xde\x0e\x97]\x8d\x7fw\xec\xd81{\xf6l=\tH\x07t\x01(\xe3\xa8\xf1\xef\xb0a\xc3\xa2\xd1(3\x80#6o\\\xbb[\xfb\xe6\x11\x8f\xbfX\xe9\x01@y 2\xee\xfeNY\x19EK@\xd0\xebY:k\x9c\xcd\xe1RRqM)\x05\x91\xbb\xb2\xca}\xb6\xf2\x8d\x1d\xdf~\r\xcc\x10\x12\xa5\x94\xfd\x87\xf7\xb6\xda,\x88\xa8Nz\x00@\xc8\x1f\xaa\xd5\xa0z\xfb&gt;7\t!\x08%\x94\xd2\xd1\xa3G{&lt;\x1e\x00\xd0;\x80\xb2\x8d.\x00e\x19\xb5\x9a/[\xb6l\xdd\xbau\x86ap\x8ef\x93\xf1\xcc\x90\xae\x02Q\xfeA\xe8C)\x8d\xc7b9\xb9\xd9c\x06vP\xa7\xc3\x00`\xe3\xc7+\xb7\x7f\xf3\x99\xdd\xe1\xd2\xdb\xc0R\x8a\x94\xd2d\x98\x0b\x8e\x1czo\xeetJ)P"P4\xbb\xf1\xca\xa6\xd75\xf1\x17\x06\xfe(\xf4d\x06\xf3\x15\xfa\xbb\x0c\xe8P\xf9\x82\x8a\xc8\xd10\x0c\x8f\xc7\xa3&amp;F\xfa\xa7_\xb6\xd1\x05\xa0\xcc\xa2\xf6nJ\xd7A\x08\x01J\x85\x10]\xdb^\xd1\xf4\xca\xfa\xd1`\x98\xfd\x7f\x99?0\x16\xf3\x87\xef\xe9v}\xed\xaa\xb9\x02\x11\x00x&lt;\xb6\xf8\xf91\xc0\x0c\xa2\xf7\x80\xa5\x13\x81\xdc\x91\x99\xf5\xc1\xfc\xe7\x8f\x1c\xfc\x05\x80\t!L&amp;\xa3\xdf\x90nj\x9b\xffG(\xa5&lt;\xc6\xcbW\xcc\xeevo\xa7"I\xe8\t\xcd\x98n\x04\x95mt\x01(\xb3(\xdb\x9f\xa9S\xa7\xee\xda\xb5\xcbd2\xc59\xcfv;\x9ez\xa83\x0f\x84\xe9\xff\x1c\xf2\xa2\x84 \xa2\xc5f\x9e\xf1pwI\x88\x14\x02\x18\xdb\xb1\xf5\xab\xf5\xef-pe\x95C\xe4I\xf9+h\xce\x18!\x84\xcd\xe1\xfa\xe5\xa7\xef&gt;Y:\x07\x00\x08%B\x88\x8e\xff\xba\xa5\xce\xc55C\xfe\xd0\xff\x9e\xf2c\x06+,\xf0\xb6\xebz}\x83\xcb.B\x8e\xcc`E\xa7F\xf4(\xb8L\xa3\x0b@\xd9DM\xfc\xf6\xec\xd93e\xca\x14\x00P.\xa0\x0f\xf5\xb8\xa1J\xd5J\xb1\xa8\xb2\xfa\xf93\x8cA\xc4\x1fn\xd7\xaa\xc9\xf5M\xeb\xa1\x10@)\xa1\xf4\xad\x97&amp;\x16\x1e\xcd7\x19f\xbd\n\x946$0c\xc9\x0bcC\x01\x1f\x05\x10\x88Y\xe53;\xf7o\x1f\n\x86\x81\x9d\xe4\xa9\x97\xc40\xb1&gt;\x0fu\x01\x00\x81\xc8\x0c\x96\x97\x97\xb7l\xd92-\t-\xc3\xe8\x02P6Q\xb3\xdf\xf1\xe3\xc7\xfb|&gt;\x83\xb18\xe7\xb5\xab\xe6&gt;r\xd7\xad1o\x90\x9d\xec\xf9\'\x84\x10)P\xcc\x1c\xde\xd3l2\x84@\xc6\xd8\xd1\xdf\xf6\xbf?\xffygf\x96\xd0/\x01\xa5\x07Dtfd}\xfby\xde\xa6\xb5\xab\x00\x98*\xff\xfd\x86v\xafX%\'\x16\x89\x9d\xcc\xe7\x07\x18\xf8\x0b\x03W\xb5\xbe\xfc\xba\xdb\x9a!\n%\t\x1d5jT,\x16\xd3\xef\x01e\x15]\x00\xca j\xf6\xbb~\xfd\xfa\x05\x0b\x16(u?!d\xc6\xc3\xddmv+"\xd2\x93\xdb|\x02@4\x14\xae\x7fq\xf5!\xbd\xda\x08!)\x91\x14\xe0\x93\xa5s\xf6\xfc\xb8\xd5jwJ\xa9{\xc1\xa5\x03\xc6X8\x18X2k,\xa1\x14\x80"b\x83\xcb.\xba\xb9\xfb\r&gt;\x8f\x9f\x19\xa72\xf9\x01\x06\xe1P\xb8\xff\xf0\xde\xaeL\'\x8fs\xc30v\xed\xda5u\xeaT=\t(\xab\xe8\x02P6A\xc4\xd1\xa3G\xab\xa3=\x88\xe2\xfa\xa6\xf5\xda\xb5j\x12\xf1\x87N\xb9\xfd\'\x84\x10\x00\xe0\x81\xc8\xd0\xbe7U,\xe7\x16(\x18@(\xe0{\xe7\x95\xa7-V\xbb^\x02J\x05\x88\xdc\x99\x91\xb5a\xd5\xc2\xfd?\x7f\x0f\x00j\xa2\xdb\xfb\xa1.\x86\xc1\xfev\x17O)\x8d\x86c\xe7W\xaf|{\xdfvRJI$\x05:m\xda\xb4\xfc\xfc|\xad\x08*\x93\xe8\x02P\xd6\xe0\x9c3\xc6\x16.\\\xb8~\xfdz\x93apD\x83\xb1\x99\xc3{\n\x14\xe44\xac\x1d(\xa5\xb1X\xacB\xa5\xf2O\xde\xdfQ\x14IB\xd9\xd7y+6\xaf\xff\xd0\x99\x91\xa5\x8f\x05\xa48RJ\xb3\xd9z\xf4\xd0\xaf\xcbgO\xa2\x14\x80R\x81\xe2\xda[\xae\xb9\xfa\xfa+\xfc\x85\x81\x93v\xff\xff\x00c\xcc\xe7\xf1w\xbf\xb7S\x95\xaa\xb9\xea%\xa0\xa0\xa0`\xe4\xc8\x91\xfaL@\x99D\x17\x802\x85\x92\xf0\xfb|\xbeq\xe3\xc6A\x91\xed\x97\x18\xd0\xb1E\xfd\xfa\xd5\xa2\xa1\xc8i:&lt;3\xc6b\xbe`\xcf\xf6\xcd\x1a\xd7\xad*\x04\x02P!\xc4\xca9\x93\x91\xc7\xb5M|\x8a#\x04\xda\x1c\xae\x0f\xe6\xbf\xe0=~\x04\x18\x08!\x1c.{\xafA]"\xe1\xd3\xfd\xe9\x13J\x90\xa3\xddi\xef3\xb8+9\xa1%[\xb8p\xe1\x96-[\x18c\xfa%\xa0\x8c\xa1\x0b@\x99B\x89\x7f\xa6L\x99\xb2g\xcf\x1ef0\xe4\x98\x95a\x1fw\x7f\'\x1e\x8a\xc2i{&lt;SB\x10\x85\xcdn\x9d2\xb8\x8b\x94DJ\xc1\x18\xdb\xf1\xed\xd7k\xde\x9e\xe7rgkIh\xca"\x84\xb0\xd9]\xbb\xb7mZ\xbd\xe8E\xa5\xf4\x15B\xb4\xefsS\xdd\x8bk\x84\x03az\xda7\x003\x98\xdf\xebo{G\xeb\x8b/\xbf\x089\x02\x83X,6x\xf0`D\xd4/\x01e\x0c]\x00\xca\x0ej\xb3\xa6\xa6v\x0c@\n)\xa4\x1c3\xb0}Nnv&lt;vR\xed\xc7_\xc2\x18D|\xc1\xd6\xcd/\xe9\xd8\xba\t\xa2P\x11Q\xcb_z\xf2\xe8\xa1\x03f\xb3U\xaf\x02\xa9\t%\x04\x18,\x98\xf1\x18\x8f\xc7\x18\x80@\xcc=\xbfB\x97\x01\x1d\xbc\x85\x7f3\xfb\xfdK\x10q\xc0\x88&gt;j\x1ba\x18\xc6\x86\r\x1b\x16.\\\xa8%\xa1e\x0c]\x00\xca\x0ej]V\xba=\xc6\x18\n\xd1\xb8n\xd5{\xba\xb7\x89\xf9Cg\x16\xf1(\x11\'?\xd4\xc5\xed\xb4\xab\xd2\xe2=~\xf4\x83\xf9/X\x1dN=\tHA\x04\xa2\xdd\xe5\xde\xb4\xf6\xfd\xed\xdf\xac\x03`R\n)\xe5\x9dC{\x94\xab\x90\xc5c\xfc\x9f\xf6\xee\x94AP\xa3\xab\x1b\xde\xd4\xa5u\x91A\x10\xd0q\xe3\xc6y\xbd^-\t-K\xe8\x02PFP\xd2\xcfu\xeb\xd6\x15\x9d\xdc\x11(\xa5|zp\x17\x8b\xd5\x8c\x88g\xd0\xb9\x07\x80H0R\xab\xde\x85\x0fvo-\x84 DR\x80\xd5\x8b^\xdc\xfb\xe3Vm\x10\x94\x820fD\xc3\xc1\x853G\x11B\x00(\xa2\xb8\xf8\xf2\x8b\xda\xde\xd1\xca[\xe0;\x83\xed?!\x04\x18\x84\x02\xa1~C\xba;3\x1c\xc8\xd1`\xc6\x9e={f\xce\x9c\t\x00\xfa%\xa0\xcc\xa0\x0b@Y@\x1d\xfb\x8aF\xa3\xc3\x86\r\xa3\x94*\xe9g\xa7\xd6\x97\xb5j~I\xc4\x1f&lt;\xe3|W\xc6 V\x18\x18\xd2\xb7]\x8d\xf3* \n\x06\x8c\xc7c\xcbgO\xa2\x00\xa7#(\xd2$\x0cDnse|\xbctN\xfe\xaf{\x801!\x84\xc9l\x0c\x18\xd1\xa7\xd8\xf2\xf3\x0c\xa0\x94\xc6"\xb1\n\x95\xcb\xf7\x1a\xd4\xb983r\xc6\x8c\x19{\xf6\xec\xd1\xd3\xe02\x83.\x00e\x015\xfb]\xbcx\xf1\xe6\xcd\x9bU\x97\xd6l2\xc6\xdf\xdf\x91\x9c\xddS\xaab\x84\xb3+d\x8d\xea\x7f\x8b\x94\x92H\x01\xc06\xady\xef\xdb\xcf?v\xb82\xf548EP\xd2\xcf\xe3\xf9\xbf\xad|\xf5iJ\xa9r\xfdk\xd9\xee\xea\xc6\xd74\xfcK\xdb\x9f\xd3\x871\x16\xf0\x07;\xf4nw^\xb5\xca\xc8\x911\xe6\xf5z\xc7\x8f\x1f\xaf\xcf\x04\x94\x19t\x01(\xf5\xa8\xed\xbf\xc7\xe3\x191b\x04\x00\xa8\xc4\xc7!\xbd\xda\xd4\xab_-\x12\x0c\x9f\xcd\xf3O\x081\x18\x8bx\xfc\xbd;\xb6l\xde\xa86Gd\x00\x84\xd2%\xb3\xc6\xc6"a\xc6\x8cs\xf5W\xd0\x9c\rR\xa0\xcd\xe9Z&gt;{b\xd0\xe7\x05\xc6\x10\xd1\x95\xe9\xbckx\xaf\xa0?t:\xc2\xffSA\x89\xe0\xc2j\xb7\x0c\x1c\xd5\x97\xa86\xa3\xc1\x16,X\xb0a\xc3\x06\xc30t#\xa8\x0c\xa0\x0b@\xa9Gm\xffG\x8f\x1e\x9d\x9f\x9f\xcf\x008\xc7\x8a\xe52\x86\xf6\xbd\x89\x07O[\xfa}J$\x91\x86\xc1\xc6\xde\xdb\x01\x00\x84D\x00\xd8\xff\xf3\xf7yKf;\\n\xfd\x12\x90t\x94\xeb\xe7\xf6o\xd6\xad[\xf9\xa6j\xcdI)o\xef\xdb\xee\xfc\xeaUNa\xfbs\xfa\x00\x83\x80/\xd8\xacM\xd3\xc6\xd74\x14(\x80\x02"\x0e\x1e&lt;8\x1a\x8d\xeaip\x19@\x17\x80\xd2\x8dZ\xfdU\x86\x1f\x03\x90DJ)\'&gt;\xd0\xa9B\xa5\xf2\xb1\x7f(\xfd&lt;\x19\x0c \xec\x0b\xb6j\xd9\xa8\xe7MW"\nF)\xa5\xb0\xf2\xd5\xa7\x8f\xe5\x1f\xd4\x99\x91I\x87\x12\x02\xccX\xfc\xfc\x18D\xce\x80!\xe2y\xd5*w\xbf\xb7\x93\xef\x0f\x89og\x8f@q\xef\xe3w\x9aL\x06"\x1a\x86\xb1e\xcb\x96\xc5\x8b\x17k\x83\xa02\x80.\x00\xa5\x1b\xd5\xffQ)\xde\x8c1\xce\xb1y\xa3\xda};]\x17\xf1\x06\x8cs\xf7\xfcS\x00\x1e\x8a&lt;5\xb8s\xb6\xdb\xc1\x11\x19\x83\xa0\xcf\xbb|\xf6$\x8b\xcd.K\x83$T\x9e\x11\xc9\xbe\xea\xbf\x07\x91;22\xd7\xbf\xb7`\xc7\xd6\xaf\x801!\x91H2pT_\x9b\xc3\x86\xf8\xe7\xd4\x973\x06\x00B\x81p\xddKku\xfc\xd7-J\x12\n\x00#F\x8c(((\xd0/\x01\xa5\x1d]\x00J1J\xfa\x99\x97\x97\x97\x97\x97\xa7\x84\xff\x0c`\xec\xbd\x1d\x0c\xe3\x1c\xdb\xb6\x00\xa5\xb1h\xacJ\xd5J\x0f\xf5\xb8AJ\xa9$\xa1\xebV\xbe\xb9w\xfb\x16\xab=\xd5%\xa1\x94\x82a\x98\xce\xe0\x8b\x9c\xab\x15\xb4d\x90D\x1a\xcc\x08\x07\xfd+^~\x8a\xa8\xc47\x14\x8d\xafi\xd8\xacM\xd3\x80/\xf0\xb7\xae\x7f\xff\x08`\x10\n\x84;\xf7o\x9fU&gt;SM\x83\xf3\xf3\xf3\xa7O\x9f\xae_\x02J;\xba\x80\x97V\xd4.U\x08\xd1\xa0A\x83\x9d;v\x98L\xa6X&lt;\xde\xb3\xddU\xf3g\x0e\n\x17\xf8\xce\xe1\xeb\x7f\xd1\x1fG$%\x14)mx\xfbc\xbb\x0f\x1c6\x0c\x83s^\xff\x8a\x96\xa3f\xaf\n\x07\xfc\xff\x1b1\x96"PJ\xe3\xb1h,\x12\xfe\xe7\xbf\x93\xd8\xec.\n,e\x05\xaf\x88\xdc\x9d\x9d\xb3\xe8\xb9\'\xde~y\nc\x86\x94H\x01^|oj\x8d\xbaU\xc3\xa7\xed\xfb\xf4\x0f\xfe8\x8e\x99\xe5\xdd+^_5\xe3\xb1\x97\x98\xc1\xa4\x94\x063\xb6m\xdbV\xb3fM\xe5@un\xff8Mb\xd0B\x8e\xd2\x8a:\x9d\xfb\xe2\x8b/\xee\xd8\xb1\xc30\x0c\x8e\xe8v\xdaG\x0fl\x8f\xe1XI,\xc7\x94PD\xb4\xb9]\xe3\xef\xeb\xd0c\xe4l)\x05\x00\xdb\xfe\xcd\xbaMk\xdf\xbf\xbc\xd5\xadA_\xe1\x99\x1d6.Q\x10yFf\xf9\x95\xaf=\xf3\xce\xabS\x193NwdM)\x91\x921c\xd4\xcb\xefW\xa9V\'\x16\rS\x9ar\xab\x9b\x94\xd2b\xb1\x1d\xda\xbf;o\xc9\xcbT\xb9\xfe\xa1\xbc\xa5[\xeb\xba\rk\x9e\xf1\xc9\xafS\xc3\x0c\xe6/\x0c\xb4\xe9\xd4\xea\xbd\x05\xab\xf7\xfc\xf8\x8ba2T\xdc\xf4\xd2\xa5K\xf5K@\xe9%\xe5\xeel\xcd\xe9 \x84\xa0\x94\xe6\xe7\xe7\x8f\x1e=\x9aR\xaa\xa4\x9f\x0fvo]G\xb9~\x96\x8cg\'c,\xe2\x0bto\xdf\xa2y\xe3\xda\x88\x82\x01%\x84.\x9c9*\x12\n0\xc6dJ\xee\x94)\xa5\x05\x87\x7f\x0f\xf9\xbd\xfe\xc2\xe3!\xbf\xf7\xb4\xbe|\x85!\xbf\xd7\xef=.\x05\xa6l\x17H\x08\xb4\xd8\x1dK_\x18\x17\xf4z\x80\x19B\xa03\xc3\xd1oH\xf7p(r\xb6\xd2\xcf\x93\x83\x88v\x87\xb5\xff\xf0\xdeRJ\x81\x821\xb6l\xd9\xb2\xa2\xf6\xa3\x96\x84\x96Nt\x01(\x95\xa8\x97\xee\x91#Gz&lt;\x1e\x93ap\xce\xabU\xc9\x19\xd2\xb7]\xac\xf0\x1c7\x7f\xff\xfc\xe7\x12"\x10\x9f\x19\xd2U\x05\x8d1\xc6\xf2\x7f\xdd\xf3\xee\xdc\xe9\x0ew\x96H\xbd%\x80\x12\x8a\x02C\xfeBJ)3\x0cJ)\xa5\xc0\x0c\xd3\xdf|\x99\xcc\xcc0\x99-6\x92z\x1b\x7f\x85\x10\xe8\xcc\xc8\xda\xb2\xfe\xa3\xafV\xbf\x05\xc0\x88\x14R\xc8^\x0fv\xaeP\xb9\xfc9\x91~\x9e\x0c\xc6\x98\xbf0\xd0\xf4\xba&amp;\xcd\xda6UYC\xc5\x02\x04=\r.\xa5\xa4\xe8-\xae9\x05J\xfa\xb9y\xf3\xe6E\x8b\x161`B\x08)\xc9\xa4\x07:e\xe7d"\xff\xc7\xb6_\xff\x08\x06\x10\rF\x9a6\xad7\xa0c\x0b!$\xa5\x84R\x9a\xb7\xe4\xe5C\xfbw\xa7\xa2$\x94\x12)\x84\xbf\xb0\xe0\x0f\xd2\x1e\x81&lt;\xfe7_\xf1\x18\xf2x,\x12\x16\x98\xa2o\x00\x94P\xce\xe3+\xe7LVw\x82\x10\xa2f\xfdj\xb7\xf7\xbb9\xe0;s\xdb\x8f\xd3\xff\xb3\x11\xb1\xff\xf0\xde\x0e\x97]i\x10\x94\x04YO\x83K)z\x06P\xfaP\xdb\xffa\xc3\x86E\xa3Q\xb3\xd9\x14\x8b\xc5\x9b7\xae\xdd\xad}\xf3\xc89\x95~\x9f\x0c\x00\xca\x03\x91q\xf7wZ\xbczc\xa1?\xcc\x18\x0bz=Kg\x8d{\xe8\xe9\xf9\xde\x82#)u&lt;\x98R@\x1e\x0f\xfa&lt;\x84\x10\x95\x84\xectg\xdf\xd8\xe3^\x95\x93NN^)U\x0eZFvy\xc4\x94\xcb\xc0Q\xb3\xdf\xd5\x8bg\xef\xf8\xf6k`\x86\x90(\xa5\xec?\xbc\xb7\xd5f\xf1\x15\x96\xf8\r\xa0\\Bk5\xa8\xde\xbe\xcfM\x0bg-\x07\x06\x94\xd2\xd1\xa3G\xf7\xe8\xd1#33S\x89\x92K\xf4\x024\xe7\x96\x14z\\5\xa7\x83\xdav-[\xb6l\xdd\xbau\x86ap\x8ef\x93\xf1\xcc\x90\xae\x02Q&amp;\xe4\xd1\xa3\x94\xc6c\xb1\x9c\xdc\xec1\x03;\x0c~f\xa1\xaaF\x1b?^\xb9\xfd\x9b\xcfj_\xd24\x1c\n\xa6\x8c DRJc\xd1H(\xe0#\xa4h+_\xbe\xd2\x05]\x1f\x18{\xc2\xce\xfa\xd4\x9f\x97\x0c\x07|\x02\xe3)\xf5\x12 \xa54\x19\xe6\x82#\x87\xde\x9b;\x9dR\n\x94p.\x9a\xddxe\xd3\xeb\x9a\xf8\x0b\x03\t(\xff\x84\x10f0_\xa1\xbf\xcb\x80\x0e\x9f\xbd\xf7\xf9\xa1\x03G\x0c\xc3\xf0x&lt;\xa3G\x8f~\xe1\x85\x17\xd4\xcd\x99\x80k\xd0\x9c+R\xe4Y\xd5\x9c\x16\xaa\xc7\xa2\xd4\x17DI\xbf\x85\xe8\xda\xf6\x8a\xa6W\xd6\x8f\x06\xc3,Q+/0\x16\xf3\x87\xef\xe9v}\xed\xaa\xb9\x02\x11\x00x&lt;\xb6\xf8\xf91\xc0\x0c\x922] )\t\x00\xc4c\'\n\x00!\x84\x10\x9b\xd3\x15\x0e\x05\xbc\xc7\x8f\xf8&lt;\xc7|\x9e\xa3\xa7\xfc:&amp;Ro\x08,\x90;2\xb3&gt;\x98\xff\xfc\x91\x83\xbf\x000!\x84\xc9d\xf4\x1b\xd2M\x9d\xcfJ\x0c\x94R\x1e\xe3\xe5+fw\xbb\xb7S\x91K(\xc0\xec\xd9\xb3w\xec\xd8\xa1\x1bA\xa5\x0e]\x00J\x13J\xfa9u\xea\xd4]\xbbv\x99L\xa68\xe7\xd9n\xc7S\x0fu\xe6\x81p"\x95\xf8\x94\x10D\xb4\xd8\xcc3\x1e\xee.\t\x91B\x00c;\xb6~\xb5\xfe\xbd\x05\xae\xacr\xa9c\x10D\x81\xc5\xc2\xe1H\xd0_\xfc+\xae\xccr&amp;\x93\x19\x18c\xcc\xf8\xdb\xaf\x94[\xfd\x85\xb09\\\xbf\xfc\xf4\xdd\'K\xe7\x00\x80\n|\xee\xf8\xaf[\xea\\\\\xf3,]?\xff)\xcc`\x85\x05\xdev]\xafop\xd9E\xc8\x91\x19\x8cs&gt;h\xd0 =\n.u\xe8\x02PjP\x13\xbf={\xf6L\x992\x05\x00\xd4I\xb0\x87z\xdcP\xa5j\xa5X4VB\xd2\xcf\x93\xc1\x18D\xfc\xe1v\xad\x9a\\\xdf\xb4\x1e\n\x01\x94\x12J\xdfzib\xe1\xd1|\x93aN\x8dU@\x02@(\xe0\x8bE#\xc5\xbf\xe4\xca,G\x01RR\xb0z:H`\xc6\x92\x17\xc6\x86\x02&gt;\n \x10\xb3\xcagv\xee\xdf&gt;\x14\x0c\x97\x9c\xf4\xf3\xe4\xd7B\x0c\x13\xeb\xf3P\x17\x00\x10\x88\xcc`yyyEaD\xa9\xa7\x07\xd3\x9c\x0c]\x00J\rj\xc26~\xfcx\x9f\xcfg0\x16\xe7\xbcv\xd5\xdcG\xee\xba5\xe6\r\x96\xa8\xf4\xf3\x14W$P\xcc\x1c\xde\xd3l2\x84@\xc6\xd8\xd1\xdf\xf6\xbf?\xffygf\x96H\x85\x97\x00I\x80\xb1P\xd0\x87\xfc\xbf}|Wf9\x00H\xcd#\x0b\xa7\x06\x11\x9d\x19Y\xdf~\x9e\xb7i\xed*5\xc4\x96R\xf6\x1b\xda\xbdb\x95\x9c\x12\x95~\x9e\x0c`\xe0/\x0c\\\xd5\xfa\xf2\xebnk\x86(\x94$T\xc5\x91\xea\xf7\x80R\x84.\x00\xa5\x035^[\xbf~\xfd\x82\x05\x0b\x94\x06\x9f\x102\xe3\xe1\xee6\xbb\x15\x11i2\x9a\x15\x00\x10\r\x85\xeb_\\}H\xaf6BHJ$\x05\xf8d\xe9\x9c=?n\xb5\xda\x9dR&amp;\xb9\x17,\x89\x04`!\xbf\x97\x10\x02@\xd5\x8a\xe4\xca\xcc\x96B&amp;\xe5\xe3:K\x18c\xe1``\xc9\xac\xb1\x84R\x00\x8a\x88\r.\xbb\xe8\xe6\xee7\xf8&lt;g\x12\xf8~N\x00\x06\xe1P\xb8\xff\xf0\xde\xaeL\'\x8fs\xc30v\xed\xda5u\xeaT=\t(E\xe8\x02Pj@\xc4\xd1\xa3G\xab\x038\x88\xe2\xfa\xa6\xf5\xda\xb5j\x12\xf1\x87\x92\xb4\xfd\'\x84\x10\x00\xe0\x81\xc8\xd0\xbe7U,\xe7\x16(\x18@(\xe0{\xe7\x95\xa7-V{\xf2\x97\x00I(\xa5Ao\x01!\x84\x10\xaa\xa6\xd3\xae\xcc\xf2B\n\xf2\xff\xfdASgp}2\x10\xb93#k\xc3\xaa\x85\xfb\x7f\xfe\x1e\x00\xd4\xdc\xb5\xf7C]\x0c\x83%q\xafM)\x8d\x86c\xe7W\xaf|{\xdfv\xeas\xa4@\xa7M\x9b\x96\x9f\x9f\xaf#\xc3J\x0b\xba\x00\x94\x02\x94\xd5\xf3\xc2\x85\x0b\xd7\xaf_o2\x0c\x8eh06sxO\x81"\xb9Ve\x94\xd2X,V\xa1R\xf9\'\xef\xef(\xa4T\xf2\xf9\xaf\xf3Vl^\xff\xa13#K$\xd9)ZR\x00\xbf*\x00\x94\xaa\xb6\x8f\xdd\x95\x81&lt;N\x88\x04\xc6\x98a\x18\x86\x89\x19\x06\x05&amp;\xa5\x10\xc8\x85\xc0\x14,\x06*\xf1\xf1\xe8\xa1_\x97\xcf\x9eD)(\xd7\xcfko\xb9\xe6\xea\xeb\xaf\xf0\x17\x06\x92\xd0\xfd\xff\x03\x8c1\x9f\xc7\xdf\xfd\xdeNU\xaa\xe6\xaa\x97\x80\x82\x82\x82\x91#G\x02\x9cc?ZM\t\xa1\x0b@\xaa\xa3\x84\xf6&gt;\x9fo\xdc\xb8q\xa0l\xbf\x84\x18\xd0\xb1E}e\xfb\x93l\xd1=c,\xe6\x0b\xf6l\xdf\xacq\xdd\xaaB \x00\x15B\xac\x9c3\x19y\x92\x8fPIB(\xa5\x01o\x01Q\xf6nBPJ+\x9cW\xdd\xee\xcc`\x869\x16\t\x05}\x85\xfe\xc2\xe3A_a&lt;\x165[\xec\xae\xcc\xf2\x0eW&amp;eL O)\x07P!\xd0\xe6p}0\xff\x05\xef\xf1#\xc0@\x08\xe1p\xd9{\r\xea\x12\t\'\xff\xa7O(A\x8ev\xa7\xbd\xcf\xe0\xae\xe4\x84Jm\xe1\xc2\x85[\xb6l\xd1\xc1\xf1\xa5\x02}\x10,\xd5Q\x0f\xd5\x94)S\xf6\xec\xd9c2\x19\xc81+\xc3&gt;\xee\xfeN&lt;\x14\x05H~/\x9b\x12\x82(lN\xc7\x94\xc1]n\xb8\xe7\x19)\x05cl\xc7\xb7_\xafy{\xde\x8d\xdd\x06z=\xc7\x92u6\x98\x12*\x85\xf4\x17z\x8a\x7f\x05\x98\xf1\xf1\x92\xd9+f\x1f\xcf\xffu\xaf\xbf\xf0X,\x12BD\xc6\x0c\x9b\xc3\x95\x99\x93[\xb5\xd6\xc5\xf5\x9b^[\xafI\xf3\x8cr9!\xbfW\n\x91\n\x1e\xd7B\x08\x9b\xdd\xb5{\xdb\xa6\xd5\x8b^T\xd7#\x84h\xdf\xe7\xa6\xba\x17\xd78v\xb8\xc00%\xff\xf9e\x06\xf3{\xfdm\xefh\xbdja\xde\x0f\xff\xf9\xc9d6\xc5b\xb1\xc1\x83\x07\xaf]\xbb6\xd9\x97\xa6\xf9{\xf4\xbc&gt;\xa5Q\xd2\xcf]\xbbv5h\xd0@\xf9\xfcp\xc4\x99\x8ft\x7f\xe8\xae[\xc3%\x7f\xee\xff\xf4\x11BX\x9c\xf6;\x06\xcdX\xf1\xe9f\x15\x17\x9e\x91]~\xd2\xa2/\x9d\x19Y&lt;I\xaf\x02\x02\xd1\x91\x91\xf9\xdc\xa3}\xbeZ\xbd\x1c\x18;M\xaf\xba\nU.\xbc\xbe\xf3\x80\x1b\xba\xf47L\xe6h8\x94t\x8fk)\x84\xcd\xe9\x9a8\xf0\x96\xed\xdf\xacS\x1fl\xc5\xf3r^zo\x9a\xc5f\x16(R\xc4wA\x08as\xd8\xb6o\xfeyH\xd7\xc7\xa5\x90\x00\xc09\x7f\xe3\x8d7z\xf7\xee\xad\xcf\x06\xa78\xc9\xdf\xe3hN\x81*\xcfJ]\xa72\xbf\x1a\xd7\xadzO\xf761\x7f\xf2\xd7\xa6?!\x11\'?\xd4\xc5\xed\xb4\xabW\x16\xef\xf1\xa3\x1f\xcc\x7f\xc1\xeap&amp;m\x12@\xa9\x10x&lt;\xff7\n@)\x00\x000\xc3d\xb6\x18&amp;3c\x06\x05\xa0\x00\xff\x9d\x040\x03\x98\x01\x00G~\xfbe\xe1\xccQ\x13\x07\xder\xe4\xb7_\xac\x0eWr\xc7\x18\x02\xd1\xeeroZ\xfb\xfe\xf6o\xd6\x010)\x85\x94\xf2\xce\xa1=\xcaU\xc8\xe2\xb1\x92u\xfd\xfbG(\x83\xa0FW7\xbc\xa9Kku&amp;\x99\x02\x1d7n\x9c\xd7\xeb\xd5\x92\xd0\x14G\x17\x80\xd4E\xed\x9e\xd6\xad[Wt\xbeF\xa0\x94\xf2\xe9\xc1],V3"\xa6\xca\xd3O\x08!\x04\x00"\xc1H\xadz\x17&gt;\xd8\xbd\xb5\x10B\r`W/zq\xef\x8f[\xed\x8e\xe4dFRB\x84\x10\x15\xce\xbbP\n\x81&lt;.\x84\x10\xc8\xe3\xb1(\x8f\xc7\x10\xb9\x14B\n!\x10\x91s\xce\xe3\x88\\\t\x83\x94q\xf4\xee\x1f\xfe3i\xe0\xadG\x0e\xee\xb5X\xed2y\x8dl\xc6\x8ch8\xb8p\xe6(B\x08\x00E\x14\x17_~Q\xdb;Z\x95P\xe4\xcb\xd9\x00\x0cB\x81P\xbf!\xdd\x9d\x19\x0e\xe4h0c\xcf\x9e=3g\xce\x04\x00}.,\x95\xd1\xf59EQ\n\xc5x&lt;~\xcd5\xd7l\xd9\xb2\xc50\x8cx&lt;\xde\xa9\xf5e\xcb\x9e\x1b\x1c\r$\xf4\xdc\xffi"\xa5\xa4\x00\x81H\xec\x8anc\xf6\xfev\x941\x83\xf3\xf8e\xadn\x1d:ma(\xe0\x03H\xfc\x82%\t\xa1\xcc0mX\xb5\xf0\x83\xf9/\xd8\x9d\x19\x17\xd4jP\xf1\xbcj\xe5*\x9d\xefrg\x1bf\x8b\x10"\x12\xf4\x1f\xcf?\xb0\xef\xe7\xef\xb6\x7f\xf3\xd9\xb1C\x07\x08!j\xc7\xca\x0c\x13\xf2x\xb5\x8b\x1a=\xf1\xdaj)\x94\xd4*\xd1\x05\x17\x91\xbb2\xcb\xbd\xf7\xfa\xf4\x053F\x01cDJf\xc0\xb4E\x13\xea7\xa9\x1b\x0e\x86S\xf0\x06@\x8e\xee\xec\x8c\x85/.\x7f\xe9\xc9\xb9*3\xd2\xe5tm\xde\xbc\xb9z\xf5\xea:32e\xd1\x05 EQ\xdb\xffy\xf3\xe6\xf5\xeb\xd7\xcf0\x0c!\x84\xc1`\xeb\x92\xf1\x17\xd5:/\x15\xc4?\x7f\tG\xb4g\xbb__\x98\xf7\xaf\xb1\xaf\x19\x8c\tI\x84\xc0\xe1\xcf\xafh\xd4\xbcm\xc0\xe7I\xd64\xd8\xe6p\x05\xfd^\xb3\xd9b\xb19\x94\x86J\n!\xa5 \x84\x02\x80\x9a\xac\xfa\n\x8e\xae\x7fo\xc1\xd2Y\xe3c\x91\xf0\x89\x1a` \xe7=\x86&lt;\xd9\xfe\xce\x87\xfd\x85\xc7 \xb1\x17/\xa54\x0cS\xc0W8\xfc\x8e&amp;!\xbf\x8f1\xc69\xbf\xbeC\x8b\xb1/=\xea9Z\x98j\xdb\xff"$!@\x80B\xff\x1b\x07\x1f\xdc\xf7\xbb\xc9l\x8a\xc7\xe2}\xfa\xf4\x997o\x1e\xe7\xdc0\x92?\xaf\xd6\xfc/\xa9\xb8\x8ehT/\xc2\xe3\xf1\x8c\x181\x02\x00T\xe2\xe3\x90^m\xea\xd5\xaf\x16I\xc9\xdd\x9f\xc2`,\xe2\xf1\xf7\xee\xd8\xb2y\xa3\xda\x1c\x91\x01\x10J\x97\xcc\x1a\x1b\x8b\x84\x93\x98\x13\x10\xf4\x152\xc6\xe2\xf1\x98\xbf\xf0\x98\xcfs,\xe8\xf5\x84\x02\xdep0\x10\x0e\xfa\x83\xfe\xc2@aA\xa0\xf0\xb8\xc9l\xe9\xd0\x7f\xf8\xc33\x97Zl\x0eB\xa9:\xc7D)\xfdd\xd9\xab~o\x013L\t\xbef)\xd0\xe6t-\x9f=1\xe8\xf3\x02c\x88\xe8\xcat\xde5\xbcW\xd0\x1fJ\xae\xf0\xffTP"\xb8\xb0\xda-\x03G\xf5%j\x07c\xb0\x05\x0b\x16l\xd8\xb0A\x8d\xaf\x93}}\x9a\xbf Uo\xa6\xf4F\x89\x7fF\x8f\x1e\x9d\x9f\x9f\xcf\x008\xc7\x8a\xe52\x86\xf6\xbd\x89\x07St\xef_\x8c$\xd20\xd8\xd8{;\x00\x80\x90\x08\x00\xfb\x7f\xfe&gt;o\xc9l\x87\xcb\x9d,\x97P`LJ\xa1\xd2 \x193\x801\x00\x06E0`\x0c\x98!\x848\x9e\x7f\xb0q\xcbv\x9d\x06\x8e\x94BP\n\xaa\xf5\x7f\xe4\xe0\xbe\xbd\xdb\xb7\x98\x13{\xb0Y\xb9~n\xfff\xdd\xba\x95oR\x00\xd5\x0e\xbc\xbdo\xbb\xf3\xabWI\x8a\xed\xcf\xe9\x03\x0c\x02\xbe`\xb36M\x1b_\xd3P\xa0\x00\n\x888x\xf0\xe0h4\xaa\xa7\xc1\xa9IJ\xaf&amp;\xe9\x89Z\xfdU\xd2\x1e\x03\x90DJ)\'&gt;\xd0\xa9B\xa5\xf2\xcai+\xd9\x17x*\x18@\xd8\x17l\xd5\xb2Q\xcf\x9b\xaeD\x14\x8cRJa\xe5\xabO\x1f\xcb?\x98\xd4\xcc\xc8\xbf\xf9\xd0(\xa5&amp;\x93\xd9\xef9\xde\xe2\xb6\x9e\x99\xe5*\n\x81*?\x98\x10\xf2\xcb\xcf\xdf\x1a&amp;S"\xad\x8d(!\xc0\x8c\xc5\xcf\x8fA\xe4\x0c\x18"\x9eW\xadr\xf7{;\xf9\x12\x92\xf8v\xf6\x08\x14\xf7&gt;~\xa7\xc9d \xa2a\x18[\xb6lY\xbcx\xb16\x08JMt\x01H9T\xffGem3\xc68\xc7\xe6\x8dj\xf7\xedt]\xc4\x1b0J\xc3\xf3O\x01x(\xf2\xd4\xe0\xce\xd9n\x07Gd\x0c\x82&gt;\xef\xf2\xd9\x93,6\xbbL\xb29\xc4)\xa1\x14y\xdc\x9d\x9dS\xb3\xe1\xe5\x84\x10z\xe2\x94\xdd\xd1C\xbf\x92\x04\x8e\x80\x11\xb9##s\xfd{\x0bvl\xfd\n\x18\x13\x12\x89$\x03G\xf5\xb59l\x88\x89K}9c\x00 \x14\x08\xd7\xbd\xb4V\xc7\x7f\xdd\xa2$\xa1\x000b\xc4\x88\x82\x82\x02\xfd\x12\x90\x82\xe8\x02\x90Z\xa8\xd9o^^^^^\x9e\x12\xfe3\x80\xb1\xf7v0\x8cRc\xae\x02\x94\xc6\xa2\xb1*U+=\xd4\xe3\x06)\xa5\x92\x84\xae[\xf9\xe6\xde\xed[\xac\xf6\xe4HBO\x1b\t\xcc\xc8\xa9\\\x95\xa8\x83\xc4D\x12B"\xc1\x80\x14"1%@\x12i0#\x1c\xf4\xafx\xf9)\xa2\x12\xdfP4\xbe\xa6a\xb36M\x03\xbe@\x12]\xff\xfe\x11\xc0 \x14\x08w\xee\xdf&gt;\xab|&amp;rd\x8c\xe5\xe7\xe7O\x9f&gt;]\xbf\x04\xa4 \xa5\xe3\x96J\x13\xd4\xde\xbf(\\\x89\x10\x06\x80\x88\xddnl\xda\xea\xdaFa_0a\x89\x8fg\x0fc\x10\xf3\x06\x1e\xb9\xeb\xd6\x9a\xe7W\xe4\x1c\x19\x00"_0\xe31`)`^qr$!\x94P\xc3l\xf9\xe3/&amp;\xd2\x10B :\xdcY\xef\xce\x9d~\xf8\xc0&gt;\xc6\x0c!\x90\x19\xec\x9e\xc7\xef\x14X\x9a\xd6MJi,\x12\xabx^N\xbf\xa1\xdd\x8a2#\x19&lt;\xf3\xcc3\xbbv\xed\xd25 \xd5(5kJ:\xa0\xba\xff*^\x95\x19\x06Gt;\xed\xa3\x07\xb6\xc7p,\x15|iN\x1fJ("\xda\x1c\xb6\xf1\xf7u \x84H)\x00\xd8\xf6o\xd6mZ\xfb\xbe\xdd\xe5&gt;MW\x86\xc4C\t\x11R\xa8\x08\x01B\x88\x8a\rp\xb82iB2d\xa4\x94\x16\x8b\xed\xd0\xfe\xddyK^\xa6E\xae\x7f\xf2\xa6.\xad\xeb6\xac\x19\n\xa4\xae\xf4\xeb/a\x06\xf3\x17\x06\xdatjU\xb3~5\x81\x821\xa6\x82\xacu\x17(\xd5(MwU\xd9F\xe9\x0e\xf3\xf3\xf3G\x8f\x1eM)U\xd2\xcf\x07\xbb\xb7\xae\xa3\\?S{\xf6\xfb\xbf0\xc6"\xbe@\xf7\xf6-\x9a7\xae\x8d(\x18PB\xe8\xc2\x99\xa3"\xa1\x00c,E3\xb9(\xf0x\xec\xf7_v\x12\xa5\xbc!\x92\x10R\xa1JU"\x13\xd1\x00\x12\x02-v\xc7\xd2\x17\xc6\x05\xbd\x1e`\x86\x10\xe8\xccp\xf4\x1b\xd2=\x1c\x8a\xa4\xae\xf4\xf3\xe4 \xa2\xdda\xed?\xbc\xb7\x94R\xd5\x80e\xcb\x96\x1556Su\x07\x90\x86\x94\xbe\x1b\xab\xac\xa2NK\x8e\x1c9\xd2\xe3\xf1\x98\x0c\x83s^\xadJ\xce\x90\xbe\xedb\x85\xa5\xa6\xf9\xfb\'$!\x02\xf1\x99!]U\x84\x19c,\xff\xd7=\xef\xce\x9d\xeepg%\xe6%@\nq\xfa\xfbM)\x84\xd9b9rp\xdf\xbe\xed[\x08!R\n\xa5\x04\xadZ\xa7!\xe71JK\xf6G \x04:3\xb2\xb6\xac\xff\xe8\xab\xd5o\x010"\x85\x14\xb2\xd7\x83\x9d+T.\x9f\xe2\xd2\xcf\x93\xc1\x18\xf3\x17\x06\x9a^\xd7\xa4Y\xdb\xa6*\xc5\xa8X\xda\xa0\xdf\x03R\x87R\xb9\xb2\x94=T\xf3g\xf3\xe6\xcd\x8b\x16-b\xc0\x84\x10R\x92I\x0ft\xca\xce\xc9T&amp;\xa0\xc9\xbe\xc03\x81\x01D\x83\x91\xa6M\xeb\r\xe8\xd8B\x08I)\xa1\x94\xe6-y\xf9\xd0\xfe\xdd\x89\x90\x84Ji\xb5;\r\xc3\xa4\x9c\x7fNm\xf1/\xa5\x10\x02\xedN\xf7\xfbo&lt;\x1b\t\x07\x01\x98\xfa\xccs/\xa8Y\xb5N\xc3h$LKxxA\t\xe5&lt;\xber\xcedu\'\x08!j\xd6\xafv{\xbf\x9b\x03\xbe`\xa9\x90~\xfe5\x94 b\xff\xe1\xbd\x1d.\xbbR7(q\xb3\x9e\x04\xa4\x0e\xba\x00\xa4\x04j\xfc;l\xd8\xb0h4\xca\x0c\xe0\x88\xcd\x1b\xd7\xee\xd6\xbey\xa4\x94H\xbfO\x06\x00\xe5\x81\xc8\xb8\xfb;ee\x14-\x01A\xafg\xe9\xacq\xb6\x926\xda\x94\x12\x0c\xe3\x87\xaf\xd7x\x0b\x8ed\x96\xabh\xb1;(\x05\x81\x88\xc8\x05b\x91\x1b\x84\x10B\xa0@\x14\x88\x86\xc9\x9c\x95Si\xd5\x1b\xcf~\xba\xfcu\x00\x10\x02)\x05)e\xf3[\xba;\xdd\xd9\xe2\x0f\xb1\xf2%\x01"we\x95\xfbl\xe5\x1b;\xbe\xfd\x1a\x98!$J)\xfb\x0f\xefm\xb5Y\x101\xf5\xa5\x9f\'C\xb9\x84\xd6jP\xbd}\x9f\x9b\x8a\\B)\x1d=z\xb4\xc7\xe3\xd1\x91a)\x82.\x00\xc9G\xad\x8c\xcb\x96-[\xb7n\x9da\x18\x9c\xa3\xd9d&lt;3\xa4\xab@\x94\xa5\xf6\xe1WPJ\xe3\xb1XNn\xf6\x98\x81\x1ddQf$l\xfcx\xe5\xf6o&gt;+Q\x97P!\x85\xd5\xe6\xf8p\xe1\xac\xd1\xbd\xaf\x9d?m\xe4\xee\xef\xff\xa3\x046\x19Y\xe5\x1d\x19\x996\x87\xcbbwX\xedN\xbb\xd3\xed\xcc\xccv\xba\xb3\xbc\xc7\x8f\xbc&lt;\xee\xbe\xb9\x93\x87)\x13\x08\x00@\xe4\xe5+\x9d\x7f}\xe7\xfe\xa1\x80\xb7D\x9d\xec\xa4\x94&amp;\xc3\\p\xe4\xd0{s\xa7SJ\x81\x12\x81\xa2\xd9\x8dW6\xbd\xae\x89\xbf0P\xaa\xcb?!\x84\x19\xccW\xe8\xef2\xa0C\xe5\x0b*"G\xc30&lt;\x1e\x8f\x9ar\xe9\x97\x80T@7\xe3\x92\x8c\x94E\xb6\xc4\r\x1a4\xd8\xb5k\x97\xd9d\x8a\xc5\xe3\xbdo\xb9\xfa\x8d\x19\x83\xc2\xc7\xbd\xa5\xfd\xf9\'\'\xb4\x95\x12h\xc3\x8e\x8f\xed\xda\x9f\xcf\x0c\x83s^\xa7\xd1Uc_\xff$\xe8+,\xa1T\x03!\xd0\xe1\xca|vx\x9f\xaf\xf3\x96\xab_\xa9T\xb5V\xb5\x8b\x1a]P\xab~\xc5\xf3\xab\xbb\xb2\xca\x99\xcc\x16)d(\xe0=|`\xef\xce\xef\xbe\xfe\xfe\xcbO\x83\xfeB\xd5\x9b\xa6\xc0\x88\x14\x84\x90\xe1/\xac\xb8\xe4\xea\x1bB~o\x89F/ \x8fg\xe6\xe4\xbe9u\xc4\xbb\xafMc\xcc\x90R0\x06/\xae\x9aZ\xadN\xd5\xd4t\xfd\xfc\xa7 \xc7\xac\xf2\x99+\xe6\xbe?}\xe4\xbf\x99\xc1Tb\xcc\xb6m\xdbj\xd7\xae\xad]B\x93\x8e\xb6\xe8K2\xc5\x89\x8f\xbbv\xed2\x99Lq\xce\xb3\xdd\x8e\xa7\x1e\xea\xcc\x03\xe1\xd2%\xfd&lt;\x19\x94\x10D\xb49\xec3\x1e\xee~\xf3\x833\xa4\x10\xc0\xd8\x8e\xad_\xad\x7fo\xc1\xb5\x1d\xfa\xf8J23RJ\xc1\x0c\x130\x88G\xa3\x87\xf6\xef:\xb4\x7f\xd7\x97\x1f\x9d\xf4\x9b\x811)$c\x0c\x91S\nw\x8f\x99\xd5\xa8\xd9\x8d~oA\x89\xd6`e\xfb\xf3\xcbO\xdf}\xb2t\x0e\x00\x10J\x04\x8a\xce\x03n\xabsq\xcd\xc2\xe3\xde\x14u\xfd\xfc\x870\x83\x15\x16x\xdbu\xbd&gt;o\xf9\xdam\x9b~R.\xa1\x83\x06\rZ\xbdz\xb5~\tH:ea\x89)\xbd\xa8n\xc3\x9e={\xa6L\x99\x02\x00*\x04\xe0\xa1\x1e7T\xa9Z)\x16\x8d\x95:\xe9\xe7\xc9`\x0c"\xfep\xbbVM\xaeoZ\x0f\x85\x00J\t\xa5o\xbd4\xb1\xf0h\xbe\xc90\x97\xd0;\xa8\xea&gt;!\x8f\xc7\xa3Q`\xcc0\x99\x0c\x93\xd90\x99T\x1c\x18!\x94R\n\xc0\x98a2Lff\x98\xa4\x94R\nD^\xf1\xfc\xea\xc3\x9f_~\xdd\xed\xfd\x02%\xbc\xfa\x13B\xd4\xd9\xe3%/\x8c\r\x05|\x14@ f\x95\xcf\xec\xdc\xbf}(\x18.\x8d\xd2\xcf\x93"\x89ab}\x1e\xea\x02\x00\x02\x91\x19,//\xaf(\xe6HKB\x93J\x19\xba\xc9J!j\xf6;~\xfcx\x9f\xcfg0\x16\xe7\xbcv\xd5\xdcG\xee\xba5\xe6\r\x96R\xe9\xe7\xc9\x91\x02\xc5\xcc\xe1=\xcd&amp;C\x08d\x8c\x1d\xfdm\xff\xfb\xf3\x9fwff\x89\x12p\t\xa5\x14\xa2\x91P\xc7\x01\xc3\xaf\xbe\xa9\x8b##S \xf2x\x9c\xc7c&lt;\x1e/\x16\x05I)\x85@\xe4q\x1e\x8f!\x8fK!\xcaW:\xbf\xe3\xc0\x91\xe3\xe6}z\xc957\x04\xbc\x05%\x1d\xba\x89\x88\xce\x8c\xaco?\xcf\xdb\xb4v\x15\x00S\xe5\xbf\xdf\xd0\xee\x15\xab\xe4\x94R\xe9\xe7\xc9\x00\x06\xfe\xc2\xc0U\xad/\xbf\xee\xb6f\x88BIBU\xd0\xa9\x96\x84&amp;\x17\xfd\xe9\'\r5\xfb]\xbf~}\xabV\xad(!\x92HD\xf1\xfe\xf3C\xda\xb5\xbe,\xec+{\x05\x80 \xa2-;c\xc4SoNy\xfd\x03\xc3`(\xa4\xcd\xee\x1c3\xf7\x93\xcaUk\xc5\xa2\xe1s.\xb4\x97RZ\xac6f\x98\x0e\x1f\xdc\xb7\xf3\xdb\xafv\xff\xb0\xe9\xe0\xde\x9f\n\x8f\xe6\x07\xbc\x05\xb1hD\x08\xa4\x842\x93\xc9\x91\x91\x99]\xa1J\xd5\xda\x17\xd7\xbb\xbc\xc5E\x8d\xaf\xc9,\x9f\x1b\x0e\xfay&lt;\x96\x98\xc8eJa\xec\xbf\xae\xdf\xbf\xe3\x07\x831\xcey\x83\xcb.\x9a\xb9lb4\x14-i\xd5i\xe2\x91R\x9a\xcc\xc6\xf1#\x85w\xb7\x1b\x12\xf0\x06U\xc2\xdd\xc4\x89\x13\x1f{\xec1\x1d\x1c\x9fDt\x01H\x1a\xea\xe5\xb7U\xabV\xeb\xd7\xafW\xb3\xdf\xeb\x9b\xd6\xfb\xf8\xb5\xc7"\x810\x94\xb9\xe7\x9f\x10\xa2b\xb6\n|\x81\x86\x9d\x1e?Z\xe0\x03\xc68\xe7W\xdfx\xc7\xe0g\x16x=GKb\x12 \x85\x90D\x9a\xccV\x8b\xd5F\x01x,\x16\t\x05\xa2\x91P,\x1a\xe6\xf18\xa5`\xb6X-6\xbb\xdd\x99a2[\x85\xc0h8\xc8\xe31z\xe2\x10@\x89\x82\xc8\xddY9\x1f-z\xf1\xb5I\x83\x811B$\x91\xe4\xa9y\xa3\x9b^\xdb8\xe0\r\x96\xa9\xfe\xcf\t\x90cVN\xe6\xcbO\xcd{\xe3\xd9\xa5\x86\xc9@\xc4\xac\xcc\xac\xed\xdb\xb7W\xa8P\x81\x10\xa2\xa7\xc1IA\x7f\xe8\xc9AY=/\\\xb8p\xfd\xfa\xf5&amp;\xc3\xe0\x88\x06c3\x87\xf7\x14\xf87G\x96J/\x94\xd2X,V\xa1R\xf9\'\xef\xef(\x8a$\xa1\xec\xeb\xbc\x15\x9b\xd7\x7f\xe8\xcc\xc8*\x89c\x01\x14\x00\x80\xf1x,\xe0\xf5\xf8=\xc7"\xa1\x000fw\xb9\xb3r*W\xa8raN\xe5\x0b2\xb2\xcb\x9b\xcc\xd6h$\xe4/&lt;\x16\xf4\x17""0#\x01\xab\xbf\x94\xd2l\xb6\x1e=\xf4\xeb\xf2\xd9\x93(\x05\xe5\xfay\xed-\xd7\\}\xfd\x15\xfe\xc2@\x99\\\xfd\t!\x8c1\x9f\xc7\xdf\xfd\xdeNU\xaa\xe6\xf287\x0c\xa3\xa0\xa0`\xe4\xc8\x91\xfaL@\x12)\x9b\xb7Z\x8a\xa3\xd4o&gt;\x9fo\xdc\xb8qPd\xfb%\x06tlQ_\xd9\xfe\x94\xdd\xad\x10c,\xe6\x0b\xf6l\xdf\xacq\xdd\xaaB \x00\x15B\xac\x9c3\x19y\xbc\xe4\x96]J\xa9\x8a\xfd\xa2\x00R\n\xe4\x9c\xc7c\xf1X4\x1e\x8b\xf2x\\\n\xa4\x14\x80\x19\x90\x90\x8d\xbfB\x08\xb49\\\x1f\xcc\x7f\xc1{\xfc\x080\x10B8\\\xf6^\x83\xbaD\xc2e\xf9\xa7O(A\x8ev\xa7\xbd\xcf\xe0\xae\xe4\x84\xfem\xe1\xc2\x85[\xb6la\x8ciEPR(\xbbw[\n\xa3\xc4?S\xa6L\xd9\xb3g\x0f3\x18r\xcc\xca\xb0\x8f\xbb\xbf\x13\x0fE\xcbd\xf3\xa7\x18J\x08\xa2\xb0\xd9\xadS\x06w\x91\x92H)\x18c;\xbe\xfdz\xcd\xdb\xf3\\\xee\xec\x84dF\xd2?A\x12&gt;k\x15B\xd8\xec\xae\xdd\xdb6\xad^\xf4\xa2R\xfa\n!\xda\xf7\xb9\xa9\xee\xc55\xc2\x81\x12\xf7\x9cH.\xcc`~\xaf\xbf\xed\x1d\xad/\xbe\xfc"\xe4\x08\x0cb\xb1\xd8\xe0\xc1\x83\x11Q\xbf\x04$\x05]\x00\x12\x8d\xda\xf8\xec\xda\xb5k\xea\xd4\xa9\x0c@\n)\xa4\x1c3\xb0}Nnv&lt;\xe5\x13\x1f\xcf\x1e\xc6 \xe2\x0b\xb6n~I\xc7\xd6M\x10\x85Z\x85\x97\xbf\xf4\xe4\xd1C\x07\xccfk:\xac\x02\x94\x10`\xb0`\xc6c&lt;\x1ec\x00\x021\xf7\xfc\n]\x06t\xf0\x16\xfa\xcb\x86\xf0\xffoA\xc4\x01#\xfa\xa8\xad\x8fa\x18\x1b6lX\xb8p\xa1\x96\x84&amp;\x05]\x00\x12\x8dZ\xe3\x94\x06Ne~5\xae[\xf5\x9e\xeemb\xfePb\x94\'\xa9\x80D\x9c\xfcP\x17\xb7\xd3\xae\xca\xa1\xf7\xf8\xd1\x0f\xe6\xbf`u8K\xd6 (\x05\x10\x88v\x97{\xd3\xda\xf7\xb7\x7f\xb3\x0e\x80I)\xa4\x94w\x0e\xedQ\xaeB\x16\x8f\x95V\xd7\xbf\x7f\x842\x08jtu\xc3\x9b\xba\xb4.2\x08\x02:n\xdc8\xaf\xd7\xab%\xa1\x89G\x17\x80\x84\xa2\x14o\xeb\xd6\xad+:\x05#PJ\xf9\xf4\xe0.\x16\xab\x19\x11\xcb\xfe\xd3O\x08!\x04\x00"\xc1H\xadz\x17&gt;\xd8\xbd\xb5\x10BeF\xae^\xf4\xe2\xde\x1f\xb7\x96\xa8AP*\xc0\x98\x11\r\x07\x17\xce\x1cE\x08\x01\xa0\x88\xe2\xe2\xcb/j{G+o\x81/M\xb6\xff\xa4(32\xd4oHwg\x86\x039\x1a\xcc\xd8\xb3g\xcf\xcc\x993\x01@\xbf\x04$\x18]\x00\x12\x87:\xf6\x15\x8dF\x87\r\x1bF)\x05\x00D\xd1\xa9\xf5e\xad\x9a_\x12\xf1\x97f\xd7\xdf\x7f\x0ec\x10+\x0c\x0c\xe9\xdb\xae\xc6y\x15\x10\x05\x03\xc6\xe3\xb1\xe5\xb3\'Q\x80\xb2*\x82"\x84 r\x9b+\xe3\xe3\xa5s\xf2\x7f\xdd\x03\x8c\t!Lfc\xc0\x88&gt;\xa5\xda\xf2\xf3\x0cP\x99\x91\x15*\x97\xef5\xa8sqf\xe4\x8c\x193\xf6\xec\xd9\xa3\xa7\xc1\tF\x17\x80\xc4\xa1f\xbf\x8b\x17/\xde\xbcy\xb3\xeax\x9aM\xc6\xf8\xfb;\x92\xf4\xbb\xe3U\xf4qv\x85\xacQ\xfdo\x91R\x12)\x00\xd8\xa65\xef}\xfb\xf9\xc7\x0eWfB\xa6\xc1\x89FI?\x8f\xe7\xff\xb6\xf2\xd5\xa7)\xa5@\xa9\x10\xa2e\xbb\xab\x1b_\xd30\xe4\x0f\x95e\xf1\xcf_\xc1\x18\x0b\xf8\x83\x1dz\xb7;\xafZe\x15\x1c\xef\xf5z\xc7\x8f\x1f\xaf]B\x13Lz\xddvIDm\xff=\x1e\xcf\x88\x11#\x00@%&gt;\x0e\xe9\xd5\xa6^\xfdj\x912a\xfa\xf8O1\x18\x8bx\xfc\xbd;\xb6l\xde\xa86Gd\x00\x84\xd2%\xb3\xc6\xc6"\xe1\x92\xb3\x87K"R\xa0\xcd\xe9Z&gt;{b\xd0\xe7\x05\xc6\x10\xd1\x95\xe9\xbckx\xaf\xa0?\x94`\xe1\xbf2\xa0\x15x\xe2\xeb\x9f\xe4\xa6\x9d3(\x11\\X\xed\x96\x81</t>
        </is>
      </c>
    </row>
    <row r="321">
      <c r="A321" s="1" t="n">
        <v>319</v>
      </c>
      <c r="B321" t="inlineStr">
        <is>
          <t>size_grid</t>
        </is>
      </c>
      <c r="C321" t="inlineStr">
        <is>
          <t>What is the size of the missing part denoted with a question mark?</t>
        </is>
      </c>
      <c r="D321" t="inlineStr">
        <is>
          <t>['large', 'small', 'medium']</t>
        </is>
      </c>
      <c r="E321" t="inlineStr">
        <is>
          <t>medium</t>
        </is>
      </c>
      <c r="F321" t="inlineStr">
        <is>
          <t>There are circles arranged in a grid formation with varying sizes in the image. The sizes in the first row are ['small', 'medium', 'small'], the sizes in the second row are ['medium', 'large', '?'], and the sizes in the third row are ['small', 'medium', 'small'].</t>
        </is>
      </c>
      <c r="G321" t="inlineStr">
        <is>
          <t>We observe that the circles at the corners are small size, while the circles directly adjacent to the center are medium size. Only the center circle is large size. Hence, the pattern is that the circles alternate in size depending on if they are at the corner or adjacent to the center.</t>
        </is>
      </c>
      <c r="H321" t="inlineStr">
        <is>
          <t>Based on the pattern that the circles alternate in size depending on if they are at the corner or adjacent to the center, the size of the missing part that is adjacent to the center should be medium.</t>
        </is>
      </c>
      <c r="I321" t="inlineStr">
        <is>
          <t>b'\x89PNG\r\n\x1a\n\x00\x00\x00\rIHDR\x00\x00\x02\x00\x00\x00\x02\x00\x08\x02\x00\x00\x00{\x1aC\xad\x00\x00H\xccIDATx\x9c\xed\xddy|\x14E\xde?\xf0ou\xf7L2\xb9\'\t\x97\xb8\xc8\x99p\x05H$\x80\x82\xc8\x8d\x08\xa8\xbb"\xe8z \x08\xac?\x14\r\xca\xba\xe2\x1e\xea\xaa\xbb*(\xac+\x88DAE\x85G\x1f]\xe4X\x08\x87(\xa7\x10\rl\x12\x88\xc4\x00\x02!\x17\x98\x10B\xae\x99\xae\xaa\xdf\x1f%\xf3d\xf1\xe2\x98d\x8e\xfe\xbc_\xbe|\xe9d2\xe9t\xbe]\x9f\xea\xea\xeaj&amp;\xa5$\x00\x00\xb0\x1e\xcd\xd7\x1b\x00\x00\x00\xbe\x81\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19\xbe\xde\x00\xeb\x92Rz\xfe\x9b1\xe6\xc3-\xb1\x1a\xcf\x9e\x97R\xaa=\x8f\xfd\xdf\xf4P\xff\xfe\x805\xfc3@c\x13B\x08!\x18c\x8c1M\xfb\xbf\xd3/)\xa5\x10BJ\xa9iZ\xc3\xd7\xc1[\xa4\x94j\'3\xc6t]\xff\xe1W9\xe7\xea\x8f\x82\xc6\xa8\xf1\xa0\xfe\xfd\r\x02\xa0\x89p\xce\x89\xa8a\xd3SYY\xa9\x0e\x06"\x8a\x89\x89\xf1\xbc\xae\x0e\x86\x1f6RpiT\xe3n\x18\xffu\xb2[UUUSS\xe3r\xb9l6[xxxdd\xa4\xe7K\x9cs\xec|\xafC\xfd\xfb\'\x04@\xa3kX\xd0\x85\x85\x85\x9b6m\xda\xbe}\xdb\x91#\xdf\xe6\xe5\x1d0M\x93\x11\x93D\x1d;vh\xdd\xfa\xca\xfe\xfd\xfb\x8f\x1c9\xb2K\x97.t\xae\xc7\x8a\xde\xd0e\xf2\x0c\xf2\x10QVV\xd6\x96-[v\xed\xdaUPPPRRRSS\xc39\xd74-&lt;&lt;\xfcW\xbf\xfaUJJ\xca\xd8\xb1cG\x8d\x1a\xa5\xeb:2\xc0\x8bP\xff~MBc2MS\xfd\xc7\xa6M\x9b\xee\xb9\xe7\x1e\xa7\xd3\xf9\xf3\x7f\x8e\x90\x90\x90\x11#F\xbc\xfd\xf6\xdb\xe7};\\\x025\xaap\xe2\xc4\x89\xe7\x9f\x7f\xbeW\xaf^\x17r8\\}\xf5\xd5\x19\x19\x19\x12{\xdeKP\xff~\x0eg\x00\x8dHu$\x8b\x8a\x8a\xfe\xfc\xe7?/]\xba\xd4\xb3\xab\xafjsE\xa7NWu\xef\xdc\xce\x19\x1bC\x9c\xbb\xdd\xe6\x97\xd9\xf9\x85\x85%\xb9\xfb\x0b\x88\xbe\x7f\xcf\xb0a\xc3\x9e}\xf6\xd9\xbe}\xfbz\xc6L}\xf7{\x04$\xb5\xf3\xdf{\xef\xbd\x87\x1ez\xa8\xbc\xbc\\\xbdh\xb3\xd94M\x93\xe7\xb2AJ\xe9\x19\x8cV\xff\xabF*\xe6\xcd\x9b\x97\x96\x96\x86\xf3\x80\xcb\x84\xfa\x0f\x00\xbeH\x1dKp\xbb\xddR\xca\xf5\xeb\xd7\xb7n}\x85\xda\xd5\x8e\xd0\x90\xfb&amp;\xfez\xd3\xba\xf4\xca\xa2\xadR\xe6IyP\xca\x02)\xbf\x91\xf2\x1b)\xf2\xdc\x95\x99\xbbw\xbc\xff\xf4_\xa6\xb7j\xd9L\xbd\xdfn\xb7\xcf\x9b7OJ\xc99\xf74Xp\x81T\xe7\xf1\xb3\xcf&gt;S{\xd2f\xb3\xfd|k\xaeZ\x19]\xd7\xd5\xdb\xfe\xe7\x7f\xfeG\xa2\x07z\x19P\xff\x01\x01g\x00\x8dB\xf5}\xd2\xd3\xd3\xa7M\x9b\xa6^\x99|\xcf-\x8f&lt;|w\xb7\x94\xeeD\x82jj\x85\xcb\x14R\x12I"FD\x1ac\x9a\xaeQ\x98\x83t{\xe9\xf1\xc2E\xe9\x1f\xfe\xe3\x95e\x15\x95UD4u\xea\xd4\xc5\x8b\x17\xa3\x1ft\t\x84\x10\x9a\xa6\x8d\x1a5j\xfd\xfa\xf5\xea\x95\x16-Z\x0c\x1c8\xb0_\xbf~\t\t\t111\x86a\x9c={v\xff\xfe\xfd\xabV\xad\xfa\xf4\xd3O\xd5{\xd4)B|||^^^ll,a\x92\xe2\xc5C\xfd\x07\x0c_\'P\x10R\xdd\xc6\xc5\x8b\x17\xab=\x1c\xe7\x8c\xfe\x9fw\xe7HY ]9f\xc5n\xb3b\x8f\xa8\xcc\x94g\xbe&lt;\xef\x1fq\xe6K~z\x8f\xbb|\xb7\xac\xde+\xe5\xe1\xaf\xf6|\x98\xd2#Q}\xc2\xd4\xa9S%z\xa3\x17\xcf4M!DFF\x06\x11\r\x1d:t\xd9\xb2e\xa7N\x9d\xfa\xa97/_\xbe\xdc\xe1p\xa8i\xa0j\xca\xd0?\xfe\xf1\x0fy\xae\'\x0b\x17\x0e\xf5\x1f@p\x06\xe0e\xaa\xef\xb3i\xd3\xa6\xe1\xc3\x87\x13QlL\xe4\xfa\xd5\x8bR\x07\xf4s\x97\x9f\xd4\xf5\x0b\x9a\xe3,\xa54\xdd\xa6-6\xba\xe2d\xc5\xc8\x1b\xa6d\xee\xcd#\xa2\xa7\x9ez\xea\xc9\'\x9f4M\xf3\xbc\xe9\x8c\xf0\x8b\\.WnnnJJ\x8a\xfa_\xce\xb9l05\x88\xce\xdd\x91d\x18\xc6\x82\x05\x0b\x1e|\xf0A5\x04$\x84\x18&gt;|xFF\x86:\x8d\xf0\xc9\x96\x07"\xd4\x7f`A\x00x\x93\x10\x82\x88\xca\xca\xca\x92\x93{\x95\x94\x94\xc6:\xa3\xd6\xafz-u@o\xf7w\xe56\xbb\xed\xa2&gt;\x8a\x9b\xa6\x1e\x1eVq\xbaj\xc4\rS\xbe\xdc\x9b\xc7\x18\xdb\xb0a\xc3\xb0a\xc3pe\xf2\xd2H)US\xfe\xa3\xc3\x08j\x88\xb9\xbe\xbe\xbe}\xfb\xf6\xa5\xa5\xa5j&amp;h\xfb\xf6\xed\xf3\xf2\xf2\xecv\xfby\x81\x01?\x05\xf5\x1fp\xd0\xb5\xf1&amp;)\xa5\xa6i\xb3\x1f\x7f\xbc\xa4\xa4\xd40\xf4\xc5\xaf\xfc1u@\xbfK\xa8~"\xd2\r\x83W\xd7:\xe3c&gt;xwn|\\\x0c\x91|\xf0\xc1\x07].\x17c\xc8\xec\x8b\xe6\xb9\x01\xf8\xa7\xdaqu\x03jXXX\xc7\x8e\x1d\xe9\xdc\xa0\x7feeemmm\x93nh\x80C\xfd\x07\x1c\x04\x80\xd7\xa8\xbe\xc9\xd6\xad[\x97\xbd\xfb.\x11\xdd9~\xd4\xadw\x8ds\x97\x9f\xbc\x84\xeaWtCwWT\xb5\xeb\x9a8\xf7\xd9\x87\xa5\xa4\x83\x07\x0f\xce\x9d;W\xd34\xd5\xcf\x82\x0bw\x81#\x0f\xf4\xdf\xd7{\xb1,\xc4EA\xfd\x07"\x04\x80\x97-Z\xb4\x88s\x1e\x12b\x9f=k\x92pU\xeb\xfae\xeda\xc3n\xf0\xaa\xd3\xb7\xffvl\xe7\x84\xb6\x8c\xb1%K\x96\xd4\xd6\xd6\xaai*\xde\xda`\xa0s]W\xb7\xdb}\xe2\xc4\t\xcf\x8bN\xa73,,\xcc\x87[\x15\x88P\xff\x81\x05\x01\xe0\x1dRJ]\xd7\x8b\x8b\x8b\xff\xbdv-c\xec\xae\t\xa3\x12\x93\xbb\xcb\x9a\xda\xcb\xbc~\xc8\x88\xc8\xe4!Q\x91O&lt;:\x89\x88\x0e\x1d:\xf4\xe9\xa7\x9f2\xc6\xd0\t\xf2.\xb5?333\xbf\xfd\xf6[\xf5\'c\x8cu\xee\xdc\xd90\x0c\xb5H\x9c\xaf7\xd0\xdf\xa1\xfe\x03\x14\x02\xc0;\xd4\x1d\xa4\x1b7n\xac&lt;sFJy\xcf\x1d\xa3\xa5\x14\xaa\x80/\x93\xa6k\xb2\xb6\xe6\xe61\x83b\x9d\xd1\xc4\xd8\xc7\x1f\x7ft\xf9\x9f\t\ryZ\x93\xc7\x1f\x7f\\u-\xd5\x0c\xb9[o\xbd\x95\xfe{\xd5b\xf8)\xa8\xff\x00\x85\x00\xf0\x0e\xd5I\xfc\xf4\xd3\xcdD\xd4\xf6\xaa+z\xf4\xecL\xb5\xb5\x9a\xe6\x85\x03\x801&amp;]\xee\x88\xe6\xf1\x03\xfb\'\x93\x94\xbbv\xee\xaa\xab\xab\xc3\xc4DoQ\xad\xbf\xae\xeb\xd3\xa7O\xdf\xb6m\x9b\x1a\xf7\xe7\x9c\'&amp;&amp;\xdev\xdbm\xaac\xeb\xebm\x0c\x00\xa8\xff\x00\x85\xfd\xe8\x1djr\xc2\xe1\xc3G\x88\xa8C\xfb_\xc5\xb4\x8a\x97n\xd3[C\x07BH\xcd\x08INJ \xa2\x92\xd2\x92\xaa\xaa*\xcc\x85\xf0\n\xb5\x1a(cl\xea\xd4\xa9\xaf\xbd\xf6\x9a\xa7\xadg\x8c\xbd\xfe\xfa\xeb\x0e\x87\xc3\xb3^1\xfc&lt;\xd4\x7f\x80B\x00x\x81\xba\x84XYYYP\xf0\r\x11%u\xed@R\xf7b\x812\xc6\x88\xccn];\x12Qe\xe5\x99\xbc\xbc&lt;j0p\x01\x97F\xcdZ\xa9\xa8\xa8\x18;v\xec\x1bo\xbca\x18\x86\xfa\x93q\xce\x17/^|\xfd\xf5\xd7c\xca\xf9\x05B\xfd\x07.\xdcV\xe75RJ\xb7\xdbMD\xf1\xb1\xd1\xc44owPd|\\4\x11\t!L\xd3\xf4\xeeG[\x90j\xdc\xf3\xf2\xf2\xc6\x8d\x1bw\xe0\xc0\x01\xd5\xfa\xabe\xeb\xdfz\xeb\xad\x89\x13\'\xe2\xa6\xd3\x8b\x85\xfa\x0fD(qoRC\x93\x9c7J\xdf\xc4\xf3\xb1\x18\x00\xbdL\xaa\xa1\xff\xe2\x8b/\xc6\x8e\x1d{\xea\xd4)\xd5\xfas\xce\xe3\xe3\xe3\xdf}\xf7\xdd\x91#G\xa2\xf5\xbf4\xa8\xff\x80\x83*\xf7\x1ayn5y\xb7\xdb\xa4F\x18\xa0t\xbb\xbf\xef\xf8\xa8\x9f\x02\x97F-\x08\x91\x97\x977z\xf4\xe8\xf2\xf2r5\xc8\xc39\xef\xd5\xab\xd7\x8a\x15+\x12\x13\x13\xd1\xfa_\x1a\xd4\x7f B\x96z\x81\xba$\x15\x15\x15\xd5\xbe}\x07"\xda\x9bs\x90\x18\xf7\xca\x14\x08EJId\xec\xcb&gt;HDQQ\x91\x9d:u"\xacQ|I\xd4\xc0t}}\xfd\x9dw\xdeY^^\xae\x1az\xd34G\x8c\x18\xf1\xd9g\x9f\xa1\xf5\xbf4\xa8\xff\xc0\x85\x00\xf0\x0e!\x84a\x18m\xda\xb4!\xa2\xa3\xc7J\xea*\xcf\xb2\xcb\xbb\x07\xb2!\xc6\x88$\xcf?t\x8c\x88b\x9d\xb1\xf1\xf1\xf1\x84\x03\xe0\x92\xa8i?\xef\xbf\xff\xfe\xde\xbd{\r\xc3\x10Bp\xce\x87\r\x1b\xb6j\xd5\xaa\xe8\xe8\xe8\x1f&gt;;\x1e.\x10\xea?@!\x00\xbcCu-\x07\x0c\x18@D\x07\xbe&gt;\x9c\x97\x93O\x0e\x07\xf7\xc6D\x05)\xa5f3\xea*No\xf8t7c,9%9,,\x0c\xb7\xa7^\x1a5|\xbcl\xd92\xf5t\x11)e\x9b6m&gt;\xf8\xe0\x83\x90\x90\x10\xcc\xf9\xb9\x1c\xa8\xff\x00\x85\x00\xf0\x0e\xd5\xb2\xdcp\xc3\rv\xbb]\x08\xb1z\xddV\xa6\xdbIxa$T\x08\xc9\x1ca_\xec\xdaW\\rRJ9v\xecM\x84\xdbS/\x89\x9a\xadXUU\xb5\x7f\xff~\xcf\x1d\xbf\x8f=\xf6\x98\xd3\xe9t\xbb\xddh\xfd/\x07\xea?@!\x00\xbcC-R\x98\x98\x988`\xc0\x00\xc6\xd8\xab\x8b?8u\xbc\x90\x85\xd8\xbcQ\xa9\x92\x84xf\xce\x9b\xa6\xc9\x9b7k6f\xcc\x18"Bku\t\xd4\xdf\xa2\xb4\xb4\xb4\xa2\xa2\x82\x88L\xd3\xd4u}\xe8\xd0\xa1\xb8\xdd\xf7\xf2\xa1\xfe\x03\x14\x02\xc0k\xd4]\xa3S\xa6L\x91R\x9e&lt;U\xb1\xe0\xb5\xe5ZX\x8c\xe9\xbe\xac9\xcb\xdc\xe4zL\xf4\xd6\x8d;\xb6l\xfd\x92\x88n\xbe\xe5\x96f\xcd\x9a\xe1\xfc\xf7r\xd4\xd6\xd6\xaai\xa0\x8c\xb1\xe8\xe8\xe8\xe6\xcd\x9b\xe3a\xb3^\x81\xfa\x0fD\xb8\xa3\xda\x9b\x84\x10B\x88\xa1C\x87n\xdb\xba5:&amp;r\xeb\x867\x93\xae\xee\xce+\xcf\xe8\x97tiQ\x08A6\xa3\xae\xde\xec?\xe8\xae\xec\xdc\x82\x98\x98\xe8\xdc\xdc\xfd-[\xb6$\\\x01\xbb$j\x02\xe8\xbe}\xfb\x92\x93\x93\xd5+aaaEEE\xd1\xd1\xd1x\xe6\x97W\xa0\xfe\x03\x0e\x02\xc0\x9bT\x13\x93\x95\x95\xd5\xb7o\x1f\xd3\xe4=\xbau\xfcl\xf3\xdbNg$\xaf\xae\xd5\x8d\x8b;i\x15BH\xa6\xe9Q\x11\xf7\xfe\xf6\xd1\xb7\x97\xaf%\xa2W_}\xf5\x81\x07\x1e\xc0\xb5\xcaK\xa6Z\xf9\xb3g\xcffff\xaaWl6[\xbf~\xfd0\xf3\xc7[P\xff\x01\x07\x01\xe0e\xaa@\xe7\xcf\x9f?s\xe6L"JM\xee\x92\xb1\xee\rg3\xa7\xfbt\xa5a\xb3]`\xbf\x85\x9b\xa6\x1e\x12B\x8e\xd0i\x93f\xa7\xbf\xbd\x92\x88\xc6\x8d\x1b\xf7\xe1\x87\x1fb\x96:\xf89\xd4\x7f`A\x00x\x9f:\x06\xa6M\x9b\x96\x9e\x9eND\xa9)]\xdf[6\xa7S\xd7D\xaa:\xcdM\xae\xe9?\xf9\xa0A)I\x08\xce\x88i1\xd1U\x15\x95i\x0f=\xbb\xe4\xddUD\x94\x9a\x9a\x9a\x91\x91\x11\x1d\x1d\x8d\xd1\xea\xcb\'\xa54MS-%\xc6\x18\xb3\xdb\xed\xbe\xde\xa2`\x83\xfa\x0f \x08\x00\xefS\x8f\x13\xd14\xcds\x0c4\x8b\x8by\xe1o\x8f\xdc9\xe1F{t\x14\xd5T\x0b\xb7\xfb\xdc:\xc3\xcc\xf3-\x8c\x91n\x18\x14\x11F\x9co\xdc\xb8k\xf6\xec\x97\xbf\xda\x97G\xe7\xaa\xdf\xe9t\xaa\xf3k_\xfebA\xe1\xbc\xdd\x88\xd1\x7f\xafC\xfd\x07\x10\x04@\xa3\xf0\x1c\x03O=\xf5\xf4\xd3O?\xa5^L\xea\xd6i\xe6Cw\xdd4zP\\\xabx\xd2B\x88L"\xcf\xce7\x88xM\xf9\xe9\x1d\xbb\xff\xf3\xd2\xbc\xb736\xeeT\xaf\x8e\x1f?~\xd1\xa2E\xa8~oQ\xcd\xfd\xbe}\xfb6o\xde\\WWw\xcd5\xd7\x0c\x192\xc4\xd7\x1b\x15\x84P\xff\x81\x02\x01\xd0X&lt;\xc7@FF\xc6\xacY\xb3rss\xd5\xeb\xcd\x9b\xc5^\xdb\xafg\xaf^]\x92\x12\xdb9\xe3\xa2\x89\x0b\xb7\xdb\xcc\xcc&gt;x\xf8\xf0\xf1-[\xbf&lt;r\xa4P\xbd\xade\xcb\x16O&lt;\xf1\xc7\x193f\xd0\x0f:\xadpi\xd4n\\\xb0`\xc1\xc3\x0f?\xecYPl\xca\x94)\xaf\xbf\xfe:a\x8dIoC\xfd\x07\x06\t\x8d\xc9\xedvK)\xeb\xeb\xeb\x9fy\xe6\x99\xae]\xbb\\\xc8_\xa4U\xabVS\xa7N-,,\x94Rr\xce\x85\x10\xbe\xfe%\x82\x81\xda\x8d\xa7O\x9f\x8e\x89\x89!"\xbb\xddn\x18\x86\x9aO\xb2}\xfbv)\xa5i\x9a\xbe\xde\xc6 \x84\xfa\xf7s8\x03ht\x9e\x89k\xf5\xf5\xf5\xeb\xd7\xaf_\xb5jUf\xe6\x9e\xe2\xe2\xe2S\xa7\xbe\xf3\xbc\'***&gt;&gt;.99e\xcc\x9817\xdexc\xf3\xe6\xcd\x1b~#\\&gt;\xcfM\x00)))t\xee\xae`\xb5\x1e\xdc?\xff\xf9\xcf\xe9\xd3\xa7c\x86I#A\xfd\xfb3\x04@S\x90\xe7\x9e6\xa5\xfe\x97s^QQq\xe0\xc0\x01\xce9c$%u\xec\xd81&gt;&gt;\xde\xe1px\xde\xa0\x9eU\xeb\xbbM\x0e6*\x00rrrz\xf6\xecI\xff\x1d\x00\x0b\x16,\xb8\xff\xfe\xfb\x11\x00\x8d\x07\xf5\xef\xb7\x10\x00MG\x1d\x06\xf4\xd3+\x99p\xce\xa5\x94j\x95\x82\xa6\xdd\xb4\xe0\xa7\xea\xbc\xba\xba\xbaC\x87\x0eeeev\xbb]\x9e\x1ba\xc8\xcc\xcc\xec\xdd\xbb7\x06\x9a\x1b\x1b\xea\xdf\x0f\xa1\xe2\x9b\x0ecL\xd7u]\xd7\xd5\xe8\x1bo@\rt\xea\xban\x18\x06\xaa\xbf10\xc6\x84\x10\x11\x11\x11s\xe7\xce\xb5\xdb\xed.\x97\xcb\xedv\x0b!\x1ey\xe4\x11\xb4\xfeM\x03\xf5\xef\x87p\x06\x00\x16"\xa5d\x8c\xed\xdf\xbf?##\xa3\xb6\xb6\xf6\xba\xeb\xae\x1b8p\xa0\xc4\xad\x00`U\x08\x00\xb0\x16\xdc\x08\x06\xe0\x81\x00\x00\xcbQ\x8bV\xd2\xb9A\t_o\x0e\x80\xcf \x00\x00\x00,\n\x17\xbe\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86\xaf7\x00\xa0\xa9I)\x7f\xf4u\xc6X\x13o\t\x80o!\x00 \x98\xc9\x06\x88H\xd34\xcf\xbf\x7fH\x08\xe1\xf97k\xa0\t\xb7\x17\xa0I\xb1\x9f\xea\r\x01\x04(\xd5\xdc\x0b!\x18c\xba\xae\xff\xf0\rB\x88\xca\xcaJ\xc6\xbe/~\xf5\x1f\xa1\xa1\xa1\x0e\x87\xe3G\xdf\xac&gt;J\xd34\x84\x01\x04\x19\x04\x00\x04\t\xd5\xe8K)\r\xe3\xff\xcek9\xe7EEE\x05\x05\x0599\xd9\xa7N\x9d\xca\xcc\xfc\xd24\xcd\xd2\x92\x92\x92\xd2\x12FL\x92*~F$#\xc2#:v\xea(%%%%\xc5\xc7\xc7\xf7\xee\xdd\xfbW\xbf\xfa\xd5UW]\x15\x16\x16\xd6\xf0\xd3\x88\x08I\x00A\x03\x01\x00\x01OJ\xc99\xf7\xb4\xfb\x9c\xf3\xfc\xfc\xfc\x8c\x8c\x8c\xed\xdb\xb7\xe7\xe7\xe7\x1f=\xfa\xed\x993U\x97\xf0\xb1!!\xf6+\xae\xb8"11\xb1_\xbfkF\x8c\x18\xd1\xb3gOO\x18\x98\xa6\xa9i\xdaO\r%\x01\x04\n\x04\x00\x040\xd5%W\xe3&lt;\x9c\xf3\xdd\xbbw\xaf\\\xb9r\xdd\xbau\xdf|\x93__\xefj\xf8\xce\xc8\xc8\xf0\xf0\xf0\xb0\xae\tm5C\x8f\x8e\x0c\xef\xd1#Ar\xa1\xba\xf1RJf\xd8\x8e~[x\xac\xb0\x84\xe9zA\xc1\xb13g\xce~W~\xfa\xbc\x9f\xd5\xae]\xdb\xc1\x83\x87\xdc|\xf3\xcd\x83\x06\r\x8a\x8a\x8a\xa2s\xe7\x1c8!\x80\xc0\x85\x00\x80\x80\xc49\xf7\xb4\xbc\x85\x85\x85+V\xacx\xef\xbd\xf7\xf6\xed\xdb\xf7\x7f\xef`\xac\xedU\xad\xafN\xee\x92\xd23\xb1w\xaf\xce]\x12\xdbGEGD7s\x92\xa6\x93\xc6\x88lD\r+\x9f\x11\x99$81V{\xaa\xa2\xba\xbav\x7f\xfe\xb7{\xb3\xf3sr\xbf\xc9\xfcj\xff7\x05G\xeb\xea\xea=o\xbd\xea\xaa\xab\xc6\x8f\x1f\x7f\xd7]w\xf5\xe8\xd1\xc3\xb31?z\xb1\x01\xc0\xcf!\x00 \xc0\xa8\x81~\xd5\xe0\xee\xdc\xb9\xf3\xcd7\xdf\xfc\xd7\xbf&gt;\xae\xa88\xad\xbe\xeatF\xf5N\xe96rh\xbf\x81\xd7\xf5\xee\xd6\xb9mX|,\x91AdR\xbd\x8b\xb8\x10n7\x11IIR\n\xa2\x86\xddv\xf9\xfd\x84\x1fI\x9a\xcd ]\xa3\x10;1\x83H\xf23U\xf9\x87\x8e\xef\xce\xcc^\x93\xb1\xfd\xab\xaf\x0e|{\xf4\x84\xfa\x06\xbb\xdd&gt;h\xd0\xa0\xe9\xd3\xa7\x8f\x1a5\xcan\xb7\xab\xb3\x01\xc4\x00\x04\x16\x04\x00\x04\x8c\x86c\xfd\x9b7o~\xf1\xc5\x177l\xd8\xe0\xf9\xea\x80k\x93o\x1e;\xf8\xf6q#\xafl\x7f%i6\x12n\xaa\xad\xe7nSJ\xe9\x99\xcfy!c5\xea\x88\x10BJ)\x19#\xdd\xd0)$\x84lv"QUZ\xber\xed\x96\x8fW~\xba\xf1\xd3]\xd5\xd5\xb5\xea\xfd=\x92\x92\xd2f\xce\x9c4i\x12\xfd\xf7y\t\x80\xffC\x00@`P\xa3\xedD\x94\x9f\x9f\xff\xc2\x0b/\xbc\xb5t\xa9\x90\x92\x88\x1c\x8e\xd0\xdf\x8e\x1f5\xf9\xde__{MO\nqP}\xad\xa8\xab\x17B2\x8di\xde\x98\xc5\xafN\x17\x84\x94\x8cH\xb7\xdb(,\x9c\xa4\xf8:7\xff\x7f&gt;\xccX\xfc\xc6\x87E\xc5\'\xd5\xdb\x86\r\x1b\xf6\xf8\xe3\x8f\x0f\x1d:\x940"\x04\x81\x03\x01\x00\x01\xc04M\xc30\\.\xd7\x8b/\xbe8o\xde\xcb\xe5\xe5\x15D\x14\xeb\x8c\x9e&lt;\xe9\xd7\x13\xef\x18\xdd\xbdwO\x12ny\xb6\x86s\xa1\xeb\x8d\xd8\x01\xff\xfe\xf6\x02"-\xdcA6G\xe9\xd1c\xcbV\xac[\xb2\xf4\xa3\xbc\x83G\x88\x8816i\xd2\xa4g\x9ey\xe6\x8a+\xae\xc0\xa9\x00\x04\x04\x04\x00\xf85u_\xae\xa6i;v\xec\xb8\xff\xfe\xfbsss\x89\xc8\x11\x12r\xc7\xed\xa3\x1e{drb\x8fn\xe4\xae\xe6\xd5\xb5\x8c\x98\xa67\xdd\xa4L!\x84\x10\xd2\x08\xb5\x93#\xaa\xb2\xacd\xfe\xab\xef\xbe\x9e\xfeaq\xc9)"j\xd9\xb2\xc53\xcf&lt;;e\xca\x14\xc2\xa9\x00\xf8=\x04\x00\xf8/O\x03\xfa\xd4SO=\xff\xfc\xdf\xd5\xcc\xcea\x83\xfb&gt;\xfb\xd7\x19}\x07\xf4%W\xady\xb6F\xd3}6\x1f_J\xc9Mn\x84\xd8)&lt;\xaa\xe8\xf0\x91??\xbd\xe0\xade\x9f\xa8\x81\xa9\xdbo\xbf\xfd\xd5W_\x8d\x8b\x8bS\xe7.&gt;\xd9&lt;\x80_\x84\x00\x00?\xa5Z\xff\xe2\xe2\xe2I\x93&amp;edd\x10\x913&amp;\xf2\xe9\xbf&lt;0\xe3\xc1\xbbHc\xfcL\x15\xf3\x8f[\xb1\xbe\xbf4\xed\x08\xa5\xd0\xf0\x8c\xd5\x9b\x1e~\xf4\xf9\x83\xdf\x1c%\xa2\x84\x84\x84%K\x96\xf4\xef\xdf\x1f\xe7\x01\xe0\xb7\x10\x00\xe0\x8fT\xc7y\xc7\x8e\x1d\xe3\xc7\x8f/**"\xa2\x01\xd7\xf4z3\xfd\x99\x84n\x9dE\xe5i\x92\xb2)\x07|.\x84\x94\x92sa8\xa3+\xbf;=k\xd6\x0bo\xbc\xf5/"\n\t\xb1\xff\xe3\x1f\xaf\xfc\xeew\xbf\xc3%\x01\xf0O\xfeu\x14\x01\xd0\xb9\xd6?==}\xf0\xe0\xc1\xaa\xf5O{\xf0\xce-\x1b\x97&amp;$\xb45+\xbe\xd3\xb4&amp;\x1d\xee\xbf@\x8c1\xc3\xd0yEe\xb4\xc3\x9e\xbe\xf4\xf9\xf4\xd7\x9e\x8a\x89\x8a\xa8\xafw\xdd\x7f\xff\xfd\xf7\xdf\x7f\xbf\xae\xeb\xea\xf6\x05_o&amp;\xc0\x7f\xc1\x19\x00\xf8\x17O\xeb?m\xda4"\x8a\x8e\x0c\x7fy\xeec\x93\xa7\xdd%\xab*$\x17~\xd8\xf4\x9fGJ)\xb8\xd0\x9dq{\xb6\xef\xbe\xfb\xde\xc7\xf3\x0f\x1d\'\xa2\xa9S\xa7.^\xbc\x18\xe7\x01\xe0o\x10\x00\xe0G\xcek\xfd\xe3\x9cQ\xebV\xbd\x96:\xa0\xafY~J7\xf4\x00j:M\xb7i\xc4D\x95\x97\x95\x8f\x1a=mO\xd6\x01B\x06\x80_\xf2\xf7\xfe\x14X\xc7y\xad\x7f\x9f\x94\xae\xbbv,O\xbd6\xd9,?e\xd8\x8c\xc0j4\r\x9b\xc1+\xabb\x9d\x91\x9b6\xbd5\xf9\xae\x9b\x88H\xfd^\x18\x0b\x02\xbf\x823\x00\xf0\x0b?l\xfd\xd7\xff;\xdd\xd9,\x86WV\xe9\x01;\x8dRp\xa1\xd9m\xe4\x08\x9d6iv\xfa\xdb+\xe9\xdcy\x80z\xc2L`E\x1a\x04%\x04\x00\xf8\x9e\x9a(\xe9i\xfdS\x93\xbbd\xac{\xc3\xe9\x8c\xe4\xd5\xb5\xba\x11\xd8\x13(\x85\x10R\xd3\xf4\x88\xf0\xf32\x00sC\xc1\x1f \x00\xc0\xc7TS\xb8k\xd7\xae\x01\x03\x06\x08!bc\xa2\xbe\xdc\xb9\xbc]b[^y6\xd0[\x7fE\n!u\x9d\xd9l\xfd\xaf\xfb\xed\xae\xcc\\"\x9a7o^ZZ\x1a\xee\x11\x03\x9fC\x00\x80/\xa9\xc1\x90\xb2\xb2\xb2\x9e={\x94\x96\x96\x85\x879\xb6d\xa4\xa7^\x9b\xc2+\xab\x82\xa3\xf5W\x84\x10d\xb3\x9d\xae\xaa\x19&lt;\xe4\x9e\xec\x03\x87\x88h\xc3\x86\r\xc3\x87\x0f\xc7y\x00\xf8\x16.\x02\x83/\xa9\xa5~\xee\xbe\xfb\xee\xd2\xd22"Z\xf0\xf2\x1fR\x07\xf43O\x9f\t\xa6\xd6\x9f\x884M\x93\xf5\xae\xd8f\xcew\xdfz&gt;\xd6\x19ED\xf7\xdcswii\xa9\xa6ij\x0f\x00\xf8\x04\x02\x00|F\x8d\x81\xfc\xf5\xaf\x7f\xdd\xb8q#\x11\xa5\xfd\xbf\xdb\'\xfe\xeenw\xf9)\xc3\x16\x84\x03#\xba\xa1\x9b\xa7\xcf$\xa5&amp;/~\xe5ODTRRz\xf7\xddw3\x86Sp\xf0%\xd4\x1f\xf8\x86Z\xdf\xff\x8b/\xbe\x188p\xa0\xdb\xed\xee\xd7\xbb\xfb\xf6\xad\xefJ\xb7\xa9\x93\x0c\xe2\xe91\xa6i\x1a\xce\xb8\x99\xd3\xff&lt;\xff\xb5\x15t\xeeb\x00\x06\x82\xc0W\x10\x00MJ6p\xde\x97X\x03&gt;\xd9\xb6\xa6\xa4\x16\xd6\xe7\x9c\'%%\xe5\xe7\xe7GF\x86\xef\xdb\xb5\xa2}B[Q]\xeb\xff\xf7\xfa^\x0e)\xa5`\x8c\x0c\xa3\xcf5\x13\xb2\xfe\x93o\x18Zn\xee\xfe\x84\x84\x04)\xa5?,l\xd7\xd8P\xff\xfe&amp;\xf8k\xce\x1f\xa8\x05#9\xe7\x8c1M\xd3t]7~@\xd7uu\x8f(\xe7\xdc4\xcd\xe0\x1e\x1aV\x8f\xcf\x9d;wn~~&gt;\x11=\xff\xe4\x03\xed\xbbu6\xab\xaa\x83\xbb\xf5\'"\xc6\x18q\xa1\xdblo,\xf8KH\x88\x8ds\xf1\xd0C\x0f\x05\xfd@\x10\xea\xdfo\x05y\xe5\xf9\\\xc3\'\x98\x13\x11\xe7\xfc\xc4\x89\x13\x87\x0e\x1d:z\xf4\xe8\xb1cG\x19cR\x12\x91\x8c\x89q&amp;%%\xb5l\xd9\xb2m\xdb\xb6\x0e\x87\xa3\xe1\xf7\x06\xdf\xca\x01j\xe6\xcf\xe1\xc3\x87\xaf\xbe\xfa\xea\xca\xca\xca\x81\xfd\x93?\xff\xec]^]\xad[\xa0\x0b\xac\x98\xa6i8\xe3\xff4\xeb\xb9\xe7^ZJD\x1f|\xf0\xc1m\xb7\xdd\x16\x94\x03A\xa8\x7f?\x87\x00h,\r\xef\xf6,--\xdd\xb1c\xc7\xda\xb5k33\xf7\x1c=z\xec\xcc\x993?\xfa-!!\xf6\xd6\xad[\xa7\xa4\xa4\x8c\x1e=\xa6_\xbf~\x9d;wV\xaf\x07Y\xd3\xa0~\x9d\x89\x13\'\xbe\xf3\xce;\xa1\xa1!;6\xbe\x99\xd2\xaf\x978[\x13\xf4\xdd\x7f\x0f)\xa5\xd0\xf5\xea\x9a\xba\xde\xd7\xdc~\xe8\xc8\xf1\x8e\x1d;\xe5\xe4\xe4\x18\x86\x11L\x03 \xa8\xff\x80\x80\x00\xf0&gt;5\xc0\xadJ6;;{\xc1\x82W\xd7\xacY\xab\x965n\xa8Y\xb38\x92B\x121\xa6UVV\xb9\\\xae\x86_\r\x0f\x0f\x1b&gt;|\xf8\xf4\xe9\x0f\x0c\x192D- CDA0L\xac\x0e\xe6\xad[\xb7\x0e\x192\x84s&gt;\xf1\x8e\xd1o\xbd\xff\x0f^q*p\xd7{\xb84\xa6\xc9\rg\xec;\xaf\xbf7\xf1\xfe\xa7\x88\xe8\xb9\xe7\x9e{\xe2\x89\'\x82\xa3\xa5C\xfd\x07\x10\x04\x80\x97\xa9\xc9-D\x94\x9b\x9b\xfb\x87?\xfca\xd3\xa6M\x9e\xca\xbe\xaa\xcd\x15\xbd{wK\xe9\x99\xd8\xbbgg\xa73\xaac\x876\xa4\x06:u\xa3\xa4\xa8\xb4\xf8dy\xce\x81\xc3\xd99\xf9\x99_\xed\xcf\xc9\xcd\xf7|`\xcf\x9e=\xff\xfe\xf7\xbf\x8f\x1a5\x8a\x82\xa2+\xa4\x8e\xe4a\xc3\x86m\xd9\xb2%.6\xfa\x8b\xcf\x97\xb5\xef\xd4\x96\xea\xea5-Hz\xbe\x17H\x12I"7\xb1\x81\x83\xef\xc9\xcc:\x10\x1b\x1b{\xe0\xc0\x81f\xcd\x9a\x91\xbaN\x10\xb0P\xff\x81\x05\x01\xe0Mjb{UU\xd5\x1f\xff\xf8\xc77\xdeH\xaf\xad\xad#\xa20G\xe8m\xb7\x8e\xf8\xcd-\xc3\x06\rH\x89j\x11O\xa4\x13\x99$\x04\xd5\xbb\x88\xd4\xa1.\xc9f\x90a\x10\xe9D\x92WU\xed\xfej\xff\xca\xd5[\xde[\xbe\xb6\xa8\xf8\xa4\xfa\xe4Q\xa3F\xcd\x9f??!!!\xa0\xd7\x0fP\x07\xf0\x97_~\xd9\xa7O\x1f)\xe5\xac\x19w\xcdy\xe5\xaffyYPN\xfc\xffE\xdc\xe4\xba3f\xfdG\xebG\x8d{\x98\x88^z\xe9\xa5G\x1ey$\xa0\xff\xbe\xa8\xff\x80\x83\x00\xf0\x1aU\x9aYYYS\xa7N\xcd\xca\xca""Gh\xc8\x1d\x13F\xcd\x9cqw\xf7\xab\xbb\x13I\xaa\xa9\xe1.\xb7\x94\xc4\x18#FZ\x83\x8e\x9e\x9a\x17\'\xa5d\x8ct]\xa7p\x07i!\xa5\xc7\x8f/J\xff\xe0\xf5\xf4\x0f\x8bKN\x11Q||\xfc\x82\x05\x0b\xc6\x8f\x1f\x1f\xb8kI\xaa\x00\x98&lt;y\xf2\xd2\xa5KCC\xedY\xdb\xde\xeb\xdc#Q\xd6Z\xae\xfb\xafH"\xc9\xa8\xce\x14W\xf7\x1b\x7f0\xffh\xd7\xae]333CCC)0O\x02P\xff\x81\x08\x01\xe0\x1d\xaa\xfa\x97,Y2s\xe6Lu\x8d\xeb\x86a\xd7\xce}qV\xb7\xe4n\xe4v\xf1\xb35\xc4\xe8\x02\xe73H")\x84\x10\xc2\x08\r%GXYa\xf1\xb3\x7f[\xb4`\xd1\n!%\x11\xa5\xa5\xa5\xcd\x9b7/\x10\x8f\x01)%c\xac\xb8\xb8811\xa1\xaa\xea\xec\xa4\xbbnZ\xb2l.?]a\xe5\x93znr\xdd\xe9|\xe7\xf5\xf7\xd5\x95\x80\xd5\xabW\x8f\x193&amp;\x10\x07:P\xff\x01\n\x17U\xbc\xc0\xb3\x96\xfd}\xf7\xddw\xe6\xcc\x99\x10\xbbm\xde\x0b\xb3\xd6\xadK\xef\x96\x94\xc0+N\x8b\x9aZ\xdd\xd0u\xfdB\x1fh\xc5\x884M3\x0cC\xba\xddfEy\xf3\xb8\xe8W\x16&gt;\xfd\xefO\x16\xb4n\x19OD\xf3\xe7\xcf\x9f6m\x9aZC&amp;\xb0\xc2\x9bsND\xcb\x97/\xaf\xaa:\xab\xeb\xfa\xf4)\xe3\xa4p\x9f\x1b\x04\xb0(M\xd7d\xcd\xd9[\x7f3\xe2\xca\xd6-\x18c\xe9\xe9\x8b)\x00\xbb\xff\xa8\xff\xc0\x853\x80\xcbu\xde\x93Lbc"W}\xfcj\xff\xc1\xd7\x8a\xca\xd3$\xe5\xe5Om\x94Rr.\x0cgt\xf1\xb1\xa2\x9boy0s\xef\xff=_\xd04\xcd\x0b?\xae|NJ\xe9v\xbbS{\xf7\xce\xc9\xcd\xed\x97\x9a\xb4}\xeb2\xaawi\x01\xb2\xf1\x8d\xc74\xb9\xe1t&gt;\xf6\xf03s^Y\x16\x1e\x1e\xb6w\xef\xbeN\x9d:y.\xa5\xfa?\xd4\x7f@\x0b\x8c"\xf3[\x9cs\xc30\xde~\xfbmU\xfd]\x13\xdbm\xda\xb0\xb4\xff\xe0~f\xf9w\x9a\xc6\xbc2\xb1\x9d1f\x18\xbaY~\xbaU\xab\xe6\x19\xeb\xd3o\x19}=\x11\xa5\xa7\xa7\xdf\x7f\xff\xfd\x86a\xa8n\xb5\xffSw\x81\xee\xdd\x9b\x95\x93\x9b+\xa5\xbc\xf5\xa6\xc1ZH\x98\xe0\xb8\xdb\x93\x18c$\xdc\xb7\xde&lt;T\xd3\xb4\xea\xea\x9a\x95+W\xd2\xb9\xb9R\xfe\x0f\xf5\x1f\xe8\x10\x00\x97NMv\xce\xc9\xc9y\xe0\x81\xe9D\x14\xe7\x8cZ\xf1\xee\x9c\xe4\xd4\x1efy\xb9\xd7\xa7\xb5\x186\x83\x9f\xadv\xc6D.\x7f\xff\xa5\xd4\xe4.D\xf4\xfa\xeb\xaf/]\xba4P\x8e\x01u\xa2\xf9\xf1\xc7\x1fK)c\x9d\xd1\xbf\x9dp#\xd5W\xeb\x96\xb9\xf3\xebg\xe8\xba&amp;\xce\xd6\xa4\xf6O\xb9\xb6o\x0f\xc6\xd8\'+W\x06J\xf7\x1f\xf5\x1f\x04\x02\xa0\xce\xfc\x93Z\xd0\xaa\xaa\xaa\xea\xae\xbb\xee\xac\xae\xae1\x0c}\xcd\xff\xbe\x92\xd4;\xc9,\xff\xce\xb0\xdb\x1a\xe3\'\xea\x86.jjC\xedF\xc6\xba\xf4\xf6m[3\xc6f\xcc\x98\x91\x9d\x9d\xed\xb9M\xc6\x9f\xe9\xba\xeev\xbb\xd6\xacYKD\xbdz$\xb4j\xff+Q\xe7\xc2\xc9\xbb"\xb8\xd0B\x1c\xc3\x06\xf7\x91R~\x95\x95UPP\xe0\xff\xcf\t@\xfd\x07\x07\x04\xc0%R\xdd\x9f\xd9\xb3ggg\xe7\x10\xd1\x9cg\x1e\xee7d\x80\xbb\xbc\xc2\xb0\xd9\xa8\xd1\xae\xaah\xba\xcek\xeb\x9d\xcd\xe3\xde_\xf2\x9c\xcd\xd0\xab\xab\xab\xef\xbd\xf7^u\xa3\x8d?_\xcbQs6\x0e\x1d:|\xf8\xf0!"\xbaa\xd8\xb5\xa4\x19B\xf8\xef\x0671\xc6\x18\t\xd7\x88\xc1\xfd\x0c]\xaf\xab\xab\xdb\xb1c\x07\xf9\xfd(\x10\xea?8 \x00.\x85\xaa\xfe\x83\x07\x0f.^\xbc\x9816lp\x9f\xb4\xdfO1+\xcbm\x8d\x7fC\x93n\xe8fEe\xdf\xc1\xd7=\xf1\xe8$"\xda\xbbw\xef\xf2\xe5\xcb\xfd\xbc\xc3\xa8\xb6m\xfd\xfauuu\xf5\x86\xae\x0f\xbd&gt;\x95\x84\x1b\xdd\x7f\x0fMcT[\xd73\xb9K\xeb\xd6\xcd\x89h\xf5\xeaU\xe4\xdfs\x81P\xffA\x03\x01p\x89\xa4\x94\x0f?\xfc\xb0\xdb\xed\x0e\t\xb1-x\xe9q\x92Bk\xaa.\x88n\xe8\xbc\xaa\xe2\x89?\xfe\xbf\xce\tm5M\x9b={\xf6\xa9S\xa74M\xf3\xdbN\x90j\xcb\xb6\xef\xd8AD\xad\xafh\x9e\xd8\xb9\x1d\xd5\xd6Y\xf3\xe6\xaf\x1f\xc5\x18\xe3n\x1e\x16\x1bsu\xaf\xceD\xb47koMM\x8d\xae\xeb~\xfb\x07%\xd4\x7f\xb0@\x00\\45\xa0\x91\x97\x97\xb7y\xf3f"\x9a\xf0\x9b\x11\t\xc9\xddy\x13\xaee\xcf\x18\x93&amp;\xb7ED\xcc\x9ey\xaf\x10\xa2\xb8\xb8x\xe5\xca\x95j!\xf5\xa6\xd9\x80\x8b\xa5i\x9a\xcb\xe5\xfa:/\x8f\x88R\xaf\xee\x16\x1e\x1f\xcb\xdd\xdc\x9f{\xb8MOJIL\x1f4\xe0j"*-+=~\xfc8\xf9\xeb\xb0\x06\xea?\x98 \x00.\x9a\xba\xa3u\xfe\xfc\xf9\xa6i:\x1c\xa1\xb3gM\x92\xeez\xd6\xb4\xfdY\xdd\xd0\xc5\xd93\x13~;\xa6k\xe7v\x8c\xb1\x7f\xfcc\xbe\x9a\x13\xdd\x94\xdbp\x81T{Q\\\\|\xec\xd81"\xba\xbaWgb\x86\x7f6m&gt;\xc4\x18#i&amp;\xf7\xec\xaciZmm]vv6\xf9k\x00\xa0\xfe\x83\t\x02\xe0\xe2\xa8\xa7[\x94\x96\x96~\xf2\xc9\'\x8c\xd1\xb8\x9b\x87$&amp;\'\x89\xb35M&lt;o\x8f\x11\t7\x0f\x89\x8az\xf4\xc1\xbb\xa4\x94\x07\x0e\xe4}\xfe\xf9\xe7\xfe\xd9\tR\xad\xd8\x91#G\xaa\xaa\xce\x12Q\xaf\x1e\x89D\xe8\xfe\x9fO\xd3\x18\xd5\xbb\x12;^\x15\x13\x1dID_\x7f\x9dG~\x19\x00\xa8\xff \x83\x00\xb88\xaa\xc2v\xed\xdaUVV&amp;%\xdd~\xebH)\x05\xf9\xa29\xd3uM\xd6\xd5\x8c\xbe\xe1\xba\x98\xe8H!\x84\xbar\xe8\x9fM\x06\x11\xe5\xe4d\x13QtTd\xb7.\xed\xa9\xbe\x1e\x01p\x1e\xc6\x98t\xb9\x9dW4\xeb\xd4\xb1\r\x11\xe5\xe4\xe4\x92_^\x07F\xfd\x07\x19\x04\xc0\xc5Q\xc7\xe4\x9a5k\x18cW\xb6n1\xe0\xba\x14V[\xe3\x93\xeb\x99\x8c1Y\xe7j\xd1\xee\xca\x81\xfdS\x88h\xf3\xe6O].\x97\xdf\x9e\x05\x97\x94\x94\x10QXXhtt$q\xee\x7f-\x9b\xefI)\x8d\x10{\\l4\x11\x95\x96\x96\xaa\x91\x16_o\xd4\xf9P\xffA\x06\x01pq\xd4\xf5\xcc\x9d;wJ)\xaf\xe9\x93\x14\xd5\xa2\x19w\xf9lF\xa3\x90\x924c\xf8\xe0&gt;DTP\xf0\xcd\x91#G\x18c\xfe6\x1fN\r\x0ede\xed%\xa2\xce\x89m#\x9a9\x85\xdb\xf4\xc3\xa6\xcd\xe7\x84\x90\xc4\x8c\xab{v&amp;\xa2\xfc\xfc\x83\xa7O\x9f\xf6\xc3\x99-\xa8\xff \x83\x00\xb8\x08\xeazfQQQa\xe1q"J\xe9\xd9\x99H\xf7\xe1\x11\xaa\xae\x1c\xf6\xea\x91\xa8iZ]]\xbd\x9f_9\xa4s\x0b=\xfaz[\xfc\x19S\xbdi\xcf#\x15\xfd\n\xea?\xf8\xe0h\xbc\x08\xaa\xb6\x8e\x1d;\xf6\xfd\xf5\xcc\xa4\x04\xdf^\xcfTW\x0e\x13:^\x15\x1d\x15ID\xf9\xf9\x07\xc9\xff\x0e\x00\xc6X]]]\xd1\x89\x13D\xe4\x8c\x89"b\xfe\xb5}\xfeE:c\xa2\x88\xa8\xba\xba\xfa\xc4\x89\x13\xe4g\x7fM\xd4\x7f\xf0A\x00\\\xb4#G\x0e\x13\x91\xcdf\x8b\x8fw\x92\xf0\xf1p\xb6\xe4",2,&amp;&amp;\x82\x88\x8e\x1c9B~v\xe5P\rd\xd7\xd4\xd4\x14\x9e($\xa2\xe4\x1e\t\xa4\xd9$\x16\x81\xf81\x8c1"\x9e\xdc3\x91\x88\xaa\xabk\n\x0b\x0b\xc9/\x9b3\xd4\x7f0A\x00\\\x04u4\x16\x14\x14\x10\x913&amp;\xaaS\x876T\xef\xcb\x15\xcd\x18c\xd24#\xe2\x9d\x9d:\xb4!\xa2\x82\x82C\xe4\x97\x07\x00c\xccf\xb3\x11\x91ib|\xf6\x17xv\x91\xdac~\x05\xf5\x1f|\x10\x00\x17\xcdn\xb7\x13\x91\x94\xd2_.7\x9d\xdb\x12\xb5a\xfe\xe9\xfbk\x0086\x7f\x89g\x17\xf9a\xdf_A\xfd\x07\x13\x04\xc0\xa5\xf3\x9fC\xd4\x7f\xb6\x04\xac\xc3\x7f\xaa\xce\x7f\xb6$\xe0 \x00.\x9ai\x9aD\xa4i\xccf\x18\xe4\x0f\x95\xa7i6\xc3\xa0s\x1b\xe6\x9f\xd4\x899\x0e\xd4_\xe4\xd9E~;\x94\x81\xfa\x0f&amp;\x08\x80\x8b\x16\x17\x17ODg\xcf\xd6\x1c?QJv\x9b\x0f\x1b5)%\xd3\xf5\xda\xd3U\x85EeD\x14\x17\x17\xe7\xab-\xf9yRJ\x93\x9bDd\xf7\xbfqm\x7f\xe3\xd9E~\xdb\x9c\xa1\xfe\x83\t\x02\xe0"\xa8NY\xf7\xee\xdd\x89\xa8\xba\xa6\xb6\xb8\xe4$\x19\x86o\xfb@L\xd7\xea\xce\x9c-*&gt;ED\xdd\xbbw#\xff{\x90\x88\x94\xd2f\xb3EGE\x13Q\xc1\x91\xe3$\xb1\x10\xd0\xcf\xd0\n\x8e\x1c\'"\x9b\xcd\x16\x1d\x1dM~v\x1e\x80\xfa\x0f&gt;\x08\x80\x8b\xa0\x0e\x80\x96-[8\x1c\xa1Dt\xf0\x9b\xa3D\xbe\\\xb4]JI!\xb6o\x8f\x17\x9f\xad\xae&amp;\xa2+\xaf\xfc\x95\xaf\xb6\xe4\xa70\xc6\xa4\x94\x91\x91\x91\t\t\x89Dt\xe8\xc8\t\x92\xa6?\xb5i~DJI\xa4\x1d:\\HDNgLBB\x02\xf9e\x00\xa0\xfe\x83\t\x02\xe0"\xa8\x03\xa0]\xbb\xf6-Z\xb4 \xa2\xaf\xf6}M$}x\x84\n!I\xb3\xe7\xe4~\xe3r\xb9\r\xc3HII!\x7f\xbd\xd5V=\xb7/4\xd4N\xcc\x1f7\xcf\x7f8BC\x88\x88s\xee\x87\x0b[\xa2\xfe\x83\x0fv\xd6EP\xeb\xcd:\x1c\x8e\xe4\xe4\x14\xc6\xd8\xae=9\xae\xaa*\xcd\xf0\xd9-\xfb\xea\xc2\xea\x96\xed_\x11\xd1\x15W\\\xd1\xa9S\'\xf2\xb3&gt;#\x9d;%\xef\xd9\xb3\'\x11\xe5\x17\x1c?{\xaa\x82\x19x\x1e\xc0\x8fP\x0b\x1b\xec\xcd\xc9\'\xa2\x8e\x1d;EEE\xf9\xdbzp\xa8\xff\xe0\x83\x00\xb88\xaa\xe5\x1a;v\x8c\x942\xbf\xe0\xe8\xde=9\xe4pp\xee\x83aG)\xa5f\xb7\x9d)-\xdb\xb4e\x0f\x11\r\x1e&lt;(""\x82s?\x1dao\xd5\xaa%\x11\x9d&gt;]USU\xc3\x9a\xea\xd1Q\x81\x85i$\xb8Yz\xb2\x9c\x88\x9a5kf\xf8eL\xa2\xfe\x83\x0c\x0e\xc5\x8b\xa3N0\xaf\xbbn`xx8\xe7\xfc\xa3\xd5[\x98\x1e\xe2\x93\x03Up\xc9\xc2\xc2\xb6o\xcb*&lt;QJD#F\x8c$\xbf\x9cg\xa9\x0e\xc8\xa4\xa4\x1eDTy\xa6*\xbf\xe0(\x85\xd8\x05V\x83\xf8oRJ\xcd0\xaa\xca\xca\x0f\x1d*$?\xbe\x9e\x89\xfa\x0f2\x08\x80\x8b\xa3i\x1a\xe7\xbcc\xc7\x8e\x83\x07\x0f&amp;\xa2e+\xd6~w\xfc\xb8\x1ejo\xfa\xcac\x1a\x91\xc9\xe7-|\x8f1\xd6\xaaU\xab\x9bn\xba\x89\x88\xfcp\tI\x15\x00m\xdb\xb6\r\r\r\x15B\xec\xcb\xce\xc7#!\x7fHJI\xa1!\x87\x0f\x1f?y\xaa\x9c\x88\xd45s?\x84\xfa\x0f2\x08\x80K\x94\x96\x96\xa61VR\xfa\xdd\xab\xaf-g\x8e\x88&amp;&gt;\x0b\xe6\\\xb0\xc8\x88\xcf2\xb6m\xda\xb2GJ9u\xea4\xbf=\xff\xf5\x04\xc0\x15\xadZ\x11\xd1\xde\xec\x83\xbe\xbdr\xe8\x9f\x84\x90\xa4\x199\xfb\x0b\xdc\xa6i\xb3\xd9z\xf5\xeaE\xfe}=\x13\xf5\x1f\x1c\xfc\xb7\xc2\xfc\x96\xae\xebR\xca\xeb\xaf\xbf\xbes\x97\xce\x8c\xb1\x05\xe9\x1fV\x14\x15iM\xdd\t\x92\x8c\xb1\xbf\xbe\xf8\x06c,$$d\xe2\xc4{\xc8_/\x7f\xa9gt8\x1c\x8e\x84\xc4D"\xfa"3\xc7UU\xa5\xa1\xa7\xf6\xdf\xd4\x9f\xee\xb3\xed_\x11Q\\\\l\xfb\xf6\xed\xc9_\xff\xa0\xa8\xff`\x82\x00\xb8\x14B\x08\xc30\xe6\xcd\x9b/\xa5&lt;y\xaa\xe2\xcfO\xbd\xaa5a\'\x88\x9b\\\x8fq~\xf8\xce\xca\xcf\xb6}%\xa5\x9c5kV\xfb\xf6\xed9\xe7~\xdbaTc\xd9\xa9\xa9\xa9Dt\xf8\xc8\x89o\xbf9\xca\x1c!\xb8\x0c\xd0\x90\xa6\xeb\xee\xaa\xaa\xdd_\xee\'\xa2.]\xbaFFF\xaa\xa7\xaf\xf8z\xbb~\x1c\xea?h`\x97]\n]\xd7\x85\x10#F\x8c\x181|8\x11-|\xe3\x7f7\xae\xda`8\xa3Mw\xa3\xdf\xbe/\x84\xd0\x1c!\xa5\xdf\x1e\x7f\xf0\xf7s\xa4\x94\xcd\x9b7{\xe4\x91G\xa4\x94\xfe\\\xfd\xaa!\x1b5j\x94a\x18u\xf5\xf5;v\xff\x87\x0c\xbb\x1f^\xe1\xf4\x15!$s\x84\x1c:\xf8\xed\xe1oO\x10\xd1\x8d7\x8e\xd24\xcd\x9f\xf7\x0f\xea?h`\xaf]:)\xe5\xc2\xd7^\x8b\x8duJ)\xef\x99\xfa\x97\xb2cEFd87\x1b\xf1\xfe\x1d)\xa4\xd44\x16\x12r\xf7\xe4\xd9e\'\xcb\x89h\xc1\x82\x85\xb1\xb1\xb1\xfe\xdc[\xa4sc\xd9={\xf6T\x97\x01V\xaf\xdbFR\xf8\xf1\xf665!\x844B26\xef\xaa\xab\xab\xd7um\xc8\x90\xa1\x14\x08\x03\x1a\xa8\xff \x80\x00\xb8D\xaa\x8f\xd6\xa1C\x87\xc5\x8b\xd3\x89\xa8\xa4\xec\xbb\xb1\xbf~\xf0t\xc5\x19=\xcc\xd1H\xf7pJ!\x85\xc6\xf4\x88\xf0i\x93fo\xdc\xb2\x87\x88\xd2\xd2\xd2\xc6\x8d\x1b\xc79\xf7\xf3\xc9\x0f\xea\x06\xa2\xb0\xb0\xb0!C\x87\x12\xd1\x97{\xf3\xce\x9e*\xd7}\xba\x8e\x98_\xd1\x181\xc9\xb7l\xfb\x8a1\x96\x98\x98\xd8\xad[7)\xa5\x9f\xffMQ\xff\xc1\x01\x01p\xe9t]7M\xf3\xd6[oMKK#\xa2=Y\x07&amp;M~\xa2\xaa\xce\xa5\x87\x86z\xbd\x1f$\xb8P\xd5\xff\xdc_^I\x7f{%\x11]s\xcd5s\xe7\xce\r\xac\xa1\xcf\xdbn\x1bGD\xc7\x0bK&gt;\xf9\xe4Sr\x84s\\\x06 \x12Bj\xe1\x8eo\xfe\xf3\xf5\xa6-\xbb\xa5\x94\xa3G\x8f\t\t\t\xf1\xc3u ~\x08\xf5\x1f\x04\xb0\xef.\x8b:\x06\xe6\xcd\x9b7u\xeaT"Z\xb9\xf6\xf3aC\xee)?]\xa5\xc7D\x99n\xd3[=\\\xd34\xb5\xd0\x10\xd5\xf7\xf9\xd3\xb3\xaf\x11Qjj\xea\x9a5k4M\xd34- N~=7\x10]yek\xc6h\xc5G\x1b\x88\x84F\x08\x00\x12B\x90\xcd\xf1\xc9\xda\xcf\xaakju]\xbf\xf5\xd6[)\x10\xc6\x7f\x14\xd4\x7f\xa0C\x00\\\x16\xc6\x98\xba \xb6x\xf1bu\x0c\xec\xc9:p\xcd\x80\xdf\xee\xf8l\x8f\x11\x1b\xcf\x183M~9G\x01\xe7\\pa8c\x8bKO\xde0|\x92\xea\xfb\xa4\xa6\xa6fdd\xc4\xc6\xc6\xfa\xdbZ1?\x831f\x9afdd\xe4\xed\x13n\x97\x92\xb6l\xfb\xf2pn&gt;\x0bw`.\x90nhfu\xd5\xb2\x15\xfff\x8c\xa5\xa6\xf6NMM\x15B\x04\xca\x98\x06\xea?\xd0!\x00.\x17cL\x8dq/^\xbc\xf8w\xbf\xfb\x1d\x11\xe5\x1f:6\xf4\x86\xa9O\xffi\xae\x8b1\xc3\x19\xc342M~Q\xbd!)%\xe7\\\x08\xa1GGjQ\x11+\x96\xfd+\xf5\x9a;26\x7fAD\xfd\xfb\xf7\xcf\xc8\xc8p:\x9dB\x88\xc0:\xf9U[{\xef\xa4Iv\x9b\xad\xba\xba\xf6\x9d\xe5k\x99-L\xfa\xf1\\\x97&amp;\xc0\xb9`\x11\x11\xdb\xb6\xec\xce\xd9_ \xa5\x9c&lt;\xf9&gt;?\x9f\xff\xf3C\xa8\xff\x80\xc6p!\xce+\xd43\xb2u]\x7f\xe3\x8d7~?k\xd6\xe9\xcaJ"J\xea\xd6q\xe6Cw\xdf9a\xb4=:\x8a\xeajD\x9dKH\xc9\x18\xd34F\xff}\x9a\xaf\xfe\nBJ)$#\xd2\xed6\n\x0f#\xce7n\xd8&gt;\xf7\xe5\xb76l\xda\xa5\xde\x96\x96\x966g\xce\x1c\xc30\x02\xb4\xfa\xd5f\x0f\x1f&gt;|\xf3\xe6\xcd\xf1\xf11\xb9\x99\xff\xdb\xacy,\xb9M\xcb\xf6\xe3\x84\x102\xd41b\xe4\xe4O?\xcfl\xd9\xa2ENn\xaez\xacU\xc0\xed\x10\xd4\x7f\x80B\x00x\x93\x9a\x90\x90\x95\x95\xf5\xc0\x03\xd3\xbf\xf8b\xb7z\xb1G\xf7\x84\x19\xd3\xef\xb8ax\xff+;\\I\xcc iR\xbd\x8b\xb8\x10n\x93\xd4! I3t\xd25\xb2\xdbI7\x88\xe8L\xe9\xc9\xcfvd-\\\xb4"c\xe3N\xf5!\xad[\xb7~\xf9\xe5\x97\xc7\x8f\x1fO\xeaIx\x81\xd6@(j\xff\xfc\xfb\xdf\xff\x1e=z4\x11\xbd\xf4\\\xda#O\xcc0\xcbO\x1a6\xc3\xd7\x9b\xe6\x03\x9c\x0b=:"k\xdbW\xbd\x07\xdd#\xa5|\xf4\xd1G\xe7\xce\x9dk\x9a\xa6a\x04\xea\xde@\xfd\x07\x1c\x04\x80\x97\xa9c\xc04\xcdw\xdey\xe7\xa9\'\x9f&lt;^X\xa8^w:\xa3\xaf\xbf\xee\xeaA\x03{\'\'%tMh\x1b\x1e\xeep\xc4;IJ\x92D\x9a\xc6+\xab\xce\x9c\xad)\xf8\xf6\xc4\xfe\xbcC\xdbw\xee\xdd\xbce\xcf\xb7GO\xa8ot8\x1c\x8f&gt;\xfa\xe8\x8c\x193\x9a7o\xae\xe6&lt;\x04n\xf5\xabb\xab\xab\xabKII\xc9\xcf\xcf\xef\xd4\xa1\xcd\xee\xed\xefE\x86;\x98%Wq\xe1B\xe8\x11\x11\xb7OH\xfb\xe0\xe3\x8d!v{\xd6\xde\xbd\x9d;w\x0e\xf4{\x9aP\xff\x81\x05\x01\xe0}\x9e\xf3\xd3\xb2\xb2\xb2O&gt;\xf9d\xe1\xc2\x85\xfb\xf6\xedk\xf8\x86\xb8\xd8\x98\xa8\xa8\xf0\x0e\x1d\xda\x90\x10$\x89\x0c\xbd\xa4\xa8\xac\xf4d\xf9\xc9\x93\x15\xd4`b\xccUW\xb5\x994i\xf2\x84\t\x13:w\xeeL\xe7\x0e\xad\xa6\xfdU\xbcO\xfd\x16\xef\xbc\xf3\xce\xc4\x89\x13\x89\xe8\xa9\xc7\xa7&gt;\xf9\xf7?\x98\x15\xa7\x02\xb7\xdb{i8\x17zt\xe4g\xff\xfe|\xf0\x98\xfb\x89\xe8\xde{\xef]\xbatip\xfc\x89Q\xff\x01\x04\x01\xd0(&lt;C\xa2D\xc49\xdf\xbcy\xf3\xfa\xf5\xeb6m\xda\x9c\x9f\x7f\xb0\xbe\xde\xf5\xf3\xdf\xdb\xbe}\xbbA\x83\x06\x0f\x1a4\xe8\xe6\x9bo\x8e\x8a\x8aR\x9f\x10L\x1d\x1f5\xc9}\xe8\xd0\xa1[\xb7n\x8d\x8f\x8b\xc9\xde\xf3A\xf3\x96\xcd\xc8\xed\xd6\x82\xe5\x17\xbc\x10\\\x08\xe6p\x0c\x1dv\xef\xe7\xdb\xb3\xe2bcsrs[\xb4h\x11\xe8\xdd\x7f\x0f\xd4\x7f\xa0@\x004\xa2\x86\x87\x01\x11q\xce\xf3\xf3\xf3\xf3\xf2\xf2rss\x8f\x1d;z\xf4\xe81U\xd3R\xca\x98\x98\x98\xa4\xa4\xa46m\xdat\xeb\xd6\xad[\xb7naaa\x9eoa\x8c\x05G\xa3\xe0\xa1\xbar[\xb7n\x1d2d\x08\xe7\xfc\xde\xdf\x8eY\xfa\xde&lt;\xb3\xe2;\xeb\x9c\x04\x98\xa6i8\xe3\xde^\xf</t>
        </is>
      </c>
    </row>
    <row r="322">
      <c r="A322" s="1" t="n">
        <v>320</v>
      </c>
      <c r="B322" t="inlineStr">
        <is>
          <t>polygon_sides_color</t>
        </is>
      </c>
      <c r="C322" t="inlineStr">
        <is>
          <t>What is the missing color of the part denoted with a question mark?</t>
        </is>
      </c>
      <c r="D322" t="inlineStr">
        <is>
          <t>['red', 'purple', 'green', 'yellow']</t>
        </is>
      </c>
      <c r="E322" t="inlineStr">
        <is>
          <t>purple</t>
        </is>
      </c>
      <c r="F322" t="inlineStr">
        <is>
          <t>There are 6 colored polygons arranged in a triangle with color ['purple'] in the top row, ['?', 'blue'] in the middle row, and ['blue', 'green', 'green'] in the bottom row.</t>
        </is>
      </c>
      <c r="G322" t="inlineStr">
        <is>
          <t>We observe that the polygon with 9 sides is green in color and the polygon with 4 sides is blue in color. Thus, the pattern is that the polygons with the same number of sides have the same color.</t>
        </is>
      </c>
      <c r="H322" t="inlineStr">
        <is>
          <t>Based on the pattern that the polygons with the same number of sides have the same color, the missing color of the part with 7 sides should be purple.</t>
        </is>
      </c>
      <c r="I322" t="inlineStr">
        <is>
          <t>b'\x89PNG\r\n\x1a\n\x00\x00\x00\rIHDR\x00\x00\x02\x00\x00\x00\x02\x00\x08\x02\x00\x00\x00{\x1aC\xad\x00\x00\\\xe5IDATx\x9c\xed\xddg|\x14U\xdb\x06\xf03m7\x9bl6=\x81P\xa4Ho\xa1\x87\x00\x82\xd2A\x10DPPDz\xf3\xb5\x17DADE\x04\x11\x1b\xa0  \x8a\x88T\x91GT\x8a  \xbdHIB\xe8\x81@H\xdddS6\xd9\x9d\x99\xf3~8\xb0F\x88\x10 \xc9\xce\xee\\\xffO\xfe\x9e\x977\x0c\xd9\x9d\xfb:\xe7&gt;3\xe7p\x94R\x02\x00\x00\xfa\xc3\xbb\xfb\x02\x00\x00\xc0=\x10\x00\x00\x00:\x85\x00\x00\x00\xd0)\x04\x00\x00\x80N!\x00\x00\x00t\n\x01\x00\x00\xa0S\x08\x00\x00\x00\x9dB\x00\x00\x00\xe8\x14\x02\x00\x00@\xa7\x10\x00\x00\x00:\x85\x00\x00\x00\xd0)\x04\x00\x00\x80N!\x00\x00\x00t\n\x01\x00\x00\xa0S\x08\x00\x00\x00\x9dB\x00\x00\x00\xe8\x14\x02\x00\x00@\xa7\x10\x00\x00\x00:\x85\x00\x00\x00\xd0)\xd1\xdd\x17\x00P\xfa\x14E!\x84\xf0&lt;\xcfq\x9c\xbb\xaf\x05@\xbb8\x1c\n\x0f\xde\x84}\x9f]u_UUUU9\x8e\xe38\x8e\xe71\xdf\x05\xf8\x17\x04\x00x\x0fUUY\x95\xffy\xc3:?\xb3_\x93\xc6Q\xa1!\xe1E\xff\x80\xa2(\x94R\x16\x06\x98\x1c\x00 \x00\xc0K(\x8a"\x08\x82\xa2(O\x0f\x1d\xb4\x7f\xe7\x05??\x8bL\xb3#+\x07G5k\xd8\xa4I\xe3\xe8\xd6mj\xd6\xac]\xf4\xcf\xbb&amp;\x07\x08\x03\xd0-\x04\x00x\x03Y\x91EA\xbc|9\xa9w\x9f^\x06\xa5\xe63\x03&amp;s\x9c\x90m\xcb\xb8x\xf9\xf4\xe5\xabg.%\xc7\xe5;R\xc2+X*\xdf\x17\xd1\xa6M\xebF\x8d\x1aE5if\xb1\x04\xfe\xeb\'\xc82\xb9\xbel\x80&lt;\x00\x9d@\x00\x80g\xa3\x94\xaa\xaa*\x08\xc2\xb6\xed[\x06=1\xa4}\xd3gz&gt;4\xd4\x9a\x9dF\xa9*\n\x92\xc1\xe0#I\x06B\xb8\x9c\x9c\xac\xd4\x8c\xcb\x89I\xf1\x17\xaf\xc4[mI\xa2\x8f\xa3b\xa5\x90&amp;M\x1b&lt;\xd0\xbe}\xd3\xa8f\x91\x91U\x8a\xfeLEQ)\xc5\xe4\x00\xbc\x1f\x02\x00&lt;\x98\xab\xe9?\xe7\x93\x99\x1f\xbc;wH\xbf\xa9\rjGgf\xa5\x08\xc2\xb5\xc7\xdb(U\xd97\x9c\x17\x04I4\x18$\x1fA\x10\x1d\x8e\xc2LkJr\xea\xc5\xb3\x89G\xaf\xa4&amp;\x10\xc1n\t\x12\x1bG\xd5\xaf\xdf\xa0^L\x9b\x98\x06\xf5\x1b\x19\x0c\xc6"\x7f\x05UU\x85+\xc2-\xffR\x80\xb2\x80\x00\x00O%\xcb\xb2(\x8a999c\xc6\x8e8\xb0\xeb\xfc\xc8A3\x02-\xa1\xb6\xdcLQ\x90\x8a\xfd\xf3\x94RJ(\xa1\x94\xe38Q\x94$\xd1(IFUU\xf2\xf2r._=\x97t\xe5\xf4\xc5\xe4xkN\xa2\x7f\xa0\x18Y9\xacU\xeb\xe6\xcd\x9a5\x8b\x8ajV!"\xb2\xe8\x0f\xc122x\x13\x04\x00x$V\xfd\x13\x12\xe2\x1f\x1b\xd0?\xc4\xa7\xc5\xe0~\xaf\x14\x14\xe6;\x9c\x85\x02/\x94\xec\x07PJ\t\xa5*!\x84\x17\x04\x83\xe4c\x90\x8c&lt;\xc7\xe7\x17\xe4\xa5g$\'%\x9f=\x7f\xe9xF\xd6%\'\xb5V\xabQ\xb1a\xe3:M\xa2\x9a\xb4n\xd5\xbaj\xd5j\x06\xa9\xe8\xe4\x00\xcf\x98\x82gC\x00\x80\x87\xa1\x94RJy\x9e\xffy\xc3\xba\x11\xc3\xc6\xf4h\xffB\xc76}\xb3l\x19\x84P\x8e\xbb\xcb*\xfc\xcf\xe4\x80\xe7%\xd1`\x90\x8c\xa2hP\x14%+;=%-\xe9\xdc\xc5\xe3\x17\xaf\xc4\xca4\xdb\xe0\xab\xd4\xa9W\xbd~\xfd\xba\xed\xda\xb5\x8b\x8ajn\xf1\x0f(\xfaC\xb0\x8c\x0c\x1e\x07\x01\x00\x9e\x84=\xebI\x08y\x7f\xfa;\x1f\xcdX0~\xc8\x9c\xeaU\xeag\xd9\xd2]M\xff{\xc7\x92\x80\xdd\x17\x82 I\x92\xc1h\xf0\xa1\x94\xd8\xedy\xa9\xe9I\x89\x97\x13\x92\x92\x13R3\xcf\xb2e\xe4\xa8\xa6\r\xdb\xb4\x89n\xd0\xa0\xd1\xfd\xff~\xc6\x14\xcb\xc8\xe0\x11\x10\x00\xe01\xae7\xfdm#G=s\xe8\xaf+\xcf\x0e\x9bm4\x98\xf2\xf2m\xa5X\xfdoF)\xbd\xd6)\xe2yI4\x1a\x0cFA\x10\x1d\x0e\x87k\x199\xc3z1\xb7\xf0jH\xb8o\xe3\xa8z\xf5\x1b\xd4o\x13\xdd\xe6\xfe\x9a\xb5\x8a&gt;cJ)U\x14,#\x83\x16!\x00\xc038\x9dNI\x92\x0e\x1e\xdc?|\xf8\x880\xbf\xe6\x8f\xf7y\xc9^\x90\'\xcb\x0e\xbe\xa4M\xffRP\xec22\xa54/\xcf\x96\x94|6)\xf9L\xe2\xe5\xd8\x1c\xfb\x15\xc1\xe0\xac^3\xb2a\xa3z\xd1\xd1\xd1-[\xb6\x8e\x08\xafXnW\x08pG\x10\x00\xa0u\x94R\xaaR^\xe0\xbf[\xf6\xcd\xcb/\xbe\xf1\xc8C\xaf\xc5\xb4\xe8a\xcdN%\xc4\xbd\xa3\xe9"\xcb\xc8\xbc`0\xf8\x18$#\xc7\xf1\x85\x85\x05\xd6\xac\xd4\xc4\xa4\x93I\xc9g\xae\xa4\x9eTx[d\xe5\x90Z\xb5\xab\xb5\x89\x89n\xdc8\xaaA\xfdFX1\x06\xed@\x00\x80\xa6\xb9\x9a\xfe\xaf\xbe\xf6\xe27\x0b\xd7&gt;;\xf4\x8b\x8a\x11\xf7\xd9r2\xcb\xb4\xeds\x17\xe8\xb5e\x03\xcaq\xbc(\x8a\x06\x83I\x14$UU\xb3\xb2\xd3S\xd3\x92\xce&amp;\x1eK\xcf\xbat\xe6\xe2\xfe\x87\xfb&gt;\xb4p\xc1\xd7\xae\x7f\x14\x80{!\x00@\xbbX\xd3\xdfj\xb5\x0eyz\xf0\xa9c\xb6\xe7G|B\x08\xb1\x17\xe6\x97\xf8YOw\xa1\xf4\xdf\xcb\xc8\x92d0\x8a&gt;\x97\x92\xcf\xbe7\xf7\xb1#G\x0e\xd4\xad[\x8f=\xc8\xe4\xee\xeb\x04\xbd\xc3W\x104\x8aU\xff\xfd\x07\xf6&gt;\xf0@\xbb\xc2\x8c\xca\x13\x9f\xfd\xda);\n\x1cv\xcdW\x7fB\x08k\xf3\x08&lt;/P\xaa\x16\x16\xdasr\xb2R2.U\xaaP\xadI\xed\xaeoO}\x8b\xe30\xf0\x02M@\x00\x80\xe6PJUE\x15Eq\xee\xbcO\xfb\xf5\x19\xd4\xb6\xe1\x98A\xfd^\xb2f\xa5\xaa\xaa\xca\xdf\xed\x93\xfen\xc4\xd2@\x14\x0c9y\xd9}\xba\x8e\xfee\xc3\x96\xf8\xf8X\x9e\xe7UUu\xf7\xa5\x81\xdea$\x02\xda\xe2\xea\x8f\x8f\x1e3l\xe3\xfa\xbd\xe3\x9e\x9a\x13\x16\x12\xa9\xc1\xa6\xff]PU%(0\xfc\xcb\xef&amp;U\xab\xc7\xad\xfcq-V\x02\xc0\xed\x10\x00\xa0!\xac\xed\x93\x9e\x9e\xd6\xf7\xd1&gt;\xb6\x14\xf3\xb8!3e\xc5Q\xe8(\xf0\x84\xb6\xcf\xedQJEQ\xca\xc9\xb5N\x9f\xf7\xf8\xc1C{\xea\xd6\xad\x8f\x95\x00p/|\xf9@\x13\xd8\xdbR\xa2(n\xffskttL\x00\xdf\xfc\xa5Q_\x14\x14\xe6:\xef`{\x1f\xad\xe38\xce\xe9,\xac\x18^\xad\xe1\xfd\x9d\xde\x9e:\x19+\x01\xe0v\x08\x00p?\xd6\r\x17\x04a\xce\'\xb3\x06&gt;:\xfc\xe1\xf6\x13\xfb\xf7\x9c\x90nMf\xfdsw_]i\xe28&gt;7?\xbbO\xd7Q\x1b\xff\xb7\xf5\xf4\x99SX\t\x00\xf7\xf2\xaa\xbb\x0b&lt;\x91\xa2(\xac\x0e&gt;\xf9\xd4\xc0/&gt;\xfe\xf1\x95Q\x8b\xeb\xd5j\x91\x99\x95"\xf0\x1e\xdf\xf4\xbf\x99k\x12P)\xac\xe1\xc2\x85_b\x12\x00\xee\x85\xef\x1f\xb8\x13k\xfa\x179\xcaq\x8a\xd3YX\xe8\xf4\x92\xa6\x7f\xb1(\xa5&gt;\x06\xd3\xb9K\xb1\x8b\xd7\xbex*!!$$\x94\x10\x82\r\x82\xc0-0\x03\x00\xf7p5\xfd\xff\xd8\xb6\xb9y\xf3\x965\xc3{\x8eyrz\xbe=\xc7){O\xd3\xbfX\x1c\xc7\xd9\x0b\xf3\xea\xd5j\x19\xe4[k\xd6\xec\x0f9\x8eC\x17\x08\xdc\x053\x00p\x03\xd7\x13\x90\xd3?\x98\xf6\xd9\xc7K\x06\xf7\x99\xd2\xb0\xce\xbf\x8er\xf4n\x94R\x1f\xa3\xe9\xfc\xa5\xb8E\xab_8u\n\x93\x00p\x1b\xcc\x00\xa0\xbc\xc9\xb2,\x08BnN\xee\xe3\x83\xfa/\x9e\xb7\xf1\xb51\xdf\xd6\xae\x11\xa5\x9f\xeaO\xd8$\xa0 \xaf\xee\xfd-\x82\xfc0\t\x00w\xc2\x0c\x00\xca\xd5\xf5\xa3\x1cO&gt;6\xa0_\x88\xa9\xe5\x93\xfd^\xb1\x17\xe4;\x9d\x85\xe5\xb9\xab\xb3\x16`\x12\x00Z\x80\x19\x00\x94\x13J\xa9\xaa\xaa\xa2(\xfe\xbca]\xbb\xb6\x0f4\xad9\xe4\xe9\xfe\x13sr\xb3d\xd9\xa9\xb7\xeaO\x8aL\x02\x82\xfdj\xcf\xfah\x06&amp;\x01\xe0\x16\x98\x01@yp5\xfd\xdf\x9b&gt;u\xf6\x87\x0b\xc7?U\xfaG9z\x1c\x95\xaa&amp;\xa3\xdf\x99\x0bG\x97\xfd\xef\xf5\xf3\xe7.\xf8\xfa\xfa\x12L\x02\xa0|a\x06\x00e\x8e5\xfd\xadVk\xef&gt;=\x97-\xdc2\xe5\xb9\x1f+W\xbc_\xe7\xd5\x9f\x10\xc2s|Aa^\xed\x9a\xcd89\xe0\xfb\xe5\xdfb\x12\x00\xe5\x0f\x01\x00e\xcb\xe9t\x8a\xa2x\xf0\xe0\xfe\x07\x1ehgO\xaf\xf4\xda\xb8\x05&lt;\xcf\xe7\xdbst^\xfd\x19J\x08G\xb8\x9e\x1dG\xce\x981\xc3\xe1p\xe0\xbd0(g\x08\x00(+lWgI\x92\xbe[\xf6M\xcf\x1e\x8fD\xd7\x1f9\xb8\xdfK\xd6\xec4EQt\xd8\xf4/\x16\xcf\xf1y\xf9\xd9\xd1-z\xe4d\x08\xdf,]\x84\x9d!\xa0\x9ca\xc4\x01e\x82R\xca\xda\xd9\xaf\xbe\xfe\xe27\x0b\xb4{\x94\xa3\xdb\xa9T5\xfb\x06\xec=\xfc\xdb\x9fG\xe6\x9d\x8c?-\x8a"\xc7\xb9\xf7\xacc\xd0\x11\xcc\x00\xa0\xf4\xb1\x03\x11\xd3\xd3\xd3\x1f\x1b\xd0\xff\xa7\x1f\xf6M}quhp\x05[\xae\x15\xd5\xfff\xd7&amp;\x01\xcd\xbbc\x12\x00\xe5\x0f\x01\x00\xa5OUU\x9e\xe7\xf7\xee\xfb\xeb\xd7\xf5\x7fMzn\x91\xe7\x1c\xe5\xe8\x1e\x94\x10B\xc9\xc3\x9d\xc7\xcc\xf8`\x86\xc3\xe1\xe0y\x1e\xf3r(\x1f\x08\x00(+\xa2(\x04\x07\x87\x16\x14\xd8\x15E\xf6\xc4\xa3\x1c\xcb\xcd?\x93\x00\xab\xb0x\xc9B&lt;\x0e\x04\xe5\x06\xb7%\x94\x15J\x89\xa2\xc8\xe8h\x97\x04{\x1c\xa8G\xc7\x11_}\xb5\x80\xe0m\x00(/\x08\x00\x00\xf7\xe39&gt;/\xdf\xd62\xaa\xd3\xf9\xd3)\x9b6\xff\xc6\xf3\xbc\xa2(\xee\xbe(\xf0~\x08\x00\x00MPU\xc5d4\xb7m\xfe\xd8\xdboO&amp;\x98\x04@\xb9@\x00\x00h\x02\xcf\x0b\xb9yY];&gt;y\xfc\xefs\x9b7\xff\x8eI\x00\x94\x03\x04\x00\x80V(\xaa\xe2g\xb2tl=x\xca\xdbo\x11L\x02\xa0\xec!\x00\x00\xb4\x82\xe7\x85\xdc\\k\x97\x0e\x831\t\x80\xf2\x81\x00\x00\xd0\x10L\x02\xa0&lt;!\x00\x004\xe4\xda$\xe0\x81A\'\xfe\xbe\xf0\xfb\xa6_9\x8e\xc3$\x00\xca\x0e\x02\x00@[\x14U1\xfb\x05\xc64\xeb\xff\xe1\x87\x1f`\x06\x00e\n\x01\x00\xa0-\x1c\xc7\xe7\xe5\xdb\x1e\x88\xeesp\xff\xf1\xf8\xf8X\xec\x0e\x04e\x07\x01\x00\xa0-\x1c\xc79\x9d\x85\x15#\xaa\xd7\xad\xd6\xe1\xed\xa9\x93qH\x00\x94\x1d\x04\x00\x80\xe6p\x1c\x9f\x9b\x97\xfdH\xb71\xbfl\xd8\x82I\x00\x94\x1d\x04\x00\x80\xe6\\\x9f\x04Tkp\x7f\'L\x02\xa0\xec \x00\x00\xb4\xe8\xda$\xa0\xebhL\x02\xa0\xec \x00\x00\xb4\xe8\xda$ \xbcZCL\x02\xa0\xcc \x00\x004\x8a\xe3\xf8\xdc\xfc\xec&gt;]G\xff\xfa\xcb\x1f\'b\x8fc\x12\x00\xa5\x0e\x01\x00\xa0Q\x1c\xc79\x9d\x05\x91\x15\xaaW\xaf\xd8r\xee\xbc\xcfqP\x0c\x94:\x04\x00\x80vq\x9c\x90\x9f\x9f\xdb\xb5\xe3\x93\xabW\xaeKOO\x13\x04\x01\x8d (E\x08\x00\x00\xed\xe28\xae\xa00\xaf~\xadV\x16c\xf5Y\xb3?\xc4$\x00J\x17\x02\x00@\xd38\x8e/(\xcc\x7f\xb4\xe7\xb3\x0b\xbfZ\x9c\x9e\x9e\x86#\xe3\xa1\x14!\x00\x004\x8d\xe38{A^\xdd\xfb[\x04\xf9\xd5\xc2$\x00J\x17\x02\x00@\xeb8\x8e/,\xcc\x7f\xb4\xc7\x04L\x02\xa0t!\x00\x00\xb4\xee\x9fI\x80\xef\xfd\xb3&gt;\x9a\x81I\x00\x94\x16\x04\x00\x80\x07\xe08\xbe\xa0 \xef\xb1\x87\x9f_\xbc\xe8\xbb\x8b\x17\x13\xf18\x10\x94\n\x04\x00\x80gP\x149\xd0\x12j\xcfwdeg\x11B\x10\x00p\xef\x10\x00\x00\x1e\x80R\xd5l\x0e\\\xf7\xeb\xfc\x9e\x0f?\xd4\xb8Q\x13EQx\x1e7/\xdc+\xd1\xdd\x17\x00\x00\xb7A)\x95$cr\xca\x85\xd8\xb3\x7f,]\xb9\x87R\x8a\x93\xc2\xa0T`\x10\x01\xa0u\x94\xaaf\xbf\x80\xf5\x9b\x16\xf4\xea\xdd\xb9^\xbd\x06\xaa\xaab\xf8\x0f\xa5\x023\x00\x00M\xfbg\xf8\x7ff\xeb\xd2\x1f1\xfc\x87\xd2\x84q\x04\x80\xa6a\xf8\x0fe\x073\x00\x00\xed\xc2\xf0\x1f\xca\x14\x86\x12\x00\xdaum\xf8\xff\xfbW\x18\xfeCY\xc0\x0c\x00@\xa3\xae\x0f\xff\xcf\x9f\xbc\xf0\xe7\xd2\x95\xbb0\xfc\x87R\x87\xd1\x04\x80FQ\xaa\xfa\xf9Zv\xec\xfd\xb9E\xabF\x18\xfeCY\xc0\x0c\x00@\xa3\x04^\xc8\xcd\xcb\xda}x\xcd\xea\x9f\xbe\xc5{\xbfP\x160\xa0\x00\xd0"UU\xcc\xe6\xa0\xcd;~h\x18U\xad[\xd7\x1e\x94RA\x10\xdc}Q\xe0m0\x03\x00\xd0"\x81\x17\xf2\xec\xb6\xed\xfb\x96\xaf[\xbf\x9c`\xe7\x1f(\x1b\x98\x01\x00h\xce\xb5\xe1\xff\x9f\xcb\x1bE\xd5\xe8\xd2\xa5\x9b\xaa\xaa\x18\xfeCY\xc0\x0c\x00@s0\xfc\x87\xf2\x81\x19\x00\x80\xb6`\xf8\x0f\xe5\x063\x00\x00\r\xa1l\xf8\x9fo\xdb\xb6w\xf9O?c\xf8\x0fe\x0b3\x00\x00\r\xa1\xaa\xe2\xe7\x17\xb8y\xc7\xf2\xa8\xe6\xf7c\xf8\x0fe\r3\x00\x00\r\xe18NQ\x9c\xbb\x0e\xacY\xb2\xecs\x82\xe1?\x941\xcc\x00\x00\xb4B\xa5\xaa\x9fo\xc0\xbe#\x9bB*\x18\xbbw\xebI)\xc5\xab\xbfP\xa6\xf0\xf5\x02\xd0\n\x8e\x10\xc2\x91\r[\xbez\xfd\xf5\xd7L&amp;\x93\xaa\xaa\xd8\xfc\x07\xca\x14\x02\x00@\x13\xd8\xf0\x7f\xef\xa1\xdf,!\xca3CG`\xe7\x1f(\x07\xf8\x86\x01h\x02\x1b\xfe\xffo\xcbW\x13\'N4\x18\x0c\xd8\xfb\x13\xca\x01\x02\x00\xc0\xfd\\\xc3\x7f\x7f\x0c\xff\xa1\x1c\xe1K\x06e\x85\xe3\x88 \x88\x94R&lt;\xcar[\x18\xfe\x83[ \x00\xa0\xac\xc8\xb2\x92\x99\x99\xee\xe3c\x12\x04Q\xa5\xaa\xbb/G\xbb0\xfc\x07w\xc1\xf7\x0cJ\x1f\xcf\xf3\xaa\xaaF\xb7n\xdb\xe3\x91\xb6\xd3?\x1b!\x89\x06\x1f\x83IQ\x15w_\x97F\xb1\xa1\xfe\x86-_b\xf8\x0f\xe5\x0c\x01\x00\xa5\x8f\xe38\x8e\xe3BCCW\xafZ\xd3wP\xeb\xa9s\x1eK\xcf\xbcj1\x07)\x8a\xec\xeeK\xd3\x1c\x95\xaa~&amp;\xcb\xbe\xc3\xbf\x05\x86q\x18\xfeC9\xc3W\r\xca\x04\xc7q\x94RUQg}8\xe7\xe3\xcf\xdf\x99\xfb\xfd\xe8\x03\x7fo\r\x0e\x8aPU\x05K\x02\xffB\xa9d0\xfc\xf1\xd7\x8f\xcf&lt;3\xd4`0\xe0\xd9\x7f(O\x1c\xeeF(SN\xa7S\x92\xa4\x83\x07\xf7\x0f\x1b6,\xc2?fp\xdf\x17s\xf2\xb2d\xd9\xc9\xf3\xd8\xe2\x86PJ}\x8c\xa6\xf3\x97\xe2\x16\xafy1.&gt;.&lt;,\x9c\x10\x82\x00\x80r\x83\x19\x00\x94-I\x92dYn\xd1\xa2\xd5\x8e\x1d\xbbL\xa1\x97g\xce\x1f\xad\xaa\xaa\xaf\xc9\x1f\xed B\x08\xa5\xaa\xd1\xe8\xbb\xf6\xd7\xb9#G\r\x8b\x08\x8f\xc0\xf0\x1f\xca\x19\x02\x00\xca\x9c(\x8a\x8a\xa2\x04\x05\x05m\xf8y\xe3S\xa3:O\xfb\xec\xf1\xa4\xe43\x81\x96P\x9dg\x00\xa5\xd4\xe4\xe3w\xf2\xccAk\xde\xe9W_y\x1d;\xff@\xf9\xc3\x17\x0e\xca\x83 \x08\x94RUU\xdf\x9a4u\xe9\xb2/\x16\xfc\xf8\xec\x8e}?\x07\x07\x86S\xaa\xea\xb6\t\xe9\x1a\xfe\x8f\x1a3&lt;44\x0c\xc3\x7f(\x7fX\x03\x80r%\xcb\xb2(\x8a\t\t\'\x1f\x1b\xd0/\xc4\xd4\xf2\xc9~\xaf\xd8\x0b\xf2\x9d\xceB\xbd-\t\xb8\xba\xff\x8bV\xbfp\xeaTBHH(A\xf7\x1f\xca\x1df\x00P\xaeDQ\x94e\xb9N\x9d\xba{\xfe:\x10Q#\xef\xc3\xb9\xa3e\xd9\xe9\xe7k\xd1[;\x08\xc3\x7f\xd0\x02\x04\x00\x947\xb6$`\xf67\xff\xf8\xc3\x9a\xe1\xe3{\xce\xfc\xea\xe9S\xe7\xfe\x0e\x0e\x8c\xd0O\x06P\xaa\x9a|\xcc\xf1\xa7\x0fZ\xf3N\xbf\xfa2\xba\xff\xe06\xf8\xda\x81\x1b\xb0%\x01EQ&amp;\xbd1e\xf9\xca\x05\xcb\x7f\x99\xf4\xeb\xb6oC\x82*PJ\xa9\x0e6\x8d\xa0\x94\x1a\x0c\xc6\xf5\xbf\xcf\x1b=f\x04\x86\xff\xe0FX\x03\x00wbK\x02\x97/\'\xf5\xee\xd3\xcb\xa0\xd4|f\xc0\x14\xa7\xb3\xb0\xd0Y x\xef\x92\x00\xa5T\x12\r\x19Y\xc9\x1f/\x1ez\xea\xd4\xc9\x88\x88\n\x04\xdd\x7fp\x13\xcc\x00\xc0\x9dX;\xa8R\xa5\xca\x07\xf6\x1f\xae\xd9P\x9c\xf5\xd5H{A\xae\xbf_\xa0\x17\xb7\x83(U\xfd|-\xbf\xfe\xf1m\xf7\x1e\x9d+T\xa8\x88\xe1?\xb8\x11\x02\x00\xdcL\x10\x04\xb6\x01\xce\xf7\xcbV&gt;\xfb\xd2\xe3\x1f-\x1c\x1e\x7f\xfa`p`\x84\xa2za\x06PJ%\xc9\x98\x9cz\xe1\xc4\x99-\xefL\x9dF0\xf6\x07\xb7B\x0b\x084\x81\xbd% \x08\xc2\xf6?\xb7\x8e\x1c1\xb6N\xe5n\x03\x1e\xfe?kv*\xa5\x94\xe3\xbcg\x98\xa2\xaaJP`\xf8\x97\xdfM\xaaV\x8f[\xf9\xe3ZEQ\x04\xc1k\x9b]\xa0}\x08\x00\xd0\x10\xb6$\x90\x9e\x9e\xd6\xf7\xd1&gt;\xb6\x14\xf3\xb8!3e\xc5Q\xe8\xf0\x92%\x01J\xa9(J9\xb9\xd6\xe9\xf3\x1e?xhO\xdd\xba\xf5\xf1\xfc\x0f\xb8\x17\xbe|\xa0!lI 44l\xd7\x8e=\xd1\x1d+\xbf\xff\xc5`[\x8e\xd5k\xf6\x91\xa6T5\xfb\x05\xac\xdf\xb4\xa0W\xef\xce\xf5\xea5\xc0\xce\xcf\xe0v\xf8\xfe\x81\xb6\\\xdb4BQ\x17|\xb5\xe4\x8d)c\xe7}?\xee\xf0\xb1\xed^\xb0\x8f\xf4\xb5\xee\x7f\xca\x85\xd83[\xdf\x99\xfa.N}\x01-@\x0b\x084\x8a\xb5\x83\xf6\x1f\xd8;b\xf8\x88\n\xfe1\x83\xfa\xbdd\xcb\xc9TT\x85\xf7\xb4%\x01v*\xb2\xa2:\xc3\x82#\xbf\xfcn\xd2}\xe8\xfe\x83f \x00@\xbbX\x06X\xad\xd6!O\x0f&gt;u\xcc\xf6\xfc\x88O\x08!\xf6\xc2|\xcd/\t\xb0\x9aO\t!\x82 I\x92A\x92\x0cF\xd1\xe7R\xf2\xd9\xf7\xe6&gt;v\xe4\xc8\x81\xbau\xeb\xa1\xfb\x0fZ\x80\x00\x00Ms\x8d\x94_}\xed\xc5o\x16\xae}v\xe8\x17\x15#\xee\xb3\xe5d\n\x82\xe8\xeeK\xfb\x97\xeb\x15\x9fr\x1c/\x8a\xa2\xc1`\x12\x05IU\xd5\xac\xec\xf4\xd4\xb4\xa4\xb3\x89\xc7\xd2\xb3.\x9d\xb9\xb8\xff\xe1\xbe\x0f-\\\xf05\x86\xff\xa0\x11\x08\x00\xd0:J)U)/\xf0\xdf-\xfb\xe6\xe5\x17\xdfx\xe4\xa1\xd7bZ\xf4\xb0f\xa7\xb2\xb3\x87\xddz]\x84m\\\xc1\xf3\x82\xc1\xe0c\x90\x8c\x1c\xc7\x17\x16\x16X\xb3R\x13\x93N&amp;%\x9f\xb9\x92zR\xe1m\x91\x95Cj\xd5\xae\xd6&amp;&amp;\xbaq\xe3\xa8\x06\xf5\x1bq\x1c\x87\xb1?h\x04\x02\x00&lt;\x83\xebh\xc9\xe1\xc3G\x84\xf95\x7f\xbc\xcfK\xf6\x82&lt;Yv\x94\xe7&gt;\xd2\x94RJ(\xa1\x94\xe38Q\x94$\xd1(IFJi^\x9e-)\xf9lR\xf2\x99\xc4\xcb\xb19\xf6+\x82\xc1Y\xbdfd\xc3F\xf5\xa2\xa3\xa3[\xb6l\x1d\x11^\xb1\xdc\xae\x10\xe0\x8e \x00\xc0c\xb0%\x81\x9c\x1c\xdb\xc8Q\xcf\x1c\xfa\xeb\xca\xb3\xc3f\x1b\r\xa6\xbc|[\x99\xb6\x83\\\xfb\xd3\xf1&lt;/\x89F\x83\xc1(\x08\xa2\xc3\xe1\xc8\xb4\xa6$\xa7^&lt;\x9bx4\xc3z1\xb7\xf0jH\xb8o\xe3\xa8z\xf5\x1b\xd4o\x13\xdd\xe6\xfe\x9a\xb5,\x96\xc0\xa2?AQ\x14\xae\x88\xb2\xbbZ\x80;\x82\x00\x00O\xe2\xea\x9e\xbf?\xfd\x9d\x8ff,\x18?dN\xf5*\xf5\xb3l\xe9\xa5\x98\x01l\x8c_t\t\xd7h\xf0\xa1\x94\xd8\xedy\xa9\xe9I\x89\x97\x13\x92\x92\x13R3\xcf\x8a&gt;\x8e\x8a\x95B\xa2\x9a6l\xd3&amp;\xbaA\x83F\xf7\xd7\xac\xfd\xef\xebT)UY\xb7\x07\x15\x1f4\x0b\x01\x00\x1e\x86-\xb7\xf2&lt;\xff\xf3\x86u#\x86\x8d\xe9\xd1\xfe\x85\x8em\xfaf\xd92\xd8\x02\xec\xdd\xffL\xd6\xdb\xe1yI4\x18$\xa3(\x1a\x14E\xc9\xcaNOIK:w\xf1\xf8\xc5+\xb12\xcd6\xf8*u\xeaU\xaf_\xbfn\xbbv\xed\xa2\xa2\x9a[\xfc\x03\x8a\xfe\x10Y\x96\t!\xac\xe2\xa3\xe8\x83G@\x00\x80G\xba~\xb4d\xfcc\x03\xfa\x87\xf8\xb4\x18\xdc\xef\x95\x82\xc2|\x87\xb3\xb0\xc4O\x88\x16Y\xc2\x15\x04\x83\xe4c\x90\x8c&lt;\xc7\xe7\x17\xe4\xa5g$\'%\x9f=\x7f\xe9xF\xd6%\'\xb5V\xabQ\xb1a\xe3:M\xa2\x9a\xb4n\xd5\xbaj\xd5j\x06\xc9\xe8\xfa\x11\xaa\xaa\xb2\xbd&lt;\xb1\xae\x0b\x1e\n\x01\x00\x9e\xea\xfa\x92@\xce\x98\xb1#\x0e\xec:?r\xd0\x8c@K\xa8-7S\x14\xa4b\xff|\xb1K\xb8\xaa\xaa\xe4\xe5\xe5\\\xbez.\xe9\xca\xe9\x8b\xc9\xf1\xd6\x9cD\xff@1\xb2rX\xab\xd6\xcd\x9b5k\x16\x15\xd5\xacBDd\xd1\x1f\xa2(\n{\x89\x17\xbd\x1d\xf0\x02\x08\x00\xf0`\xae\xedt\xe6|2\xf3\x83w\xe7\x0e\xe97\xb5A\xed\xe8\xcc\xac\x14\xd7\x92\x00\xa5*\xfb\x86\xf3\x82 \x89\x06\x83\xe4#\x08\xa2\xc3Q\xe8Z\xc2\xbd\x92\x9a@\x04\xbb%Hl\x1cU\xbf~\x83z1mb\x1a\xd4od0\x14\x1d\xe6SU\xc5\x12.x\'\x04\x00x6\xd7&gt;\xd2\xdb\xb6o\x19\xf4\xc4\x90\xf6M\x9f\xe9\xf9\xd0Pkv\x1a\xa5\xaa(H\x06\x83\x8f$\x19\x08\xe1rr\xb2R3.\'&amp;\xc5_\xbc\x12o\xb5%\xb1%\xdc&amp;M\x1b&lt;\xd0\xbe}\xd3\xa8f\x91\x91U\x8a\xfeL,\xe1\x82N \x00\xc0\x1b\xc8\x8a,\nE\x8f\x96\x9c\xccqB\xb6-\xe3\xe2\xe5\xd3\x97\xaf\x9e\xb9\x94\x1c\x97\xefH\t\xaf`\xa9|_D\x9b6\xad\x1b5j\x14\xd5\xa4Y\xd1\'5\t\x96pA\x97\x10\x00\xe0%\xd8\x13\xa2\x8a\xa2&lt;=t\xd0\xfe\x9d\x17\xfc\xfc,2\xcd\x8e\xac\x1c\x1c\xd5\xaca\x93&amp;\x8d\xa3[\xb7\xa9\xf9\xef\'5]K\xb8\x18\xe6\x83n!\x00\xc0{\xb8\x96\x04~\xde\xb0\xce\xcf\xec\xd7\xa4qThHx\xd1?\x80%\\\x80\xa2\x10\x00\xe0U\xd8\xf7\xd9U\xdc\xf1\xa4&amp;\xc0- \x00\xc0\x0b)\x8aB\xae7\xf4\xdd}-\x00\xda\x85\x00\x00\x00\xd0)L\x8a\x01\x00t\n\x01\x00\x00\xa0S\x08\x00\x00\x00\x9dB\x00\x00\x00\xe8\x14\x02\x00\x00@\xa7\x10\x00\x00\x00:\x85\x00\x00\x00\xd0)\x04\x00\x807S\x14EUUw_\x05h\x14\x02@w\xe8\xf5\x03o\xc1\xeb\xa9\xaa"\x08\x02\xcf\xf3\xc8\x00(\x16\x02@_\\\x1b\xe3PJeYf\xc3C\xe4\x81W\x92e\x99\xe7\x85\xf9s?\xdf\xf6\xc7V\x9e\xe7\xd9~\xd7\x00E!\x00tD\x96e\x9e\xe7m6[bb"\xc7q\xa2(\xb2\xe1!\xc7q\x8a\xa2\xb0&lt;@\x18x\x07\xa7\xd3)\x8a\xe2\xbc\xcf\xe6\xbc0\xf9\xc3\x81O\r\xdf\xfb\xd7NQ\x14\x91\x01p\x03\xd1\xdd\x17\x00\xe5\xc4\xe9tJ\x92\xb4m\xdb\xb6\x97^z\xc9\xd7\xd7\xd7b\xb1T\xae\\\xb9M\x9b6\r\x1b6l\xd2\xa4\x89\xd1\xf8\xcf!\x88\x94REQ\xb0\x83\xa6\xe7b\x9f\xf5\xdcOg\xbf&lt;u\xf6\x84\x05\x7f%\x9d&gt;\xda\xb5g\xef\xcd\xbf\xfd\xd2\xbaM[v\x90\xb2\xbb/\x10\xb4\x02\x9b\xc1y?\xd6\xf4\xe7y\xfe\xe3\x8f?\x9e7o\xde\x17_|\x11\x1d\x1d}\xf2\xe4\xc9\x03\x07\x0e\xc4\xc5\xc5\x9d&gt;}\xdan\xb7W\xa9R\xa5N\x9d:\xed\xda\xb5k\xd4\xa8Q\x85\n\x15\x8a\xfe\xbfc\x0f}\xcf\xe2\xaa\xfe\xaf\xbc3g\xe4g\x9b\r&amp;?\xa3\xc9\xf7\xd4\xa1?7\xcf\x1e\xb9\xe9\xd7\xff!\x03\xa0(\x04\x80\x97c\xe7d\x11B\x9e~\xfa\xe9\xb8\xb8\xb85k\xd6T\xa9R%;;\xdbd2\xf9\xf8\xf8\x10B\n\n\n\xce\x9e={\xec\xd8\xb1\xa3G\x8f\x1e?~\xdcf\xb3\xf9\xfa\xfa\xd6\xaf_\xbfQ\xa3F111u\xeb\xd6-\xfa\xd3p\x8a\x96\xc6\x15\xad\xfe#&gt;\xdbd\xf2\x0bp\x14\xe4QU\xf5\x0f\x8eH8\xf8\x072\x00n\x80\x00\xf0f\xec&gt;OMM\xed\xd3\xa7O\xb5j\xd5\xbe\xfb\xee;\x87\xc3\x91\x9f\x9f/\x8a";K\x9dR*\x08\x82\xd1h\xf4\xf5\xf5e+\x01\x19\x19\x19\'N\x9c\x88\x8b\x8b;p\xe0\xc0\xf9\xf3\xe7\x8dFchhh\xcb\x96-\x1b7n\xdc\xbcy\xf3\xa0\xa0\xa0\x1b~&gt;W\x84\xbb\xfe\x99\xc0\xdcX\xfd\xcd\x01\x85\xf9\xb9\xbc \x12B\x14\xd9iA\x06\xc0M\x10\x00\xde\x89\xd5wA\x10\xb6l\xd92~\xfc\xf8\xe1\xc3\x87O\x9c81##\x83\x10rs[\xdf\x15\x06\x1c\xc7I\x92d2\x99\x0c\x06\x03!$;;\xfb\xe2\xc5\x8b\x87\x0f\x1f&gt;|\xf8\xf0\x993g\xacVkXXX\x9d:u\xa2\xa3\xa3\x9b7o~\xdf}\xf7\x15\xfd!\x98\x1c\xb8\xd7-\xaa?\x83\x0c\x80\x9b!\x00\xbc\x90\xebY\xcf\x193f,^\xbcx\xc1\x82\x05\x1d;vLMM\x15E\xb1$\xa5\x99\x85\x01\xa5T\x14E\xa3\xd1h2\x99\xd8\xe4 ))\xe9\xe8\xd1\xa3\'N\x9c8|\xf8pVV\x96,\xcbu\xea\xd4i\xdd\xbau\xc3\x86\r\x1b7n\xcc\x1aJL\xd1edL\x0e\xca\xc1m\xab?\x83\x0c\x80\x1b \x00\xbc\rk\xfa+\x8a2`\xc0\x00\xab\xd5\xbal\xd9\xb2\x8a\x15+\xa6\xa7\xa7K\x92t\x17?\xad\xe8\xe4\x80\x85\x01\xab\x17\xd9\xd9\xd9\'O\x9e\x8c\x8d\x8d=r\xe4\xc8\x89\x13\'dY\x0e\n\nj\xda\xb4i\xf3\xe6\xcd\x9b7o^\xa9R\xa5\x1b.\t\xcb\xc8e\xa7\x84\xd5\x9fA\x06@Q\x08\x00\xaf\xc2n\xe6K\x97.\xf5\xec\xd93&amp;&amp;f\xde\xbcyv\xbb\xddn\xb7\x97\xca\x1d\xce\xa6\x05lz!\x08\x82k\x19\xd9n\xb7_\xbat)..n\xdf\xbe}\xa7O\x9fNNN\xf6\xf7\xf7\xafW\xaf^\xe3\xc6\x8d\xa3\xa3\xa3\xabW\xaf^tr\x80S\xdaK\xd7\x1dU\x7f\x06\x19\x00.\x08\x00/\xe1j\xfao\xda\xb4i\xd8\xb0ao\xbe\xf9\xe6\xf8\xf1\xe3\xff\xab\xe9_\x8a\x7f#[F6\x18\x0c&amp;\x93\x89=n\x94\x96\x96v\xfc\xf8\xf1\xb8\xb8\xb8\xfd\xfb\xf7\xa7\xa4\xa4\xe4\xe5\xe5U\xae\\\xb9e\xcb\x96M\x9a4)v\x19\x99\\?\xbd\x1d\x93\x83;u\x17\xd5\x9fA\x06\x00\x83\x00\xf0\x06\xaeg=\xa7N\x9d\xfa\xe3\x8f?.X\xb0\xa0}\xfb\xf6\xa9\xa9\xa9w\xd7\xf6\xb9\x0bE\'\x07E\x97\x91\xf3\xf3\xf3\x13\x13\x13\xf7\xed\xdbw\xe4\xc8\x91\xd3\xa7Oggg[,\x96\xfa\xf5\xeb\xb7n\xdd\xbaq\xe3\xc67?c\x8a9A\xc9\xddu\xf5g\x90\x01@\x10\x00^\x80\xdd\xb7\xb9\xb9\xb9O&gt;\xf9daa\xe1\xf7\xdf\x7f\x1f\x10\x10\x90\x99\x99Yn\xd5\xfff\xaee\xe4\x1b\x9e1\xbd|\xf9\xf2\x993g\xf6\xee\xdd{\xea\xd4\xa9\xf3\xe7\xcfs\x1cW\xbbv\xedz\xf5\xea\xc5\xc4\xc4\xd4\xa9S\'00\x90-\x15\xb8\xeb\xb2=\xc8=V\x7f\x06\x19\x00\x08\x00\xcf\xc6\xee\xd8\xf8\xf8\xf8\xbe}\xfb&gt;\xf2\xc8#\x1f~\xf8annnAA\x81vncW\xa7\x88\xe7yI\x92|||\xd8\xe4 \'\'\'&gt;&gt;\xfe\xc4\x89\x13\xec\x85\x83\xf4\xf4\xf4&amp;M\x9a,Z\xb4\x08\x19p[\xa5R\xfd\x19d\x80\xce!\x00&lt;\x95k\x83\x875k\xd6L\x980a\xf6\xec\xd9O&gt;\xf9d\x996\xfd\xef\x1d-B\x14E\xd72\xb2\xd3\xe9LJJj\xd6\xac\xd9\x0f?\xfc\xd0\xad[7\xb6\x98\xe1\xee\x8b\xd5\xa8R\xac\xfe\x0c2@\xcf\x10\x00\x1e\xc9\xd5\xf4\x9f&lt;y\xf2\xf2\xe5\xcb\xd7\xacY\x13\x15\x15U\x9eM\xffR\xe1\x9a\x1c\xa8\xaa\x1a\x11\x111s\xe6\xcc\x15+V\x1c&gt;|\x18\x8b\x01\xff\xa5\xd4\xab?\x83\x0c\xd0-\x04\x80\xe7aU\xc0j\xb5\x0e\x1a4H\x92\xa4\xa5K\x97\x9a\xcd\xe6\xac\xac,\xcf\xaa\xfeE\xb9\xde\x12\xa8W\xaf\xde\xe2\xc5\x8b\xbbw\xef\xeeJ8p)\xa3\xea\xcf \x03\xf4\t\xe3,\x0f\xc3\xaa\xc0\xbe}\xfb\xda\xb6m\xdb\xaaU\xab\r\x1b6\x88\xa2h\xb3\xd9&lt;\xb7\xfa\x13B8\x8e\x93e9  \xe0\xb9\xe7\x9e\x9b4i\x12\xfb_\xdc}Q\xdaR\xa6\xd5\x9f\x10"\x88\x92-3\xa5N\x8b\x87\xba\xbc\xfcu\xd7\x1e\x0f\xef\xdb\xf3\x17\xce\x0f\xd0\x03\xcc\x00&lt;\x86\xab\xe9\xbfh\xd1\xa2)S\xa6\xcc\x9d;\xb7o\xdf\xbe\xe9\xe9\xe9^\xf3z-{\x15\x00\x93\x80\x9b\x95u\xf5w\xc1&lt;@o\x10\x00\x9e\xc1U\r\xff\xef\xff\xfeo\xcb\x96-\xeb\xd7\xaf\xafU\xabVzz\xba7\xdd\x9c\xb2,\x87\x85\x85\xcd\x981c\xe5\xca\x95X\tp)\xb7\xea\xcf \x03t\x057\x98\x07\x90eY\x10\x84\xb4\xb4\xb4\xe8\xe8\xe8\x94\x94\x94\x83\x07\x0fV\xa9R\xc5\xcb\xaa?!D\x14\xc5\xac\xac\xac\xb1c\xc7\xa6\xa5\xa5\xfd\xf6\xdbo\xec\xd5\x01w_\x94\x9b\x95s\xf5\'\xe8\x05\xe9\x0c\x02@\xeb\xd8\xe1\xae;v\xech\xdb\xb6\xed#\x8f&lt;\xb2r\xe5J\xd7\x9e\xfe\xee\xbe\xb4\xd2\xe7t:\x03\x03\x03\x07\x0c\x18\xf0\xe9\xa7\x9fzG_\xeb^\x94\x7f\xf5g\x90\x01\xfa\x81\x16\x90v\xa9\xaaJ\x08aG9\xce\x9f?\xff\xf3\xcf?\xef\xde\xbd{\xc9wu\xf6D\x94R\x83\xc1p\xf5\xea\xd5V\xadZ\xed\xdc\xb9\xb3~\xfd\xfal\xd9\xc3\xdd\xd7\xe5\x06\xee\xaa\xfe.\xe8\x05\xe9\x01\x02@\xa3\x8a=\xca\xf1\xaewu\xf6 l%`\xf4\xe8\xd1)))\xeb\xd7\xaf\xd7\xe7R\xb0\xdb\xab?\x83\x0c\xf0zz\x1c[i\x1fk\xfa\'%%\xb5n\xdd\xda\xe1p\xec\xd9\xb3\'444##\xc3\xeb\xab?!D\x10\x84\xdc\xdc\xdc7\xdexc\xc7\x8e\x1d\xb1\xb1\xb1&lt;\xcf\xb3\x99\x90~h\xa4\xfa\x13\xf4\x82t\x00\x01\xa0-\xec,-Q\x147m\xda\xd4\xbau\xeb!C\x86\xacX\xb1"\'\'GS\xdb\xfb\x94)\x8e\xe3\xecv{\xf5\xea\xd5\x07\x0e\x1c8i\xd2$\x8e\xd3\xd7$U;\xd5\x9fA\x06x7}\xdd]\x1aw\xc3Q\x8e\x8b\x16-*\xe7]\x9d5\x82\xad\x04\xa4\xa5\xa55k\xd6l\xd7\xae]\xfaY\t\xd0Z\xf5wA/\xc8[!\x00\xb4\x82\xddQ\xae\xa3\x1c\xbf\xff\xfe\xfb\x88\x88\x88\xf4\xf4t\xb6w\xa6\xde\xb0\x95\x801c\xc6\\\xbdzU\'+\x01\x9a\xad\xfe\x0c2\xc0+y\xff\xa8\xca#\xb8\x8er\x8c\x8a\x8a\n\x0b\x0b\xdb\xb2e\x8b\xc5b\xc9\xcc\xcc4\x1a\x8d\xee\xbe4\xf7`+\x01\xaf\xbf\xfe\xfa\xce\x9d;O\x9d:\xe5\xf5+\x01\x1a\xaf\xfe\x04\xbd /\x85\x00p3\xb6\x17\xa6(\x8ak\xd7\xaem\xdb\xb6\xed\xb8q\xe3\xbe\xfa\xea\xab\xac\xac\xac\xc2\xc2BQ\x14u;?c+\x015j\xd4\x88\x89\x89\x99;w\xaew\xaf\x04h\xbf\xfa3\xc8\x00\xef\xe3\xcd\xf7\x95\xf6\xb9:\x1bS\xa6L\xf9\xfe\xfb\xefW\xadZ\xd5\xacY3\x1d6\xfd\x8b\xa5\xaa\xaa\x9f\x9f\xdf\xa1C\x87z\xf7\xee\x9d\x90\x90\x10\x1a\x1aJ\xbcq\x938O\xa9\xfe.\xe8\x05y\x13\x04\x80\xdb\xdcp\x94\xe3\xf2\xe5\xcb=}W\xe7R\xc7V\x02\xbau\xebV\xbf~\xfd9s\xe6x\xdfJ\x80\xc7U\x7f\x06\x19\xe05\xd0\x02r\x0fv$V\\\\\\\xf3\xe6\xcd\xeb\xd4\xa9\xb3q\xe3FI\x92&lt;}W\xe7R\xc7\xf3|AA\xc1\xd4\xa9S\x97.]\x9a\x96\x96\xc6\xf3\xbc7\x8dW&lt;\xb4\xfa\x13\xf4\x82\xbc\x08\x02\xc0\rX\x15\xdb\xb0aC\x97.]&amp;O\x9e&lt;s\xe6L\xab\xd5\xeap8\xbclx{\xefx\x9e\xcf\xc9\xc9i\xd3\xa6M\xcb\x96-\xa7O\x9f\xceq\x9c\xd7,\x05{n\xf5g\x90\x01\xde\x01-\xa0\xf2\xc6N\xbf\xca\xcc\xcc\xacY\xb3\xe6\xaaU\xab:w\xee\x8c\xa6\xff-\xb0\x95\x80#G\x8e\xf4\xea\xd5\xeb\xd4\xa9S!!!\xc4\xf3W\x02&lt;\xbd\xfa\xbb\xa0\x17\xe4\xe90\x03p\x0fY\x96CBBj\xd7\xae\x9d\x9d\x9d\x8d\x1b\xe6\x16\x8aN\x02\xde}\xf7]/\x98\x04xM\xf5\'\x98\x07x&gt;\x04\x80{\xb0\xcd\xee\xedv;\xda&gt;\xb7\xc5V\x02\xa6L\x99\xb2j\xd5\xaa\xdc\xdc\\\x8f^\t\xf0\xa6\xea\xcf \x03&lt;\x1a\x02\xc0\x9d\xf4\xb0\xbd\xc1\xbd\xe3y&gt;77\xb7m\xdb\xb6U\xabV]\xb2d\x89\xe7N\x02\xbc\xaf\xfa3\xc8\x00\xcf\x85\x02\x04\x9eA\x96\xe5\xe7\x9f\x7f~\xe6\xcc\x99\x0e\x87\xc3\x13\xdf\x0b\xf3\xd6\xea\xcf \x03&lt;\x14\x02\x00&lt;\x80 \x08\xd9\xd9\xd9\x03\x07\x0e\x0c\x0c\x0c\\\xb8p\xa1\xc7\xed\x0c\xe1\xdd\xd5\x9fA\x06x"\x04\x00x\x066\xe4\x7f\xeb\xad\xb7f\xcc\x98\xe1Y\x93\x00=T\x7f\x06\x19\xe0q\x10\x00\xf0\x0fUU\x15E\x91\xffMQ\x14-\x94ZA\x10\xb2\xb2\xb2\xfa\xf7\xef\xefY\x93\x00\xfdT\x7f\x06\x19\xe0Y\x10\x00@TUe\xb7\xa8\xaf\xafoPPPXXXXXXhh(\xfb\x8f\xc0\xc0@I\x92\x14Eq{\xc1e\xafPx\xd0$@o\xd5\x9fA\x06x\x10\xad\xdfB\xde\x87U\xb1\xb4\xb4\xb4V\xadZm\xda\xb4\xa9b\xc5\x8a\xac\x96\xb9\xf1\x92|}}\r\x06CVV\xd6\xe9\xd3\xa7O\x9e&lt;\x99\x98\x98\x98\x95\x95\xe5p8\x8cFchhh\xed\xda\xb5\xa3\xa2\xa2\xee\xbb\xef&gt;\x87\xc3\x91\x97\x97\xe7\xde\xe7VUU\r\x08\x08h\xda\xb4\xe9\x981c\x9e}\xf6Y-\xef\x0e\xa4\xcf\xea\xef\x82w\xc4&lt;\x02&gt;\x0f\xbd\x13\x04a\xef\xde\xbd\xeb\xd7\xaf\xdf\xbcys||\xbc\xa2(7\xff\x99\x88\x88\x88n\xdd\xba\xbd\xf0\xc2\x0bM\x9a4\xc9\xcc\xcctc\xcde\xf1\xf9\xe6\x9bo\xbe\xf1\xc6\x1bc\xc7\x8eE\xf5\xd7,\xd7&lt;\x80\xbc\xfcu\xd7\x1e\x0f#\x03\xb4\t3\x80\xf2\xa6\x9d\x19\x80\xaa\xaa\xfe\xfe\xfe\xcf=\xf7\xdcW_}\xe5\xfa\x1f\xabV\xadZ\xb5j\xd5\x90\x90\x10\x83\xc1\x90\x9f\x9f\x7f\xf9\xf2\xe5\xf8\xf8\xf8\xc2\xc2BB\x88\xbf\xbf\xff\xacY\xb3F\x8e\x1ci\xb5Z\xdd[yEQl\xd0\xa0\xc1\x97_~\xd9\xb3gO\rN\x02P\xfd]0\x0f\xd08|\x12\xfa\xa5\xaa\xaa$I5k\xd6$\x844i\xd2\xa4O\x9f&gt;\x9d:u\xaaU\xabVPP\x10\xdb\x9b\x88R\x9a\x9f\x9f\x7f\xfe\xfc\xf9U\xabV}\xf1\xc5\x176\x9bm\xec\xd8\xb1\xa2(&gt;\xf3\xcc3n\xcc\x00Y\x96\x83\x82\x82\xc6\x8d\x1b\xf7\xd6[o\xf5\xec\xd9Sk\xfb\x02\xa1\xfa\x17\x85y\x80\xc6a\x06P\xde\xb43\x03\xa0\x94J\x92d\xb5Z\xf7\xee\xdd\xdb\xb9s\xe7\xe0\xe0\xe0\xc2\xc2\xc2\x82\x82\x02Y\x96]\xdf\nA\x10\x8cF\xa3\xaf\xaf\xef\x9e={\x06\x0e\x1c\x98\x94\x94d\xb1X\x0e\x1c8\x10\x19\x19\xe9\xc6\xa5\x0b\x8e\xe38\x8e\xabW\xaf\xde\xe2\xc5\x8b\xbbw\xef\xae\x9dI\x00\xaa\x7f\xb10\x0f\xd0,&lt;\x05\xa4_\x1c\xc79\x9d\xce\x80\x80\x80G\x1f}\x94\xe7\xf9\xb4\xb4\xb4\xdc\xdc\\EQx\x9e\x17\xae#\x84\xd8\xed\xf6\xabW\xaf\xb6i\xd3\xe6\xcb/\xbfd\x87\x16,Y\xb2\xc4l6\x17\xbbZP&gt;\xd8e?\xf7\xdcs\x93&amp;M"\x9a\xd9\x1c\x14\xd5\xff\xbf\xe0\xb9 \xcdB\x00\xe8\x1a\xdb\x93.++\x8b\x9dK\xcc\xf3\xfc\xcd\xc5\x94\xe7y\xa3\xd1\x98\x96\x96\xd6\xb5k\xd7\xf6\xed\xdbs\x1c\xb7u\xeb\xd6\xdc\xdc\\7\x0e\xbaEQ\xcc\xca\xca\x1a7n\xdc\xd5\xabW\x7f\xfb\xed7\x9e\xe7\xdd\x98F\x0c\xaa\xff\xad!\x03\xb4\t\x01\xa0w\x1c\xc7\t\x82P\x92A\xb4(\x8a\x0f&lt;\xf0\x00\xa54111==]\x92$7\xf6\x0f55\t@\xf5/\td\x80\x06!\x00\xa0D\xd8[W\x91\x91\x91\x84\x90\xbc\xbc&lt;\x9b\xcd&amp;\x08\x82\x1b\x03\x80M\x02\xc6\x8e\x1d\x9b\x9a\x9a\xbaq\xe3F6\x95q\xcb\x95\xa0\xfa\x97\x1c2@k\x10\x00p\x07\xd8\xfe\xd5\x1ayp\xc0\xe9t\x06\x06\x06\x8e\x1e=\xfa\xfd\xf7\xdfw\xd7\x0c\x00\xd5\xffN!\x034\x05\x01\x00%\xe2:\xc9\x92\x10b2\x99\xd8"\xb0{\x1b/\x82 \xe4\xe6\xe6&gt;\xf5\xd4S\t\t\t\xb1\xb1\xb1\xe5\xbf;\x10\xaa\xff\xddA\x06h\x07\x02\x00J\x8aRz\xe2\xc4\t\x8e\xe3*W\xae\x1c\x12\x12\xe2\xf6;\x96\xe38\xbb\xdd^\xa3F\x8dG\x1f}t\xd2\xa4I\xe5\xbc5\x10\xaa\xff\xbd@\x06h\x04\x02\x00n\x8fRj4\x1a/_\xbe\xbci\xd3&amp;Ji\xdb\xb6m-\x16\x8b,\xcbn\x7f\xfe\x92M\x02\xdex\xe3\x8d\x1d;v\x94\xe7$\x00\xd5\xff\xde!\x03\xb4\x00\x01\x00\xb7\'\xcb\xb2\xc5b\xf9\xe8\xa3\x8f\xae^\xbdj0\x18\x86\x0e\x1dZPP\xa0\x85\xf3,\xd9$\xa0z\xf5\xea\x03\x07\x0e,\xb7I\x00\xaa\x7fiA\x06\xb8\x9d\xfb\xefa\xd02J\xa9\xd3\xe9\x0c\x0f\x0f_\xbcx\xf1\xbcy\xf3\x08!\xe3\xc6\x8dk\xd1\xa2E^^\x9e\x16\x02\x80\\\x9f\x04L\x9c8\xb1|&amp;\x01\xa8\xfe\xa5\x0b\x19\xe0^\x9a\xb8\x87A\x9bTU\xa5\x94\x86\x87\x87/\\\xb8p\xdc\xb8q\xb2,w\xe8\xd0a\xda\xb4i\xd9\xd9\xd9\x1a\xa9\xfe\xa4\xc8$`\xc0\x80\x01\x13\'N,\xd3I\x00\xdb&lt;\xe3\xf39\xb3^\x99\x86\xea_jn\xc8\x80=\xbbv\x88\xa2\xe8\xf6\xc3\'tB+\xb71h\x8d\xa2(\x06\x83\xc1\xdf\xdf\x7f\xf2\xe4\xc9\xa3G\x8fv8\x1c\x1d:tX\xb9r%\xc7q\xaa\xaa\xba\xbd\xfb_\x94k\x12p\xf0\xe0\xc1\x83\x07\x0f\n\x82P\x16\xe5\x83\x1d\x976\xf7\xf3O\'\x7f\xf4\xf5\xb0\x8f\x7f5\x99\x03Q\xfdK\x8b+\x03:\xbd\xf0e\xbfAC\xff\xdc\xb6\x8d}\xcd\xdc}]\xde\x0f\x01\x00\xc5\x90e\xd9l6\xe7\xe6\xe6&gt;\xfe\xf8\xe3\xef\xbd\xf7\x1e!d\xe0\xc0\x81?\xfd\xf4\x93\xaf\xaf\xaf\xc3\xe1\xd0\xce\xf0\x9fq=\x0eT\xbdz\xf5\r\x1b6\x10BJ\xbdv\xb0\xa7`322^}\xe5\x956\x83^\x0e\xafZ\xdbn\xcb\xe4E\xa9t\xff\x16=\x13D)+\xedr\xcb\xee\x8f\x1b\xaa4{k\xd2\xebl\xf6\xe9\xee\x8b\xf2~\x18\xbf\xc0\x8d\x14E\xf1\xf7\xf7?w\xee\xdc\xc0\x81\x03ccc\x05A\x98&lt;y\xf2\x1bo\xbca\xb7\xdb\x0b\x0b\x0b\xb5V\xfd\xc9\xf5\x83\rv\xef\xde}\xfa\xf4\xe9\xb5k\xd7\x12BJ}\x9f"6 \x8d\x88\x88\xd8\xbecg\xf7\x9e}L\xfe\x81\xf5Zw\xb1e\xa4\x08\xc8\x80R\xa2\xca\xce\x90\xc8j\xabg\xbf\x12\x9awz\xdd\x96\xad\x1a\xfc\x9ay%\xfc\x96\xe1_TU5\x99L\x97.]\xea\xd5\xabWlllHH\xc8\xaaU\xab\xde~\xfb\xed\x9c\x9c\x1c\xb6Q\xa8\xbb/\xb0\x18\xaa\xaa\xfa\xf8\xf8\xbc\xf3\xce;O&gt;\xf9d\x85\n\x15\xca\xe8\r5\xb6\xbc\xdc\xaau\xf4\xc6\rk\xb7\xce\x19\x93p\xe0\x0fKp\x84";K\xfd/\xd2!Uv\x06FT\xfe\xf5\xebw\x0b\x8f\xff\xbce\xdb\xb6\xd0\xb00\xe2\xee\xfd\x9dtB\x8b\xf73\xb8\x11\xbb\xebF\x8c\x18q\xe1\xc2\x85\xb0\xb0\xb0\x9f~\xfa\xa9_\xbf~\xa9\xa9\xa9\xc5n\x14\xaa\x05l\xf8\xbfg\xcf\x9e\x03\x07\x0e\xbc\xf9\xe6\x9b\x94\xd2\xb2K)\x9e\xe7eY\x8e\x8ei\xb7\xe9\xd7\xffm\x9e=2\xe1 2\xa0\x14\xb8\xaa\xbf\xfd\xefu;\xf7\xec\x0b\x0e\x0eq\xfbK\xe6\xfa\x81\x00\x80\x7f(\x8a\x12\x10\x10\xb0f\xcd\x9a\x9d;w\x8a\xa28w\xee\xdcv\xed\xda\xa5\xa4\xa4\xb0\x03\xc2\xb4\x89\r\xff\xa7N\x9d:t\xe8\xd0\xb0\xb0\xb0\xb2^\xa0f\x0f)\xb6n\xd3\x16\x19P*n\xa8\xfeAAA\xda9\xdeG\x0f\x10\x00\xf0/\x94\xd2\xb5k\xd7r\x1c\xd7\xbd{\xf7\xfe\xfd\xfb\xa7\xa5\xa5\x19\x0c\x06w_\xd4\x7f*:\xfc\x9f4iR\x99\x0e\xff]\x90\x01\xa5\x05\xd5\xdf\xed\x10\x00p\r\xa5T\x14E\xab\xd5\x1a\x1b\x1bK)}\xec\xb1\xc7\x88\xe6\xfb\xb0\xe5&lt;\xfcwA\x06\xdc;T\x7f-@\x00\xc0?\xd8&amp;\xfbW\xaf^\xe58\xaen\xdd\xba\x85\x85\x85Z\x0e\x00UU-\x16\xcb\xee\xdd\xbb\xcbs\xf8\xef\x82\x0c\xb8\x17\xa8\xfe\x1a\x81\x00\x80kX\x01\xcd\xcd\xcdu8\x1c\x16\x8b%$D\xebkq\x94R\x83\xc10m\xda\xb4g\x9ey\xa6&lt;\x87\xff.\xc8\x80\xbb\x83\xea\xaf\x1d\x08\x00\xf8\x07\xcf\xf3\x85\x85\x85\x0e\x87\xc3f\xb3\xb9\xf7\xc4\xc7\xdb\xa2\x94\x9aL\xa6\x84\x84\x84\xbd{\xf7\xbe\xfa\xea\xab\xe5&lt;\xfcwA\x06\xdc)T\x7fM\xc1\x8b`p\r\xc7qN\xa73,,\xec\xf5\xd7_7\x99LF\xa3Q\xcb\xef\xe2+\x8a\xe2\xe7\xe7\xf7\xc9\'\x9ft\xec\xd8\xb1b\xc5\x8an,"E3\xa0k\x8f\x87\xc9\xcb_\xd7i\xf1\x90-\x13\xef\x88\x15\x03\xd5_k\xca\xf5\x0c\r \xd77\x15HKKk\xd5\xaa\xd5\xa6M\x9b*V\xac\xe8p84\xd2ia\xeb\xc0\x16\x8b\x85\x10\x92\x95\x95\xa5\xd9\xef\x06k\xfe\xa4\xa5\xa55m\xda\xf4\xaf\xbf\xfej\xd0\xa0\x81\xaa\xaa\xee}IM\x96eQ\x14\xf7\xed\xf9\xabk\x8f\x87\xbb \x03\x8a\x83\xea\xafAh\x01\xc1?8\x8e\x93e9-----M\xb3\xd5\x9f\x10\xa2(\x8a\xd9l\x9e1cF\x87\x0e\x1d\x1a4h\xa0\x85W\x94\xd1\x0b\xba5T\x7fmB\x0b\x08\xfe\x85\xe38\xb7\x17\xd3[c\xdd\xff\xf3\xe7\xcf\xaf\\\xb9r\xd7\xae]lF\xe5\xee\x8b"\x04\xbd\xa0\xff\x86\xea\xafY\x9a\xbe\xd5\xa1\xfcQJ\xfd\xfc\xfc\xccf3\xfbow_N1\\\xc3\xff\x07\x1ex@\x0b\xcd\x9f\xa20\x0f\xb8\x19\xaa\xbf\x96a\x06\x00\xffb4\x1a\x0f\x1d:\xe4t:\x9b6mJ\x08\xd1\xda\x93\xa0\x9a\x1d\xfe\xbb`\x1eP\x14\xaa\xbf\xc6ie\xe8\x04n\xc7v\x81\xfe\xe8\xa3\x8f\xda\xb5k\xf7\xe0\x83\x0f\xbe\xf8\xe2\x8bF\xa3Qk\x93\x006\xfc\xff\xe0\x83\x0f48\xfcw\xc1&lt;\x80A\xf5\xd7&gt;\xcd\xdd&lt;\xe0\x16\xec\xf9\x9f\x9c\x9c\x9co\xbf\xfd\x96\x10\xc2q\xdc\x8a\x15+\x92\x92\x924\x95\x01l\xf8\x7f\xe6\xcc\x99\xd5\xabWO\x9f&gt;]\x83\xc3\x7f\x17d\x00\xaa\xbfG@\x00\xc0?XIuUU\xed\x94~\x86\r\xff\xe7\xcd\x9b\xd7\xbauk\xcd\x0e\xff]\xf4\x9c\x01\xa8\xfe\x9eB\xbb\xf7\x0f\x94\'\xf6\x00\xa8\xc5b\x19&lt;x0\xa5\x94m\x06W\xa5J\x15Mm\x07$IRVV\xd6\xaaU\xab\x9e\x7f\xfey\xad\x85S\xb1\xf4\x99\x01\xa8\xfe\x1e\x04\x8b\xc0p\r;Z\xfd\xb5\xd7^{\xf0\xc1\x07\x9dNg\xabV\xad4U\xfdeY\x0e\x0b\x0b\x9b1cFXXX\xf7\xee\xddUU\xf5\x88\x9a\xa2\xb75aT\x7f\xcf\x82\x00\x80\x7fPJ\x1d\x0eGLL\x0c\xc7qyyy\xe5\xbf\xbd\xda-H\x92\x94\x9d\x9d\xfd\xd9g\x9f-^\xbc\x98h\xaf=u\x0b\xfa\xc9\x00T\x7f\x8f\x83\x16\x10\xfc\x0b\xc7q\xb9\xb9\xb96\x9b\x8dh\xe90\x00Y\x96\x03\x03\x03\xe7\xcf\x9f_\xa1B\x05\x0f\x1a\xfe\xbb\xe8\xa1\x17\x84\xea\xef\x89\x10\x00p#\x9e\xe7\xb5v\xdf\xba\x86\xff\xd3\xa7O\'\x1e5\xfcw\xf1\xee\x0c@\xf5\xf7P\x08\x00\xb7\xe1y^Q\x14O\xace\xe5\xcc\xd3\x87\xff.\xde\x9a\x01\xa8\xfe\x9e\x0b\x01\xe0\x1e\x94\xd2\x9c\x9c\x9c\xe0\xe0`\x8e\xe3\xb4\xbc\xeb\xb2\x16x\xc1\xf0\xdf\xc5\xfb2\x00\xd5\xdf\xa3!\x00\xca\x1b\xc7q\x94R\x8b\xc5\xd2\xbcy\xf3q\xe3\xc6\xf9\xf8\xf8\x98L&amp;Y\x96\xdd}]\x1a\xe55\xc3\x7f\x17o\xca\x00T\x7fO\x87\x00p\x0f\x1f\x1f\x9f_\x7f\xfd\xd5\xdf\xdf?:::===$$\xc4\xe9\xf4\xc8\x12P\xd6$I\xca\xcc\xcc\xfc\xe2\x8b/\xbc`\xf8\xef\xe2\x1d\x19\x80\xea\xef\x05\x10\x00n\xc0&amp;\x01\xaa\xaa~\xf3\xcd7\x83\x07\x0f\xee\xdc\xb9\xf3\xa6M\x9b\xc2\xc3\xc3\x9dN\xa7w\x14\xb8\xd2"\xcbr@@\xc0\xbau\xeb\xccf\xb3w\x0c\xff]&lt;=\x03P\xfd\xbd\x03N\x04s\'\xa7\xd3)I\xd2\x8e\x1d;F\x8e\x1c9l\xd8\xb07\xdex\xc3j\xb5j|\x87\x83\xf2\xa4\xaaj@@@\xf3\xe6\xcdG\x8d\x1a\xf5\xec\xb3\xcfz_\x89\xf1\xd0s\xc4P\xfd\xbd\x06\x02\xc0\xcdX\tHKK\xeb\xdd\xbbw\xd5\xaaU\x97,Y\xc2\xf3|nn\xae(\xea\xfd\x1d=EQ\x82\x82\x82V\xaf^\xfd\xca+\xaf\x9c={V\x92$\xa2\xa5W\x13J\x8b\xc7e\x00\xaa\xbf7\xc1H\xd3\xcdDQT\x14%,,l\xef\xde\xbd\x11\x11\x11-Z\xb4\xb8t\xe9Rhh(\x96\x85Y\xa3\xec\xbd\xf7\xde\x9b8q\xa2\xc1`\xd0\xd4k\xc9\xa5\xc8\xb3zA\xa8\xfe^\x06\x01\xe0~\x82 \xb0%\x81\xcf?\xff\xfc\x95W^y\xf0\xc1\x07\xd7\xaf_\x1f\x16\x16\xa6\xe7\xb7\x04\x14E\t\x0c\x0c\\\xb3fMVV\xd6\xa8Q\xa3\xbc\xbb-\xe6)\x19\x80\xea\xef}\xd0\x02\xd2\x10\xb6$\xb0o\xdf\xbea\xc3\x86=\xf6\xd8c\xd3\xa6M\xcb\xca\xca\x92eY\x87\xf7\x18\xeb\xfe7m\xdat\xec\xd8\xb1\x13&amp;L\xd0C\xa1\xd1x/\x08\xd5\xdf+!\x00\xb4\x85e\x80\xd5j}\xe2\x89\'$IZ\xb5j\x15\xcf\xf36\x9bMWK\x027t\xffEQ,zJ\x81\x17\xd3l\x06\xa0\xfa{+\xaf\x9dV{(I\x92X\xf9\xfb\xfd\xf7\xdfk\xd6\xac\xd9\xbcy\xf3\xb8\xb8\xb8\xb0\xb00]\xbd%pC\xf7_\xcb\'\x7f\x95.m\xf6\x82P\xfd\xbd\x18\x02@s\\K\x02\x9f~\xfa\xe9\xb4i\xd3z\xf6\xec\xf9\xfd\xf7\xdf\x87\x87\x87\xab\xaa\xaa\x87M#\x14E\t\x08\x08X\xb5j\x95\xcdf\xf3\xfa\xee\xff\xcd\xb4\x96\x01\xa8\xfe\xde\r- \xedb\r\x81\xf8\xf8\xf8\xbe}\xfb&gt;\xf2\xc8#3f\xcc\xc8\xcb\xcb+,,\xf4\xee\xdbOQ\x94\xd0\xd0\xd0\x96-[\x0e\x1a4\xe8\xa5\x97^b\xbf\x04w_Ty\xd3H/\x08\xd5\xdf\xeb\xe9hl\xe5q\xd8`\xb0^\xbdz\x87\x0e</t>
        </is>
      </c>
    </row>
    <row r="323">
      <c r="A323" s="1" t="n">
        <v>321</v>
      </c>
      <c r="B323" t="inlineStr">
        <is>
          <t>shape_size_grid</t>
        </is>
      </c>
      <c r="C323" t="inlineStr">
        <is>
          <t>What is the size of the missing part denoted by a question mark?</t>
        </is>
      </c>
      <c r="D323" t="inlineStr">
        <is>
          <t>['small', 'large', 'medium']</t>
        </is>
      </c>
      <c r="E323" t="inlineStr">
        <is>
          <t>large</t>
        </is>
      </c>
      <c r="F323" t="inlineStr">
        <is>
          <t>There are 9 shapes arranged in a grid with different sizes in the image, of which there is 1 missing shape. The first row is ['large triangle', 'large hexagon', '?'], the second row is ['medium triangle', 'medium hexagon', 'medium square'], and the third row is ['small triangle', 'small hexagon', 'small square'].</t>
        </is>
      </c>
      <c r="G323" t="inlineStr">
        <is>
          <t>We observe that the rows contain large shapes, medium shapes, and small shapes respectively. On the other hand, the columns contain triangles, hexagons, and squares respectively. Hence, the pattern is that the shapes within each column are the same, while each row progresses the size of the shapes.</t>
        </is>
      </c>
      <c r="H323" t="inlineStr">
        <is>
          <t>Based on the pattern that the shapes within each column are the same, while each row progresses the size of the shapes, the size of the missing square should be large.</t>
        </is>
      </c>
      <c r="I323" t="inlineStr">
        <is>
          <t>b'\x89PNG\r\n\x1a\n\x00\x00\x00\rIHDR\x00\x00\x02\x00\x00\x00\x02\x00\x08\x02\x00\x00\x00{\x1aC\xad\x00\x00[\x9dIDATx\x9c\xed\xdd{\\Tu\xfe?\xf0s\x1bT\x04f\xf0\x86\x95\xa5@\xe6\x96h\x05\xdd\xd4\xcd\xdb\x16T\xae\xb6\xba\xa2\xa5\x82\x96\x9b\x94)\x9ah\x80H\xa2\x84\x97\x04$[\xdb\xb5\xadMq%\x0b\xca\xca_\xbbi\xbbx\xcbj\xf7\x1bl\xb5\xda\xae"hwB\x1df\x98A\x849\x97\xdf\x1fo\xfd4\xe1\x1d\x86\x999s^\xcf\xc7&gt;zlV\xcc\x99\xc3\xcc\xe7\xf5\xb9\xbc\xcf\xe7\xc3k\x9a\xc6\x01\x00\x80\xf1\x08\xbe\xbe\x00\x00\x00\xf0\r\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00|I\xd34UU}}\x15\x00`P\xbc\xa6i\xbe\xbe\x06\x00\x00\xf0\x01\x8c\x00|CUUM\xd3&gt;\xfb\xec\xb37\xdf|\x93\xe38EQ|}E\x00`8\x18\x01\xf8\x86,\xcb\x92$M\x9c8q\xf7\xee\xdd\xb5\xb5\xb5\x82 \xf0&lt;\xcf\xf3\xbc\xaf\xaf\x0b\x00\x0c\x04#\x00\x1fP\x14E\x92\xa4}\xfb\xf6\xbd\xf3\xce;\'O\x9e|\xee\xb9\xe7\x04A\xc0b\x00\x00x\x19F\x00\xde\xa6i\x9a\xa6i.\x97k\xe8\xd0\xa1\x95\x95\x95\x82 X,\x96\x83\x07\x0f\xf6\xea\xd5\x8b\xe38A@$\x03\x80\x97\xa0\xb9\xf16UU\x05A\xd8\xbaukee\xa5(\x8a\x82 X\xad\xd6\xcc\xccLA\x10\x10\xc6\x00\xe0M\x18\x01x\x15u\xffm6\xdb\xc0\x81\x03\xeb\xea\xea\xe8Ox\x9e\x97$\xe9\xe3\x8f?\x8e\x8d\x8d\xa5x\xf0\xf5e\x02\x80!\xa0\xad\xf1*j\xdf\x0b\x0b\x0bkkky\x9e\xa7Z \x9e\xe7[ZZ\xe6\xcf\x9f\xaf(\n\xf2\x18\x00\xbc\x06#\x00\xefQU\x95\xe7\xf9#G\x8e\xc4\xc4\xc4\xc8\xb2L\xa3\x01\xfaG\x92$\xc9\xb2\\\\\\\x9c\x94\x94\xa4(\x8a(\x8a\xbe\xbdT\x7f\x10H\xab\xe2\x18\xd5\x81\x7fB\x00x\x0f\xb5\xec\x93&amp;M*--\x15EQQ\x14\xaa\xfb\xd44\x8d\x16\x00\xa2\xa2\xa2***BCCQ\x12J\x03#__\x85\xc7\x04\xd8\xdb\x81\x80\x81\x00\xf0\x12j\xfdw\xee\xdc\x99\x90\x90@\xad?\xfbG&lt;\xcfk\x9aF\x83\x80\x9c\x9c\x9c\xa5K\x97\xd2S\x02&gt;\xbcZ\xdf\xa2\x89\xb2\x9c\x9c\x9c\xbd{\xf7\xb6\xbaW\xfaB\x17?|\xf8\xf0\x9c\x9c\x1c\xac\xee\x80\x1fB\x00x\x03\xcd\xf6\xa8\xaa\x1a\x13\x13s\xf8\xf0a\xd6\xf1\x1ftk\xcc\xb0\x91C\xfeP\xf8\x92(\x8a4A\x14\x1a\x1aZQQ\x11\x15\x15E\xc3\x02__\xb8\x0f\xd0}8|\xf8\xf0/~\xf1\x0b__\x8b\xc7\xfc\xef\x7f\xff\xbb\xe1\x86\x1b\x0c\xfb;\x05\xbf\x85\x8f\xa37P\xefo\xc3\x86\r\x87\x0e\x1d\xa2g\xbe\xa8\xd7??s\xee\xd2\x95Y\xd7\xf6\xed\xa3\xaa\nM\xfb\xd8\xed\xf6\xe5\xcb\x97\xd3?\xf5\xf5U\xfb\x06\xcd\x96\xa4\xa6\xa6r\x1c\x17\x14\x14$\xea\\PP\x10\xc7q\xa9\xa9\xa9F\xfe\x9d\x82\xdf\xc2\x87\xb2\xc3\xd1\x1d\xb6\xd9l\xd1\xd1\xd16\x9b\x8d\xe38A\x10\x14E\xb9o\\\xfcK%/\n&lt;_V\xb2m\xfec\x0bEQd\xcb\xbf\xe5\xe5\xe5\xc3\x87\x0f7\xe0j\xf0y&amp;\xcaxN\x10\x04N\x8f\x1fR\x9eSU\x95\xd3\xceL\x04\xed\xd8\xb1#&gt;&gt;\xde\x80\xbfS\xf0g\x08\x80\x0eG\xdf\xf99s\xe6\xac_\xbf\x9e\xda\x02A\x10DI|o\xdf\xdb\x03n\xba\xc1\xd1\xe0\x08\xef\x1e&gt;~T\xe2\xbf&gt;\xfe\x94\x9a\x06\x9a5.//\xe78\xceP\x8d\x05M\x94\xc9\xb2&lt;x\xf0`\x9a(\x0b\x8cB Z\xe1\xbf\xe1\x86\x1b\xbe\xf8\xe2\x0bI\x92\xb0\xc2\x0f\xfe\x03\x01\xd0\xb1\xd8\x8cvLL\x8c\xaa\xaa\xaa\xaaR\x06&lt;&gt;\xff\xb1\x9c5\xd9\'\x8f\x9f\x14\x04\xa1kH\xd7O?\xa9x\xe8\x81$Y\x96\xd9\xbf@%\xa1\x86Z\r\xa6\xa4\\\xb1bEVV\x96$IT%%J\xe2\xea\x17\xf2z_\x1d\xd1\xd2\xe2\xd2K\xbb\xa9iZP\x90\xa9\xf6\xfb\x1f\xd3\xe7f)\xb2\xa2i\x9a(\x8a\xb2,\xe7\xe5\xe5-^\xbc\x18\x83\x00\xf0\x1f\x08\x80\x8eE\xdf\xf6\x84\x84\x84\x9d;w\x8agWz\xbb\xf7\xe8\xf6\xfe\xc7\xdb-\xe1\x16\x97\xcb\xc5\xf3\xbc,\xcb=#z\xa4L\x99\xb3\xed\xf5wDQ\xa4\x8epTTTeeeHH\x88A:\x8c\xd4\xd9\xaf\xab\xab\x1b8p\xa0\xcdf\xa3\xf5REQR\xe6\xfdnM\xd1J[\xa3M_\x8d\xa6\xa2(\x96\xae\x96E\xf337&lt;\xff2\xfb\xbdc\xd3\'\xf07\x08\x80\x0eD\xad\x7fii\xe9\xa4I\x93\xd8\x14\xbf\xa2(+\x9f\xcf}t\xf6\xf4\x13\xc7OR\xef^\xd34S\x90\xe9x\xed\xf1\x84!\xbfnhpp\xda\x99E\x82\xc5\x8b\x17\xe7\xe5\xe5\x19\xa4\xc3Ho\xf3\x91G\x1e\xd9\xb8q#K\xc1\xeb\xfa]\xfb\xff\xf6m\xeb\xd4\xa9\x13%\xa5\xaf\xaf\xf1\nh\x9af2\x99\x9a\x9b\x9b\x7f}\xf7\xf8\xaf\x8f}C)\xae(\xca\x8c\x193^}\xf5U\x83\xfcN\xc1\xff!\x00:\n\x9b\xd1\x8e\x89\x899r\xe4\x08\xb5_\xaa\xaa\x0e\x1c|\xd3\xdb\xe5\xa5\xadf\xb7eY\xee\xd1\xb3\xfb\xef\xd7\xfc!w\xf1J\xea0\n\x82 \x8a\xe2\x81\x03\x07\xfa\xf7\xef\x1f\xf0%\xe4\xd4A\xae\xac\xac\x1c6l\x98\xcb\xe5b\xf3`\xab_\xc8\x9b\xf1D\xf2\x89\xba\x13z\x9c\x07\x93e\xb9G\xaf\x1e\x1b\xffP\x9c&gt;7\x8b\xad\xfd\x98L\xa6\xfd\xfb\xf7\xc7\xc6\xc6\xa2$\x14\xfc\x01&gt;\x82\x1d\x85Z\xed\xfc\xfc\xfc\xaa\xaa*6\t \x88\xc2\xe2g\xd3\x83C\x82[=\xdc$I\x92\xad\xde\x9e\x9c2-\xf2\xfa~T\x12\xcaq\\KKKVV\x16w\xb6\x8e(\x80Q\xe9gZZZss3\xcf\xf3\xd4\\\xde&gt;$n\xf2\xf4D\xeb\t\xab\x1e[\x7f\x8e\xe3$I\xb2\x9e\xb0N\x9e\x9ex\xfb\x908\xea\xf2\xf3&lt;\xdf\xdc\xdc\x9c\x96\x96\x86\x92P\xf0\x13\x08\x80\x0eA\xad\x7fmmmAA\x01\xcd\xe7P\xa36v\xc2\x98{\xee\x1fe\xb3\x9egF[Q\x94\xe0\xe0.K\xf225\x8d\xa3\xe9\x02\x9a&gt;\xda\xb3g\x8f\xa8\xe7\xa7a/\xe9\xbc\xefT\x10\x85y\x19sM&amp;I\xd7\r\xa5\xa6i&amp;\x934/c\xae \n\xdc\xd9w\xbag\xcf\x1e\xb6\x17\x88\xaf/\x10\x8c\x0e\x01\xd0!\xa8K\x9b\x91\x91a\xb5Z\xd9s\xbf\xa1a\xa1\xa9\xe9O6\x9dj:\xef\xd8_\x14\xc5\x06\xbb#a\xec=\xc3F\x0e\xa5\x96\xa2U\xbfX\xd7M\xe1\x85\xd0\x9br\x1f\xeb\xb0\xa4\xbc\xf7\x81\xd1\xb6z\xbb\xae\xe7\xcaEQ\xb4\xd5\xdb\xef}`\xf4\xd8\tc\xd8\xef\x94\xe3\xb8\xac\xac\xac\x96\x96\x16\xce\x00c;\xf0s\x08\x00\xcf\xa3\xaf\xfa\xde\xbd{7o\xde\xcc\xd6~UU\x9d&gt;k\xda\xe0\xd8ANg\xe3E&amp;\x7f\x15E\xcd^\x99)I\x12m\x1d!\x08BEE\xc5\xd6\xad[\x03\xf5\xccH\x9a\xee\xa7\x892z\xd7\x97LJ}\x11\x04\xa1\xe9TSj\xfa\x93\xa1a\xa1\xf4\xee$I\xaa\xaa\xaa\xca\xcf\xcf\xa7O\x85\xaf/\x10\x0cM\xf7_0\xff\xa4(Jvv6}\xbdi\n\xe8\xda\xbe}f\xcd\x9bi\xb3\xda.2\xa3-\x08\x82\xd3\xd1xs\xdc\xa0\xc9\xc9\x13\xa9e\xa4\x0c`#\x89\x00\xeb0\xd2\xbb\xab\xae\xae^\xbdz5\x9b(\xbb\xcc\xa4\xd4\x0bA\x10\x9c\xce\xc6\xc1\xb1\x83\xa6\xcf\x9a\xc6\x16\xb7\x05AX\xbdzuuuu\xa0\xe6:\xe8\x85\xee\xbf`\xfe\x86Z\xb1\x92\x92\x12\xb6\x93%5\xdc\x0b\xb3\x9f\xea\x15\xd1\xb3\xa5\xa5\xe5\xe2\xe5\x8c\xa2(\x9cr6-X2\xcfl\t\xa3\xa6\x81\xe7\xf9\xda\xda\xda\xc2\xc2\xc2\xc0k,h\x8ek\xf9\xf2\xe5\r\r\r\xacP\xf2r\x92R_$I\xb2Ym\xb3\xe6\xcd\xbc\xb6o\x1f\xfa&lt;\xf0&lt;\xdf\xd0\xd0`\xf0M\x9f\xc0\x1f \x00&lt;\x89Z4\xbb\xdd\xbel\xd92\xfanS\x06\xdc1\xe4\xb6\x89S\xc7[O\xd6_\xb2Q\xe3y\xfe\xf4\xe9\xd3W\xf7\xb9*\xf5\xe9\'\xa9R\x90\xba\xc9k\xd6\xac\xa9\xaa\xaa\n\xa4\x0c`\x13e[\xb6liCR\xea\x08\x9d\xf8\xd6+\xa2\xe7\xc2\xec\xa7\xe8\x13B\xef}\xcb\x96-z\xdf\xef\x1a\xf4\x0e\x01\xe0I4\xba/**\xaa\xae\xae\xa6\xd9\x0cM\xd3\x82\x82\x822r\x17)\x8az\x99-\x9a(\x89\x0e\xbb\xe3lI\xa8J\x1dFZ&amp;\r\xb0\x0e#M\x94Q\xf3w\xa5I\xa9/\x92$YO\xd6O\x9c:\xfe\x8e!\xb7\xb1\xa7\xc0\xdc\xdf&gt;\x80O \x00&lt;\x86fxkjj\xd6\xae]K\xcd\x99$I\xaa\xaa\x8e\x19\x7f\xff/G\ru48.sF\x9b\xe7xY\xa6\x92\xd0\x0c\xf7\x0ecii)\xed\'\x11\x00M\xc6\xb9\x13emHJ}\xe1y^Q\xd4\x8c\xdcEAAA\x9a\xa6\xb1\x01PIII`\xfcNA\x8f\x10\x00\x1eC\x8duzz\xba\xddn\xa7?QT\xc5\x12n~:\'\xcd\xd1\xe0\xbc\xa2rFQ\x14\xed\xb6\x86\xfb\x1eL\xb8o\\\xbc{Ihjj\xaa,\xcbz\x1f\x07\x9cw\xa2\xac\rI\xa9/\x82 8\x1a\x1c\xbf\x1c5t\xcc\xf8\xfb\xa9\xaf@\xf7a\xd9\xb2ev\xbb]\xef\xbfS\xd0\xa9\x00\xfc\xa6\xf9\x04{\xc6\xa7\xac\xac\x8cUzh\xaa6\xe3\xf1\xe4\xe8\xfe\x91\xa7\x9bN_i\xaf\x96\xe7y\xd9%/\xc8\x9ag\n2Q\xf9\xa0 \x08\x87\x0e\x1d\xda\xb0a\x83\xdeW\x02ZM\x94i\x9a\xa6jj\xdb\x92R_DQt48\x9f\xceI\xb3\x84\x9bUM\xa5\xe4\xab\xae\xae.**\xa2"(__ \x18\x0e\x02\xc0\x03\xa8+\xe7\xfe\x94?\xb5\xd1\x91\xd7\xf7\x9b\xbd`V\xfd\xf9\x9e\xfb\xbd$A\x10\x9c\x0e\xe7\xe0\xd8A3g\xcf\xa0u`Z\x0f\xc8\xce\xce\xae\xaf\xaf\xa7-\xe6;\xe2\xbdt\xb4s\'\xca\xce$eJ\x1b\x93RGx\x9e?\xddt:\xba\x7f\xe4\x8c\x94dM\xd5X\xe5\xeb\xda\xb5kkjj\xf0X\x00x\x1f\x02\xc0\x03\xa8\x81\xde\xbaukEE\x85\xfb\x89\x8fK\xf22\xbb\x86\x84P}K\x1b~\xac(\x8a\x8d\x8e\xc6\xc7\xe6&gt;\xda\xb3W\x0fj\xee\x05A\xa8\xaf\xaf\xcf\xce\xce\xd6\xefa)\xad&amp;\xca\xe8\x8d\xf4\x8b\xea;;-\xa5mI\xa9/\xa2(\xd6[m\xb3\xd3R\xfaE\xf5\xa5\xcf\t\xc7qv\xbb===\x1d\xb3@\xe0}\x08\x80\xf6\xa2\x16\xcdj\xb5fddP\xebO\x1d\xdba#\x87&amp;\x8c\xbd\xa7\xc1\xde\xd0\xe6F\x8dJB\xfb\\w\xcd\x82\xacy\x941\xd4_v?[\xd8\xb3\xef\xa5\xa3\x9d;Q\xc6\xceF\x0e\t\x0b\xa1\xe5\r__c\xc7\xa2\xe3\x1fB\xc2B\xe6g\xceu_\xe1/++\x0b\xf8M\x9f\xc0\x0f!\x00\xda\x8b\x9a\xe6\xc2\xc2\xc2\xda\xdaZj\xce\xe8q\xff\xec\x95\x99\x8a\xd2\xde\x06\x9av\t\x9d8u\xfc\xc0\x9bo\xa2\x17\xa2\x16D\x8f\x87\x8c\x9f;Q\xc6\x922q\xda\x04{\xbd=\xc0J?/D\x92${\xbd=q\xda\x04Cm\xfa\x04\xfe\t\x01\xd0.\xd4(\x1f:th\xcd\x9a5\xee\x9b\x19LN\x9exs\xdc \xa7\xc3\x03\x9b\x19(\x8a\xd25$$#g\xa1{\x87q\xe7\xce\x9d\xba+\t=w\xa2\x8c%\xa5,\xeb\xe6]x\x8a,+\x86\xda\xf4\t\xfc\x13\x02\xa0]Xu&amp;=\xb9J\xdd7\xb3%l\xc1\x92y\xa7\x9cM\xa2\xe8\x81\xdb+\x8a\xa2\xad\xde6*a\x84\xaeKB\xcf;Q\xe6\xd9\xa4\xd4\x11\xa3m\xfa\x04~\xcb@\xdf:\x8f;\xb73NM[\xea\xd3O^\xdd\xe7\xaa\xd3\xa7=V\xd0\xc2\xf3\xbc\xaa\xa8\xba.\tm5QF\x7f\xe2\xd9\xa4\xd4\x17Cm\xfa\x04~\xcbp_&lt;O\xa1.\xad\xfbt&lt;}o\x07\xde|\xd3\x8c\xc7\x93\x1al\x0eQ\xf2XA\x8b \x08\x0e\x87sp\xec\xa0G\x9f\x98\xceJB\x05A\xc8\xce\xce\xa6\xf6\xd4\xcf\xdb\x0b\xba\xda\xaa\xaa*\x9a(\xa3\xbf\xd54\xcd\xe3I\xa9#\xc6\xd9\xf4\t\xfc\x19\x02\xa0\x8d\xe8\xeb\xea^\x90C1\x90\x91\xb3\xb0Kp\x17EQx\xce\x93\x8d\x9a(\x8a\x8e\x06\xc7\x9cEO\xf4\x8d\xbc\x8em\x10T__\x9f\x99\x99\xe9\xff\xcf\x04PX\xd2)(t\xe5\xaa\xaaD^\xdf/9e\x9a\xc3\xee\xc9\xa4\xd4\x97\x9fo\xfa\xa4\x04\xf0\xa6O\xe0\xb7\x10\x00mAMpmmmvv\xb6{\xe9\xe7}\xe3\xe2G%\x8c\xe8\x88s\xacx\x9eoin\xe9\xd5\xbb\xd7\xec\x05)l5X\x10\x84\xd7^{\x8d\xad\xa9z\xf6\x15=\x85M\x94\xb1s\x10y\x9e\xd74nI^fpp\x17Y\xf6pR\xea\x88\xdb\xa6O\xad\xcf\x01\xd5\xdd\n?\xe8\x14\x02\xa0-h\xcc\x9e\x99\x99\xc9\x1e\xca\xd54\xcd\x14dZ\x905O\xed\xb0\xbd\xcc\xf4x\xc8\xf8\xb9\x13e?\x7fH\xc2\x11\xf0O~]\xdc\x85\xce\x01\xd5\xd7\n?\xe8\x17\x02\xe0\x8a\xb1\xa2\xbd\xd7^{M\x10\x04Y\x96\xa9\x8a\xe3\xd1\'\xa6\x0f\x8e\x1d\xe4p8;\xae\xa0Ew\x87\x8c\xb7\x9a(cI\xe9\x91\x87$\x02\x06\x9d\x03\xaa\xdf\x15~\xd0/t1\xae\x185\xbb#G\x8e\xa4G7\xe9K{]\xbfk\xff\xdf\xbem\x9d\xbbtV\xe46n\xfcp\x99dY\xee\xd1\xb3\xfb\xac)O\xbeS\xba\xfd\xccNj\xaa\xda\xbf\x7f\xff\x03\x07\x0eH\x92D\xf3\xc8\x1d\xf7\xeaW\x84&gt;Z6\x9b-::\xdaf\xb3qgO\xc7||\xfec\xcb\xd6d\x9f8~\xd2 O~]\x12\xfdN\x97.\xca\xfdc\xd1\x9f\xd8\x8e@\x16\x8b\xa5\xba\xba\xdab\xb1p\x1c\xe7?\xbfS\x080\x18\x01\\\x196K\xcb\x1e\xdc\xa7q\xfa\xec\x05)\xbdz\xf7ji\xee\xf0s\xac.r\xc8\xb8\xbfu\x18[\xed^\xc7q\x9c\xa6i={\xf5xl\xee\xa3NG\xa3\xc1\'\x7f\xdc\x89\xa2\xe8\x0c\xb8M\x9f@\x17\x10\x00W\x80\xbe\x9cT\xa7A\x7fK\x19p\xfb\x90\xb8\xc9\xd3\x13\xad\'\xac^\xe8\xd2^\xe8\x90\xf1\x82\x82\x02\xbf*\te\xcfH\xd3T\x06{HbA\xd6\xbc&gt;\xd7]c\xcc\xd2\xcf\x0b\t\xbcM\x9f.\x84N\xc2Q\x14E\xfe9:\x11\xc8\xd7WgD\x08\x80+@\rn~~~UU\x15\x9d\xf6\xc5q\x9c \n\xf32\xe6\x9aL\x92\xd7&gt;\xc1g\x0e\x19O\x9d\xd97\xf2:v\xc8\xb8\xd5j\xf5\xab\x92\xd0V\x8b\x99\xec!\x89\x89S\xc7\xdb\x0c\xb3\xed\xcf\xe5\x0b\xa4M\x9fZ\xa1F_\x96e\xfaH\x88\xa2(\x8a\xa2\xf4sT\xd1\xa0i\x9a,\xcb\x01\x93v\xba\xa0\xef\xcf\x967\xd1\x84FMMMll\xac\xd3\xe9\xa4\xee\xbf,\xcb\x0f&amp;\x8e}\xa9d\xbd\x97g\xb4eY\xee\xd1\xab\xc7\xc6?\x14\xa7\xcf\xcdb\x83\x00I\x92&gt;\xfe\xf8\xe3\xd8\xd8XjA\xbcv1\xe7b\xa5\x9f\t\t\tty\xf4\xd7\xcd\xdb\xfe\xfc\xab\xfbG\xdb\xea\x03\x7f\xdb\xe76P\x14\xc5\x12n\xf9\xc7\xdf\xca\x93\xc6?\xea~\xd3v\xec\xd8\x11\x1f\x1f\xcfN\x12\xd6\x11\xda\xee\xc9\xfd\xb2\x8f\x1f?\xfe\xd5W_\xd5\xd6\xd6\x1e?~\xbc\xb1\xb1QQ\x14\x93\xc9\xd4\xbd{\xf7k\xae\xb9&amp;::\xfa\xaa\xab\xae\xa2\x7f\x8d&gt;\xcf\x18#z\x01\x02\xe0r\xd17p\xfa\xf4\xe9\xc5\xc5\xc5\x92$Q\xd7;\xb8k\xf0;\xbb\xca\xa2\xfbG65\x9d\xf6r\x9b\xab\xaaj\x97\xe0.\x13\xe3\x1f\xfe\xf4\x93\nv\xc8\xf8\xddw\xdf\xbdk\xd7.\x8e\xe3|\xd8X\xd0\xca\x84,\xcb\x83\x07\x0f&gt;|\xf80\rP\xe8!\x89\x97\xb7\xfe\x01\xa5\x9f\x17\xa1(J\x989\xf4w\x0f=\xf1\xfe\xbb;Y}\xc1\r7\xdc\xf0\xc5\x17_\xf8\xdb\n\xff\xc5\xb1r&amp;\x8e\xe3N\x9d:\xf5\xe1\x87\x1f\xfe\xedo\x7f\xdb\xbf\x7f\x7fUU\x15\x95\x03\x9c+444&amp;&amp;\xe6\xc1\x07\x1f\x9c2e\xca\xb5\xd7^\xcb\x9d\x9dE\xf4\xe6e\x1b\x10\x02\xe0\xb2\xb0#\xbcG\x8f\x1e}\xe6o%Q\x91\x95\xf9\x99s\x17?\x9b~\xfc\xc7\xe3\xde\x9f\xd3P\x14%4,\xf4\xd3\x8f+&amp;?0U\x96\x15UU%I\x92e\xb9\xb8\xb88))\xc9\x87\x1dFz\xe9\x15+Vdee\xb1\xa4\x14%\xf1\xbd}o\xff\xe2\xa6\x1b\x1a\x1bO\xe1[}!\xaa\xaav\xed\x1a\xfc\xbf/\x0f\x8f\xb9\xfb7\x8a\xac\xb0Qf^^\xde\xe2\xc5\x8bu7\x08\xf8\xe2\x8b/\x8a\x8b\x8b\xb7m\xdbVSS\xc3\xfe\x90\xe6\x039\xb7\xd2&amp;J\x0b6\xf3c\xb1XRSS\xb3\xb2\xb2\x82\x82\x82\x90\x01\x1d\r\x01pY\xa8\xc4~\xf4\xe8\xd1{\xf7\xeee\xc5\x97\xfd\xa2\xfa\xee\xfc\xe7{&gt;\xbc\x81\xb2,\xf7\x8c\xe8\x912e\xce\xb6\xd7\xdfa\x1d\xc6\xa8\xa8\xa8\x8a\x8a\x8a\xd0\xd0P\x9ft\x18\xe9k\\WW7p\xe0@\x9b\xcdF\xdd@EQR\xe6\xfdnY\xfe3\'Q\xfay)\xb2,w\xef\xd9}\xe9\xc2\xe5\x1b\x9e\x7f\x99JBy\x9e\xb7X,\x07\x0f\x1e\xec\xd5\xab\x17\xc7q~\xde \xd2\x05\x1f:t(;;\xfb\xed\xb7\xdf\x96e\x99\xe38A\x10\xd8\x06\xe0\xec\xdf\xa4\x0f\'\xfd\t-\x0f\xb0\x95\x0f\x8e\xe3~\xf9\xcb_\xbe\xf1\xc6\x1bW]u\x15\xfd#\x1f\xbd\x9b\xc0\xe7\xd7\x1f&amp;?A\x8fz\x95\x94\x94P\xeb\xcf\x8exd\xe7X\xf9\xea\xc2\xfc\xf0\x90q\xf6\x8c4mkLUI}#\xaf\x9b\xb3\xe8\tG\x03&amp;\x7f.\xed\xbc\x9b&gt;\xf9\xdb\n\xffEP{m\xb7\xdb\xcb\xca\xcadY\x96$\x89\x9a\xfe3\x03AQ\xe4\xdc\xba\xfc\x14\t\xf4\xb9\xa5yB*\x190\x99L\x1f~\xf8\xe1}\xf7\xddG}\x08\xff\x7f\xd7\xfa\x85\x00\xb8\x04j\xd1\x1a\x1a\x1a\x96-[\xe6\xbe\x99\xc1\x1dCnKL\xfa\xad\xdd\xea\xcb\x82\x16\xfe|\x87\x8c\x0b\x82\xb0v\xed\xda\xea\xeaj\xef\x1f2\xde\xea\x19i\xef?$\x11\x00\xf4\xbb\xe9\x13\xa1O\xdd\x9dw\xde9~\xfcx\xf6\xeb\xa6\xe1)\xab\x05\n\x0e\x0e\x8e\x88\x88\x88\x8c\x8c\x8c\x8c\x8c\xec\xd1\xa3\x07\xc7q\x8a\xa2P\x89\x1d\xc7q\x9a\xa6\xb9\\.\x93\xc9\xf4\xc5\x17_&lt;\xfe\xf8\xe3\xfe\xff\x96u\rS@\x97@\x13\xafYYY+V\xac`\xf56\x82 \xbc\xf1\xfe\x96\xdb\xee\x8akt\xfa\xf8$\x13j#x\x9e\x8f\xbfs\xcc\xb1\x9a\xafh\x10\xad(Jrr\xf2\xa6M\x9b\xbc&lt;k\xdc\xea\x19i\xfa\x93\xdb\x87\xc4\x95\xeex\xad\xe9T\x93\x9f\xcf]\xf8\x15Z\xe1OLx\xf8\xff&gt;\xfei\x85\x7f\xc4\x88\x11\xbbw\xef\xf6\xff\x95\x00\xb6`6r\xe4HI\x92\\.\x17\xc7q]\xbbv\x1d1bDBBB\\\\\\\xdf\xbe}\xcdfsPP\x10\xc7qMMM_\x7f\xfd\xf5\xbe}\xfb^}\xf5\xd5V\tGkZ\xff\xf8\xc7?F\x8f\x1e\xed\xff\xefZ\xa7\x10\x00\x17\xc36\xb2\x8f\x89\x89\xa1\x07X(\x03\xa6&gt;\xfaP\xe1K\xcf\x9d\xa8\xf3\x8b\x19mY\x96\xc3\xbb\x87\xbfQ\\6\xff\xb1\x85\xac|\x90\xe3\xb8\xf2\xf2\xf2\xe1\xc3\x87{\xed\x9b\xc3\x9e\x91\x9e4i\x12\xbb\x0c\x8d\xd3\x8a\xdf\xfa\xf3\xa8\xf8\xe1v[\x03\xbe\xc0\x97OQ\x14\xb3%l\xd7\xce\xbd\xc9\x13\x1e\xe59\x9e}\xf0\xdex\xe3\x8d\xc4\xc4D\xffo\r\xe9\x8bs\xe7\x9dw\xfe\xeb_\xff\x8a\x8d\x8d\x9d6m\xda\xf8\xf1\xe3\xfb\xf5\xebw\x91\xffDQ\x94g\x9f}6\'\'\x87\xedjE\x15\x04\xe3\xc6\x8d{\xfb\xed\xb7\xb1\x1a\xdcA\x10\x00\x17C\xdf\xb4I\x93&amp;\xd1nk\xd47\t3\x87\x96W\xee\xb0X,.\x97\xcbO\xe64TE\r\x0b\x0f\x1d?j\xd2\xbf&gt;\xfe\x94u\x18\x87\x0f\x1f^^^\xcey\xa5$\x94\xa6t\x15E\x89\x89\x89\xa1\xf3Lh \xe2\x93\x87$\x02\xc3E6}\x12E\xd1\xcf\xcb\xe4\xe9\x8b\xb3{\xf7\xee\x1f~\xf8\xe1\xa1\x87\x1ebg\xc0\xb1U\r\xf7\x8bg\xa7"\x0b\x82\xf0\xd4SO\x15\x15\x15\xb9o\xb2b\xb1X\x8e\x1c9\xd2\xbd{w\xac\x06w\x04\x84\xea\x05\x9d\xbb\xd7\xa6\xff\x9ec\xc5s\x8a\xacf\xe4.\n\n\n\xa2\xc9V\x1a\x83\x97\x94\x94P\x1daG\xbf~\xabg\xa4i\xe1.4,45\xfdIL\xfe\xb4\xcdE6}\xf2\xfe\xea\xce\x95\xa2&gt;\xc7\xc8\x91#\x1f~\xf8a*\xec\xa1&amp;\x9e\x1e\xfa\xa5\xf4b\xe8\xcf9\x8eSUu\xe9\xd2\xa5\xdd\xbbwg\xad?\xcf\xf36\x9b\xed\xcb/\xbf\xe4\xce\x16\x98\x81g\xe1\x9by~l#{\xb6\xdb\xbe \x08~{\x8e\x95 \x08\x8e\x06\xc7/G\r\x1d3\xfe~j\x8b\xe9\xfa\x97-[\xd6\xd0\xd0\xd0\xd1\xd5#\xf4\xdd\xae\xae\xae^\xbdz5\xad\xfdR\x0b5}\xd6\xb4\xc1\xb1\x83\x9c\xbe^&amp;\xd1\xa9\x0bm\xfa\xb4z\xf5\xea\xea\xeaj],\x8d\xd2\xa0\x90\xa2\xeb\x92\x9f\x01\xfa\x94Z,\x96a\xc3\x86qg\xab]\xe9\xaf\xdf|\xf3\rw\xb6`\x14&lt;\x0b\xdf\xcc\xf3c\x1b\xd9\xb3\x85)??\xc7\x8aJB\xd3s\xd2\xcc\x960*\tuo\x94;\xb4\xb1\xa0\xb0Y\xbe|yCC\x03{\xee\xf7\xda\xbe}f\xcd\x9bi\xb3\xda0\xf9\xd3fg6}\x9a7\xf3\xda\xbe}\xd8\xa6O\r\r\r\xcb\x97/\xd7\xc5\x06A\x82 P}\xe7e\xfe\xfb4\xd0\xe9\xdb\xb7/w\xf6)\x01\xfa\xab\xc3\xe1\xe8\xb8\x8b48\x04\xc0yP\xebI\xfb\xf1\xba\x9f\xf8\xe8\xcf\xe7XQIh\xe4\xf5\xfdR\x9f~\x92JB\xdd\xa7e:n\xd2\x80M7m\xd9\xb2\xc5}\xeava\xf6S\xbd"z\xd2!\xc0\x1d\xf1\xbaF\xc0\xf3|KKK\xaf\x88\x9e\x0b\xb3\x9fb%\xa1\xa2(n\xd9\xb2\x85=\x92\xe2\xebk\xf4\xb0\xf3\x06\x9b\x1f~\xdd\x02\x06\x02\xe0&lt;\xdc7\xb2\xa7O\xa4.\xce\xb1\xa2\x1d%\xdd\x0f\x19\xe7~\xbeyu\x07\xbd\xae\xa2(\xd9\xd9\xd9\xd4\x18\xb1\x87$&amp;N\x1do=Y\x8f\xee\x7f;I\x92d=Y?q\xea\xf8;\x86\xdc\xc6\x8a\x7f\xdcox \xa1O\xec\xf7\xdf\x7f\xcf\xb9=!\xccq\x1c=+\x80\x9eDG@\x00\xb4v\xeeF\xf6\xd4}\x9e9{\xc6\xad\xb7\xdd\xec\xec\xc8\x13\x1f\xdbOQ\xce\x7f\xc88;\xbe\xc6\xe3/\xd7\xea\x19iM\xd3\x82\x82\x822r\x17)\x1dv6\xb2\xd1\xf0&lt;\xaf(\x17\\\xe1\x0f\x98\x18\xa0awss\xf3\xa7\x9f~\xca\x9dm\xfai@\x19\x1d\x1d\xcd!\x00:\x86\xff\xb6e\xbe\xd2j#{\x1a\x01\xe8\xe5\x1c\xab\x0b\x1d2\x9e\x96\x96\xd6\xdc\xdc\xec\xd9\x89c\xf6\xd0\xbf\xfb3\xd2\xaa\xaa\x8e\x19\x7f\xff/G\ru48\xfc9)u\xe4"+\xfcv\xbb]\x17\x8b\x01\x97\x83\xda\xfa\xb2\xb2\xb2\xaf\xbf\xfe\x9a&gt;HT,\xd4\xaf_\xbf\x1bn\xb8\x81C\x00t\x0c|E\x7f\x86md\xbfs\xe7NVw\xa1\xbbs\xac\xe8\x90q*\xc7d\xdb3l\xdd\xba\xd5\xb3\xab\xc1ts\x8a\x8a\x8ah\xdb\tM\xd3TM\xb5\x84\x9b\x9f\xceIs48\xfd&lt;)\xf5\xc5\x0f7}\xf2,EQ$I\xaa\xab\xab\xcb\xc8\xc8`\x91FuA\x89\x89\x89\x9d:u\xa2\xde\x98\xaf/3\x00!\x00~B\x1d\xab\x96\x96\x16v\x0c\x93\x1e\xcf\xb1\x12\x04\xc1\xe9h\xbc9n\xd0\xe4\xe4\x89\xd4a\xa4\x0c\xc8\xc8\xc8\xa0\r\xda&lt;\xd2a\xa4\x9f\\SS\xb3v\xed\xda\x9f\x1e\x92P\xb5\x19)\xc9\xd1\xfd#O7\xe9#)\xf5\xe2\xbc\x9b&gt;\x89\xa2\xb8v\xed\xda\x9a\x9a\x1a\xff\x7f,\xe0\xe2\xe8\xbd466\xfe\xf6\xb7\xbf\xfd\xf6\xdboi\x03A\xfa\xea\x85\x85\x85\xa5\xa6\xa6\xb2\xa3\x05\xc0\xe3p[\x7fB\x1f\xbb\xfc\xfc\xfcC\x87\x0e\xb1\x9dx5M\xcb\xc8Y\xd85$DG\xfd,Q\x14N9\x9b\x16,\x99g\xb6\x84Q\xd3\xc0\xf3|mmmaa\xa1\xa7\x06\x01\x14\x96\xe9\xe9\xe9v\xbb\x9d~&gt;\xed\x8f=;-\xa5\xde\x8a\x03\xbf&lt;O\x14\xc5z\xabmvZJ\xbf\xa8\xbe\xf4\xc9\xe48\xcen\xb7\xa7\xa7\xa7\xebz\x16\x88\xb6\xda=y\xf2\xe4\x03\x0f&lt;\xf0\xe1\x87\x1f\xb20\xa3\xff\xf3\xdcs\xcf]s\xcd5\xd8\x07\xa2\xe3\xe0\xb6\x9eA_\xaa\xda\xda\xda\x82\x82\x02\xd6\xc3R\x14%a\xec\xbd\xa3\x12F\xe8\xeb\x14C\x9e\xe7O\x9f&gt;}u\x9f\xabR\x9f~\x92\x8dc\x04AX\xb3f\r\xed\xd3\xd0\xce\x0c`\xcfH\x97\x95\x95\xb9\x97~\xb2\xfd\xb1\xd1\xfd\xf78z,1$,d~\xe6\\\xf7\x92\xd0\xb2\xb2\xb2\x0eZ\xe1\xf7\x02\xda/\xfa\xc8\x91#\xa3F\x8d\xda\xbbw/m\xfe\xc3q\x9c\xc9dr\xb9\\\x8f=\xf6XJJ\x8a\xffo|\xa4k\x08\x803\xdc7\xb2\xa7\xee\x06mf\x90\xb1l\xa1,+\xbak\xd1DIt\xd8\x1dgKB\xcfl\xc0B%\xa1\xed\xec0R\xeb\xe3r\xb9\xd83\xd2\xd4\xfa\x0c\x1d1$q\xda\x04\xbbN&amp;\xca\xf4H\x92${\xbd=q\xda\x84\xa1#\x86\xb4Z\xe1\xa7m\xa9\xf45\x0e\xa0y\xff\xf2\xf2\xf2\xbb\xef\xbe\xfb?\xff\xf9\x0f\xedY\xc2\xf3&lt;m \x9a\x94\x94\xb4a\xc3\x06\x9aZ\xf4\xf5\x95\x062\xdc\\\x8e;;\xa3]YYYRR"\x08\x02\rKi3\x83\x98[\x06\xfay\xe9\xe7y\xf1\x1c/\xcbT\x12\x9a\xe1\xdea,--e\xeb\xdbm\xfb\xc94\x98x\xe5\x95W\xd83\xd2\xaa\xaav\xee\xd2yy\xfe3.\x97\xcf\xce\xc61\x0e\x97K^\x9e\xffL\xe7.\x9d\xe9\xce\xd3\n\xff+\xaf\xbc\xa2\x8b\xcd!\x18\xfa4\xfe\xf1\x8f\x7fLHH\xa8\xad\xade\xcbH4\xd0\x99;wnqq1\xf5\xc9t\xd7\xf7\xd2\x17\x9d\xb5k\x1d\x84\xca\xab\xe7\xcf\x9fOO\xae\xd2\x14P\xdf\xc8\xebf\xa5\xce\xb4\xf9\xf4\xc8\x97\xf6\x10E\xd1nk\xb8\xef\xc1\x84\xfb\xc6\xc5\xbbw\x18Y\x85k\xdb:\x8c\xf4_}\xf7\xddw\xdc\xcf+\xf3\x9c\x0e\'\xbe\xab^\xc0\xf3\xbc\xd3\xe1t\xff[\xee\xec\xafC/#\x00\xfa4\xe6\xe4\xe4&lt;\xf1\xc4\x13\xd4\xee\xb3\xa7mh\xde\x7f\xdd\xbaul\xd8\xea\xeb\x8b\rp\x08\x80\x9f\x9ef\xda\xb7o\x1f;\xc4\x9c\xce\xb1\x8a\xb8:B\xd7\x9b\x19\xf0&lt;/\xbb\xe4\x05Y\xf3LA&amp;z\x9e\xd9\xfd\x19\xb7\xb6u\x18)H\xe6\xcf\x9f\xdf\xbbwo\xbaW\x82 \x9cn:\x9d\x97\xb5J2I\x9c&gt;\x9a \xdd\xd28\xc9$\xe5e\xad:\xddt\x9a\xed\xb9\xdd\xbbw\xef\xf9\xf3\xe7\xd3\\\x9c\xaf\xaf\xef\xd2\xe8\xeb\xf6\xec\xb3\xcf.[\xb6\x8cm\x02J#\x80\xee\xdd\xbb\xbf\xfb\xee\xbb\x8b\x16-b\x8f\xe0\xf8\xfab\x03\x9f\xd1\x03\xa0\xd5\xd3L\xec\xb3x\xdb]q\x93\xa7\'ZOXu\xda\xfd\'\x82 8\x1d\xce\xc1\xb1\x83f\xce\x9e\xc1J\xeb\xd8.\x17m\xdb%\x94\xeeR\xf7\xee\xddW\xadZ\xc5\xce|\x17E\xf1\xff&gt;\xae(\xdd\xfc\xa6\xb9\x9b\xd9\x87\x87$\x076Y\x96\xcd\xdd\xcc\xa5\x9b\xdf\xa4c\xc2\xd8\xfe\xe4\xabV\xad\xea\xde\xbd;+\r\xf2g\xf4Q\xd9\xb6m[vv6u\xb6h\xafPEQ\x06\x0c\x18\xb0o\xdf\xbe\xb1c\xc7\xd2\xca\xb0\xff\xbf\x97\xc0`\xf4\x00h\xf54\x13\x9dR\x1d\x14d\xcaz6\x9d\xba\xba\xbe\xbe\xc0\xf6\x12E\xb1\xd1\xd1\xf8\xd8\xdcG{\xf6\xea\xc1\x9e\xaf\xa1}\xee\xa8)o\xdb\xcfT\x14%))\x89\x9d8F?\xb9h\xe5\x0b\xce\x06\xa7\xae#\xd3\x9fI\x92\xe4lp\x16\xad|\x81\xe38\xb6\xf6&gt;|\xf8\xf0\xa4\xa4$]\x94\xca\xb0=\x16g\xcf\x9eM\x9f=z\x17\xb2,\xc7\xc5\xc5\xed\xd9\xb3\xe7\xc6\x1bo\xa4\xd6\xdf\xd7Wj \x86\x0e\x00\xea\xefWWW\xaf]\xbb\x96z\xb2\x92$\xa9\xaa:f\xfc\x03\xc3F\ri\xb0\x07\xc2)\x86T\x12\xda\xe7\xbak\x16d\xcd\xa3A\x00e\xde\x86\r\x1b\x0e\x1d:\xd4\x9e\x95CA\x10rss\xe9\x16\xa9\xaa*J\xe2\xb1\x9a\xaf^,\xdc\x10\xde=\x1c\x83\x00\x8f\xa3\x83?_,\xdcp\xac\xe6+Q\xfa\xa9X&gt;77W/\x15\n4a\xf8\xf2\xcb/\xd3\xaa/\xfb4\x0e\x1c8\xf0\xfd\xf7\xdf\x8f\x88\x88\xa0/\xa0\xaf/\xd3X\xf4\xf1\xd1\xe9 4j^\xbe|9\xed\xa9\xc2q\x9c\xa2(\x81\xb7\x99\x01\xed\x12:q\xea\xf8\x817\xdf\xc4\xb6X\x91e\x99=\xf0\xdc\x86\x9f\xc9\xba\x9fS\xa7N=\x13\x9c\x8a*\x08\xc2\xcb\xbf\x7f\xf5?\xff&gt;\xd0\xb5k\xb0\x8e*R\xfc\x9f\xaa\xaa]\xbb\x06\xff\xe7\xdf\x07^\xfe\xfd\xab\x82 \xa8\x8aJ\xd3&amp;S\xa7N\xf5\xe6\xb1\xcf\xedD#\xc5\xad[\xb7\xb2\xd3\xbe4M\x0b\t\ty\xf3\xcd7{\xf4\xe8A\xa5w\xbe\xbeF\xc31n\x00P\xb3\xb5o\xdf&gt;\xb6\x91=\xcd\xa8\x06\xe4f\x06\x8a\xa2t\r\t\xc9\xc8Y\xe8^\x12\xea\xbe\xe5Q\x1b~&amp;}\x81\x9fy\xe6\x99\xb0\xb03\xcf\x1b\xd3\x92\xc3\xba\xd5\xeb\xbb\x04wA\x00x\x90\xaa\xaa]\x82\xbb\xac[\xbd\x9eU$\xd36\t\xcf&lt;\xf3\x8c^N\xca\xa5\xce\xd6w\xdf}\xf7\xdf\xff\xfe\x97\xb6\xa8\xa2&lt;\x98;w\xee\x80\x01\x03\\.\x17\xfa\xfe&gt;a\xd0\x00\xa0\xafMss\xf3\xfc\xf9\xf3i%\x8a&amp;C\x02u3\x03Q\x14m\xf5\xb6Q\t#&lt;X\x12Jw,:::==\x9d\xbe\xcf\xd4\x89\xdb\xfe\xd6{\x1f\xfc\xb5\xdc\x12n\xd6\xe3\xb3\xa9~\x88F\xa5\x1f\xfc\xb5|\xfb[\xef\xb1\x9b\xac\xaajzzztt\xb4^\xb6I\xa0\x0f\xd8\xb1c\xc7\x9a\x9a\x9a\xd8h[\x10\x84\x87\x1f~X/o! \x19\xf4\xbe\xd3gn\xeb\xd6\xad\x95\x95\x95\xee\xdb\xfe\x04\xf0f\x06&lt;\xcf\xab\x8a\xea\xd9\x92P\x9a\xc3]\xb8pa\xff\xfe\xfdeY&gt;\xd39U\xd4\xe7W\xbd\xe0r\x05\xe0=\xf4\t\x9e\xe7].\xf9\xf9U/\xa8\xca\x99a\x96,\xcb\xfd\xfb\xf7_\xb8p\xa1\xee\x1e\x94=q\xe2\x04\xc7q4\t\xa9iZ\xaf^\xbd"##\x05A\xd0\xd7\xbb\x08$F\xbc\xef\xd4\xf9\xb5Z\xad\x19\x19\x19\xadN|\x0c\xe0\xcd\x0c\x04Ap8\x9c\x83c\x07=\xfa\xc4tV\x12*\x08Bvvvmmm\xdb*\x82\xa8\x89\x0f\n\n\xca\xcb\xcb\xe3\xb8\x9f\x8e\xa0\xf9\xbf\x8f+^\xdfT\xda\xadG7\xac\x06\xb7\x93,\xcb\xddzt{}S)+\xfd\xa4{\x9e\x97\x97\x17\x14\x14\xc4\xe9g\x97|\x1a\x01477Kn"""\x82\x83\x83}}i\x86f\xc4\x00\xa0\x86\xaf\xb0\xb0\x90\x1a&gt;\xea\x0eK\x92\x94\xbd2S\x96\x03y\xd6B\x14EG\x83c\xce\xa2\'\xfaF^\xc7\x9e\xb4\xac\xaf\xaf\xcf\xcc\xccl\xdb3\x01\xdc\xd9\xd5\xe0\xc4\xc4\xc4\x11#F\xb8O.\xbdX\xb8\xa1\xae\xb6.\xa8SP\x00\x94\xd2\xfa\x8a\xa6iA\x9d\x82\xeaj\xeb^,\xdc\xe0\xbe\xed\xd2\x88\x11#\x12\x13\x13\xf5\xb2\xf6\xeb\xae\xa9\xa9I\x96\xe5\xe6\xe6\xe6\x96\x96\x16Y\x96\xedv;\xf5\xfd\xf5\x12c\x81Gg\x1bH\xb5\x1f5|G\x8e\x1c\x89\x89\x89\x91e\x99u\xff\xa7&gt;\xfaP\xfe\x1fWYO\xd8$Ig_\xaa+"\xcbr\x8f^=6\xfe\xa18}n\x16[\xfa6\x99L\xfb\xf7\xef\x8f\x8d\x8dm\xdb\xc6\xebtK+++\x87\r\x1b\xe6r\xb9\xd8-M\x99\xf7\xbbe\xf9\xcf\x9c&lt;~2 GT^ \xcbr\xf7\x9e\xdd\x97.\\\xbe\xe1\xf9\x97=\xf5\xcb\xf2\x15\xeau\x1d8p\xe0\xcd7\xdf\xa4\xe6^\xd3\xb4\x88\x88\x88\xc7\x1f\x7f\xdc\xd7\x97fh\x86\x0b\x00\xea7M\x9a4\xa9\xb4\xb4\x94m&gt;\x1ef\x0e-\xaf\xdca\xb1XhWE__c\xc7\xa2\x92\x92\xc4\x84\x87iV\x81\xe38\xeaT\xee\xde\xbd\xbb\xcd\x9dJ\xfa\x0f\x1fy\xe4\x91\x8d\x1b7J\x92D\xeb\x01\xa2$\xbe\xb7\xef\xed_\xdctCc\xe3)\x1d5U~\x82J?\xff\xf7\xe5\xe11w\xffF\x91\x15UU\xe9\xc6\xce\x981\xe3\xd5W_\xd5c\xf7\x1f\xfc\x90\xb1\xbe\x96\xac\xfc\x91Z\x7fV\xfa\x99\xfa\xf4\x93W\xf7\xb9J/\'&gt;\xb6\x93\xa6i&amp;\x934/c\xae \n\x9c\xdb\xe6\xfe\xec\x9e\xb4\xe1g\xd2\x12\xc2\xca\x95+\xc3\xc3\xc3\xd9\xe4\x92\xab\xc5U\x98\xf7\xbc \xb6qr\xc9\xe04M\x13D\xa10\xefyW\x8b\x8b\xee\xa7\xaa\xaa\xe1\xe1\xe1+W\xae\xd4\xc5\xae\x0f\xe7\xa5\xaa\xaa\xfcs\xbe\xbe"\xa33P\x00\xd0\xdc\xb4\xfb\x03P\xb4\x10\x1ay}\xbf\xe4\x94i\x0e\xbbC\x0c\xe8\xc9\x1fF\x14E[\xbd\xfd\xde\x07F\x8f\x9d0\xc6}#\x87\xac\xac,\xda\xf9\xaem%\xa1\x9a\xa6\xf5\xee\xdd;77\x97=\xe1)\x8a\xe2\xfb\xef\xee\xdc\xb5c\x0fJB\xaf\x14\x95~\xee\xda\xb1\xe7\xfdw\x7fv6unnn\xef\xde\xbd\xf55\xf9\xe3N\x10\x04I\x92\x84\xb307\xe8s\xba\xfc\x18\xb5\r5L\xee[ Pc\xb7$/#8\xb8\x8b,+&lt;\xa7\xcb^U\x1b\x08\x82\xd0t\xaa)5\xfd\xc9\xd0\xb0P\xb6\x06^UU\x95\x9f\x9f\xdf\x9e\x92PUUSRR\x06\x0c\x18@\xb7\x9a\x12wUN~\xd3\xa9&amp;Q\x145\xec\x14zy4N\x13E\xb1\xe9T\xd3\xaa\x9c|\xf7\x9e\xca\x80\x01\x03RRRt]5O\xfb\xff\xb0\x00\xa0\'\xc2|}Q\x86\xa6\xd7O\xd2\x95\xa2\xc6\xc8}\x134\xeaX\xdd7.\xfe\xbe\x07\x13\xec\xb6@\xd8\xf6\xe7\xf2\t\x82\xe0t6\x0e\x8e\x1d4}\xd64v+\x04A(((hOI(\x05\xc9\xbau\xeb\xe8nSSu\xf0\xf3/7\xfeqs\x98%T\t\xe8\n+\x0fRd%\xcc\x12\xba\xf1\x8f\x9b\x0f~\xfe\xa5{Oe\xdd\xbau\x92$\xe9\xe5\xd1\xdfs\xb1\x03^\xbe\xf9\xe6\x9b\xcf?\xff\xfc\x9bo\xbe\xa1\xbd\xc41C\xe8CF\t\x00V\xf3\xce\xb6A\xd64\xcd\x14dZ\x905O6\xe4#K\x92$\xd9\xac\xb6Y\xa93\xfbF^G\xd5\xe5\xf4lD\xfbKB\xe3\xe3\xe3\xe3\xe3\xe3\xd9\x11\x1f\x82 \xac{n\xfd\xf7\xdf\xfe\xd0\xb9sg|\xd5/I\xd3\xb4\xce\x9d;\x7f\xff\xed\x0f\xeb\x9e[\xef\xfe\x90\x8a\xfb]\xf5\xf55\xb6\x05\xe5\xd6\x17_|\x11\x1f\x1f\x7f\xe3\x8d7\xdez\xeb\xad7\xdex\xe3\xfd\xf7\xdf\x7f\xe0\xc0\x01\xdd\x1df\x19H\x0c\x11\x00\xec\xe4&lt;z\xea\x95\xb5M3g\xcf\x18\x1c;H\x8f\'&gt;\xb6\x1f\x1d\x11\x1cqu\xc4\xec\x05)l\x83 A\x10JJJ\xd8\xd3\xd1m\xfb\xb1\xd4W\r\n\n\xa2\x94\xe5y\xdenk(|\xf6\xf9\xe0\x90.\x8a\x82\xf1\xfe%(\x8a\x1a\x1c\xd2\xa5\xf0\xd9\xe7\xed\xb6\x06\xf6\x90JPP\x10\x1bW\xf9\xfa\x02\xdb\x82\xda\xf7\x1f~\xf8\xe1\xde{\xef\xfd\xe0\x83\x0f\x1a\x1b\x1b5Mkll|\xff\xfd\xf7\x7f\xf5\xab_}\xff\xfd\xf7\x1c\xc7a.\xc8\'\x0c\xd1\xf0\xb1\xb3\xb3\xd9IC\xaa\xaa\xf6\xe8\xd5\xe3\xb1\xb9\x8f6:\x1au\xda\xa5j?I\x92\xac\'\xac\x93\xa7\'\xdevW\x1c\x85"\xa5\x02\xdb\x1f\xa9\r?\x93\xcdV/Z\xb4\xc8}r\xe9\xf5\xe2\xb2\xcf+\xfe\x13\x12\xda\x15\xdf\xf3\x8bPU5$\xb4\xeb\xe7\x15\xffy\xbd\xb8\xcc\xbd\xa7\xb2h\xd1"\xb6\xb2\xe2\xebkl\x0b\x1ab\xbe\xf1\xc6\x1buuu\x9d:u\xe2\xcf\xea\xd4\xa9S]]]III\x9b\x8f\xa6\x80v\xd2\xe5\xe7\xe9\x8a\xb0\xc3\xd0\xf7\xec\xd9\xe3^\xfa\x99\xb6d~\x9f\xeb\xae1H\xe9\xe7\x85\xd0\xc3\xa5Y\xcf\xa6\x07\x05\x99\xe8`d\xda!\xb5\xa4\xa4\xa4\xcd%\xa1\x94\x01\x0b\x16,\xa0z\x15\xfa\xaa\xcb\xb2\x9c\x9b\xb92\xb0\x1f\xb2\xf3\x08I\x12s3W\xb2\x9e\n\xd5V-X\xb0@\xbf\xad?\xf3\xdf\xff\xfe\x97\x06\x9a\xdaY\x14\x0c\x07\x0e\x1c\xe0\xf00\xb0\x8f\xe8\xfb#uI\xd4\x00\xb5\xb4\xb4deeqn\xe7(\xdd&gt;$n\xca#\x93\xac\'\xeb\r^\x88&amp;\x8ab\x83\xbda\xd8\xa8!c\xc6?@\x1dvZr\\\xb6l\x19\x9d\x91\xd0\xb63#5M\xeb\xd6\xad\xdb\xaaU\xab\xdcKB\xf7\xef\xfe\xa8\xf4/o\x99\xc3qf\xe4\xf9\xc9\xb2l\x0e7\x97\xfe\xe5\xad\xfd\xbb?r/\xfd\\\xb5jU\xb7n\xdd\xf4;\xff\xc3\x9dm\xdc].\xd7\xb9\x1f\'M\xd3\\.\x97/.\n8.\xe0\x03\x80\x1a\xa0\xfc\xfc\xfc\xaa\xaa*:\xed\x8b\xe38A\x14\xe6e\xcc\xa5\x82\n__\xa0\xef\x89\xa2\xe8hp&gt;\x9d\x93f\t7\xab\xda\x99S\xfa\xaa\xab\xab\x8b\x8a\x8a\xa8\xedn\xc3\xcf\xa4\x96\xeb\xa1\x87\x1e\x8a\x8d\x8deC.\x9e\xe7\xd9\x99\x91\xb8\xf3\xadP\x01\x15\x9d\xf8\xc8J?\x15E\x89\x8d\x8d}\xe8\xa1\x87\xf4\xde\xfd\xa7_\xf7UW]E\xc3\x1a\xf6\xe7\xf4\xb7\xd7\\s\r\xfbw\xc0\xcbt\xfc\xa9\xba$\xfa\xda\xd4\xd6\xd6\x16\x14\x14\xb0~\xa8\xa2(c\'\x8c\xb9\xf7\x81\xd1\xb6z\xbbag\xff\xdd\xf1&lt;\x7f\xba\xe9tt\xff\xc8\x19)\xc9\x9a\xaa\xb13#\xd7\xae]\xcb\xceIn\xc3\xcf\xd44\xadS\xa7NEEE\xb4\xb4@\xbf\x8bc5_\xbdX\xb0!\xbc\x9b\x05\xcf\x85\xb5\xa2(Jx7\xcb\x8b\x05\x1b\x8e\xd5|\xc5J?EQ,**\xea\xd4\xa9\x93\xae\xbb\xff\x1c\xc7Qz\x8d\x1b7N\xd34Y\x96M&amp;\x93(\x8a\xb4\xb3\x85\xa6i\xe3\xc7\x8fg\xff\x0exY \xdft\xfa\xdadddX\xadV\xb6\xffThXhj\xfa\x93M\xa7\x9a\xf0\x81cDQ\xac\xb7\xdaf\xa7\xa5\xf4\x8b\xea\xcbJB\xedv\xfb\xf2\xe5\xcb\xdb\\\xa2GG\x97\xdc}\xf7\xddtf$\x9b\\\xda\xb8\xa1\xb8\xba\xeah\xe7.(\t\xfd\x89\xa6i\x9d\xbbt\xae\xae:\xbaqC\xb1\xfbC*S\xa7N\xbd\xfb\xee\xbb\x03\xe0\xacD\x8a\xb4;\xee\xb8#77\x97\xe6|\x14E\xa1\x99\xc0\x15+V\x0c\x192D\xefC\x1c\xfd\n\xd8\n\\jt\xf6\xee\xdd;j\xd4(Zz\xa2\x1e\xc7\x9c\x85O,}n\xc9\x8f?\xfch2\x99|}\x8d~\x84\xce\x1c\x7f\xa3\xb8l\xfec\x0b\xa9\xf5\xa1F\xa7\xbc\xbc\xbc\xcd\xa7\xceR\x8b_SS\x13\x17\x17\xe7p8hrI\x96\xe5\xf1\x93\x1f\xdcP\xf2\xfb\xe3?\x9e0\xf8\x02\x0c#\xcbr\xcf\x88\x1e)S\xe6l{\xfd\x1d:\xec\x97\xe7\xf9\xd0\xd0\xd0\x8a\x8a\x8a\xa8\xa8(\xfdn\xfc\xd0\n\xb5\xf2\xff\xfc\xe7?\xb7o\xdf\xfe\xc3\x0f?\\u\xd5U\x0f&gt;\xf8\xe0\xed\xb7\xdf\x8e\xd6\xdf\x87\x029\x008\x8e\x1b=z\xf4\xde\xbd{i\xbb\x1bUU\xaf\xba\xa6\xf7{\x1f\xbe\xdd\xa5K\x17EQ\xf5&lt;\xa4\xee\x10\xaa\xa2\x9a\xc3\xc3~3*\xb1\xf2\xff&gt;c\xbb\x84\x0e\x1f&gt;\xbc\xbc\xbc\x9c\xe3\xb8\xb6uBeY\x96$i\xd9\xb2e999l\x97PI\x12_\xff\xeb\x96\xdb\x86\xc49\x1a\x1cz\xef\xdb\xb6\x9f\xa2(\xa1a\xa1\x9f~\\1\xf9\x81\xa9\xb2\xdb\xae\x9f999K\x97.\xa5\x1b\xe8\xebk\xf4\x98s\xdbz\xb4\xfe\xbe\x15\x98\x01@=\xd6\xcd\x9b7\'\'\'\xb3\xfe\xac(\x8a/\xbf\xfe\xc7I\xbf\xf9\xed\xc9f\xabI\x92\x02\xf0m\xb7\x8f\xaa(]\x83\xbaV~\xf6\xefq#\':\x1dN\xb6\x0eY\\\\\x9c\x94\x94\xd4\xb6\x96\x88r\xd7\xe9t\xc6\xc6\xc6\x1e=z\x94&amp;\x97\x14E\xb9\xed\xae\xb8\xb2\x9d\xafa"\x8e;\xbb;\xf7\xc4\xf8\x87?\xfd\xa4\x82z*\x9a\xa6EFFVVV\x86\x84\x84\xd0\xde\t\xbe\xbeFORU\x95mn\x81\xc3 }.\x00\x03\x80\xbeB\x0e\x87#..\xae\xa6\xa6\x86=N\xd9\xad{\xf8\xf4\x94$\xda\\W\xe34\xe3l\xfdv9\xe8\x86\xa8\xaa\x1a\xdc\xb5\xcb\x96?o\xfd\xfe\xdb\x1fX\x1dzTT\x145F\xadJ8.\x13\xa5oYYYbb"\x0bcEQV\xbf\x907\xe3\x89\xe4\x13u\x86\x9e\x08:\xf7|\x1e\xfakii\xe9\xc4\x89\x13\xf5\xbb\xf1\x03\xe8E\x00\x06\xc0\xb9\xd3\x0e\xbe\xbe"\x1d\xa3\xf6h\xf1\xe2\xc5yyy\xed&lt;.f\xe4\xc8\x91\xf4,\x1e\xe5\xf1u\xfd\xae\xdd\xbe\xe7\xad.\xc1]\xd89\xb7FC\x8b"M\xa7\x9a\xc6\x8e\x98\xf0\xf5\xb1o\xd8\xf0\xa8\x9d\x87\xf3\x00\\\xbe@\x0b\x00\x1a]\x1e=z466\xd6\xe9t\xd2\xf6\xb3\xec\x9fJ\x92\xc8\xa1\xe3\x7f)\xee\xfb@\xd0~\x8d\xa2(\x1e8p\xa0\x7f\xff\xfem\x9b\xb1=\xf7\xccH\xb7\x05\xf9\xac\x1f\x7f\xa83\xe6\x82\xbc\xcb\xe5\x8a\xb8\xaa\xd7\xb2\xa7\xf3~\x9f\xff\x07\xb6@\xa2\xd3\x13\x1fA\xa7\x02\xed\x13F\xa5\x9fK\x96,q8\x1c\x92$Q\xb91\x83\xd6\xffr\xb8\xdf4\xfa\xff\x8a\xa2,]\xba\x94k\xeb\xd3:T\x05\x18\x17\x17\xf7\xf0\xc3\x0fS\xebO\x8f\x1alz\xe9/\x07&gt;;\x18\x12\x1ab\xc0}`TU\r\t\r9\xf0\xd9\xc1M/\xfd\x85\xd6Z\xe8A\xc5\x87\x1f~8..\x0eK\xa3\xe0\x1d\x015\x02\xa0Q\xf3\xb6m\xdb&amp;L\x98\xe0\xebk\t@o\xbd\xf5\xd6\xf8\xf1\xe3\xdb\\\x12\xcaq\\]]\xdd\xc0\x81\x03m6\x1b[aN\x18{\xef+\xaf\xff\xb1\xc1n\xb8r EQ\xc2\xcc\xa13\'?\xbec\xfb\x07\xec!\t\x8b\xc5r\xf0\xe0\xc1^\xbdzqx0\n\xbc"\xa0\xd6\xdfh*YQ\x94\x9c\x9c\x1cz\xa0\xc6\x98\x93\xcb\x9eE\x8d5m\xdd\xc5\xb5u\xd3.j\xee{\xf7\xee\x9d\x96\x96\x96\x95\x95E3\x1e\xa2(\xee\xd8\xfe\xc1\xae\x1d{~u\xffh[\xbd\xcd8\x19\xa0(\x8a%\xdc\xf2\x8f\xbf\x95S\xeb\xcf\x1eRIKK\xeb\xdd\xbb7f\xff\xc1k\x02j\x04\x00\xfe\x8c\xd6~eY\x1e&lt;x\xf0\xe1\xc3\x87\xd9\xb3\xd97\r\xbe\xf1\xed\x7f\xbc\xa1\xaa\xc6\xfa\x1c\n\x02\xff\x9b_M\xfa\xf2\x8b\xff\xb2\xfbp\xc3\r7|\xf1\xc5\x17\x92$\xb5\xad\xda\n\xa0\r\x02j\x04@\xa8\xd0\xd8\xd7W\x11\x80\xdaY\xb5Mc2:\xdb$!!\x81\xed\xcet\xf0\xf3/\xcb\xb6l{d\xf6\xf4\x93\xc7O\x1a\xa1$T\x96\xe5\xee=\xbb\xbf\xfa\xe2\xa6\x83\x9f\x7f\xc9J?UU\xa5Sthu\xc4\xd7\xd7\x08F\x81\x11\x00x\x15\xb5w\t\t\t;w\xeeds\xdf\xdd{t\xdb\xf1\xc9\xff3[\xcc.\x97+\xb0;\xbf\x9a\xa6\x99L&amp;\xbb\xcd\x9ep\xd7\xafO\x9e\xb0\xb2\xb5\x90\xf8\xf8\xf8\x1d;v`\xf2\x07\xbc\x0c}\r\xf0\xaaV\xe7\x9bS\xd5\xd6\xf1\xba\x13\x05\xcf\x16\x19\xe1\xccH:\xf1\xb1\xe0\xd9\xa2\xe3u\'\xd8#\x8a\x92$\xe9\xfa\xc4G\xd0/\x04\x00x\x15;32%%\xc5hgF^\xe8\xc4\xc7\x94\x94\x14]\x9f\xf8\x08\xfa\x85) \xf06\xea\xf6\xda\xed\xf6\x9bn\xba\xa9\xae\xae\x8eM\x83\x0c\x1b9\xf4\xf5\xbfnv48\x03\xb5\x1dTU54,d\xf2\x03It\xe6\x17M\x7f\xf5\xea\xd5\xeb\xcb/\xbf4\x9b\xcdX\xfb\x05\xef\x0b\xcco\x1a\xf83\x9a\xfa\x08\x0f\x0f?\xf7\xcc\xc8\x1d\xdb\xff\x1ef\x0e\x0b\xc8\xe3b\x14E\t3\x87\xed\xd8\xfe\xf7sO|\x0c\x0f\x0f\xc7\xfc\x0f\xf8\x04F\x00\xe0\x034\x08p\xb9\\\xc3\x86\r\xab\xac\xacd\xa5\x90\xfd\xa2\xfb\xee\xf8x\xbb\xa6q\x01\xd6 \xd2\xdb\xe1y.a\xc8\xd8c\xd5_\xb1\xf7\x1b\x1b\x1b\xbb\x7f\xff~\x93\xc9\x84\xee?\xf8\x04F\x00\xe0\x03\xec\xcc\xc8\x82\x82\x02j\x1ci(p\xf4\xc8\xb1\x17\x0b_\n\xbc3#\xcf\x9c\xf8X\xf8\xd2\xd1#\xc7\xd8\x89\x8f\x9a\xa6\x15\x14\x14\x04\xc0\x89\x8f\xa0_\x18\x01\x80\xcf\xd0\xccObbbYY\xd9\x99\xc3\x87y\xcel\x0e\xfb\xdbG\xdb{\xf5\xeeI\x1bw\xfb\xfa\x1a=@\xd34S\x90\xa9\xae\xf6\xf8\xfdC\xc7\xda\xed\r\x9cv\xe6\xb9\xe8\x89\x13\'\x96\x96\x96\xa2\xf4\x13|\x08#\x00\xf0\x19\xea\x05\xaf^\xbd\xdal6\xd3\x9f\x88\x82h\xab\xb7?\x97S\x10\x1a\x16\x120\x83\x00EQB\xc3B\x9e\xcb)\xb0\xd5\xdbE\xe1L[o6\x9bW\xaf^\x8d\xbe?\xf8\x16\x02\x00|\x86:\xc2QQQO=\xf5\x14u\x84iK\xe4\xf7\xb6\xfd\xed\xc3]\x1f\x85\x86\x85\x06@I\xa8\xaa\xaa\xa1a\xa1\x1f\xee\xfa\xe8\xbdm\x7f\x13\x04\x81v@R\x14\xe5\xa9\xa7\x9e\x8a\x8a\x8a\xc2s\xbf\xe0[\x98\x02\x02_:\xf7\xf86:\x14\xe5\x8e!\xb7m+\x7f\xc3nk\xd0\xfb\xf4\x88\xa2(fK\xd8\xf8\xd1\x93\xfe\xf5\xf1\xa7\xec0\x9c\xa8\xa8\xa8\x8a\x8a\x8a\xd0\xd0P\xac\xfd\x82o\xa1\xf7\x01\xbeD\xb3@f\xb3y\xe9\xd2\xa54\x1fBC\x81\x7f}\xfci\xd9\x96m\xdd\xba\x87\xeb\xfa@7Y\x96\xbbu\x0f/\xdb\xb2\x8dZ\x7f:\xfbL\xd3\xb4\xa5K\x97\x9a\xcdf\xcc\xff\x80\xcfa\x04\x00\xbeG\xd3\xfd\xa3G\x8f\xde\xbbw/\xeb&amp;\xf7\xb9\xee\x9a\xf7&gt;|\xbbK\x17\xbd\x9e\x19y\xe6\xc4\xc7\xa6\xa61\xbf\xfc\xcd\xb7_\x7f\xc7\x067\xc3\x87\x0f///\xe78N\xef\x83\x1b\x08\x00\x18\x01\x80_\x10E177\x97&amp;\xc4i\x8b\x8</t>
        </is>
      </c>
    </row>
    <row r="324">
      <c r="A324" s="1" t="n">
        <v>322</v>
      </c>
      <c r="B324" t="inlineStr">
        <is>
          <t>rectangle_height_color</t>
        </is>
      </c>
      <c r="C324" t="inlineStr">
        <is>
          <t>What is the missing color of the part denoted with a question mark?</t>
        </is>
      </c>
      <c r="D324" t="inlineStr">
        <is>
          <t>['yellow', 'orange', 'purple', 'red']</t>
        </is>
      </c>
      <c r="E324" t="inlineStr">
        <is>
          <t>red</t>
        </is>
      </c>
      <c r="F324" t="inlineStr">
        <is>
          <t>There are 7 rectangles in the image with varying colors and lengths. The lengths from left to right are ['long', 'medium', 'short', 'short', 'long', 'medium', 'long']. The colors from left to right are ['red', 'purple', 'green', 'green', 'red', 'purple', '?'].</t>
        </is>
      </c>
      <c r="G324" t="inlineStr">
        <is>
          <t>We observe that the purple rectangles are of medium length and the green rectangles are of short length. Hence, the pattern is that the color of each rectangle corresponds to its length.</t>
        </is>
      </c>
      <c r="H324" t="inlineStr">
        <is>
          <t>Based on the pattern that the color of each rectangle corresponds to its length, the missing color of the part denoted with a question mark should be red.</t>
        </is>
      </c>
      <c r="I324" t="inlineStr">
        <is>
          <t>b'\x89PNG\r\n\x1a\n\x00\x00\x00\rIHDR\x00\x00\x02\x00\x00\x00\x02\x00\x08\x02\x00\x00\x00{\x1aC\xad\x00\x00=\xf5IDATx\x9c\xed\xdd{xT\xd5\xbd7\xf0\xdfZ{\xcfd&amp;\x93\xcb\x84\x90\x84\xab\xa8\x84\xabXB\xc2M\x82\x80Z.\xb6\xf5V\x15Q\xc1\xb7\x07\x05m\x8b6\xbe\xbe\xdaz\x1e\xdf\x83\xd8\xb7\xb5\x88\xd6\xa3\xa7=U\x10\x11T\xa4G\xad\xad\xb6\x95\x00Z\x01\x15$x\xe1\x96\x84\x9b\xdcCB\x08\xc9L\x92\x99\xcc\xcc\xdek\xbd\x7flM\x91\n\x84\x90d\xef\x9d\xf5\xfd&lt;\x8f\xcf\x13\'a\xf2\xcb\x9a\xdf\xec\xef\xda{\xaf\xbd\x87I)\t\x00\x00\xd4\xc3\xed.\x00\x00\x00\xec\x81\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e9v\x17\xd0"R\xcaV\xfc+\xc6X\x9bW\x02\xd0\xf1\xd0\xff\xf6\xea\xc4\xe3\xef\xd0\x00\x90R\n!\xa4\x94\x8c1\xc6\x18\xe7\xad\xd9Si\x93\'\x01\xe8x\xe8\x7f{\xa93\xfe\xacu\xe1\xd6N\xac!#"M\xd3N~&lt;\x14\n\t!\x18ki\xb5V\xf6\x06\x83\xc1\x93\x1f\xb4^\x0c\xce\xb9+\x92\x19\x14\x84\xfe\xb7\x97\x82\xe3\xef\x94\x00\x90R\x9a\xa6\xa9\xeb_\xed\x91\xd4\xd7\xd7o\xda\xb4\xe9\x93\x8d\x1b?\xfb\xec\xb3\x13\'N\x94\x95\x96\x1a\x86\xc1\x88ZX\xab\xf5R\xe5\xe6\xe6\x0632\x86\x8f\x18\x91\x9f\x9f?r\xe4\xc8\x9e={Z\xdf5\x0c\x83s\xee\xcc@\x065\xa1\xff\xed\xf5\xed\xe3\xff\xc9\'_\x8d\x7fY\x99i\x9a\xe7\xfa\x9c}\xfb\xf6\r\x06\x83\xc3\x87\x0fw\xf2\xf8;"\x00L\xd3\xb4"7\x1e\x8f\xaf\\\xb9r\xd9\xd2\xa5\x9bKJ\x0e\x1c:\xd4\x86\xbf"#=}\xf8\x88\x11S\xa7N\xbd\xf6\xba\xeb\xb2\xb3\xb3\x89\xc80\x0cM\xd3\x1c\x95\xc6\xa0&amp;\xf4\xbf\xbdN\x1d\xffe\xcb6o\xde|\xe0\xc0\x816\xfc\x15\x19\x19\x19\xc3\x87\x0f\x9f:u\xea\xb5\xd7^\xeb\xa8\xf1\xb79\x00\xac\xdf\xce\x18\x0b\x85B\x8b\x16-zy\xd9\xb2\xad\xdb\xb65\x7f7\xd5\xe7\xeb\x95\x9a\x9a\xed\xf7\xe7\x06\x83\x19&gt;\x9f!D\x0bG\x8b1\x960\xcd\x1d\'N\xd4\xc5b\xfbB\xa1\xdaH\xa4\xf9[\xdd\xbbu\xbb}\xfa\xf4\xbb\xee\xbak\xc0\x80\x01D$\x84pH\x14\x83\x82\xd0\xff\xf6:u\xfc_~y\xeb\xd6\xad\xcd\xdfMMM\xbd\xe0\x82\x0b\xbau\xeb\xd6\xbf\x7f\xff.]\xba\x18\x86\xd1\xc2\xed5c,\x91Hl\xdd\xba\xb5\xb6\xb6v\xef\xde\xbd\'N\x9ch\xfeV\x8f\x1e=n\xbb\xed6\xe7\x8c\xbf\x9d\x01\xd0\x1c\xbcK\x96,yb\xfe\xfc\xf2\x9d;\xad\xc7{\xa5\xa7_\xde\xa3\xc7w\xfb\xf4\x19\x92\x99\x99\x1d\x08\xa4x&lt;:\xe7\xfc\x1c\xa3RJi\x08\xd1d\x9a\xd5\x91\xc8\xce\xda\xdau\x87\x0f\xff\xe3\xd0\xa1\xb2\x9a\x1a\x92\x92\x88\xbadd\xdc{\xdf}\xf7\xdf\x7f\x7fzz\xbaa\x18\xcd\xbb~\x00\x1d\x06\xfdo\xafo\x8c\xff\x13O\x94\x97\x97[\x8f_p\xc1\x05\x13&amp;L\x982e\xca\xd0\xa1C\xbbu\xeb\x96\x9a\x9a\xaa\xebz+\xa6\xea\x89D"\x16\x8bUUU\x95\x95\x95\xbd\xf7\xde{\xabW\xaf\xde\xb1c\x87\xf5\xad.]\xba\xdc{\xef\xbdN\x18\x7f\xdb\x02\xc0\x1a\xfd\x8a\x8a\x8a\x993g\x16\x17\x17[\x0f\x0e\xea\xdau\xd6\xa5\x97~\xff\xe2\x8b\xb3\x92\x93\xa5\x941\xd3\x8c\x9b\xa6\x90R\xb6j%\x16c\x8c3\xe6\xe1\xdc\xa7i:\xe7\xe1x\xfc\xe3\x8a\x8a\xe7\xb6l\xf9\xe0\xd0!\xebm0`\xc0\x80\xc5\x8b\x17\x17\x16\x16Zgxl\xdf\x1d\x03u\xa0\xff\xed\xf5\xad\xe3\x7f\xc9%\x97\xcc\x993\xe7\xfa\xeb\xaf\xcf\xce\xce\x96R655\xc5\xe3q\xeb\xe8\x7f+\xc7\x9fs\x8f\xc7\xe3\xf7\xfb5M\x0b\x87\xc3\xeb\xd7\xaf\x7f\xe6\x99g\xd6\xacYc\xfd\x80\x13\xc6\xdf\x9e\x00\xb0B\xaf\xb8\xb8x\xe6\xcc\x99\x15\x15\x15D\x94\x9b\x91\xf1\xd3\xbc\xbc\xeb\xfb\xf5\x0b&amp;%\xd5\xc7\xe3\t\xd3$\xc6x[\xac\xa5\x95DBJ)\xa5\xcey\x8a\xc7cJ\xf9\xc1\xa1C\xff\xf5\xf9\xe7\x1f\x1e&gt;LDI^\xefo\xe6\xcf/**R\xf0=\x00vA\xff\xdb\xaby\xfc\xef\xbc\xf3\xce#G\x8e\x10Q\xbf~\xfd\x1ex\xe0\x81\x9bo\xbe9###\x1c\x0e\xc7\xe3qk\xf3\xdd\x06\xe3\xff\xf5bP]\xd7SSSM\xd3\\\xbdz\xf5SO=\xf5\xc1\x07\x1f\x10QRR\xd2o~\xf3\x1b\x1b\xc7\xdf\x86\x00\xb0F\x7f\xd1\xa2E\xb3g\xcf&amp;"b\xec\xdf.\xb9\xe4\xe1\xd1\xa3\xb3\xfd\xfe\xbaX\xcc\x10B\xe3\xbc\x9d\x86\xc1\x94\x92\x11\xa5%%\x99B,\xda\xbau~II},FD\xb3f\xcdZ\xb8p\xa1i\x9aN[\xa4\x05\x9d\x0f\xfa\xdf^\xa7\x8e?\xd1=\xf7\xdc\xf3\xe8\xa3\x8f\xe6\xe4\xe4\xd4\xd6\xd6\xb6\xeb\xb9Y\xd34\x19c\xd6a\x9f\xdf\xff\xfe\xf7\xf3\xe6\xcd\xab\xaf\xaf\'[\xc7\xbf\xa3\x03\xc0\xda\xf3j\x1e\xfd\xa0\xcf\xf7\x9b\xcb/\xbfu\xd0\xa0P,\x167M\xbdC\xce\x87Xo\x83\xae~\xff\xa6\xca\xca\x9f\xbd\xff\xfe\x8e\x9a\x1a\x92\xd2z\r\x94\x9a\x07A\xc7C\xff\xdb\xeb\x94\xf1\xcf\xc8\xc8x\xe6\x99gf\xcc\x98\x11\n\x85\xe2\xf1x\xc7\x1c\x8b\xb7b 33s\xe3\xc6\x8dw\xdf}\xb7u\xda\xd9\xae\xf1\xef\xd0\x00\xf8\xc6\xe83\x96\xed\xf7/\x992e\\\xef\xde\x95\x8d\x8dz\xbb\xcdzN\'!D\x86\xcfW\x1d\x89L\xff\xdb\xdf&gt;\xad\xae&amp;!\x9as\xf8\x94\xcb@\x00\xda\x04\xfa\xdf^\xa7l\xfdsrr\xfe\xf8\xc7?\x8e\x1f?\xfe\xd8\xb1c\xad;\xcd{&gt;\x12\x89DFFFuu\xf5\r7\xdc\xb0i\xd3&amp;:i?\xa0#\xc7\xbf\xe3\x02\xc0\xfa\xc3\xd6\xacY3q\xe2D"\xca\xf4\xfb\xdf\xbd\xf1\xc6\x8b\xd3\xd3kc1\x8fM\x0b\xa1\x0c!|\xba\xce\x19\xbb\xf9\xed\xb7?:r\x84\x88\x1e}\xf4\xd1\xb9s\xe7*\xbb.\x02\xda\x0f\xfa\xdf^\xa7\x8c\x7f\xd7\xae]\xd7\xaf_\xdf\xb7o\xdf\xda\xdaZ\x8f\xc7cKI\x86a\xf8|&gt;M\xd3\xae\xbe\xfa\xeau\xeb\xd6\x91\x1d\xe3\xdfA\x01`-w\xad\xaa\xaa\x1a:t\xe8\xb1c\xc7\xd2\x93\x92^\xfd\xde\xf7Fu\xef^\x17\x8bu\xccn\xef\xe9\x98R\xfa4-\x1c\x8fO}\xe7\x9dm\xc7\x8f3\xa2\xe2\xe2\xe2\x89\x13\'v\xe2y\x10t&lt;\xf4\xbf\xbd\x9a\xc7?//\xaf\xaa\xaa*\x18\x0c\xbe\xf5\xd6[c\xc6\x8c\xb1q\xebo1M\xd3\xe7\xf3\x85B\xa1\x1f\xfc\xe0\x07_|\xf1\x05c\xac\x83\xc7\xbf\x83\x9a\xcf\xba\xd2z\xc6\x8c\x19UUUD\xf4\xf8\xe5\x97\x8f\xeb\xdd\xbb\xd6\xee\xee\'"\x8d\xb1\xa8iv\xf5\xfb\x9f\x9f81\x98\x94$\xa5\x9c1cFee%c\xcc\xba+\x08\xc0\xf9C\xff\xdb\xaby\xfc+++\x89\xe8?\xff\xf3?\xc7\x8f\x1fo\xfb\xd6\x9f\x884M\x8bF\xa3YYY/\xbf\xfcrFF\x06\x11\xddq\xc7\x1d\x1d9\xfe\x1dr\xd2\xc945M[\xbe|\xf9\xea\xd5\xab\x89h\xfa\xa0A\xb7\x0f\x1e\\\xd9\xd8h\xd7\x9e\xef)t\xc6\xeab\xb1\xc1]\xbb\xfe\xbf\xc2B"\xaa\xaa\xaaz\xf8\xe1\x879\xe7N\xb8I\x06t\x02\xe8\x7f{\x9d2\xfe3g\xce\xbc\xe3\x8e;\x8e\x1d;f\xfb\xd6\xdf\xa2\xebz]]\xdd\x90!C\x9ez\xea))eeeeG\x8e\x7f\xbb\x1f\x02\x92RJ)\xeb\xea\xeaF\x8d\x1a\xf5\xe5\xde\xbd}\xd2\xd2V\xdd|s\x92\xa6YK\x11\x9c\xc3\x14"\xc3\xe7\x9b\xf1\xee\xbb\x7f\xfb\xf2\xcb$\xafw\xfd\xfa\xf5\xc3\x87\x0f\xb7\xee\xdegwi\xe0b\xe8\x7f{}c\xfc\xbf\xfc\xf2\xc2\x0b/\xfc\xf8\xe3\x8f}&gt;\x9f\xb5\x14\xc7\xee\xea\xfe\xc94\xcd.]\xba\xdcx\xe3\x8d\x7f\xfe\xf3\x9f\x93\x92\x92:l\xfc\xdb\xfd\xd5\xb5\x16\xb7.Y\xb2d\xcf\x9e=B\xca9\xc3\x86e\'\'\xc7M\xd3AcODD\x8c\xb1\xb8\x10\x0f\x0e\x1f\xee\xd3\xb4X,6w\xee\xdc\x96\xdf\xfd\x15\xe0t\xd0\xff\xf6\xfa\xc6\xf8\x0b\xf1\xc0\x03\x0f\xe4\xe4\xe4X\xd7y\xd9]\xda70\xc6\xe2\xf1\xf8#\x8f&lt;\x92\x94\x94\xd4\x91\xe3\xdf\xbe\x01 \xa5\xb4\x0er-y\xf1E\xc6XnF\xc6\x8d\xfd\xfb\xd765\xd9~\xe8\xf3_q\xc6\x1a\xe2\xf1\xa1\xd9\xd9?\xe8\xdb\x97\x88\xd6\xad][VV\xa6iZg:\x12\n\x1d\x0c\xfdo\xaf\x7f\x8e\xff\x92%\x8c\xb1\xfe\xfd\xfb\xdfz\xeb\xad\xb5\xb5\xb5\x0e\\\xe3\xc49\xaf\xaf\xaf\xcf\xcf\xcf\xff\xe1\x0f\x7fHD\xeb\xd6\xad\xeb\x98\xf1o\xdfF\xb4\xaekX\xb3f\xcd\x8e\xd2R)\xe5\x8f\x87\x0eMOJ2\x9c\xdaR\x9c\xb1\x98i\xfed\xe8\xd0d\xaf\xb71\x12y\xe1\x85\x17\x88\xc8\xd5o\x00\xb0\x17\xfa\xdf^\xff\x1c\xff\x1d;\xa4\x94EEE\xc1`\xd00\x0c\xbb\xeb\xfav\x9c\xf3\xa6\xa6\xa6\xfb\xef\xbf?99\xb9\xb1\xb1\xb1c\xc6\xbf#f"/-Y\xc2\x18\xeb\x96\x9a\xfa\xfd\xbe}\xeb\xe3q\xcdy\xd3\x1f\x0bg\xac1\x1e\x1f\x9a\x9d=\xa6G\x0f\xc6\xd8\x1b\xff\xf3?\x91HD\xd7\xf5N\xb0#\x0c6B\xff\xdb\xeb\xa5\x97^b\x8cu\xef\xde\xfd\x86\x1bn\x08\x87\xc3\x8e]\xde\xca9oll\xcc\xcf\xcf\x1f7n\x1cc\xec\x8d7\xde\xe8\x80\xf1o\xc7^\xb4\xf6\xbfB\xa1\xd0\xa6M\x9b\xa4\x94\xe3z\xf6\xccNNN8\xef\xe8\xe7\xc9$\x11g\xec\xea\x0b/\x94R\x1e9zt\xcb\x96-\xe4\xf2I\x10\xd8\x05\xfdo\xaf\xe6\xf1/))\x91R^u\xd5U\xd9\xd9\xd9\x89D\xc2iG\xffOf}\x80\xf05\xd7\\#\xa5\xac\xa8\xa8\xe8\x80\xf1o\xc7\x00\xb0\xea\xde\xbcy\xf3\xe1#G\x88hb\x9f&gt;DD\x0e\x1e}"\xd28\x8f\x1a\xc6\xd8\x9e=S}&gt;\xd34\xdf}\xf7]j\xd5\x9d`\x01\xd0\xff\xf6j\x1e\xffC\x87\x0e\x11\xd1\x94)S\x9c\xff\x87Xg,\xae\xb8\xe2\x8a\xb4\xb44\xc30V\xae\\I\xed&lt;\xfe\xed\xbb\x07@D\xd6m.\x02II\x97df6\x19\xc6\xb9~\xaeE\x07cD1\xd3\xec\x99\x9azQz:\x11m.)!"\xb7\xaf\x84\x03[\xa0\xff\xede\x8d\x7fII\t\x11\xa5\xa4\xa4\x0c\x1d:\xb4\xa9\xa9\xc9\xe1\x7f\x0bc,\x16\x8b\xf5\xee\xdd\xbbo\xdf\xbe\xf4u\xf1\xedZs;&gt;\xb5\xb5\xab\xf5\xe9\xe6\xcdDtAZZ\xf7\x94\x14\x87\xef\xffZ\x84\x10\xc9\x1e\xcf%]\xba\x10QYiiCCCg\xba(\x06:\x0c\xfa\xdf^\xd6\xf8o\xde\xbc\x99\x88\xfa\xf4\xe9\xd3\xb3gO\x87\x1f\xff\xb1\x08!\x92\x93\x93/\xbd\xf4R"*++k\xef\xf1o\xdf\x00\x90RVWW\x13Q\xa6\xcf\x97\xe2\xf5\x9anh#I\xa41\xd6=\x10 \xa2\xba\xba\xbah4jwE\xe0J\xe8\x7f{\x9d&lt;\xfeYYY)))\xd6g{9\x9cu\xf1W\xcf\x9e=\x89(\x14\n\xb5\xf7\xf8\xb7W\x00X\x7fF(\x14\xda\xb5s\'\x11\r\x08\x06u\x97\\W\xc2\x183\x84\xe8\x9f\x91AD\xe1\x86\x86\xb2\xb22r\xedy0\xb0\x0b\xfa\xdf^\xff\x1c\xff]\xbb\x88h\xe0\xc0\x81\x9a\xa6\xb9e\xfcM\xd3\x1c8p \x11\x85B\xa1\xf6\x1e\xffv\xbf\x10,\x91H\x10Q\x86\xcf\xc7\x19s\xc1\xf0\x13\x11\x91$\xea\xe2\xf3\x11\x91\x10\xc2\xb1\xab\x86\xc1\xf9\xd0\xff\xf6\x92RZ\xf5gff\xba\xe8@\x96\x94233\x93:d\xfc\xdb\xfd\x94\x88u\xd0\xcdp\xc9\xd07k.\xd8\xf9\x07\r\xc1\xc9\xd0\xff\xf6\xfaj\xfc\xdd\x16c\xcd\x05\xb7\xf7\xf8w\xd09q\xd75\x91\xeb\n\x06\'s];\xb9\xae\xe03s]\x8cuX\xc1\x8e^\x14\x05\x00\x00\xed\x07\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dd\xee\x02\x94 \xa5l\xc5\xbfb\x8c\xb5y%\x00\x1d\x0f\xfd\xefX\x08\x80v!\xa5\x14BH)\x19c\x8c1\xce[\xb3\xa7\xd5&amp;O\x02\xd0\xf1\xd0\xffn\x81\x00hKV\xcb\x12\x91\xa6i\x9a\xa65?\x1e\n\x85\x84\x10\x8c\xb1\x16N\x85\xac\xb9O0\x18&lt;\xf9I\xac7\x03\xe7\x1c3#p&amp;\xf4\xbf\xeb \x00\xda\x86\x94\xd24M]\xd7\xad\x96\xad\xaf\xaf\xdf\xb4i\xd3\xc6\x8d\x1b?\xff\xec\xf3\x9a\x13\'\xcaJ\xcb\x0c\xd38\xd7\xe7\xcc\xed\xdb7\x98\x911b\xc4\xf0\xfc\xfc\xfc\x91#G\xf6\xec\xd9\xd3z\xdc0\x0c\xce9&amp;D\xe0\x1c\xe8\x7f\x97B\x00\xb4\x01\xd345M\xd3u=\x1e\x8f\xaf\\\xb9r\xd9\xd2e%\x9b7\x1f&lt;x\xe0&lt;\x9f\xb6\xa6\xe68\x11\x15\x17\xaf$\xa2`0c\xf8\xf0\x82\xa9So\xb9\xee\xbak\xb3\xb3\xb3\x89\xc80\x0cM\xd30\x1b\x02\xdb\xa1\xff\xdd\x0b\x01p^\xac]ZM\xd3B\xa1\xd0\xa2E\x8b\x96-{y\xdb\xb6\xad\xcd\xdfM\xf6\xa7d\xa4wKK\xe9\x9a\x9dyA 9]\x08\x93\xa8%\xfd*\x19c\xa6i\x1c\xa9\xda\x1d\x89\x86\x8f\xd7\x1e\xaeo\xa8\xab\xab\xab]\xb3f\xcd\x9a5k\xe6\xfe\xc7\x7f\xdc&gt;\xfd\xf6\xbb\xee\xbak\xc0\x80\x01D$\x84\xc0T\x08\xec\x82\xfew;\x04@\xebY\x13\x1f"Z\xb2d\xc9\xfc\xf9O\xec\xdcYn=\x9e\x99\xd1\xbd\xffE#.\xe9W\xd8\xb3[\xff\xf4\xd4\xaeI\xded\xce5\xce9\x9d\xcbR\x08I\xd24\r\xc3\x88\x87\x1bk*\x8f\xed+\xff\xf2\x93\xf2\xbd\x1b\x8fT\xee9Zy\xf4\xc9\'\x9f\\\xbc\xf8\xc5\xfb\xee\xbb\xf7\xfe\xfb\xefOOO7\x0cC\xd7\xf1:BGC\xffw\x02\x18\xb8V\xb2\xba\xbf\xa2\xa2b\xe6\xcc\x99\xc5\xc5\xc5\xd6\x83=sr\xc7\x8f\x9e\x967\xe8\x8a\xd4\x94.R\x92a\xc4\x0c3\x11\x8d5P\xab\x96\xc1\x11c\x9c\xb1\xb4@ff\xff\xee\x97\x0e\x1c\x17mj\xd8\xb3\xff\xb3\xf77\xbcZ\xbewcm\xed\x89y\xf3\xe6\xadX\xb1b\xf1\xe2\xc5\x85\x85\x85\xd6\x196\xec\x0eC\x87A\xffw\x0e\x08\x80\xd6\xb0&amp;\x1d\xc5\xc5\xc53g\xce\xac\xa8\xa8 \xa2\x9c\xae}\xbe[xG\xc1\xa5\x93\xfc\xbe\xd4\xa6Xcc$D_50\xe3\x8c\xb7h\xc7\xf7t\xbf\xcbL$\xcc8I\xc9\xb96\xb8\xff\x98A\xb9\xa3\xcb\xf6l\\\xf3\xd1\xb2\x9d_\x96\xec\xdc\xb9\xf3\xca+\xaf\x9c?\x7f~QQ\x91\xb5\xfa\x02\xef\x01\xe8\x00\xe8\xffN\x03\x01p\xce\xac\xee_\xb4h\xd1\xec\xd9\xb3\x89\x88\x18\x8d\x1bq\xf3\x0f\xae\xfaqZJf$\x1an\x8c\xd4q\xce9\xd7\xce\xf64-\xc5\x18c\xc4\xac\xb7P4\xda\xc0\x18]\xd2\xbfpP\xee\xe8\x0f6\xae\xf8\xdb?\x9e\x8b65\xde\x7f\xff\xfd\xa5\xa5\xa5\x0b\x17.4M\x13\x8b\xe4\xa0\xbd\xa1\xff;\x13\x04\xc0\xb9\xb1\xd6\xba5w\x7f 9\xed\xe6\xef\xfd\xfc\xb2a\xd7D\x9a\xea\xeb\x1bOh\\o\xc3\xd6\xffW\xd6\xf9\xaeH4\xcc\x18\x9bt\xf9\x8f\xfa\xf6\x19\xf6\xca\x9f\xe7\x1d\xa9\xdc\xbdh\xd1""Z\xb8p!\xe6A\xd0\xae\xd0\xff\x9d\x0cN\xa0\x9f\x03\xeb\xb8\xa7\xd5\xfd\x8cQZJ\xe6=\xb7==\xa6\xe0\xbapC\x8d\x10\xa6\xc6;(M9\xd7\x18\xe3\xa1\xfa\xe3}z\x0e\xba\xef\x7f\xfd\xf7\x85\xbd\x860FVU\x9cs\xeb=\x00\xd0\xe6\xd0\xff\x9d\x0f\x02\xa0\xa5\xac\xee_\xb3f\xcdWs\x1f\x7f\xf0\x7f\xdf\xb5\xf8\xe2\x0b\xf2B\xe1jM\xd3;~\xd2\xa1iz$Z\x9f\x94\x14\xf8\xdfw-\xce\xedS@D\x8b\x16-\x9a7o\x9e\xa6i\x86q\xce\x17\xdd\x00\x9c\x19\xfa\xbfSB\x00\xb4\x88\x10B\xd3\xb4\xaa\xaa\xaa\xe9\xd3\xa73\xc6\x92\xfdiw\xdf\xf6\xdb\xac.\xbd#MaM\xb3\xed0\x1a\xe7\x9aa$\xa4\x14w\xde\xf2\x9b\xde\xdd\x07\x10\xa3y\xf3\xe6\xad^\xbdZ\xd7u\xd34\xed\xaa\n:\x1f\xf4\x7fg\x85\x00h)\xd34g\xcc\x98QUUEDS\xbf\xff\xd0\x80\xbe##\xd1p\x87\xed\xf6\x9e\x0e\xe7&lt;\x91\x88\xa5\x06\xba\xfc\xdb\xcd\xbfN\xf6\xa5I)g\xcc\x98QYY\xc9\x18\xc3\xbe0\xb4!\xd7\xf5\xbf\xbd\x85\xb9\x05\x02\xa0E&lt;\x1e\xcf\xf2\xe5\xcbW\xaf^MDc\xf2\xaf\xbf,\xff\xbaP}\xb5\x8ds\x9f\x93q\xaeE\xa2\xe1\x1e9\xb97]\xfd\x00\x11UUU=\xfc\xf0\xc3\x9c\xf3\xd6\xdd\x83\x17\xe0_\xb9\xae\xffO\xbe\x8b\x1c\x9c\x01\x02\xe0,\xac\xcdhMM\xcdc\x8f=\xc69\xcf\xea\xd2\xeb\xfaI\xf7F\xa2a\xce\x1c\xd4a\x9a\xa674\xd6^\x96\x7fm\xde\xe0+\x89\xe8\xb5\xd7^+))\xc1\t18\x7f.\xed\xffM\x9b65\xdf\x9a\x14\xce\x00\x01p\x16\xd6\t\xa5\xc5\x8b\x17\xef\xd9\xb3G\x08\xf1\xdd\xb1w\xa4\xa5t5\xcc\x84\xe3\xf61\x193\xcc\xc4\xf7&amp;\xcc\xf2x\x92b\xb1\xd8\xdc\xb9s[~\xf7]\x80\xd3q{\xff\xe3-pf\x08\x80\xb3\xf0x&lt;B\x88%K\x960\xc6r\xb2.\x1c\xf1\x9d\xab\x1b\xa3!\xad=\x17;\xb7\x0eg&lt;\x16\x8b\\\xd0c\xd0\xb0\xc1W\x12\xd1\xda\xb5\xeb\xca\xca\xca4M\xc3$\x08\xce\x87K\xfb\x7f\xdd\xbau\xbbw\xefNIIA\xff\x9f\x19\x02\xe0,\xd2\xd2\xd2\xd6\xaf__^^.\xa5\xbc\xea\xb2\xdb\x93}iB8t\x81\x01c,a\xc4\xaf\x1a3=\xc9\xeb\x8fD\x1a_x\xe1\x05"\xc2\x1b\x00\xce\x87k\xfb?\xf2\xc2\x0b\x8b}&gt;\x1f\xfa\xff\xcc\x10\x00g\xc1\x18\xb3\xa6?\xc1\xf4\xec\xa1\x83\xaf\x88\xc6\x1a\x18s\xe8\xa01\xc6c\xf1H\xef\x9e\x83\xfb]T\xc0\x18{\xfd\xf57"\x91\x88\xae\xeb\xd8\x0b\x86Vss\xff\xbf^UU\x95\x94\x94dw]\x8e\xe6\xd0\xd7\xd29\x8e\x1c9\xb2\xe9\x93\x12)\xe5\x80\x8bG\xa6\xa5t5\x1dx\xf4\xf3d\x8c8\xb1K\x07\x8c\x97RVT\x1c\xd9\xb2e\x0ba\'\x00\xce\x83{\xfb\xff\xd0\xa1\x83\x9f~\xfairr\xb2\xdd59\x1a\x02\xe0LtM\xdb\xb0a\xc3\xee\xdd\xbb\x88\xe8\x92\xdcB"IN\xee~"F&lt;\x96h\x1ap\xd1\xf0d_\x8ai\x9a\xef\xbe\xfb.}\xbd\x90\x03\xe0\\\xb9\xb7\xff}\xbe\x80a\x18+W\xae\xf4z\xbdv\x17\xe5h\x08\x803\xf1z\xbd\x9b7o6L\xc3\xe3\xf1\xf5\xea\xde?\x91\x88\xb1\xf3\xb9\xb3m\xfbc\x8c\x99f&lt;#\xd8\xadkfo"*)\xd9L_\xdfB\x0b\xe0\\\xb9\xb7\xff\xb3\xbaX\xfd_\x92H$\xec.\xca\xd1\xb0i8\x93x&lt;\xbey\xf3f"\xca\x0cv\x0f\xa6e\x19f\xc2\xe1o\x00"\x12Bx=\xfe\x9e9\xfd\x88\xa8\xac\xac\xac\xa1\xa1\x01\x17\x85A\xeb\xb8\xbd\xffKw\x94Z\x97.\xa3\xffO\x07\x01p&amp;B\x88\xda\xdaZ"J\td$%\x05\xa4\x14\x8e\xef\x7f""\xcex05\x9b\x88\xea\xea\xea\xa2\xd1\xa8\xdd\xe5\x80[\xb9\xb8\xff\xd3\xb2\x89(\\_\xdf\xd4\xd4dw9\x8e\x86\x008\x0b\xeb\x9a\xf2\x1e\xd9}9\xd3\xdc1\x8f`L\x08\xb3[\xd6\x85DT_\x1f.++#\x9c\x07\x86\xd6rm\xff_DD\xf8|\x98\xb3B\x00\x9c\x8d$"\n$\x07\xb9SW\xbf\xfd+I2\x90\x1c$"!\x04n\x8d\x0b\xe7\xc5\x9d\xfd\x9f\x92\x1c$\x1c\xf9i\x01\xd7\xbc\xa8\xf6\x12\xc2e\x9b\xd1\xe6\x821\x03\x82\xf3\xe7\xde\xfe\x873C\x00\xb4\x90\xeb6\xa3\xae+\x18\x9c\xccu\xed\xe4\xba\x82\xed\x81\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ba\xdd\x05\x80\x0bH)[\xf1\xaf\x18cm^I\xeb\xb8\xbd~\x80v\x82\x00\x80o!\xa5\x14BH)\x19c\x8c1\xce[\xb3\xa7\xd8&amp;O\xd2:n\xaf\x1f\xa0c \x00\xe0\x9f\xacM\x1e\x11i\x9a\xa6iZ\xf3\xe3\xa1PH\x08\xc1\x18k\xe1T\xda\x9a;\x07\x83\xc1\x93\x9f\xc4\xda\x98r\xce\xdbof\xed\xf6\xfa\x01:\x18\x02\x00\x88\x88\xa4\x94\xa6i\xea\xbanm\xf2\xea\xeb\xeb7m\xda\xb4q\xe3\xc6\xcf?\xff\xac\xe6\xc4\x89\xb2\xb2R\xc30\xcf\xf59s\xfb\xe6\x063\x82#\x86\x8f\xc8\xcf\xcf\x1f9rd\xcf\x9e=\xad\xc7\r\xc3\xe0\x9c\xb7\xed\x84\xda\xed\xf5\x03\xd8\x02\x01\x00d\x9a\xa6\xa6i\xba\xae\xc7\xe3\xf1\x95+W.[\xb6\xb4d\xf3\xe6\x83\x07\x0e\x9e\xe7\xd3\xd6\x1c\xaf!\xa2\xe2\x95\xc5D\x14\xcc\x08\x0e/\x18&gt;\xf5\x96\xa9\xd7]{]vv6\x11\x19\x86\xa1iZ\x9b\xcc\xa6\xdd^?\x80]\x10\x00J\xb3\x0e\x89h\x9a\x16\n\x85\x16-Z\xb4\xec\xe5e\xdb\xb6nk\xfenr\x8a\xbfK\xb7`Z\xd7\x94\x9c&gt;\x99)\xe9~\xd3\x14\x8c\xce\xbe\xbd\x93$\x19c\xa6a\x1e\xdeU\x15\tG\xab\x0f\xd7\xd6\xd75\xd4\xd5\xd6\xadY\xb3f\xcd\x9a5s\xff\xe3?n\xbf}\xfa]w\xdd5`\xc0\x00"\x12B\x9c\xcfT\xda\xed\xf5\x03\xd8\x0b\x01\xa0.k\xe2LDK\x96,\x99\xff\xc4\xfc\x9d\xe5;\xad\xc7\xbbv\xcf\x180\xe2\xa2!\x85\xfdz\r\xe8\x1e\xec\x9a\x9a\x94\xec\xd54\xce8\':\x97\xb54\x92L\xc3L\xc4\x8dpMc\xc5\x97\xc7\xca7\xed-\xdd\xb0\xf7\xf0\x9e\xca\xa3G+\x9f|\xf2\xc9\xc5/.\xbe\xef\xde\xfb\xee\xbf\xff\xfe\xf4\xf4t\xc30t\xbd5}\xe8\xf6\xfa\x01l\x87\xc6U\x94\xb5\xf5\xac\xa8\xa8\x989sfqq\xb1\xf5`\xaf\xdcnW\xde::\xef\x8aAi]R\x88d"f\x18\t3\xda\x10\xb3f\xda\xec\\\xb6\xa0\x8c\x88\x18\xe3\x8c\xa5e\x062\xbb\xf7\x1f:~`\xb4\xa1i\xd7\xa7\xfb\xd7\xbc\xfaq\xe9\xc6\xbd\xb5\'j\xe7\xcd\x9b\xb7b\xc5\x8a\xc5\x8b\x17\x17\x16\x16Zgh\xcf\xe9p\x8a\xdb\xeb\x07p\x02\x04\x80\x8a\xacIkqq\xf1\xcc\x993+**\x88\xa8[\x9f\xacIw\x14\x8e\x98|ir\xaa/\xda\x18k\x0cE\x88\x88qk\xf9#\xa3\x16\x1c99\xed\xefJ\x98\x89\xb8IRr\x8d_Z\xd8\xff\x92\xcbrK7\xee)^\xfaay\xc9\x97;w\xee\xbc\xf2\xca+\xe7\xcf\x9f_TTd\xad\xdei\xe16\xd4\xed\xf5\x038\x04\x02@9\xd6\xd6s\xd1\xa2E\xb3g\xcf&amp;"Fl\xfc\xcd#\xae\xfb\xc9w\xd32S"\xe1hC]\x84s\xce\xb56;\xae\xfd\xf5\xcc\x98\x11Q\xa4!J\xc4\x86\x14\xf6\x1f&lt;:\xf7\xfd\x15\x1b\xdf\xfe\xc3\xfb\xd1\xc6\xa6\xfb\xef\xbf\xbf\xb4\xb4t\xe1\xc2\x85\xa6i\xb6d\x91\xa5\xdb\xeb\x07p\x0e\x04\x80Z\xac\xb5\x92\xcd[\xcf@Z\xf2\xad?\xff\xfe\x98k\x87E\xea\x9b\xeaO4jz[n:\xff\x95u\xbe4\x12\x8e2\xc6\xa6\xfc\xe8\xf2\xdc\xbc&gt;K\x1f{\xeb\xf0\xae\xcaE\x8b\x16\x11\xd1\xc2\x85\x0b\xcf:\x8fv{\xfd\x00\x8e\x82\x05\x0c\n\xb1\x8e\x9b\x7f\xbd\xf5d\xe9\x99)s\xfe\xf3\xf6\xb1\xd7\x17\x84k\x1a\x84)4\xbd\x83\x9a\x81k\x9cqVw\xbc\xfe\xc2\xc1=\xef\xff\xef\x1f]4\xa4\x17#fU\xc59\xb7\xb6\xa1\x9d\xb2~\x00\xa7A\x00\xa8\xc2\xdaz\xaeY\xb3\xc6\x9a;\xa7\x06\xfd\x0f\xbd8+7\xafO]uX\xd3mX\xcf\xae\xebZ\xa4&gt;\xea\x0f$=\xf4\xe2\xac\xfe\x05\x17\x12\xd1\xa2E\x8b\xe6\xcd\x9b\xa7i\x9aa\x18\x9d\xaf~\x00\x07B\x00(A\x08\xa1iZUU\xd5\xf4\xe9\xd3\x19c\x814\xffO~{{v\xef.\x8d\xe1\xa8\xa6kg\xff\xf7\xed\x83k&lt;\x910\xa4\x90\xb3\xe7\xdfr\xc1\x80\xeeDl\xde\xbcy\xabW\xaf\xd6u\xdd4\xbfq\xe1\xae\xdb\xeb\x07p&amp;\x04\x80*L\xd3\x9c1cFUU\x15\x11M{\xe8\x07\x83F\xf5m\x08G;\xec\xb0\xc9\xe9p\xce\xe3\xb1Dj\x97\xc0]\x8fO\r\xa4\xf9\xa4\x943f\xcc\xa8\xac\xacd\x8c\x9d|,\xc5\xba\xd3\x83\xbb\xea\xb7\xb70\x80\x96@\x00(\xc1\xe3\xf1,_\xbe|\xf5\xea\xd5D4\xf6\xfa\x82\xb1\xd7\xe7\xd7U\xd7\xeb\xf6\xcd\x9dO\xa6i\xbc1\x1c\xed\x95\x9b3\xf5\xff|\x8f\x88\xaa\xaa\xaa\x1e~\xf8a\xcey\xf3\x8d\xdb\xac\x83?\xee\xaa\xff\xe4\xbb\xc8\x018\x16\x02\xa0\x93\xb36\xa3555\x8f=\xf6\x18\xe7&lt;\xbbW\xe6\x0f\x7f6)\x12\x8er\xcdAST]\xd7\xeak\x1b\x0b\xaf\xcd\xcf\xbfr0\x11\xbd\xf6\xdak%%%\xd6\tU\xebn\xcc\'N\x9cpW\xfd\x9b6mj\xbe5)\x80c!\x00:9\xeb\x84\xe4\xe2\xc5\x8b\xf7\xec\xd9#\x84\x98\xf4\xbf\xc6\xa6g\xa6$\x12\xa6\xe3\x8eQ0f&amp;\xcc\xef\xcf\xbe\xc2\x9b\xe4\x89\xc5bs\xe7\xce\xb5\xee\xdel-\xae_\xb2d\x89K\xeb\xb7\xbb,\x803A\x00tr\x1e\x8fG\x08\xb1d\xc9\x12\xc6X\xf7\x0b\xb3F]\xfd\x9d\xc6PTk\xcf\xc5\xf2\xad\xc39k\x8a\xc4.\x1c\xd4\xc3\x9aD\xaf]\xb7\xb6\xac\xacL\xd34\xcey4\x1a}q\xc9\x8b\xee\xaa\x7f\xdd\xbau\xbbw\xefNII\xc1N\x008\x99\xe3\xdeH\xd0\xb6\xd2\xd2\xd2\xd6\xaf__^^.\xa5\xbc\xea\xf61\xc9i&gt;\xd3t\xea&amp;\x891#n|wFa\x92\xdf\x1bi\x8c\xbc\xf0\xc2\x0bD\xc49_\xb3fM\xe9\x8eR\x97\xd5\x1f\x89\xbc\xb0\xf8\x05\x9f\xcf\x87\x00\x00\'C\x00tr\x8c1k\xfa\x9f\x91\x9d\x9e\x7f\xe5\xe0\xa6\x86\x18\xe7\x0e;x\xf25\xceYS$~\xe1\xe0\x9e\x03\xf2/b\x8c\xbd\xfe\xc6\xeb\r\r\rDdM\xff\xddW\xff\xeb\xafWUU%%%\xd9]\x17\xc0i!\x00:\xb9#G\x8el*\xf9DJ9h\xe4\xc5\xe9]S\x0c\x07\x1e=?\x89$\xc6\x18}g\xc2@)e\xc5\x91\x8a\xd2\xd2R\xc30&gt;\xf9\xc4\x95\xf5\x1f:x\xe8\xd3O?M\xf6\xfb\xed.\n\xe0\xb4p/\xa0\xceL\xd7\xf4\r\x1b6\xec\xde\xb5\x9b\x88.\x19\xdbOJ"\x07o=\x89\x88s\x8a7%\x06\x8c\xb8(9\xc5\x17ihZ\xb7n\x9d\xc7\xe39Zq\x94\xdcV\xbf?\xe0\x8b66\xad\\\xb9\xd2\xeb\xf5\xda]\x14\xc0ia\x0f\xa03\xf3x\xbd\x9b7o6\x0c\xd3\xeb\xf3\xf4\xee\xdf=\x11K8{\xfbI\x8c1#nfv\x0bf\xf7\xce$\xa2/\xb6|\xf1\xd1G\x1f\x11\x91/9\xc9m\xf5w!\xa2\x92\x92\x92\x04n\x0b\x01\x0e\x86=\x80\xce,\x1e\x8fo\xde\xbc\x99\x882\xbb\x073\xb2\xd2\xcc\x84\xe9\xf0\r(\x11\t!\x92\xfd\xbe\x9e\xfdr\xf6\x97\x1d\xd9\xb2e\xcb\x89\x9a\x13\xe4\xce\xfa\x0f\x94W\x94\x96\xee0\x13\x06}}5\x06\x80\xd3 \x00:3!Dmm-\x11\xa5f\x04|\x81\xa4hC\x13s\xea\x19\xd4f\x92\x88q\x16\xccN#\xa2\x1355R\x08ra\xfd\x19\xd9\xe9DT__\xcf\xcf\xe3\xb3h\x00\xda\x1b\x02\xa0\x93\xd34\xcd4\xcd\x1e}s\xb8\xc6\xa4\x94-\xf9Tt{1\xc6\x84)\xba]\x94ED\xc7\xaa\xabkjj\x88\xa8\xdbEY.\xab\xff\xe2,"b\x9c3I\x84\xe9?8\x15\x02\xa0\xd3\x93D\x94\x12Lf\x9c\xb9e;$%\xa5\x04\x93\x89\xc80\x0c\xc1\x18\xb9\xb6\xfe\xaf?\x8a\x18\xc0\xa1p\x12X\t\xc2p\xd9\xe5HV\xc1\xcd\x9f\xb4\xee\xd2\xfa\x01\x1c\x0e\x01\xa0\x06\xd7MC\xd9\x19\xff\xd7\xf9\\W0(\t\x01\x00\x00\xa0(\x04\x00\x00\x80\xa2\x10\x00\x00\x00\x8aB\x00\x00\x00(\n\x01\x00\x00\xa0(\x04\x00\x00\x80\xa2\x10\x00\x00\x00\x8aB\x00\x00\x00(\n\x01\x00\x00\xa0(\x04\x00\x00\x80\xa2\x10\x00\x00\x00\x8aB\x00\x00\x00(\n\x01\x00\x00\xa0(|\x1e\x00\x00@\x8b\xc8\x934?\xc8Nbcm\xad\x83\x00\x00\x008\x13!\x84\x10B\xd34\xaf\xd7\xeb\xf5z5M\xe3\x9c3\xc6\xac\x18\x10B\xc4\xe3\xf1X,f\x18\x06c\x8cs7\x1dVA\x00\x00\x00|\x0b)\xa5i\x9a\xba\xae\xa7\xa6\xa6z\xbd\xde\x86\x86\x86\x8a\x8a\x8a\x83\x07\x0fVVV\x1e?~\xbc\xa9\xa9\x89\x88\x02\x81@NN\xce\x85\x17^x\xd1E\x17eff&amp;\x12\x89\xfa\xfaz+\x1e\xec.\xbfE\x10\x00\x00\x00\xa7\x92R&amp;%%%\'\'\x87B\xa1u\xeb\xd6\x15\x17\x17\xaf]\xbbv\xf7\xee\xdduuu\xff\xfa\xc3\x1e\x8f\xa7O\x9f&gt;W\\q\xc5m\xb7\xddVXX\x18\x8b\xc5\x9a\x9a\x9a4M\xeb\xf0\xaa\xcf\x19\x02\x00\x00\xe0\x1b\xa4\x94\x9a\xa6\x1d:t\xe8O\x7f\xfa\xd3\x1f\xff\xf8\xc7\xad[\xb7\x9e\xf9\xe7\x13\x89\xc4\x9e={\xf6\xec\xd9\xb3h\xd1\xa2i\xd3\xa6\xfd\xeaW\xbf\xea\xd5\xabW8\x1cv~\x06 \x00\x00\x00\xbe\xc14\xcd\x8c\x8c\x8c\xc7\x1f\x7f|\xfe\xfc\xf9\xcd\x0f2\xc6.\xbe\xf8\xe2\x01\x03\x06\xf4\xed\xdb7++\xcb\xef\xf7K)\xeb\xea\xea\xf6\xed\xdb\xf7\xc5\x17_\x94\x95\x95\x11\x91\xa6i+V\xac\xf8\xf8\xe3\x8fW\xacXQPP\xe0\xfc\x0c@\x00\x00\x00|\x03\xe7&lt;\x1a\x8dN\x9b6m\xc1\x82\x05B\x88\xc1\x83\x07_\x7f\xfd\xf5\x93\'O\x1e4hP0\x18\xf4x&lt;Dd\x9d\x01f\x8c\x99\xa6\x19\x0e\x877o\xde\xfc\xec\xb3\xcf\xfe\xf5\xaf\x7f\xf5x&lt;\x07\x0f\x1e\xbc\xee\xba\xeb&gt;\xf8\xe0\x83\x0b/\xbc0\x1a\x8d:\xf9\xb40\x02\x00\x00\xe0\x1b8\xe7MMM\xfd\xfb\xf7\xff\xc5/~\xd1\xaf_\xbf\x1bn\xb8!===\x16\x8bE\xa3\xd1P(t\xf2\x1aP"b\x8ci\x9a6~\xfc\xf8\xab\xae\xba\xea\xb9\xe7\x9e\xfb\xd9\xcf~\xe6\xf5z\xab\xab\xab\x7f\xfa\xd3\x9f\xbe\xfb\xee\xbbv\xfd\t-\x84\x00\x00\x008\x15c\xac\xa9\xa9\xe9\xd1G\x1fe\x8c544TWW[k{NwH\'\x1c\x0eK)\x7f\xf2\x93\x9fH)\xe7\xcc\x99\xa3\xeb\xfa\x07\x1f|\xf0\xb7\xbf\xfd\xed\xba\xeb\xae\xab\xab\xabs\xec\x81 \xe7\xee\x9b\x00\x00\xd8\x881\x16\n\x85\xea\xea\xea\x84\x10\xba\xae\x9fyq\xa7\xa6i\x9a\xa6UWW\xff\xf8\xc7?\xbe\xea\xaa\xab\xack\x02\x96/_\xee\xf0\xf5\xa0\x08\x00\x00\x80ogm\xd6[\xb8\x11\xb7~LJy\xe7\x9dwZ_l\xda\xb4\xa9\xba\xba\xda\xe3\xf1\x9cr\xd4\xc89\x10\x00\x00\x00mC\xd3\xb4h4\x9a\x9f\x9f\x1f\x08\x04\x88\xa8\xb2\xb2\xf2\xf0\xe1\xc3^\xaf\x17\x01\x00\x00\xd0\xf9\x19\x86\x91\x91\x91\x91\x93\x93c}]SS\xa3i\x1a\x02\x00\x00\xa0\x93\xb3n\x10\xe4\xf1x\x92\x93\x93\xadGb\xb1\x98\x93\x97\x81:\xb72\x00\x00w\x91R2\xc6\x84\x10\x89D\xc2zD\xd7u\xc7N\xff\t\x01\x00\x00\xd0\x868\xe7\x91H\xa4\xb6\xb6\xd6\xfa:\x18\x0c\x9a\xa6\xe9\xd8\xb5@\x08\x00\x00\x80\xb6!\xa5\xf4z\xbd\x07\x0f\x1e\xac\xa9\xa9!\xa2\x8c\x8c\x8c\x1e=z$\x12\t\x04\x00\x00@\'\'\x84\xf0\xf9|\xef\xbf\xff\xbe5\xeb\x1f2dH\xf7\xee\xdd\xe3\xf18\x02\x00\x00\xa03\xb3N\xff\x1e?~|\xc9\x92%\xd6\xff\xdep\xc3\r^\xafW\x08awi\xa7\x85[A\x00\x00\xb4\x01\xc30\xb2\xb3\xb3\x1fx\xe0\x81}\xfb\xf61\xc6z\xf7\xee}\xcb-\xb78\xfc\x86\xa0\xd8\x03\x00\x008_\x89D";;{\xe9\xd2\xa5O?\xfd\xb4u\xe9\xefc\x8f=\x96\x95\x95\xe5\xe4\xe3?\x84\x00\x00\x008\x1fRJk\xee\xff\xca+\xaf\xcc\x9a5\xcb\xe3\xf1$\x12\x89\x1f\xfd\xe8G\xd3\xa7O\xaf\xad\xad\xd5uG\x1feA\x00\x00\x00\xb4\x92\x10\x821\x96\x95\x95\xf5\xdb\xdf\xfe\xf6\x8e;\xee \xa2x&lt;\xfe\x83\x1f\xfc\xe0\xbf\xfe\xeb\xbf\xac\x0f\x07\xb6\xbb\xc0\xb3pt:\x01\x008\x96a\x18\x81@@\x08\xf1\xe3\x1f\xff\xf8\xb9\xe7\x9e\xb3\xe6\xfe7\xdf|\xf3\x8b/\xbeh\x9a\xa6i\x9a\xce\x0f\x00\xa7\xd7\x07\x00\xe0@\xd6=\x7f\x0e\x1d:t\xf5\xd5W?\xf7\xdcs\x9a\xa6%\x12\x89\xa2\xa2\xa2\x97_~\xd90\x0c\xc30\x9c\xbf\xf5\'\xec\x01\x00\x00\x9c+\xc30\xbat\xe9\xb2~\xfd\xfa\xdbo\xbf\xbd\xa2\xa2\x82\x88&lt;\x1e\xcf\xef~\xf7\xbb\xbb\xef\xbe\xbb\xb6\xb6VJ\xe9\x8a\xad?!\x00\x00\x00\xce\x89\xf5\x91\xf1\xef\xbd\xf7\xde\x8d7\xde\xd8\xd0\xd0@D\xb9\xb9\xb9/\xbd\xf4Raaauu\xb5\xa6in\xd9\xfa\x13\x02\x00\x00\xa0\xe5\x84\x10\x81@`\xfb\xf6\xed\xb7\xdcrKcc#\x11\x15\x16\x16\xaeX\xb1";;\xfb\xd8\xb1c\xd6\xe7\xc5\xbb\x08\x02\x00\x00\xa0\xa58\xe7\xa6i\xde}\xf7\xdduuuD4z\xf4\xe8\xb7\xdf~;)))\x14\n\xb9n\xebO8\t\x0c\x00\xd0B\xa6i\xa6\xa5\xa5\xbd\xf9\xe6\x9b\x9b6m\xe2\x9cw\xeb\xd6\xed\x95W^\xf1\xfb\xfd\x91H\xc4\xe1\xeb\xfdO\x07\x01\x00\x00\xd0"\xd6\xbd\xfe\xad\x8fz\x17B\xfc\xfb\xbf\xff{\xdf\xbe}\xeb\xeb\xeb]\xba\xf5\'\x04\x00\x00@KX\xf7z;z\xf4\xe8\x17_|!\xa5\xec\xd6\xad\xdb\x0f\x7f\xf8\xc3P(\xe4\xde\xad?!\x00\x00\x00Z\xe2\x94{\xfd\x8f\x1e=:\'\'\xc7\xc9\xf7\xfao\t\x04\x00\x00\xc0\xd9I)u]?v\xec\x98i\x9aD4h\xd0 \x87\x7f\xdccK \x00\x00\x00Z\x84sn-\xfe!\xa2\xee\xdd\xbb[\x9f\x00lkE\xe7\xcb\xc5G\xaf\x00\x00:X,\x16\xb3\xae\xf3JKKs\xf2\'\xbd\xb4\x10\x02\x00\x00\xa0E\x18c\xf1x\xdc\xda\xeew\x82\xe9?!\x00\x00\x00Z\x82s\xde\xd0\xd00y\xf2\xe4\xbf\xfc\xe5/D4h\xd0\xa0\xc6\xc6F\x17\xdd\xf5\xe1[!\x00\x00\x00\xce\x8e1\x96H$z\xf5\xea\x95\x9b\x9bKD\xd1h\xd4\xedK\x80\x08\x01\x00\x00\xd0B\xd6!\xa0\xa6\xa6&amp;"\xe2\x9c\xbb}\xebO\x08\x00\x00\x80\x96c\x8c9\xf9C\xde\xcf\x95\xbb\x0f`\x01\x00t0)e\'X\xffcA\x00\x00\x00\xb4\x94\x10\xc2\xeb\xf5\xfa|&gt;)\xa5\xdb\xaf\x02#\x04\x00\x00@\x0b1\xc6RRR***\xbe\xfc\xf2K\x8f\xc7\xe3\xf5z\xdd\x9e\x01\x08\x00\x00\x80\xb3\xb3\xee\x05\xf4\xf3\x9f\xff|\xc4\x88\x11\xa3F\x8d\xba\xe6\x9ak\xaa\xab\xab=\x1e\x8f\xab3\x00\x01\x00\x00p\x16B\x88\x94\x94\x94\r\x1b6&lt;\xf3\xcc3\xe1p8\x16\x8b\xad]\xbb\xf6\x0f\x7f\xf8CJJ\x8auk \x97\xc2* \x00\x80\xb3\xb0\xee\x04W^^\xaei\x9a\xb5\xfa\x931VVVf\x9a\xa6\xab\x17\x83b\x0f\x00\x00\xa0E\xac\xf9&gt;\xe7\\\xd34!Drr\xb2\xdb\xaf\x04vw\xf5\x00\x00\x1d\x80s\xde\xd8\xd88n\xdc\xb8\x9c\x9c\x9cx&lt;\x1e\x8b\xc5\xa4\x947\xdex\xa3\xab\x8f\xff\x10\x0e\x01\x01\x00\x9c\x95u\rp\xb7n\xdd\xde~\xfb\xed\xa5K\x97F"\x91I\x93&amp;]s\xcd5\xf5\xf5\xf5\xae\xbe.\x0c\x01\x00\x00pv\x9c\xf3H$2d\xc8\x90\xdf\xfd\xeew\xd6\xb5`\xe1p\xd8\xd5\'\x00\x08\x01\x00\x00\xd0B\x9c\xf3h4\xda\xd8\xd8hm\xf7]=\xf7\xb7 \x00\x00\x00Z\x8as\xee\xf6\x13\xbf\'\xeb&lt;\x7f\t\x00\x00\x9c\x13\x04\x00\x00\x80\xa2\x10\x00\x00\x00\x8aB\x00\x00\x00(\n\x01\x00\x00\xa0(\x04\x00\x00\x80\xa2\x10\x00\x00\x00\x8aB\x00\x00\x00(\n\x01\x00\x00\xa0(\x04\x00\x00\x80\xa2\x10\x00Jp\xdd-\xabN)\xd8\xed\xf5\x038\x13\xee\x05\xa4\x04#a\x92\xab&gt;\xb8\xd4H\x98D$\xa5\x14R\x92k\xeb\x07p8\xec\x01trBH":\xb4\xb3\xc24\x04w\xc3\xb4TJ\xa9\xe9\xfc\xf0\xae\xa3D\x94\x9d\x9d\x9d\x9b\x9bKD\x87wU\xba\xb1~\x17\x94\x0bjC\x00tr\x1e\x8f\x87\x88\x1aB\xd1D\xdcp\xcbq\t)e}m#\x11\xa5\xa5\xa5\xe5\xe4\xe4\x10Qc\xd8m\xf5\x9fh$"\x8f\xc7\xd3\x99\xee\x1c\t\x9d\x0f\xba\xb33\xf3\xf9|\x05\x05\x05DT}\xb8&amp;t\xbc^\xf3p)\x9d~$\x853f\xc4\xcc#\xbb\xaa\x88h\xc8\x90!\x93\'O!\xa2\xe3\x87O\xb8\xab\xfe\xc3\xbb*\x89h\xc0\x80\x01\xdd\xbau#\x9c\x12\x00\xa7B\x00tf\xa6a\xe4\xe7\xe73FM\x8d\xf1\xa3\xfb\xaa=I\x1e\x87o?\xa5\x94\xbaG\x0b\xd5\xd4W\x1d\xac!\xa2K\x87\\:v\xecX"j\xac\x8f\xba\xb1\xfe\xa1C\xf3\xfc&gt;\x9f\xddE\x01\x9c\x16\x02\xa03K$\x12c\xc6\x8c\xe9\xd5\xbb\x97\x94\xb2\xec\x93\xbd\\s\xfa\x0cZJ\xf2\xf8&lt;_n;\x1c:Q\xcf9\xbf\xfc\xf2\xcbG\x8e\x1c\x99\x1eLw]\xfd\xe1\x13\r\x9c\xf3I\x93&amp;\x19.\xff\xd0p\xe8\xdc\x10\x00\x9d\x99$\xd9\xaf_\xbf\xfca\x05\x8c\xb1\x1d\x1f\xee\x8e\xd67i\x9a\xa3_q)\xa5\xa6\xf1-\x1f\x94\x93\xa4\xf4`zAAArrr^^\x9e\xfb\xea\'\xca\xec\x9a9v\xec\xd8H$bwQ\x00\xa7\xe5\xe8\xb7\x13\x9c?]\xd7o\xb9\xe5\x16)e\xe5\xc1\xe3;7\xef\xf3\x05\x92\xacuA\x0e$\xa5\xf4z\xf5\xea#\xb5\xa5\x1b\xf7\x10\xd1\x94\xc9S222\x88\xe8\xd6i\xb7\xba\xb2\xfe)Sz\xf5\xea\xd5\xd4\xd4dw]\x00\xa7\x85\x00\xe8\xe4\x1a\x1a\x1a\xae\xbf\xfe\xfa\xac\xac,)\xe5\xaae\x1f\n!\x1d{:R\x08\xe9KIZ\xfb\xfa\xa6PM\xbd\xa6i\xb3g\xcff\x8cI)o\xba\xe9\xa6\x9c\x9c\x1c\xf7\xd5?k\xb6\xdd\x15\x01\x9c\x05\x02\xa0\x93\x8bF\xa3~\xbf\xff\xb6\xdbn\x93R\xee\xfal\xff\xf6\x8fv\xf9S}\xc2\x14v\xd7u*k\xfa|\xfcH\xdd\xfa\xb763\xc6\xf2\x86\xe5M\x980A\x08a\x9afff\xe6\xf4\xe9\xd3\xddU\xff\xd0\xa1C\xc7\x8e\x1d\x1b\x0e\x875M\xb3\xbb4\x80\xd3B\x00tr\x9a\xa6I)\xef\xb9\xe7\x9e`0HD+\x97\xac\x17B:pU\xa20\xa5?\xd5\xf7\xde\xf2\x8f\xad+\x00\x1ez\xf0!"\x92Rr\xce\xa5\x94\xb3g\xcfvW\xfd\x0f&gt;\xf8\xa0\x94R\x08\xc7\x05\x15\xc0\xc9\x10\x00\x9d\x1c\xe7\x9c16p\xe0\xc0\xa2\xa2")\xe5\xee\xcf\xf7\xafy\xe5\xa3\xd4.\x01\xc3p\xd0\xea\x14\xd3\x14\x814_y\xc9\xbe\xf7Wl$\xa2q\xe3\xc6M\x9d:U\x08\xa1i\x1a\xe7\\\x08\xd1\xbf\x7f\x7fw\xd5?m\xda4\xc6\x18\xa6\xff\xe0p\x08\x00%\x18\x86QTTt\xf1\xc5\x17\x13\xd1;\xcf\xffc\xcf\x17\x07S\xd2\xfc\xa63\x0e\xa4H)=^=\xda\x18{\xe5\xff\xfd\xc5H\x98\x9a\xa6=\xf5\xd4S\'/\xf7\xe4\x9c\x9b\xa6\xe9\xde\xfa\x01\x1c\x0b\x01\xa0\x04)ezz\xfa\xf2\xe5\xcbu]\x8fE\xe3K\xe6\xbeY_\x1b\xf1xu\xdb\x8fQH)\xa5$O\x92\xfe\xca\xaf\xde&gt;\xb2\xb7JJ\xf9\xe4\x93O\x16\x14\x14\x08!\x9ao\xa2\xc0\x18c\x8c\xb9\xab~\x13\xcb\xff\xc1\r\x10\x00J\xe0\x9c\x1b\x861j\xd4\xa8\x05\x0b\x16H)+\xf6\x1e{\xf6\xdee\\\xe3\x1e\xaf\xc7\xc6\x13\xaa\xd6\xd63\x98\x95\xba\xfc\xf1\xbfnZ\xb9\x95\x88n\xba\xe9\xa6\xa2\xa2"\xc30N9x\xe2\xf6\xfa\x01\x9c\t\x01\xa0\n]\xd7\xad\x03A\xb3f\xcd"\xa2\xfd\xa5G\x9e\xf9\xe9\xd2hC\x93?\xd5g\xdaq&lt;]\x98B\xd35\x7f \xe9\xa5\xb9\x7fZ\xf7f\t\x11\x8d\x181b\xe1\xc2\x85\xd6\xa1\xff\x7f\xfdy\xb7\xd7\x0f\xe0@\x08\x00\x85h\x9a&amp;\x84X\xb8p\xa1\xb5\r-/\xf9\xf2\xd99\xcb*\xf7\x1fO\xed\x92"L!;\xea\x02+)\xa5i\x08\x7f\xaa\xcfL\x98/\xfe\xc7\x9b\xff\xf8\x9fO\x84\x10#F\x8c(..\xb6\xae\xfc:\xdd"\x1f\xb7\xd7\x0f\xe04\x08\x00\x85X\x07\xd3M\xd3l\xde\x86\x1e(\xafx\xe2\xdf\x16}\xfc\xf6g\x814\xbf\xd7\xefm\xef\xcd\xa8\x94\xd24\x85\xa6ki\x99)_n=\xb4\xe0\xae\xc5\x1b\xff\xf6\x05\x11\x8d\x18\xf9\xd5\xd6\xf3\xe4C\xff\x9d\xaf~\x00\xa7A\xb3\xaa\x851f-\xac\\\xb8p\xe1\xa3\x8f&gt;JD\r\xa1\xc8\xe2G\xdex\xfe\xe7\x7f\xac\xd8[\x15\x08&amp;{\xfd\x1ea\na\x8a6\\\xc7b\xad\x88\x17\xa6\xd0u-5#\xd0\x18\x8a\xbe\xfe\xf4\xbbO\xcd^rh\xd7Q"\x9a:uj\xf1\xca\x96n=\xdd^?\x80\xa3\xe0#!\x95c\x1d\xa0\x10B\xcc\x9d;w\xf4\xe8\xd13g\xce\xac\xa8\xa8(Y\xb5m\xeb\xda\x9d\x05\x93\x86\\u\xdb\xe8&gt;\x83z\x10\xb1D,\x91\x88\x1b\xd6G22"b\x8cH\xb6\xecC\xae\xac\x1f\x93\xd6\x8782\xc64\x8f\xe6\xf5y\xb8\xc6k\x8e\xd4\xfe\xfd\xc5u\x1f\xbe\xf5i\xdd\xf10\x11y\xbd\x9e\xf9\xf3\x9f(**\xb2\xeai\xe1\xd6\xd3\xed\xf5\x038\x07\x02@E\xd6\xb1\x14\xc30&amp;O\x9e\\RR\xf2\xc8#\x8f\xbc\xba\xfc\xd5X,\xfe\xf1;\x9f}\xbaz\xc7\xa0\xd1\x17\x7f\xe7\xf2\x01\x03\x86_\x94\xd1-\xdd\xeb\xf3p\xce\x85iJq\xce\x9fp\xa8\xe9\\\ni\xc4\xcdPM\xc3\xb6\x0fwm[\xbf\xb3t\xc3\xde\xda\xea\x90\xf5\xdd\x89\x13\'\xfe\xf2\x97\xbf\x1c5j\x94\x10\xc2\x9a\xd7\xabS?\x80C \x00\xd4\xa5\xeb\xbai\x9a=z\xf4x\xf1\xc5\x17\xef\xbe\xfb\xee_?\xfe\xeb\xd5\xabVE\xa3M_|P\xf6\xc5\x07e\xc9)\xfen\x17eu\xbf\xa8k\x97n\xc1\x9c&gt;\x99\x81`\xb20D\x0b\xb7\xa1\x8c13a\x1e\xde]Y_\xdbxd\xf7\xb1\xca\xfd\xd5\xa1\x9a\xfa\xe6\xef\x8e\x193f\xce\x9c9\xb7\xdez+\x11\x99\xa6\xd9\xea53n\xaf\x1f\xc0v\x08\x00\xa5Yw\n\x12B\x8c\x1a5\xea/\x7f\xfe\xcb\xf6\xed\xdb\x97.]\xfa\xc6\x1b\xaf\xef\xdf\x7f \xd2\x10\xfdr\xdb\xc1/\xb7\x1dl\xab\xdf\x95\x95\x9du\xf5\x94\xab\xa7O\x9f&gt;q\xe2D"\xb2\xae\xe1:\xcf\xad\xa7\xdb\xeb\x07\xb0\x17\x02@u\xd6-k\x84\x10R\xca!C\x86,X\xb0`\xde\xbcy[\xb6lY\xb5j\xd5\x86\x8d\x1b\xca\xcb\xcb\xc3\xe1p\xed\x89\xdaV&lt;sJj \x90\x1c\x184xp^^\xde\x15\x13\xae(,,\xcc\xcc\xcc\xa4\xaf\xcf\xa9\xb6\xd5\xa6\xd3\xed\xf5\x03\xd8\x08\x01\x00DD\xd6!l!\x84\x10"99\xf9\xb2\xcb.\xbb\xec\xb2\xcb\x88(\x1a\x8d666\x96\x96\x96\xb6\xe2\xde\x06\xb9\xb9\xb9iii\xe9\xe9\xe9\xcd\x8fXO\xa2iZ\x9bo=\xdd^?\x80-\x10\x00\xf0O\x9cs\xeb\xf6\xcb\xd6\x84\x9as\xee\xf7\xfb\xfd~\xff\xb8q\xe3Z\xfd\x9c\xd6F\xd9:M\xda\xde\xdbM\xb7\xd7\x0f\xd0\xc1\x10\x00p\xaa\x93\xefcl\xad\xa6o\xdd=\xd7\xac\xb5:\xd6F\xb9-\xebk\xc1\xefuu\xfd\x00\x1d\x06\x01\x00gb-\xbaw\xef\xcc\xd7\xed\xf5\x03\xb4+Lm\x00\x00\x14\x85\x00\x00\x00P\x14\x02\x00\x00@Q\x08\x00\x00\x00E!\x00\x00\x00\x14\x85\x00\x00\x00P\x14\x02\x00\x00@Q\x08\x00\x00\x00E!\x00\x00\x00\x14\x85\x00\x00\x00P\x14\x02\x00\x00@Q\x08\x00\x00\x00E!</t>
        </is>
      </c>
    </row>
    <row r="325">
      <c r="A325" s="1" t="n">
        <v>323</v>
      </c>
      <c r="B325" t="inlineStr">
        <is>
          <t>venn</t>
        </is>
      </c>
      <c r="C325" t="inlineStr">
        <is>
          <t>What is the missing number of the part denoted with a question mark?</t>
        </is>
      </c>
      <c r="D325" t="inlineStr">
        <is>
          <t>['9', '3', '1', '4']</t>
        </is>
      </c>
      <c r="E325" t="inlineStr">
        <is>
          <t>1</t>
        </is>
      </c>
      <c r="F325" t="inlineStr">
        <is>
          <t>There are 3 overlapping circles containing the numbers [7, 9, '?']. The overlapping part between the first and second circle contains the number 16. The overlapping part between the second and third circle contains the number 10.</t>
        </is>
      </c>
      <c r="G325" t="inlineStr">
        <is>
          <t>We observe that the circles with 7 and 9 overlap to form the part 16, where 7 + 9 = 16. Hence, the pattern is most likely that the numbers in the overlapping parts are the sum of the numbers in the corresponding circles.</t>
        </is>
      </c>
      <c r="H325" t="inlineStr">
        <is>
          <t>Based on the pattern that the numbers in the overlapping parts are the sum of the numbers in the corresponding circles, the missing number of the circle where the overlapping part is 10 should be 1.</t>
        </is>
      </c>
      <c r="I325" t="inlineStr">
        <is>
          <t>b'\x89PNG\r\n\x1a\n\x00\x00\x00\rIHDR\x00\x00\x02\x00\x00\x00\x02\x00\x08\x06\x00\x00\x00\xf4x\xd4\xfa\x00\x00\x9fiIDATx\x9c\xec\xddg\x98\x14\xc5\x16\x80\xe1\xaf\xbb\'\x87\xcd\xe4\xb0\xe4(HP\x14\x94`@\x0c\x88\x18\xc1\x80"\x08\x08f\x0c\xa8W\x8c\x98\x15D\x111!\x06\x14T\x0c\x98\x00\x15P@D%K\x96\x9c\xc3\xc6\xc9\xa1\xbb\xef\x8f\x9eY\x16D%,\xec\xceL\xbd\xcf\xe3\xd5\xbb\xbb,=s\xa6\xbbNU\x9d\xaa\x92t]\xd7\x11\x04A\x10\x04!\xa5\xc8\xe5}\x01\x82 \x08\x82 \x9cx"\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d*\xef\x0b\x10\xca\x87\xae\xeb\x07\xfcw\xe9\xff\x7f\xf0\xf7\xe3$I\xfa\xdb\x7f\x1f\xfco\xa1b\x88\xc7\xef\xe0\xd8\x1e*\xae\xa5\x1d\x1cc\x11\xdf\x8a\xa9t|K\xff\xfb\xe0\xff.M\xdc\xbf\xc2\xc1$\xfd\xbf\x9e\x08B\xc2\x8a\x87V\xd3\xb4\x92\xff\x8e?\xd4e\xb9\xec\x07\x7fTU\xfd\xdb\xdfS\xba\x11\x11\xcaV\xbcq/\xdd\xc8\xc7c{&lt;\xde\xf3\xf8\xe7H\xd7\xf5\x92\xdf\x7f\xbc\xfe.\xe1\x9f\xe3{&lt;\xee_]\xd7\x0f\xf9\x9c\x10\xf7or\x13\t@\x129\xf8\x01\xad(\xca\xbf\xfe\xbc\xcf\xe7\xc3\xe3\xf1PTT\x84\xd7\xeb\xc5\xeb\xf5\x12\x08\x04\xf0\xfb\xfdD\xa3Q\xc2\xe1\x08\x9a\xa6a2)\x98\xcdf\xcc\x16\x0b\x0e\xbb\x1d\x87\xc3\x89\xcb\xe5\xc4\xe5r\x93\x91\x91\x8e\xd3\xe9\xc4n\xb7\xff\xe3\xdfS\xfa\xe1r&lt;\x1b\xa8d\x16\x8f\xab\xa6i\x80\xd1\xf0\xfe[#\xe0\xf3\xf9\x88D"\xec\xdd\xbb\x97\xfc\xfc|B\xe10\xe1P\x98\x82\x82|&lt;\x1e\x0f\xd1h\x94P8\x8c\xae\xebX\xccf\xccf3\x0e\x87\x83\xcc\xccL\x1c\x0e\x07&amp;\x93\x89\xf4\xf4t\xaaV\xad\x8a\xc5b\xc1\xedv\xff\xeb\xb5\x89\xf8\x1e\x9b\x83\x1b\xfb\xff\x8a\xaf\xaa\xaa\xf8\xfd~\x8a\x8a\x8a(..\xc6\xe3\xf5\xe2\xf7\xf9\xf0\xfb\x03\x04\x02\x01T5J8\x1cF\xd7\xc1l1c2\x99\xb0Y\xad\xd8\x1d\x0e\x9c\x0e\x07.\x97\x0b\xb7\xdbMzz\x06N\xa7\x03\x8b\xc5\xf2\xaf\xd7\xa6\xaa*\xb0?\xe1\x13\xf1M\x0e"\x01H`\xa5\x1b|\x93\xe9\xef\xb39\xba\xae\xb3{\xf7\x1e6o\xde\xc4\x86\r\x1bY\xbf~=\x1b6n`\xeb\xd6\xad\xec\xda\xb9\x93={vSTTD(\x14&gt;\xeakp8\xecdddR\xadZ5\xaaV\xadJ\x9d:u\xa9[\xb7\x0e\r\x1a4\xa0N\x9d:\xd4\xae]\x9b\xcc\xcc\xccC^\xbb\xa6i\xa2\xc1\xf8\x07\xa5\x1b\xfc\x7fJ\xe6\xbc^/\xdb\xb6mc\xf3\xe6\xcd\xacZ\xb5\x8am\xdb\xb6\xb1f\xcd\x1a\xf2\xf2\xf2\xd9\xb2e3\x1e\x8f\x87\xe2\xe2\xe2c\xba\x0e\xa7\xd3\x89\xd3\xe9\xa4f\xcd\x9aT\xaaT\x89\xba\xf5\xea\x91\x9b\x9bK\xe3F\x8d\xc8\xcd\xcd\xa5n\xdd\xba"\xbeG\xe1p\xe2\x1b\n\x85\xd8\xb5k7\x9b6\xc5\xee\xdd\r\x1b\xd8\xb0a\x03\xdb\xb7og\xd7\xce\x9d\xec\xdb\xb7\x8f\xe2\xe2b\xa2\xb1\xc6\xf9HI\x80\xcb\xed&amp;;;\xbb\xe4\xfe\xadW\xaf&gt;u\xea\xe4\x1a\xf7o\xdd\xba\xd4\xacQ\x03\x97\xcb\xf5\xb7?+\xe2\x9b\x1cD\x02\x90@J?4\x14E\xf9\xdbM\xb7m\xdb6V\xae\\\xc9\xa2E\x8bX\xbcx1+V\xac`\xfd\xfa\xf5\x04\x83\xc1C\xfe&gt;\xc5d\xc6\x9d\x96NzF&amp;.w\x1a.\xb7\x1b\xbb\xdd\x81\xcdn\xf4\x00\xcdf\x0b\xb2"\x13\x8d\xaaD\xa3a"\xe10\xc1@\x00\xbf\xdf\x87\xcf\xe3\xc1\xe3)\xa2\xb0 \x1f\xaf\xc7\x03\xbav\xc8\xbf#==\x9dF\x8d\x1a\xd1\xa2E\x0b\xda\xb4iK\x9b6\xadi\xdc\xb81YYY\x07\xfc\\\xfc\x81\xf2_=\x9fdV\xba\x87\x7fp\x83\x10\x0c\x06Y\xbbv\x1dK\x97-e\xf1\xa2E,Y\xb2\x84\xd5\xabW\xb3s\xe7\xce\x7f\xfc}&amp;\xb3\x05\xa7\xcb\x85\xd3\xe5"##\x0bwz&amp;\x8a\xa2`2\x9bQd\x19\x93\xd9\x82$ID\xa3\x11\xd4h\x94h4\x8a\xa6\xa9\xf8\xbc\x1e\n\xf3\xf3\xf1x\x8a\x08\xf8\xfd\x04\x03\xfe\x7f\xfc;222h\xdc\xb81\xcd\x9a5\xa3M\x9b6\xb4i\xd3\x86\xa6M\x9b\xfe-)\x10\xf1=p\xa4\xe4\xe0\x84=\x1a\x8d\xb2q\xe3F\x96-[\xce\xa2E\x0bY\xb2d\t+W\xaed\xeb\x96-\xa8\xda\xa1\xef-\x8b\xd5FZzF\xc9\xfd\xebp\xba\xb0\xdb\x1dX\xedv\x14E\x89\xf5\xea\x8d\xf8F\xa3Q\xc2\xa1\xa0q\xff\xfa\xbcx=\xc5\x14\x17\x15QT\x98O\xc0\xef\xfb\xc7k\xae\\\xb92M\x9a4\xa1e\xcb\x93i\xd3\xa6\r\xadZ\x9dL\xa3F\x8dp:\x9d\x07\xfc\\|\xfa/\x95\xe3\x9b\x88D\x02P\xc1\xfd\xdbCc\xcb\x96-,X\xb0\x809s\xe6\xf0\xcb/\xbf\xb0l\xd92"\x91\xc8\x01?\xe3N\xcf\xa0v\x9d\xfa\xe4\xd6k@\xad:\xf5\xa8Y\xab\x0eU\xaa\xd7 +\xa72\xe9\x99Y8\x9dn\xac6\x1b\x16\x8b\x05\xb3\xc5\x82$\xc9H\x12\xc4s\x0bI\x82\xf8\'D\xd7\x8d\x7f4U%\x1c\t\x13\x0e\x85\x08\x05\x03x=\xc5\x14\xe6\xe7\x91\xb7w\x0f;\xb7oa\xfb\xd6Ml\xde\xf0\x17[6\xaeg\xeb\xe6\x8d\x84\x82\x81\x03\xae)3#\x83Vm\xdap\xe6\x19g\xd0\xb1S\'\xda\xb4nMvv\xf6\x01?\x13\x8dFS\xe2a\xf2O\x8d~4\x1ae\xc5\x8a\x95\xcc\x9b7\x97\x9f\xe7\xcc\xe1\xf7\xdf~c\xc3\x86\r\x7f\xfb\xf3\xe9\x19\x99\xd4\xae[\x9f\x1a\xb5r\xc9\xad\xdf\x88*U\xabS3\xb7\x1e.\xb7\x9b\x9c\xca\xd5p\xba\\(&amp;\x93\xd10\xd8\xecHP\x12\xdc\x92\xfcQ\x07=\xfe\x1f@8\x14&amp;\x10\xf0\x11\t\x87\t\x87C\xec\xdd\xbd\x13\xaf\xc7\xc3\xae\xed[\xd9\xb5}+[7od\xeb\xa6\rl\xd9\xbc\x9e=;w\xfc\xed\x9a\xb2\xb3\xb3i\xd5\xaa\x15g\x9cq\x06\x9d:u\xa2M\x9b6\x07$\x04\xf1!\xe5T\x8e\xaf\xae\xeb\xacY\xb3\x86_~\x99\xcf\x9c9?\xf3\xeb\xaf\xbf\xb2z\xf5\xea\xbf\xfd\xf9\x9c\xcaU\xc9\xad[\x9f\xdc\xfa\r\xa9\x95[\x97\xea\xb5\xeaP\xb9J52\xb3+\x91\x9e\x91\x89\xdd\xe9\xc4b\xb1b\xb1Z1\x9b\xccH\xb2\xb4?\xae\x92\xd1\xcb?\xf8\xfeU\xa3Q\xc2\xe1\x10\xe1P\x88`\xc0OqQ!\x85\xf9y\xec\xdb\xbb\x8b\x1d[7\xb3}\xebf6\xad_\xcb\x96M\x1b\xd8\xbee3\x9av\xe0\x08C\xf5\xea\xd59\xe5\x94S8\xb3cG\xce&lt;\xf3LZ\xb6h\x89\xd3\xe98\xe0\xb5\xa5J|\x13\x9dH\x00*\xa8x\x8f\xa9t\xa3\xaf\xaa*\x8b\x17/f\xc6\x8c\xef\x99&gt;}\x1a\x0b~\xfd\x95Px\xff\xf0}Zz\x06\x8d\x9a\xb5\xe0\xa4Vmi\xd6\xa2\x15u\x1a4\xa1Z\x8dZddfa\xb3\xdbP\x94\xd8\x03@\x05U\xd5Pc=\xbe\xf8\xdfe|\x14\xf4R\r\xc2\x81\xa4R\xffc\x0c\xfb\x197\xb8\xa2((&amp;\x13\x8a"!\xc7\x9eq\xd1\x08\xf8}^\n\xf2\xf6\xb2m\xcb&amp;6\xac]\xcd\xca\xe5\x8bY\xb1t!kV\xfeI4\xb2\xff\xba\xb3\xb3\xb3\xe9\xd8\xb1#\xdd\xbau\xe3\xac\xb3\xce\xa2q\xe3\xc6%\xdf\x8b?L\x0e5\xe2\x91\xa8\xfe\xa9Q\xc8\xcb\xcbc\xce\x9c9L\x9f&gt;\x9d\xd9\xb3g\xff\xadA\xc8\xcc\xca\xa1Q\xd3\x93h\xde\xaa\rM\x9a\x9fL\x9d\x06\x8d\xa8V\xa3\x16\xe9\x99\xd9\xd8\x0f\x8a\xaf\xa6\xe9D\xa3\x114UC\xd7\xb5\x92\x18\xc7\xae\xe0\x80\x7fQ\xf2\xb6\xee\xaf\x08\x97\x15\x05Y\x92\x90d\x19\x93\xc9\x8c\xa2\xc8\xc82\xc8\nh*\x84CQ\x8a\x8b\n\xd8\xbb{\'\x9b7\xfc\xc5\xda\x95\xcbY\xb5|\tkV-g\xcb\xc6\xf5\x07\\w\xe5\xca\x959\xf3\xcc39\xef\xbcnt9\xab\x0b\x8d\x1b5:\xe0\xbdH\xb6\xf8\x02%s\xe6\xa5\xe3\xeb\xf1x\x98?\x7f&gt;\xd3\xa6M\xe7\x87\x1f\xbeg\xf9\xf2\xe5\x07\xfc\x99*\xd5k\xd2\xb4yK\x9a\x9f\xdc\x86\xc6\xcd[R\xa7~c*U\xadFZz\x06V\xab\x19Y\x06M3\xfe\x89FUT5z@|\x0f\xef\xfe\xdd_\xd8\x17o\xa0e\xc5\x84\xc9dB\x96)\xf9\x0cE"\x1a^\x8f\x87\xbc=\xbb\xd8\xb2i\x03\x7f\xadY\xc1\xcae\x8bY\xb5|\t\x7f\xadYy\xc0\xef\xadU\xab\x16\x9d;w\xa6k\xd7\xaet\xee\xdc\x99\xdc\xdc\xdc\x92\xef\xc5\xafKL\x13TL"\x01\xa8@J\xcf\t\xc63gM\xd3\xf8u\xc1\x02\xbe\xfc\xe2\x0b\xbe\xf9\xe6\x1bV\xacXQ\xf2\xf3.w:\xadN9\x8dS;t\xa2e\xdbv\xd4o\xd4\x8c\x9cJU\xb0\xdaM\xe8\x9aq\x13G"a\xd4H\xc4\x18F\xd4\xf5\x92\x06\xfc\xe0B\x9e\xa3\xb99\xf7\x7ft\xf4X\xefB/\xe9nH\xb2\x84,\x1b\xc3\xcd\x16\x8b\x15\x93\xc9x(\xf9}Avm\xdf\xc6\xbaU\xcbY\xfc\xdb/\xfc&gt;\x7f\x0e\xcb\x17\xffq@/\xa3C\x87\x0e\\r\xc9%t\xef\xde\x9df\xcd\x9a\x95|\xfdP\x0f\xd5D\x12o\xecJ\'u\xf9\xf9\xf9\xfc\xf0\xc3\x8fL\xfdj*?|\xff=\xbbw\xef.\xf9^fv\x0e\xad\xda\x9eF\xdb\xd3\xcf\xa4E\x9bv\xd4k\xd8\x84\xecJU\xb0\xd9\x14\xb4\xe3\x1c\xdf\xbf-+\xd3u\xa3Q\xd1u\x90$dYBQ\xcc\xb1\xe2P\x13\x8a\x02\xd1(\x14\x15\x16\xb0u\xd3\x06V-_\xc2\xa2\x05sY\xfc\xfb|6\xac[S\xf2\xbb\x14Y\xa6},\xbe\x17]t\x11M\x9b6-\xf9^2\xc6\xd7\xe3\xf10{\xf6l\xbe\xfc\xf2K\xa6O\x9f\xce\xb6m\xdbJ\xbeW\xa5zM\xda\xb6\xeb\xc0)\xed;\xd2\xbc\xd5)\xd4\xa9\xd7\x90\x8c\xac,\xccf\tU\x85H$J$\x1c1\x1a\xfa\x92\xf8J\x074\xe4\xc0\x01\xa3:Gz\xbd\xfb\xffm\xdc\xc3\xf1\xcf\x90$\x19\x89\xbd\xd9l\xc1l1\xa3\x98\x8c\xc4\xcf\xeb\xf1\xb2c\xebfV\xfd\xb9\x94\x85\xbf\xcea\xe1\x82y\xac]\xb9?\x91\xb1Z\xadt\xee\xdc\x85\x9e\x97\xf6\xe4\xfcn\xdd\xa8[\xb7n\xc9\xf7TU=n+\x90\x84\xa3#\x12\x80\n\xe0P\x0f\x8e5k\xd6\xf0\xe9\xa7\x9f\xf2\xc9\'\x9f\xb0t\xe9\xd2\x92\xaf\xe7\xd6m@\xfb\xce\xe7p\xc6Y]i\xd1\xeaT\xaaT\xaf\x89\xc5*\x13\x8d@(\x14$\x1a\t\xa3\xa9\xda\x01\x99~\xf9e\xde\xf1\xc4 \xde;\x91P\x14\x19\xb3\xc5\x8a\xd5jAV \xe0\x0b\xb3u\xd3z\x96\xfc\xf1+\xf3f\x7f\xcf\xfc\x9fg\x92\xb7w\x7f#\xd8\xa5K\x17z\xf7\xeeM\xf7\xee\xdd\xa9Q\xa3F\xc9\xd7\xe3C\x8c\x89\xd0\xab\x88\xf7\x82\xe2\r\x9b\xa6i\xfc\xf4\xd3O|\xf4\xd1$\xbe\xfe\xe6kv\xee\xd8?\x8c\xde\xb0IsN\xeft6\x1d:\x9fK\xf3\x93\xdbR\xb9ju,\x16\x89H\x04B\xc1X|\xb5\x8a\x11\xdf\x03\x96\xa8\xc5W\x9e\x98\xccX\xadV,V\x05]\x87\xa2\x82"\xfeZ\xbb\x8a?\xe6\xff\xcc\xbcY\xdf\xf3\xc7\xafs\x08\x87B\x00\xc8\xb2D\x97.g\xd3\xbbw/.\xba\xe8"\xaaW\xaf^\xf2\xbb\x139\xbe\x00\xbf\xfc\xf2\x0b\x93&amp;Mb\xea\xd4\xa9l\xde\xbc\xb9\xe4\xeb\'\xb5j\xcb\x99gw\xa3}\xc7\xb3i\xdc\xbc%Y9\x95P\x14\x08\x875\xc2\xa1 \xd1h\x14\xbd\x02\xc5\x17tt-\x16\xe3X\xb1\xa2\xc5j\xc3j5!I\xe0)\xf6\xb3i\xfdZ\x16-\x98\xcb\xdcY3X0w6&gt;\xaf\x07\x00\x8b\xc5\xc2y\xdd\xba\xd1\xbbWo\xce\xbf\xe0|\xb2cu?\xf1\x8eN\xa2\xc47\x99\x89\x04\xa0\x1c\x1d\xfc\xe0\x08\x04\x82|\xf7\xdd\xb7L\x980\x81o\xbe\xf9\xa6d\xc8\xb6v\xdd\xfa\x9cs~\x0f\xba\x9cw\x11\xcdOnKfv\x06\x9a\x06\xc1@\x88p8\x84\x1e\x1b5\x90\x12\xe4\x86*\x19\x02\xd7udE\xc1j\xb5a\xb5\x9b\xd15\xd8\xbds\'\x8b\x7f\x9f\xcf\xcc\xef\xbe\xe4\xe7\x1f\xa7\x91\xb7w\x0f`\x14\x13^z\xe9e\\\x7f\xfd\xf5\x9cuV\x97\x92\xdf\x15\x8dF+\xec\xf0\xf1\xc1=\x9em\xdb\xb6\xf1\xc9\'\x9f\xf0\xfe\xfb\x1f\xb0x\xf1\xa2\x92\x9fk\xd8\xa49g\x9f\x7f1\x9d\xce\xbd\x90\xa6-[\x91\x9e\xe1F\x8d\x1a\x85\x7f\x91p\xd8\x88\xaf,\xc5\xea3*\xde\xeb,m\x7fR\xa0\x01\x12&amp;\x93\t\xab\xcd\x8e\xc5*\x13\x0eF\xd9\xb4\xe1/~\x9b\xf7\x13\xb3\xa6}\xc9\xfc\x9fg\x11\n\x19\x05\xaaYYY\xf4\xec\xd9\x93&gt;}\xae\xa7K\x97\xce%\xbf/\x91\xe2\xbb{\xf7n&gt;\x9d2\x85\xf7\xde{\x8f\xdf\x16,(\xf9\xb9\x16mN\xa5\xebE\x97rf\x97\xae4hr\x12N\xb7\x8dh\x04\x82\x01?\xd1H\x04\x1d\xbd$\xb6\x15\xf1u\x1eL\xd74\xb4Xr\xa0(F|\xadV\x85hDg\xfb\xd6M\xfc&gt;\xffgf~\xf7\x15sg\xcd(I\x06\xaaU\xab\xc6\x15W^\xc9u\xd7^K\xbbv\xedJ~WE\x8eo*\x10\t@98\xb8\xe1\xdf\xb1c\x07\x1f|\xf0\x01\xe3\xc7\x8fg\xcd\x1ac\xb8\xd4\x9d\x9e\xce\xd9\xdd.\xe6\xc2K{\xd1\xe6\xb43\xc8\xca\xce$\x1a\x85\x80\xdfG4\x1aa\xff&lt;|\xe2\xdf8\xf19L\x90\xb0X,\xd8\x1dv$\tvn\xdf\xc1\xfc\x9f~\xe0\xbb/?a\xf6\xf7\xdf\x1a=#\x8c)\x82\xfe\xfd\xfbs\xe5\x95W\x96\xacO\xafH=\xc6\x83\xaf\xe5\x8f?\xfe`\xfc\xf8\xf1L\x9a&lt;\x99\x82\xfc|\x00*U\xae\xca\xd9\x17\\\xcc\xf9\x97\\\xc9\xc9mO\'=\xd3M$\xac\x13\xf0\xfbQ\xa3\x91\xd80{\xc5x=\xc7D\xd7\xd1t=\x96\xc4\xc8\xd8lvlv3\x91\x88\xc6\xc6uk\xf8\xe9\xfbo\x986u\nK\xfe\xf8\xb5\xe4\x8f\x9cq\xe6\x99\xf4\xef\xd7\x8f+\xae\xb8\xa2$\xbe\x15\xa9\xa18\xb8\xe1_\xb6l\x19\xef\xbc\xf3\x0e\x13\'Nd\xef\xde\xbd\x00\xd4\xac]\x87n=\xae\xe0\xbc\xee\x97\xd1\xb4ek\x9c.\x1b\xe1\xa0J0\xe8G\x8d\xaa\t\x93\xd0\x1d\x0e\xe3y\xa6!I2\x16\xab\x15\xbb\xdd\x8a\xa6\xc1\xd6M\x1b\x98\xf3\xe3t\xa6}\xf9\t\xbf\xce\x9dU\xf2\xf3]\xbbve\xc0\x80\x01\xf4\xe8\xd1\x03\xab\xd5\nT\xac\xf8\xa6\x12\x91\x00\x9c@\x077\xfck\xd7\xae\xe5\x8d7\xdfd\xc2;\xef\x90\x97\x97\x07@\xf3\x93\xdbp\xc9U\xd7q\xee\x85\x97R\xabn\x1dt\r\xfc&gt;\xa3\xd17z\x08\xc9\xf1\xd0\xf8\'\xa5\x0b\xe4,\x16+\x0e\xa7\x8dhTc\xed\xca\xe5L\x9f:\x85/?~\x9fm[6\x01P\xb7n]\x06\x0e\x1cH\xbf~\xfd\xa8\\\xb92P\xbe\x0f\x92\x83\x1b\x86\x993g2f\xcc\x18&gt;\xff\xfc\xf3\x92\x9fi{\xfa\x99\xf4\xb8\xf2Z\xce&gt;\xffb\xaa\xd5\xac\x81\x1aO\xea"\x11\xa4\x14\xa8\x9a\x8e\'{\x92\xb4?\x19\xf0\xfb\x82,\xf9}&gt;_O\xf9\x88\xe9_M\xa1\xb0\xc0H\x92\xea\xd7\xaf\xcfM7\xddTa\xe2[z\x13&amp;\x80\x9f\xe7\xcc\xe1\xd51c\xf8\xe4\x93OJ\xe6\xd3;\x9f{\x01=\xae\xea\xc3\x99gu%\xa7r\x0e\x91\xb0F\xc0\xef3&gt;\x1b)\x11\xdfX\x1d\x13`\xb5\xd9\xb0;\xac\x84\x82Q\xfe\\\xf2\x07\xdf~1\x99o\xa6Lb\xef\x9e]\x004o~\x12\x83\x06\r\xa4O\x9f&gt;ddd\x00\x15+\x91O\x05"\x018\x01\x0e\x9e\xe3_\xbdz5\xaf\xbc\xf2\n\xefLx\x87\x80\xdfX"w\xce\x05=\xb8\xf2\xba\x9bh\xdf\xf9\x1c\\n\x07~\x7f\x88Pl\xfd~\xaa\xde\x10\xa5\x8b"\xed\x0e\x07V\x9b\x89}\xbb\xf71k\xfa\xd7|\xfc\xfe[,Z0\x0f\x80\xaaU\xab2h\xd0\xcd\x0c\x1e|3U\xaaT\x01N\xec\x83\xe4\xe0\xc4\xee\xfb\xef\xbfg\xe4\xc8\x91L\x9b6\r\x00\xb3\xd9\xccy\x17_\xc6\x15\xd7\xdd\xc4\xa9\x1d:a\xb7[\xf0y\x83\x84\xc3A$$dE\xa6T)~\xca\xd0\xe3{\x03(\nN\xa7\x0b\xc5,\xb1y\xc3&amp;\xa6}\xf91S&amp;\xbe\xc3\x86u\xc6*\x88j\xd5\xaa3p\xe0\x00\x06\x0f\x1e\\!\xe2;k\xd6,F\x8e\x1c\xc5\xd7_\x7f\x05\x80\xd3\x95\xc6\xc5W\\\xcdeW\xdf@\xcb6\xa7a2\xcb\xf8\xbc~"\xe1pJ4\xfa\xff\xc4\xb8\x7f\x8d8\xd9\x1d.,\x16\x99\x1d\xdbv\xf0\xfd\xd7\x9f\xf1\xc9\x07o\xb3j\xf9\x12\x00rss\x192d\x08\x03\x06\x0c(Y.\x1a_\x19"\x1c_"\x018\xceJ\x7f\x907m\xda\xc4\xa8\x97^\xe2\xcd7\xde \x10\x08\xa0(&amp;z\\y\r\xbd\xfa\x0e\xa2\xf5\xa9\xed\x91$\t\x9f\xd7\x8b\x1a\x8d"\x8b\xe1\xb0\x03h\x9a\x86\xaei\x98-\x16\x9c.\x07\x81@\x88\xf9?\xfd\xc0\xc4\xb7^\xe5\xa7\x1f\xbe\x03\x8cD\xe0\xd6[o\xe3\x96[\x86\x1c\xd0\xa38^\x0f\x92\x83\x13\xbb\xb9s\xe7\xf2\xcc3\xcf\xf0\xcd7\xdf\x00\xe0t\xb9\xe9\xd9\xeb:\xae\xecs\x13\xcdOn\x83\xa6\x81\xcf\xeb\x89=\x14E|K\xd34c#\x19\xab\xcd\x8e\xc3i%\x7f_\x01?~\xf7%\x1f\x8d\x7f\x8d\xa5\x0b\x7f\x03\x8c\xf8\xder\xcb-\xdcr\xcb-\'\xa4\xa188\xbe\xf3\xe7\xcf\xe7\xd9g\x9f\xe5\xcb/\xbf\x04 \xbbRe\xae\xecs\x13\x97\xf5\xbe\x81\xfa\x8d\x1b\x11\tk\xf8|^\xb1\xec\xed\x10\xe2\xf7\xaf\xc5j\xc3\xe9\xb2Q\\\xe4\xe5\xe7\x1f\xbe\xe3\xc3\xb7_e\xc1\xbc\x9f\x00\xa8];\x97;\xef\xbc\x83\x01\x03\x06\xe0r\xb9\x0e\xd8\xf4L8&gt;D\x02p\x9c\xc4{\xae\x92$QXX\xc8\xcb/\xbf\xccK/\xbdDAA\x01\xb2\xacp\xd9\xd5\xd7sm\xff[8\xa9M[\xd4\xa8\x86\xcf\xeb\xfd[%\xb1\xf0w\xfb{\x15\n.\xb7\x1bU\xd5X0w&amp;\x13\xc6\x8eb\xf6\xf7\xdf\x02P\xaf^=\x86\r\x1bF\xbf~\xfd0\x99L\xc7\xa5\xb7X\xba\xe1Y\xbdz5O=\xf5\x14\xef\xbf\xff&gt;\x00\x0e\xa7\x8b+\xae\xbd\x91\xab\xfb\xddL\xa3\xa6\xcd\x08\x85\xa2\xf8}&gt;$@\x16\xf1\xfdW\xba\xae\xa3\xa9*&amp;\xb3\x19W\x9a\x13\xbf\xd7\xcf\xcciSyw\xdc\xcb,\xfe}&gt;`L\xfd\xdc{\xef\xbd\xdct\xd3M\x98\xcd\xe6\xe3\xb2\xbc\xact|\xd7\xad[\xc7SO?\xcd\x84w\xde\x01 +\xa7\x12\xd7\xf4\x1b\xcc\x15\xd7\xf6\xa7v\xdd\xda\xf8\xfda\x82\x01\x7f\xc9\xbe\x18\xc2?\x8b\xc7W1\x99p\xb9]\x84Ca\xe6\xcc\x9c\xce\xbb\xe3^b\xfe\xcf3\x01h\xda\xac\x19\xf7\xdf\x7f?\xd7\xf7\xe9\x03\x88i\x81\xe3I$\x00e\xec\xe0^\xc3{\xef\xbf\xcf\x13\x8f?\xce_\x7f\xfd\x05\xc0\x85=\xaf\xa2\xdf-w\xd3\xea\xd4vD\xc2*&gt;\x9fW\xac\x8d=J\xf1\x07\xbf\xcb\x9d\x86\xaei\xcc\x9d5\x9d7_~\x8e\x05sg\x03\xd0\xbe}{\x1e{\xec1\xbav\xedZ\xf2\xf3\xc7\x9a`\x95\x9e\x07...\xe6\x85\x17^\xe0\xa5\x97^\xc2\xe3\xf1\xa0(\n\x97]\xdd\x97\xbe\x83\xef\xa4I\x8b\x93\x08\xfa#\x04\xfc\xbe\x94\x1e\x06&gt;Z\xf1DOQ\x14\\in\x02\xfe\x003\xbe\x9a\xc2\xdbc^`\xd5rcY\xeci\xa7\x9d\xc6\xa3\x8f&gt;\xca\xf9\xe7\x9f\x0f\x18\xf5\x01\x87:\x13\xe3H\x94\x8e\xaf\xc7\xe3a\xe4\xc8\x91\xbc8r$\x9e\xe2b\x1cN\x17\xd7\xf4\x1b\xcc5\xfd\x87\x90[\xaf\x0e~\xaf\xb1\x13\xa6\xac\x18\x9bb\tG&amp;\xde\xb0\xbb\xdcn"\x91\x08\xb3\xa7\x7f\xc5[\xaf&lt;\xcf\xe2\xdf\x8d\x82\xd0.]\xba\xf0\xd8c\x8f\xd1\xa9S\xa7\x92\x9f\x17\x1d\xa4\xb2%\x12\x802T\xfa\x03\xbah\xd1"\x1ex\xe0\x01f\xcc\x98\x01@\xbb3:s\xf3\xd0\x079\xf3\xac\xf3PU\x15\x9fW4\xfceESU\x90$\xdcii\x84\xc3a\xa6}\xf9\t\xe3F&gt;U\xb2cY\xdf\xbe7\xf2\xd8c\x8fR\xbbv\xed\xbf\x15r\x1d\x89\xd2\r\xcc\x94)Sxh\xf8pV\xafZ\x05@\x97\xae\x17r\xf3\xdd\xff\xe3\x94\xd3;\x10\nE\x08\xf8|F\xafE\xc4\xf7\x98\xc5\x1b\x8a\xb4t7\xc5E\xc5|\xf6\xe1\x04\xdez\xf99v\xed\xdc\x0e\xc0u\xd7\xf5\xe1\xf1\xc7\x1f\xa3n\xdd\xba\x07\x9c\xa6w4\x7fO\xfc\xfe\xfd\xec\xb3\xcfy\xe8\xa1\x87X\xb5\xca\xf8\x0c\xf5\xec\xd5\x87\x01\xb7\xdfG\x93\x16\'\xe1\xf7\x85\x08\x06\x02\xa2j\xbd\x8c\xc4\xe3\xebNs\x13\xf0\xfb\xf9\xea\xd3\x8fx\xfd\xa5\xa7Kv\x94\x1ct\xf3\xcd&lt;\xf2\xf0\xc3T\xabV\xed\x98\xee_\xe1\xefD\x02P\x06J\xf7\xfa\x03\x81\x00O?\xfd4\xcf=\xf7\x1c\xa1P\x88\xea5s\x19r\xefC\xf4\xec\xd5\x07\x8b\xd9Jqq\x91h\xf8\x8f\x93\xd2\rEA~\x01\x1f\xbc9\x86\xb7_y\x1e\xaf\xd7C\xa5\xca\x95yr\xc4\x08\x06\x0c\x18\x00\x1cYo\xb1\xf4\\\xe4\xe6\xcd\x9b\xb9\xff\xfe\xfb\x994i\x12\x00\r\x1a7\xe3\x96{\x87sA\xcf\xab\x00\xf0z\x8a\xc5P\xf0q\xa2\xaaQL&amp;3i\xe9N\xb6m\xd9\xc6\xdbc^\xe0\xc3\xb7\xc7\x12\x89D\xc8\xc9\xc9\xe1\xb1\xc7\x1ec\xc8\x90!\xc0\xb1\xc5\xf7\x81\x07\x1e\xe4\xa3\x8f&gt;\x04\xa0u\xbb\x0e\xdc6\xec\x11:\x9e}\x1e\x91p\x04\x9f\xcf\'\x1a\xfe\xe3$\x9e\x80\xa5\xa5\xbb\xd8\xb3{\x0f\xef\x8e\x1b\xcd\x84\xb1\xa3\x08\x06\x03\xd4\xa8Q\x83\'\x9f|\x92\x1bn\xb8\x01(\x9b\xd1\x1eA$\x00\xc7,\xbe\xa3\x15\x18E`w\xdey\'\x0b\x17.\x04\xe0\xda\x9bna\xf0\xd0\x07\xa9V\xa3:E\x85\x1eQ\xd0r\x82\xa8\xd1(&amp;\x8b\x85\xb44\x07\xab\x96\xff\xc9\xe8\xa7\x1ff\xc6\xd7\xc6R\xbc\x8b.\xba\x88Q\xa3F\xd1\xb0a\xc3\xc3\x9a[,\xdd+\x9c0a\x02\xf7?\xf0\x00\xbbw\xed\xc2j\xb5\xd2\xf7\xe6\xbb\xb8\xe9\xf6{\xc9\xcc\xce\xa2\xa8\xb0\x18\xd0\x91e\x11\xdf\xe3)\x9el\xdbl6\x1c.\x1b\xbf\xff\xf2\x0b\xa3F\xfc\xafd\xda\xe7\xbc\xf3\xcec\xd4\xa8Q4k\xd6\xec\x80:\x9c\x7fR:\xbe\xef\xbc\xf3\x0e\x0f&lt;\xf0\x00\xbbw\xef&amp;=#\x93!\xf7\x0c\xe7\xea~7c\xb3\xd9).\x12\x89\xfb\x89\xa2F\xa3\x98\xadV\xdcn;\xcb\x16-\xe6\xa5\xa7\x863{\x86QX{\xe9\xa5\x97\xf2\xe2\x8b/R\xb7n]Q\x1bP\x06D\x02p\x0c\xe2Yh$\x12a\xc4\x88\x11\x8c\x181\x02M\xd3h\xd6\xa25\xf7=\xf6\x1c\x1d\xcf9\xd7X\xee\x15\n\xa2\x88l\xf5\x84\x8a7\x14N\x97\x13E1\xf1\xe5\xe4\xf7\x199\xe2\x7f\xec\xda\xb1\x8d\xac\xac,\x9e{\xee9\xfa\xf7\xef\x0f\xfc\xf3\xdcb&lt;\xbe\xbbw\xef\xe6\xae\xbb\xee\xe2\xa3\x8f&gt;\x02\xa0\xed\xe9gp\xff\xe3/\xd0\xf6\xf4\xd3\xf1\x14\x1b\xcb\xbdD|O\xacx|\xddi\xe9\xa8j\x84\x0f\xdf~\x8d1\xcf=FQa\x01\xe9\xe9\xe9&lt;\xf5\xd4S%\xa3\x01\x87\x8ao\xe9Q\xbb\x9d;w2t\xe8\xd0\x92Q\x9d\xae\xdd/\xe5\xee\xe1O\xd3\xa8ic\x8a\n\xbdb\xee\xb9\x1c\xc4\xe3\xe3r\xb9\x91$\xf8\xf4\xc3wx\xe9\xc9\x87\xd8\xb7g7\x95*U\xe2\xf9\xe7\x9f/\x19\r\x10\xf19z"\x018\n\xa5\x87\x0cW\xadZ\xc5\xa0\x9bof\xce\xcf?\x03p\xd3m\xf72\xf8\xee\x87p\xa7\xa5Q\\X(\x96\xf3\x95\xb3\xf8\x96\xc3\x19Y\xe9l\xdd\xbc\x85\x17\x1e\x1b\xc6\xd7S\x8c\x07\xfdu\xd7]\xc7K/\xbdDvv\xf6\x01C\x8a\xa5{\x8e\xdf}\xf7\x1dCn\xb9\x85M\x1b7b\xb5\xda\x18r\xcf\xff\xe8w\xcb=\x98-\x16&lt;\xc5\xc5b8\xb8\x9ci\xb1\rv22\xdd\xacY\xb1\x8a\xa7\x87\xdf\xcd\xcf\xb1e\xa1W^y%/\xbf\xfc2U\xabV\xfd\xc7\xf8~\xf3\xcd7\xdcr\xcb-l\xde\xbc\x99\xcc\xacl\xeey\xe4\x19\xae\xb8\xae\x1f\xd1\xa8\x8a\xdf\xe7\x13\xc3\xcc\xe5,&gt;\xe7\x9f\x91\x99\xc6\xa6\r\x1bx\xfe\x91\xfb\x986u\n\x00}\xfb\xf6e\xe4\xc8\x91dff\x8a)\x81\xa3$\x12\x80#T\xfa\xe11q\xe2Dn\xbb\xed6\n\n\n\xa8\xdb\xa0\x11\xc3\x9fy\x99\xce\xe7u\xc3S\xe4+\xd9\xb1L\xa8\x18\xa2\xd1(6\xbb\x1d\xab\xd5\xca\xa7\x1f\xbc\xcd\xb3\x0f\xdfKQa\x01\x8d\x1b7\xe6\xad\xb7\xde\xe2\xcc3\xcfDU\x8d\xb5\xe8\xf1\x07\xc9\xc3\x0f?\xcc\x13O&lt;\x01@\xb3\x96\xady\xf8\xb91\xb4;\xa3\x03E\x05\xa2WX\xd1D\xa3Q\x9cN\'\x92,\xf3\xee\xb8\x97\x18\xfd\xd4\xc3\x04\x02~\xea\xd6\xad\xc7\x9bo\xbe\xc19\xe7\x9cs\xc0\x11\xdb\x9a\xa61|\xf8p\x9ez\xea)\x00:\x9e\xdd\x8d\xff==\x9a\x86M\x1bS\x98_\x0c\x88B\xb3\x8a$\x1a\x8dbw80\x9b\xcdL~\xf7\r\x9e{\xe4&gt;\xbc\x9eb\x9a6k\xc6\xdbo\xbdE\xfb\xf6\xed\xc5\x94\xc0Q\x10\t\xc0\x11\x88?\xf4\xa3\xd1(\xf7\xde{//\xbd\xf4\x12\x00\x17_q\r\x0f&lt;9\x92J\x95\xabPXP(z\x85\x15\x94\x1e\xdb\xd1-3;\x9dU\xcb\xff\xe4\x91{\x86\xf0\xc7\xfc9X,\x16^x\xe1\x05n\xbb\xed6\x00v\xee\xdc\xc9\x80\x01\x03J6\xf4\xe9\xddw\x10\xf7&gt;\xf6,.W\x1a\xc5EE\x98L\n\xa9\xb8s_Eg$\xe7\x90\x91\x95\xc6\xc2\xf9\xbf\xf2\xf0\xdd\x83Y\xb5|\t\x8a\xa2\xf0\xd4SOq\xdf}\xf7\x01\xc6\xa1L7\xdd4\x80\xe9\xd3\xa7!\xc92\xb7\x0f{\x94Aw\xde\x1f;\xaeZ\xf4\xfa+*c4@\'3+\x9d?\x97,\xe5\x91{\x86\xb0\xf8\xb7_\xb0Z\xad\x8c\x1c9\x92!C\x86\x1c\xd3*\x90T$\x12\x80\xc3\x14\x1fb\xda\xbe};}\xfb\xf6\xe5\x87\x1f~\xc0b\xb1p\xefc\xcf\xd1\xf7\xe6;\x08\x04\x02\x84\x83!1\x17\x9c\x00\xa2\xd1(.\x97\x8bH$\xcc\x8bO&lt;\xc8\xbb\xe3F\x030x\xc8\x10\xae\xbc\xe2\n\xfa\xf7\xef\xcf\xc6\x8d\x1bq\xa7\xa5\xf1\xbf\xa7Fse\x9f\xbex\x8a\xc5\xa8N\xa2\x88F\xa3\xa4\xa5\xa5\xe3\xf1\x14\xf1\xd4\x83w\xf1\xd9G\x13\x00c\xc8\xb8W\xaf^\x0c\x1c8\x90\xad[\xb7R\xa3V.O\x8cz\x9d.\xdd\xbaQ\x98\xef\x11\rG\x82\x88F\xa3\xb8\xdcn\xc2\xc1 \xcf?~?\x1f\xbc9\x06\x80A\x83\x06\xf1\xf2\xcb/c\xb1X\xc4\x08\xdda\x12\t\xc0a\x887\xfe\xbf\xfd\xf6\x1bW_}5\x1b6l\xa0Vn=\x9e\x1e3\x9e\x0e\x9d;S\x90WTr\x1c\xaf\x90\x184UE6)\xa4\xa5\xb9\xf8\xf8\xbd\xf1\x8czr8{v\xed(\xf9~\x8b\xd6\xa7\xf0\xc8\xf3\xaf\xd2\xa6];\xf2\xf7\x89Z\x8eD\xa3\xaa*f\xb3\x19\x87\xd3\xc1\x84q\xa3\x19\xf7\xe2S\xe4\xed\xdbS\xf2\xfd\xb3\xbau\xe7\xa1\xa7GS\xbbn=\n\x0b\nE\xaf?\xc1\xc4\x0b8\xddiN&amp;\xbf;\x9e\'\xee\xbf\x9d\x80\xdf\xc7Yg\x9d\xc5\xc4\x89\x13\xa9V\xad\x9a\xa8\x0b8\x0c\xa2\xc5\xfa\x0f\xf1\x0f\xd1\x94)S8\xf7\xdcs\xd9\xb0a\x03\xed;\x9e\xcd\xfb_\xcd\xa2\xdd\x19\x9d\xc9\x8b7\x0e\xa2\xf1O(\xb2\xa2\xa0\xa9\x1a\xf9y\x05\xf4\xbf\xb5\x1f\xe7^\xd4\xb3\xa4\xf7g\xb3\xdb\xb9\xfd\x81\xc79\xf3\xacv\xec\xde\xb9\x17\xc5d\x12\x8d\x7f\x82QL&amp;"\x910\x9eb\x0fC\xee\xbe\x83vgt.\x89\xa1\xcb\xedf\xc0\xed\xc3h\xdc\xbc\x1ey{\xf7\x89F"\x01)\x8a\x82\xa6i\x14\xe4\x17\xd2\xbbo?&amp;|6\x83\xdau\xeb3k\xd6,:w\xee\xcc\xd2\xa5K1\x99LD\xa3\xd1\xf2\xbe\xd4\nM\xb4Z\xff\xa0\xf42\xa11c\xc6p\xc5\x15W\xe0\xf1x\xb8\xfc\x9a\x1by}\xd2\xd7\xe4T\xaeJq\xa1\xe89$*c\x15\x87LZz\x06\xf7\x0e\xbe\x8b\x0f\xdf\x1e\x0b@\x9d\xfa\x8d\x08\x06\x02\x0c\x1br\x03\x9fO\x9aJ\x95\xea\x95\xc4C$\x01i\xd1(\x16\x8b\x15\xb3\xc5\xcc\xe0\xeb\xfa\xf0\xdd\x97\x9f`\xb1Xi\xd8\xa49^\x8f\x87!}z\xf2\xf5\x94\xaf\xa8\\-G\xc47AI\x92\x84\xa2\x98\xc8\xdbWH\xebv\x1dx\xff\xcb\x99\x9c\xda\xa1\x13\xeb\xd6\xad\xe3\x9cs\xce\xe5\xfb\xef\xbf\x17I\xc0\x7f\x10\t\xc0!\x94^\xe6\xf7\xc8#\x8f\x94\x14\x87\xddz\xdf\xc3&lt;\xf3\xeax4M#\x14\x0c\x88\xf9\xfe\x04\x15\xaf\x047[,\xdc\x7f\xeb\x8d\xbc;\xee%dY\xe6\xb1\x91\xe3\xf8j\xce\x1ft\xebq\x05\xf9\xfb\xf6r\xfb\x8dW2e\xe2\x07dW\xca@\x15\x0f\x91\x84\xa1\xaa*V\x9b\x8dH$\xcc\xad\xd7_\xce\xd4\x8f?\xc0\xe1t2\xf2\xcd\x0f\xf9|\xf6ot\xbb\xf8r\n\xf3\xf3\xb8\xad\xaf\x88o20\x99L\x14\x17\x16\x92S\xb9*oN\xfe\x86\x0b/\xbd\x8a\xbc\xbc}\\|\xf1\xc5|\xf2\xc9\'"\t\xf8\x17"\x018H\xbc\x8aTQ\x14\xee\xba\xeb.\x1e\x7f\xfcqdY\xe6\xd1\x17\xc62\xf4\xa1\xc7(.*\x8a\xed\xfe\'\nL\x12\x91\xa6\x19s\xc3\x92\x04w\xf6\xbf\x9a\xcf?z\x17\xa7\xcb\xcd\x98w\xa7pM\xbf\x01\xa8\xaa\xcc\xe8\xf1\x93\xe93\xe06"\xe10\xf7\x0e\xbe\x9e\xf7\xc6\xbdFV\xa5\x0cTU&lt;D*:UU\xb1;\x1cx=\xc5\xdc|u\x0f~\xfa\xfe[*U\xa9\xc6[\x1f\x7fG\xb7\x1e\x97\x12\x8dh\x8c~\xe7\xe3X|C\x07\xc6W4\x12\tK1\x99\x08\x06\x02H\x92\xcc\xc87?\xa2\xcf\x80\xdb\x08\x85B\xf4\xea\xd5\x8b\xb7\xdf~[$\x01\xff@\x14\x01\x96R\xba\xe7?x\xf0`\xc6\x8d\x1b\x87\xd5f\xe3\xe9W\xc6si\xef\xab\xc9\xdb+\x8a\xc1\x12\x99\xd1\xf8[\xd04\x95;\xfa\xf5\xe6\xa7\xef\xbf!+\xbb\x12\xa3\xc7O\xa6\xc3Yg\x19\xc5~\xb1u\xc4i\x19nF&gt;\xf10c_0\xf6\x01x\xf0\xc9Q\xdct\xdb\x9d\xe4\xe7\x15\x89\xea\xe2\n\xcah\xfc\xed\x14\xe5\xe7s\xf3\xb5\x97\xb0l\xd1o\xd4\xaaS\x8f\xb1\xef\x7fN\x93\x93ZRXP\x80"+ I\xa4\xa5\xbb\x19\xf9\xc4p\xc6\xbe8\x02\x10\xf1M\x16\xf1}Z\xd2\xd2\xdd\x8c\x1c1\x9c\xb1/\x18\xf1\x1d;v,\x83\x07\x0f\x16\x85\x81\x07\x11\t@L\xe9\xc6\x7f\xe0\xc0\x81\xbc\xf9\xe6\x9b8\x9c.F\xbe\xf9!\xe7]|1y{\xc5|\x7f"\xd34\r\x93\xd9\x0c\xba\xc6\xad7\\\xc1\x9c\x1f\xa7Q\xa9JU\xc6~\xf0%\xadOmGA~\x01&amp;\x93\x19\x88\x8f\x02idf\xa5\xf3\xea\xf3\xcf\xf0\xe2\x13\x0f\x00\xf0\xc0\x88\x91\x0c\xbc\xe3.\xf2\xf6\x15\xa2(\xe2\xb3P\x91\x944\xfe\x05\xf9\x0c\xe8\xd5\x9d\x15K\x17R\xafa\x13\xc6}4\x95\xdc\xba\rb\xfb7\x181;0\xbeO\xf3\xe2\x13\x0f\x02"\xbe\xc9\xe2\x9f\xe2;f\xcc\x18n\xb9\xe5\x16\x91\x04\x94"\x12\x00\x0el\xfc\x87\x0c\x19\xc2k\xaf\xbd\x86\xcb\x9d\xc6KoO\xe6\xec\xf3\xcf\'o\xdf\xfe\xc6AH&lt;\x9a\xa6\xa1\x98\x14\x14Y\xe6\xf6\x1b\xafb\xd6\xf4\xaf\xa9\\\xb5:\xaf\x7f4\x95\x93Z\xb5\xa5\xb0\xe0\xef\xf1\x8d\x7f&amp;\xb2r\xd2\x197\xf2\x05\x9e{\xe4^\x00\x86?\xfb\n7\x0e\xb9\x95\xfc\xbd\x85\xa2\x06\xa4\x82\xd0bs\xfe^o1\x03{ug\xd9\xa2\xdfh\xd0\xa49oL\xfa\x8a\xea5k\xe3)\xf6\xfc\xed\x81\xffO\xf1}\xf8\xd91\xf4\x1dr\x8b\x88o\x82\xfb\xa7\xf8\xbe\xf1\xc6\x1b\x0c\x180@$\x011)\x9f\x00\x94\xae\xf6\xbf\xe7\x9e{x\xf1\xc5\x17q8]\x8c\x1e\xff1\xe7\\p\x01y{\x0b\x8c\x9e\xa3\x90\x90t]G\x92\x8c\xa5}Co\xba\x86\xef\xbe\xfc\x84\x9cJUxc\xd2\xd7\xb4hs\xca!\x1b\xff\xd2T5JvN\x06\xaf&gt;\xff,/&lt;~?\x00O\x8fy\x87^7\xf45&gt;\x1b"1,W\x9a\xa6a6\x9b\x89F#\x0c\xe8u\x11\x0b\x7f\x9dK\xbd\x86Mx\xeb\x93o\xa9V\xa36&gt;\x8f\xe7_\x1b\xf2C\xc5\xf7\x991\xefp\x95\x88oR\xf8{|%&gt;\xfcp"W_}\xb5H\x02\x10E\x80%\x8d\xff\x88\x11#x\xf1\xc5\x17\xb1Zm\xbc\xf0\xfa\x07\xa2\xf1O\x02\xf1\x82N\x97\xdb\xcd#C\x07\xf3\xdd\x97\x9f\x90\x9e\x99\xc5\xab\xef\x7ff4\xfe\xf9\xff\xfd\x807\x96\x19\x151\xe4\x9ea\xdc6\xecQ\x00\x1e\xbek\x10\xdf}\xf1\x05Y\xd9\x99\xa2\xb0\xa8\x1c\xe9\xba\xb1\x94S\x96%\xee\xea\xdf\x9b\x85\xbf\xce\xa5V\x9dz\xbc\xfe\xd1T\xaa\xd7\xac\x8d\xf7?\x1a\x7f80\xbe\xb7\xde\xf7(\x00\xc3\x87\x0eb\xda\x17_\x8a\xf8&amp;\x81\xbf\xdf\xbf:}\xfb\xf6e\xda\xb4i\xa20\x90\x14\x1f\x01\x88g\x80o\xbe\xf9&amp;\x03\x07\x0eD\x91e\x9eyu\x02\x97_\xd7Gd\xffI@U\xa3deg\xf0\xfc\xa3\x0f\xf1\xda\xc8\'q8\x9d\x8cy\xef3:\x9ds\x1e\x05y\x87\x9f\xdc\xc5\xe7\x1432\xd3y\xe2\xfe\xa1Lxm\x14.w\x1ao}\xfc-mN;\x83\xe2B1\\|\xa2\xc5\x93;w\x9a\x9b{\x07\xdf\xc0\x97\x93\xdf\xa7R\x95j\xbc\xfd\xe94\x1a7kq\xc0\x9c\xff\xe1\xfd.#\xbe\x8f\x0f\xbb\x8bw\xc7\xbd\x84+-\xdd\x88o\xbb\x0e"\xbe\t\xeeP\xf1MO\xcf\xe0\xc7\x1f\x7f\xa0m\xdb\xb6)\xbdmp\xca&amp;\x00\xf1\xc6\xff\xdbo\xbf\xa5G\x8fKP\xd5(\xff{\xea%n\xba\xfd\x0e\xf6\xed\x11\x8d\x7f\xa2\x8bF\xa3dW\xca\xe0\xfd\xd7\xc7\xf1\xc8=\x83\x91\x15\x85\x17\xc6}@\xcf\xde\xbd\xc9\xdbs\xe4#;\xc6m\xa2\xe3r\xa7q\xcf\xa0&gt;L\xfd\xe4\x03\xaaV\xaf\xc9\xfbSgQ\xa3v.~\x9f?e\x1f"\xe5!\x9e\xdc=3\xfc\x01\xde\x18\xfd\x0c.w\x1aoL\xfa\x9aS\xcf\xe8Ha\xfe\x91\x17\xec\xee\x8f\xaf\x9b\xbb\x07\xf6\xe1\xabO\'R\xb5FM&gt;\x98:\x9b\xea\xb5j\x8b\xf8&amp;\xb8\xd2\xf15\xee\xdf\x89\xd4\xae\x9d\xcb\xdc\xb9s\xa8U\xabVliw\xea\r\x88\xa7d\x02\x10\xcf\xf8\x96/_N\xe7\xce\x9d)((`\xc0\xed\xf7\xf1\xc0\x88g\xc9\xcf\x13\x15\xc0\x89.\x1a\x8d\x92\x91\x99\xc1\xcf?Lg\xf0u\x97\x10\x0e\x85J*\xbc\xf7\x1dE\xe3\x1f\xa7k\x1a\xb2\xa2\xa0\x98\x14\x06\xf5\xbe\x98_~\xfa\x81\xe6\'\xb7\xe1\xbd/~\xc4d\xb1\xa0F\xa3HR\xea=DN\xb4h\xd4\x98\xd7\xfd\xe0\xed7x\xf8\xaeA\x98L&amp;F\xbd5\x89\x0b/\xbb\x9c\xfcc(\xd8\x8d\x17\x02+&amp;\x99\x81\xbd.f\xfe\xcf?rR\xabSx\xf7\xcb\x1f0)fTU\x15K\x80\x13\xd8\xa1\xe2{\xdai\xa71s\xe6Ll6[\xc91\xef\xa9$\xe5\x9eV\xf1\x13\xbf\xf2\xf3\xf3\xb9\xf2\xca\xab(((\xe0\xc2K{q\xef\xa3\xcfPXP,6\xf8Ip\xaa\xaa\xe2t9\xd9\xb0n\r\xc3n\xb9\x81p(D\x9f\x01\xb7q\xd3\xed\xc6\xf2\xaec\xa9\xe9\x90d\x19UU\x01\x89\x17\xdf\xf8\x80\xfa\x8d\x9a\xb1b\xe9"\x1e\xb8\xfd&amp;l6;\xa9\x97J\x9fxj,\xb9\x9b;k\x16O=p\'\x00\xf7&lt;\xf2,\xdd/\xbf\x9c\xfcc\x9c\xb6\x93c\xf1\x95\x90y\xf1\x8d\x0f\xa8\xd7\xb0\t\x7f.\xf9\x83\x87n\x1f\x80\xdda\'\x05\xfbJI\xe5\xe0\xf8\xd6o\xd4\x84\x05\x0b\x160`\xc0\xc0\x92\xef\xa5\x9a\x94J\x00\xe2KC$I\xe2\xfa\xeb\xafg\xcd\x9a\xd5\x9c\xdc\xf64\x9e|\xf9-\x02\xfe\x00\xbaN\xcae\x80\xc9D\xd7uL&amp;\x13\xa1`\x90{\x06\xf5a\xdf\x9e\xddt\xeez!\x0f&gt;5\x92\xe2\x02O\x99$w\xb2,\x13\n\x06\xc9\xcc\xae\xc4\xa8\xb7&gt;$#3\x8b\x19_M\xe1\x95g\x1f#3;-\xe5\x8b\x8a\x8e\'M\xd5\xb0;\xecl\xdb\xb2\x89aCn \x18\x0cpu\xbf\xc1\x0c\xb8c\xe81\'wq\xb2,\x13\x0c\x06\xc9\xca\xa9\xcc\xc87?$=#\x93\xef\xbe\xfc\x84W\x9f\x7f\x92\xcc,\x11\xdfDW:\xbe/\xbe\xf1!\xe9\x99\x99|\xf8\xe1D\x9e{\xfe\xf9\x94,\nL\xa9\x04 &gt;\xf4\xff\xf0\xc3\x0f\xf3\xcd7\xdfP\xa5ju^x\xfd\x03\xacV+\x91H$%\xe7\x80\x92\x89\xa6i\xb8\xdcN\x9e\xb8\xff\x0e\x96/\xfe\x9d\xba\r\x1a\xf3\xcc\x98\xf1D#Q4]/\xb3\xe4NQ\x14&lt;\xc5\xc54?\xf9d\x1e{\xf1udYf\xec\x8b#\x98&gt;u*\x99Y\x19)\xf7\x109!t\x1dY1\xe2w\xff-\xfd\xd8\xb9}+\xa7w&lt;\x8b\xff=5\x8a\xe2Bo\x99\x8e\xdc\x19\xf1-\xa2E\xeb\xd6&lt;\xfa\xc2X$Yf\xcc\xf3\x8f\xf1\xc3\xb7\xdf\x92\x91)\xb6\x0cNt\x07\xc4\xf7\xf9\xd7\x90e\x99\x07\x1f|\x90\x993gb2\x99Rj$ eZ\xbc\xf8r\xbfo\xbe\xf9\x86\x11#F`6\x9by\xe2\xa57\xa9\xdb\xa0\x01&gt;\xafO\x14\xf8$\xb8h4JVv:\x13\xdf~\x9d\xcf&gt;|\x07\x87\xd3\xc5\xb3c\'\x90\x95S\x99P0X\xe6\xc9\x9d\xc9d"?\xaf\x90\x1eW^\xc1\xa0\xbb\x1e@SU\x1e\x1ez3\x9b7l\xc0\xe1\xb0\xa3iZ\x99\xfe}\xa9NUU\xd23\xdc\xbc\xf8\xc4\xffX0w\x16\xd5j\xd4\xe2\x99W\'\x00\xc6F@e=rg2\x99\xc9\xcf+\xa4g\xaf\xde\xdct\xeb\xbd\xa8\xd1(\x0f\x0f\x1d\xc4\xf6-\x9b\xb1\xd9E|\x13\xdd\xfe\xf8\xf6\xa2\xffmF|\xfb\xf6\xed\xcb\xee\xdd\xbb\x91e9e\xe2\x9b\x12E\x80\xf1a\xff\x1d;vp\xca)\xa7\xb2k\xd7Nn\xbf\xff1\xee\xfc\xdf\xc3b\xb9_\x12\xd04\x15\x87\xd3\xc9\x9a\x95\xcb\xb9\xae{\x17\xbc\x9eb\x1e}~,\xd7\xdf&lt;\xf8\xa8*\xfe\x0f\x9f\x8e\xae\x83\xddag@\xaf\xee\xcc\x9d9\x9d\x0e\x9d\xcf\xe5\xedO\xbe%\x10\x08\x8a\xe9\xa42\xa2F\xa3\xa4ge0c\xea\xe7\xdcz\xc3\xe5\x98\xccf\xc6M\x9cJ\xa7s\xbbQXp&lt;\xb7\xe86\xe2k\xb3[\xe9\x7f\xc5\x85\xcc\xff\xf9G:\x9d{\x01oL\xfa\n\x9f\xd7\'F\x0c\x13^,\xbe6+\xfd\xaf4\xe2{\xf1\xc5\x173u\xea\xd4\x94\xd9$(%&gt;\xc1zl\xf8\xf7\xa6\x9bnb\xd7\xae\x9dt:\xe7|\x86\xdc\xf3?\n\xf3\x8aE\xe3\x9f\xe0\x8c\xa2N\x85p(\xc4\xf0;\x07\xe1\xf5\x14s\xf1\x15\xd7r\xdd\x80\xc1\xe4\xef+:\xce\x1b9I%;I&gt;1\xeau\xaaT\xab\xc1/?\xfd\xc0\xb8Q\xcf\x90\x91\xe9\x16S\x01e@\xd74\xacv;\xdb\xb7l\xe1\xf1a\xb7\xa1\xeb:\x83\xeez\x80\xb3\xcf\xef\x16\xdb\xc5\xf1x&gt;\xa4\x8d\xf8\xea\x1a\x8cx\xe9ur*W\xe1\xe7\x1f\xbe\xe3\xed1/\x8az\x80\xa4\x10\x8b\xafn\xc4\xb7R\xe5\xaa|\xf5\xd5W\xbc\xfc\xf2\xcb)S\x0f\x90\xf4\t@|\xde\xff\xe5\x97_f\xda\xb4iT\xa9Z\x9d\xc7^|\x8dh4J\xd2\x0f}\xa4\x00MUI\xcfp\xf1\xca\xb3\x8f\xb3|\xf1\xef\xd4\xa9\xdf\x88\x87\x9e~\t\xbf\xcf\x7fBzh\xb2,\x13\xf0\x07\xa8\x95\x9b\xcbC\xcf\xbc\x8c,\xcb\x8c\x1b\xf54\xbf\xfd2\x1fwZ\x1aZ\n\xcd\'\x1e\x0f:`\xb1X\x18q\xff\x1d\xec\xde\xb9\x9d\xf6\x9d\xce\xe1\x96\xbb\xffGA\xbe\xe7\x84$\xef\xb2,\xe3\xf7\xfb\xa9S\xbf&gt;\x0f&gt;\xf9\x12\x92$\xf1\xea\xf3\x8f\xb3\xe4\x8f\x85\xb8\xdcn4M\xc47\x91\x95\x8e\xef\x03O\x8eB\x92$\x1e|\xf0\x7f\xac\\\xb9\x12\x93\xc9\x94\xf4S\x01I\x9d\x00\xc4\xd7}\xaeZ\xb5\x8a\x07\x1f\xfc\x1f\x92$q\xff\x88\x91\xd4\xae[\x87\xa0? \x86\xf0\x12\x9c\xaa\xaa\xb83\xd2\x98;k\x16\xef\x8e\x1b\x85\xc9l\xe6\xe1g_!+;\x87p(|\xc2\x86\xe0M&amp;\x13\x85\xf9\x85\\t\xe9e\xf4\xbaa \xa1`\x80\xc7\xef\xbb\x85`\xc0\x8f\xac(\x88\xf5\x81G\'\x1a\x8d\x92\x91\x95\xc6\xe4w\xdf\xe4\x87o\xbf 3+\x9bG_\x18\x8b\x16\xdb\x05\xf0D1\x99L\x14\xe4\x17q\xc9U\xbd\xb9\xb4w_\xfc&gt;\x1f\x8f\xdfw+\xd1\x92\xc2a\x11\xdfDV:\xbe\x97]\xdd\x17\x9f\xcf\xcb\xc0\x81\x03QU\xb5d\xc7\xc9d\x95\xb4-`&lt;p\x9a\xa61x\xf0`|&gt;/\x97\xf6\xbe\x81\x8b\xaf\xecEA\xbe\xd8\xda3\xd1\xc5\x97\xfc\xf9\xbd&gt;\x9e|\xf0N"\x91\x08}\x06\xdcF\x97n\xe7QX\x0e[\xb7\xca\x8aBq\xb1\x9f\xa1\xc3\x9f\xa2^\xc3&amp;\xac\\\xb6\x98\xd7_z\x86\xf4\x0cWJU\x15\x97\x15M3\x96\xfcm\\\xb7\x9eQO&gt;\x04\xc0\xd0\xe1O\xd3\xb0I\xa3\x136\xbaS\x9a,\xcb\xf8\xbc\x01\xee{\xec\x19j\xd5\xa9\xc7\x92?~\xe5\x9d\xb1\xa3H\xcfp\x13\x8d\x8a\xf8&amp;\xbax|\xef}\xf4\x19j\xd7\xa9\xc7\xbcy\xf3\x18=z4\x8a\xa2$\xf5\xfd\x9b\xb4\t@\xbc\xf7\xff\xdak\xaf\xf1\xd3O?Q\xa3V.w?\xf24~\x9f\xe8\xf9\'\x03UUIKw\xf2\xc6K\xcf\xb2f\xc52\x1a4i\xce\xad\xf7=Lqa\xf9\xac\xe8\x90$\x89h$BFf&amp;\x0f&gt;9\nEQxg\xecH\x16-\xf8\r\xa7\xdb-\xa6\x02\x8e\x90\xae\xebX-V\x9e}\xe4^\n\xf2\xf6rV\xb7\xee\xf4\xba\xbe?\x05\xf9\xc5\xe5R\x9c%I\x12\xe1P\x88\x9c\xca\x95\x19\xf6\xd8\x0bH\x92\xc4\xeb/=\xc</t>
        </is>
      </c>
    </row>
    <row r="326">
      <c r="A326" s="1" t="n">
        <v>324</v>
      </c>
      <c r="B326" t="inlineStr">
        <is>
          <t>circle_size_number</t>
        </is>
      </c>
      <c r="C326" t="inlineStr">
        <is>
          <t>What is the missing number of the part denoted with a question mark?</t>
        </is>
      </c>
      <c r="D326" t="inlineStr">
        <is>
          <t>[4, 1, 2, 3]</t>
        </is>
      </c>
      <c r="E326" t="inlineStr">
        <is>
          <t>2</t>
        </is>
      </c>
      <c r="F326" t="inlineStr">
        <is>
          <t>There are 6 numbered circles with varying sizes arranged in a ring with number [2, 6, 6, 5, 5, '?'] in a clockwise order.</t>
        </is>
      </c>
      <c r="G326" t="inlineStr">
        <is>
          <t>We observe that the size of the circle is related to the number in the circle. The circle with the largest value 6 seems to be the biggest and the circle with the smallest value 2 seems to be the smallest. Thus, the pattern is that the larger the number the larger the circle.</t>
        </is>
      </c>
      <c r="H326" t="inlineStr">
        <is>
          <t>Based on the pattern that the larger the number the larger the circle, the missing number of the circle denoted with a question mark should be 2.</t>
        </is>
      </c>
      <c r="I326" t="inlineStr">
        <is>
          <t>b'\x89PNG\r\n\x1a\n\x00\x00\x00\rIHDR\x00\x00\x02\x00\x00\x00\x02\x00\x08\x02\x00\x00\x00{\x1aC\xad\x00\x00\xab\rIDATx\x9c\xec\xbdg\\\x14g\xf7\xff?\xb3}i[hb/\xa0Ti\x82(\xd85\xd6(b\x8f\xdd\x18\xa3\xc6\x12\x13cI3\x9a\x18\xa3\xb7\xc6h\xec1\x1a{W\x14{\xec\x05P\xa4\xa9T\xc5\xae\xf4m\xec\xb2mf\xf6\xff\xe0\xfc\xdc?_M\x0c\xea\xb2;\xb3{\xbd\x1f\xdc\xaf\xdcH\xb9v\xca\xf9\x9c\xeb\xb4\x0b7\x99L\x18\x02\x81@ \x1c\x0f\x96\xad\x17\x80@ \x10\x08\xdb\x80\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xe1\xd8z\x01\x08\xdbc2\x990\x0c\xa3(\xaa\xe6\xff}\x1d\x1c\xc7\xcd\xff\x01Xgy\x08\x04\xa2\x8e\xc0\xff\xedmG\xd8+\xa6\x1a\x80\x1dg\xb1\xdeq#HQ\x14\xc8\x06\xfc\x12$\t\x08\x04\xb3@\x02\xe0\x10\x98L&amp;\x8a\xa2\xc0\xe2\xb3\xd9\xecW\xfeU&amp;\x93\x19\x0c\x86\xf4\xf4t\x92$\t\x82\xb8~\xfd:A\x10\xaf\xff\x86\xc8\xc8H\x89Db2\x99\x82\x83\x83\xdd\xdc\xdc&lt;==_\xf9\x1e\xd0\x03$\x06\x08\x04S@\x02`\xcf\x80\xd1\xc70\xac\xa6\xd1\xaf\xaa\xaa\xbaw\xef\xde\xed\xdb\xb7333\xf3\xf2\xf2\x94JeEE\x85\xc9d\x12\x8b\xc5 \x0f\xc1\xc1\xc1\x1c\x0e\xa7\xe6\x83a2\x99\xd8lv~~~UU\x15\x9b\xcdV*\x95\x04A\x88\xc5b\'\'\xa7\xd0\xd0P??\xbf\xb0\xb0\xb0\x90\x90\x10ww\xf7\x9a\x7f\x9a\xa2(\x16\x8b\xf5\xce\xdb\x0b\x04\x02Q\xd7 \x01\xb0C\xc0\xdf\xaf\x19\xdb\xd1h4iii\x97.]JNN~\xfa\xf4)\x9b\xcd\xf6\xf6\xf6\xf6\xf5\xf5\r\t\t\xf1\xf6\xf6\x0e\x0e\x0e\xe6\xf3\xf9\r\x1b6\x04\x9dx}\x8b\x00\x98\x1d\xfc\x17/^\x18\x0c\x86\xbc\xbc\xbc\xf2\xf2\xf2\x8c\x8c\x8c\xc7\x8f\x1f?~\xfcX\xa3\xd1xyyEEEu\xed\xda\xb5}\xfb\xf6\xe6\xfd\x01,\x06\xed\t\x10\x08\x1a\x82\x04\xc0\xae\x00\x1b\xcd\xe1\xfc\xbf\xdc\xfe\xe3\xc7\x8f/]\xba\x94\x94\x94\x94\x91\x91!\x12\x89\x02\x03\x03\xe3\xe2\xe2\xda\xb5k\xd7\xa8Q#\xb3\xb7NQ\x94V\xab5\x99Lz\xbd\xde\xfc\x95\x7f\xfc\xe5\xe6\xc4/\x97\xcbe\xb1X\x02\x81\x80\xcdf\xc3W\xd4j\xf5\xf3\xe7\xcfo\xdd\xbau\xf9\xf2\xe5\xac\xac\xac\xd2\xd2\xd2\x16-Z\xf4\xef\xdf\xbfs\xe7\xceaaa\xf0\xe3$Ib\xff\xae.\x08\x04\xc2\xfa \x01\xb0\x13H\x924\xbb\xfc*\x95\xea\xf8\xf1\xe3\x9b6m*,,\xf4\xf5\xf5\xed\xd3\xa7O\xc7\x8e\x1d\xc3\xc2\xc2\x9c\x9c\x9c0\x0c\xab\xae\xae6\x18\x0c\x04A@J\x00\xc30\xf8\xa9\xda{\xe8\xf0\xcc\xd4\xcc$\xb3\xd9l\x1e\x8f\xe7\xe4\xe4\x84\xe38A\x10yyy\xd7\xaf_?u\xeaTff\xa6D"\x19=z\xf4\x90!C\x9a4i\x82\xa1\r\x01\x02A\'\x90\x000\x1e\x92$\xcd\xf6433s\xfd\xfa\xf5g\xce\x9c\xf1\xf1\xf1\x194hP\xdf\xbe}\xfd\xfd\xfdY,\x96N\xa7\xab\xae\xae6\x8bD]\x18_s\x9e\x99\xc5b\t\x85B\x10\x9bg\xcf\x9e\xfd\xfd\xf7\xdf\x07\x0f\x1e\xcc\xca\xca\x8a\x8a\x8a\x9a0aB\xff\xfe\xfd__6\x02\x81\xb0\tH\x00\x18LM\x1bz\xec\xd8\xb1U\xabV=|\xf8\xb0W\xaf^c\xc6\x8c\t\x0f\x0f\xe7\xf3\xf9\x1a\x8d\x06\xc2;VN\xc6\x82\x18`\x18\xc6\xe3\xf1\xdc\xdc\xdc0\x0c\xcb\xcb\xcb;|\xf8\xf0\x8e\x1d;\\]]\xc7\x8c\x19\xf3\xe9\xa7\x9f\xf2x&lt;\x0c\xc9\x00\x02aS\x90\x000\x12H\xc6\x82\xddLLL\\\xb5jUqq\xf1\x84\t\x13F\x8d\x1aU\xbf~}\xbd^\xafV\xab)\x8a2\xc7\xe8m\x85Y\t\x84B\xa1\xb3\xb3sUU\xd5\xc9\x93\'W\xae\\\xa9\xd5j\'L\x980y\xf2d&gt;\x9f\x8fa\x18I\x92(7\x80@X\x1f$\x00\x0c\x03L*\x98\xcb\xa4\xa4\xa4_\x7f\xfd\x95$\xc9\xa9S\xa7\xf6\xed\xdb\xd7\xd5\xd5U\xa5R\xe9\xf5z\x1a\x16_\x9aL&amp;\x92$9\x1c\x8eH$"I299\xf9\xb7\xdf~{\xf8\xf0\xe1\xc7\x1f\x7f&lt;e\xca\x14\x0e\x87\x03:A\xb7e#\x10\xf6\r\x12\x00&amp;a\xf6\x94\xb3\xb2\xb2\xa6M\x9bVRR\xb2`\xc1\x82\x11#F\xb0X,\xa8\xcd\xb7\xb9\xcb\xff\x9f@\x1e\xc2\xd5\xd5\x95\xc7\xe3]\xbdzu\xce\x9c9\x95\x95\x95K\x97.\x1d8p \x86a\x04A\x98K\x98\x10o\x8b\xf9]\xfe\xb7:.\xb3\xbe\xd2\xfc!AX\r$\x00\xcc\x00\xeamX,\x96J\xa5\x9a9s\xe6\xdf\x7f\xff\xfd\xf9\xe7\x9fO\x9c8Q$\x12\xc9d2h\xd4\xb2\xf5\x1a\xdf\x02(W\x15\x89D,\x16\xeb\xe8\xd1\xa3\x8b\x16-rvv\xde\xb2e\x8b\xbf\xbf?\xfc+\xda\n\xd4\x06\xc8\xba\xc3+\xfcV\xdb&gt;\xf3\x0f\xe25\xa8\xcb\x95"h\n\x12\x00\x06`v\xfc\x8f\x1c92s\xe6\xcc\x0e\x1d:,Y\xb2\xa4q\xe3\xc6\n\x85\x02\xbc~[/\xf0\x1d\x01GU"\x91TWW/_\xbe|\xf3\xe6\xcdS\xa6L\x99?\x7f&gt;\x8b\xc5B[\x81\x7f\xc3\xdc\x8e\xf7\xfa}\'IR&amp;\x93\xe18\x9e\x93\x93\xa3P(^\xb1\xe9\x1c\x0e\'""\x82\xcdf\x0b\x85B\x17\x17\x97\xd7\x7f\x16&lt;\x0c$\x06\x0e\x05\x12\x00\xba\x03\xa6P\xa5RM\x980!??\xff\xa7\x9f~\x8a\x8f\x8fW\xab\xd5Z\xad\xd6&gt;L$\xc8\x9bD"\xc9\xca\xca\x9a={vYY\xd9\xfe\xfd\xfb\xfd\xfd\xfdQ\x81PM\xc0\xee\xbf\x12\xe2{\xf0\xe0\xc1\xdd\xbbw322\x1e=zTPP\xa0V\xab\xab\xab\xab)\x8aruu\xe5\xf3\xf9\x10m\xc30\x0c&lt;}\x93\xc9\xa4P(0\x0c\xe3\xf1xb\xb1\xb8A\x83\x06\xcd\x9a5k\xd7\xae\x9d\xaf\xafoPPP\xcdg\x89 \x084\xd0\xc9A@\x02@_\xcc\xf9\xdeK\x97.\x8d\x1e=\xba\x7f\xff\xfeK\x97.urr\xaa\xac\xac\xa4\x7f\xac\xffm!\x08\xc2\xc5\xc5E(\x14\xae_\xbf~\xe1\xc2\x85\xf3\xe7\xcf\x9f9s&amp;\xe6\xf0\x05B\xe6\xe4\xb9\xf9+\xf7\xef\xdf?q\xe2\xc4\xe5\xcb\x97\x1f?~\\QQ!\x95J\xfd\xfd\xfd\x9b6m\x1a\x12\x12\xe2\xe3\xe3\xd3\xb4iS\xa3\xd1X\xbf~}\'\'\xa7\x9a\x99\x00\x1c\xc7I\x92|\xfa\xf4)\x8e\xe32\x99\xec\xfe\xfd\xfb\x0f\x1e&lt;\xb8\x7f\xff~^^^II\x89\xab\xab\xab\xb7\xb7w\\\\\xdc\x87\x1f~\x18\x16\x16f\x0e%\x11\x04A\xc3\x82\x02\x84\x05A\x02@S\xcc\x86o\xd1\xa2E\xbf\xff\xfe\xfb\x9a5k\x86\r\x1b&amp;\x97\xcb\xed86\x02N\xae\xa7\xa7gVV\xd6\x88\x11#\x82\x82\x82\xb6m\xdb\xe6\xec\xecl\xc7\x1f\xf9\r@\x98\xde,~\x19\x19\x19\x87\x0e\x1d:q\xe2\x84Z\xadn\xd4\xa8QLLL\\\\\\PPP\xfd\xfa\xf5\xa1\xa3\xc2d2\x19\x8dF\xbd^\x8f\xe3\xb8\xd1h\xfc\xc7&lt;0\x14\xdd\xb2\xd9l&gt;\x9f\x0ff\x9d$\xc9\xf2\xf2\xf2{\xf7\xee\xa5\xa4\xa4\\\xbf~\xbd\xa8\xa8\xc8`0t\xec\xd8q\xd8\xb0a]\xbat\x81\xcbn\xee\xef\xb33\x9f\x03\x81!\x01\xa0\'`\xf2\x94J\xe5\xe0\xc1\x83+++\x0f\x1c8\xd0\xa2E\x8b\xb2\xb22\x0e\x87c\xf7/\xa1\xd1h\x84R\xd1\x89\x13\'\xa6\xa5\xa5\xed\xde\xbd;**\xca\xa14\xa0f\xec\xab\xb8\xb8x\xdd\xbau\xa7N\x9d\xd2\xe9t\x91\x91\x91\xbd{\xf7n\xd7\xae\x1d\x0c\xd5 \x08B\xab\xd5\x1a\x0c\x06\xf3\x91\x0c\xe6\xf0\xfd\xbf=$5gx\xc0\x7f\xb0X,.\x97\xcb\xe7\xf3A\x1b*++\xd3\xd2\xd2\xce\x9d;w\xe9\xd2%\x9dN\x17\x13\x133u\xea\xd4\x88\x88\x88\xd7\x17\x86\xb0\x0f\x90\x00\xd0\x0e0vyyy\xf1\xf1\xf1\x9d:uZ\xbf~\xbd^\xaf\xd7h4\x0ee\x01!+\xb0~\xfd\xfa\xef\xbf\xff~\xd3\xa6M\x03\x07\x0e4\x1a\x8d\\.\xd7\xd6K\xab[j6C\xdc\xbcys\xf9\xf2\xe5\x19\x19\x19~~~c\xc7\x8e\xed\xd5\xab\x97X,\xa6(J\xa3\xd1\xe8\xf5z\x0b&amp;l\xcd3\x9d0\x0c\xe3p8\xce\xce\xce\\.W\xa7\xd3\xa5\xa4\xa4\xfc\xf5\xd7_W\xaf^m\xd6\xac\xd9\xb4i\xd3\xe2\xe3\xe3\xe1o9xP\xce\xce@\x02@/\xc0\xfa\'\'\'\x7f\xf8\xe1\x87\xf3\xe7\xcf\x9f={vee%\xe6x\x1dR&amp;\x93\x89 \x08//\xaf\x8b\x17/\x0e\x192\xe4\x9bo\xbe\x995k\x96\x1d{\xa0\xaf\xf4\xf7-Y\xb2\xa4\xaa\xaa\xaao\xdf\xbe\xa3F\x8d\n\x0e\x0e\xa6(J\xa5R\x19\x8dF+\xe4f\xcd\xd9f\x17\x17\x17\x1e\x8f\xf7\xfc\xf9\xf3\xfd\xfb\xf7\x1f9r\xa4\xbc\xbc|\xea\xd4\xa9\xa8k\xcf\xce@\x02@#\xc0\xfao\xdf\xbe}\xd6\xacY{\xf7\xee\xed\xd1\xa3GYY\x99\xdd\xbb\xbdo\xc0h4J\xa5\xd2\xd2\xd2\xd2N\x9d:}\xf8\xe1\x87+W\xae\xac9\x03\xc3n0\xfb\xd4W\xae\\\x99;wnee\xe5\xa4I\x93&amp;L\x98 \x95Ja\x9a\x13f\x8b1\xda\xa0\x04|&gt;\xdf\xcd\xcd\xcd`0\x1c=zt\xc5\x8a\x15r\xb9|\xce\x9c9\x1f\x7f\xfc1\x86"Bv\x01\x12\x00\xba\x00!\x8eU\xabV\xcd\x993\xe7\xf4\xe9\xd3]\xbat)--\x85\xfc\x9e#C\x10\x84\xab\xab\xabB\xa1\x88\x89\x89\x89\x8a\x8a:p\xe0\x80=\xd9\x1d\xb3+\xfd\xec\xd9\xb3\x993g\xe6\xe4\xe4L\x9c8q\xe2\xc4\x89b\xb1X\xa1P\x18\x8dF\x9b\x97{A\x19\x12\x8b\xc5\x92H$\x14E%&amp;&amp;\xfe\xfa\xeb\xaf&amp;\x93i\xe9\xd2\xa5\x1d;v\xc4PD\x88\xe1 \x01\xa0\x05`\xfd\x97/_\xbef\xcd\x9aK\x97.5l\xd8P.\x97;N\xd0\xff\xcd\x90$\tY\xca\xfe\xfd\xfb;99\x1d&gt;|\xd8&gt;4\xc0l:\x7f\xfe\xf9\xe7-[\xb6\xf4\xe9\xd3g\xde\xbcy\xf5\xeb\xd7\xa7g\xad\x17t\x15H$\x12\x83\xc1\xb0v\xed\xda\r\x1b6\xc4\xc5\xc5\xad^\xbd\xda\xd5\xd5\x95\x113H\x10\xff\x08\x12\x00\xdb\x03\xd6\xff\xb7\xdf~[\xb9rejj\xaaT*U\xa9Tt{\xffm\x0b\x1cs&amp;\x12\x89z\xf5\xea\xe5\xea\xeaz\xe0\xc0\x01F\x1b\x1ds\xc4???\x7f\xec\xd8\xb1\x04Al\xda\xb4)22\x12f\xf9\xd1\xf9\xd6\x83\x0c\xb8\xbb\xbb\x97\x96\x96~\xf1\xc5\x17W\xaf^]\xb3f\r\x9c\xf1\x80\x06x0\x11t\xc3l\x0cA\x10\\.w\xfd\xfa\xf5\xdf~\xfbmjj\xaaD"A\xd6\xffu`8\x84L&amp;;}\xfa\xf4\x93\'O\x86\x0c\x19\xc2\xe1p\xe0\x8cI\xc6\x016\x94\xcdf\xaf^\xbd\xbaK\x97.}\xfa\xf4\xb9q\xe3FPPPYY\x19\r\x1d\xffW`\xb3\xd9,\x16\xab\xbc\xbc\\(\x14\xee\xda\xb5k\xf9\xf2\xe5S\xa6L\x990a\x02T%\x11\x04a\xeb\x05"\xde\x0e\xb4\x03\xb0%\x10\x04\xb8v\xedZ\xcf\x9e=O\x9c8\x11\x17\x17\x87"?o\x80\xa2(\x1e\x8f\xa7\xd5j#""f\xce\x9c\xf9\xd5W_1\xae6\x14\xee\xb8Z\xad\x1e7n\\nn\xee\xee\xdd\xbb\xc3\xc2\xc2\x98X\xe8\x05\xb9\x01\x0f\x0f\x8f\xca\xca\xca\t\x13&amp;&lt;|\xf8\xf0\xe0\xc1\x83\xadZ\xb5\xa2\xbf\x86!j\xc2\xa4g\xce\xce\x00[\x90\x99\x99\xd9\xbf\x7f\xff\xa3G\x8fv\xee\xdc\x19Y\xff7\xc3b\xb1\xf4z\xbd\x8b\x8b\xcb\xad[\xb7~\xff\xfd\xf7u\xeb\xd6q\xb9\\\x06y\x9d\x10\xb6\xbau\xebVDD\x04\x8f\xc7\xbbu\xebV@@@YY\x19\x13\xc7-\xe08\xce\xe1p***x&lt;\xde\xb1c\xc7F\x8f\x1e\xdd\xa1C\x87\xed\xdb\xb73wg\xe6\x98\xa0\x1d\x80m\x80\xd6\x1b\xb9\\\x1e\x16\x166\x7f\xfe\xfc\xa9S\xa7\xa2\x9a\x9fZB\x10\x84D"\xc9\xc9\xc9\x89\x8b\x8b;s\xe6L\xfb\xf6\xed\x19\x11}\x06\xd7\xf8\xd2\xa5K\x83\x06\r\x9a7o\xdeW_}%\x97\xcb\xed\xa0\x84\x06\xb6\x02\x9e\x9e\x9e\x17.\\\x80\x8e\x8d/\xbe\xf8\xc2&gt;\xb2\xf4\x8e\x00\x12\x00\xdb\x00\xe6 22\xb2K\x97.\xcb\x97/w\xf0z\xff\xb7\xc5h4zxx\x9c&lt;y\xf2\xa3\x8f&gt;*,,\xf4\xf6\xf6\x86\x18\xb4\xad\xd7\xf5\xaf\x98k|\xe7\xcf\x9f\x7f\xfc\xf8\xf1\xae]\xbb\xda\xd9`\x0f\xe8\xd8(//\x8f\x8d\x8dm\xd3\xa6\xcd\xfe\xfd\xfb\x91\x060\x02$\x006\x00\xac\xff\xacY\xb3n\xdc\xb8\x91\x9c\x9c\\YYIg\xe3EO\x8cF\xa3\x97\x97\xd7\xbcy\xf3\xfe\xfe\xfb\xef\xf4\xf4t:\x87\x9e\xc1\xfa\xafX\xb1b\xf5\xea\xd5\xc7\x8f\x1f\x0f\x0c\x0c\xac\xac\xac\xb4?\xbd\'\x08\xc2\xd9\xd9Y\xaf\xd7\x0f\x1f&gt;\xdc\xc5\xc5\xe5\xd0\xa1CH\x03\xe8\x0f\x12\x00k\x03\xbb\xfe\xe3\xc7\x8f\x8f\x193&amp;\'\'\xc7\xc5\xc5\xc5`0 \x01x\x07(\x8a\x92J\xa5\xb1\xb1\xb1m\xdb\xb6]\xb9r%=5\xc0\xdc\xe1\xf1\xfb\xef\xbf\xa7\xa6\xa6zzz\xdaq\xa6\x87$I\x1e\x8f\xe7\xe6\xe6\xd6\xbbwo\xa1Ph7\x1d\x1bv\x0c\x12\x00\xab\x02\x93\x0c\xca\xcb\xcb\xfd\xfc\xfc\xf6\xee\xdd\xfb\xc1\x07\x1f\xc8d2{5\x07u\r\x14\x05\xa9\xd5\xea\xa0\xa0\xa0\x1d;v\xf4\xed\xdb\x97n!u\xd0$\xb3\xf5\x17\x8b\xc5j\xb5\xda\xbeo7\xe4c$\x12\x89Y\x03\xecrz\x87\xdd\x80\x1cO\xab\x02\xad\xff#G\x8e\xfc\xf4\xd3O{\xf7\xee]YYi\xdf\xe6\xa0Na\xb1X:\x9d\xce\xdb\xdb{\xfb\xf6\xed\x93\'O.++\xc3j\x1c\x8cns\xc0\xfa\xafZ\xb5j\xcd\x9a5\x0eb\xfd1\x0cc\xb1X\x14E\xc9\xe5\xf2S\xa7Ni\xb5\xdaa\xc3\x86A\x7f\x00}\xee\x0b\xa2&amp;h\x07`=\xc0"\xac[\xb7n\xcd\x9a5w\xef\xde\x95\xcb\xe5(\xf2\xf3\xfe@2`\xe2\xc4\x89\x95\x95\x95G\x8e\x1c\xa1I \x08\x96q\xfc\xf8\xf1\xfe\xfd\xfb?x\xf0\xc0\xc7\xc7\xc7\xa1\xfa\xfb\xcc\xfb\x80\x96-[\xf6\xee\xdd{\xd5\xaaU\x8c\xeb\xd8p\x10\x90\x00X\t\xd8\x08\x97\x95\x95\x05\x04\x04\x9c&lt;y2&lt;&lt;\xbc\xaa\xaa\x8aV\xf1\n\x86\x02\x07\xder8\x1c\x7f\x7f\xff\x8d\x1b7\xf6\xeb\xd7\xcf\xe6\x81 0\x7f\xa9\xa9\xa9\xfd\xfa\xf5\xdb\xbf\x7f\x7f\x87\x0e\x1d\x14\n\x85\xe3X\x7f\x80\xa2(.\x97\xab\xd1hbccg\xce\x9c9s\xe6L\x9b\xdf\x17\xc4\xeb \x01\xb0\x12\xf0\xf4\xf7\xea\xd5\xabI\x93&amp;\x1b7n,//w4\x8bPw\x90$)\x91H\xf6\xef\xdf\xff\xe5\x97_\xe6\xe5\xe5\xb9\xb8\xb8\xd80\xf1\x08\x1d\x1eJ\xa5\xd2\xd7\xd7\xf7\xa7\x9f~\x9a2e\x8a\xc3\xd6\xf8\x12\x04!\x16\x8b\xf3\xf2\xf2"""._\xbe\x1c\x1b\x1b\x8b4\x80n \x01\xb0\x06\xf0\xdc\x9f9sf\xf4\xe8\xd1EEE$I\xc2\x86\xc0\xd6\xeb\xb2\x1f\x08\x82\xf0\xf4\xf4\xec\xd1\xa3Gpp\xb0m+\x82\xe0Ow\xed\xda\xd5\xcf\xcfo\xe3\xc6\x8d\x0e\xde\xdf\x07\x01\xba}\xfb\xf6M\x9b6\xad\xb0\xb0P$\x12\xa1\x840\xad@\x02P\xe7\x80KH\x10\x044\xfd\x8e\x1c9R&amp;\x93!?\xc8\xb2\x98L&amp;8\xbe\xaaS\xa7N\x97.]j\xd9\xb2%f\x8b\xe9:\xa0\xf4?\xfd\xf4\xd3\xde\xbd{\xb3\xb2\xb2\x94J%J\xf3\x80\x06L\x9a4\xa9\xa8\xa8\xe8\xfc\xf9\xf34I\xd2 \x00$\x00u\x0e\x18\x855k\xd6\xac]\xbb6\'\'\x07\xe5~\xeb\x08s6\xb8\xa4\xa4\xe4\xf8\xf1\xe3\xd6\x8f6@\xe8\xff\xe6\xcd\x9b]\xbbv\xcd\xce\xce\xaeW\xaf\x9eN\xa7C\xf7\x1a\xc30\x8a\xa2\xc4bqHH\xc8\xd8\xb1c\xe7\xce\x9d\x8b\x02A\xf4\x01\t@\xdd\x02\xee\xbf^\xaf\x0f\r\r]\xb5jU\xb7n\xddT*\x15z\xfa\xeb\x02\x93\xc9\xc4\xe1p\xd4ju\xfb\xf6\xed\x8f\x1d;\x16\x12\x12b\xcd\xf9\x100\xe2\xdfd2\xb5j\xd5j\xd6\xacY\xd3\xa6MCi\x1e3$I\xba\xb8\xb8\xe4\xe5\xe5u\xe8\xd0!##\xa3e\xcb\x96\x8c\x18\xdf\xe4\x08\xa0{P\xb7\xc0\x83\xbei\xd3\xa6\x16-Z\xf4\xee\xdd[\xa9T"\xeb_G\xe08\xae\xd7\xeb\xeb\xd7\xaf?i\xd2\xa4\xef\xbf\xff\x1e\xc7\xad\xea\xdc\xc0\x01/s\xe6\xcci\xd0\xa0\xc1\xb4i\xd3***\x90\xf57\xc3f\xb3U*Uxx\xf8\xacY\xb3F\x8c\x18\x01^\x91\xad\x17\x85\xc00\xb4\x03\xa8S\xcc\xee\x7fdd\xe4\x86\r\x1b\xa2\xa3\xa35\x1a\rr|\xea\x14\x1c\xc7I\x92\x8c\x8d\x8d\xdd\xb7o_\xeb\xd6\xad\xad\xb3\t\x80\x94~nnn\\\\\xdc\xad[\xb7\xbc\xbd\xbd\xf5z=\xba\xd1\xaf\x00\x81\xa0\xb0\xb0\xb0)S\xa6L\x9d:\x15\x05\x82\xe8\x00zF\xeb\x10p\xff\xff\xf8\xe3\x0f\x17\x17\x97\x8e\x1d;\xaa\xd5jd\x14\xea\x1a\xa3\xd1\xe8\xee\xee\xde\xa7O\x9fo\xbf\xfd\xd6j\x9b\x00\xe8E\x187n\xdc\xdc\xb9s[\xb4hQ]]\x8dn\xf4\xeb@)\xc4\xa6M\x9b\xbe\xfb\xee\xbb\x8a\x8a\n+o\xd1\x10\xff\x08zL\xeb\x10\x16\x8bE\x92\xe4\xaaU\xabf\xcd\x9a\xc5\xa0sK\x18\r\x9c\xb75u\xea\xd4\x94\x94\x94\xc2\xc2B6\x9b\r\xe37\xea\x0e\xf0d\x8f\x1e=*\x97\xcb\xa7N\x9d*\x97\xcb\x1d\xb3\xea\xff?\x81@P\xbbv\xed:u\xea\xb4p\xe1B\x18\x1aa\xebE9:H\x00\xea\n8\xfa\xf5\xc4\x89\x13&lt;\x1eo\xd0\xa0A(\xf7k\x1dp\x1c\xd7j\xb5\xbe\xbe\xbe={\xf6\\\xbdz5V\xc7\xd3\x81\xc0\xf77\x18\x0c\xd3\xa6M\xfb\xf9\xe7\x9f]\\\\\x90\xd2\xbf\x01\x90\xe7\x95+W\xee\xd8\xb1#\'\'\x07i\x80\xcdA\x02P\xb7,_\xbe|\xd4\xa8Q&lt;\x1e\x0f\x9d\x93g5`H\xdc\xe4\xc9\x93\x8f\x1c9RUU\xc5b\xb1\xeaN\x03\xccQ&gt;\xb1X\x9c\x90\x90`\xc7\xa3\x9e-\x02\xc8s\x93&amp;M\x86\r\x1b\xf6\xf5\xd7_\xa3(\x90\xcdA\x02P\'@MHnn\xee\xfd\xfb\xf7\'L\x98\x80\xdc\x7fk\xc2b\xb1\xd4ju\x87\x0e\x1d\x1a5j\xb4s\xe7NH\x0b\xd7\xc5\x1f\x82\x0c\xb3V\xab\xfd\xe5\x97_\xac\x99r`4\xb0\t\x987o\xde\x95+Wn\xdf\xbe\x8d6\x01\xb6\x05\t@\x9d\x00\xcf\xf4\xee\xdd\xbb#""|||\xf4z=j\x7f\xb72&amp;\x93)!!a\xcf\x9e=X\x9d\xb5\x04C\xf1ORR\x92\x87\x87GBB\x82B\xa1@2\xff\x9f\xc0&amp;\xa0Y\xb3f\x83\x07\x0f^\xbdz5\x8e\xe3H\x00l\x08\x12\x80:\x81\xcdf\x1b\x8d\xc6\xfd\xfb\xf7O\x9a4\x89 \x08d\xfd\xad\x0cl\x02F\x8e\x1c\xf9\xe0\xc1\x83\xdc\xdc\xdc:r3\xe1\xb6\xaeX\xb1\xe2\xb3\xcf&gt;\xe3p8\xc8\x90\xd5\x126\x9b\xad\xd1hf\xcd\x9au\xe6\xcc\x99\xd2\xd2R6\x9b\x8dvN\xb6\x02\t\x80\xe5\x81\xf4\xef\xd5\xabW\xb5Z-T\x7f"\xc7\xd0\xca\xe08\xae\xd3\xe9\x1a4h\x00\x87\x85a/\xf7d\x16\x04\xa2\xff\x99\x99\x99\xc5\xc5\xc5\x03\x06\x0cp\xa8q\xff\xef\tl\x02\x02\x02\x02\xfc\xfc\xfcv\xec\xd8Qw1:\xc4\x7f\x82\x04\xc0\xf2\x80;s\xf4\xe8\xd1\x8e\x1d;\x8a\xc5b\xa3\xd1h\xeb\x159"\x10\x91\x1f&lt;x\xf0\xb9s\xe7\xb0:\x88\x02\xc1]\xfe\xe9\xa7\x9fz\xf7\xee\xed\xe9\xe9i0\x18,\xfb\xfb\xed\x1e\x92$\'M\x9a\xb4v\xedZ\x83\xc1\x80&lt;$[\x81\x04\xc0\xf2@\xc0!%%e\xf0\xe0\xc1(\xfec+ \n\xd4\xb3gO\xa5R\xf9\xe4\xc9\x13\xcb\xd6\x02\x99L&amp;6\x9b\xadT*SSS\'L\x98\x80\x86\xbe\xbd-l6\xbb\xaa\xaa\xaaO\x9f&gt;8\x8e\'\'\'\xa3M\x80\xad@O\xad\x85\x81\xc8@nn\xee\xb3g\xcf\xda\xb5k\xc7\x94\xa6P\xd3\xdbc\xeb%\xff\x070\x1a\xa8Q\xa3F\x9e\x9e\x9eG\x8f\x1e\xc50\xcc\x82&amp;\x06\x02J\'O\x9el\xda\xb4i\x9b6m\xe8\xd3\xe3\r3\xe9H\x92$\xfe/0\xa8\xce\xd6\xab\xfb?\x10\x04\xe1\xe6\xe66`\xc0\x80\x9d;wbt:\xcc\xd9\xa1@QK\x0b\x03\x02p\xee\xdc\xb9\xd0\xd0Poo\xef\xca\xcaJ\xfaoo\xe1H\xc5\xb7\xfa\x11\x93\xc9D\x7f\x97\r\xba\xb4z\xf5\xeau\xe1\xc2\x85\xe9\xd3\xa7[|+v\xe0\xc0\x81&gt;}\xfa\xd0!\x87\tv\x1f\xc30.\x97+\x10\x08\xb8\\.\x08\x12\\\x01\x93\xc9d4\x1a\xb5Z-\x04[h\xb2%e\xb1Xz\xbd&gt;&gt;&gt;~\xca\x94)z\xbd\xde\x91\x8f\xcd\xb1!H\x00,\x0c\xbc]\x97/_\x8e\x8b\x8bcDa8\x8e\xe3\x04A(\x14\x8a\xb7\xfa)\x16\x8b\xe5\xea\xeaZ7+\xb2\x18,\x16\xcb`0t\xec\xd8q\xf7\xee\xdd\x1641\x10\xff\x91\xc9d\xe9\xe9\xe9\xdf\x7f\xff\xbdV\xab\xb5\xb9\xc6\xb3X,777\x16\x8bUZZ\x9a\x99\x99YXX\xf8\xec\xd9\xb3\xaa\xaa*\x82 \x9c\x9c\x9c\xea\xd7\xaf\x1f\x10\x10\xd0\xbaukoo\xef\xaa\xaa*\x9a\xc4\xdcY,\x96F\xa3\x89\x8e\x8e\xc60\xec\xea\xd5\xab\xdd\xbbwG\xe3\xe1\xac\x0f\x12\x00\x0b\x03~M~~\xfe\xe7\x9f\x7fn0\x18h\x12\x19\xf87H\x92\x14\x8b\xc5\xc7\x8e\x1d\x9b0aB-\xdf=\xc8p4m\xda\xf4\xf4\xe9\xd3\\.\x97\xceg[\xb2X\xac\xea\xea\xea\x90\x90\x10\x92$\xf3\xf3\xf3CCC-2\x86\x1e\xba\xfcRRR\\\\\\Z\xb5j\xa5\xd5jmx\x05\xa0\x19\x8d$\xc9\xa4\xa4\xa4#G\x8e\\\xbbv\xed\xe1\xc3\x87\xff\xf8\x9d\xbe\xbe\xbeC\x86\x0c\xf9\xec\xb3\xcf&lt;==i\xd2\x99H\x92\xa4P(\x0c\x0f\x0f?~\xfcx\xf7\xee\xdd\xe9\xef-\xd9\x1fH\x00,\t\xd8\x97\xbc\xbc&lt;\x8a\xa2BBB\xe8\x9f\x00\x00g\xf6\xc5\x8b\x17J\xa5\xf2\xad~\x90\x0e\xe6\xa36\x10\x04\xe1\xe1\xe1\xe1\xe7\xe7w\xe1\xc2\x05K\t\x00\xd8\xa9\xc4\xc4\xc4\x0e\x1d:\x08\x85B\xb5Zm\xab\x02P\xb8}:\x9d.&gt;&gt;&gt;55\x15\xbe\xc8\xe1p\x9a7o\xde\xb0aC\xb1X\xccb\xb1T*\xd5\xa3G\x8f\n\x0b\x0b\xef\xdf\xbf\xbfd\xc9\x92\x03\x07\x0e\xfc\xf9\xe7\x9f\xed\xda\xb5\xa3\xc3\xd1\x14\xd0\x05\xd6\xaf_\xbfe\xcb\x96\xa1#bl\x02\x12\x00K\x02\xa6!##\xc3\xc7\xc7G"\x910%\x01 \x93\xc9p\x1co\xd6\xac\xd9\xe2\xc5\x8bk\xf3\xfd&amp;\x93\xc9\xd9\xd9\x19b\xdf\xb4u\xff\x01\xb8#!!!\x19\x19\x19\x96\xfa\x9dl6\x9b$\xc9k\xd7\xae}\xf7\xddw\xb6\xdd\x00\xe18\x0e\xe3\xaf===1\x0c\xeb\xde\xbd{\xbf~\xfd\xe2\xe2\xe2\x9a4i\xe2\xea\xea\n\xcf\x1eEQ*\x95*77w\xd3\xa6M\xbbw\xef\xbe\x7f\xff~\xff\xfe\xfd\xcf\x9d;\x17\x14\x14ds\x07\x05\xb6hQQQ\xc5\xc5\xc5\x8f\x1f?n\xd6\xac\x19\x92\x01+\x83\x04\xc0\x92\x80\xb9IKK\x0b\x0e\x0e\xc6\x98S\xd8PYYi2\x99\x1a6l8|\xf8p\xa3\xd1X\x9b7\x90\xa2(\xb5Zm\x85\xb5\xbd\'\xe0cFDD\x9c?\x7f\xdeR\xee?\x8e\xe3\xe5\xe5\xe5Z\xad6**\xca\xe66\x144`\xc1\x82\x05\x9f~\xfai\x8f\x1e=\xb8\\\xaeN\xa7\xd3\xeb\xf5j\xb5\x1a\x1e?\xc8\xf0GGGw\xec\xd8\xb1K\x97.\x9f}\xf6\x99R\xa9\x9c&gt;}\xfa\xf9\xf3\xe7m.\xdeP\xa9\xd5\xa4I\x93\x86\r\x1bfdd4k\xd6\x8c)\xaf\x8c\xdd\x80\x04\xc0\x92\x80-\xc8\xc9\xc9\x19=z4\x8e\xe36\x7f\xc1\xfe\x13\xa8\xbf\xae\xa8\xa8\xc00L,\x16\xeb\xf5\xfa\xda\x0f\xb4\xa1\xff\xe6\x06\xc30\x18\xd6\x16\x18\x18XYYYUU%\x12\x89\xdes\xd7\x02\t\x80\x1b7nH$\x92&amp;M\x9a\xc0\xb4Q\x0b.\xf8m\x81\x0f\xe8\xef\xef\x1f\x12\x12RUU\x05"\x87\xe3x\xcdU\x81Z\xabT\xaa\x8f?\xfe\xf8\xd1\xa3G?\xfd\xf4Sjj\xea\xb9s\xe7\xe8pF)EQ\\.7$$\xe4\xca\x95+\x83\x06\rB\x02`e\xd0n\xcbb\x80e\xd1h42\x99\xace\xcb\x96\x8c\x18\x00WS\x00&lt;&lt;&lt;\xb8\\.\xbb\xd6\xd8z\xed\xb5\x02\x1c\xe4z\xf5\xea\t\x04\x82\xa2\xa2"\xec\xbd\xb7e\xf0\xe3\xc9\xc9\xc9\xcd\x9a5\xe3\xf1xt\x98\xff\x03s/T*\x15\x8b\xc5\xe2p8 \x00\xaf|\x03\xdc2\x95J5i\xd2$ooo\x1c\xc7\xcf\x9e=\xcb\xe5rmnpa\xa9aaa\xb7n\xdd\xc2\xeall\x1f\xe2\xdf@\x97\xdb\x92\xc0\x90\x93\xaa\xaa\xaa\x86\r\x1b\x1a\x0c\x06F\x08\x80^\xaf\x97\xcb\xe5\x18\x86\xb9\xbb\xbb\xd7\xe9\xe8|[A\x92\xa4T*\x15\x08\x04O\x9f&gt;\xc5\xde[\x00\xe0\x9e\xde\xbf\x7f\xbfM\x9b6\x96Y\x9f%`\xb1X\xff)\xc9P\x14\xeb\xed\xed\x1d\x1e\x1en2\x99\xf2\xf3\xf3\xe9P\xa5\x06\xc7\xe9\x84\x87\x87+\x95\xca\xea\xeaj\xfa\xbf2v\x06\x12\x00\x8b\x01\x96\xe5\xee\xdd\xbbb\xb1\xd8\xcb\xcb\x8b\xfeC \xcc\xe3\xec\xa1\t\xc0\xdd\xdd\xdd\xfe\xac?\xf6\xf2\xbe\xb4l\xd92++\x0b\xb3\x84\x00P\x14\xf5\xe8\xd1\xa3\x96-[\xd2\xb9\x04\xf6\xdf\xe0p8\xf5\xeb\xd7\xc70L\xa1P\xd0a\x82\x859\r\xa0\xd1h\xe4r9#Zg\xec\t$\x00\x16\x03\x1e\\\xa8\xb0vvv\xa6Cp\xe0?a\xb3\xd9\xd5\xd5\xd5\xb0\x03\xf0\xf0\xf0\xa0\x7fU\xcf;\x00:\xe7\xea\xeaZYYi\x91_\xa5T*\xe5ry@@\x80V\xab\xb5\xb9\x01}\x07h\xb5fs\x8cN$\x12\xe5\xe4\xe4`u0\xb7\x15\xf1\x06h\xf4(0\x1d\x10\x80\xcc\xcc\xcc\x96-[2\xc2\x91\x81*r\x95J\xa5\xd1h0\x0csww\xb7\xcbw\x0f\xeeE\xeb\xd6\xad\x0b\n\n\xb0\xf73\x7fpO\xa1\xbaW$\x12\xd1\x7f\x18\xc6\xebP\x14%\x93\xc90\x0csuu\xa5I\x0e\x03\xf2\xc0b\xb1\xf8\xc5\x8b\x17\xb6^\x8b\xc3\x81\x04\xc0\xc2\x94\x95\x95\x89\xc5bF\x08\x00\x86al6\x1bB\x01\x18\x86\x89\xc5b8\xc9\xc0\xd6\x8b\xaa\x13&lt;==\xc1\xf0\xbd\x0fpOo\xdf\xbe-\x16\x8b}||\x8cF#\xb3.\x17\xcc\xe0\xcc\xcb\xcb\xc3q\xdc\xd7\xd7\x97\xcf\xe7\xd3A\x00`_\xe5\xef\xef\x9f\x96\x96\x861\xa7x\xda&gt;@\x02`a\xf8|&gt;SF\xc3\xc3\x0e@.\x97\x9bL&amp;\x81@\x00\x02`\xebE\xd5\t\x10h\xe6r\xb9\x16\xf9mNNN\x06\x83\x81\x0e\xa6\xf3\xad \x08\xc2\xc5\xc5%%%\xa5\xa0\xa0\xc0d2u\xee\xdc\x99V9\x0c\x9dN\'\x14\nm\xbd\n\x87\x03\t\x80\xc5\x80w\xe9\xee\xdd\xbb\x11\x11\x11L\t\xa6\xb3X,\x88\x8c;;;\xbb\xba\xba\x1a\x0c\x06\xf2%\xd4K`\xb60I\x92\x0cu\xcd\xa04+88\xb8\xb2\xb2R\xa1P\xbc\xff\xe6\xac\xa0\xa0\xa0Q\xa3Ft\x18\x02Z{\xa0}\x81 \x88\xc5\x8b\x17S\x14\xd5\xaaU\xab^\xbdzUUU\xd1\xa1\x9c\x17\xee\x88\xaf\xaf\xef\xa3G\x8f\xb0\x97\xef\x11\xc2:\xa0F0\x8b\x01\x0f\xae\\.www\xb7\xf5Zj\x05l\xbd\xa1\t@$\x12I\xa5R\x91H\x84\xbd\x1c\xf5l\xb6nPBN\x92duu547\xd0*\x8b\xf8\x9f\xc0\xb8S\x89D\xa2\xd7\xeb\xa16\xf7\x9d\r7\xfc \x08\x00\x83Jf\xc1\xd3\x97J\xa5S\xa7NMNN\xc60l\xe1\xc2\x85"\x91\x88V\xa7\xd8\xfb\xf9\xf9%&amp;&amp;bH\x00\xac\x0b\x12\x00\x0b\xc3\xe1p\x08\x82\xb0\xf5*\xde\x02\x18\x04$\x12\x89^\xbcxq\xfe\xfc\xf9\xfc\xfc\xfc\'O\x9e\x94\x95\x95i4\x1a\x92$y&lt;\x9e\xbb\xbb{\x93&amp;MZ\xb7n\x1d\x1d\x1d\xdd\xa4I\x13\x83\xc1`\xc3\xf1g\xef\x06h\x80\xa5z\xb3y&lt;\x1e#\xc6`\x00p\x13\x05\x02\xc1\xb4i\xd3\xd6\xaf_\x8fa\xd8\x17_|1x\xf0`\xb9\\N\x1f\xeb\x8fa\x98\xc1`\xb0T\x8c\x0eQ{\x98\xf4\x1a3\x02\xa6\x04\x7f\xb0\x97%\xed\x0f\x1e&lt;0\x99L\x85\x85\x85aaao\x96.oo\xef\xde\xbd{\x7f\xf6\xd9g\x11\x11\x11P\xb2\xcd\x94O\x8aY\xd4\xafd\xd0-\x86S\xb7\x94J\xe5\xd8\xb1c\xc1\xbf\x9e6m\xda/\xbf\xfcb\xf3\t\x10\xaf\xc3\x94\xba\t;\x03\t\x80\xe3\x02~qdd\xe4\x81\x03\x074\x1a\x8dD"\xf1\xf3\xf3k\xde\xbcy\x83\x06\r\xc4b\xb1@ \x80\x192/^\xbc\xc8\xc9\xc9\xc9\xce\xce.--\xfd\xeb\xaf\xbf\x0e\x1c8\xf0\xf5\xd7_\x7f\xf5\xd5WUUU\x0c2\x85\x0e\x08A\x10R\xa94==\xfd\xe3\x8f?\xbe{\xf7.\x86a?\xfe\xf8\xe3\xfc\xf9\xf3\xdfv\xf47\xc2\x8eA\x02\xe0\xb8\xc0\xb1\xe9\xb3f\xcd\n\r\r%\x08\xa2u\xeb\xd6R\xa9T(\x14\x82oh6\xee\x14Ei\xb5\xda\xa2\xa2\xa2\xfd\xfb\xf7\xaf]\xbbV\xa1P|\xf3\xcd7\xcf\x9f?\xff\xed\xb7\xdfT*\x15\x12\x00zB\x10\x84\xbb\xbb{bb\xe2\x84\t\x13\x94J\xa5\xa7\xa7\xe7\x9a5k\x86\x0e\x1dZYY\xc9\xac\xad\x1b\xa2NA\x02`a\x98\xb5\x93\xc5q\xbc\xaa\xaa\xaaK\x97.,\x16K\xa7\xd3\x19\x0c\x06\x9dN\xf7\xca\xfa!\xeb\xdb\xa2E\x8b\x9f~\xfa)!!a\xe4\xc8\x91\xf9\xf9\xf9\xeb\xd6\xad\xf3\xf3\xf3\x9b1cFee%#\xf2\x01\x16\xbc)\xf4\xb7\x9e$IJ$\x92\xa4\xa4$\x98\xef\x1d\x16\x16\xb6c\xc7\x8e\xc0\xc0\xc0\xf2\xf2r\xda\xde,\xb4\x9b\xb4\tL*\xe7`\x04F\xa3\x91Y\xc7[\xc3&gt;@\xa9TB[\x13\x9b\xcd\xe6\xfc_\xe0\x18q\x9dNWZZ\x1a\x1a\x1az\xe4\xc8\x91z\xf5\xea\xb1X\xac\x1f~\xf8\xa1\xa8\xa8H(\x14\xd2_\xf0L&amp;\x13\x9c^i\x91\xe2}\x82 \xe8\\\x07EQ\x94@ x\xf0\xe0\xc1\xc7\x1f\x7fl4\x1a\xa3\xa2\xa2N\x9e&lt;\xe9\xe7\xe7WQQA[\xeb\x8fa\x18\x87\xc3\xb1\xd76\x14:C\xdf\xe7\x98q\x80\x1dl\xda\xb4\xe9\xfd\xfb\xf7\x99\xe5\xcb\xc0,\xc97\xaf\x99\xc5b\xf1x\xbc\x8a\x8a\n\x7f\x7f\xff\x85\x0b\x17R\x14\xa5T*w\xec\xd8\xe1\xe2\xe2B\xf3\xf7\xd6d2\xf1\xf9\xfc\xc7\x8f\x1f\xbb\xb9\xb9\xb9\xba\xba\xbe\x8f\xa7\t?\x18\x15\x15UPP@\x92$=e\x80\xa2(gg\xe7\x95+WVVV\xfa\xf8\xf8\xec\xdc\xb9S"\x91\xa8T*\xda\xd6\xd8\xc0\x1d\xc9\xc8\xc8\x08\n\n\xc2P\'\xb0u\xa1\xe3\x13\xccP\xcc\x02PXX\x88\xd9\xe9s\xcc\xe3\xf1\xe4r\xf9\xa0A\x83Z\xb4h\x81\xe3\xf8\x993g4\x1a\r\xdd\xeaI^\xc1d2\xf1x\xbc\x87\x0f\x1f\xba\xb9\xb9999\xbd\xff}\xf1\xf0\xf0P*\x95\xf4\xbc\xbf\xf0aKJJN\x9e&lt;\x89a\xd8\xf4\xe9\xd3[\xb6l\xa9R\xa9\xe8\xec\xfb\x03\x95\x95\x95b\xb1\x18\xb3\xd3\x17\x87\xb6 \x01\xb00\x1a\x8d\xc6\xd9\xd9\xd9\xd6\xab\xa8C\xa0\xa9\xaaC\x87\x0e&amp;\x93\xa9\xa8\xa8\xa8\xb8\xb8\x98\xc7\xe3\xd1\xfc\xa5\x85C\x8ca\xe4\x91E`\xb1X\xf4\x9c\x9b\x04\xdb\x9d\x07\x0f\x1e&lt;}\xfa\x94\xcf\xe7\xf7\xeb\xd7O\xa3\xd1\xd0\xdf\xfa\xc3\xf3C\xcf\x1d\x95}\x83\xae\xb8\xc5\x00s\xe0\xef\xef\xff\xe4\xc9\x13zZ\x07K\x81\xe3\xb8\xbf\xbf?\x86aJ\xa5\xb2\xac\xac\x8c\xc3\xe1\xd0\\\x000\x0c+,,l\xde\xbc9\xf6~\x0e&amp;X\xa8\xf0\xf0p\x99LV\\\\L\x87\x13\xb5^\xc1d2q8\x9c\x92\x92\x12\x93\xc9\xd4\xb4iS\x98Xg\xebE\xfd\x07P7\x91\x93\x93\x13\x13\x13\x831!\xc7nO \x01\xb00\xcd\x9b7\x7f\xfe\xfc\xb9\x1dW\xda\xc1\xeb*\x91H0\x0c#\x08\x82\xfe3\xf1!\xc4\xfc\xe8\xd1#\x1f\x1f\x1f\xcc\x12GB:;;C:\x84\x9e\xca\xc7b\xb1\xaa\xaa\xaa8\x1cN\xbdz\xf5\xe0\\\n\x9a?\x8al6[\xa3\xd1h\xb5Zooo\x0c\t\x80u\xa1\xf5\xab\xcb,\xe0\xc1m\xd0\xa0\x81\xc1`\x80\xe2H\x1aZ\x07K\x01\xe54P5D\xf3\x8f\t\r\xcf\xa5\xa5\xa5\xb0\x03x\x1f\xfb\x02\xe2\'\x12\x89\xc4bq~~\xbe@ \xa0\xe1g\x87\xd2^\x82 t:\x1d\xfd\x1fB(\xd0*))Q\xa9T\x81\x81\x81\x18\x12\x00\xebB\xf7\xe0 \x83\x80\x07\xb7i\xd3\xa6j\xb5Z.\x97\xd7\xaf_\x9f\xe6\xe51\xef\x06\x8c\x90\x83\x19\xa2\x8c\x18"\rV\xfb\xe9\xd3\xa7~~~\xef\xff\xdb\xc0\x9e\xb6j\xd5*\'\'\x87\x86=\x1fp\xc6gxx\xf8\xdc\xb9s[\xb4h\x01\xc3\xfbl\xbd\xa87\x01\xa3\xc8\xef\xdd\xbb\'\x16\x8b\xdd\xdc\xdcP7\x80\x95A\x02`1\xc0\x1c\xb8\xb8\xb8H$\x92\xfb\xf7\xef7o\xde\x9c\xfe\xaf\xdf;\x00\x0eunn.\x86a\xde\xde\xde\xf5\xea\xd5\xa3\xf3\xb9(\xe0`\x96\x96\x96j4\x1a\x10\x80\xf7\\*X\xfc\x16-Z\xa4\xa4\xa4\xbc\xffo\xb38\xd0\xb1\x11\x1e\x1e\x1e\x17\x17G\x10\x04\xfd[\xb5)\x8a\xe2p8\x99\x99\x99R\xa9\x94\xc7\xe3\x91$I\xf3\xa22;\x03\x85\x80,\tEQ&lt;\x1e\xcf\xcb\xcb\xeb\xfe\xfd\xfb\xf4\xdf}\xbf\x03`O\xcb\xca\xca\xae]\xbb\x86\xe3xhh\xa8\x87\x87\x07\xfd\x05\x00\xce\x1a\x84\x1c\xc0{.\x15\x12\x1e]\xbbv}\xf6\xec\x99F\xa3\xa1a\xfe\x03N\xbf)//\x87\xc3\x0fl\xbd\x9cZ\x91\x9d\x9d\xdd\xa9S\'\x0c\xd5\x80Z\x1d\xda=\xbe\x8c\x06\x1e\xdf\xb0\xb0\xb0\xf4\xf4t\x93\xc9D\xff\xa7\xf9mWh4\x1aE"\xd1\x81\x03\x07\x9e&lt;yb2\x99\x06\x0e\x1cHs\x13\x03\x11\x86\xec\xec\xecz\xf5\xea\xb9\xba\xba\xbe\x7fF\x14~&lt;$$D\xa5R\xdd\xbbw\x8f\xb6\x8d\xd0,\x16\x8b\xe6\xb7\x06`\xb3\xd9Z\xad\xf6\xce\x9d;\xa8\x04\xc8&amp; \x01\xb0$5;E)\x8a\xa2\xa1{\xf8\n\xd0\x7f_\xcb\x01\t\x06\x83A"\x91\xe4\xe7\xe7/^\xbc\x18\xc3\xb0\xa0\xa0\xa0\x01\x03\x06\xa8T*:\xef\xd9!\xa6\x9c\x99\x99\x19\x1c\x1c\x8c\xbd\xcc]\xbf\x0f\x10\x01\x13\x89D\x9e\x9e\x9e\xc9\xc9\xc903\xd5\x12+\xb5\x18\xf0\x91]]]\x9d\x9c\x9c\xe8\xb6\xb6W0\x99LB\xa1\xb0\xb0\xb0P.\x97\x87\x87\x87c\xa8\x15\xc0\xea\xa0\xcbmI@\x00"""***JJJhX\'^\x13\x93\xc9\xa4P(\xc4b1\x14\x0b\x9a\xcf}|\x05\xf8\'\x8a\xa2\xbc\xbd\xbd\x9f&gt;}:|\xf8\xf0\xd2\xd2R\x0c\xc3\xfe\xf7\xbf\xff9;;\xd3?\x03LQ\xd4\xdd\xbbw\xa3\xa3\xa31\x0b9\x98\xb0\x8d\xe8\xd9\xb3\xe7\xd5\xabW\xe9\x96\x07\x86&gt;\x00\x93\xc9t\xe5\xca\x95\xbbw\xef\xd2\xfc\x94]\x18[t\xfd\xfau\x7f\x7f\x7f///\xfaW\xac\xda\x1fH\x00,\t\x1c\x13\xd8\xb4iS\x17\x17\x97\x8c\x8c\x0c\x8b\x0c\x1e\xa8#L&amp;\x93\x93\x93\xd3\x8c\x193\xa6L\x99\x02\x96\xc2\xd3\xd3S$\x12\xf1\xf9|\x0e\x87\xc3b\xb1`@\x10\x97\xcbuqq\xf1\xf0\xf0\x10\x08\x04\xbbv\xed\xea\xd6\xad[vv6\x86a\xff\xfb\xdf\xffz\xf6\xecI\xc3sEj\x02s\x11\x8a\x8b\x8b\x9f&gt;}\xda\xb9sg\xccB\x0e&amp;\x18\xa9\xbe}\xfb\xa6\xa6\xa6*\x14\n\xba\xcd\xd8\xc1q|\xdc\xb8q=z\xf4\x88\x8d\x8d\xfd\xeb\xaf\xbfh&gt;\xac\t\xc7\xf1\xa4\xa4\xa4.]\xba`\x96\xd8\x9f!\xde\x16$\x00\x16\x06\xca\x18\xc2\xc2\xc2\xae^\xbd\xca\xe1ph\xfbL\x83\xab\xf8\xe4\xc9\x93\xcd\x9b7\xc7\xc6\xc6\xf6\xea\xd5k\xc1\x82\x05\xa7O\x9f~\xf8\xf0\xa1Z\xad\x06\x97\x1fr\x89)))\xcb\x96-\xeb\xde\xbd\xfb\xa8Q\xa3\x1e?~\xec\xe4\xe4\xf4\xfb\xef\xbf\x7f\xf1\xc5\x172\x99\x8c\xce\xd6\x1f{)r\x99\x99\x99\xae\xae\xae\x8d\x1b7\xb6T\x89!\xb4&gt;DDD\xf0\xf9\xfc\xec\xecl\xfaDZ(\x8a\x12\n\x85yyyIII,\x16\xcbh4\xfe\xf5\xd7_tnJ\xe7p82\x99\xec\xfe\xfd\xfb\x03\x06\x0c\xc0P\xfc\xc7\x16\xa02P\x0b\x03/[\xd7\xae]\xd7\xaf_O\xf3\xb9\xc1F\xa3q\xea\xd4\xa9+V\xac\xc8\xcf\xcf\xbfz\xf5\xea\xd5\xabW1\x0c\x13\n\x85R\xa9\xd4\xd5\xd5\x95\xcdf\xeb\xf5\xfa\xca\xcaJ\xb9\\n\xfe\x91\xde\xbd{\x7f\xf7\xddwm\xdb\xb6\xa5\xbf\xf5\xc7^\x96\x18\xfe\xfd\xf7\xdf\xa1\xa1\xa1l6\x9b \x08KM\xc5!IR(\x14v\xe8\xd0\xe1\xc8\x91#\x9d:u\xa2a\xbe\x87\xb6F\xdf\x0cI\x92b\xb1\xf8\xd8\xb1cnnn\xad[\xb7\xa6\xe15t\x04\xd0\x15\xb70\xf0\x10w\xee\xdc\xf9\xf1\xe3\xc7\x8f\x1f?\xe6\xf3\xf9\xf4\x8c\x02A\xc7\xd0\xb8q\xe3._\xbe\xbc\x7f\xff\xfeO&gt;\xf9$&lt;&lt;\\$\x12i\xb5\xda\xe7\xcf\x9f\xe7\xe7\xe7\xe7\xe4\xe4\xdc\xbf\x7f_.\x97;;;\x87\x85\x85M\x9f&gt;\xfd\xfc\xf9\xf3G\x8e\x1c\t\x0f\x0f\xaf\xac\xac\xa4\xbf\xf5\xc70\x8c\xc5b\x11\x04q\xf9\xf2\xe5^\xbdza\x16\xb5\x89\xf0\xab\x86\x0f\x1f~\xe1\xc2\x85\xea\xeaj\x9a\\\r\xb8\xa7\x01\x01\x01\xbd{\xf7\x86i\xd5\xa3G\x8f\xa6m92\xecA\x0f\x1d:\xd4\xb3gO\x16\x8bE\x93]\x94\xa3A\xaf\x14\x96}\x00\xbeL\xb7n\xdd\x86\x0f\x1f\xfe\xf1\xc7\x1f\xd3\xd9Y&amp;I\x92\xc3\xe1\xb8\xb8\xb8\xb0\xd9l\x95JUZZZZZ*\x97\xcb\xab\xab\xab!A\'\x12\x89\xea\xd7\xaf_\xbf~}777\xa3\xd1XUU\x851d\xab\x0e\x05\xa0EEE\x83\x07\x0fNMM\x95H$\x96\xed25\x99LF\xa3\xd1\xcf\xcfo\xcd\x9a5\xbdz\xf5\xa2I:\x04\xfa\x1e\xf4z\xfd\xcd\x9b7E"Qxx\xb8^\xaf\xb7\xf5\xa2\xfe\x01\xb0\xfej\xb5:,,\xec\xc2\x85\x0b\xc1\xc1\xc1h\x07`\x13P\x08\xc8\xf2\xc0\xa3\xdc\xa1C\x87C\x87\x0e}\xf2\xc9\'t\x96X6\x9bMQ\x94B\xa1\x80\x17\xb2~\xfd\xfaM\x9a41\x1f\x0e\x03%@F\xa3\xd1`0TTT@f\xd8\xd6K\xae-$I:99%%%\xd5\xaf__"\x91X\xbc\xc5\x14\x9a\xfe\x12\x12\x126o\xde\xfc\xe1\x87\x1f\xd2\xe4.\xe38n4\x1a9\x1cN\x8f\x1e=H\x92\xac\xae\xae\xa6g,\x08\x0e\xad\xdc\xbcys\xd3\xa6M\x83\x82\x82\x90\xf5\xb7\x15\xe8\xa2[\x1ex\x94\x07\r\x1a\x94\x91\x91\xf1\xfc\xf9s\xdaF\x81\x00\xf31\x90\x18\x86\x19\x0c\x06\xb5Z\xadP(\xe4r\xb9\\.W(\x14UUU\xe0BBi\x90\xad\x17\xfb\x16@\x01hbbb||&lt;V\x07-\xa6p5f\xcf\x9e}\xf3\xe6\xcd\xfb\xf7\xef\xd3\xa7#\x0c&gt;\xb8R\xa9\xd4h4\xf4\xb4\xfe\x18\x86A\x8ez\xdb\xb6m_~\xf9%\xddJi\x1d\n&amp;\xbd\xd2L\x01\x02\x9a\xc1\xc1\xc1\xcd\x9a5;y\xf2\xa4\x8b\x8b\x0bS\xe2\x9bp\xfe;\xbb\x06Li(}\x05\xa8\xff\xc9\xcd\xcd-))\x196l\x18\x86a\x16\x8f\xcf\xe08N\x92d\x83\x06\rbbbv\xef\xdeM\xabjK\x10u\xda\n6EQ...\xc9\xc9\xc9z\xbd\xbe_\xbf~0^\xd0\xd6\x8brP\xd0u\xaf\x13\xa0\xa5e\xf4\xe8\xd1\x7f\xfc\xf1\x87\xad\xd7\xe2\x88@\xfc\xe7\xcf?\xff\x0c\x0f\x0f\xafW\xaf^\x9d\x96B~\xf9\xe5\x97\x7f\xfc\xf1\x07\r\x1b\x02h\x0bEQ|&gt;\x7f\xc9\x92%C\x87\x0e\x85^B&amp;:\x19\xf6\x01\x12\x80:\x01J\xc5\x07\r\x1a\xf4\xe2\xc5\x8b\xfc\xfc|:w\x84\xd9%P\xc3z\xf6\xec\xd9\x89\x13\'\xd6\xdd\x95\x87\x0cJll\xac\xa7\xa7\xe7\x86\r\x1b\xc4b1A\x10u\xf4\xb7\xec\x06\x8a\xa2\\]]SRR\xd2\xd2\xd2&gt;\xfb\xec3\x93\xc9D\x87\xe4\xb9\xc3\x82\x04\xa0N\x808\xac\x8f\x8fO\xbbv\xedV\xaf^\xed\xe4\xe4D\x9f\xf8\x80\xddC\x92\xa4\x9b\x9b[bb\xa2N\xa7\xeb\xdd\xbb7V\x07\xf1\x1f3PY\xf4\xf3\xcf?\xafZ\xb5J\xa9T\xa2M\xc0\x7f\x02\xd5e\x0b\x16,\x18;v\xac\xb7\xb77\x1a\xff`[\x90\x00\xd4\x15\x90\xda\x9a?\x7f\xfe\xa9S\xa7d2\x19\x8f\xc7\xb3\xf5\x8a\x1c\x05\xa8h\xfa\xe3\x8f?\xa6L\x99\x02\xd3\xee\xea\xeeo\xc1&amp;\xa0W\xaf^M\x9a4Y\xbf~=\xda\x04\xbc\x19\x8a\xa2\xdc\xdc\xdc\x92\x93\x93\xb3\xb2\xb2\xbe\xfe\xfakT\xfccs\xd0\xd5\xaf+`.PDD\x04\xc4\x07\xdc\xdc\xdc\x90i\xb0\x02\x10a\xb8v\xedZVV\xd6\xd8\xb1c\xad\x13a0\x99L\x9b7o^\xb6l\xd9\xe3\xc7\x8f\xe9yN$M\x806\x85)S\xa6|\xff\xfd\xf7\x9e\x9e\x9e\xe8\xfc/\x9b\x83\x04\xa0\x0e\x01C\xf0\xc3\x0f?l\xdf\xbe\xddh4\xa2X\xa7\x15 IR \x10\xac[\xb7n\xe4\xc8\x91\x9e\x9e\x9eV\x880\x98\x8b\xbe\xfa\xf4\xe9\xb3p\xe1BWWW\xa4\xf4\xff\x08A\x10\xee\xee\xee\xbbw\xef\xd6\xe9t\x93&amp;M\x82^e[/\xca\xd1A\x15\xb8u\x0blr\xdb\xb7o?u\xea\xd4\x11#F\xc8\xe5r$\x03u\x07\x8c\xff|\xf1\xe2E\x9f&gt;}\xae]\xbb\xe6\xed\xed\x8dYe*\x0e\xcc\xcdV(\x14-Z\xb48p\xe0@\xc7\x8e\x1di~L\x82\xf5\x81\xad\x98\xc1`\x08\x08\x08\xd8\xbbwo\xf7\xee\xdd\xd1\xe9\x8ft\x00)p\xdd\x02\xfa:\x7f\xfe\xfc\x95+WbL\x18\xd1\xc5h\x08\x82pqqY\xbe|y\xdf\xbe}\xeb\xd5\xabg\xb5\x04#\xe4{\xa4R\xe9\xca\x95+\'L\x98\x00\xbb=\xe4Z\xd5\x84 \x08\x91H4i\xd2\xa4\x9e={"\xebO\x1f\xd0\x0e\xa0\xce\x81M@tt\xf4\xa8Q\xa3\xa6M\x9bVYYi\xa9\x99\x94\x88\x9a\xc00\xe4\xdc\xdc\xdc\xfe\xfd\xfbgffzyya\xd6U\\0j\x1f|\xf0A\xb3f\xcd6n\xdcXVV\x86\x8a\x82\x00\x82 &lt;==\xf7\xed\xdb7c\xc6\x8c\xa2\xa2"\xa1P\xc8\xd0\x06C\xfb\x03\t@\x9d\x03v\xe1\xd4\xa9Sc\xc6\x8cy\xf8\xf0\xa1\xd1h\xb4\xf5\x8a\xec\x13\xb02\xdd\xbbw\x0f\n\nZ\xb5j\x95\xf5}L\xe8\xf7.//\xf7\xf7\xf7\xdf\xbd{\xf7\x07\x1f| \x93\xc9\x90\xd8\xc3\xd0$\xb5Z\x1d\x1c\x1c\xbcc\xc7\x8e&gt;}\xfa \xf7\x9f&gt; \x01\xb0\x06\xf0\xc4\xf7\xea\xd5+22r\xf1\xe2\xc5\xe5\xe5\xe5\xc8.X\x16\xa8\xfd\xbfx\xf1\xe2\xa7\x9f~\x9a\x99\x99)\x12\x89p\x1c\xb7\xbe\x8f\t7\xfa\xf8\xf1\xe3c\xc6\x8c\xc9\xc9\xc9qqq1\x18\x0c\x0e\x9e\xea\xa4(J*\x95\xc6\xc6\xc6\xb6m\xdbv\xe5\xca\x95\x16&lt;\x95\x01\xf1\xfe \x01\xb0\x06\x10\x8c\xce\xcf\xcfo\xd3\xa6\xcd\xed\xdb\xb7\xeb\xd5\xab\xa7\xd3\xe9\x1c\xdc.X\x16\x8a\xa2\xc4bq@@\xc0\xe7\x9f\x7f&gt;u\xeaT\x1b\xfa\x98`\xe0f\xcd\x9a\x95\x9a\x9az\xfd\xfau\x99L\xe6\xc8\xe1\x0e\xa3\xd1\xe8\xe5\xe55w\xee\xdc\xf3\xe7\xcf\xdf\xbau\x0bY\x7f\xba\x81\x04\xc0J\x80I\xfa\xf2\xcb/\xd3\xd2\xd2._\xbe\xcc\x943U\x18\x01\x04\x7f\xbe\xfd\xf6\xdb3g\xce\xdc\xbcy\x93\xa2(\xdb^[0s\xe1\xe1\xe1\x91\x91\x91\x9b7ov\xd8d\x00X\xff\xbd{\xf7\x8e\x1d;\xf6\xe9\xd3\xa7P\xf8\x8f\xfc\x1eZ\x81n\x86\x95`\xb1X$I.]\xba\xb4\xb8\xb8x\xe7\xce\x9d\xee\xee\xee\xa8Z\xdc"@\xee\xf7\xde\xbd{\x1b6l\xd8\xb1c\x87M"?\xaf\x00\xed\xc1\xe7\xcf\x9f\xbfz\xf5\xea\x92%K\xbc\xbc\xbc\x1c0\xf1C\x10\x84T*\xbdx\xf1\xe2\xb4i\xd3.]\xba\xe4\xe5\xe5\x85\xac?\rA;\x00\xeb\x01\x9b\x80s\xe7\xce\r\x1f&gt;\xbc\xa0\xa0\x80\xcb\xe5\x12\x04ask\xc5t\xc0\xfd\xef\xd0\xa1C\\\\\xdc\x92%Kh\x12d\x80\xd2\xaf\xa2\xa2\xa2V\xadZ\x1d=z\xb4o\xdf\xbe\x0e\xb5\x0f \x08\xc2\xd5\xd5U.\x97\xfb\xfa\xfa\xae_\xbf~\xcc\x9814\xb9/\x88W@\x82l=\xe0\\\xf2\xee\xdd\xbb\x8f\x193\xe6\xa3\x8f&gt;rssC\x13\xe2\xde\x13\xa3\xd1\xe8\xe9\xe9\xb9x\xf1b\xbd^\xbfx\xf1b\xfaX\x19\xd8\xf0\xb5h\xd1\xe2\xda\xb5kc\xc6\x8c\xf9\xfb\xef\xbf\x1dg\x1f\x00\xdd\x18r\xb9&lt;&amp;&amp;\xe6\xe7\x9f\x7f\x1e3f\x0c\x1cRf\xebu!\xfe\x01\xb4\x03\xb0*p\xc8"\x86aAAAc\xc7\x8e\x9d?\x7f\xbeC9\x86\x96\x05z\x8bn\xde\xbc\xd9\xbbw\xef\xf4\xf4\xf4\x96-[\xd2m\xb8\x18\xec\xf9\xae]\xbb\xd6\xbf\x7f\xff}\xfb\xf6\xf5\xe8\xd1\xa3\xb4\xb4\xd4\xbe\xc7\x02\x1a\x8dFWWW\x85B\x11\x13\x133}\xfa\xf4\xd9\xb</t>
        </is>
      </c>
    </row>
    <row r="327">
      <c r="A327" s="1" t="n">
        <v>325</v>
      </c>
      <c r="B327" t="inlineStr">
        <is>
          <t>color_hexagon</t>
        </is>
      </c>
      <c r="C327" t="inlineStr">
        <is>
          <t>What is the missing color of the part denoted with a question mark?</t>
        </is>
      </c>
      <c r="D327" t="inlineStr">
        <is>
          <t>['yellow', 'orange', 'purple', 'red']</t>
        </is>
      </c>
      <c r="E327" t="inlineStr">
        <is>
          <t>red</t>
        </is>
      </c>
      <c r="F327" t="inlineStr">
        <is>
          <t>There is a hexagon split into six parts with the colors ['orange', '?', 'purple', 'orange', 'red', 'purple'] in an anti-clockwise order.</t>
        </is>
      </c>
      <c r="G327" t="inlineStr">
        <is>
          <t>We observe that a orange part is opposite another orange part, and a purple part is opposite another purple part. Thus, the pattern is that the colors in opposite parts are the same.</t>
        </is>
      </c>
      <c r="H327" t="inlineStr">
        <is>
          <t>Based on the pattern that spatially opposite parts have the same color, the missing color of the part which is opposite a red part should be red.</t>
        </is>
      </c>
      <c r="I327" t="inlineStr">
        <is>
          <t>b'\x89PNG\r\n\x1a\n\x00\x00\x00\rIHDR\x00\x00\x02\x00\x00\x00\x02\x00\x08\x02\x00\x00\x00{\x1aC\xad\x00\x00|\xd3IDATx\x9c\xed\xddy|U\xd5\xb97\xf0\xf5\xac\xb5\xcf&gt;Cf\x90\x10\x14\xf1\nA*R@\xa8e\x92I\x11hQ\xf0\xaa80\x14\xab^Qim\x14\x1c\xa2\x12\x84\xc8+ \x08\xd5\xda\xc1+E\xaf\x82(\x9d\xa8s\xc4"Df\xc2$\x82\x10\x13dP\xc2\x98\x9c$g\xde\xebY\xef\x1f+9"\x8a2$9\xc3~\xbe\x7f\xbc\x9fO\xef\xed{=\x9e\x9c\xbd\x9f\xbd\xd7z\xd6\xf3\x03\xa5\x14#\x84\x10b?&lt;\xd6\x1f\x80\x10BHlP\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T\x00\x08!\xc4\xa6\xa8\x00\x10B\x88MQ\x01 \x84\x10\x9b\xa2\x02@\x08!6E\x05\x80\x10Bl\x8a\n\x00!\x84\xd8\x14\x15\x00B\x08\xb1)*\x00\x84\x10bSF\xac?\x00\x89%\xa5\x94R*\xd6\x9f\x82\xc4\x0c\x00\x00@\xac?\x05\x89\x19\xa0\xeb\xdf\xb6,\xcb2\x0cz\x02\xb0;\xcb\xb2\x84\x10T\x06\xec\x89\n\x80M!"\xe7\xfc\xf3\xcf?\xbf\xef\xbe\xfb8\xe7\x88\x18\xebOD\x9a\x94a\x18\x96e\xddu\xd7]\xa3F\x8d\x8a\xf5g!1C\x0f\x80\xb6\xa3K~ \x10\x983gNff\xe6\xf2\xe5\xcbc\xfd\x89H\xcct\xec\xd8\xf1\xab\xaf\xbe\x1a:th\xa7N\x9d\x94R\x9c\xd3\xa6\xa0\xbd\xd0\x1b\x80\xedH)\x85\x10\xaf\xbc\xf2\xca\xed\xb7\xdf\x0e\x00B\x88\xe8o\x80sZ\x07H~\'\xee\xfb\x08!\xc2\xe1\xf0\xd8\xb1c\xff\xef\xff\xfe\x8f\x96\x04m\x88\n\x80\xbd\xe8]_\xaf\xd7\xdb\xb1c\xc7\xa3G\x8f""-\xfe\xd8\x9ci\x9aR\xca\xe5\xcb\x97\xf7\xed\xdbW?\x1c\xc4\xfa\x13\x91\xa6C\x05\xdf^\x10Q\x081y\xf2\xe4\x8a\x8a\n}\xa9\xeb6\x10D\xf5\xabA\x97\xfe\xfa\x17\x9d|\xbe\x90\xa0u\x80$\x85J9]\x8e\x92\xcf+\x1e\x7fy5\xa2B\xa5\x00\xb8eY\x88\x98\x97\x97\xb7z\xf5j\x87\xc3\xa1\x94\xa2\ra\xfb\xa07\x00\x1bAD\x00\xd8\xbd{w\xa7N\x9d\x101\xda\x03\xca\x81\xa1b\x17\x9c\x97Z\xfa\xd7q\xee4\x17\xb3\x90\xd1\x1d )I\xc5R\x9d\xbf\xcc{\xe3\xbd\r_\n\x0e\x12\xf5\xb5\x0fBp)\xe5\xcb/\xbf&lt;n\xdc8z\t\xb0\x15*\x006\xa2\xaf\xed!C\x86\x14\x15\x159\x1c\x8eH$\xd2\xad[\xb7\xc3\x87\x0f\x7f\xf5\xd5WBp\xcb\x92w\r\xbd\xec\xc5\x89\x83\xab\xab\x03B\xd0K@\xb2\x91\x12\xd3\xd2]\xaf}\xb0c\xdc\xec"}\xf77\x84\xa3m\x9b\xae\xbb\xf7l\xd0{\xbf\xd9\xd9\xd9\x9f}\xf6Yff&amp;\x1d\x0e\xb0\x0f*\x00v\xa1\xef\xfeEEEC\x86\x0c\xd1\x8fxJ\xa9\x95+W\x16\x17\x17\xe7\xe7\xe7\x1b\x86\x81(9@\xc9\x1fn\xbb\xac\xedy\xc1@\x846\x84\x93\x89b\x0c\x18S\x0c\xba\xdc\xf3\xea\x17_{\raX\xd2\xea\xd8\xbe\xd7\xed7M\x9f\xf6\xdc\x8d&gt;\x7f\x95!\x8c\x88\x15y\xfc\xf1\xc7\x9fz\xea)z\t\xb0\x0fz\xd0\xb3\x05\xbd\xb0kY\xd6\xfd\xf7\xdf\xaf;\x7f\xa4\x947\xddtS\x9f&gt;}\xee\xba\xeb\xae\xb6m\xdbZ\x96%8\xb7$&gt;\xf8\xe2JA\xb7\xfe\xa4#%\xba\xd3\\\xb3\xde\xdc\xf0\xc5\xd7^Cp\x89\xc8\xb9\xb8\xf6\xaa{\xcf\xcb\xba`\xd8\xc0\xbb\x95R\xfa\\\xc83\xcf&lt;SZZJ\xe7B\xec\x83\n\x80-\xe8\xcb\xfb/\x7f\xf9\xcb\xae]\xbb\x84\x10\x96eedd&lt;\xf6\xd8c555\x99\x99\x99O&lt;\xf1\x04c\x0c\x15\x13\x1c&gt;\xda\xbc\xff\xadU\xe5)\xa9N)\xe9\xd50I\xa0bN\xa7\xb1\xff@\xd5\xf3K\xb7\x02\x80b\xa0\x14\xf6\xea6\xe2\xe2\x0b\x7fz\xbc\xea`\xcf\xcb\x87\xb7n\xd5A"\xea\x96\xd0\xc7\x1f\x7f\x1c\x80\x16\x06\xec\x82\n@\xf2\xd3{\xbf\x15\x15\x15\x93\'O\xd6\xcb\xbb\x888~\xfc\xf8.]\xba\x04\x02\x01\xaf\xd7;v\xec\xd8\xde\xbd{K)\xb9\x10\xc0\xd8\xc4\x97V\xfa\xfd\x11!\x80\xee\x01\xc9A!\x9an3\x7f\xc1\xaa\xe35ACpDt\xbb\xd2\x86\r\xbc;\x1c\x0e*\xa5\\\xa6g\xc4\xa0\t\x8c))Q\x08\xb1d\xc9\x92\xa2\xa2"\xfd\x8e\x18\xeb\x0fN\x1a\x1d\x15\x80\xe4\xa7Ox\xe6\xe7\xe7WVV:\x1c\x0e\xcb\xb2.\xba\xe8\xa2\xbc\xbc&lt;\xaf\xd7k\x18\x86R\xca\xb2\xac\xe9\xd3\xa7\x1b\x86!%\n\xc1K\x0fT\xcdzs\x83;\xcd%%\xad\x03$&lt;\x89*%\xcd\xb5lm\xf9\xeb\x1f\xef\x12\x1c$2\xa5\xd4\xd0\xfewfe\xe4D\xac\x90\x10\x86/X\xdd\xb1}\x9f\xce\x97\x0e@\x94\x00\x1c\x00\xee\xbf\xff~\xcb\xb2\xe8=\xc0\x0e\xa8\x00$9\xbd\xf8SRR\xf2\xfa\xeb\xaf\x0b!t\xf7\xe7\x93O&gt;\x99\x93\x93\x13\x0e\x87\xf5~@MM\xcd\x80\x01\x03\xc6\x8d\x1b\x87\x88\x0c8\x00&lt;\xbft\xeb\xbe\x03UN\xd3\xa0;@\xa2\x03\xc6,\x0b\xa7.\\\x87\xa8\xf4\xe2~\xebV\x1d\x06\xf4\xb89\x10\xac\x01.\xf4\x7f\x01Q\x8e\x184\xc1\xedJ\xd5\xdb\xbf\xbbv\xed\xfa\xcb_\xfeB;\x01v@\x05 \xc9\xe9\xed\xdf\x89\x13\'\x86B!\xbd\xfa\xdf\xbbw\xef1c\xc6\x1c;v,z\xee_\xd7\x80\x82\x82\x82\xcc\xccL)\xa5!\xf8\xf1\x9a\xe0\xe3\x0bV\x99)&amp;\xdd\x02\x12\x9a%1%\xc3\xfd\xca\xfb\x9f}\xb2\xfdkCp)\x15cj\xc4\xa0\t\x0e\x87\x0bQ\xea\xbd~\x00\x1e\x0c\xfb.lui\xdf+F*\x85L1\x00\x98&lt;yree%\xe7\x9c^\x02\x92\x1b\x15\x80d\xa6\x1f\xe8\x96,Y\xb2b\xc5\n=\xfd\xd14\xcd\xe9\xd3\xa7\xeb\x17\xfc\xe8\x7f\r\x00\x82\xc1`\xeb\xd6\xad\xf3\xf3\xf3\xf5\xe10\xce\xe1\xcd\xe2\xd25\x9b\xf6\xbb=f\xfdq!\x92`\x94b\x0eC\x1c;\xe6{\xfa\x8d\r\x00\xc0\x18G\x85].\x1d\xd8\xb1}\x1f\x7f\xb0\x86\xf3o\x1a=9\x17\xbe\x80\xf7\xea&gt;\xa3\xcf\xcb\xba@Ji\x08\xa3\xb2\xb2R\xef\x18\xd1\x13@r\xa3\x02\x90\xb4\xf4\xb3\x9b\xee\xeb`\x8c\xe97\xfa\x1bn\xb8a\xc0\x80\x01555\'\xcd}4\x0c\xa3\xba\xba\xfa\x9e{\xee\xc9\xcd\xcd\xb5$\n\xce\xc3\x11\xf9\xf0_?\x11\xd4\x13\x9a\xb0\xa4DW\xba\xeb\xd9\xbf\x95\x94\x1f\xf4\n\x0e\x12Q\x08\xc7\xb0\x81w+u\xf2=\x1d\x18X2\x92\x99\x96}M\xdf\xdb\x15S\'\xf6\x8c\xd1BPr\xa3\x02\x90\xb4\xf4\xd8\x9f\xd9\xb3g\x97\x96\x96\xeas\xbfYYY\x85\x85\x85555\xdf{\xcc\xc7\xb2,\x8f\xc73c\xc6\x0c\xc6\x14*&amp;\x04\xffd\xfb\xd7\x0b\x8bv\xa4\xa4\xbb,\xda\rN4\x88\xca\xed1w\x95\x1e~\xe1\xad\xad\x9c\xd7\xb5~\x0e\xecyk\x9b\x0b:\x06C&gt;\x0e\'_\xf8\x82\x8bZ\x7fe\xefn#\xda\xb6\xe9*Q\xea\xd5B}j\x84V\x81\x92\x18\x15\x80\xe4\xa4\x1f\xe2\xca\xca\xcaf\xce\x9c\xa9\x1f\xf6\x95R\xf7\xddw_nnn0\x18\xfc\xde\x83\xfeB\x08\xaf\xd7;|\xf8\xf0\x81\x03\x07J)9p\x006\xf9\xff\xd6\x1c;\xeew\x18\x82n\x02\t\x87\x0b\xc8\xff\xeb*\xaf/\xcc\x81#bZj\xb3\xabz\x8f\x0e\x86|\xf0\x9d\xbb\xbf\xa6\x18\x13\xc2\xf8\xe5\x80\xbb\x00\xb8n\t-**Z\xb2d\t\xb5\x84&amp;1*\x00\xc9I\xef\xfdN\x9b6\xad\xba\xba\xda0\x8cH$\x92\x9b\x9b;i\xd2\xa4\xca\xca\xca\x1f&gt;\xe5/\xa5\x9c5k\x96i\x9a\x12Q\x08\xbe\xa7\xa2\xfa\xd9\xbf\x95\xb8\xd2\xa9%4\x91H\xa9R\xd2\\\xcb\xd6\x7f\xf9\xcf\xd5eB\x00*\xa6\x94\xbav\xe0=\xcd2[YV\xf8Ts~8p\x7f\xa0\xbaS\x87\xbe\xdd\x7f:\x18Q?\x01\xc0\xe3\x8f?\xae\xbb\xc5\xe8= )Q\x01HBz\xefw\xe5\xca\x95\x0b\x17.4\x0cC?\xbe\xcd\x981#55UJ\xf9\x03s\xbe8\xe7555?\xfb\xd9\xcf&amp;L\x98\x80\x88\x8cq\xce\xe1\x85\xb7\xb6\xee\xdc}\xd8\xe5v \xdd\x02\x12\x84\x10\xe0\xf7\x87\x1f]\xb0\n\x80\x01\x13\x88\xb2m\x9b\xae\xbd\xbb_\xef\xf3{O\xdc\xfb\xfd.\x00\x1e\n\xfbG\x0c\x9a\xe0q\xa7[\xd22\x0c\xa3\xb4\xb4t\xf6\xec\xd9\xb4\x13\x90\xac\xa8\x00$\')\xe5\xe4\xc9\x93\xa5\x94\x9cs)\xe5\xc0\x81\x03\x87\x0f\x1f\xee\xf5z\x7ft\xc8\x97n\t\xcd\xcb\xcb\xcb\xce\xceFD\xc1\xb9\xd7\x17~j\xd1:\x87\xcb\xa1\xa8\x1d(\x11X\x12\xddi\xae\xd7&gt;\xdc\xb9\xf9\x8b#\x9csD\x05\xc0\x7f9\xe0.!\x0c\xc5~\xe4/\x08\x00\x91H(\xbb\xf9E\xfd{\xdc\xa2\x94R\xa8\x80\xc3\x9c9s***\xa8#()Q\x01H6\x96e\t!\x16-Z\xb4r\xe5J}\xee\xd70\x8c\x993g\x9e\xe62\xaen\tm\xd3\xa6MAA\x01"\xea\x01Ao\xac\xd8\xbdlMyJ\x9a\x8bZB\xe3\x9cR\xcci\x1a\x15\x87\xaa\x0b^]\xc3\x01\x80qT\xb2{\xa7k:u\xe8\xeb\x0fT\x7fw\xef\xf7\xbb\x80\x0b_\xc0;\xb8\xef\xb8\xf3\x9a]hI\xcb\x10\xc6\xf1\xe3\xc7\xf3\xf3\xf3\xe9L@R\xa2\x02\x90T\xf4\xd4\x87\xea\xea\xea\xa9S\xa7\xea\xbd_D\x1c7n\\\xf7\xee\xdd\xbf\xdb\xfay*\x86aTVV\x8e\x193\xa6K\x97.\x88\xc8\xb9\x90\xa8\xa6.Z\'-\xa4)\xf1qN"\x9a\x1es\xee\xdf7\x1d\xaa\xf4s\xce%\xa2\xdb\x95:\xb4\xff\x9d\xe1H\xf0T{\xbf\'\xd1\x07\x83]\xce\x94_\x0e\xb8\x8b1\x86\x12\xf5\xf3\xc4\xa6M\x9b\xf4I\xf2F\xfe7 M\x8a\n@R\xd1\xcd?3g\xce,++\xd3\xcd\x1b\x99\x99\x99\x05\x05\x05&gt;\x9f\xef\x8c&amp;\xbcK)SSS\x0b\x0b\x0b\x95R\xa8\x94n\t]\xf0\xde\xf6\x94t7\xb5\x84\xc6-D\xe5\xf1\x98\xdb&gt;\xaf\x98\xf7\xaf-\x9c\x83RL)\xec{\xc5\xc86\x17t\x0c\x85\xfd\xa7\x9f\xf1\xc2\xb9\xf0\x07\xaa{^~]\xbb\x8b\xbaJ\x94\x9c\xf3p8\x9c\x97\x97\'\xa5\xa4\x97\x80$C\x05 y\xe8\xc6\x7f\xbdk\'\x84\xd0C\xde\xf3\xf3\xf3[\xb7n}\xaa\xd6\xcfS\x11BTVV\x0e\x1d:t\xf8\xf0\xe1\'\xb6\x84V\x1c\xaa\xa6\x01A\xf1Lpx\xf0\xc5\x95\xe1\x88\xe4\xc0%b\xf3\xac\xf3\xaf\xee3\xc6\xe7\xaf\xfa\xe1\xbd\xdf\xefRz@\xd05\xbf\xe5\\X\x964\x0c\xa3\xb8\xb8x\xd1\xa2E\xd4\x12\x9ad\xa8\x00$\x0f\xfdt\xa6\xfb\xf6\xf4\x85\xda\xa5K\x97{\xef\xbdWO\xfd&lt;\xd3\xffk:@\xa6\xb0\xb00##C\x0f\x8b?T\xe9\x9f\xfb\xf7M\xa6\xdb\x94\xb4\x0e\x10\x7f$\xaa\x94T\xe7[\xab\xca?\xda\xbc_p@\xc5\x18S\xd7^uOFjs)-8\xc3\x94g\x0e&lt;\x18\xf2]r\xf1\x15\xbd\xba\x8d\xd0\'\x87\x01`\xea\xd4\xa9^\xaf\x97ZB\x93\t\x15\x80$\xa1[?W\xacX\x11=\xb9\xa3\x94z\xea\xa9\xa7\xdcn\xf7\xd9=\xb2\xe9\x96\xd0\xce\x9d;\x8f\x1f?\x1e\x11\x19\x03\xcea\xde\xbf\xb6l\xdf}\xc8\xe31\x91v\x83\xe3\x89bLp\x08\x06#\x13\xffw%c\x0c@ \xcav\x17u\xed\xd1\xf5\xda\xda\xc0\x19?\xfek\x00&lt;\x18\xaa\x1d6\xf0n\xb7+M\xbf\x04\x94\x95\x95\xcd\x9b7O\xf7\x955\xf4\xbf\x01\x89\r*\x00\xc9@\x1f\xfb\n\x85B\x13\'N\x04\x00}\x89\x8e\x181b\xc8\x90!UUUg\x9d\xefj\x18\x86\xd7\xeb\xcd\xcb\xcb\xbb\xf8\xe2\x8b\xa5\x94z@\xd0\x94W\xd7\x02\xcd\x07\x8a3R\xa2;\xd5\xf9\xa7\x7fo+\xfd\xaaJ\x08.\x11\r\xe1\x18q\xcdo\x10%;\xc3g\xff(\x00\xb0\xacpVF\xce/\xfa\xdf\xc9\xea\x07\x04\xcd\x9d;Wo/\xd1npr\xa0\x02\x90\x0c\xf4\xc5\xb9x\xf1\xe2\x92\x92\x12\xfd\xf8o\x9a\xa6&gt;\x07pFK\xff\'\x01\x80p8\xdc\xaaU\xab\x87\x1ezH)\x85\x8c\t\x0e\xffX\xf5\xc5\xb2\xf5_Rfd\xfc\xd0\xad\x9f\x87\x0e\xd7L[\xb4\x0e\x80\x01\xe3J\xe1\xe5\x97\r\xea\xd0\xf6\xe7\xdf;\xf6\xe7\xf4\x01\x17\x81`M\xbf\x1e#[4o\xa3_1\xbd^\xef\xb4i\xd3\xe8L@\xd2\xa0\x02\x90\xf0\xf4\xe3\x7fee\xe5\xa3\x8f&gt;\xca9\xd7\x17\xe7\x84\t\x13\xbau\xebv\xfa\xad\x9f\xa7b\x18\xc6\xb1c\xc7n\xbf\xfd\xf6\xde\xbd{KKr!\x00\xd8\xa3\x0bV\x05C\x16eF\xc6\tD4=\xe6\x94W\xd7V\xd5\x86\x04\x17\x12\xa5\xc7\x9d&gt;|\xd0}\xc1\xe0)\xc7\xfe\x9c&amp;\xdd\x12j:\xdc7\x0c\xf9\x1d\xab_f\\\xb8paqqq\xf4\x849IhT\x00\x12\x9e~\xfc\x9f&lt;yrEE\x85\x1e\xe2\x98\x9d\x9d\x9d\x97\x97W[[{\xd6\x8b?\'RJ9\x1c\x8e\xc7\x1e{L\x1f+\xe5\x9co\xfe\xe2\xc8\x9f\x96nu\xa7:i@P\xccITn\x8f\xb9f\xcb\xfe\xf9\xef\x7fV\xdf\xfa\xa9\xfa\xf7\xb8%\xbb\xf9E\x11+t.\xef\x7f\x1a\xe7"\x10\xac\xe9\xfc\x93\x01\x97\xb4\xbd\x02\x11\x01\xb8\x942///\x14\n\xd1np\x12\xa0\x02\x90\xd8\xf4\xdd_g\xf8\xe9\xd6O\xa5TAAA\x9b6m\xce\xb4\xf5\xf3TtK\xe8\xb0a\xc3n\xbe\xf9f=[\x82\x03L[\xb4\xee\xd0\xe1\x1aj\t\x8d9`L\x08\xfe\xf0\xfcOt\x8a\x83D\xd9\xa2y\x9b\xc1}\xc7\xf9\x02^8\xab\xbd\xdf\xefR\x8c\xa1\x927\x0ey@\x08\x87\x94\xd20\x8cM\x9b6-^\xbc\x98\x06\x04%\x01*\x00\x89M\xaf\xff\xe8\x14\xefh\xe2\xe3\x1dw\xdcqb\xe2\xe3\xb9\x13B\xd4\xd6\xd6\x16\x16\x16feeY\x96\xe4\x82W\xd5\x86\xa6\xbc\xba\xd6t;\xe8\x16\x10Cz\xea\xe7\xc2\xa2\x1d\x9fl\xffZ\xd4%&gt;\xb2\x1b\x86\xfc\xceiz\xa2\x89\x8f\xe7\x8e\x03\x0f\x85\xfc\x17\xb5\xbel`\xcf[uf$\xe7\xfc\xd1G\x1f=~\xfc8\xbd\x04$:*\x00\tL\xaf\xc9\x16\x15\x15\x15\x15\x15\xe9\xbd_!\xc4c\x8f=\xe6p8\x1a\xf6\xb2\x04\x80@ \x90\x9b\x9b{\xdf}\xf7)\xa5tK\xe8\xfc\xf7?\xdb\xb6\xeb\x90\x9bZBcD\xe9\xa9\x9f\xbe\xf0\x93\xaf\xade\x8c\x01\xe3\xa8\xf0\x92\xb6Wt\xfe\xc9\x80\xc0\xb7\x13\x1f\xcf\x1d\x00\x0f\x86|W\xf5\x1e\x9d\x96\xda\\\xa2\x14\\TTT&lt;\xfb\xec\xb3\xf4\x12\x90\xe8\xa8\x00$*\xfd\xec\x1f\x8dm\xd2\x05\xe0\xa6\x9bn\x1a6l\xd8\x8f\x0e\xfd?\x0bz!h\xd2\xa4Im\xdb\xb6\xb5,KpnI|\xf0\xc5\x95\x14\x19\x19+R\xa2;\xcd5\xeb\xcd\r_|\xed5\x04\x97\x88\x9c\x8b\x1b\x87&lt;\x80\xaa\xe1\xdb\xb3\x00 b\x85\x9be\xb6\x1a6\xf0n}\xc2\x9cs\xfe\xcc3\xcf\x94\x96\x96R\rHhT\x00\x12\xd5\x89\xc1\xadz\xf1\'###??\xdf\xef\xf7\x9fc\xe7\xcf\xf7\xd2\xc5&amp;--\xed\x89\'\x9e`\x8c\xe9)\xa1\x1fm\xde\xff\xd6\xaarj\tmz\xa8\x98\xd3i\xec?P\xf5\xfc\xd2\xad\x00u\x89\x8f\xbd\xba\x8dhsA\xc7P\xc8\x7f.\xad\x9f\xa7"\xb8\xf0\x07\xaa{t\xbd\xb6u\xab\x0e\xfad\xb8\x8e\x9b\xa6U\xa0\x84F\x05 !!"\x00TTTL\x9e&lt;\x19\x00t\xeb\xe7\xf8\xf1\xe3\xbbt\xe9R[[\xdb\x18\x05\x801f\x18FUU\xd5\xd8\xb1c{\xf7\xee-\xa5\xe4B\x00c\x13_Z\xe9\xf7G\xa8%\xb4\x89)D\xd3m\xe6/Xu\xbc&amp;h\x08\x8e\x88nW\xda\xb0\x81w\x87\xc3\x81sl\xfd\xfc\x01\x88\xd2ezF\x0c\x9a\xc0\x98\xd2\x99\x91K\x96,\x89.?6\xd2?\x944**\x00\tI\x8f}\xce\xcf\xcf\xaf\xac\xac\xd4C\xff/\xba\xe8\xa2\xbc\xbc\xbc\xb3\x1b\xfbsF,\xcb\x9a&gt;}\xbaa\x18R\xa2\x10\xbc\xf4@\xd5\xac77\xb8\xd3(3\xb2\xe9HT)i\xaeek\xcb_\xffx\x97\xe0 \x91)\xa5\x86\xf6\xbf3+#\xa7AZ?O\x85s\xe1\x0bVwl\xdf\xa7\xf3\xa5\x03\x10%\x00\x8f6 \xd0{@\x82\xa2\x02\x90x\xf4\xe2OII\xc9\xeb\xaf\xbf\xae\x0f\xe5+\xa5\x9e|\xf2\xc9\x9c\x9c\x1c\x1d\xdf\xdax\xffh= h\xc0\x80\x01\xe3\xc6\x8dCD\x06\x1c\x00\x9e_\xbau\xdf\x81*j\tm2\xc0\x98e\xe1\xd4\x85\xeb\xf4\xb1\x0cDl\xdd\xaa\xc3\x80\x1e7\x07\x825\r\xd5\xfa\xf9\x03\xffhD9b\xd0\x04\xb7+U7\x1d\xe8\x16d\xda\tHPT\x00\x12\x8f\xde\xfe\x9d8qb(\x14\x8a\xb6~\x8e\x193\xa6a[?OEgF\x16\x14\x14dffJ)\r\xc1\x8f\xd7\x04\x1f_\xb0\xcaL1\xe9\x16\xd0\x04,\x89)\x19\xeeW\xde\xff\xec\x93\xed_\x1bu\xad\x9fj\xc4\xa0\t\x0e\x87\xab\x01[?O\x05\x80\x07\xc3\xbe\x0b[]\xda\xf7\x8a\x91\xba%\x14\x00&amp;O\x9e\\YYI\x91a\x89\x88\n@\x82\xd1\x8f]K\x96,Y\xb1b\x85a\x18\x96e\x99\xa69}\xfat\xfd\x1a\xde\x04\x1f@gF\xb6n\xdd:??_)\xa5\x14\xe3\x1c\xde,.]\xb3i\xbf\xdbcRfd\xa3R\x8a9\x0cq\xec\x98\xef\xe976\x00\x00c\x1c\x15v\xb9t`\xc7\xf6}\xfc\r\xdd\xfay*\x9c\x0b_\xc0{u\x9f\xd1\xe7e] \xa54\x84QYY\xa9\xf7\xa2\xe8\t \xe1P\x01H$\xfa\tKw_0\xc6\xf4{\xf7\r7\xdc0`\xc0\x80s\x1f\xfbs\xfa\x0c\xc3\xa8\xae\xae\xbe\xe7\x9e{rss\xf5\x01\xd4pD&gt;\xfc\xd7O\x04\xf5\x8462)\xd1\x95\xeez\xf6o%\xe5\x07\xbd\x82\x83D\x14\xc21l\xe0\xddzd\x7f\xd3\x00\x06\x96\x8cd\xa6e_\xd3\xf7vU?%Tw\xa3\xd1BP\xc2\xa1\x02\x90Ht\xe6\xd7\xec\xd9\xb3KKK\x1d\x0eG$\x12\xc9\xca\xca*,,\xac\xa9\xa9i\xf0\xc6\xff\x1ffY\x96\xc7\xe3\x991c\x06c\n\x15\xd3\x99\x91\x0b\x8bv\xa4\xa4\xbb(3\xb2\x91 *\xb7\xc7\xdcUz\xf8\x85\xb7\xb6r^\xd7\xfa9\xb0\xe7\xadm.\xe8x\x8eS?\xcf\x94\xe0\xa2\xd6_\xd9\xbb\xdb\x88\xb6m\xbaJ\x94z\x1dR\x9fG\xa1U\xa0\xc4B\x05 a\xe8G\xad\xb2\xb2\xb2\x993g\xea\x87}\xa5\xd4}\xf7\xdd\x97\x9b\x9b\xdbPc\x7fN\x9f\x9e\x0c&lt;|\xf8\xf0\x81\x03\x07\x9e\x98\x19y\xec\xb8\xdfa\x08\xba\t4\x12. \xff\xaf\xab\xbc\xbe0\x07\x8e\x88i\xa9\xcd\xae\xea=:\x18:\xd7\xa9\x9fgA1&amp;\x84\xf1\xcb\x01w\x01p\xdd\x12ZTT\x14\r#j\xe2\x0fC\xce\x1a\x15\x80\x84\xa1\xf7~\xa7M\x9bV]]m\x18F$\x12\xc9\xcd\xcd\x9d4iRc\x9c\xfb=MR\xcaY\xb3f\x99\xa6)\x11\x85\xe0{*\xaa\x9f\xfd[\x89+\x9dZB\x1b\x9e\x1e\xfb\xb3l\xfd\x97\xff\\]&amp;\x04\xa0bJ\xa9k\x07\xde\xd3,\xb3\x95e5n\xeb\xd7\xf7\xe2\xc0\xfd\x81\xeaN\x1d\xfav\xff\xe9`D\xfd\x04\x00:\x8e\x94\xde\x03\x12\x08\x15\x80\xc4\xa0\xf7~W\xae\\\xb9p\xe1\xc2\xe8(\xf6\x193f\xa4\xa6\xa6\x9ec\xea\xcbY\xd3-\xa1?\xfb\xd9\xcf&amp;L\x98\x80\x88\x8cq\xce\xe1\x85\xb7\xb6\xee\xdc}\xd8\xe5v \xdd\x02\x1a\x94\x10\xe0\xf7\x87\x1f]\xb0\n\x80\x01\x13\x88\xb2m\x9b\xae\xbd\xbb_\xef\xf3{\x9bf\xef\xf7\xbb\x00x(\xec\x1f1h\x82\xc7\x9dnI\xcb0\x8c\xd2\xd2\xd2\xd9\xb3g\xd3N@\x02\xa1\x02\x900\xa4\x94:\xe4K\'&gt;\x0e\x1c8p\xf8\xf0\xe1^\xaf7V\x8f\xff\xac\xbe%4///;;\x1b\x11\x05\xe7^_\xf8\xa9E\xeb\x1c.\x87\xa2v\xa0\x86cIt\xa7\xb9^\xfbp\xe7\xe6/\x8e\xe8T\x06\x00\xfe\xcb\x01w\ta(\x16\xb3\xef\x19\x00"\x91Pv\xf3\x8b\xfa\xf7\xb8E)\xa5P\x01\x879s\xe6TTTPGP\xa2\xa0\x02\x90\x00\xf4\xa8\xe7E\x8b\x16\xad\\\xb9R\x9f\xfb5\x0cc\xe6\xcc\x991_l\xd5-\xa1m\xda\xb4)((@D= \xe8\x8d\x15\xbb\x97\xad)OIsQKh\x83\xd0\x89\x8f\x15\x87\xaa\x0b^]\xc3\x01\x80qT\xb2{\xa7k:u\xe8\xeb\x0fT7\xe5\xde\xefw\x01\x17\xbe\x80wp\xdfq\xe75\xbb\xd0\x92\x96!\x8c\xe3\xc7\x8f\xe7\xe7\xe7\xd3\x99\x80DA\x05 \xde\xe9\xa9\x0f\xd5\xd5\xd5S\xa7N\xd5{\xbf\x888n\xdc\xb8\xee\xdd\xbb7e\xeb\xe7\xa9\x18\x86QYY9f\xcc\x98.]\xba "\xe7B\xa2\x9a\xbah\x9d\xb40\x16\xebRIH"\x9a\x1es\xee\xdf7\x1d\xaa\xf4s\xce%\xa2\xdb\x95:\xb4\xff\x9d\xe1H\xb0\xe9\xf7~O\xa2\x0f\x06\xbb\x9c)\xbf\x1cp\x17c\x0c%\xea\'\x95M\x9b6Qp|B\xa0\x02\x10\xeft\xf3\xcf\xcc\x993\xcb\xca\xcat\x8bEfffAA\x81\xcf\xe7\x8b\xe1\xe2\xcf\x89\xa4\x94\xa9\xa9\xa9\x85\x85\x85J)TJ\xb7\x84.xo{J\xba\x9bZB\xcf\x11\xa2\xf2x\xccm\x9fW\xcc\xfb\xd7\x96\xfa\xc4G\xec{\xc5\xc86\x17t\x0c\x85\xfd1\xd9\xfb9\t\xe7\xc2\x1f\xa8\xeey\xf9u\xed.\xea*Qr\xce\xc3\xe1p^^\x9e\x94\x92^\x02\xe2\x1f\x15\x80\xb8\xa6\x1b\xff\xf5\xde\x9aN|D\xc4\xfc\xfc\xfc\xd6\xad[7}\xeb\xe7\xa9\xe8\xa8\x80\xa1C\x87\x0e\x1f&gt;\xfc\xc4\x96\xd0\x8aC\xd54 \xe8\xdc\t\x0e\x0f\xbe\xb82\x1c\x91\x1c\xb8Dl\x9eu\xfe\xd5}\xc6\xf8\xfcU\xb1\xda\xfb\xfd.\xa5\x07\x04]\xf3[\xce\x85eI\xc30\x8a\x8b\x8b\x17-ZD-\xa1\xf1\x8f\n@\\\xd3\xcfP\xba\xbbN_N]\xbat\xb9\xf7\xde{\x9b`\xea\xe7\x19\xd1i\x01\x85\x85\x85\x19\x19\x19zX\xfc\xa1J\xff\xdc\xbfo2\xdd\xa6\xa4u\x80\xb3%Q\xa5\xa4:\xdfZU\xfe\xd1\xe6\xfd\x82\x03*\xc6\x98\xba\xf6\xaa{2R\x9bKi\x01\x8b\x8b\xf2\xcf\x18\xe3\xc0\x83!\xdf%\x17_\xd1\xab\xdb\x08}&amp;\x19\x00\xa6N\x9d\xea\xf5z\xa9%4\xceQ\x01\x88_\xba\xf5s\xc5\x8a\x15\xd1\xf35J\xa9\xa7\x9ez\xca\xedv\xc7\xdb\x83\x95n\t\xed\xdc\xb9\xf3\xf8\xf1\xe3\x11QgF\xce\xfb\xd7\x96\xed\xbb\x0fy(3\xf2\xac(\xc6\x04\x87`02\xf1\x7fW2\xc6\x00\x04\xa2lwQ\xd7\x1e]\xaf\xad\r\xc4\xd1\xe3\xbf\x06\xc0\x83\xa1\xdaa\x03\xefv\xbb\xd2\xf4K@YY\xd9\xbcy\xf3t\xc7Z\xac?\x1d9%*\x00qJ\x1f\xfb\n\x85B\x13\'N\x04\x00}!\x8d\x181b\xc8\x90!UUUq\xb2\xfa\x7f"\xc30\xbc^o^^\xde\xc5\x17_,\xa5\xd4\x03\x82\xa6\xbc\xba\x16h&gt;\xd0Y\x91\x12\xdd\xa9\xce?\xfd{[\xe9WUBp\x89h\x08\xc7\x88k~\x83(Y\xdc&lt;\xfbG\x01\x80e\x85\xb32r~\xd1\xffNV? h\xee\xdc\xb9z\xe3\x8av\x83\xe3\x16\x15\x808\xa5/\xa1\xc5\x8b\x17\x97\x94\x94\xe8\xc7\x7f\xd34\xf59\x808Y\xfa?\t\x00\x84\xc3\xe1V\xadZ=\xf4\xd0CJ)dLp\xf8\xc7\xaa/\x96\xad\xff\x922#\xcf\x94n\xfd&lt;t\xb8f\xda\xa2u\x00\x0c\x18W\n/\xbflP\x87\xb6?o\xe2\xb1?\xa7\x0f\xb8\x08\x04k\xfa\xf5\x18\xd9\xa2y\x1b\xfd\xf2\xea\xf5z\xa7M\x9bFg\x02\xe2Y&lt;\xfe\x92\x88~\xfc\xaf\xac\xac|\xf4\xd1G9\xe7\xfa\x12\x9a0aB\xb7n\xdd\xe2\xa1\xf5\xf3T\x0c\xc38v\xec\xd8\xed\xb7\xdf\xde\xbbwoiI.\x04\x00{t\xc1\xaa`\xc8\xa2\xcc\xc83\x82\x88\xa6\xc7\x9c\xf2\xea\xda\xaa\xda\x90\xe0B\xa2\xf4\xb8\xd3\x87\x0f\xba/\x18\x8c\xc1\xd8\x9f\xd3\xa4[BM\x87\xfb\x86!\xbfc\xf5\x0b\x98\x0b\x17.,..\x8e\x9e]\'\xf1&amp;N\x7fL6\xa7\x1f\xff\'O\x9e\\QQ\xa1G-fgg\xe7\xe5\xe5\xd5\xd6\xd6\xc6\xe1\xe2\xcf\x89\x94R\x0e\x87\xe3\xb1\xc7\x1e\xd3\x07V9\xe7\x9b\xbf8\xf2\xa7\xa5[\xdd\xa9N\x1a\x10t\x9a$*\xb7\xc7\\\xb3e\xff\xfc\xf7?\xabo\xfdT\xfd{\xdc\x92\xdd\xfc\xa2FM|&lt;w\x9c\x8b@\xb0\xa6\xf3O\x06\\\xd2\xf6\nD\x04\xe0R\xca\xbc\xbc\xbcP(D\xbb\xc1\xf1\x89\n@\xdc\xd1w\x7f\x9d\xb4\xa7[?\x95R\x05\x05\x05m\xda\xb4\x89\x9f\xd6\xcfS\xd1-\xa1\xc3\x86\r\xbb\xf9\xe6\x9b\xf5\xd4\n\x0e0m\xd1\xbaC\x87k\xa8%\xf44\x01cB\xf0\x87\xe7\x7f\xa2\xb3\x16$\xca\x16\xcd\xdb\x0c\xee;\xce\x17\xf06v\xe2\xe3\xb9S\x8c\xa1\x927\x0ey@\x08\x87\x94\xd20\x8cM\x9b6-^\xbc\x98\x06\x04\xc5\'*\x00qG\xaf\xff\xe8\xac\xedh\xe2\xe3\x1dw\xdc\xd14\x89\x8f\xe7N\x08Q[[[XX\x98\x95\x95eY\x92\x0b^U\x1b\x9a\xf2\xeaZ\xd3\xed\xa0[\xc0\x8f\xd2S?\x17\x16\xed\xf8d\xfb\xd7\xa2.\xf1\x91\xdd0\xe4wN\xd3\xd3\x04\x89\x8f\xe7\x8e\x03\x0f\x85\xfc\x17\xb5\xbel`\xcf[uf$\xe7\xfc\xd1G\x1f=~\xfc8\xbd\x04\xc4!*\x00\xf1E\xaf\x9c\x16\x15\x15\x15\x15\x15\xe9\xbd_!\xc4c\x8f=\xe6p8\x12\xe5\xe2\x01\x80@ \x90\x9b\x9b{\xdf}\xf7)\xa5tK\xe8\xfc\xf7?\xdb\xb6\xeb\x90\x9bZB\x7f\x90\xd2S?}\xe1\'_[\xcb\x18\x03\xc6Q\xe1%m\xaf\xe8\xfc\x93\x01\x81\xa6J|&lt;w\x00&lt;\x18\xf2]\xd5{tZjs\x89RpQQQ\xf1\xec\xb3\xcf\xd2K@\x1c\xa2\x02\x10G\xf4\xb3\x7f4\\I\x17\x80\x9bn\xbai\xd8\xb0a1\x1c\xfa\x7f\x16\xf4B\xd0\xa4I\x93\xda\xb6mkY\x96\xe0\xdc\x92\xf8\xe0\x8b+)2\xf2\x87I\x89\xee4\xd7\xac77|\xf1\xb5\xd7\x10\\"r.n\x1c\xf2\x00\xaaDj\xa2\x02\x80\x88\x15n\x96\xd9j\xd8\xc0\xbb\xf5\xd9u\xce\xf93\xcf&lt;SZZJ5 \xdeP\x01\x88#\'\xc6\xab\xea\xc5\x9f\x8c\x8c\x8c\xfc\xfc|\xbf\xdf\x1f\xb7\x9d?\xdfK\x97\xb1\xb4\xb4\xb4\'\x9ex\x821\xa6\xa7\x84~\xb4y\xff[\xab\xca\xa9%\xf4TP1\xa7\xd3\xd8\x7f\xa0\xea\xf9\xa5[\x01\xea\x12\x1f{u\x1b\xd1\xe6\x82\x8e\xa1\x90?&gt;[?OEp\xe1\x0fT\xf7\xe8zm\xebV\x1d\xf4\xc9p\x1ddM\xab@\xf1&amp;\x91~U\xc9\r\x11\x01\xa0\xa2\xa2b\xf2\xe4\xc9\x00\xa0[?\xc7\x8f\x1f\xdf\xa5K\x97\xda\xda\xda\xc4*\x00\x8c1\xc30\xaa\xaa\xaa\xc6\x8e\x1d\xdb\xbbwo)%\x17\x02\x18\x9b\xf8\xd2J\xbf?B-\xa1\xdfK!\x9an3\x7f\xc1\xaa\xe35ACpDt\xbb\xd2\x86\r\xbc;\x1c\x0e\xc4m\xeb\xe7\x0f@\x94.\xd33b\xd0\x04\xc6\x94\xce\x8c\\\xb2dIta3\xd6\x9f\x8e\xd4I\xbc\x1fV\xb2\xd2c\x9f\xf3\xf3\xf3+++\xf5\xd0\xff\x8b.\xba(///\xde\xc6\xfe\x9c\x11\xcb\xb2\xa6O\x9fn\x18\x86\x94(\x04/=P5\xeb\xcd\r\xee4\xca\x8c&lt;\x99D\x95\x92\xe6Z\xb6\xb6\xfc\xf5\x8fw\t\x0e\x12\x99Rjh\xff;\xb32r\xe2\xbc\xf5\xf3T8\x17\xbe`u\xc7\xf6}:_:\x00Q\x02\xf0hk\x03\xbd\x07\xc4\x0f*\x00qA/\xfe\x94\x94\x94\xbc\xfe\xfa\xeb\xfa\xe8\xbcR\xea\xc9\'\x9f\xcc\xc9\xc9\xd1!\xab\xb1\xfe\x80gC\x0f\x08\x1a0`\xc0\xb8q\xe3\x10\x91\x01\x07\x80\xe7\x97n\xddw\xa0\x8aZBO\x02\x8cY\x16N]\xb8N\x1f\x9e@\xc4\xd6\xad:\x0c\xe8qs X\x13\xff\xad\x9f\xa7\xa2\x8f\x86\x8d\x184\xc1\xedJ\xd5\xed\x0c\xba\xb9\x99v\x02\xe2\x07\x15\x80\xb8\xa0\xb7\x7f\'N\x9c\x18\n\x85\xa2\xad\x9fc\xc6\x8cI\x94\xd6\xcfS\xd1\x99\x91\x05\x05\x05\x99\x99\x99RJC\xf0\xe35\xc1\xc7\x17\xac2SL\xba\x05DY\x12S2\xdc\xaf\xbc\xff\xd9\'\xdb\xbf6\xeaZ?\xd5\x88A\x13\x1c\x0eWB\xb4~\x9e\n\x00\x0f\x86}\x17\xb6\xba\xb4\xef\x15#uK(\x00L\x9e&lt;\xb9\xb2\xb2\x92"\xc3\xe2\x04\x15\x80\xd8\xd3\x0fGK\x96,Y\xb1b\x85a\x18\x96e\x99\xa69}\xfat\xfd\xb2\x1c\xebOwNtfd\xeb\xd6\xad\xf3\xf3\xf3\x95RJ1\xce\xe1\xcd\xe2\xd25\x9b\xf6\xbb=&amp;eF2\xc6\x94b\x0eC\x1c;\xe6{\xfa\x8d\r\x00\xc0\x18G\x85].\x1d\xd8\xb1}\x1f\x7f\xe2\xb4~\x9e\n\xe7\xc2\x17\xf0^\xddg\xf4yY\x17H)\raTVV\xea].z\x02\x88\x07T\x00bL?\x07\xe9\x1e\t\xc6\x98~;\xbe\xe1\x86\x1b\x06\x0c\x18\x10\xcfc\x7fN\x9fa\x18\xd5\xd5\xd5\xf7\xdcsOnn\xae&gt;\xda\x1a\x8e\xc8\x87\xff\xfa\x89\xa0\x9eP\xc6\x18cR\xa2+\xdd\xf5\xec\xdfJ\xca\x0fz\x05\x07\x89(\x84c\xd8\xc0\xbb\xf5`\xfdD\x07\x0c,\x19\xc9L\xcb\xbe\xa6\xef\xed\xaa~J\xa8\xees\xa3\x85\xa0x\x90\xf0\xf7\x97D\xa73\xbff\xcf\x9e]ZZ\xeap8"\x91HVVVaaaMMM\x025\xfe\xff0\xcb\xb2&lt;\x1e\xcf\x8c\x193\x18S\xa8\x98\xce\x8c\\X\xb4#%\xdde\xf3\xccHD\xe5\xf6\x98\xbbJ\x0f\xbf\xf0\xd6V\xce\xebZ?\x07\xf6\xbc\xb5\xcd\x05\x1d\xe3v\xea\xe7\x99\x12\\\xd4\xfa+{w\x1b\xd1\xb6MW\x89R\xafp\xea\x93.\xb4\n\x14s\xc9\xf0\x0bK\\\xfa\x81\xa8\xac\xacl\xe6\xcc\x99\xfaa_)u\xdf}\xf7\xe5\xe6\xe6\xc6\xff\xd8\x9f\xd3\xa7\'\x03\x0f\x1f&gt;|\xe0\xc0\x81\'fF\x1e;\xeew\x18\xc2\xe67\x01. \xff\xaf\xab\xbc\xbe0\x07\x8e\x88i\xa9\xcd\xae\xea=:\x18\x8a\xdf\xa9\x9fgA1&amp;\x84\xf1\xcb\x01w\x01p\xdd\x12ZTT\x14\x8d9\x8a\xf5\xa7\xb3\xb5\xe4\xf9\x91%"\xbd\xf7;m\xda\xb4\xea\xeaj\xc30"\x91Hnn\xee\xa4I\x93\x12\xeb\xdc\xefi\x92R\xce\x9a5\xcb4M\x89(\x04\xdfSQ\xfd\xec\xdfJ\\\xe9\xf6m\t\xd5c\x7f\x96\xad\xff\xf2\x9f\xab\xcb\x84\x00TL)u\xed\xc0{\x9ae\xb6\xb2\xacDm\xfd\xfa^\x1c\xb8?P\xdd\xa9C\xdf\xee?\x1d\x8c\xa8\x9f\x00@\x07\x9d\xd2{@lQ\x01\x88\x19\xbd\xf7\xbbr\xe5\xca\x85\x0b\x17F\x07\xa6\xcf\x981#555nS_\xce\x9an\t\xfd\xd9\xcf~6a\xc2\x04Dd\x8cs\x0e/\xbc\xb5u\xe7\xee\xc3.\xb7\x03my\x0b\x10\x02\xfc\xfe\xf0\xa3\x0bV\x010`\x02Q\xb6m\xd3\xb5w\xf7\xeb}~o\xa2\xef\xfd~\x17\x00\x0f\x85\xfd#\x06M\xf0\xb8\xd3-i\x19\x86QZZ:{\xf6l\xda\t\x88-*\x00\xb1$\xa5\xd4!_:\xf1q\xe0\xc0\x81\xc3\x87\x0f\xf7z\xbd\xc9\xf7\xf8\xcf\xea[B\xf3\xf2\xf2\xb2\xb3\xb3\x11Qp\xee\xf5\x85\x9fZ\xb4\xce\xe1r(\xfb\xb5\x03Y\x12\xddi\xae\xd7&gt;\xdc\xb9\xf9\x8b#:;\x01\x80\xffr\xc0]B\x18\x8a%\xe1\xb7\x01\x00\x91H(\xbb\xf9E\xfd{\xdc\xa2\x94R\xa8\x80\xc3\x9c9s***\xa8#(\x86\xa8\x00\xc4\x86\x1e\xf5\xbch\xd1\xa2\x95+W\xeas\xbf\x86a\xcc\x9c93\x89\x97DuKh\x9b6m\n\n\n\x10Q\x0f\x08zc\xc5\xeeek\xcaS\xd2\\\xb6j\t\xd5\x89\x8f\x15\x87\xaa\x0b^]\xc3\x01\x80qT\xb2{\xa7k:u\xe8\xeb\x0fT\'\xc7\xde\xefw\x01\x17\xbe\x80wp\xdfq\xe75\xbb\xd0\x92\x96!\x8c\xe3\xc7\x8f\xe7\xe7\xe7\xd3\x99\x80\x18J\xce\x9fZ\x9c\xd3S\x1f\xaa\xab\xab\xa7N\x9d\xaa\xf7~\x11q\xdc\xb8q\xdd\xbbwO\x8e\xd6\xcfS1\x0c\xa3\xb2\xb2r\xcc\x981]\xbatAD\xce\x85D5u\xd1:iar\xadx\xfd\x08\x89hz\xcc\xb9\x7f\xdft\xa8\xd2\xcf9\x97\x88nW\xea\xd0\xfew\x86#\xc1d\xda\xfb=\x89&gt;\x18\xecr\xa6\xfcr\xc0]\x8c1\x94\xa8\x9f\x816m\xdaD\xc1\xf1\xb1\x92\xb4\xbf\xb6x\xa6\x9b\x7ff\xce\x9cYVV\xa6\x1b!233\x0b\n\n|&gt;_R.\xfe\x9cHJ\x99\x9a\x9aZXX\xa8\x94B\xa5tK\xe8\x82\xf7\xb6\xa7\xa4\xbbm\xd2\x12\x8a\xa8&lt;\x1es\xdb\xe7\x15\xf3\xfe\xb5\xa5&gt;\xf1\x11\xfb^1\xb2\xcd\x05\x1dCa\x7f\x92\xed\xfd\x9c\x84s\xe1\x0fT\xf7\xbc\xfc\xbav\x17u\x95(9\xe7\xe1p8//OJI/\x011A\x05\xa0\xa9\xe9\xc6\x7f\xbd\x03\xa6\x13\x1f\x111??\xbfu\xeb\xd6\xc9\xd4\xfay*:*`\xe8\xd0\xa1\xc3\x87\x0f?\xb1%\xb4\xe2P\xb5}\x06\x04\t\x0e\x0f\xbe\xb82\x1c\x91\x1c\xb8Dl\x9eu\xfe\xd5}\xc6\xf8\xfcU\xc9\xb7\xf7\xfb]J\x0f\x08\xba\xe6\xb7\x9c\x0b\xcb\x92\x86a\x14\x17\x17/Z\xb4\x88ZBc\x82\n@S\xd3O:\xba\x07N\xff\xe8\xbbt\xe9r\xef\xbd\xf7&amp;\xf4\xd4\xcf3\xa2\xd3\x02\n\x0b\x0b322\xf4\xb0\xf8C\x95\xfe\xb9\x7f\xdfd\xbaM\x99\xec\xeb\x00\x12UJ\xaa\xf3\xadU\xe5\x1fm\xde/8\xa0b\x8c\xa9k\xaf\xba\'#\xb5\xb9\x94\x16\xb0$/\xff\x8c1\x0e&lt;\x18\xf2]r\xf1\x15\xbd\xba\x8d\xd0\xa7\x9d\x01`\xea\xd4\xa9^\xaf\x97ZB\x9b\x1e\x15\x80&amp;\xa5[?W\xacX\x11=\x05\xa3\x94z\xea\xa9\xa7\xdcn\xb7}\x1e\x7ftKh\xe7\xce\x9d\xc7\x8f\x1f\x8f\x88:3r\xde\xbf\xb6l\xdf}\xc8\x93\xd4\x99\x91\x8a1\xc1!\x18\x8cL\xfc\xdf\x95\x8c1\x00\x81(\xdb]\xd4\xb5G\xd7kk\x03\xb6x\xfc\xd7\x00x0T;l\xe0\xddnW\x9a~\t(++\x9b7o\x9e\xee\x85\x8b\xf5\xa7\xb3\x17*\x00MG\x1f\xfb\n\x85B\x13\'N\x04\x00\xfds\x1f1b\xc4\x90!C\xaa\xaa\xaa\x92~\xf5\xffD\x86ax\xbd\xde\xbc\xbc\xbc\x8b/\xbeXJ\xa9\x07\x04Myu-$\xf5| )\xd1\x9d\xea\xfc\xd3\xbf\xb7\x95~U%\x04\x97\x88\x86p\x8c\xb8\xe67\x88\x92\xd9\xe0\xd9?\n\x00,+\x9c\x95\x91\xf3\x8b\xfew\xb2\xfa\x01As\xe7\xce\xd5[b\xb4\x1b\xdc\x94\xa8\x004\x1d\xfdC_\xbcxqII\x89~\xfc7MS\x9f\x03H\xfa\xa5\xff\x93\x00@8\x1cn\xd5\xaa\xd5C\x0f=\xa4\x94B\xc6\x04\x87\x7f\xac\xfab\xd9\xfa/\x9353R\xb7~\x1e:\\3m\xd1:\x00\x06\x8c+\x85\x97_6\xa8C\xdb\x9f\'\xcd\xd8\x9f\xd3\x07\\\x04\x825\xfdz\x8cl\xd1\xbc\x8d~-\xf6z\xbd\xd3\xa6M\xa33\x01M\xcc^?\xbb\x18\xd2\x8f\xff\x95\x95\x95\x8f&gt;\xfa(\xe7\\\xff\xd0\'L\x98\xd0\xad[\xb7&amp;n\xfd\xd4\xdb\xce\xf2\x04:\x7f\xa6\xc9&gt;\x80f\x18\xc6\xb1c\xc7n\xbf\xfd\xf6\xde\xbd{KKr!\x00\xd8\xa3\x0bV\x05CVRfF"\xa2\xe91\xa7\xbc\xba\xb6\xaa6$\xb8\x90(=\xee\xf4\xe1\x83\xee\x0b\x06\x93j\xec\xcfi\xd2-\xa1\xa6\xc3}\xc3\x90\xdf\xb1\xfa\xa5\xd1\x85\x0b\x17\x16\x17\x17GO\xc5\x93&amp;`\xbb_^\xac\xe8\xc7\xff\xc9\x93\'WTT\xe8\x81\x88\xd9\xd9\xd9yyy\xb5\xb5\xb5M\xb3\xf8\x83\x88\x96e)\xa5\x1c\x0eGJJJFFFVVVVVVfffZZ\x9ai\x9aJ)\xfd_h\x82\x0f\xa3\xe9\x0f\xf3\xd8c\x8f\xe9\xa3\xb0\x9c\xf3\xcd_\x1c\xf9\xd3\xd2\xad\xeeTg\x92\r\x08\x92\xa8\xdc\x1es\xcd\x96\xfd\xf3\xdf\xff\xac\xbe\xf5S\xf5\xefqKv\xf3\x8b\x124\xf1\xf1\xdcq.\x02\xc1\x9a\xce?\x19pI\xdb+\x10\x11\x80K)\xf3\xf2\xf2B\xa1\x10\xed\x067\x19\xfa\xa2\x9b\x82\x0e|\xdf\xbd{w\xa7N\x9d\xf4\xab\x80eY\x7f\xf8\xc3\x1f&amp;L\x98p\xe4\xc8\x91Fm\xfeQJ\xe9\xc7\xab\x94\x94\x14\xd34\x03\x81\xc0\x91#G\x0e\x1e&lt;x\xf4\xe8\xd1\xda\xdaZ\xcb\xb2\\.W\xb3f\xcdZ\xb7n}\xc1\x05\x17x&lt;\x9e\xda\xdaZ\x9dJ\xd6x\x1f\xe9D\x96e\xb5h\xd1\xe2\xb6\xdbn[\xbcx\xb1\xc3aHK\xa6\xa7\x98\x9f\xbf\xf4\xab\xac4\x97\x95D\xa7\xc3\x10UJ\xaa\xb3o\xde\x1b\x9fl\xff\xdaa\x88\x88%[4o\xf3\xd8}\x8b\x94R\xcaV\xcb\xff\xdf\x86\n\x9d\xa6\xfb\xeb\x8a/f\xbd8\x0eQ\n\xc1-\xcbz\xf9\xe5\x97\xc7\x8d\x1b\xa7\x7f\xb4\xb1\xfe\x80\xc9\x8f\n@S\xd0\xbf\xe6!C\x86\x14\x15\x15\x99\xa6\x19\x0e\x87{\xf7\xee\xbdl\xd92\xbf\xdf\xdf\xd8\x8b?B\x88\xd4\xd4T\x9f\xcfWRRRTT\xb4r\xe5\xca]\xbbv\x1d?~\xfc\xa4\x95\xd6\xf4\xf4\xf4\xcb.\xbbl\xf8\xf0\xe1\xa3F\x8d\xba\xe0\x82\x0b\x9al\x1c\xa9R\xca4\xcd\x8a\x8a\x8a\x9f\xff\xfc\xe7UUUBp\xcb\x92\xe3\x87\xfd\xf4\xcf\x13\xaf\xa9\xf5\x06\x84H\x867T)Uj\xbak\xe1\x07\x9f\x8d\x99\xf5\x81\x10\\!C\x85\xe3G\xcd\xe9r\xe9@\x7f\xa0\xda&gt;\xcd?\xdf\x0bQ\xa6\xa6d\xfd\xed\xdd\xd9\xcbV\xbdj\x08\x03\x15fgg\x7f\xf6\xd9g\x99\x99\x99\x00`\xcfw\xa3\xa6\x94\x0c\x17X\x9c\xd3w\xff\xa2\xa2\xa2\xa2\xa2"\xbd\xf7+\x84x\xec\xb1\xc7\x1c\x0eGcW_\x00\xf0z\xbd/\xbc\xf0\xc2UW]5p\xe0\xc0\xa7\x9f~z\xd5\xaaUG\x8f\x1e\xd5\x87\xd1\x0c\xc30\x0cC\x08\x01\x00\xd5\xd5\xd5k\xd6\xac\xc9\xcf\xcf\xef\xdd\xbb\xf7\xc2\x85\x0b\xb3\xb2\xb2\x9af/\x0e\x00\x02\x81@nn\xee}\xf7\xdd\xa7\x9f\x869\x87\xf9\xef\x7f\xb6m\xd7!wR\xb4\x84*=\xf5\xd3\x17~\xf2\xb5\xb5\x8c1`\x1c\x15^\xd2\xf6\x8a\xce?\x19\x10H\xfc\xc4\xc7s\x07\xc0\x83!\xdfU\xbdG\xa7\xa56\x97(\x05\x17\x15\x15\x15\xcf&gt;\xfb,M\tm\x1a\xf4\x06\xd0\xb8\x94Rz\xd3\xb5S\xa7N\xbbw\xefv8\x1c\xe1p\xf8\x96[nY\xbcxqc/\xfe bZZ\xda\xad\xb7\xde\xfa\xcf\x7f\xfeS\xffO\x1c\x0e\x87\xde|\xb6,\xeb\xc4\xff&amp;\xe7\\\x0f\xe4\xd2kS\x8c\xb1\xa7\x9f~\xfa\xa1\x87\x1ej\x9a\xf7\x00\xfd\xcf\x05\x80\xee\xdd\xbb\x97\x97\x97\xeb\x15\x92\xab/\xbfp\xd9\xac\x1b}\xbe0O\xf0\xc6PKbZ\xa6\xe7\xc9\xf9\x9fL}m\x9d!\xb8D\x06\x00\x8f\x8c\x7f\xf5\xfc\x9c\xdcP8`\xb7\xe6\x9f\xef%Q\xa6\xa5d}\xbcv\xf1\xe2\xb7\x9e\x16\\(\xa6\x0c\xc3\xd8\xbe}{nn\xae\x9e\x9a\x15\xeb\x0f\x98\xcc\xe8\xcbm\\\'\x86\xa0\xea\xbd\xdf\x8c\x8c\x8c\xfc\xfc\xfc&amp;X\xfcQJ\t!~\xf9\xcb_\x02\x80\xd3\xe9\xd4\x813\xe1pX\xdf\xe2\xd3\xd3\xd3[\xb6l\xd9\xb2e\xcb\x94\x94\x14]\x12\xa4\x94\x96eq\xce\x85\x10\xf9\xf9\xf9K\x97.\xcd\xcc\xccl\x82~\x0c]u\xd2\xd2\xd2\x9ex\xe2\t\xc6\x98\x9e\x12\xfa\xd1\xe6\xfdo\xad*O\xf4\x96PT\xcc\xe94\xf6\x1f\xa8z~\xe9V\x80\xba\xc4\xc7^\xddF\xb4\xb9\xa0c(\xe4\xa7\xbb\xbf&amp;\xb8\xf0\x07\xaa{t\xbd\xb6u\xab\x0e\xfad\xb8\x8e\xc8\xa6\xad\xe0&amp;@_q#\xd2\xef\xb0\x87\x0f\x1f\xee\xd8\xb1cUU\x95\xbe\x05?\xfc\xf0\xc33g\xce&lt;|\xf8\xb0\xc3\xe1h\x82\xcf\x00\x00={\xf6\xdc\xb5k\x17c\xacy\xf3\xe6W_}\xf5\xa0A\x83:v\xec\xd8\xb2eK\x97\xcb\xc5\x18\xf3\xf9|\xbbw\xef~\xe3\x8d7\x16.\\\xa8\xff\xbf\xe8u\xaa\x0e\x1d:\xacY\xb3\xa6\t&gt;\xa1\x86\x88\x19\x19\x19\xfd\xfb\xf7_\xbdz\xb5\xc3aX\x11+\xb7u\xe6\x96?\x8e\x01\x96\xc0\xdb\xa4Rbj\xa6gL\xe1;\x0b\xff\xf3\xb9\xc3\x10\x96D\x973u\xf2o\x97\xa4\xb83,\x19\xa1\x05\xee(D\x99\xe2\xce\xd8\xbe\xbb\xf8\x85W\xef\xe7\\\x000)\xe5\x07\x1f|0x\xf0`\xda\rnT\xf4\x0c\xd2\x88\xf4\x0bl~~~ee\xa5\x1e\xfa\x7f\xd1E\x17\xe5\xe5\xe55\xd9\xd8\x1f\xfd\xc2q\xcf=\xf7\xfc\xe4\'?\xf9\xfd\xef\x7f\xbf~\xfd\xfaE\x8b\x16\xddy\xe7\x9d\xdd\xbbw\xcf\xc9\xc9IOOOOO\xbf\xe0\x82\x0b\x86\x0c\x19\xf2\xdak\xaf\xbd\xf6\xdakN\xa7S\xaf\xbdr\xcew\xed\xda\xf5\x9f\xff\xfc\'--\xad\xc9\x9a\xb2-\xcb\x9a&gt;}\xbaa\x18R\xa2\x10\xbc\xf4@\xd5\xac77\xb8\xd3\x1253R\xa2JIs-[[\xfe\xfa\xc7\xbb\x04\x07\x89L)5\xb4\xff\x9dY\x199\xb6m\xfd&lt;\x15\xce\x85/X\xdd\xb1}\x9f\xce\x97\x0e@\x94\x00\x1c\x00\xee\xbf\xff~\xcb\xb2\xe8=\xa0QQ\x01h,\xfa6ZRR\xf2\xfa\xeb\xaf\xeb\x03\xeeJ\xa9\'\x9f|2\'\'GG\xa16\xc1g\xd0\x13\x17F\x8f\x1e\xbdr\xe5\xca\xfb\xef\xbf\xbfE\x8b\x16\x95\x95\x95\xc7\x8f\x1f\xf7\xf9|z-\xc8\xb2\xacp8\\]]}\xe8\xd0\xa1\xd1\xa3G\xeb\xbcF!\x84&gt;\xaa\xb6r\xe5J\xc30\x9a\xe6\xf2\xd3\x03\x82\x06\x0c\x180n\xdc8Dd\xc0\x01\xe0\xf9\xa5[\xf7\x1d\xa8J\xd0)\xa1\xc0\x98e\xe1\xd4\x85\xeb\xf4\x11\x07Dl\xdd\xaa\xc3\x80\x1e7\x07\x825`\xfb\xbd\xdf\xef\xd2G\xc3F\x0c\x9a\xe0v\xa5\xea\xa7\xfe]\xbbv\xfd\xe5/\x7f\xa1\xdd\xe0FE\x05\xa0\xb1\xe8\xbd\xcd\x89\x13\'\xea\xb6z\xcb\xb2z\xf7\xee=f\xcc\x98c\xc7\x8e5\xe5\xd4O}\xd8\xca\xe1p\x1c9r$\x12\x89\x08!\xa2\xf7\xf7(\xdd\x11\x14\x08\x04n\xbc\xf1\xc6\xe8@.\xa5Tyy\xb9~\x04k\x9a\x8f\xaa3#\x0b\n\n\xf4\xde\x83!\xf8\xf1\x9a\xe0\xe3\x0bV\x99)f\xc2\xdd\x02,\x89)\x19\xeeW\xde\xff\xec\x93\xed_\x1b\x82K\xa9\x18S#\x06Mp8\\\x88\x92\x1e\xfe\xbf\x0b\x80\x07\xc3\xbe\x0b[]\xda\xf7\x8a\x91J!S\x0c\x00&amp;O\x9e\\YYI\x91a\x8d\x87\n@\xa3\xd0\x8f0K\x96,Y\xb1b\x85a\x18\x96e\x99\xa69}\xfa\xf4\xa6\xbc\x9fF\xe96$\xc30~\xe0\x1f\r\x00R\xca\x16-Z\xa4\xa4\xa4D/\xb6\x9a\x9a\x1a}\x84\xadi&gt;\xa7\xce\x8cl\xdd\xbau~~\xbeRJ)\xc69\xbcY\\\xbaf\xd3~\xb7\xc7L\xa0\xccH\xa5\x98\xc3\x10\xc7\x8e\xf9\x9e~c\x03\x000\xc6Qa\x97K\x07vl\xdf\xc7O\xad\x9f\xa7\xc6\xb9\xf0\x05\xbcW\xf7\x19}^\xd6\x05RJC\x18\x95\x95\x95\x93\'O\xa6\x01A\x8d\x87\n@\xc3\xd37P\xdd\xc9\xc0\x18\xd3\xef\xb07\xdcp\xc3\x80\x01\x03b\x95\xf8x\x9a7q\xdd\x0b\x14\xfd\x8fN\xa7\xb3\x89\xcb\x95a\x18\xd5\xd5\xd5\xf7\xdcsOnn\xae%QO\t}\xf8\xaf\x9f\x08\x91H\xdd\xa0R\xa2+\xdd\xf5\xec\xdfJ\xca\x0fz\x05\x07\x89(\x84c\xd8\xc0\xbb\xf5\xf8{r*\xc0\xc0\x92\x91\xcc\xb4\xeck\xfa\xde\xae\xea\xa7\x84\xea\x0e:Z\x08j$T\x00\x1a\x9e^F\x9f={vii\xa9\xc3\xe1\x88D"YYY\x85\x85\x85555q\xdb\xcf\x80\x88\xa6i\xee\xdf\xbf?\xda\x9f\n\x00\xe7\x9f\x7f\xbe\xce,k\xcaObY\x96\xc7\xe3\x991c\x06c\n\x15\xd3\x99\x91\x0b\x8bv\xa4\xa4\xbb\x12"3\x12Q\xb9=\xe6\xae\xd2\xc3/\xbc\xb5\x95\xf3\xba\xd6\xcf\x81=omsAG\x1bN\xfd&lt;S\x82\x8bZ\x7fe\xefn#\xda\xb6\xe9*Q\xea\xb5\xd3\xfb\xef\xbf\x9f\xb6\x82\x1b\t\xfd\x1c\x1b\x98~l)++\x9b9s\xa6\xbe\x93*\xa5\xee\xbb\xef\xbe\xdc\xdc\xdcxN|\xd4\x05\xe0\x8d7\xde`\x8c\xe9\x8bM)\xd5\xbd{\xf7\xa6\xbf\xf0\xf4d\xe0\xe1\xc3\x87\x0f\x1c8\xf0\xc4\xcc\xc8c\xc7\xfd\x0eC$\xc4M\x80\x0b\xc8\xff\xeb*\xaf/\xcc\x81#bZj\xb3\xabz\x8f\x0e\x86\xec8\xf5\xf3,(\xc6\x840~9\xe0.\x00.%\xeaS\xf4\xd1\x00\xa5X\x7f\xbadC\xbf\xc8\x06\xa6\xf7~\xa7M\x9bV]]\xad\x1b\xffsss\'M\x9a\xd4d\xd3u\xceB8\x1c\xce\xce\xce~\xfb\xed\xb7_}\xf5U\xbd\xe1\xa6\x94\xca\xc8\xc8\x18:th\x93\r+=\x89\x94r\xd6\xacY\xa6iJD!\xf8\x9e\x8a\xeag\xffV\xe2J\x8f\xf7\x96P)UJ\x9ak\xd9\xfa/\xff\xb9\xbaL\x08@\xc5\x94R\xd7\x0e\xbc\xa7</t>
        </is>
      </c>
    </row>
    <row r="328">
      <c r="A328" s="1" t="n">
        <v>326</v>
      </c>
      <c r="B328" t="inlineStr">
        <is>
          <t>color_overlap_squares</t>
        </is>
      </c>
      <c r="C328" t="inlineStr">
        <is>
          <t>What is the missing color of the part denoted with a question mark?</t>
        </is>
      </c>
      <c r="D328" t="inlineStr">
        <is>
          <t>['yellow', 'red', 'blue', 'green']</t>
        </is>
      </c>
      <c r="E328" t="inlineStr">
        <is>
          <t>yellow</t>
        </is>
      </c>
      <c r="F328" t="inlineStr">
        <is>
          <t>There are 3 squares which overlap each other in the image. The color of the squares are ['?', 'red', 'blue']. The part where the first and second squares overlap is orange. The part where the second and third squares overlap is purple.</t>
        </is>
      </c>
      <c r="G328" t="inlineStr">
        <is>
          <t>We observe that the red and blue squares overlap to form purple. Hence, the pattern is that the color of the part where two squares overlap is determined by mixing the two colors.</t>
        </is>
      </c>
      <c r="H328" t="inlineStr">
        <is>
          <t>Based on the pattern that the color of the part where two squares overlap is determined by mixing the two colors, the missing color of the part which overlaps with red to form orange should be yellow.</t>
        </is>
      </c>
      <c r="I328" t="inlineStr">
        <is>
          <t>b'\x89PNG\r\n\x1a\n\x00\x00\x00\rIHDR\x00\x00\x02\x00\x00\x00\x02\x00\x08\x02\x00\x00\x00{\x1aC\xad\x00\x00!&amp;IDATx\x9c\xed\xdd}\x8c]e\x81\xc7\xf1\xe7\x9cs_f\xee\x0c\xed\x0cX\x8cn1\x06\x89\x9b\xa8\xa4\xb0PD4\x05\x05R\xcaj\xe8FY\xb2\xb1[\x8d\xda\x96EhwcD\xaa\xfeC\xc4b\xd6lB\xab -A\xb1\x85,h\\WcJ\xbaQVF]\xa9mA\xa4\xe0\xfb\x1b\xe0\xba\xb5\xd0i;/w\xee\xbd\xe7\x9cg\xffx\xca0Lg\xa6\xf7\xe59\xe7&lt;/\xdfO\x8c\xe965=\xdb&gt;\xe7\xf7\x9d\xfb\xd2\xb9\x81\x94R\x00\x00\xfc\x13\x16}\x01\x00\x80b\x10\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pB\x92$R\xca\xa2\xaf\x02\xf9\t\xf8\xfb\x06 \x84\x90R\x06A0\xf3\x07p\x1e\x8f\x00\x00\xdfI)\xd5\xe8o\xd9\xb2\xe5\xd0\xa1CA\x10\xa4iZ\xf4E!\x0f\x04\x00\xf0\x9a\x942M\xd3 \x08\xae\xbf\xfe\xfaO}\xeaS\xd7\\s\xcd\xe8\xe8h\x18\x864\xc0\x07\x04\x00\xf0\x97Z\xff(\x8a\xd6\xaf_\xbf}\xfb\xf6\xfe\xfe\xda\xde\xbd{W\xae\\I\x03&lt;A\x00\x00O\xcd\\\xff{\xee\xb9\xa7R\xa9\xd6\xeb\x93\xa5Ri\xdf\xbe}4\xc0\x13\x04\x00\xf0\xd1\xc9\xeb\xdfl6\x96\xbe\xe9\xadq\x92\xd0\x00\x7f\x10\x00\xc0;\xb3\xd6\xbf\xda\xd7\xdfl6\xde|\xd9\xb5\xff\xf8o{\xaeX\xf7\xd98\x8e+\x95*\r\xf0\x01\x01\x00\xfcr\xf2\xfa7\xa6\xeaoy\xd7uW\xff\xcb\x17&amp;\x8e\xfe\xe5\x82k6\\\xb1~K\xb3\xd9\xa0\x01&gt; \x00\x80G\xe6[\xffU\x9b\xb66\xeb\xe3B\x88\xc9\xa3\x87/\\}=\r\xf0\x04\x01\x00|\xb1\xf0\xfaK\x99\x06A\x18F\xa5\x89\xd1\xbf\xd0\x00O\x10\x00\xc0\x0b\xed\xac\xbf\xfa\x954\xc0\x1f\x04\x00p_\xfb\xeb\xaf\xd0\x00O\x10\x00\xc0q\x9d\xae\xbfB\x03|@\x00\x00\x97u\xb7\xfe\n\rp\x1e\x01\x00\x9c\xd5\xcb\xfa+4\xc0m\x04\x00pS\xef\xeb\xaf\xd0\x00\x87\x11\x00\xc0A\xba\xd6_\xa1\x01\xae"\x00\x80k\xf4\xae\xbfB\x03\x9cD\x00\x00\xa7d\xb1\xfe\n\rp\x0f\x01\x00\xdc\x91\xdd\xfa+4\xc01\x04\x00pD\xd6\xeb\xaf\xd0\x00\x97\x10\x00\xc0\x05\xf9\xac\xbfB\x03\x9cA\x00\x00\xeb\xe5\xb9\xfe\n\rp\x03\x01\x00\xec\x96\xff\xfa+4\xc0\x01\x04\x00\xb0XQ\xeb\xaf\xd0\x00\xdb\x11\x00\xc0V\xc5\xae\xbfB\x03\xacF\x00\x00+\x99\xb0\xfe\n\r\xb0\x17\x01\x00\xecc\xce\xfa+4\xc0R\x04\x00\xb0\x8ci\xeb\xaf\xd0\x00\x1b\x11\x00\xc0&amp;f\xae\xbfB\x03\xacC\x00\x00k\x98\xbc\xfe\n\r\xb0\x0b\x01\x00\xec`\xfe\xfa+4\xc0"F\x9c\x18\x00\x0b\xb3e\xfd\x15\x1a`\x0b\x83\x0e\r\x809\xd9\xb5\xfe\n\r\xb0\x82q\xe7\x06\xc0L6\xae\xbfB\x03\xccg\xe8\xd1\x01 l^\x7f\x85\x06\x18\xce\xe8\xd3\x03\xf8\xcc\xf6\xf5Wh\x80\xc9,8@\x80\x87\xdcX\x7f\x85\x06\x18\xcb\x9a3\x04\xf8\xc3\xa5\xf5Wh\x80\x99,;F\x80\xf3\xdc[\x7f\x85\x06\x18\xc8\xca\x93\x04\xb8\xca\xd5\xf5Wh\x80i,&gt;L\x80c\xdc^\x7f\x85\x06\x18\xc5\xfa\xf3\x04\xb8\xc1\x87\xf5Wh\x809\x1c9R\x80\xd5\xfcY\x7f\x85\x06\x18\xc2\xa9S\x05\xd8\xc8\xb7\xf5Wh\x80\t\x1c&lt;X\x80E\xfc\\\x7f\x85\x06\x14\xce\xd9\xb3\x05\x98\xcf\xe7\xf5Wh@\xb1\x1c?^\x80\xb1X\x7f\x85\x06\x14\xc8\x8b\x13\x06\x98\x86\xf5\x9f\x89\x06\x14\xc5\xa3C\x06\x18\x82\xf5?\x19\r(\x84w\xe7\x0c(\x16\xeb?\x1f\x1a\x90?O\x8f\x1aP\x08\xd6\x7fa4 g^\x9f6 O\xac\x7f;h@\x9e8p@\x1eX\xff\xf6\xd1\x80\xdcp\xe6\x80\xcc\xb1\xfe\x9d\xa2\x01\xf9\xe0\xd8\x01\xd9b\xfd\xbbC\x03r\xc0\xc9\x032\xc4\xfa\xf7\x82\x06d\x8d\xc3\x07d\x85\xf5\xef\x1d\r\xc8\x14\xe7\x0f\xc8\x04\xeb\xaf\x0b\r\xc8\x0eG\x10\xd0\x8f\xf5\xd7\x8b\x06d\x84S\x08h\xc6\xfag\x81\x06d\x81\x83\x08\xe8\xc4\xfag\x87\x06h\xc7Y\x04\xb4a\xfd\xb3F\x03\xf4\xe28\x02z\xb0\xfe\xf9\xa0\x01\x1aq"\x01\rX\xff&lt;\xd1\x00]8\x94@\xafX\xff\xfc\xd1\x00-8\x97@OX\xff\xa2\xd0\x80\xdeq4\x81\xee\xb1\xfe\xc5\xa2\x01=\xe2t\x02]b\xfdM@\x03z\xc1\x01\x05\xba\xc1\xfa\x9b\x83\x06t\x8d3\nt\x8c\xf57\r\r\xe8\x0e\xc7\x14\xe8\x0c\xebo&amp;\x1a\xd0\x05N*\xd0\x01\xd6\xdfd4\xa0S\x1cV\xa0]\xac\xbf\xf9h@G8\xaf@[X\x7f[\xd0\x80\xf6qd\x81Sc\xfd\xedB\x03\xda\xc4\xa9\x05N\x81\xf5\xb7\x11\rh\x07\x07\x17X\x08\xebo/\x1apJ\x9c]`^\xac\xbf\xedh\xc0\xc28\xbe\xc0\xdcX\x7f7\xd0\x80\x05p\x82\x819\xb0\xfe.\xa1\x01\xf3\xe1\x10\x03\xb3\xb1\xfe\xee\xa1\x01s\xe2\x1c\x03\xaf\xc0\xfa\xbb\x8a\x06\x9c\x8c\xa3\x0c\xbc\x8c\xf5w\x1b\r\x98\x85\xd3\x0c\x9c\xc0\xfa\xfb\x80\x06\xcc\xc4\x81\x06\x84`\xfd}B\x03\xa6q\xa6\x01\xd6\xdf;4@\xe1X\xc3w\xac\xbf\x9fh\x80 \x00\xf0\x1c\xeb\xef3\x1a\xc0\xe1\x86\xbfX\x7fx\xde\x00\xce7&lt;\xc5\xfaC\xf1\xb9\x01\x1cq\xf8\x88\xf5\xc7L\xde6\x80S\x0e\xef\xb0\xfe8\x99\x9f\r\xe0\xa0\xc3/\xac?\xe6\xe3a\x038\xeb\xf0\x08\xeb\x8f\x85\xf9\xd6\x00\x8e;|\xc1\xfa\xa3\x1d^5\x80\x13\x0f/\xb0\xfeh\x9f?\r\xe0\xd0\xc3}\xac?:\xe5I\x038\xf7p\x1c\xeb\x8f\xee\xf8\xd0\x00\x8e&gt;\\\xc6\xfa\xa3\x17\xce7\x80\xd3\x0fg\xb1\xfe\xe8\x9d\xdb\r\xe0\x06\x80\x9bX\x7f\xe8\xe2p\x03\xb8\x07\xe0 \xd6\x1fz\xb9\xda\x00n\x03\xb8\x86\xf5G\x16\x9cl\x00w\x02\x9c\xc2\xfa#;\xee5\x80\x9b\x01\xee`\xfd\x915\xc7\x1a\xc0\xfd\x00G\xb0\xfe\xc8\x87K\r\xe0\x96\x80\x0bX\x7f\xe4\xc9\x99\x06pW\xc0z\xac?\xf2\xe7F\x03\xb81`7\xd6\x1fEq\xa0\x01\xdc\x1b\xb0\x18\xeb\x8fb\xd9\xde\x00n\x0f\xd8\x8a\xf5\x87\t\xacn\x00w\x08\xac\xc4\xfa\xc3\x1c\xf66\x80\x9b\x04\xf6a\xfda\x1aK\x1b\xc0}\x02\xcb\xb0\xfe0\x93\x8d\r\xe0V\x81MX\x7f\x98\xcc\xba\x06p\xb7\xc0\x1a\xac?\xccgW\x03\xb8a`\x07\xd6\x1f\xb6\xb0\xa8\x01\xdc3\xb0\x00\xeb\x0f\xbb\xd8\xd2\x00n\x1b\x98\x8e\xf5\x87\x8d\xach\x00w\x0e\x8c\xc6\xfa\xc3^\xe67\x80\x9b\x07\xe6b\xfda;\xc3\x1b\xc0\xfd\x03C\xb1\xfep\x83\xc9\r\xe0\x16\x82\x89X\x7f\xb8\xc4\xd8\x06p\x17\xc18\xac?\xdccf\x03\xb8\x91`\x16\xd6\x1f\xae2\xb0\x01\xdcK0\xc8&lt;\xeb\xff\xf7\xac?\xdc`Z\x03\x02)e\xce\xbf%\nT\xf8\xbb\x0e\x16 \xa5\x0c\x82 \x0cC\xb5\xfe\x95J\xa5\xd9l\xbe\xf9\x9d\xd7\xae\xda\xb4\xb599.e\x1a\x84\xa1\xe0\xb4f*\x10$6\x07i\x12\x0f\x0c\x9f\xb9\xff?\xef\xfe\xee\x8eO\x96J\xa58\x8e\x97/_\xbeg\xcf\x9e\xe1\xe1au\x17\xe4v%\x04\x00fyi\xfd\xab\xad\xb8u\xdeU\x1fx\xc5\xfa#;R\x88@\xc84\x89\x9b\x8d\xa2/\xc5\x0bi\x12\xd7\x86\x96\x1c\xf8\xd6\xf6Gw\xde&amp;\xd2\xb8\xd5l^|\xf1\xc5\x0f=\xf4\xd0\xd2\xa5K\x83 \xc8\xad\x01\x04\xc0\x17\xea+\x8b\x8f}\xeccO&lt;\xf1D\x14EI\x92\x14}E\xb3\x05Ap\xec\xd8\xb1\x03\x07\x0e\xa8\xcb\x0b\xc2\xe8\xac7_,\xa5\x94i\x12\x04\xa1\xe4\x8b\xff,\x05a$\xd3d\xc9\xeb\xdf\xf4\xae\x0f\xdf\xdajL\xe5\xf9E\xa8\x9f\xa4L\x85\x14\x03\xc3g\xee\xfa\xd8\xca\xe7\x9f\xd9\xdb\xdf_\xab\xd7\'?\xf3\x99\xcf|\xfa\xd3\x9fN\x92$\x8a\xa2|.\xa3\x94\xcfo\x83\xc2\xa9\x00\xfc\xe8G?\xda\xbbwo\xd1\xd7\xb2\x90J\xa9\x94\xa6i\x14\x86I\x9a&lt;\xfb\xd4\x8f\x8a\xbe\x1c\xbf\xc4\x8dz\x10\x96\x84\x94\x82\x00dI\xbd\x9aU\xa9\r~\xfb_\xd7=\xff\xcc\xdeJ\xa5Z\xafOn\xd8\xb0a\xf3\xe6\xcd\xea5\xb0\xdc\xae\x84\x00\xf8epp0\x8a\xa2(\x8a\x9a\xcdf\xd1\xd72\xb7f\x1c\xab\x1f\x04B\x88\x97\x9e\xf6\x91\x06\xbft\xe1\x86\xb0T\x91iR\xee\x1b\x10&lt;\xd2\xca\xd8\x89\xf5\xef\x1f|x\xeb\xa6\xa7\xff\xfb\xeb\x95J\xb5\xd9l\xac[\xb7\xee\xee\xbb\xef\xce\xff\xf9\x18\x02\xe0\x974M\x93$\x91R^\xfc\xda\xd7\xbe\xf3\xac\xb3&amp;Z\xad\xd0\xb0\xaf\xf5\xa4\x10\xa50&lt;R\xaf\x7f\xe5\xe0\xc1@J!D\x10\x84\xef\xb8\xe8}\x8bO[\xd2hL\x86at\xe2\xe9j\xe8 eZ\xad\xf4\xff\xfc7\x8f\xfd\xf6\xd9\'\xa5L\xa5$\xb4\xd9\x9a\xb9\xfe\x07\x1fyH\xbd\xcfm\xdd\xbau;v\xecH\x92$\x0c\xc3\x9c\x9f|#\x00&gt;J\xd3\xf4\xb2\xb3\xce\xdar\xe9\xa5G&amp;\'K\xe6\xbd\xb8\x9aJ\xd9W*\xfd\xf5\xe9\xa7\xdf22R\n\xa3T\xca\xc3/&gt;w\xdd\xdf~\xa2\xbf\xef\xb4F\xb3\x1eE\x11_\xa4\xea\x92\xa6\xf1\xa2\xc1W\xfd\xfbwn\xff\xcd\x1f\x9f(\xfaZ\xdcg\xda\xfa\x0b\x02\xe0\xad\xc9V\xeb\xc8\xe4\xe4a#\x03 \x84\x90B\xdcp\xdeyB\x08\xd5\x80_\xfcv\xef\x96\xbb\xfe\xe1\xa6\x0f\xdc\xd9\xdfwZc\xa2\x1e\x85\xf9=I\xea\xb64M\xa4\x10\xcdf\xbd\xe8\x0bq\x9f\x81\xeb/\x08\x80\xb7\xc2 (\x85\xa1\xfaO\xd1\xd72\xb7\xbfLNN7\xa0\x1c\x95\xfe\xf7\xd0o\xee\xda\xb5\xe9\xc6\x0f|\xb1\xbf\xef\xb4f\xb3\x1e\xd2\x00M\xa2\xb0\xc4{\xff\xb3f\xe6\xfa\x0b\xfe%0\x8cU\nC\xd5\x80\xcf\xadX\xd1J\xe2rTz\xee\xcf\xbf\xf8\xe2Wo\xacO\x8dU*\xfdij\xdc\xdbX\x819\x19\xbb\xfe\x82\x00\xc0d4\x00\xb63y\xfd\x05\x01\x80\xe1h\x00\xece\xf8\xfa\x0b\x02\x00\xf3\xd1\x00\xd8\xc8\xfc\xf5\x17\x04\x00V\xa0\x01\xb0\x8b\x15\xeb/\x08\x00lA\x03`\x0b[\xd6_\x10\x00X\x84\x06\xc0|\x16\xad\xbf \x00\xb0\x0b\r\x80\xc9\xecZ\x7fA\x00`\x1d\x1a\x003Y\xb7\xfe\x82\x00\xc0F4\x00\xa6\xb1q\xfd\x05\x01\x80\xa5h\x00\xcca\xe9\xfa\x0b\x02\x00{\xd1\x00\x98\xc0\xde\xf5\x17\x04\x00V\xa3\x01(\x96\xd5\xeb/\x08\x00lG\x03P\x14\xdb\xd7_\x10\x008\x80\x06 \x7f\x0e\xac\xbf \x00p\x03\r@\x9e\xdcX\x7fA\x00\xe0\x0c\x1a\x80|8\xb3\xfe\x82\x00\xc0%4\x00Ysi\xfd\x05\x01\x80ch\x00\xb2\xe3\xd8\xfa\x0b\x02\x00\xf7\xd0\x00d\xc1\xbd\xf5\x17\x04\x00N\xa2\x01\xd0\xcb\xc9\xf5\x17\x04\x00\xae\xa2\x01\xd0\xc5\xd5\xf5\x17\x04\x00\x0e\xa3\x01\xe8\x9d\xc3\xeb/\x08\x00\xdcF\x03\xd0\x0b\xb7\xd7_\x10\x008\x8f\x06\xa0;\xce\xaf\xbf \x00\xf0\x01\r@\xa7|X\x7fA\x00\xe0\t\x1a\x80\xf6y\xb2\xfe\x82\x00\xc0\x1f4\x00\xed\xf0g\xfd\x05\x01\x80Wh\x00\x16\xe6\xd5\xfa\x0b\x02\x00\xdf\xd0\x00\xcc\xc7\xb7\xf5\x17\x04\x00\x1e\xa2\x018\x99\x87\xeb/\x08\x00\xfcD\x030\x93\x9f\xeb/\x08\x00\xbcE\x03\xa0x\xbb\xfe\x82\x00\xc0g4\x00&gt;\xaf\xbf \x00\xf0\x1c\r\xf0\x99\xe7\xeb/\x08\x00@\x03\xfc\xc4\xfa\x0b\x02\x00\x08\x1a\xe0\x1f\xd6_!\x00\x80\x104\xc0\'\xac\xff4\x02\x00\x9c@\x03|\xc0\xfa\xcfD\x00\x80\x97\xd1\x00\xb7\xb1\xfe\xb3\x10\x00\xe0\x15h\x80\xabX\xff\x93\x11\x00`6\x1a\xe0\x1e\xd6\x7fN\x04\x00\x98\x03\rp\t\xeb?\x1f\x02\x00\xcc\x8d\x06\xb8\x81\xf5_\x00\x01\xf0\x8b\x94\xb2\xe8K\xb0\t\r\xb0\x1d\xeb\xbf0\x02\xe0\x0b)\xa5\x94\xb2T*\x15}!\x96\xa1\x01\xf6b\xfdO\x89\x00xAJ\x19\x04A\x10\x04G\x8f\x1e-\xfaZ\xecC\x03l\xc4\xfa\xb7\x83\x00\xb8OJ\x99\xa6i\x18\x86\xeb\xd7\xaf\xdf\xbf\x7f\x7f\xa5T\x12B\xf0LPGh\x80]X\xff6\x11\x00\xc7\xa9\xf5\x8f\xa2h\xfd\xfa\xf5\xf7\xdcsO\x14Ei\x9a\n!\xcaa\xc8\xeb\x01\x1d\xa1\x01\xb6`\xfd\xdbG\x00\\6k\xfd+\x95J\x92\x9c\xd8\xa9\x17\xea\xf5j\xa9D\x03:B\x03\xcc\xc7\xfaw\x84\x008k\xd6\xfaW\xab\xd5f\xb3\x19\x86a\x9c\xa6a\x10\xdc\xff\xcc3w\x1c8\xf0\xea\xc1\xc18M\x8b\xbeR\x9b\xd0\x00\x93\xb1\xfe\x9d"\x00n\x9a\xb5\xfe\xfd\xfd\xfd\x8dF\xe3\xfa\xeb\xaf_\xb1b\x85\x10"\x08\xc3D\xca\xcd##w=\xf1\xc4\x99\xb5\x1a\r\xe8\x08\r0\x13\xeb\xdf\x05\x02\xe0\xa0\x93\xd7\xbf^\xaf\xafY\xb3\xe6K_\xfa\xd2\xcb\xcf\xf9HY\x8e\xc2[FF\xee\xfa\xe9Oi@\xa7h\x80iX\xff\xee\x10\x00\xd7\xcc\xb9\xfek\xd7\xae\xbd\xf7\xde{\x1b\x8dF\x1c\xc7\'~\x99\x10\xad$\xa5\x01]\xa3\x01\xe6`\xfd\xbbF\x00\x9c\xb2\xc0\xfa\x8f\x8d\x8d\t!\xc20\x14B$I\xf2\xd1\xf7,\xbb|\xd9\xd2V\x92VK\x11\r\xe8\x0e\r0\x01\xeb\xdf\x0b\x02\xe0\x8e\x85\xd7?M\xd3\x99w\xc2kN\xaf}\xeb\xf3\xef[v\xf6\x92F\x9c\xd0\x80\xae\xd1\x80b\xb1\xfe="\x00\x8e8\xe5\xfa\xab\xaf\xfd\xa7\x8d\xd5[\x03\x03\x95=[V\xff\xcd9g\xd2\x80^\xd0\x80\xa2\xb0\xfe\xbd#\x00.\xe8t\xfd\x85\x10\xa5(\x94S\xf1\xf0`u\xcf\xe7\xfe\x8e\x06\xf4\x88\x06\xe4\x8f\xf5\xd7\x82\x00X\xaf\x8b\xf5W\x820\x98\x9c\x8a\x87\x07h\x80\x064 O\xac\xbf.\x04\xc0n]\xaf\xbf\x12EA\x9d\x06hB\x03\xf2\xc1\xfakD\x00,\xd6\xe3\xfa+4@#\x1a\x905\xd6_/\x02`+-\xeb\xaf\xd0\x00\x8dh@vX\x7f\xed\x08\x80\x954\xae\xbfB\x034\xa2\x01Y`\xfd\xb3@\x00\xec\xa3}\xfd\x15\x1a\xa0\x11\r\xd0\x8b\xf5\xcf\x08\x01\xb0LF\xeb\xaf\xd0\x00\x8dh\x80.\xac\x7fv\x08\x80M2]\x7f\x85\x06hD\x03z\xc7\xfag\x8a\x00X#\x87\xf5Wh\x80F4\xa0\x17\xac\x7f\xd6\x08\x80\x1dr[\x7f\x85\x06hD\x03\xba\xc3\xfa\xe7\x80\x00X \xe7\xf5Wh\x80F4\xa0S\xac\x7f&gt;\x08\x80\xe9\nY\x7f\x85\x06hD\x03\xda\xc7\xfa\xe7\x86\x00\x18\xad\xc0\xf5Wh\x80F4\xa0\x1d\xac\x7f\x9e\x08\x80\xb9\n_\x7f\x85\x06hD\x03\x16\xc6\xfa\xe7\x8c\x00\x18\xca\x90\xf5Wh\x80F4`&gt;\xac\x7f\xfe\x08\x80\x89\x8cZ\x7f\x85\x06hD\x03N\xc6\xfa\x17\x82\x00\x18\xc7\xc0\xf5Wh\x80F4`&amp;\xd6\xbf(\x04\xc0,\xc6\xae\xbfB\x034\xa2\x01\n\xeb_ \x02`\x10\xc3\xd7_\xa1\x01\x1a\xd1\x00\xd6\xbfX\xc5\x0f\n\x14+\xd6_\xa1\x01\x1a\xf9\xdc\x00\xd6\xbfp\xa6l\x8a\xe7,Z\x7f\x85\x06h\xe4g\x03X\x7f\x13\x985+~\xb2n\xfd\x15\x1a\xa0\x91o\r`\xfd\ra\xe2\xb2x\xc5\xd2\xf5Wh\x80F\xfe4\x80\xf57\x87\xb9\xe3\xe2\x03\xab\xd7_\xa1\x01\x1a\xf9\xd0\x00\xd6\xdf(\xa6\xef\x8b\xc3\x1cX\x7f\x85\x06h\xe4v\x03X\x7f\xd3\xd811\xeeqf\xfd\x15\x1a\xa0\x91\xab\r`\xfd\rd\xd3\xca8\xc3\xb1\xf5Wh\x80F\xee5\x80\xf57\x93}Cc;\'\xd7_\xa1\x01\x1a\xb9\xd4\x00\xd6\xdfX\xb6n\x8d\xa5\x1c^\x7f\x85\x06h\xe4F\x03X\x7f\x93\xd9=7vq~\xfd\x15\x1a\xa0\x91\xed\r`\xfd\r\xe7\xc2\xe2X\xc1\x93\xf5Wh\x80F\xf66\x80\xf57\x9f;\xa3c2\xaf\xd6_\xa1\x01\x1a\xd9\xd8\x00\xd6\xdf\n\xae\xed\x8e\x81&lt;\\\x7f\x85\x06hdW\x03X\x7f[\xb89=\xe6\xf0v\xfd\x15\x1a\xa0\x91-\r`\xfd-\xe2\xf2\xfa\x14\xce\xf3\xf5Wh\x80F\xe67\x80\xf5\xb7\x8b\xfb\x03T\x14\xd6\x7f\x1a\r\xd0\xc8\xe4\x06\xb0\xfe\xd6\xf1e\x83r\xc6\xfa\xcfB\x0342\xb3\x01\xac\xbf\x8d\xfc\x9a\xa1|\xb0\xfes\xa2\x01\x1a\x99\xd6\x00\xd6\xdfR&gt;.Q\xa6X\xff\x05\xd0\x00\x8d\xcci\x00\xebo/\x7f\xc7(\x0b\xac\xff)\xd1\x00\x8dLh\x00\xebo5\xdf\xf7H#\xd6\xbfM4@\xa3b\x1b\xc0\xfa\xdb\x8eI\xd2\x83\xf5\xef\x08\r\xd0\xa8\xa8\x06\xb0\xfe\x0e`\x954`\xfd\xbb@\x034\xca\xbf\x01\xac\xbf\x1b\x18\xa6^\xb1\xfe]\xa3\x01\x1a\xe5\xd9\x00\xd6\xdf\x19lSOX\xff\x1e\xd1\x00\x8d\xf2i\x00\xeb\xef\x12\xe6\xa9{\xac\xbf\x164@\xa3\xac\x1b\xc0\xfa;\x86\x85\xea\x12\xeb\xaf\x11\r\xd0(\xbb\x06\xb0\xfe\xeea\xa4\xba\xc1\xfakG\x034\xca\xa2\x01\xac\xbf\x93\xd8\xa9\x8e\xb1\xfe\x19\xa1\x01\x1a\xe9m\x00\xeb\xef*\xa6\xaa3\xac\x7f\xa6h\x80F\xba\x1a\xc0\xfa;\x8c\xb5\xea\x00\xeb\x9f\x03\x1a\xa0Q\xef\r`\xfd\xdd\xc6`\xb5\x8b\xf5\xcf\r\r\xd0\xa8\x97\x06\xb0\xfe\xcec\xb3\xda\xc2\xfa\xe7\x8c\x06h\xb4`\x03\xfa\xe6k\x00\xeb\xef\x03f\xeb\xd4X\xffB\xd0\x00\x8d\xe6k\xc0d}\xee\x06\xb0\xfe\x9e`\xb9N\x81\xf5/\x10\r\xd0h\xce\x06\xdc\xb9\xeb\xa6\xfa\xd4x\xb5Z\x9b\xf9+Y\x7f\x7f0^\x0ba\xfd\x0bG\x034:\xb9\x01\x7f\xfa\xbf_o\xbd\xef\x9f\x8e\x8f\xbd0\xfdkX\x7f\xaf\xb0_\xf3b\xfd\rA\x034\x9a\xd5\x80R\x18\xfd\xfa\xf7\xfbG~\xf2\xf5 \x8c\x84\x10R\xca@\x84\x95\xfe\xc1\xdd\xac\xbf\x1f\x98\xb0\xb9\xb1\xfeF\xa1\x01\x1a\xcdl@\x9c&amp;\xa50\x9a\x1e\xf50\x8c*\xb5\xc1\xdd[7=\xcd\xfa\xfb\x81\x15\x9b\x03\xebo \x1a\xa0\xd1\xac\x06\x88\x97\xa6=\x08\x82\xddwl|\xe6\xfb_g\xfd=\xc1\x90\xcd\xc6\xfa\x1b\x8b\x06ht\xa2\x01\xe7\x9f\x7f\xfb\x8a\x15Q\x10\x08\x99\n!\x9e;\xf8??}\xf8\xber\xa5\xc2\xfa{\x82-{\x05\xd6\xdfp4@\xa3R\x18\x1e\x1a\x1f\xff\xe7\x0b.X\xf3\xa67\xa5R\x96\xc2PJY\xaeTZ\xcd&amp;\xeb\xef\t\xe6\xece\xac\xbf\x15h\x80FA\x104\xe2\xf8U\xfd\xfd\xea\xff\x8c\xa2\x88\xf5\xf7\n\x8bv\x02\xebo\x11\x1a\xa0Q\x10\x04\xad4\x15B\x84a\x98$\t\xeb\xef\x15FM\x08\xd6\xdfB4@#5\xf3\xcd8\xbe\xf0\xc2\x0bw\xec\xd8\xa1\x0e&lt;\xeb\xef\x03v\x8d\xf5\xb7\x15\r\xd0nhhHJ)\xa5d\xfd=\xe1\xfb\xb4\xb1\xfeV\xa3\x01z\xc5q\x1c\x04\x01\xeb\xef\x0f\xaf\xd7\x8d\xf5w\x00\r\xd0\x88\xe9\xf7\x8d\xbf\x03\xc7\xfa;\x83\x06\x00\xdd\xf1t\xe3X\x7f\xc7\xd0\x00\xa0\x0b&gt;\xce\x1c\xeb\xef$\x1a\x00t\xca\xbb\xa5c\xfd\x1dF\x03\x80\x8e\xf85v\xac\xbf\xf3h\x00\xd0&gt;\x8f\xf6\x8e\xf5\xf7\x04\r\x00\xda\xe4\xcb\xe4\xb1\xfe^\xa1\x01@;\xbcX=\xd6\xdfC4\x008%\xf7\x87\x8f\xf5\xf7\x16\r\x00\x16\xe6\xf8\xf6\xb1\xfe\x9e\xa3\x01\xc0\x02\\\x9e?\xd6\x1f\x82\x06\x00\xf3sv\x01Y\x7fL\xa3\x01\xc0\x9c\xdc\x1cA\xd6\x1f\xb3\xd0\x00\xe0d\x0e\xee \xeb\x8f9\xd1\x00`\x16\xd7\xa6\x90\xf5\xc7\x02h\x000\x93Sk\xc8\xfa\xe3\x94h\x000\xcd\x9dAd\xfd\xd1&amp;\x1a\x00(\x8el"\xeb\x8f\x8e\xd0\x00@\xb8\x11\x00\xd6\x1f]\xa0\x01\x80\xf5\xcb\xc8\xfa\xa3k4\x00\x9e\xb3{\x1cY\x7f\xf4\x88\x06\xc0g\x16\xef#\xeb\x0f-h\x00\xbce\xebD\xb2\xfe\xd0\x88\x06\xc0OV\xae$\xeb\x0f\xedh\x00&lt;d\xdfP\xb2\xfe\xc8\x08\r\x80o,\xdbJ\xd6\x1f\x99\xa2\x01\xf0\x8aMs\xc9\xfa#\x074\x00\xfe\xb0f1Y\x7f\xe4\x86\x06\xc0\x13v\x8c&amp;\xeb\x8f\x9c\xd1\x00\xf8\xc0\x82\xddd\xfdQ\x08\x1a\x00\xe7\x99&gt;\x9d\xac?\nD\x03\xe06\xa3\xd7\x93\xf5G\xe1h\x00\x1cf\xee\x80\xb2\xfe0\x04\r\x80\xab\x0c\xddP\xd6\x1fF\xa1\x01p\x92\x893\xca\xfa\xc3@4\x00\xee1nIY\x7f\x18\x8b\x06\xc01f\x8d)\xeb\x0f\xc3\xd1\x00\xb8\xc4\xa0=e\xfda\x05\x1a\x00g\x982\xa9\xac?,B\x03\xe0\x06#V\x95\xf5\x87uh\x00\x1cP\xfc\xb0\xb2\xfe\xb0\x14\r\x80\xed\n\xdeV\xd6\x1fV\xa3\x01\xb0Z\x91\xf3\xca\xfa\xc3\x014\x00\xf6*laY\x7f8\x83\x06\xc0R\xa5B~W\xd6\xbfpi*\xe3$\x8d\x13\xb6I\x9b\xb1\x89\xe6`_\xf9;\xb7\xad\xbej\xf3\x7f\xfc\xec\xf7/\x94\xa3\xf0\x96\x91\x11!\xc4\r\xe7\x9dwhr2(\xfa\xf2\xe6\x14\xa7i\x9c\xa6\xa9\x94E_\x08\x8aQ@\x00X\x7f\x13\x0c\xf4\x97K\xc3\x03\xc3B\x88\x88?mM\x02!\x12\xf9\x9a\xe1\xda\x13w\xbf\x7f\xd5\xe6o~\xf7\x89\xe7\xa6\x1b\xb0\xe9\x82\x0b\xa6\xe28\x0c\x8c\xab@\x9c\xa6\xa7\xd7j\xb5r\xb9\xe8\x0bA1\xf2\x0e\x00\xebo\x820\x0c\xff\xeb\xc0\x1f\xe3/&lt;\xd2\x98j\x19\xb8J\xd6\x92B\x04I\x92\xd6j\x95s\xfej\xe8\x91\'\x9fOR\x19\x04\xe2\x96\x91\x91_\x1e9rz\x7f\x7f\x9c\xa6\xa6\xfdY\xa7R\x0e\x94\xcb\xdf\x7f\xee\xb90\x0cS\x9e\xaa\xf2O\xae\x01\x90R\n!\xa6\xd7\xbfZ\xad\xb2\xfe9\x0b\xc30\x8a\xa2(\x8aF\x9e\xfa\xd3\xc8S\x7f*\xfar\\\x16EQ\x10\x06\x81\x10i\x92|\xe5\xe0\xc1\xa2/\xe7\x14*\x95J\x92$\xdc\x80\xbe\xc9;\x00R\xca\x8f~\xf4\xa3j\xfd\x1b\x8d\xc6\x9a5kX\xff\xdc\x04A0&gt;&gt;\x9e$I\x92$E_\x8b\xfbf\xfe!Ga\x18\x08\x11\x86a3\x8e\x0b\xbc\xa4\x054\x9bM!\xc4\xf8\xf8x\xd1\x17\x82\\\xe5\x17\x80$I\xa2(\xba\xed\xb6\xdb\xb6o\xdf^\xab\xd5&amp;\'\'\xdf\xf1\x8ew\xec\xda\xb5\xeb\xc5\x17_\x14B\xb0\xfeY\x0b\x82 \x8e\xe3\xb7\xbe\xf5\xad\xb5Z\x8d\xc7\xfb9H\xd3\xb4T*\x05A\xf0\x83\x1f\xfc@\x1d\xfef\x1c_p\xc1\x05\x8b\x17/\x96\xe6\xbd\xe8\x1aEQ\x92$\xe7\x9f\x7f\xbe\x10"\xe0YAo\x04\xb9\x9dE\xf5\xe5\xff\xf3\xcf?\x7f\xddu\xd7=\xf6\xd8c\x95J\xa5\\.o\xd9\xb2e\xe3\xc6\x8d\x87\x0f\x1f.\x95\x8ay?\x92o\xfa\xfa\xfa\xa2(*\xfa*\xdc\x97\xa6i\x10\x04\xd5j\xf5\x86\x1bn\xd8\xbe}{\xb9\\n4\x1a\xeb\xd6\xad\xdb\xb1cG\xd1\x97\x06\xbc,\xbf\x00\x08!\xa4\x94A\x10\x8c\x8e\x8e\xae\\\xb9r\xdf\xbe}\xea\x8b\x8e\xad[\xb7\xd2\x80\xdc\xf0\x85\x7f\x0e\xd4\xf3\x99\xa7\x9dv\xda\x87&gt;\xf4\xa1\x07\x1ex\xa0R\xa94\x9bM\xb5\xfei\x9a\xaa\xbb\xa0\xe8k\x9c\x17\x8f\xc5\xbd\x92k\x00\xc4K\xf7\xc6t\x03\xd4+\x014\x00\xce\x98^\xff\x0f\x7f\xf8\xc3;w\xeeT\xefsS\xeb\xaf^e5y\xfd\xe1\x9b\xbck\xaf\x9e}\x1e\x1e\x1e\xde\xb3g\xcf\xf2\xe5\xcb\x1b\x8dF\xb5Z\xdd\xb4i\xd3\xb6m\xdb\x96,Y\x12\x9b\xfa\x12\x19\xd0\x0e\xd6\x1fv)\xe0\xe1\x1e\r\x80\x93X\x7fX\xa7\x98\xe7\xfbh\x00\x1c\xc3\xfa\xc3F\x85\xbd\xe0C\x03\xe0\x0c\xd6\x1f\x96*\xf2\x15\x7f\x1a\x00\x07\xb0\xfe\xb0W\xc1o\xf9\xa2\x01\xb0\x1a\xeb\x0f\xab\x15\xff\x9e_\x1a\x00K\xb1\xfe\xb0]\xf1\x01\x104\x00\x16b\xfd\xe1\x00#\x02 h\x00\xac\xc2\xfa\xc3\r\xa6\x04@\xd0\x00X\x82\xf5\x873\x0c\n\x80\xa0\x010\x1e\xeb\x0f\x97\x98\x15\x00A\x03`0\xd6\x1f\x8e1.\x00\x82\x06\xc0H\xac?\xdccb\x00\x04\r\x80aX\x7f8)\xefo\x07\xdd\x11\x87\xbfw\xf4\xac?v\xe6\xc3d\xac?\\et\x00\x84[\rH\xd3T}P\x94\xfaXv5\x1cR\xca4M\xa7?\xa7\x9751\r\xeb\x0f\x87\x99\x1e\x00a\x7f\x03\xa4\x94I\x92\x94J\xa5Z\xadV\xa9T\x92$\x19\x1f\x1f\x1f\x1b\x1b\xab\xd7\xeb\xcdf\xb3\\.\xd7j\xb5\xc5\x8b\x17\x0f\x0e\x0e\xa6i:66\xa6&gt;?\xb6\xe8\xab\x86\x10\xac?\\gA\x00\x84\xcd\rH\xd3\xb4Z\xad\x0e\x0c\x0c\x1c;v\xec\xc9\'\x9f\x1c\x19\x19\xd9\xbf\x7f\xff\xef~\xf7\xbbC\x87\x0e\xd5\xebu5"\xb5Zm\xe9\xd2\xa5\xcb\x96-\xbb\xfa\xea\xab\xaf\xb8\xe2\x8a\xc1\xc1\xc1c\xc7\x8e\xd1\x80\xc2\xb1\xfep\x9e\x1d\x01\x10v6 M\xd3\x81\x81\x81g\x9f}\xf6\xc1\x07\x1f\xfc\xc67\xbe\xf1\xb3\x9f\xfd\xec\x94\xff\x93e\xcb\x96\xddz\xeb\xad\xefy\xcf{FGG\xf9t\xd6\x02\xb1\xfe\xf0\x815\x01\x10\xb65 I\x92\xc5\x8b\x17\x7f\xf5\xab_\xbd\xf9\xe6\x9bGGG\xd5O\x96\xcbe5\x1c\xea\xf5\x00!D\x10\x04j\xe8\xd5\x8b\x01\xea\'o\xbf\xfd\xf6\x8f\x7f\xfc\xe3\xa3\xa3\xa3&lt;\x0e(\x04\xeb\x0fO\xd8\xf45\xa6u\xef\r\x95R\xbe\xfa\xd5\xaf\x1e\x1d\x1d-\x97\xcb\xe5r9\x8a\xa2V\xab\xd5l6\x9b\xcdf\x1c\xc7j\xee\x93$i\xb5Z\xadV+I\x12)\xa5z}x\xf3\xe6\xcd;w\xee\x1c\x1e\x1eV\xaf\x0c#O\xac?\xfca\xd3#\x00\xc5\xa2\xc7\x01i\x9a.^\xbc\xf8\xaa\xab\xae\xfa\xde\xf7\xbe\xa7~\xe6\xcc3\xcf\xbc\xe4\x92K.\xbc\xf0\xc27\xbc\xe1\rCCCQ\x14MLL\xfc\xeaW\xbf\xda\xbd{\xf7\xa3\x8f&gt;\xaa~M\x18\x86R\xca3\xce8c\xff\xfe\xfd\xa7\x9f~z\xab\xd5bqr\xc3\xfa\xc3+\xf6\x05@\xd8\xd3\x80$I\x86\x86\x86\xbe\xfd\xedo\xbf\xf7\xbd\xef\xbd\xf4\xd2K\xd7\xacYs\xc5\x15W,]\xba\xb4T*%I\x92\xa6\xa9\x942\x0c\xc3(\x8a\xe28\xde\xb9s\xe7M7\xdd\xd4h4\xd4O&amp;Ir\xfb\xed\xb7\xdfr\xcb-F\xfd\x7f\xe46\xd6\x1f\xbe\xb12\x00\xc2\x9e\x06\x04A\xd0l6\x9fy\xe6\x99\x8b.\xba\xa8\xbf\xbf\x7f||\\M\xbc\x9a\x12\xf5\xef\x00\xd4_\xc1\x92%K&gt;\xff\xf9\xcf\xdf|\xf3\xcd\xeay\xff4M/\xbb\xec\xb2\x87\x1f~x||\x9cW\x83s\xc0\xfa\xc3C\xb6\x06@X\xd5\x80\xfe\xfe\xfe\x89\x89\t\xf5\x06\xff9wD}\xd5?11q\xfe\xf9\xe7\x1f&gt;|8\x8a\xa2$I^\xff\xfa\xd7?\xf6\xd8c}}}I\x92\xb0&gt;\x99b\xfd\xe1\'\x8b\xbf\xb4\xb4\xe55a)\xe5\xf8\xf8x\x10\x04\xa5Ri\xbe\x1d\t\x82@=_t\xf6\xd9g\x8b\x97\xbe3\xc4\xf1\xe3\xc7\xa7\xa6\xa6\xf8\xf2?k\xac?\xbce\xf7\xb8\xd8\xd2\x806G&lt;\x08\x82\x99[\xc3\xf4\xe4\x80\xf5\x87\xcf\xec\x0e\x80\xb0\xa7\x01\x0bSo\x00\x9d\x98\x98\xf8\xf3\x9f\xff&lt;\xfd\x93CCC\xb5Z\x8dw\x82f\x87\xf5\x87\xe7\xac\x0f\x80p\xa2\x01I\x92\x0c\x0e\x0e&gt;\xfe\xf8\xe3\xcf&gt;\xfb\xacz\x1bh\x10\x04o|\xe3\x1b\x17/^\x1c\xc713\x94\x05\xd6\x1fp!\x00\xc2\xf2\x06\xa4iZ.\x97[\xad\xd6\xad\xb7\xde:\xfd\x9a\xbc\x94\xf2\xdd\xef~w\x14E\xf6\xbeJo2\xd6\x1f\x10V\xbf\x0b\xe8d\xb6\xbc/h&amp;u\xcd\x8b\x16-\xfa\xc8G&gt;r\xdf}\xf7\xa9W\x0b\xd24=\xe7\x9cs~\xfc\xe3\x1f\x97J%\xf5\x1d\xa4\x8b\xbeL\xa7\xb0\xfe\x80\xe2\xc8#\x00\xc5\xba\xc7\x01q\x1cW\xab\xd5j\xb5\xfa\xc1\x0f~\xf0\xbe\xfb\xee\x9b\xf9\x9d\x7f\xee\xb8\xe3\x0e\x9e\xff\xc9\x02\xeb\x0fLs*\x00\xc2\xaa\x06\xc4q\xbch\xd1\xa2\xe3\xc7\x8f\xaf^\xbd\xfa\xfe\xfb\xef\x9f~\xb6\'M\xd3m\xdb\xb6\xadZ\xb5\xea\xe8\xd1\xa3|38\xbdX\x7f`&amp;\xa7\x9e\x02\x9af\xfesAq\x1c\x0f\x0f\x0f?\xf9\xe4\x93\xef\x7f\xff\xfb\x7f\xf9\xcb_\xaa\xa1W\x1bt\xe7\x9dwn\xd8\xb0\xe1\xc5\x17_d\xfd\xf5b\xfd\x81Y\xdc\x0c\x800\xbb\x01j\xfdGFF\xae\xbd\xf6\xda#G\x8eL\xaf\xff\xf0\xf0\xf0\x97\xbf\xfc\xe5\xd5\xabW\x17~\x85\xeea\xfd\x81\x939\x1b\x00aj\x03\xd4\xa7\xc4\x1c&lt;x\xf0\xca+\xaf\x9c~\x92\'I\x92\xb7\xbc\xe5-\xbbv\xed:\xf7\xdcs\x8f\x1c9\xc2\xfa\xeb\xc5\xfa\x03sr9\x00\xc2\xbc\x06\xa87\xf8\x07A\xb0b\xc5\x8a\xa7\x9ez\xaaT*\xa9O\x0c\xbe\xec\xb2\xcb\x1e|\xf0\xc1\xa1\xa1\xa1c\xc7\x8e\x95\xcb\xe5\x9c\xaf\xcam\xac?0\x1f\xd7^\x04\x9e\xc5\xb4\xd7\x84\xd5\xc7\x84\xdd\x7f\xff\xfdj\xfd\xd5\x07\xc2\\z\xe9\xa5\xdf\xfc\xe67\x07\x06\x06\x8e\x1f?\xce\xfa\xeb\xc5\xfa\x03\x0bp&lt;\x00\xc2\xb0\x06\x84a\xd8j\xb5\xbe\xf6\xb5\xaf\xa9\xc7\x01R\xca\xa5K\x97\xee\xdc\xb9\xb3R\xa9LMM\xf1\xcc\x8f^\xac?\xb00\xf7\x03 \x8ci\x80\x94\xb2R\xa9\x1c:t\xe8\xe7?\xff\xb9|\xc9\xc6\x8d\x1b_\xf7\xba\xd7\x8d\x8f\x8f\xf3\x9e\x1f\xbdX\x7f\xe0\x94\xbc\x08\x800\xa3\x01\xea;\xbe\xbd\xf0\xc2\x0b\xc7\x8e\x1d\x13B\xa8\x8f\x07X\xb1bE\xbd^g\xfd\xf5b\xfd\x81v\xf8\x12\x00aF\x03\xc20\xac\xd7\xeb\xd3\x9f\x0c\xb3h\xd1"\xf5[\xb3G\x1a\xb1\xfe@\x9b&lt;\n\x800\xa3\x01\xea\xd3\x80\xd5\x7fOMM\xf1\xb5\xbf^\xac?\xd0&gt;\xc7\xdf\x06:\xa7\xa2\xde\x1b\xaa\x9e\x02\x1a\x1b\x1b{\xfc\xf1\xc7\xd5\xcf\x94\xcb\xe5\xe5\xcb\x97\xab7\x83f\xf4\x9bz\x85\xf5\x07:\xe2c\x00D\xa1\xff&gt; \x0c\xc3\x81\x81\x01\xf5c)\xe5\xc4\xc4\x84\x9f\x7f\x05\xda\xb1\xfe@\xa7&lt;\r\x80(\xf4q@\x1c\xc7i\x9a\n!\xc20\xe4\x8d\xffZ\xb0\xfe@\x17\xfc\r\x80(\xa8\x01\xea[A\xf4\xf5\xf5\t!Z\xad\xd6\xd8\xd8\x98x\xe9S\xe0\xd1\x1d\xd6\x1f\xe8\x8e\xd7\x01\x10\xb97@J900\xf0\x93\x9f\xfc\xe4\xd1G\x1f\x9d\x9a\x9a\xba\xe8\xa2\x8b\xae\xbc\xf2\xcaF\xa3\xc1\xa7\xbet\x8d\xf5\x07\xba\xe6{\x00D\x8e\rP\xdf\x07b\xdb\xb6m\x9f\xf8\xc4\'\xa6?\xea}\xed\xda\xb5w\xdduW\xa3\xd1`\xa7\xba\xc0\xfa\x03\xbd \x00B\xe4\xd2\x00)e\xa9T:z\xf4\xe8\xb9\xe7\x9e\xab\xbe\xe7\x8f\xfa\x97\xc0I\x92\xec\xde\xbd\xfb\xf2\xcb/\x1f\x1b\x1bS\x9f\x07\x896\xb1\xfe@\x8fX\x1c!r\xf9\xf7\x01R\xcaj\xb5\xfa\x87?\xfcall,\x08\x82V\xab\xa5\xfe\xfdW\x18\x86O?\xfdt\xb9\\V/\x0b\xa3M\xac?\xd0;\x02pB&gt;\xffFl\xce\xaf\xf1\xf9\xc2\xbfS\xac?\xa0\x05\xd3\xf3\xb2L\x1b\x10\x04\xc1\xd4\xd4\xd4\xd9g\x9f}\xc6\x19g\xa8\xef\n\xa7\xbe\x1dt\x9a\xa6\xe7\x9dw^\xb3\xd9$\x03mb\xfd\x01]\x18\x9dW\xc8\xae\x01\xeai\x9f%K\x96|\xf6\xb3\x9f\xadT*\xcdfS\xfdk\x80\x1bo\xbc\xf1\x92K.\x19\x1f\x1f\'\x00\xed`\xfd\x01\x8dx\x11x\x0e\xd9\xbd&amp;,\xa5\x1c\x1c\x1c&lt;p\xe0\xc0#\x8f&lt;R\xaf\xd7\xdf\xf6\xb6\xb7]~\xf9\xe5SSS\xfc-\xb4\x83\xf5\x07\xf4"\x00s\xcb\xae\x01i\x9a\xd6j\xb5\xfe\xfe~!D\xb3\xd9\xe4\xcd?mb\xfd\x01\xed\x08\xc0\xbc2m\x80z\xcfO\x10\x04|7\xd0v\xb0\xfe@\x16\x08\xc0BL\xfbLy?\xb1\xfe@Fx\xf2a!&amp;|~\x80\xe7X\x7f ;\x04\xe0\x14h@\x81X\x7f S\x04\xe0\xd4h@!X\x7f k\x04\xa0-4 g\xac?\x90\x03\x02\xd0.\x1a\x90\x1b\xd6\x1f\xc8\x07\x01\xe8\x00\r\xc8\x01\xeb\x0f\xe4\x86\x00t\x86\x06d\x8a\xf5\x07\xf2D\x00:F\x032\xc2\xfa\x039#\x00\xdd\xa0\x01\xda\xb1\xfe@\xfe\x08@\x97h\x80F\xac?P\x08\x02\xd0=\x1a\xa0\x05\xeb\x0f\x14\x85\x00\xf4\x84\x06\xf4\x88\xf5\x07\nD\x00zE\x03\xba\xc6\xfa\x03\xc5"\x00\x1a\xd0\x80.\xb0\xfe@\xe1\x08\x80\x1e4\xa0#\xac?`\x02\x02\xa0\r\rh\x13\xeb\x0f\x18\x82\x00\xe8D\x03N\x89\xf5\x07\xccA\x004\xa3\x01\x0b`\xfd\x01\xa3\x10\x00\xfdh\xc0\x9cX\x7f\xc04\x04 \x134`\x16\xd6\x1f0\x10\x01\xc8\n\r\x98\xc6\xfa\x03f"\x00\x19\xa2\x01\x82\xf5\x07\x0cF\x00\xb2\xe5y\x03X\x7f\xc0d\x04 s\xde6\x80\xf5\x07\x0cG\x00\xf2\xe0a\x03X\x7f\xc0|\x04 \'^5\x80\xf5\x07\xac@\x00\xf2\xe3I\x03X\x7f\xc0\x16\x04 W\xce7\x80\xf5\x07,B\x00\xf2\xe6p\x03X\x7f\xc0.\x04\xa0\x00N6\x80\xf5\x07\xacC\x00\x8a\xe1X\x03X\x7f\xc0F\x04\xa00\xce4\x80\xf5\x07,E\x00\x8a\xe4@\x03X\x7f\xc0^\x04\xa0`V7\x80\xf5\x07\xacF\x00\x8agi\x03X\x7f\xc0v\x04\xc0\x08\xd65\x80\xf5\x07\x1c@\x00LaQ\x03X\x7f\xc0\r\x04\xc0 V4\x80\xf5\x07\x9cA\x00\xccbx\x03X\x7f\xc0%\x04\xc08\xc66\x80\xf5\x07\x1cC\x00Ld`\x03X\x7f\xc0=\x04\xc0PF5\x80\xf5\x07\x9cD\x00\xcceH\x03X\x7f\xc0U\x04\xc0h\x857\x80\xf5\x07\x1cF\x00LW`\x03X\x7f\xc0m\x04\xc0\x02\x854\x80\xf5\x07\x9cG\x00\xec\x90s\x03X\x7f\xc0\x07\x04\xc0\x1a\xb95\x80\xf5\x07&lt;A\x00l\x92C\x03X\x7f\xc0\x1f\x04\xc02\x996\x80\xf5\x07\xbcB\x00\xec\x93Q\x03X\x7f\xc07\x04\xc0J\xda\x1b\xc0\xfa\x03\x1e"\x00\xb6\xd2\xd8\x00\xd6\x1f\xf0\x13\x01\xb0\x98\x96\x06\xb0\xfe\x80\xb7\x08\x80\xddzl\x00\xeb\x0f\xf8\x8c\x00X\xaf\xeb\x06\xb0\xfe\x80\xe7\x08\x80\x0b\xbah\x00\xeb\x0f\x80\x008\xa2\xa3\x06\xb0\xfe\x00\x04\x01pI\x9b\r`\xfd\x01(\x81\x94\xb2\xe8k\x80Nj\xdfGGGW\xae\\\xb9o\xdf\xbej\xb5\xdah4\xb6n\xdd\xbaq\xe3\xc6\xc3\x87\x0f\x87a\xc8\xfa\x03Px\x04\xe0\x9a\x85\x1f\x07\x08!X\x7f\x00\n\x8f\x00\xdc4\xdf\xe3\x80\x1bo\xbcq\xed\xda\xb5\x0f&lt;\xf0\x00\xeb\x0f\x80\x008kV\x03J\xa5R\x92$o\x7f\xfb\xdb\x7f\xf8\xc3\x1f\xaa\x1e\xb0\xfe\x80\xe7\x08\x80\xcbNn@\x1c\xc7\xac?\x00\x85\xd7\x00\\6\xeb\xf5\x808\x8ek\xb5\x1a\xeb\x0f@\xe1\x11\x80\xfb\xa6\x1f\x07\xacZ\xb5j\xef\xde\xbd\x1b6l\xb8\xfb\xee\xbbY\x7f\x00\x04\xc0\x0b\xaa\x01\x87\x0e\x1d\xba\xf7\xde{?\xf9\xc9O\xaa\xbft\xd6\x1f\xf0\x1c\x01\xf0\x85\x94R-\xfe\xf4\x0f\x00x\x8e\xd7\x00|\x11\x04\x81\x942I\x12\xd6\x1f\x80\xc2#\x00\x00\xf0\x14\x8f\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xf5\xff\xfb\xe1\x83%\xda\xb9\t\xd6\x00\x00\x00\x00IEND\xaeB`\x82'</t>
        </is>
      </c>
    </row>
    <row r="329">
      <c r="A329" s="1" t="n">
        <v>327</v>
      </c>
      <c r="B329" t="inlineStr">
        <is>
          <t>color_grid</t>
        </is>
      </c>
      <c r="C329" t="inlineStr">
        <is>
          <t>What is the color of the missing part denoted with a question mark?</t>
        </is>
      </c>
      <c r="D329" t="inlineStr">
        <is>
          <t>['blue', 'green', 'orange', 'purple']</t>
        </is>
      </c>
      <c r="E329" t="inlineStr">
        <is>
          <t>green</t>
        </is>
      </c>
      <c r="F329" t="inlineStr">
        <is>
          <t>There are circles with different colors arranged with a grid formation in the image. The colors in the first row are ['red', 'green', 'red'], the colors in the second row are ['?', 'blue', 'green'], and the colors in the third row are ['red', 'green', 'red'].</t>
        </is>
      </c>
      <c r="G329" t="inlineStr">
        <is>
          <t>We observe that the circles at the corners are red, while the circles directly adjacent to the center are green. Only the center circle is blue. Hence, the pattern is that the circles alternate in color depending on if they are at the corner or adjacent to the center.</t>
        </is>
      </c>
      <c r="H329" t="inlineStr">
        <is>
          <t>Based on the pattern that the circles alternate in color depending on if they are at the corner or adjacent to the center, the missing color of the part that is adjacent to the center should be green.</t>
        </is>
      </c>
      <c r="I329" t="inlineStr">
        <is>
          <t>b'\x89PNG\r\n\x1a\n\x00\x00\x00\rIHDR\x00\x00\x02\x00\x00\x00\x02\x00\x08\x02\x00\x00\x00{\x1aC\xad\x00\x00qhIDATx\x9c\xed\xddy|\x15\xd5\xdd?\xf0\xef9\xb3\xdc%\xfbFnH\xd8\x02I\x80$\x80H\xa0\x02\xa2,\xa2h\xd1Z7\xacP\x8a\x8a\xf4\xd1&gt;V}\xfc\xf9hk\xfbXZkA\xb4\xd4\xd6\xa5Z\xb0UQ\x8a\xa5P\xc5B\xd8\xb4\n\xa2\xa2\x01\x12 !\xac\x01\xb2\xaf7\xcb]g\xce\xf9\xfd1\xe4\x1a\x93\x10\x82\xe4&amp;7s\xbe\xef?|\xd1\xe46\xb9\xf9\xde\xcf\xcc\xf7\xcc\x9933\x84s\x0e\x08!\x84\xc4C\xfb\xfa\r \x84\x10\xea\x1b\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xd8\x00\x10BHPr_\xbf\x01\x11q\xce;\xfd:!\xa4\x97\xdf\x89\x98\xb0\xfe}\x0b\xeb\x1f:\xb0\x01\x04\x17o\x03\x00(\xa5\x81\xffv\xc4\x18\x0b\xfc\x97\xb4\xd1\x8b\xef\xd7l\xb0\xfe}\x0b\xeb\x1f\xe2\xc8\xf9\xba1\xfa\xd6\x8c\xb83\xc6\x08!\x92$u|\x01c\xcc\xe9t\x12r\xae\xf8\xc6?\xacV\xab\xcdf\xeb\xf4\xc5\xc6\x8f\xa2\x94\xe2\xc6\xd0\x1dX\xff\xbe\x85\xf5\xefG\xb0\x01\xf4\x18#\xf4\x9csY\xfe\xfa\xb8J\xd7\xf5\xb2\xb2\xb2c\xc7\x8e\xe5\xe7\xe7\xd7\xd4\xd4|\xb9w\xaf\xa6i\x15\x15\x15\x15\xe5\xe5\xed6\x80\xf0\xf0\xf0\xb4\xb44\xcey\xf6\x981\xf1\t\t\x13&amp;L\x184h\xd0\x90!C\xecv{\xdb\x9f\x06\x00\xb8%t\xaa;\xf5\xdf\xfbek\xfd+*\x08\x01#\xfb\x04\x80\x03\x84\x87\x87\xa7\x8d\x18\xc1\x01\xc6dg\xc7\xc7c\xfd/\x1a\xe6\xbf?\xc2\x06\xd0\x038\xe7\xba\xae\x07r\xaf\xebzqqqnn\xee\xaeO&gt;)&gt;r\xa4\xa4\xa4\xa4\xb1\xb9\xf9[\xfcXU\x96\x93\x93\x933F\x8e\xfc\xce\x15W\xcc\x9e={\xec\xd8\xb1\x81\x8dA\xd34J\xe9\xf9\x0e\xa5Es\xde\xfa\xef\xfa\xe4\xc8\x91#\xa7JJ\x9a\x9b\xbeM\xfd\x15U\x198p\xe0\xc8\x8c\x91W`\xfd\xbb\x84\xf9\xef\xbf\xb0\x01\\\x12cHb\x1c\xe7\xea\xba\xfe\xf9\xe7\x9fo\xdc\xb0a\xf3\xe6\xcdG\x8b\x8b\xbd~\x7f\xdbW\x86[\xada\x8a2&lt;*J\xa24\\Q2cc\xf5\xd6\xcas\x00\x85\xd2\x92\xc6\xc6\xb2\x96\x16\x89\xd2\x93Ng\x93\xcfW\xefr\xb5\xfb]\xc3\x86\x0c\x99&gt;c\xc6M\xdf\xfb\xde\xd5W_\x1d\x19\x19\t\xadc.\x91\x07D\x1d\xeb\xbfa\xe3\x86\xcd\x9b7\x17\x17\x17\xfb}\xdf\xa8\xbf-\xccj\xb5[\x06\x0c\x8e\xa3\x12\xb1\xda-\xc9i\x89\x8c1\x02\x04\x008\xe7\x92"\xd5\x94\xd67T6R\x89V\x9d\xa9\xf54{\x9b\x9c-\xed~\xd7\xd0\xa1Cf\xcc\x98q\xd3MX\xff\xafa\xfe\xfb;l\x00\xdf\x92\xae\xeb\x81\xe4\x9d={v\xed\xda\xb5k\xdezk\xff\x81\x03\x81\x17\x10J\x07EDd\xc7\xc7g\xc5\xc7g\xc5\xc5\xa5\xc5\xc4D\xa8j\x9c\xcd&amp;\x11B\x00\x94\x0es\xa3\x1ac:c\x84\x90:\x8f\xa7\xc5\xef?\xde\xd0PXWWX[\xbb\xbf\xba\xfadc\xa3\xc7\xe7\x0b\xbcr\xc8\xa0A\xb7\xdfq\xc7\xfc\x05\x0b\xc6\x8c\x19\x13x3\x9dN\xb6\x9aX\xc7\xfa\xbf\xb5\xe6\xad\x03\xfb\xbf\xae?%4n`\xf4\xa0\x8c\xa4A\xe9\x8e\x94t\x87ch\xbc-\xc2\x1a\x1e\x1df\xfc\x9f$E\x06h\x9b|\xc2t\xc6t\x06\x04\x9a\xeb]^\xb7\xaf\xeat\xed\xd9c\x95e\xc7\xaaJ\nK\xabO\xd7y\xbd_\xd7\x7f\xf0\xe0\xc1\xb7\xdfq\xfb\x82\xf9X\x7f\xcc\x7f\xbf\x87\r\xe0\xa2\x19\x13\x9dF\xe0&gt;\xfd\xf4\xd3U\xabV\xfds\xfd\xfa\x06\xa7\xd3\xf8n\xb4\xcd6&amp;&gt;~ZJ\xca\x15\x03\x07\x8e\x88\x8e\x8e\xb7\xd9dJ\xfd\x8c\xf9t]g\xcc\xcf\x18\x00\xf0\xceV\xc2\x05\x96;\xc8\x94RB,\x92\xa4P\xca\x01\x9c^\xef)\xa73\xaf\xaaj\xe7\x993\x07\xaa\xab\xcf\xb4\xfe"U\x96\xaf\x9e1\xe3\xfe\xfb\xef\x9f3g\x8e\xaa\xaa\xc6hH\x84\xcd\xa0c\xfd\xd7\xffs\xbd\xb3\xe1\\Y\xc2#\xed\x83F&amp;\x8d\x9a\x98\x9a6~\xa8ch|xL\x98$Q]g\x9aOc\x8c\xeb\x9a\x0e\xbc}\xfd\x8ds\x00\xc4\x98\x8c\x06\x90dJ)\x91UY\x92%\xce\xb9\xbb\xc9S}\xb6\xee\xd4\xc1\xd2C{\x8e\x96\x14\x96\xd7\x94\xd5\x19\xff/EU\xa6_=\x1d\xeb\x8f\xf9\xef\xd7\xb0\x01\\\x84\xb6s\x9d;v\xecX\xbel\xd9\xd6m\xdb\xce}\x8f\xd2\x89\x0e\xc7\xb5C\x86\xdc8b\xc4\x90\xc8H\x85R\xbf\xae{t\xdd\xcf\x18\xe7\x9c\x10B\xa1\xbb\xeb\x9c9\x9c\xdb&gt;\x18\xe7\x84\x10\x89\x10\x8b$Yd\x99s^\xedv\xe7\x9e&lt;\xb9\xf9\xd4\xa9\x8fKK]^\xaf\xf1\xfa\xec\xac\xac\x87\x1fyd\xd1\xa2E\xf0\xcdq\x99\xf9\xb4\xab\xff\xb2\xe5\xcb\xb6m=W\x7f\x02d\xf8\xb8\xc1c\xae\xcc\xb8\xfc\x9a\xcc\x84\xe4XI\xa6\x9a_\xf7\xfb4c\x8f\x0f\xc4\xa8}w?\x00n|\x00\xc6\xcaE\x89*\x16YVd\xceyS]K\xfe\xc7E\xfb?**\xfa\xe2\x84\xc7\xddZ\xff\xec\xec\x87\x1f~X\xc0\xfac\xfeM\x00\x1b@w\x19\xb3\x8d\x00P\\\\\xbcl\xd9\xb2\xd7W\xaf6\ngU\xd5\x9b\x87\x0f\xbfs\xe4\xc8\t\x0e\x87]\x96[\xfc~\xaf\xae\x1b\xa1\xef\xa95\xcc\xac\xf5CR(\rW\x14\x06p\xb8\xb6\xf6\xbdc\xc7\xde,,\xacl=\xbd6k\xd6\xac\xc7\x1f\x7f|\xe6\xcc\x99`\xd2#\xe2v\xf5_\xfd\xfajc\n\xc7bU\'\xcc\xce\x9a|\xe3e\xa9\xd9\x83T\x9b\xeau\xfb4\xaf\x16\xa8?\xf4\xc4\x07\xc0\x19\xe7\x9c\x03\x01Y\x96,v\x0b\xe7\xbc\xf4h\xe5\x97\xdb\x0f\xee\xda\xf0UCu\xa3\xf1\x1a\xd1\xea\x8f\xf97\x07l\x00\xdd\xa2i\x9a,\xcb&gt;\x9fo\xf9\xf2\xe5\xcf?\xf7\\}C\x03\x00D\xdbl?\x189\xf2\xfbii\x97\'&amp;\xfa\x19k\xf1\xf9t\xce\xa5`^\xbab\x0c\x8b\x00\xc0.\xcbvE9\xd1\xd0\xb0\xf1\xd8\xb15EE\xc7\xea\xea\x00\x80\x00,\xba\xfb\xee_\xff\xfa\xd7\x03\x07\x0e4\xd9P\xe8\x1b\xf5\x7f\xfe\xb9\xfa\xfa\x06\x00\x08\x8f\xb4O\xbe\xe9\xb2\x89\xd7\x8d\x19\x96\x95\xa2k\xcc\xe3\xf2r\xc6\t\r\xe6\xa5C\x1c\x18c@\xc0bUU\x9bRu\xban\xef\xd6\x82\xdd\xff\xca\xab8Um|\xffn\x11\xea\x8f\xf97\x11l\x00\x17`\\\x97H)\xdd\xbd{\xf7\x8f\x7f\xfc\xe3\x83\x07\x0f\x02\x80EQn\x1e&gt;\xfc\x81\xcb.\x1b7`@\xb3\xcf\xe7\xd24\x02@{1m\x8cs\xc6\xb9E\x96\xa3T\xb5\xac\xa5\xe5\xb5\xfc\xfc7\x0b\x0b\xab\x9a\x9b\x01 q\xc0\x80\xdf&lt;\xfd\xf4\xbd\xf7\xde\x0b\xa6\x18\nuZ\x7f\xd5\xa2N\x98\x9d9\xfb\x87S\x87\x8c\x1e\xe8i\xf1\xf9\xdc&gt; \x84\xd2\xde\xab?\xe7\x9c1\xae\xa8\xb2=\xc2Z_\xd9\xb8s\xedg\x9fl\xf8\xd2Y\xd3\x04\x00\x89\x89\x89\xbf\xf9\xcdo\xcc]\x7f\xcc\xbfi`\x03\xe8J @O=\xf5\xd4\xef\x9ey\xc6\xeb\xf3\x01\xc0\xd4\x94\x94\'&amp;N\x9c\x9a\x92\xd2\xe2\xf7\xb7\xf8\xfd\x12!\xbd\x19\xfd\xb68\x80\xce\x98*IQ\x16\xcb\xf1\x86\x86e_|\xb1\xee\xe8Q\xae\xeb\x000o\xde\xbc?\xfd\xe9Oqqq\xc6\xd8\xadO\xde\xde\xa5k[\xffg\x9ey\xc6\xe7\xf3\x01\xc0\xc8\x9c\xd4\x9b\xfekfF\xce0\xaf\xdb\xefuy)\xa5\xa4\x17w\xfdmq\xce\x99\xceeU\xb2G\xd8*Kj\xde\xff\xf3\xce\xcf&gt;8`\xec1\xcdW\x7f\xcc\xbf)a\x038/#\xfd\xe5\xe5\xe5\x8b\x16-\xca\xcd\xcd\x05\x80H\xab\xf5\xb1\t\x13\x16\x8f\x19\x03\x00M&gt;\x1f\xed\xbb\xe8\xb7el\x06VY\x0eW\xd5\x7f\x9f8\xf1\xe4\xae]\'\x1a\x1a\x00 ==}\xf5\xea\xd5S\xa6L\xe9\xa7\xe3\xa0\x8e\xf5\xb7G\xd8\xe6.\x99&gt;c\xdew\x80\x10w\xb3\x87\x12\xd2W\xbb\xfe\xb68\x07\xa63\xd5*[\xed\x96}\x1f\x16\xae{ns\xe5\xe9\x1a0c\xfd1\xff\xe6\x83\r\xa0s\xc6\xc0a\xf7\xee\xdd\xb7\xdf~{YY\x19\x00Lp8\xfe0cFf||\x9d\xdb\xcd\x01\xa4\x10\x88~[\x9cs\x9d\xf3\x18\xab\xb5\xde\xe3\xf9\xc5\xee\xdd\xef\x14\x15\x01\xe7\x16E\xf9\xc3\x1f\xff\xb8d\xc9\x92~7%\xda\xb1\xfe\xc3\xc7\x0c\xfe\xe1/\xbf7(\xdd\xd1\xectq\x0e\xbd9\xe1\xd3\x1d\xc6\xa4PX\xa4\xad\xa5\xd1\xfd\xees\x9bw\xbf\x97\x07\x00\xaa\xaa\xbe\xf0\xc2\x0b\xe6\xa8?\xe6\xdf\x94\xb0\x01t\xc2H\xffk\xaf\xbd\xf6\xc0\x03\x0f\xf8\xfd~\xa0\xf4\xde\xcc\xcc\xff\x9b2E\xa1\xb4\xd9\xe7\x93C\xf8\x02t\x8d1U\x92\xc2UuuA\xc1\xaf\xf6\xeci\xf2z\x01`\xc9\x92%\xaf\xbc\xf2J?\xda\x06\xda\xd5\x9f\x00\x99~\xc7\xa4[\x1e\xbaV\x92\xa9\xa7\xc5\'\xc9\xa1[\x7f\xa63Y\x91-a\xeaG\xeb&gt;\xff\xe7\x1f\xb6\xb9\x9a\xdd\xd0\xff\xeb\x8f\xf971l\x00\xed\x05\xd2\x7f\xdf}\xf7\x01@\xb8\xc5\xb2t\xf2\xe4{\xc7\x8c\xa9s\xbb\x8dE\x0e}\xfd\x06/\x80s\xae\x03\x0c\xb0\xd9v\x95\x96\xde\xbf}\xfb)\xa7\x13\x00\x16/^\xfc\xea\xab\xaf\xf6\x8bm\xa0]\xfdma\xd6[\x1f\xbev\xc6\xbc\xef47\xb8\x18\xe3\xa16\xf0\xef\x88s\xce\x19\x8f\x8c\x0b/\xda{b\xf5/\xd6W\x9f\xad\x83\xfe\\\x7f\xcc\xbf\xb9a\x03\xf8\x86v\xe9\x8f\xb6Z\xd7\\\x7f\xfd\x95))U.\x97\x14\xfa\xfb\x9e6\xfc\x8cE[,5n\xf7\xbc\xf7\xdf?P]\r\xfdd\x1bhW\xff\xb0H\xdbOV\xce\x1f91\xd5Y\xd3,I\xb4G\x16\xf5\xf7\x0e]\xd3\xed\x91\xb6\xa6\xba\x96\x17\xfe\xfb\x8d\x92\xc22\xe8\x9f\xf5\xc7\xfc\x9b\x1e6\x80\xaf\xb5K\xff\x98\x84\x84Wf\xcfN\x8b\x8en\xf0z\x95\x10&gt;\xec=\x1f\x8d1\x9b\xa2x5\xed\x7f?\xfe\xf8\xdd#G \xe4\xb7\x81v\xf5\x1f2r\xe0=\xbf\xbd\xcd14\xde\xd5\xe8\x96\xe4\xfew\x12O\xd7\x99\xc5\xaa\xf8\xbd\xda\xdb\xcb6}\xf6\xc1~\xe8o\xf5\xc7\xfc\x8b\x00\x1b\xc09\x1d\xd3\xbf\xee\xc6\x1bc\xad\xd6F\xaf7\x94\'=\xbb\xa6s\xaeRjW\x94\x07\xb6o_[T\x04\xad\xdb\x80\xf1\x84\x8d\x90\xda\x06:\xee\xfd\x7f\xfa\xe2\xc2\xf0h\xbb\xab\xd9#I\xfd\xb5\xfe\x8cqY\x91T\xab\xf2\xfa/\xd7\x7f\xfa\xfe&gt;\xe8?\xf5\xc7\xfc\x0b\x02\x1b\x00@\xeb\x8a\xb7@\xfa\xb3\x13\x12\xde\xbd\xf1\xc6(Um\xf1\xfb\xfbo\xfa\r\x8csJH\xb8\xaa&gt;\xb0}\xfb\xdf\xdbl\x03!\xb56\xae]\xfd\x07\x8f\x1c\xf8\xd0\x8b\x0b\xed\x11V\x8f\xdb\xd7\x7f\xf7\xfe\x06\xe3\xe2dk\x98e\xf5/\xd6\xef\xd9\xf4u\x0f\x08\xe5\xfac\xfe\xc5\x81\r\xe0\\\xfa\xf7\xec\xd93u\xca\x14\xc6y\x94\xc5\xb2\xe5\xd6[\x87GG\xf7\xeb\xb1O[\x8cs\x89R\x85\xd2\xeb\xd7\xaf\xdf_U\x05\x00\xbf\xff\xfd\xef\x1fz\xe8\xa1\x10\xb9F&amp;P\xff)S\xa7p\xc6\xed\x11\xb6\xc7\xffv\x9fcH|\xbf\x1e\xfb\xb7\xc5\x19\xa7\x12\x95\x14i\xd9\x8f^=u\xb8\x14B\xb5\xfe\x98\x7f\x01\x89\xde\x00\x8c\x83\xc1\xaa\xaa\xaa1c\xc6TUU\xd9\x15e\xdd\xdc\xb9\x93\x92\x92\x9cfI\xbf\x81q\xaeHR\x8b\xdf\x7f\xd3\x86\rG\xea\xeb\x81\xf3\xad[\xb7^s\xcd5}&gt;\x0ejW\x7f\x8bM\xfd\xe9\x8b\x0bG\x8c\x1b\xecj2\xc9\xde\xdf`\xcc\x05y]\xbe\x15\x8bW\x95\x9d\xa8\x06\x08\xd1\xfac\xfeEc\x9e\xcf\xf8\xdb1.\xdc_\xb0`AUU\x15\x00\xfcz\xca\x94i))\r\xe6J?\x00PB\xbc\x9a\x16o\xb5\xbe8kV\xb4\xaa\x02\xc0\x82\x05\x0b*++)\xa5F\x05\xfaJ\xbb\xfa\xdf\xf6\xc8\x9cQ\x13S]\x8d\xa6\xda\xfb\x03\x00\xa5\xc4\xef\xd3"b\xec\x8b~}\x8b=\xc2\n\xa1Z\x7f\xcc\xbfhL\xf51_,\xe3\x18p\xe9\xd2\xa5\xdb\xb6m\x03\x80EYY\xf7\x8d\x1d[\xe9r\xf5\xc75\x0f\x17$SZ\xef\xf5Nt8\x9e\x996\r\x00*++\x17,X\x10x0w\x9fhW\xff\xabo\x9b8\xeb\x07W8k\x9aC\xf9R\xafoM\x92hs\xa3{\xc4\x98\xc1w\xfe\xefw!$\xeb\x8f\xf9\x17\x90\t?\xe9nb\x8c\xc9\xb2\xfc\xd9g\x9f=\xfd\xf4\xd3\x00p\xd9\x80\x01\xbf\x9e:\xb5\xd6\xed6\xd9\xd8\xa7-\x85\xd2J\x97\xeb\x07\xa3F-\xca\xca\x02\x80m\xdb\xb6\xad\\\xb9R\x92$\xe3\xc9\xae\xbd\xac]\xfd\x87\x8eN\xbe\xfd\x7f\xaeo\xaao\xa1\x92i\xd7f\xc8\xb2\xe4\xacm\x9er\xd3\xf8\xabo\x9b\x08!V\x7f\xcc\xbf\x98\x04m\x80\xc6\x03\xe4t]\xcf\xce\xca*&gt;z4\\Uso\xbduxt\xb4qw\xc3\xbe~wAd&lt;\xfbP\xa1\xf4\xda\x7f\xfc\xe3`m\xadD\xe9\xa1C\x87\xd2\xd3\xd39\xe7\xb4\x17\xb7\xfc@\xfd\xb3\xb2\xb3\x8e\x16\x1f\xb5\xda-O\xbc\xb1\xc41$\xde\xe3\xf6\xf5\xab\xeb\x8d.\x9a\xf1\xa4\x14I\x96\x9e\xf9\xe1+g\x8fV\xd2\xbe\xae?\xe6\xbfO\xea\x1f:D\xfc\x9b\x01\xc0x|\xe8\x8a\x15+\x8a\x8f\x1e\x05\x80\xc7rr\xb2\xe2\xe3\x9b|&gt;s\xa7\x1f\x00\x08\x80\xce\xb9"I\xcb\xa6M\xb3H\x12\xd3\xf5\x07\x1f|\xb0\xf7\x0f\x84\x03\xf5?Z|\x14\x00\xe6.\x991(\xc3\xe1n\xf1\x9a{\xef\x0f\x00\x84\x10\xc6\x98\xacH?xb\xae\xacH:\xeb\xe3\xfac\xfe\xfb\xa4\xfe\xa1C\xc4\x06`&lt;\xdc\xee\xf8\xf1\xe3\xcb\x97/\x07\x80III?\x1e7\xae\xd6\xed6\xe5\xd4gG\x12!N\xaf\xf7\xcaA\x83\xee\xcd\xce\xe6\x00[\xb7n}\xf7\xddw{\xf3@\xb8]\xfdG\x8c\x1br\xcd\xfc\xc9\xcd\xf5.SN\xfdwD)u5yF\xe6\xa4N\xbf\xe3;\xc0\xfb\xbe\xfe\x98\xff^\xae\x7fH\x11\xe2#o\xc78\x0c_\xbat\xa9\xd3\xe9\xb4\xca\xf2/\xae\xb8\x02\x8cGQ\x0bC\xa6\xb4\xc1\xe3yp\xfc\xf8a\xd1\xd1\x94\x90\'\x9f|\xd2\xe7\xf3\xf5\xda8\xa8m\xfdU\x8b\xf2\xfd\xff\x9e\r\x82\r\xc0\xa8D]\x8d\xee9\x8b\xae\x1c0(\x8e\xf4i\xfd1\xff\xbd\x9f\xff\x90"\\\x030V\xfe~\xfc\xf1\xc7k\xd6\xac\x01\x80\x1bRS\xa7\xa5\xa44z\xbd\xa6?\xf8m\x8b\x00\xf8t\xdd\x11\x16\xf6\x93q\xe3\x18\xe7\xc5\xc5\xc5+V\xac\xe8\x9d%q\xed\xea\x7f\xd9\xf4\xd1\xa3&amp;\xa5\xba\x9a\xcd?\xf9\xd3\x16!\xe0\xf7\xebQ\t\x11\xb3\x7f8\x95\xf7i\xfd1\xff\xbd\x9c\xffP#\\\xd33&gt;\xe3Y3g~\xf8\xd1G1V\xeb{7\xdf&lt;&lt;:\xda\xa3i\xa1\xf0l\xa3\xdeG\x08\xb9i\xc3\x86\x03\xd5\xd5\xb1\xb1\xb1\x87\x0f\x1fNHH0\xbe\x18\xbc\xdfh\xd4\x7f\xe6\xac\x99\x1f}\xf8Qx\x94\xfd\xd1\xbf\xdc\x938$\xde\xef\xf5\x0bzc\x16B\x9e[\xbc\xaa\xa4\xb0\xac\x97\xeb\x8f\xf97\xf4~\xfeC\x8dXG\x00\xc6\x8d\x00\xf3\xf2\xf2&gt;\xfa\xe8#\x00\xb8-=\xfd\xb2\x01\x03Z\xfc~1\xd3\xaf1\x16\xa9\xaa?\x1d?\x9es^[[\xfb\xd6[o\x11B\x82:\x13\xda\xae\xfe\x93\xae\x1f;43\xd9\xeb\xf2\t\xb5\xc9\x05\xe8:\xb3\x87[\xae[4\xad\xaf\xea\x8f\xf9\xef\xe5\xfc\x87 \xb1\x1a\x80\xe1\xa5\x17_\xe4\x00\x16Y\xbe=#\xa3\xc9\xec\xeb\xde\xba S\xea\xf4z\xa7\r\x1a4"&amp;\x86\x10\xb2z\xd5*\xb7\xdb-IR\xb0\x0f\n_|\xe9E\xe0\xa0\xa8\xf2wn\x18\xe7i\xf6\x9ax\xe1\x7f\xd7$\x89\xba\x9b&lt;\xa3&amp;\rO\x1a\x9a@\x08Y\xb5\xba\x97\xea\x8f\xf97\xf4U\xfeC\x8a@\r\x80sn&lt;\xe4\xfa\xddw\xdf\x05\x80\x9bF\x8c\xb8\xdc\xe1p\xf9|b\x0e\x7f\x0c\x1acq6\xdb\x7f\x8d\x1d\xcb9?t\xf8\xf0\x8e\x1d;\x8cu\x8a\xc1\xf8]\x81\xfa\xff\xe3\xdd\x7f\x00\xc0\x84k\xb2R\xc7\x0c\xf2\xba\x05\x1d\xfe\x1b4\x9d\x85G\xdbg\xde5\x99s~\xf8P/\xd5\x1f\xf3\x1f\xd0\x9b\xf9\x0fM\x025\x00\xe3\xe0\xee\x9dw\xdeini\x91(\xbdk\xd4(\x8d1\x108\xfd\x00 Q\xda\xe8\xf5~w\xf8\xf0\xa4\x88\x08B\xc8\xab\xaf\xbe\nA\x9b\x03\xfd\xba\xfe\xcd\xcdT\xa2S\xbew\xb9\xee\xd7\x05\xaf?\xa5\xc4\xd3\xec\x19?st\xec\x80\xa8\xde\xab?\xe6\xbfUo\xe6?4\t\xd4\x00$I\xf2\xf9|\x7f}\xfduB\xc8\xb8\x01\x03r\x1c\x8ef\x01\xae|\xe9\x9a\xb1\x1c"1,lnj*\xe7|\xc7\x8e\x1dG\x8f\x1e\r\xd2r\x08\xa3\xfe\xaf\xff\xf5uB\xc8\xd0Q\xc9\xc3\xc7\x0c\xf6\xb8\xc4Z\xfc\xd3\x11!\xc4\xef\xd7\xa3\xe2#\xc6\xcf\xca\xec\x9d\xfac\xfe\xdb\xea\xcd\xfc\x87&amp;Q\x1a\x80\xae\xeb\x84\x90\xbc}\xfb\x0e\x1e:\xc49\xbfn\xe8P\xbb\xa2\xe8"M\xf6\x9d\x0f!\xc4\xaf\xebs\x86\r\xa3\x94\xba\\\xae\x8d\x1b7B\xebZ\x91\x1ed\xd4\x7f_\xde\xbeC\x07\x0fq\xce\xc7^5\xd2bW\x18\xc3\xfa\x03!D\xf7\xebc\xaf\x1a\xd9\x0b\xf5\xc7\xfcw\xd4;\xf9\x0fY\xa24\x00\xe3\xc4\xce?\xd7\xaf\xe7\x9cG\xdbl\xdf\x1b1\xa2\xc5\xef\x97\xc4\xb8\xf4\xb1k\x12!\xcd&gt;\xdf\xa4\xa4\xa4\xcb\x1d\x0eB\xc8\xc6\r\x1b\x8c+E{\xf6\xb7\x18\xf5_\xff\xcf\xf5\x9c\xf3\xf0(\xfb\x84\xd9Y\xde\x16\x93\xdf\xf6\xa7\x9b(%^\x97w\xc4eCR\xb3\x07\x11B6l\x0cb\xfd1\xff\x1d\xf5N\xfeC\x96(\x7f\xa7q\xfc\xfb\xc1\xa6M\x00\x90\x19\x1774*\xca\xabi\xb8\xfb1\xe8\x9c\x87)\xca\xd4\xa4$\xcey^^\xde\xb1c\xc7z\xfc(\xd8\xa8\xff\xa6\x0f6\x01@J\x9a#!%\xd6\xef\xd3\x84\x9al\xed\x82\xce\xb8\xc5\xa6\xa4_&gt;4\xd8\xf5\xc7\xfcw\xaa\x17\xf2\x1f\xb2\x84h\x00\xc6c\x8fN\x9c8q\xfc\xf8q\x00\xb8*9Y\xa1\x94\xe1\xf1o+B\x88W\xd7\xa7\xa6\xa4H\x94z\xbc\xde\xdd\xbbwC\x8f\x1e\x05\x07\xea\x7f\xe2\xf8\t\x00\x1891UR\xb0\xfe_#\x84h&gt;=cb\xaa$Q\xaf\'\x88\xf5\xc7\xfcw*\xd8\xf9\x0fe\xa24\x00\x00\xd8\xbcy\xb3\xd7\xe7\x93(\x9d\x9c\x9c\xecc\x0c\x87\x9f\x01\x94\x10\x8f\xa6e\xc7\xc7\'ED\x00\xc0{\xef\xbd\x07=\xba\x16\xe2\xeb\xfa{\xbd\x92D\xd3.\x1f\xaa\xfb\xb1\xfe_#\x04\xfc\x1e\xff\xe0\x8c\xa4\x98\x01Q\x10\xd4\xfac\xfe;\x13\xec\xfc\x872!\x1a\x80\xf1Y\x1a\x8d\xdd\x11\x111B\xe0k\xdf;E\x00\xfc\x8c\xc5\xd9lY\xb1\xb1\x00\xb0//\xcf\xe5r\xf5\xe0\x151m\xeb\x1f\x9d\x10\x9544\xc1\xef\xf1c\xf9\x03\x08!\x9a\xce"\xa2\xed)\xe9\x0e\x00\xc8\xdb\x17\xc4\xfac\xfe;\nv\xfeC\x99\x10\r\x80R\xea\xf3\xf9\n\x0f\x1f\x06\x80\xb1\xf1\xf1\tv\xbb\x9f1\x8c\x7f[\x9cs\x89\xd2\xef$%\x01@ee\xe5\x993g\x00z\xec\x1e\x9dF\xfd\x0f\x17\x1e\x06\x80!\xa3\x92"c\xc34\x1dG\xa0\xdf\xc09\'\x12\x1dq\xd9\x10\x00\xa8\xaa\xac\nF\xfd1\xff]\x08j\xfeC\x99\xf9\x1b\x801\x01Z^^~\xba\xa4\x04\x00\xb2\xe3\xe2dJE\xf8h/\n!\xc4\xcfXV|&lt;%\xc4\xe3\xf5\xe6\xe7\xe7C\x0fm\x00_\xd7\xff\xf4i\x00H\xc9H\xa22\xd6\xbf=B\x88\xae\xb1\x94t\x07!\xc4\xe3\xf1\x04\xa5\xfe\x98\xff\xf3\x0b^\xfeC\x9c\xf9\x1b\x80\xf1)\x9e&lt;y\xb2\xd9\xe5\x02\x80\xd1qq\x1aN\x80v@\t\xf1i\xda\xb0\xa8\xa8H\x9b\r\x00\n\x0b\x0b\xa1\x876\x80@\xfd[\x9a[\x00 9-Q\xc7\xe1\x7f\x07\x84\x80\xee\xf3\x0f\x18\x14\x17\x16\x11\xac\xfac\xfe\xbb\x10\xbc\xfc\x878Q\x1a\x80\xd1\xd2#\xac\xd6\xf4\x98\x18\xaf\xae\xe3\x06\xd0\x0e\x01\xf01\x96\x18\x166,2\x12\x00\x0e\x16\x14@\x0f\x9d\x07k[\x7f{\xb8-iX\x82\xe6\xd5\xb0\xfc\xed\x10B4?\x8bN\x88\x180(\x0e\x00\n\x0e\x06\xa5\xfe\x98\xff\xf3\t^\xfeC\x9c\xf9\x1b\x80\xa1\xa2\xa2\x02\x00\xec\x8a\x12i\xb1\xe8\x9c\x9b\xff\x83\xbdx\x9cs\xab,\xc7X,\x00PYYi&lt;7\xaa\xa7~\xb8Q\x7f\x8bU\xb1\x85[\x99n\xfe\x81\xd5\xb7\xc09WT9,\xca\x06A\xab?\xe6\xbf\x0bA\xcd\x7f\xc82\x7f\x030.\xea\xdb\x97\x97\x07\x00\xc3\xa3\xa2\xe2l6\xbf\xae\x9b\xff\x83\xbdx\x8cs\x99\xd2\xac\xf8x\x008r\xe4HCC\x03\xed\x89\xc9b\xa3\xfey\xfb\xf2\x00`\xc0\x90\xf8\xc8\x980]\xc3\x11h\'\x18\xe7\x92L\x8d\x85@\xc5G\x8a{\xb6\xfe\x98\xff\x0b\nR\xfeC\x9c\xf9\x1b\x80!\xf0A\xe2\xea\xb7.\x10\x00\xa3:L\xd7%I\xea\xc1\x9fl\xd4\x9f\x00\x10\xbc\xfdC\x17\xc8\xb9i\x07\x9d\x05\xa5\xfe\x80\xf9\xefR\xf0\xf2\x1f\xb2\xcc\xdf\x00\x8ce\x15\xa5\xa5\xa5\x00\x10\xa5\xaa\xb8\x01t\x81s\x1ee\xb1\x00@\x8b\xcbeT\xec\xd2G@m\xebo\x8b\xb0\xe2\xd8\xbf\x0b\x9cs[\xa4\x15\x00\\-A\xa9?\xe6\xbfk\xc1\xc8\x7f\x883y\x030&amp;\xf2\\.\xd7\xd93g\x00`t\\\x1c^\x04\x7f&gt;\x84\x10\x8d\xf3\xcc\xb88\x00p\xb9\xddg\xcf\x9e\x85K\xde\x00\xbe\xae\xff\xd9\xb3\x00\x90\x9c\x96\x887\x818\x1fB\x08\xd3yrZ"\x00\x04*\xd6c\xf5\xc7\xfc_H0\xf2\x1f\xfaL\xde\x00\x0c\x84\x10EQ\x00\x00\xa3\x7fA\x81[\x04\x1b\x15\xeb\x11\x81\xfas\xbc\xff\xf3\x85\x04J\x14\x8c\xfac\xfe/(\x18\xf9\x0feB4\x00\x10\xa0\x93\xf7\x94\xc0\x04A\xcfV\x0c\xeb\x7f\xb1\xb0\xfe}"H\xf9\x0fY\xa24\x00\x84\x10B\xed\x88\xd2\x00\x8cs\x8fB\xf4\xf4K\x13(Q\xcf\x9e\xad=W\x7f1FU\x97"P\xa2\xa0\xd4\xbf\x07\x7f\xa2I\x05)\xff!K\x88\x06\xc09\xd74\r\x00\x14|\x06\xd5\x85(\xad\xcfB2*\xd6#\x02\xf5\x97\x15!\x96\xd6]\x8a@\x89\x82Q\x7f\xcc\xff\x05\x05#\xff\xa1\xcc\xfc\r\x80s\xae(JTt4\x00\x9446\xfa\xf1F(\xe7G\t)il\x04\x00EQ\xa2\xa2\xa2\xa0\'\xc6A\xe7\xea\x1f\x15\x05\x005g\xeb\x19\xde\x08\xe8\xfc\x08%5g\xeb!\x18\xf5\xc7\xfcwC0\xf2\x1f\xe2L\xde\x00\x08!\x9c\xf3\x88\x88\x88\x8c\x8c\x0c\x008\xdd\xd4\xa4\xe1u\xf0\xe7\xc19\x97\x089\xd5\xd8\x08\x00\xd1\x91\x91\xe9\xe9\xe9p\xc9\x1b@\xbb\xfa\xd7\x9450\r\xeb\xdf9\xce9\xa5\xa4\xa6\xb4\x01\x00\xa2\xa2\xa3\x82Q\x7f\xcc\x7f\x17\x82\x91\xff\xd0g\xf2\x06\x10\xe0\xf3\xf9\x00\xc0"Ix!L\xd7\xac\x92\x04\x00\xba\xae\xeb\xba\xde\x83?\xd6\xa8\xbf\xa2Jx%p\xd7\x14\x8b\x0cA\xab?\xe6\xff\x82\x82\x94\xff\x90e\xfe\x06`&lt;\x0fo\xec\xd8\xb1\x00p\xb2\xb1\xb1\xd6\xe5\x92)\xc5\xb3a\x1d\x19\xb7D?\\W\x07\x00iii\x91\x91\x91=r?\xac\xb6\xf5\xaf:[\xd7T\xdf"\xe1\xf3\x00:c&lt;\x12\xa0\xf4h%\x04\xad\xfe\x98\xff.\x04)\xff!\xce\xfc\r\xc0\xe0HJ\x02\x80F\xaf\xb7\xd9\xef\x97\xcc\xfe\xa1~;\x14@c\xac\xc6\xed\x06\x80\x84\x01\x03dY\xee\xc1\xddt\x92#\t\x00\xdcM\x1e\x8f\xcbK\xa9(\xa9\xbb(\x04@\xd7XS}\x0b\x00$$$\xf4l\xfd1\xff\x17\x14\xd4\xfc\x87,\xf3o\x8aF\x0f\x1f3f\x0c\x004z&lt;\xa7\x9cNU\x96\xf1\x92\xc8v8\x80,I5.WIS\x13\x00dfeA\xeb\xe0\xf1\x12\xb5\xad\x7fK\xb3\xbb\xeaL\xad\xa4JX\xfev8\xe7\xb2,5\xd5\xb5\xd4\x94\xd6\x01@VfP\xea\x8f\xf9?\x9f\xe0\xe5?\xc4\x89\xd2\x00\x86\x0e\x1dj\xb5X\x18\xe7\x87jk\x15\x01\xee\xf2z\xb18\xe7\x16I*il\xacu\xb9\x00\xc08g\xd8#\x02\xf5\xb7X-\x9c\xf1\xd2\xa3U\x92,\xc4\xe3\xb6/\n\xe7 Y\xe4\xea\xd2\xba\xc6\xfa\x16\x08N\xfd1\xff]\x08^\xfeC\x9c@\r \xc9\xe1\x00\x80C\xb5\xb5\x1c\x17Bt\xc08W(-\xaa\xab\xd3t]\x91\xe5q\xe3\xc6A\xeb\xad\xe4/\xd1\xd7\xf5OJ\x02\x80\xd2\xa3\x15\x80\xf5\xef\x80s.\xcb\xb4\xfcx\x95\xae\xe9\xb2\x12\x9c\xfac\xfe\xcf/x\xf9\x0fq\xe6\xff\x0b\t!\x8c1\x9b\xcd\x961j\x14\x00\xec\xab\xaen\xf0ze\x01&gt;\xda\x8bb\xec\x11&gt;+/\x07\x80\xd8\xd8\xd8\xd4\xd4T\xe8\xa15p\x81\xfa\x8f\xcc\x18\t\x00\xa7\x0e\x95\xba\x1a=\x92D\xf1\xba\xd4\xb6\x8cB\x1f\xdbW\x02A\xab?\xe6\xbf\x0b\xc1\xcb\x7f\x88\x13"\x07\xc6\\^NN\x0e\x00\x9cv:O64Xd\xd9\xfc\xd3{\x17C\xa6\xd4\xe9\xf5\xee\xaf\xa9\x01\x80\xd1\xa3GGDD\xb0\x9e\xbbb\xa8m\xfd\xabK\xeb+\xcf\xd4\xca\x16\x05\'!\xda\xe0\x92D]M\x9e\x92\xc22\x08r\xfd1\xff\x9d\nj\xfeC\x99\x10\r\xc0\xf8 \xe7\xcc\x99#K\x92W\xd3\xbe\xaa\xac\xb4H\x92\x08gx\xba\x89\x01Xd\xf9X}\xfdi\xa7\x13\x00\xe6\\\x7f=\xa5\xb4\x07\xeb\x13\xa8\xbf$K~\x9f\xffd\xc1YE\x95\xb0\xfc\x01\x9c\x83bQ*N\xd5T\x97\xd5\x03\xc0\xf5s\x82U\x7f\xcc\x7f\xa7\x82\x9d\xffP&amp;D\x030\xe6\xf2\xc6\x8e\x1dkLC\xef8}\x9a\t\xb0\xc2\xb7\xfb\x18cVY\xfe\xb8\xb4\xd4\xabi\x94\xd2\x993gB\x8f\x1e\xff\xb6\xab\xff\xa1O\x8fr\xc6\tN\x01\xb5b\x8c+\x16\xb9h\xef\t\xbf\xd7\xdf\x0b\xf5\xc7\xfc\xb7\x13\xec\xfc\x872!\x1a\x00!D\xd7u\xbb\xdd&gt;s\xd6,\x00\xc8\xaf\xad\xadv\xb9T\xbc\x1c\xa6\x15!Dg\xec\xb3\xf2r\x02\x90\x91\x9e\x9e\x99\x99\xc99\xef\xc1g\xa2\x06\xea?k\xe6,\x008ST\xee\xack\x91\x15\\\x0bt\x0e\x01\xc2tv,\xaf\x04\x08\xa4g\x04\xb1\xfe\x98\xffN\x05;\xff\xa1L\x88\x06\x10p\xeb\xad\xb7\x02@Yc\xe3\x96\x93\'\xc3T\x15WC\x03\x00\x03\xb0+JAu\xf5\xae\xd2R\x0e\xf0\xdd\xb9s-\x16K\x90\xae\x837\xea_[\xd9p\xe0?\x85\x960\x0b\xd6\x1f\x8c\x05\x886\xe5\xf4\x91\xf2\xa2/O\x00\x87\xb9\xdf\rz\xfd1\xffm\xf5f\xfeC\x90(\r\xc08\n\x9e6mZ\xf2\xc0\x81\x04\xe0\xfd\x13\'p\xf8i`\x8c\xd9eykI\x89\xcb\xe7\x93$\xe9\x96[n\x81 \x1c\xff~]\xff\xe4d\x00\xd8\xb7\xe300N\xf0\x13\x00`\x8c\xab6%\xff\x93b\xaf\xbbW\xea\x8f\xf9\xff\xa6\xde\xc9\x7f\xc8\x12\xa5\x01\x10B4M\x8b\x88\x88\x98w\xe7\x9d\x1c`Oy\xf9\xa1\x9a\x1a\xbb\xa2\x08q\xa2\xa7K\xc6\xfa\x87\r\xc7\x8e\x11B&amp;L\x98\x90\x93\x93\xc3\x18\xeb\xf1\xe3\xdf\xaf\xeb?o\x1e\x00\x14\xe7\x9d:s\xb4\xc2bSq7$Q\xeaj\xf2|\x99[\xd0K\xf5\xc7\xfc\x7fS\xef\xe4?d\x89\xd2\x00\xa0u\x10\xb4h\xd1"E\x96]&gt;\xdf?\x8f\x1e\xb5\xcb\xb2 \xe7\xfa\xcfG\xe7&lt;BUw\x9d=[T[\xcb9\xbf\xe7\x9e{\x82\xb7\xfe\xe1\xeb\xfa+\x8a\xd7\xed\xdb\xbb\xa5@\xb5\xa9L\xec\xc7\xc43\xc6m\xe1\x96#{O\x96\x1e\xaf\xec\xbd\xfac\xfe[\xf5f\xfeC\x93X\r\x801\x96\x99\x99y\xd5\xd5W\x13B\xde,,&lt;\xd1\xd0`\x95e\x91\xf7@\x04\xc0\xc7\xd8\x8b\xfb\xf7s\xce\x13\x13\x13o\xbe\xf9\xe6\xe0\x9d\xfe\xfa\xba\xfeW]E\x08\xf9d\xc3\x97U\xa7kUU\x88[n\x9d\x0f\x01\xd04}\xeb\x1b\xbbz\xb5\xfe\x98\xffV\xbd\x99\xff\xd0$P\x03\x80\xd6\x07\xae&gt;\xfc\xf0\xc3\x9c\xf3Z\x97\xeb\x1f\xc5\xc5Q\x16\x8b&amp;R\xc3oK\xe7&lt;\xc2b\xf9\xb2\xbc\xfc\xd3\xb22\x00\x98?\x7f~||\xbc\xae\xeb\xc1\x9b\x00m[\xff\xa6\xfa\x96\xcf7\x1f\xb0EZ\x99.\xe8.\xc8\x18\xfe\x1f?p\xa68\xef\x14\xf4z\xfd1\xff\xbd\x9f\xff\x10$V\x03\xa0\x94r\xce\xa7O\x9f&gt;2#\x83\x12\xb2\xb6\xa8\xa8\xb4\xb9\xd9"I\x82\xee\x81\x00\x80\xf3W\xf3\xf3\x01\xc0b\xb1\xdcs\xcf=\x9c\xf3\xa0\xde\xff$P\xff\x8c\x91\x19\x84\x90=\xef\xed\xab\xafhT\x04\xbe9(\x07\xd8\xf9\xce\x1e\xe8\xf5\xfac\xfe\xcf\xe9\xdd\xfc\x87 \xb1\xfe\xda\xc0}Q\x9e\xf8\xd9\xcf\x18\xe7\xc7\x1b\x1a^\xde\xbf?\xdaj\xd5\xc5\x1b\x04\xe9\x9cG[,\xdbKJ\xde?~\x9cs~\xe7\x9dw\x8e\x1a5\x8a1\x16\xd4\r P\xff\x9f=\xf13\xcey\xc5\xe9\x9amo\xed\xb6G\xda\x98.\\\xfd\x19ca\x11\xd6\x82]\xc5_\xed8\xd4\xfb\xf5\xc7\xfc\xf7I\xfeC\x90X\x7f-\x00H\x92\xa4\xeb\xfa]w\xddu\xd5UW\x11\x80\xb7\n\x0b\x8f\xd6\xd5\xd9\xc4\x9b\t%\x00~\xc6^\xc8\xcb#\x84\xc4\xc5\xc5=\xf3\xcc3\xbd\xf3\xfc\xa3\xb6\xf5\x07\x80]\x1b\xbf\xaa8U\xa3Z\x85;\x13@\x80h\x9a\x9e\xfb\xfa\'}X\x7f\xcc\x7f\xef\xe7?\xd4\x08\xd7\x00\x0c\x92$-]\xba\x94JR\xad\xcb\xf5\xcc\xe7\x9f\x87\xab\xaaP\x83 ?cq6\xdb[\x87\x0f\xef)+\xe3\x9c?\xf2\xc8#\x0e\x87\xa37\x87?F\xfd%Ij\xaao\xd9\xf8\xe2vk\x98Xg\x02t\x8d\x85\xc7\xd8wm\xf8\xaax\xdf\xa9&gt;\xac?\xe6\xbf\xaf\xf2\x1f:\x84\xfb\x83\xa1u\x104m\xda\xb4\x05\xf3\xe7\x03\xc0\x86c\xc76\x1d?\x1ec\xb5\nr6\x8cqn\x93\xe5\x93N\xe7\xf2\xbd{)\xa5\x19\x19\x19\x8f&gt;\xfah/\xef}\x8c\xfa\xcf_0\x1f\x00\xf6n-\xc8\xdbq(&lt;\xca\xa6\x8b1\x11\xc49W\xadr\xd5\x99\xba\xf7\xff\xfca\xdf\xd6\x1f\xf3\xdf\'\xf5\x0f)"\xfe\xcd\xd0:\x19\xfa\xcc\xef~\x17\x1d\x15\xa5s\xfe\xf3]\xbb\x1a\xbc^U\x8c\xb3a\x8c\xf3pE\xf9\xf9\'\x9fT\xb5\xb40\xc6^x\xe1\x05UU{\xf9\xf8\xd7\xa8\xff\xef\x9e\xf9]Tt\x14\xd7\xf9\xdf\x9f\xfdwK\xa3[\x11\xe3\xee@\x9cq\x8b\xdd\xb2\xee\xd9\x7f;k\x9b\xfa\xb6\xfe\x98\xff\xbe\xaa\x7f\xe8\x10\xb4\x01\x18\xcb!\x1c\x0e\xc7s\xcf?\x0f\x9c\x9fr:\x1f\xff\xf8\xe3\x08\x01\x0e\x84\xfd\x8c%\xd8\xed\xaf\xe6\xe7\x7fp\xe2\x04\x00,Z\xb4h\xf6\xec\xd9\xba\xae\xf7\xf2\xda\xe7@\xfd\x9f\x7f\xeey\x0e\xbc\xba\xb4\xee\x9de\x9b\xacaVn\xf6\xeb\xc2tM\x8f\x88\r\xdb\xf1\xf6\x9e\xbc\x0f\x0fC\x08\xd4\x1f\xf3\xdf\'\xf5\x0f\x1dD\x841\xd7\xf9h\x9a&amp;\xcb\xf2\x1dw\xdc\xb1n\xdd:\x00X~\xd5U?\x1e7\xae\xb2\xa5E1\xe9\xc1\xa0\xc6X\xb4\xc5\xb2\xaf\xaa\xea\xa6\x8d\x1b]~\x7fjjj~~\xbe\xcdf#\x84\xf4\xc9\xf0\xa7]\xfd\x7f\xf0\xf8\xdck\xe6Ov\xd64I\xb29\xb7F]ga\x11\xd6S\x87\xcbV,^\xe5u\xfbB\xad\xfe\x98\x7f\x01\t\xdd\x008\xe7\x8c1\xa7\xd3\x99\x93\x93s\xf2\xe4I\x9b,\xbf{\xe3\x8d\x13\x1d\x0e\xa7\x19\x9f\x99\xc78W$\xc9\xe5\xf7\xdf\xb4aCQ}\xbd,I\xbbv\xed\x9a4iR\x1f\xce~\xb6\xab\xbfjU\x1ezi\xe1\xf0\xb1\x83]M\xc63#M\x851.+\x92\xd7\xed[q\xef\xaa\xf2\x93\xd5R\xe8\xd5\x1f\xf3/ q\xffr\x000:\x7fll\xec\xdbo\xbfM\x08qi\xda\x8f\xb7n\xadq\xbbm\x8a\xa2\x9b\xab/\x1a\x7fL\x98\xa2\xfct\xe7\xce\xa2\xba:\xe0\xfc\xd9g\x9f\x9d4i\x92\xa6i}\x98\xfev\xf5\xf7\xb9\xfd\x7f\xf9\xd9\xbbM\xf5-\x16\xabb\xb2{\x04q\x0e\x84\x80\xc5\xa6\xbe\xf1\xab\re\'\xaaxH\xd6\x1f\xf3/ \xa1\xffx\x00\xa0\x94j\x9a6i\xd2\xa4\x97_~\x198?\xd3\xdc|\xc7\xfb\xef{5M\xa5\xd4LwKg\x9c\xc7X\xad\x0fl\xdf\xbe\xe5\xe4I\x00X\xb8p\xe1C\x0f=d\xcc\x00\xf4\xed\x1bk[\x7f\x0e\xbc\xb6\xbc\xe1\x0f\x0f\xbc\xe1\xf7i\xb2"\x99\xa9\x07p\xc6\xc2"\xed\xaf\xffr\xfd\xfe\xff\x14A\xa8\xd6\x1f\xf3/ \xd1\x1b\x00\x00\xc8\xb2\xaci\xda}\xf7\xdd\xb7d\xc9\x12\xe0&lt;\xbf\xba\xfa\xff\xfd\xe7?vE!\x84\x98c\x1b\xd0\x18\x1b`\xb7\xbf\xb4o\xdf;\x85\x85\x00\x90\x93\x93\xf3\xd2K/\x85\xce=o\xbfQ\x7f\x80\xd3Eeo=\xfd\x9e\xc5\xa6Pj\x92\xf9I]cQ\xf1\x11[\xdf\xdc\xb5\xfb\xbd&lt;\x08\xf1\xfac\xfe\x05\x83\r\x00\x00@\x92$M\xd3^y\xe5\x95\xc5\x8b\x17\x03\xc0\xfa\xe2\xe2\x07\xb6o\x8fPU\xa9\x9f\x8f\x838\x80\xceybX\xd8\x8b\xfb\xf6\xfd|\xf7n\x00\xc8\xc9\xc9\xc9\xcd\xcd\xb5\xdb\xed\x10JO\xbdhW\xff/\xb6\xe4\xaf\xfe\xc5zk\x98\x85R\xda\xaf\x8f\x038\x07\xa6\xb3\xa8\xf8\xf0\xdc7v\xad[\xb1\x19\xfaI\xfd1\xff\xe20\xc9 \xeb\xd2\x19\'\xc4$I\xba\xef\xbe\xfb^{\xed5\x00\x987r\xe4\xf3\xd3\xa73\xce=\x9a\xd6\x1f\xcf\x89\x19\x0f\xfe\x8e\xb6X^\xd9\xbf\xff\x89]\xbb\x80\xf3\x8999[rscbbB\xf0\xc4W\xc7\xfaO\x9e{\xd9\x82\'ob\x8ck&gt;\x8d\xf6\xc3s\xc2\x9cq \x10\x16i\xdb\xb6\xe6\xd3\xbf/\xff7\x07n\xec}\xfaK\xfd1\xff"\xc0\x06\xf0\xb5\x8e\xdb\xc0\xe5\x89\x89o\xddpC\x82\xcdV\xef\xf5\xf6\xaf\xb5q\x1ac\x16Y\xb6\xcb\xf2\x83;w\xae9|\x18\x00B?\xfd\x1d\xeb\x9f\x9a=\xe8\x81\xdf\xdf\x15\x19\x1b\xd6\xd2\xe8\xee_kC\x99\xcedUV\xad\xca\xdf~\xb5a\xd7\xc6\xaf\x00`\xe2\xc4\x89[\xb6l\xe9_\xf5\xc7\xfc\x9b\x1e6\x80oh\xbf\r\x102:6\xf6\x85\x993s\x1c\x8ej\x97K\xa2\xb4_\x1c4\xfa\x19\x8b\xb6Xj\xdd\xee\xff\xf9\xe8#\xe3\x82\x97\xfe\x92\xfe\x8e\xfb\xa0\x944\xc7\x8f\x9e\xba9u\xcc\xe0\xc6\xdafI\xa2\xd0\x1f&gt;\x00]\xd3\xed\x91\xb6\xe6z\xd7\x9b\xbf\xf9\xd7\xbe\x0f\x0f\x03@\xce\xc4\x9c\xdc-\xfd\xb0\xfe\x98\x7f\xb3\xc3\x06\xd0^\xc7}P\x94\xd5\xba\xec\xca+\xe7\x8d\x1a\xd5\xe0\xf1\xe8\x9cK!&lt;u\xc88\xe7\x9c\xc7\xd9\xed_VT\xfct\xe7\xceC55\xd0\x1f\xc6\x9emu\xac\x7fX\xa4\xed\xce\xff\xfd\xee\xe4\xb9\x97\xb54\xba\x99\xceBy:\x88s\xce\x19\x8f\x88\r;~\xe0\xcc\xdf~\xb5\xe1\xec\xd1\n\xe8\xff\xf5\xc7\xfc\x9b\x186\x80Np\xce\x8dGC\xac\\\xb9\xf2\xe1\x87\x1f\x06\x00 \xe4\xde\xec\xec\xa7&amp;OV%\xa9\xd1\xeb\r\xcd\xa1\x90\xc6\x98U\x96\xc3\x14eUA\xc1\xaf\xf6\xeci\xf2z\x01\xe0\xee\xbb\xef^\xb9reDDD?J\x7f\'\xf5\x072c\xde\xa4[\x7fz\xad\xac\xca\xae&amp;\x0f\x95B\xf1\xd2M]c\xaaU\xb1\xd8\xd4\x0f\xd7}\xb6~\xe5Vw\x8b\x07LS\x7f\xcc\xbfIa\x03\xe8\\`\x1b\xc8\xcd\xcd\xbd\xfb\xee\xbb\xcb\xca\xca\x00\xe0\xb2\xc4\xc4\xa7\xa7N\x9d\x92\x9c\xec\xf4z}\xba\x1e:g\xc6t\xce\t@\xac\xcdv\xca\xe9\xfc\xbf\xdd\xbb\xffu\xfc8pnQ\xd5\xdf-[\xf6\xd0C\x0f\x01@\xbfK\x7f\xa7\xf5\x1f\x9a\x99r\xc7\xa3s2&amp;\xa4\xba\x9a\xdc\x9aO\x97\xe4P\xf9\x8b\x98\xce\x08%\xe1\xd1\xf6\xaa3u\xff\xf8\xfd\x96/\xb7\x1d\x04\x00\xd5\xa2.\xfb\x9d\xa9\xea\x8f\xf97\x1fl\x00]1.\x15)//_\xb4hQnn.\x00\xa8\xb2|\xff\xd8\xb1\xff5n\\bXX\x83\xc7\xa33&amp;\xf5i\xb0\x8c+6\xa3,\x16\xbf\xae\xbfST\xb4|\xef\xde\x8a\xe6f\x00\xc8HO_\xb5z\xf5\x94)S\x18c\xfd\xf7V\'\x1d\xeb\xaf\xa8\xca\xac\xf9W\\3\x7fJt|D(\xcc\x08\x19\xabT\xed\x11V\xdd\xaf\xef~/o\xd3\x9f?\xac\xafn\x04\x80\x8c\x8c\x8cU\xabV\x99\xaf\xfe\x98\x7f\x93\xc1\x06p\x01\x81;\x05\xae\\\xb9\xf2\x89\xc7\x1f\xf7x\xbd\x000"&amp;\xe6\x81q\xe3\xbe\x9f\x96\x16a\xb14z\xbd\x1ac\xbd\x7fPl\x8cz"T\x15\x00v\x9e&gt;\xfd\xa7}\xfb&gt;9{\xd6\xf8\xd6\xbd\xf7\xde\xbbb\xc5\x8a\xa8\xa8(\x13\\\xeb\xd8\xb6\xfe\x8f?\xf1\xb8\xd7\xe3\x05\x00\xc7\xd0\x84\xd9\x0b\xa6\xe4\\\x97m\x0b\xb7\xba\x9b&lt;Lg\x94\xf6\xf6\xf9a\xc6\x18\x01b\r\xb7\x00\x87C{\x8e\xe6\xfemW\xd1\xde\x13\xc6\xb7\xccZ\x7f\xcc\xbf\xf9`\x03\xb8\xb0\xc0 \xe2\xe0\xc1\x83\x8f=\xf6\xd8\xe6\xcd\x9b\x8d\xaf_\xeep&lt;8~\xfc\xd4\xe4\xe4X\xab\xb5\xc9\xe7\xf3\xe9:%\x84\x06y\xac\xc18g\x9c\xcb\x94\x86\xab\xaa_\xd7\xbf\xaa\xac\xfcKA\xc1\xc6c\xc7\x80s\x00\xc8\xce\xcaZ\xb6|\xf9\x9c9s\xa0\xcd\xa6\xdb\xdf\x9d\xaf\xfe\xa9Y\x83\xae[te\xc6\x84\xd4\xf0\x18\xbb\xbb\xd9\xa3\xfbu $\xd8;"\xe34/\x95\xa85\xcc\xa2\xf9\xf5\x93\x07\xcf|\xb8\xf6\xf3\xbd[\x0b\x8c\xeffeg-_&amp;J\xfd1\xff&amp;\x80\r\xa0\xbb\x02yZ\xbbv\xedo\x9f~\xba\xe0\xe0A\xe3\xeb\xa3\xe2\xe3\x17gg\xdf\x90\x9a:\xc0n\xf73\xd6\xe2\xf3\xe9\x9c\xd3\x9e&gt;\xec4rO\x08\xb1\xcb\xb2M\x96\x1b}\xbeO\xcb\xca^&gt;p\xe0?g\xcf\x02c\x00\xe0HL|\xe0\'?y\xec\xb1\xc7TU5\xe5a\xef7\xea\xff\xdb\xdf\x16\x14\x9c\xdb\xe7\xa6\x8cp\xcc\xb8s\xd2\xb8\xe9\xa3\xa3\xe2"tM\xf7\xb8\xbc\x8c\x9d\xab\x7f\x0f\x1e\x13p\xc69\xe7@\xc0bU\x15\xab\xe2n\xf6\x14\x7fuj\xfb\x9aO\x0b?;\xc1\x81\x01@\xa2#\xf1\'\x0f\x08S\x7f\xcc\xbfY`\x03\xb8\x08\x8c1\x00\xa0\x94\xfa|\xbe\xe5\xcb\x97\xbf\xf8\xa7?UTV\x1a\xdfJ\x89\x8c\x9c\x9b\x9az\xed\xd0\xa1\x13\x93\x92\xc2\x14\xc5\xab\xeb\x1eM\xf33\xc6\x8d\x8d\xe1\xe2\xaf;\xe7\xc6`\x13\x00\x00$B\xac\x92d\x95e\x9d\xf3\x82\x9a\x9a\x9d%%\x1b\x8e\x1f/\xa8\xae6F=6\x8b\xe5\xce\xbb\xeeZ\xbatirr2\x98z\xe0\xd3\xbe\xfe/\xbeXQQa|+&gt;)\xe6\xb2\x99\xa3\xc7N\x1b9|\xdc`\x8bM\xd1|\xba\xcf\xeb\xd75\x1d\xb8q\xd3\xcb\x8b\xaf\xff\xb9\x0f\x80\x03\x00\x95\xa8b\x91\x15\x8b\xc2tv\xe6H\xf9\xa1O\x8f\xee\xcd=x\xfaH\x99\xf1J\xab\xd5\xfa\x83\x1f\xfc@\xc4\xfac\xfe\xfb?l\x00\x17-\x90\xb0\xca\xca\xca7\xdf|\xf3\xcd7\xde\xc8o\x1d\x8d\x02\xa5\x93\x1c\x8e\xa9\xc9\xc9S\x92\x93\xb3\xe2\xe3c\xadV\x99\x10?c^]\xf73\xc6x \xd2\x9do\x0f\xc6w\x8d\xa1\x8bB\xa9*I\xc6S\xfa\x1a\xbd\xde\x13N\xe7\'g\xcf~V^\xfe\x9f\xd2R\x97\xd7k\xbc&gt;\xc9\xe1\xb8k\xfe\xfc\x85\x0b\x17fee\x01\x80\xa6i\x92$\x99~\xe0\xd3\xae\xfeo\xbc\xf9FA\xfe\xb9\xfa\x13 #\xc6\r\xce\xc8\x19\x961!5%\xdd\x11\x1em\xa7\x12\xd55]\xf3i\xba\x9f1\xce\x8d\x12\x13\x00 \x04\xe0\xdc?\xcf\xfd\xa3\xf5\xb31\xc6\x8e\x92,\xc9\x8a$)\x12\x00\xb8\x9b&lt;U\xa7k\x8b\xf6\x9e&lt;\xb6\xaf\xa4\xf0\xf3\xe3\x1e\xf7\xb9\xfa;\x92\x1c\xf3\xef\x12\xbd\xfe\x98\xff~\r\x1b\xc0\xb7\x11\xb8X\x06\x00|&gt;\xdf\x96-[^_\xbdzkn\xae\xcb\xe39\xf7\nJ\x87DFf\xc5\xc5Mt82\xe3\xe2R\xa3\xa3\x13\xedv\x8b$\xc9\x94\x12B8\xe7\x1ac\xd06\xa9\x9cSJ\x8dKl\xfc\x8ci\x8c\xd5\xb8\xdd%Ngq}\xfd\x17\x15\x15\x07jj\x8e74x\xfd\xfe\xc0\xcb\xa7N\x99\xb2p\xe1\xc2\xb97\xde\x98\x98\x98\x08\x00\xba\xaeSJ\xc5\x89~\xc7\xfa\xaf~}\xf5\xd6\xad[\xdd.\xb7\xf1\x02\x02$&gt;9fPF\xd2\xf0\xb1\x83R\xd2\x1c\x03\x06\xc7E\xc5\x87+\xaaLe\x89\x10\xe0\x1c\x98\xc6\xbe1A\xc4\x81H\xe7\xce\x1f\xe8\x1a\xd35\xd6T\xdf\\s\xb6\xbe\xfcd\xf5\xf1\x03\xa7O\x17\x96W\x9e\xae\xf5y}\x81\x97O\x992\xe5G?Z8w.\xd6\x1f\xf3\xdf\xbfa\x03\xf8\xf68\xe7\xba\xae\x07\x96\x19\x14\x15\x15m\xda\xb4\xe9_\x1b7\xee\xfd\xe2\x8b\xb6a\x05\x80\x18\xbb}XTT\xb4\xc5\x92\x15\x17\'S\x1a\xae(\x99qq\xc62\x06\xe3\xe7(\x92T\xd2\xd8X\xda\xdc,QZX[[\xe7\xf5\x9ep:+[Z\xe0\x9b\xcfh\xcd\xca\xcc\xbcn\xce\x9c\x9bo\xbey\xf2\xe4\xc9\xc6W\x8c\'Z\x88\xb9\xc6\xb9\xd3\xfao\xfc\xd7\xc6\xbd{\xbf\xf0y\xbfQ\xff\x88\xe8\xf0\x84\x94X{\xa45%\xdd!\xc9\xd4\x1afIIs0\x9d\x05\x0e\x00$\x85\xd6\x9c\xad\xaf\xabtJ\x12-=V\xd5\xe2tW\x9d\xaem\xa8i\xe2\xfc\x1b\xf5\xcf\xcc\xca\x9cs\x1d\xd6\xff\x1c\xcc\xbf\t`\x03\xb8T\xc6h\x88\x10\x12Haaa\xe1\xe7\x9f\x7f\xbe\xe9\xfd\xf7\xf3\xbe\xfa\xaa\xac\xac\xac\xdd\xc6p\xb1\x1c\x03\x06deg_7g\xce\xb4i\xd3\xc6\x8f\x1fo\x0c\xbb\x8c_\x8a\xa3\x1e8\x7f\xfd\xdf\xdf\xf4~\xdeWyee\xa5&gt;\xdf%\xd5?1q@v\xf6\x98\xeb\xae\xbb\x0e\xeb\xdf)\xcc\x7f\xbf\x86\r\xa0\xc70\xc6\x8c\xe3\xe2@(].WIIIQQQA~~AAAmMMaa\xa1\xa6i\x8d\x8d\x8d&gt;M\xeb\xf8\x13\x12\xe2\xe28\xe7#F\x8c\x88\x89\x8d\x9d0aB\xea\xf0\xe1\x99\x99\x99iii\xd1\xd1\xd1\x81\xd7h\x9aF\x08\xc1\xd3\\\x1duU\xff\x82\x82\xfc\x82\xfc\xda\xda\xda\xc3\x87\x0f\xeb\xba\xde\xd8\xd8\xe8\xef\xac+\xc4\xc5\xc7\x01\xc0\x88\x11#bbb&amp;\\&gt;a8\xd6\xffb`\xfe\xfb#l\x00=\xcf\xd8\x12:\x8d\xa9\xd3\xe9d\x8cUTT\x04\x96\xaf\x04\x84\x87\x87\xa7\xa5\xa5q\xcecbb\xce\xf7\x03q\xc8\xd3\x1dX\xff\xbe\x85\xf5\xefG\xb0\x01\x04\x11o\xc3X\x98\xdc\x9d\xc9J\xe3\xf06\xb0"\x02C\xff\xada\xfd\xfb\x16\xd6?\xf4a\x03\xe8UF\xb5y\x9b\xf5pm\x19\x9b\x07\xc6=x\xb0\xfe}\x0b\xeb\x1fj\xb0\x01 \x84\x90\xa0p\xf9\x14B\x08\t\n\x1b\x00B\x08\t\n\x1b\x00B\x08\t\n\x1b\x00B\x08\t\n\x1b\x00B\x08\t\n\x1b\x00B\x08\t\n\x1b\x00B\x08\t\n\x1b\x00B\x08\t\n\x1b\x00B\x08\t\n\x1b\x00B\x08\t\n\x1b\x00B\x08\t\n\x1b\x00B\x08\t\n\x1b\x00B\x08\t\n\x1b\x00B\x08\t\n\x1b\x00B\x08\t\n\x1b\x00B\x08\t\n\x1b\x00B\x08\t\n\x1b\x00B\x08\t\n\x1b\x00B\x08\tJ\xee\xeb7 \xa2\xf3=\x87\x19\x1f\x87\xdd;\xb0\xfe}\x0b\xeb\x1f:\xb0\x01\x04\x17o\x03\x00(\xa5\x81\xffv\xc4\x18\x0b\xfc\x97\xb4\xd1\x8b\xef\xd7l\xb0\xfe}\x0b\xeb\x1f\xe2\xc8\xf9\xba1\xfa\xd6\x8c\xb83\xc6\x08!\x92$u|\x01c\xcc\xe9t\x12r\xae\xf8\xc6?\xacV\xab\xcdf\xeb\xf4\xc5\xc6\x8f\xa2\x94\xe2\xc6\xd0\x1dX\xff\xbe\x85\xf5\xefG\xb0\x01\xf4\x18#\xf4\x9csY\xfe\xfa\xb8J\xd7\xf5\xb2\xb2\xb2c\xc7\x8e\xe5\xe7\xe7\xd7\xd4\xd4\xec\xfdr\xaf\xa6i\x15\x15\x15\x15\x15\x15\x84\x80Q{\x02\xc0\x01\xc2\xc3\xc3\xd3F\x8c\xe0\x00c\xb2\xb3\xe3\xe3\x13&amp;L\x980h\xd0\xa0!C\x86\xd8\xed\xf6\xb6?\r\x00pK\xe8T\xb7\xea\xbf\xf7KM\xd3**+\xca\xcb+\xda\xed\x80"\xc2\xc3G\xa4\x8d\x00\x0e\xd9c\xb2\x13\xe2\xe3\xb1\xfe\x17\x0b\xf3\xdf\x1fa\x03\xe8\x01\x9cs]\xd7\x03\xb9\xd7u\xbd\xb8\xb8877w\xd7\xaeO\x8e\x1c9r\xaa\xa4\xa4\xb9\xa9\xf9[\xfcXEU\x06\x0e\x1c82c\xe4\x15W\\1{\xf6\xec\xb1c\xc7\x066\x06M\xd3(\xa5\xe7;\x94\x16\xcd\xf9\xea\xff\xc9\xae]G\x8e\x14\x97\x94\x94475~\x8b\x1f\xab(\xea\xc0\xe4\x81#32\xb0\xfe]\xc3\xfc\xf</t>
        </is>
      </c>
    </row>
    <row r="330">
      <c r="A330" s="1" t="n">
        <v>328</v>
      </c>
      <c r="B330" t="inlineStr">
        <is>
          <t>grid_number</t>
        </is>
      </c>
      <c r="C330" t="inlineStr">
        <is>
          <t>What is the missing number of the part denoted with a question mark?</t>
        </is>
      </c>
      <c r="D330" t="inlineStr">
        <is>
          <t>['1', '7', '9', '8']</t>
        </is>
      </c>
      <c r="E330" t="inlineStr">
        <is>
          <t>8</t>
        </is>
      </c>
      <c r="F330" t="inlineStr">
        <is>
          <t>There is a 3x3 grid of numbers. The first row is [4, 8, 8]. The second row is [9, 8, 3]. The third and last row is [8, 4, '?'].</t>
        </is>
      </c>
      <c r="G330" t="inlineStr">
        <is>
          <t>We observe that [4, 8, 8] sums to 20, and [9, 8, 3] also sums to 20. Thus, the pattern is that the numbers in each row add up to the same value.</t>
        </is>
      </c>
      <c r="H330" t="inlineStr">
        <is>
          <t>Based on the pattern that the numbers in each row add up to the same value, the missing number of the row [8, 4, '?'] should be 8.</t>
        </is>
      </c>
      <c r="I330" t="inlineStr">
        <is>
          <t>b'\x89PNG\r\n\x1a\n\x00\x00\x00\rIHDR\x00\x00\x02\x00\x00\x00\x02\x00\x08\x02\x00\x00\x00{\x1aC\xad\x00\x00}RIDATx\x9c\xed\xddwxTU\xfa\x07\xf0\xf7\x9cs\xa7$\x93dfR\t\xbd#\n\x82T)\x8a\xa2\xd8\xd6\n\x08"\xa2\x82 *\x8a\xe8\x82]Qt\x7f"\xba\xba\x16\xd4\x05\x15\xd7\x82eQWE4\xa0\xa0"*\x08+M@J\xa4\x86\xf4\xcc$\xd3\xef)\xbf?N\x12Yz\xc9d\x98\xcc\xfby||d\x92\xe0\xcdw\xee\x9c\xf7\xdes\xce=\x87(\xa5\x00!\x84P\xe2\xa1\xb1&gt;\x00\x84\x10B\xb1\x81\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a\x01@\x08\xa1\x04\x85\x05\x00!\x84\x12\x14\x16\x00\x84\x10JPX\x00\x10B(A\x19\xb1&gt;\x80\x93\x82R*\xd6\x87\x10\x03\x84\x90X\x1fB5\xcc?\xb60\xff\x84\x95\xa0\x05@)%\xa5TJ\x11B\x08!\x94&amp;\xe2\x9dP\x0cC\xc0\xfc\x01\xf3\x8f5\x0c\x01\x00HB\x15\x7f\xfd\x96\x03\x00cl\xdf\xd7\xbd^\xaf\x94\x92\x90DIC_\xfb\xb8\\\xae}_\xd4\x1f\x06Ji\xf4\xae\x8c0\x7f\r\xf3\x8f\xadX\xe5\x7f\x12J\x94\xb7\\)%\x840\x8c\xea;\x9e\xaa\xaa\xaa\x15+V\xfc\xbc|\xf9\xaf\xff\xfdoyy\xf9\xc6\x8d\x1b9\x17@\x00\x12"\x0c\x00\x02\x00\xd0\xb6M\x1b\x97\xcb\xd5\xa3G\x8fn\xdd\xba\xf5\xea\xd5\xabI\x93&amp;\xfa\x8b\x9csJi\xdd^\x10a\xfe\xff\x03\xf3\x8f\xadz\xcf\xff\xe4\xa5\x12\x00\xe7\\\xffG8\x1c\xfe\xf4\xd3O\x87\x0c\x19\xd2\xa2E\x8bX\x07\x7frq\xbb\xdd\x83\x06\r\x9a={vQQ\x91\xce\xca4M}M\x84\xf9\xd7\x03\xcc?\xb6\xa2\x9a\xff\xc9\xac\x81\xdf\x01\xe8\xdf\x8e\x10\xe2\xf5zg\xcf\x9e\xfd\xf6\xdbo\xaf]\xbb\xb6\xf6\xab)\xa9\xa9\x8d\x9b\xb6\xc8\xca\xc9i\xd9\xe6\x14Wz\x86\xe0&lt;\x11\xee\xfe\x14(J\xa8iF6\xad_\xe3\xf5T\xec\xda\xbe\xad\xa2\xbc\xac\xf6\xab\xb9\xb9\x8dG\x8e\xbcv\xec\xd8\xb1\x1d:t\x00\x00)\xe5\x89\\\na\xfe\x07\xc2\xfcc\xab&gt;\xf3?\xf95\xe4\x02 \x84\xd0}\x9ds\xe6\xcc\x991c\xc6\xa6M\x9b\xf4\xeb\x8d\x9b6?\xf3\xec\x81\x03\xce\xbf\xf8\x94N]\xb3sr\x1d)\xa9\xcc\x80\x06\xfd.\x1f\x84R\xc09\x84C\xe1\xb2\x92\xc2-\xbfo\xf8\xf1\xdbE\xcb\x96,\xda\xbcq\xbd\xfejzz\xfa\x1dw\xdcq\xd7]w9\x9dN\xceym\xd7\xc11\xc1\xfc\x0f\x03\xf3\x8f\xadz\xc8?.4\xd8\x02\xa0\xcf\xfe\x82\x82\x821c\xc6\xe4\xe5\xe5\xe9\x17\xdbw\xect\xfd\xf8;\x06\xfd\xe5\xaa\x8c\xac,\xa5 \x1c\x8e\x98\x11SJ\xa1\x94l\xa01\x1c\x12\x01\xd0S\x1f,\x16\xab\xcdn3\x0c\xa8\xaa\x0c\xac\xf8\xf1\xbb7_~n\xd9\xb7\x8b\xf4\xf7t\xe8\xd0\xe1\xf5\xd7_\xef\xd7\xaf\x9f\x1e!&lt;\xa6\xcbC\xcc\xff\xf00\xff\xd8\x8av\xfe\xf1\xa2a\x16\x00]\xb4\xf3\xf2\xf2\xc6\xdctS\xc1\x9e=\x00\xd0\xaam\xfb\x9bn\x9f\xfc\x97\xab\x86\xa7\xb9\xd2|U\x01\xd3\x8c\x00\x10J)!P=$\x94\xa8\x94RJJ\xa5\x143\x0cGJ\x8a\x10r\xd9\x92\x85\xaf\xbd8\xe3\xe7\xa5K\x00\xc0j\xb3=5}\xfa\xa4I\x93\x8e\xe93\x80\xf9\x1f=\xcc?\xb6\xa2\x91\x7f\x1ci\x80\x05@\x9f\xfd\xb3g\xcf\xbe\xf9\xe6\x9b\xf5+\xd7\x8e\xb9m\xd2\x03\x8fefgz=&gt;\xc19e\xac\xe1\xbd\x91uB\x08A\x08IMK\x13\x82\xbf=\xeb\xa5\x17\xa6O\xf5UU\x02\xc0\xb8q\xe3f\xcd\x9a%\x848\x9aIr\x98\xffq\xc3\xfcc\xabN\xf2\x8f/\r\xad\x00\xe8;\xdf\xda\xb3\xdf\xe9J\x7fd\xc6\x8b\x83G\\[\xe9\rD"\x91\x06\xdc\x97W\x87\xf4\xc7 #3m\xd5\xf2_\x1e\x9c8n\xd3ok\xa0\xe63p\xc4\xeb \xcc\xff\xc4a\xfe\xb1u"\xf9\xc7\x9d\x06U\x00\xf6;\xfb3\xb3\x1b\xbd\xf8\xe6\xbc\xbe\x03\xfa\x15\x17V0\xc3hHo[=0M\xd3\xe5v\x97\x95\x14\xddr\xed\x15kV-\x87}\xae\x83\xf6{\x8c\xa8\x16\xe6_\x870\xff\xd8:\x8e\xfc\xe3Q\xc3)\x00\xfa\x8d\xf9\xfa\xeb\xaf\x07\r\x1a\x04\x00\xee\x8c\xcc\x0f\xf3~j\xd1\xba\xad\xb7\xa2\xc2\xb0Xb}tqIpn\xb5\xdb\x18e\xa3\x87\\\xb8b\xd9\xb7\x00\xf0\xe8\xa3\x8fN\x9d:\xf5\xa0\xf3"0\xff:\x87\xf9\xc7\xd61\xe5\x1f\xa7\x1aH\x01\xd0\xd3u\x8b\x8a\x8a\xbat\xe9Z\\\\\x94\xe6t\xbd:\xf7\xb3\xeeg\xf6\xf3z&lt;\x86\x81g\xff\xf1\x13B\xd8\xec6\x9f\xd7{\xd3\xb0\x8b7\xac\xfd\x95\x10\x92\x97\x977h\xd0\xa0\xfd\xae\x830\xff(\xc1\xfcc\xeb(\xf3\x8f_\rd\xf6\xafRJ\x081j\xd4\xa8\xa2\xa2B\x00xx\xfa\x8b}\x07\xf4\xf7T\xe0\xd9\x7f\xa2\x18c\xe1`(=+\xfb\xd9Ys\x9d.\xb7R0j\xd4\xf5\x85\x85\x85\x84\x10\xbd\xaa\x8c\x86\xf9G\t\xe6\x1f[G\x99\x7f\xfcj\x08\x05@W\xe3\xb9s\xe7.Z\xb4\x08\x00\xae\x1e5v\xc8u#\x8b\n+,x\xe7[\x17\x98ax=\x9e\xf6\xa7\x9e\xf2\xc0\xdf\xfe\x01\xa0\x8a\x8a\n\xef\xbf\xff~Ji\xed\xbd#\xe6\x1fU\x98\x7fl\x1d1\xff\xb8\x16\xf7]@zE\x0b\x8f\xc7\xd3\xbbw\xef\xfc\xfc\xfc\xa6-Z\xcd\xfbz\x85\xcdf\xd7C\xf9\xb1&gt;\xba\x86C\x08\xe1r;o\xbbn\xc8\xc2\xf9\x1f\xdbl\xb6\xa5K\x97\xf6\xe8\xd1C)\xa5\x97\x90\xc4\xfc\xa3\r\xf3\x8f\xadC\xe5\x1f\xef\x0bE\xc4\xf7\xd1\x03\x80\x9e\x9c;g\xce\x9c\xad[\xb7J)\xc7\xdeqOfvz$\x12\xc1\xb3\xbfn\x11B\xcc\x08\x9f0\xe5\x11\x9b\xdd\x1e\x0e\x87\xa7N\x9d\xaa\x9b\x1e\xcc\xbf~`\xfe\xb1u\xa8\xfcc}\\\'*\xbe\x0b\x80R\x8a1\x16\x0c\x06\xe7\xcc\x99C\x08i\xd5\xb6\xc3eCGx+|\rf\x8c\xfe\xe4A)\xf5\xf9|\x9d\xbav\xb9\xf0\xb2!\x00\xf0\xfd\xf7\xdfo\xdc\xb8\x911F)\xc5\xfc\xeb\x01\xe6\x1f[\x87\xca?\xdeG\x02\xe2\xbb\x00\xe8\xe72\xbe\xfe\xfa\xeb\xdf~\xfbM)5\xfa\xb6\xbb\xd3\x9c\xa9\x82\xf3X\x1fW\xc3D)\x8d\x84\xcd1\x13&amp;\'%;\xfc~\xffk\xaf\xbd\xa6_\xc4\xfc\xeb\x07\xe6\x1f[\x07\xcd\x1f\x0b@\xec\xbd\xf9\xe6\x9b\x84\x90\xec\xdc\xc6\x17\\:\xd8W\x15\xa0\rbz\xd6I\x88R\xea\xf7\x07:u\xed\xda\xab\xdf\xd9\x84\x90y\xf3\xe6\xf9|&gt;\x00\xd0\x97\x9f\x98\x7f\xb4a\xfe\xb1u`\xfe\x81@\xc00\x8c\xb8\xee\x08\x8a\xe3\x02\xa0\xfb\x7f\xbc^\xef\x8a\x15\xbf(\xa5\xfa\x9e}~fv\xa6i\x9a\xd8\xfb\x19EJ\x11\x02\xe7]|\xa5Rj\xcf\x9e\x82\r\x1b6p\xce\x97/_\x8e\xf9\xd7\x13\xcc?\xb6\xfe7\xff5k\xd6@\x9c\xdf\x04\xc4q\x01\xd0\xb9\xaf\\\xb9r\xf7\xee]\x000`\xd0%\xb1&gt;\xa2\x86\x8f2\x16\x0cF\xce\xec\x7fnJj\x9a\x10\xfc\xfb\xef\xbf_\xb7n]AA\x01`\xfe\xf5\x02\xf3\x8f\xad\xfd\xf2\xff\xf2\xcb\xaf\xa0f\xd7\x9d8\x15\xc7\x05@\xe7\xbeb\xc5/\x00\x90\xecpt\xec\xd4%\x1c\x8a\xc4\xfb\xac\xac\x93\x1c!$\x12\x0e\xe76m\xde\xa2u[\x00X\xb3f\xcd\xb2e\xcb\x00\xc0\xe1H\xc1\xfc\xeb\x01\xe6\x1f[\xfb\xe5\xbfr\xe5/\x00\x10\xd7\x99\xc7\xf1\xa1\xeb[\xddU\xabV\x02@\xd3\xe6\xadrr\x9b\xe0\xfdo=\x90R&amp;%\xdb:\x9cv:\x00\xacY\xbbv\xc1\x97_\x02@\xe3\xe6-0\xff\xfa\x81\xf9\xc7\xd6\xbe\xf9o\xdc\xb8\xd1\xe7\xf3\xc5\xf5Caq&lt;]L\xcf\xc3-))\x01\x80\xf4\xcc\xac\xe4\x94T_Ue\\W\xe3\xb8\xa0\x94b\x0crr\x9b\x00@Ey\xb9\xee\x88K\xcf\xc0\xfc\xeb\t\xe6\x1f[:\xffF\xb9M\x01\xc0\xe3\xf1\x06\x83\xc1\x94\x94\x94X\x1f\xd4\xf1\x8b\xd7\x02\xa0\x9f\xc1\xf3x&lt;\x9b7o\x06\x806\xedO5\x0c\x15\xbfu8\x8ePB8\x876\xedO\x05\x80\xa2\xa2\xa2\xd2\xd2R\xc0\xfc\xeb\x11\xe6\x1f[:\xff\xd6\xed;\x02@e\xa5w\xe3\xc6\x8dYYYR\xca8]\x1b.^\x0b\x80\xa6\x942M\x0e\x00\xee\xf4\x0cJ\x1b\xc2\x83yqA)p\xa7g\x00\x00\xe7\\_\x81b\xfe\xf5\t\xf3\x8f\xad\xda\xfc\xa5\x94&lt;\xce\x9f\xba\x88\xfb\x1bF\xdd\xe9\x19\xefoC\xdc\xd1\x81\xd7\xee\x8e\x84\xf9\xd73\xcc?\xb6j\x03\x8f\xf7A\x97\xb8/\x00Z\xbc\xbf\rqg\xbf\xc01\xffz\x86\xf9\xc7V\x83\t\xbc\x81\x14\x00\x84\x10B\xc7\n\x0b\x00B\x08%(,\x00\x08!\x94\xa0\xb0\x00 \x84P\x82\xc2\x02\x80\x10B\t\n\x0b\x00B\x08%(,\x00\x08!\x94\xa0\xb0\x00 \x84P\x82\xc2\x02\x80\x10B\t\n\x0b\x00B\x08%(,\x00\x08!\x94\xa0\xb0\x00 \x84P\x82\xc2\x02\x80\x10B\t*\xbe\xf7\x03@\xe8X\xa9\x1a\x00\n\xf4\xfa\xf9\x04jVV&amp;\rf\x95\xc7\x93\x16\xe6\x7fR\xc1\x02p\xb2PJ)%\xf5\xa7\xa1\x16~$\xea\x8aRJJI\x00\x0c\x8b\xd5j\xb3\x1a\x06\xa3\xb4&amp;l\x05R\x82\xe02\x12\x89\x98fD)I)\xc3\xd8\xeb\x16\xe6\x7fr\xc2\x02pR\xd0;\\&amp;%\xa7\xee\xb7\xa9\x93\x10&lt;\x1c\n\xe1\x87\xe1D(\xa5\xa4\x14V\xab-\xd9\x91$%\x94\x95\x14o\xde\xb8}\xef\xee\x9de%\xc5\x81\x80\x1f@\xd9\x93\x9232\xb3\x1b5n\xda\xa4y\xcb\xac\x9cF\x16\x0b\r\x04\xc2\xe1P\x10\x9b\xa1:\x81\xf9\x9f\xcc\xb0\x00\xc4\x9en\xfd\x95R\x93\xc7\x8f,,\xd8M\x08\xd5\x17AR\x8a^}\x07\xdcq\xdfT\xbf\xcf\x8f\x9b}\x1f\x1f\xbdY\xab\xd3\x95ZXP8\xff\xa3\xf7\x96\xe4}\xbe\xee\xd7\x95E{\xf7\x1ct\xf7\xc4\x8c\xac\x9cS;w={\xd0%\xe7]ty\x8b\xd6-\xfd\xbe`$\x12\x89\xd3\xbd^O\x12\x98\xffI\x0e\x0b@\xec\t!\\\xe9\xa9O=\xf2\xc0\xe7\xf3\xe6\xee\xf7\xa5\x94\x94T\xc3`\xb8\xd7\xeb\xf1\x11\x82;\x1c)\xa1P\xe8\xe5g\xa6\xbf\xfb\xfa\xcc\xc2\x82\xdd\xb5_\xa2\x94\x11\x02\xb5}\x10J\x81\x94\xa2\xac\xa4h\xe9\xe2\xbc\xa5\x8b\xf3f&gt;=m\xc8\xc8\xd1co\x9f\x92\x9e\x99UUY\x89m\xd0\xf1\xc1\xfcO~x]\x19cB\x08\xa7\xd3\xf9\xc37K^{a\x86a\x18\x8c\x19\x941\xca\x98\xc5j\xa5\x8c%%;\xb0\xf1?&gt;B\x88\xd44\xe7\xb6-\x9bF]~\xee\xdf\x1f\xbf\xbf\xb0`7c\x8c1F\x08%\x84\xe8\x81G P\xfb\x1fz\xb8\x852\xc6\x18\xf3\x94\x97\xbd\xfe\xe23\xd7\\\xdc\x7f\xe5\xcf?8]N\x81;\xee\x1e;\xcc?.`\x01\x88%\xa5\x94\xc5b\xf1z=\x8f\xfcu\xbc\x10BJ)\x04\x97B\xfc\xf9\x8f\x94\xb1&gt;\xc6\xb8$\x85HIM]\xbfz\xd5\xf5W\x9c\xb7~\xf5J\xc30\x08!:aJ\x89RJ\n!\x04\x17\x9c\x0b\xceu\xe6\xd5\x1dqR\n!\x08!\x86a\xec\xc8\xdfr\xd3\xd0\x8b\x96.^\x98\xe6r\n!b\xfd;\xc5\x13\xcc?^`\x17P,I!\x9c\xee\xd4{o\x9d\xb8}\xdb\x16\xc6\x18\x9e\xe5uB)e\xb5\xd9J\x8a\x0b\xef\xb8aHyi\xb1a\x18\x9cs\x00 \x84(\xa5\x84\x10V\x9b\xbdc\xe7.\xad\xda\xb4w\xba3\x00\x94\xa7\xbc|\xfb\xb6\xcd\x9b\xd6\xaf\t\x87C\xb5\xdf\xc69g\x8c\x85\x82\x81\xbbn\xba\xe6\xc3\x85?7m\xde"\x14\n\xe3H\xcc\xd1\xc0\xfc\xe3\x08\x16\x80\x98\x11\x82\xbb\xd2]\x9f\xff\xfb\xc3y\xef\xbe\xae[\x7f}\xea\xc7\xfa\xb8\xe2\x9e\x942)\xd9\xfe\xc8\xdd\x0f\x14\xec\xde\xb9_\xebc\xb3\xdbG\xdfz\xd7\x15\xc3\xafo\xde\xb2\xb5\xcdn%\x14\x00@I\x08\x87";\xb7\xe7\x7f\xf6\xe1;s^y.\x14\x0c\xd46U\xcc0\xbc\x9e\x8a\x19S\xefy\xe5\xddOB\xa1p\x8c\x7f\xb18\x81\xf9\xc7\x11\xac\xa8\xb1\xa1\xa4\xb4\xd9\x93\xf6\xec\xda\xf5\xc4\xfdw\xea\xd3\x1d[\xff:\xa1\xa4LJN\xde\xb4~\xfd\xfc\x8f\xde\xa3\x94\xea\x9b*B)(\xc8\xca\xc9\xfd\xd7\x7f\xbe\xb9\xef\xf1\xffk\xd6\xb2u8\x14\xf2Tx+J=\x15\xa5\x1eO\x857\x1c\x0e5k\xd9\xfa\xdeiO\xbc\xfd\xe9\xe2\x9c\xdc&amp;J)B(\x00\x08\xce)\xa5K\xf2\xe6\xafY\xb52\xd9\xe1\xc0\x1e\xb9#\xc2\xfc\xe3\x0b\x16\x80\xd8P\x006\x9b\xf5\xb1)\x13J\x8b\x0b\t\xa5R)\xa5\xd4\xb9\x17]fOJ\x8e\xf5\xa1\xc57)\xa5=\xc9\xf2\xdd\xd7\x0bL3B\x08\xad\xad\xa9\x94\xd1\'_\x9asf\xff\xbeE\x85\xe5\x91P\x88P\xca\x18c\x86\xc1\x0cC\x8fLFB\xa1\xa2\xc2\xf2\x1e}{O\x7f\xe9M\xc3\xf8\xf3\xce\x98\x10*\xa5\xf8\xfe\xeb\x05V\x1bS\xd8\x00\x1d\t\xe6\x1f_\xb0\x00\xc4\x00\xe7\xdc\x9d\x9e\xf6\xce\xec\x97\x17\x7f\xf59c\x06(E\x00Z\xb6i?\xe2\xc6[\xc2a|\xec\xeb\xc4\x10"\x05\xac\xfb\xf5\x17\x00\x02\xa0\x00\x802\xa6\xa4\xec3\xe0\xfcs\x06]XR\xec\xb1Z\xad\xe4`]\xc9\x84R\xab\xd5ZZTq\xd6y\xe7\xf7=g\x90R\xb2f\xf6\xa1\x02\x80\xdf\xd6\xfcWp\x00|k\x8e\x08\xf3\x8f+X\x00\xea\x9b\x942%\xc5\xb1a\xed\xfag\xa6\xddG)\x95\xb2\xba\xeb\x7f\xdc\xc4{\x93SR\x94\x94X\x00N\x04\xa5\xc44yQA\x81\x9e]\x0e\xd5\x93\r\xa1\xef\x80\xf3\tQGL\x96\x10B\x88:\xf3\xac\x81\xfa\x0fP\xf3\xb7\x14\x17\x16D\xc2\x11\x1c\x84&lt;"\xcc?\xbe`\xa0\xf5LQB\xa4\x94\x0f\xdf=&gt;\xe0\xf7\x01!\x84P!D\xebv\x1d\x86\xdfp}\xe1\x9e]\x00x\x99s\x82\x88\xe0&lt;\x12\xd1\x03\x86\nj\x96\x1c\xcb\xca\xc9\x95\x92\x1c9[B\xa4$\xd99\xb9P\xdb\x80\x01\x00@$\x12\xe6\xdc\xc4\xda|\x140\xffx\x82\x05\xa0^q.\x9c\xe9\xa9/\xff\xfdo\xbf\xae\xf8\x91\x19\x86\x14B\x9f\xd2\xf7N{\xc6\x91bTy\xbd\xb0\xdfjp\xe8\x98)f\x18V\x9b\r\x00\xf6\xcdR\x08~\xb4\xc9\x12\xe0\xdc\xdc\xef5\xab\xd5\xc6\x0c\x03G\xe9\x8f\x02\xe6\x1fO\xb0\x00\xd4\x1f!D\x9a3\xed\xa7\xef\xbe\xff\xe7s\xd3\x19cR\x08=\xfb\xf3\xba\xb1\x13\xce\xbd\xf0\xd2\xaaJ\xa8\xb9nB\xc7OJe\xb1\x18\xfa\x12R\x17W}\xd9\xb8{{&gt;\xa3\x00GlA\x94b\x14v\xed\xfc\xa3\xf6\x07\t!\x00$\'\xb7\xb1\xddn\xc3Y(G\x84\xf9\xc7\x17,\x00\xf5D)e\x18\x86\xaf\xaa\xea\xe1\xbb\xc6sn\xeay\x9fB\x88\xf6\x1d;\xfd\xf5\x91\'\xab\xbc^\xc6 \x1c\n\x02`\x17\xd0\x89Q\x8a2\xe8x\xfa\x19\x00\xa0\xaf@\xf5\xd4\x91\xef\xbe^\x10\x0e\xf1\x83\x0e?\xee\x8bP\x1a\x0e\xf1\x1f\xbe\xc9\xab\xfdA=\x98yz\xf7^\x94\x1dE\xfb\x850\xff\xb8\x82\x05\xa0\x9eH!\xd2\x9c\x8e\xa7\xa7\xde\x9b\xbfe\x13cL\x17\x00\x8b\xd5:\xed\xb9YI\xc9\x0e.8\xa1\x101\xf7\xbf\xf3E\xc7\x8aP\x1a\t\x8b\xfe\xe7^\xa0\x97S\x05\x00)%\xa5t\xdd\xaf+\xff\xf3\xe1;\x19Yif$r\xa8\x9f5\xcd\x88;#-\xef\xf3\x8f\xd7\xacZN)\x95R\x12B\x94\x92\x16\x8be\xe0\x85\x97\x87\x82&amp;\x0eB\x1e\x11\xe6\x1f_0\xd0\xfa 8w\xa6\xbb\x16|\xf2\xc9\xfb\xff\xfa\'c\x86\x10\x822&amp;\x84\xb8\xed\xaf\x0f\xf7\xea\xd7\xa7\xaa\xb2\x92R\xa6\xbf-\xd6G\x1a\xf7(\xa5\x01\xbf\xbf\xf3\x19\xdd\xfb\x0f\xbc@)\xa5\xa7\x12\xea\x07\x8b\xfev\xff\xa4\x9f\xbe\xfb!\xabQ:\xe7\xe6~3\xca\x95R\xa6i\xa6g\xa4oZ\xb7\xe1\xf1\xfb&amp;\x12B\xf4\xa5&amp;cLJy\xf9\xb0Q\x1d;w\x0e\x06\x02G\xbc\x80E\x98\x7f|\xc1@\xa3NIi\xb3\xdb\x0b\xf7\x14L\xbb\xf7v}EC\x19\x13\x9c\xf7\xea;`\xfc]\xf7z\xca\xab\xf4c/\xa4\xe6\x9e\x17;\x80N\x9c\x14\xf2\xce\xfb\xa7Y\xacVU\xb3\x08\x01\x80\xf2Uy\xc7\x8f\xb8\xec\xf3\x7f\xcf\xcb\xc8t[mv\xce\xb9\x1eT\xd4\x8f\x9bf\xe5\xb8W\xfe\xfc\xe3\xd8a\x17\x97\x95\x14\x11B\x94\x94\x8c1\xceyn\xd3fw?\xf4D\xc0\x1f\xc2\xcb\xcf\xa3\x87\xf9\xc7\x0b\xcc4\xea\x94R\xf6$\xfb\xb4{\xef(., \x94*\xa5@\xa9\xd44\xe7\xb4\xe7\xfeY\xb39*\xaaK\x94R\xbf\xcf\xdf\xb5G\x8f\xbb\x1f\xfa\x9b\x14\x821\xa3z\xb1\rJ+\xbd\x9e\x89\xa3\xaf\x9er\xeb\x98\xbd\x05;32]\x16\xab\x15\x80\xb83\\\x9c\x9b\xcf&gt;\xfe\xd8\xf5\x97\x0f,\xd8\xbdSw&gt;\xe8\x1b5GJ\xcas\xb3\xdf\xcf\xc8\xca1#a\x9c\x83x\x940\xff8\x82\x05 \xba8\xe7\xee\x0c\xe7{o\xccZ4\xffc\xc6\x0c)\xf4V_\xf2\xdei\xcf\xb4\xeb\xd8!\xe0\x0f\xe0uM40\x83y**\xc7\xde&gt;\xf9\xc6[\xee\xd2\xf3\xc7\xf5R\xc3z\xd1\xf9\x8f\xde\x9d3d`\xaf\'\x1f\xbe\xaf\xa8`\xb7\x94|\xee\x9c\xd9\xc3.8\xf3\xc5\xa7\x1e\x8dD\xc2\xbaB3\xc3\x10\x82gf\xe7\xbc\xfa\xde\xfc\xeeg\xf6\xf5UVR\xdc\x93\xe4X`\xfe\xf1\x02W\x03\x8d")\xa5\xc3\xe1\xf8}\xc3\xc6\x19\x8fN\xd1\x0f\xfdRF\x85\xe0\x17]&gt;t\xf8\rc+\xca\xbc\xfb\xaey\x82\xea\x16!\xa4\xaa\xaa\xea\xc1\xff{\xd6\xe9v?\xff\xe4#\x00\xc0\x98!\x04\x07\x00\xc6X\xa5\xb7b\xf6\xf3O}\xf8\xafY\xae\xf4\x8c\x1d\xf9[\xf5\x8bBJ\x02 \x95\x12\x9c\x9fy\xd6\xb9\xd3\x9e\xfdg\xcb6\xed\xbc\x1e\x0f\xc3\xb7\xe9\xd8a\xfeq\x01/?\xa3H\xef|\xf4\xf0]\xb7\xf8\xaa*\xab\x1fr\x97\xb2Q\x93\xa6\x0f?\xf5B(\x18\xa2\x14oi\xa3H\xf7\x18TVVN\xbc\xff\xe1\x99\xef|\x92\xdd\xa8\xb1n}\x00@\xaf\xbc\xcd\x18\xf3z*v\xe4o\xa5\x8c\xe9u+\x89^\xa8#5m\xcac3^\xfb\xf7WM\x9a\xb7\xac\xf4z\x18\xc3\xd6\xe7x`\xfeq\x01\x0b@\xb4p\xce]\xe9\xa9\xaf&gt;7}\xe5O\xdf\xd7&lt;\xf4K\x94RSg\xcc\xcci\x94\x1b\x0e\x85\xf4\x82\xb7(zt\xcfCyi\xc5y\x17]\xfe\xd9\xd2\xd5#\xc7N\xb0X,:v\xbd\xdc\xbc\xfe\x06Y\xbdS\x15\x05\x80\x0b.\x1b\xbc\xf8\xd7\xfc\t\x93\xa7\x04\x03\xfeP0\x88\xad\xcf\x89\xc0\xfcO~\xd8\x06E\x85\x10"5-m\xc5\xb2\x1f_\xf9\xfb\x13\xfb&gt;\xf4;r\xec\x84\x0b/\xbb\xbc\xa2\x02\xefj\xeb\x89\x14\xc2b\xb1RJ\xab\xbc^\xbd\xe9\xac^\xa0\x06\xaa\xd7\x1d\xa3\xb5\x0f\x97\xea\xd1\xf8\x8d\xebV\xbf\xf3\xda\xcc\x1d\xf9\xbb\xdd\xe9n\x00\xc0GOO\x10\xe6\x7f\x92\xc3\x02P\xf7\xf4C\xbf\xc1\x80\xff\xe1I\xe3\xcdHDO\x82\xd6\x0f\xfdN~\xe4\xc9J\xaf\x9f\xe1\x88V\xbd\x10\x9c\';\x1c@\xc8K3\x1e\xbb\xe2\xec\xae\xef\xcc~)\x12\t\xebG\xf0\xf4\xb3x\xfaI%\xc6\x98\xbe9SJ\xed\xda\x9e\xff\xc2\xf4\xa9\xd7\\\xd4\xf7\x83\xb7\xdep\xa4\xa4\xd8l6\xdc\xa7\xf3\xb8a\xfe\'?,\x00uO\x08\x91\xe6t\xfc}\xda\x03[6\xad\xafy\xe8\x17\xfe|\xe8\x97s\x9c\xd0V\x0f\x04\xe7N\xb7k\xcb\xef\x1b\xae\xbf\xfc\xdc\x17\xa6?\x1a\x08T\xd7]\xfd\x8e\x08!\xb2rr\xbbt\xef\x05\x00B\x88\xdaG\x96\x08!\x8c\x19{\xf7\xeczp\xe2M\x13F\r.-.JMK\xe3\xf8\x80\xde\xb1\xc3\xfc\xe3\x02\x16\x80:&amp;8w\xb9]\x0b\xe7\x7f\xfe\xcek/\xe9n\x9f\xea\x87~\'?\xa2\x1f\xfa\xc5\xcb\xffz\xa0\xf7[^\x9c\xf7\xc5u\x97\x0eX\xfb\xdf\x15\xcc0\x08!\xba\xa3Y\x08\xe1N\xcf\x9cx\xffc\x1f}\xf3\xcb{\x0b\x96\xbe\xb7`\xe9\x90\x91c\x92\x92\x93\x85\x10@\x80\x10"\x04\'\x842\xc6\xbe\xf9\xf2\xd3\x11\x97\xf4\xff\xef\xf2\x1f]n\x17&gt;\xa4}L0\xffx\x81\x05\xa0.)%mv{Ia\xe1cS&amp;\xe8\xbb\xda\xea\x87~\xfb\r\x18?\xe9\x9e\xda\x87~QT\t\xc1\x9dN\xd7\xb7\x0b\xbf\xba}\xd4\xe0J\xaf\x871&amp;8\x07 J))\xe5\xe0\x117~\xbc\xe4\x97I\xf7?\xe2rg\x04\x83\xe13z\xf6}\xea\xe5\xd7\xe7-Z1\xf4\xba1\x04\x88\x94\x921\xa6\x94\xd4;\x92\xef\xdd\xb3k\xec\xb0\x8bW,\xfb&gt;\xd5\xe9\xc4\xbe\x88\xa3\x84\xf9\xc7\x11,\x00uIJ\x95\x94l\x7f\xfc\xbe;\xf7\xee\xd9E)\xd5\xdd\x9a\xa9i\xcei\xcf\xe2C\xbf\xf5DJ\x99\x94\x94\xfc\xc7\xb6-\x7f\x1d?\xd24#\xfa\xf6K\xaf\xc0\x91\x94\xecx\xfa\x95\xb7\x9e~uNfvnY\xa9\x87s\x93R\xe2\xf7\xfb&lt;\xe5\x9e\x96m\xdbO\x9f\xf9\xfa[\x9f.&gt;\xa5S\x17!\x84\xbeK\x13\x9c3\xc6\xfc\xbe\xaa\x897^\xbdk{~R\x92\x1d\xc7$\x8f\x08\xf3\x8f/X\x00\xea\x8c\xe0\xdc\x9d\xe1\xfc\xe0\xad7\xbe\xfc\xf4C\xc6\x0c!%!TI9y\xeaSm\xdaw\xf0UV\x01(q\x08R\x08!\x84R\xfb\x9f\xdf\xba\xb7t?\xb8(\xeea\x11f\xb0i\xf7\xde\xe1\xad(g\xacz\xf6-!$\xd9\x91\xf2\xca\xbb\xff\x19:jTy\x99\xc7\x0c\x87\r\xc3\xd0#1\x94R\xc6\x8cP0\xe8)\xf3\xf4\xeew\xce{\x0b\x96^2\xf8\x1a\xddq\x07\x00B\x08\xc6\x8c\xb2\xd2\xe2\xa9\x7f\xbd\x952\x86\x0b5\x1d\x05\xcc?\x9e`\x8fD\xdd\x90R&amp;;\x1c[7m~\xea\x91\xbf\x12Juw\xa7\x14b\xe8\xa8\x9bn\xbes\xbc\xd7\xa3\xd233\x0e\xf3\xe3\xa6)\\Nf\xb3%\xed\xf7\xba\xc5bu\xba\x98\x02\xb7\xc1\xfe&lt;\xf5\x03\xfe\xa0\x94\x1c?\x0c\x07\x92B\xa4:\xd3\xbe\xf9r\xfe\x0f\x8b\xf3(c\xfa\xc9#\xdd\xfb&lt;\xf5\xe9\x99\xe7\x0c:\xbf\xb8\xa8\xdcb\xb1\x1e\xf8\x83\x94R\xa0\xb4\xd2\xeb\xb1X\xad\xffx\xed=J\xe8\xfc\x8f\xe6R\xc6\xa4\x10Bp\xc6\x8ce\xdf.Z4\xff\xd3\x8b\xaf\x1c\xec\xf5\xe0(\xce!a\xfeq\x07\x0b@\xdd\xd07\xb9\xd3\xee\xb9\xbd\xd2\xe3\xa1\x8cI)@\x00!\xa4h\xcf\xee\xb1\xc3Fp\xd3\xdcw\x06\xf4\x81\x94RV\x9bu\xe3\xba5\x00 \x84\x84\x9a\x19\xd0\xab\x96\xff0n\xf8\xb5f$\xb2\xef\xc4\xa1\x89\xf7Ok\xde\xaaM$\x8c\xcbc\x1d\x0c\x81\x8f\xe7\xbeA\xf4C\xd8z\x81\x01!\x06^t\xd9\x90\x91\xd7\x97\x14{\x0e\xda\xfa\xd4b\x86\xc19\x0f\x06\x02O\xfc\xe3\x9f\x9b7\xac\xdd\xbc\xe9\xb7\x9aE\xed\x15!\xe4\xa3w_\xbf\xe8\x8a\xc1\x18\xf9\x11`\xfeq\x05\x0b@\x1dPJ1fx=\xde\x8d\xebW\x13B\x94\xd4{a\x03(\xb5tq\xde\xb1\xffm\x12j\x9e\x8b\xd9\xbbg\xd7\xfc\x8f\xde\xdb\xef\x1bn\x18\x7f\'kw\x8a\n\x85\xb0\x00\xecK)e\xb1ZK\n\x8b\x7f\xfd\xe5\'=\xde\x0851\x8e\xbci\x82\xe0\xf2h\xe2\xa2\x94F"\x11w\xba\xeb\xd6\xbb\x1f\xbck\xdc\x08 \n\x00\xa4\x94J\xa95\xab\x96\x17\xee)pgd\x98&amp;\xeeN~\x10\x98\x7f&lt;\xc21\x80:C(\xb1Z\xed\xfb\x8d\xf4\xea.NvT\x8c\x03\xf7\xbb\xd0\xd3\xa2\x0f\xf8F\x03\x87\x01\x0e\xa4\x94\xb2Xm\x05\xbb\xb6\x97\x95\x14\x03\x80RRw&gt;dd\xe5t\xec\xdc5\x14\x0c\x1f\xe5\xc2\xab\x8c1\xbf?\xd8\xb3\xdf\x00wFf\xcd\xa6T\x8a\x10\xe2\xa9(\xdf\xb3k\xbb\xc5j\xc5\xc1\xfc\x83\xc2\xfc\xe3\x11\x16\x80\xbaD\x08\xa1\x8c\xed\xfb\x0f\x10\xa2@)\x80#\xfe\x03\xa0\x0e\xd1\xac\x1f\xe4\xc7\xd1\x81\x94R\x8c\xd1\xf2\xb2R\xa5\x94nk\xf4ub\xa3\xc6MR\xd2\x9cB\x1c\xed\xf3w\x84\x10\xc1y\x9a\xcb\xdd\xb8i\x0b\x00\xd0k\xd7\xe8\x9f\xf5T\x94QF\xb1\x01:(\xcc?\x1ea\x17P]\xf2Uy\xa5\x10\x00u6aY\xcf\x02\xda\xefE)\x04\x8e\x00\x1f\x14!P\xb3\xe5,\xa9\xfd\xb7\xc5be\x94q8\xb6\xfd\x96)e\x86\xc5\xb2\xef\xdf\r\x00R\x08\xcc\xfd00\xff\xb8\x83\x05\xa0n\xe8\xab\x9e&gt;\x03\xce\xab(+%\x84\x1e8\xa1\xf3\x88?n\xb1\x18;\xff\xc8\xdf\xb3kG\xed=\xafR*=3\xbb}\xc7\xd38\x17\xfb^&lt;\xa5\xa4\xa6I\x89\xebI\xec\x8f\x00(\x05V\xbb\r\x00jn\x93\x14\x00TVz\xc2\xe1c\x1a/Q\x84\xd2p(\xe0\xad(\xab\xfdK\xf4\x1b\x9a\x94\x9c"%\xd6\xde\x83\xc3\xfc\xe3\x11\x16\x80:\xa0\xa7\x00Y\xad\xb6\xe7\xdf\xf8\xf7\xf1\xb5\xcb\x9c\xf3\xacl\xcb\x13\xf7=\xfa\xe2\x8c\xc7\xf4V\xa8\xfa\xa1\xf9&gt;g\x0f\x9c\xf5\xfe{\x9e\n\xbe\xef\xd4\xb7p(\x88S\x80\x0e\x82\x10!Dzz\xa6\x9e\x86\x0b5#\x90{vl/,\xd8\xdd\xbcU\x9bp8D\x8fb\tn)\x95\xddn\xcd\xdf\x91\xbfg\xe7\x0e\x00"eu1\xb6X,Y9\x8d8\xe7\x80\x1b9\x1c\x14\xe6\x1f\x87p\x0c\xa0.\x05\xfc&gt;\xbf\xaf\xea\xf8\xfe\xf1U\xc9H\xf5\xed\xf3\x9f\xb8i\xfa\xaa\xe4~\xdf\x89\xcfC\x1e\x14!\xc4\x8cD\x1a7k\x91\x91\x99\x05\x00\x84P\xbd\xc4X8\x1c\xca\xfbl^J\x8aU\x98G\xb5\x9e\x8c\xe0\xdc\x91jY\xf0\xf1\x07\xa6\x19a\x8c\xe99\x88\x00\xd0\xb8Y\xcb\xc6\xcdZ\x98\x91\xf0\xd1\xb4b\t\x08\xf3\x8fG\x18e]\xa2\'\xe6\xc0\x8bz\xbdc\xc6~b\xf2\xab\x9d\xfct\x03\x94\x99\x9d}z\xb7^\x84\x10\xbd\xe1\x9a\x9eF\xf2\xe6\xab\xff\xd8\xf4\xdb&amp;\xa7\xdbm\x9a\x91\xc3?\x8daF"\xe9\x99\xe9kV\xae~{\xf6\x8b\x84\x10\xbd^\xb1\x9e\x9d\xd5\xe7\xec\x81.w\x1a\xe7\xc7\xd6\x97\x9d80\xffx\x84\xad\tj8\x14\x00!\xe4\xd2!\xd7\xd6N\x14\xd1\xa3)\xde\x8a\xf2\x89\xa3\x87\x15\xec\xde\x91\x99\x9d\x0e@\x05\xe7Bp\xbd\x02\x87\xac^_\x83\x0b\xc1)eY\x8d\xd27o\xdc0q\xf4\xd5\xbe\xaa\xca?\x07c\xa4\xa2\x94\r\x1e1:\x12\xe1\xb8\x8f\xdba`\xfeq\x07\xd3D\r\x07c\xccW\xe5\x1bt\xe9\x15\x9d\xbat\xaf]SL/\xcb\xb1y\xc3\xba\x11\x17\x9f\xf5\xef\xb7\xfe%\x84\xe9\xcep\xb9\xd3]N\x973%\xcd\x99\x9a\xe6t\xba\x9c\xeet\x97\xcb\xed\n\x85\xfco\xcc|\xe9\xdaK\xce\xde\x91\xbf\x95\xd6td3\xc6\xa4\x14W\x0e\xbf\xbe[\xef\xde~\x9f\x1f\xef\xc0\x0e\x03\xf3\x8f;8\x08\x8c\x1a\x14)\x85\xc5Hzx\xc6\x8b\xd7]v\x0e7M\xdd\x8e\xe86\xa8\xb0`\xf7\xbd\x13nl\xde\xaaM\xaf~\xe7\x9cr\xda\xe9\x8d\x1a7Kv8\x14@\xc0\xef+\xd8\xbdc\xe3\xda_\x97\xff\xf0\xed\xde=\xbb\x00\xa0\xb6\xf51\x0c\x83s\xde\xaam\x87{\xa7=\xe5\xf7\x07\xb1\xf59"\xcc?\xbe`\x01@\r\n\xa5\xcc\xe7\xf3u\xef\xdd\xe7\xff^x}\xca-\xa3\x94R\xcc0\x04\x17\xba3\x9a\x10\xb2\xf3\x8fm;\xff\xd8v\xc8\x1fgLI\xa9\xbfYO\xc7\xcam\xda|\xe6\xdb\x1f\xa7:\xdd\x01?\xee\xe5yd\x98\x7f|\xc1\x8azR!\x07\x8a\xf5!\xc5\x1f\xc6\x98\xa7\xc2{\xd55\xd7\xcd|\xeb\xe3\x8c\xacl\xc19\x80b\xcc\xa8\xde\xa2\xa7fq\x0eJ)\xa1\x94PJ)c\xcc\xd0Kq()\t\xa1\x8c\x19J)\xcey\x8f&gt;g\xbd\xfd\xe9\xe2\xd6\xed:`\xebs\xf40\xff8\x82\x05\xe0$"\xa5PJq\xd3\xd4g\xbfR\nw\xc2;&gt;\x8c1O\x85\xe7\x82\xcb\xae\xfa\xe0\xab\x1f\xaf\x1aq\x83\xd5j\x15\x82\xeb5\xc5\x00\x08\x10]j)%\x84\xea"K\xaa_\xd6;\x95\x0b\xc1\xb3\x1b\xe5Nyt\xc6\x1b\xf3\xf2r\x9b6\xf7U\xf9\xb0\xf59&amp;\x98\x7f\xbc\xc0.\xa0\x93\x85R*))9\xd5\xe92\x18\xe3B0\xca\x84\x14\x8e\xd4T\\\xf9\xe4\xf8\xe8\xf5Y\x1b5n6\xe3\xe57o\x18\x7f\xe7\x17\x9f|\xf0\xdd\xc2\x05\xf9[7q\xd3\x84C?G\x91\x94\x9c|Z\x97\x1e\x17\\z\xd5\xc5W\x0ek\xdc\xb4q\xa5\xd7g\x9a&amp;\xb6&gt;\xc7\x01\xf3\x8f\x0bX\x00N\n\x86aTz\x03#n\xbau\xc8\xc8\xd1@\x08(\x05\x04@\x81a\xb1\x06\xfc\x01\xfc\x00\x1c\x1f\xc6X$\x12\n\x85\x82\xedO\xed\xdc\xf9\x8c3&amp;L~x\xe7\x1f\xdb\xb6\xfe\xbea{\xfe\x96\x92\xc2\xbd^Oy8\x14RJ\xd9\xecv\x97;#\xa7q\x93\xd6\xedNi\xdf\xb1S\xb3\x96\xad\xedv\x8b\xdf\x17\xaa(\xf7\xe8\x9e\x8aX\xff\x1e\xf1\n\xf3?\xf9a\x018Y\xe8;\x00\x87#E\xe9eU\x00\x08\x80TJ\xe2^\xd8\'\x80\x10\xca\x18\x04\x03\x81\x80_2f\xb4\xedpj\xc7\xce\xa73\x06J\x81\x94\xd5\xab\xaf\x12\x02\x94\x02! \x04\x84\xc3\x91p(\x14\x0c\xf8u\xc7t\xac\x0f?\xeea\xfe\'9\x8c\xf8$"\xa58p\xedO\x1c\x07&gt;q\x94R=\xdc\x15\x0c\x06\x02\x01U}\x83\x05\xd5\xc9\xd6\xac\xc5\r\xa0\xbb\xa5\t\xc5\xa6\xa7na\xfe\'-\x0c\xfa\xa4\x82\xad}ta\x7fBla\xfe\'\x1b|?\x10B(Aa\x01@\x08\xa1\x04\x85\x05\x00!\x84\x12\x14\x16\x00\x84\x10JPX\x00\x10B(Aa\x01@\x08\xa1\x04\x85\x05\x00!\x84\x12\x14\x16\x00\x84\x10JPX\x00\x10B(Aa\x01@\x08\xa1\x04\xd5@\n\x00.\xa1P\xcf\xf6\x0b\x1c\xf3\xafg\x98\x7fl5\x98\xc0\xe3\xbb\x00(\xa5\xf4\xde\xa1\xa6\x19\xc1e\xf3\xeb\x93iF\x00\xf3\x8f\x1d\xcc?\xb6t\xfe\x00\xa0\xf3\x8f_\xf1Z\x00\xf4\xf6riii\xed\xda\xb5\x05\x80M\xeb\xd7\x98\x1c\x97\x9a\xaa\x0fR)\x8b\x056\xad_\x03\x00999m\xdab\xfe\xf5\n\xf3\x8f-\x9d\xff\xef\xeb\xd7\x02@Z\x9a\xb3]\xbbv\x10\xcf7\x04q|\xc6(\xa5\x0c\xc3\xc8\xcc\xcc\x04\x00\x8f\xa7&lt;\x12\n\xc7\xef\xdb\x10_\xa4\x82\xb2\xd2b\x00HMM\xcd\xc9\xc9\x01\xcc\xbf~a\xfe\xb1U\x9b\xbf\xc3\x91\xecv\xbb\x01\x0b@L\xe8\x9b\xaf\xd3O\xef\x02\x00;\xf3\xb7\x96\x16\xed\xb5Z\xad\xb8\x81b\xb4QJ\xc3!\xa1\xaf@;u\xeat\xe1\x05\x17\x00\xc0\xae?\xb6a\xfe\xf5\x03\xf3\x8f-\x9d\xff\xc6\xf5\xab\x01\xa0]\xbbv\x0e\x87CJ\x89\x05 \x06t\xe8=zt\x07\x80\xaaJ\xef\xb6-\x9b\xac6\xab\x8a\xf3.\xb9\x93\x9cR\xcaj\xb5\x96\x15\x17n\xdf\xb6\x19\x00:u\xee\xdc\xbf\x7f\x7f\xc0\xfc\xeb\x0b\xe6\x1f[\xfb\xe5\xdf\xb5kWJi\\\x0f\x03\xc4q\x01\xd0=\x9e}\xfa\xf4IOO\x97R.\xfbv\x91a\x10\x89W@\xd1\xa4\xa4\xb4\'\xd9V\xaf\xfc\xb9\xbc\xb4\x84RzV\xff\xfe\xbdz\xf5r\xb9\\\x98\x7f\xfd\xc0\xfcck\xbf\xfc/\xb8\xe0\x02\x88\xe7\xfe\x1f\x88\xeb\x02@\x08\x91R\xe6\xe6\xe6v\xe9\xd2\x85\x10\xf2\xdd\xa2/*\xbd\x01\xc3\xc0=\xce\xa2H*\xc5\x18\xf9z\xc1\xa7J)\x97\xcb\xd5\xbd{\xf7\xe4\xe4\xe4\xae]\xbbb\xfe\xf5\x03\xf3\x8f\xad\xfd\xf2\xef\xd7\xaf\x1f\xc4\xf96gq|\xe8P3\x0c0|\xf85J\xa9\xed\xdb\xb6\xacX\xb6\xc4\x91\xe28p[]T\'\x94Rv\xbb}\xd7\x8e\xdd?,\xc9\x03\x80\x0b/\xbcH\x8f\x80]s\r\xe6_\x1f0\xff\xd8:0\x7f\xa7\xd3)\x84\xc0;\x80\x98a\x8c\x01\xc0\xd0\xa1Crrr\x94R\xaf\xbd\xf8t\\\x0f\xc8\x9c\xe4\x84\x10\x8eT\xfb{o\xbc\\VR\xcc\x18\xbb\xf9\xe6qz2\xee\xd0\xa1C1\xffz\x80\xf9\xc7\xd6A\xf3\x8f\xf5A\x9d\xa8\xf8.\x00\x84\x10\xceyFF\xc6u\xd7]\xa7\x94\xfa\xe5\xc7\xef\xbf\xffzaZZ*^\x04\xd59\xa5\x94\xcdn\xdf\xb3c\xcf\x07o\xcd&amp;\x84\x9cq\xc6\x19\xe7\x9cs\x8e\x94R\x08\x81\xf9\xd7\x03\xcc?\xb6\x0e\x95\xbf\xbe\x06\x8d_\xf1]\x00\x00\x80R\xaa\x94\xba\xf9\xe6\x9b].\x17\x00\xcc\xfa\xc7\x93\x02/\x82\xa2@p\x9e\x96f\xff\xd7\xab\xcfW\x94\x95\x02\xc0\x94)S\x00@)\x85\xf9\xd7\x0f\xcc?\xb6\x0e\x95\x7f\xac\x8f\xebD5\x84\x02 \xa5l\xdf\xbe\xfd\xa4I\x93\x94R+\x7f^\xfa\xe6+\xcfgd\xa6\x99\xa6\x19\xebCk8\x04\xe7N\x97\xf3\xe7\xa5?\xbe5\xfb\x05\x008\xfb\xec\x01\xc3\x86\r\xd3\x97?\x98\x7f=\xc0\xfcc\xeb0\xf9\xc7\xfa\xd0N\x14i\x00EL\xaf\x88\xe2\xf3\xf9\xbau\xeb\x96\xff\xc7\x1f\x0e\x87\xe3\xad\xff,\xe9\xdc\xad{\xa5\xc7\xcbpR\xc4\tSR\x1a\x16\x0b7#\xd7\\\xdc\x7f\xcb\xa6\xdf(e\xcb\x97\xff\xdc\xad[7}\xf9\t\x98\x7f\x94a\xfe\xb1u\xc4\xfc\xe3Z\xdc\xff\x02\x00@\x08!\x848\x9d\xce\xb9s\xe7\x1a\x8c\x05|\xbe\xfbn\xbf\xb1\xbc\xb4\xc4j\xb7ag\xe8\tRJ)\xa5\xecv\xdb#\x7f\xbdm\xf3\xc6\xf5J\xa9g\x9ey\xba{\xf7\xeeR\xca\xda\xb3\x1f\xf3\x8f\x1e\xcc?\xb6\x8e&amp;\xff\xb8\xd6\x10~\x07\x00\xa0\x94r\xce{\xf7\xee\xfd\xf4\xd3O+\x80-\x9b~\x1b7\xfcRF\xa9\xcdn\x17\x9c\xc7\xfa\xe8\xe2\x95\x94R)\x99\x9d\xeb|\xf4\x9e;\xe6\x7f4\x17\x00\x86\x0e\x1d:i\xd2$\xce\xf9~7\xbf\x98\x7f4`\xfe\xb1u\xf4\xf9\xc7\xaf\x06R\x00\x00\xc00\x0c\xce\xf9\xa4I\x93\xc6\x8d\x1b\x07\x00\xeb~\xfd\xe5\xa6\xab/\xa9\xf2zR\x9dN\xec\x0f=\x0e\x82s\x8b\xc5\x92\x92\x92z\xdf\xed\xb7\xbf?\xe7\x15\x00\xe8\xd9\xb3\xe7\xacY\xb3\x0e\xd5\xf5\x89\xf9\xd7-\xcc?\xb6\x8e5\xff8\xd5p\n\x00\x000\xc6\xa4\x94\xb3f\xcd\xd2\x9f\x81\x9f\x97.\x1e7\xfc\x92?\xb6l\xca\xccr\x0b!\xe2z\xc9\x8e\xfa\xa4\x94\xe2\xa6\x99\xeat\x9af\xf8\x9e\xdbn|\xf7\xb5\x99R\xaa\x9e={\xe6\xe5\xe5\x1d~\xedC\xcc\xbfN`\xfe\xb1u\xdc\xf9\xc7\xa3\x860\x08\xbc/= \xc6\x18\xbb\xf9\xe6\x9bg\xcf\x9e\r\x00.w\xc6\x83O\xfe\xe3\xca\xe1\xd7\x99\xa6\x08\xf8\xaa\x08\xa5\r\xa3\xf3.\x1a\x94RB\x08\x9b\xdd\x9e\x9aj_\xb1\xec\xc7\xa9\x93o\xd3\xabN\xf6\xea\xd5\xeb\xab\xaf\xber\xbb\xddG\xec\xfa\xc4\xfcO\x04\xe6\x1f[\'\x9e\x7f\xdcih\x05\x00j\xc6m(\xa5\x8f=\xf6\xe8\xa3\x8f&gt;\xa6_\xbc\xe4\xcaa\xb7\xdc}\xff\xa9\xa7w\x8dDx\xc0\xef\x07P\x94\xb2\x86T\xc9OD\xf5\xc6RJ\xd9\xecvG\x8a}\xf7\xce=\xef\xbe&gt;s\xce\xcc\xbfG"\x11\x00\x186l\xd8\xab\xaf\xbez\xf4g?\xe6\x7f\xac0\xff\xd8\xaa\xdb\xfc\xe3K\x03,\x00\xb0\xcfg //o\xcc\x98\x9b\n\n\xf6\x00\x80\xddn\xbf\xe4\xaa\xe1\xd7\x8f\x9fxZ\x97n\x84@(\x18\x89D\xc2RJ\xa5\x14I\xbc\x8f\x82\x02PJ\x11\x02\x84P\x8b\xd5\x9a\x94dg\x0cv\xed\xd8\xfd\xe1[\xb3&gt;|kvIQ!\x00X\xad\xd6\xa7\x9ezj\xd2\xa4I\x00pLg?\xe6\x7fD\x98\x7flE5\xff8\xd20\x0b\x80\xc697\x0c\xa3\xa0\xa0\xe0\xa1\x87\x1e\x9a;\xf7\xbdp8\x04\x00II\xc9}\xcf9\xff\xdc\x0b/\xeb\xdd\x7f@n\x93\xe6\xf6$\x1bc\xc094\xdc\x18\x0e\xc9b\x01)!\x12\x11%E\x85kV\xfe\xf4\xed\xc2\x05K\x17\x7fU\\\xb8W\x7fu\xd0\xa0A\x8f?\xfex\xef\xde\xbd\xf5\xf22\xc7\xd1D`\xfe\x87\x87\xf9\xc7V\xb4\xf3\x8f\x0b\r\xb9\x00\x00\x80\x10B\x0f\xd9/_\xbe\xfc\xc9\'\x9f\\\xb4hQ \x10\xd0_JMKk\xdd\xaec\x9b\xf6\x1d\x1b7k\xd6\xb2\xcd)\xee\xf4\x0c\xceyC}\x9b\xff\x97"\x84\x9afd\xd3\xfa5\xe5e%\x9b7\xac\xdb\xb6ycYIq\xed\x97\xfb\xf6\xebw\xfb\x84\t#F\x8c\x80}\x02&lt;&gt;\x98\xff\xc1`\xfe\xb1U\x7f\xf9\xc7\x01\xd5\xd0I)9\xe7\xfa\xbf\xd7\xad[7y\xf2\xe4\x96\xadZ\xc5:\xf5\x93Qvv\xf6\xf57\xdc\xb0p\xe1B\x9d\x95\x10B\x08\x81\xf9\xd7\x1b\xcc?\xb6\xa2\x94\xffI\xae\x81\xdf\x01\xd4\xd2}\x9d\xba\x98WUUm\xdc\xb8q\xd9\xb2e\xabV\xadZ\xb7n\x9d\xc7\xe3\xdd\xbb\xb7 \xf1\x9e\x99$\xd99\xd9\x0e\x87\xa3k\xd7\xae\x9d;u\xea\xdd\xbbw\xf7\xee\xdd\xb3\xb2\xb2`\x9f\x99$u\xf8?\xc3\xfc\x0f\x80\xf9\xc7V\xbd\xe6\x7f\xd2J\x94\xa5B\xf4\xf6aJ)BHjjj\xcf\x9e=-\x16\x0b\xa5\xb4\xa2\xa2\x822V\\\\\x94 \x85\xb0\x06\x01\x00gZZFFF\xf7n\xdd\xfa\xf4\xe9\xd3\xbd{\xf7\xd4\xd4T\xfd5!D\x9d\x8fwa\xfe\xff\x0b\xf3\x8f\xad\xfa\xce\xff\xe4\x15\x93\xfb\x8ezV{\x0b\x1c\x0e\x87?\xfd\xf4\xd3\xc1\x83\x077m\xda,\xd6\xc1\x9f\\\xd2\xd2\xd2\xce;\xff\xfcY\xb3f\x15\x15\x15\xe9\xacL\xd3\xd4M\x06\xe6_\x0f0\xff\xd8\x8aj\xfe\'\xb3\x06\xde\x05\xa4\x7f;B\x88\xd7\xeb\x9d={\xf6\xdbo\xbf\xbdv\xed\xda\xda\xaf\xa6\xa4\xa6\xe66i\x9e\x95\x93\xd3\xb2\xcd)\xae\xf4t\xc1\xe3{w\xb7\xa3\xa4@\x11B\xb8inZ\xbf\xc6\xeb\xa9\xd8\xb5}\x9b\xa7\xa2\xbc\xf6\xab\xb9\xb9\x8dG\x8e\xbcv\xec\xd8\xb1\x1d:t\x80\x13\x9e\xfd\x86\xf9\x1f\x08\xf3\x8f\xad\xfa\xcc\xff\xe4\xd7\x90\x0b@\xed\x08\xfe\x9c9sf\xcc\x98\xb1i\xd3&amp;\xfdz\xe3\xa6\xcd\xcf&lt;{\xe0\x80\xf3/&gt;\xa5S\xd7\xec\x9c\\GJ*3\xa0A\xbf\xcb\x07\xa1\x14p\x0e\xe1P\xb8\xac\xa4p\xcb\xef\x1b~\xfcv\xd1\xb2%\x8b6o\\\xaf\xbf\x9a\x9e\x9e~\xc7\x1dw\xdcu\xd7]N\xa7S\xcf&amp;&lt;\x8e\xff\x05\xe6\x7f\x18\x98\x7fl\xd5C\xfeq\xa1\xc1\x16\x00}\xf6\x17\x14\x14\x8c\x193&amp;//O\xbf\xd8\xbec\xa7\xeb\xc7\xdf1\xe8/Wede)\x05\xe1p\xc4\x8c\x98R\n\xa5d\x03\x8d\xe1\x90\x88^F\x98R\x8b\xc5j\xb3\xdb\x0c\x03\xaa*\x03+~\xfc\xee\xcd\x97\x9f[\xf6\xed"\xfd=\x1d:tx\xfd\xf5\xd7\xfb\xf5\xebw\x1cS\xa11\xff\xc3\xc3\xfcc+\xda\xf9\xc7\x8b\x86Y\x00t\xd1\xce\xcb\xcb\x1bs\xd3M\x05{\xf6\x00@\xab\xb6\xedo\xba}\xf2_\xae\x1a\x9e\xe6J\xf3U\x05L3\x02@(\xa5\x84\x80\x1e\x11JXJ)\xa5\xa7\x88\x18\x86#%E\x08\xb9l\xc9\xc2\xd7^\x9c\xf1\xf3\xd2%\x00`\xb5\xd9\x9e\x9a&gt;}\xd2\xa4I\xc7\xf4\x19\xc0\xfc\x8f\x1e\xe6\x1f[\xd1\xc8?\x8e4\xc0\x02\xa0\xcf\xfe\xd9\xb3g\xdf|\xf3\xcd\xfa\x95k\xc7\xdc6\xe9\x81\xc72\xb33\xbd\x1e\x9f\xe0\x9c2\\\x05\xe5\xe0\x84\x10\x84\x90\xd4\xb44!\xf8\xdb\xb3^za\xfaT_U%\x00\x8c\x1b7n\xd6\xacYzv\xc4\x11\xa3\xc3\xfc\x8f\x1b\xe6\x1f[u\x92\x7f|ih\x05@\xdf\xf9\xd6\x9e\xfdNW\xfa#3^\x1c&lt;\xe2\xdaJo \x12\x894\xe0\xbe\xbc:\xa4?\x06\x19\x99i\xab\x96\xff\xf2\xe0\xc4q\x9b~[\x035\x9f\x81#^\x07a\xfe\'\x0e\xf3\x8f\xad\x13\xc9?\xee4\xa8\x02\xb0\xdf\xd9\x9f\x99\xdd\xe8\xc57\xe7\xf5\x1d\xd0\xaf\xb8\xb0\x82\x19FCz\xdb\xea\x81i\x9a.\xb7\xbb\xac\xa4\xe8\x96k\xafX\xb3j9\xecs\x1dt\xa8gd0\xff:\x84\xf9\xc7\xd6q\xe4\x1f\x8f\x1aN\x01\xd0o\xcc\xd7_\x7f=h\xd0 \x00pgd~\x98\xf7S\x8b\xd6m\xbd\x15\x15\x86\xc5\x12\xeb\xa3\x8bK\x82s\xab\xdd\xc6(\x1b=\xe4\xc2\x15\xcb\xbe\x05\x80G\x1f}t\xea\xd4\xa9\x07\x9d\x17\x81\xf9\xd79\xcc?\xb6\x8e)\xff8\xd5@\n\x80\x9e\xae[TT\xd4\xa5K\xd7\xe2\xe2\xa24\xa7\xeb\xd5\xb9\x9fu?\xb3\x9f\xd7\xe31\x0c&lt;\xfb\x8f\x9f\x10\xc2f\xb7\xf9\xbc\xde\x9b\x86]\xbca\xed\xaf\x84\x90\xbc\xbc\xbcA\x83\x06\xedw\x1d\x84\xf9G\t\xe6\x1f[G\x99\x7f\xfcj \xb3\x7f\x95RB\x88Q\xa3F\x15\x15\x15\x02\xc0\xc3\xd3_\xec;\xa0\xbf\xa7\x02\xcf\xfe\x13\xc5\x18\x0b\x07C\xe9Y\xd9\xcf\xce\x9a\xebt\xb9\x95\x82Q\xa3\xae/,,\xd4K\x0b\xd4~\x1b\xe6\x1f%\x98\x7fl\x1de\xfe\xf1\xab!\x14\x00]\x8d\xe7\xce\x9d\xbbh\xd1"\x00\xb8z\xd4\xd8!\xd7\x8d,*\xac\xb0\xe0\x9do]`\x86\xe1\xf5x\xda\x9fz\xca\x03\x7f\xfb\x07\x80***\xbc\xff\xfe\xfb)\xa5\xb5\xf7\x8e\x98\x7fTa\xfe\xb1u\xc4\xfc\xe3Z\xdcw\x01\xe9\x15-&lt;\x1eO\xef\xde\xbd\xf3\xf3\xf3\x9b\xb6h5\xef\xeb\x156\x9b]\x0f\xe5\xc7\xfa\xe8\x1a\x0e!\x84\xcb\xed\xbc\xed\xba!\x0b\xe7\x7fl\xb3\xd9\x96.]\xda\xa3G\x0f\xa5\x14!\x04\xf3\xaf\x07\x98\x7fl\x1d*\xffx_("\xbe\x8f\x1ej\x96\xee\x9b3g\xce\xd6\xad[\xa5\x94c\xef\xb8\'3;=\x12\x89\xe0\xd9_\xb7\x08!f\x84O\x98\xf2\x88\xcdn\x0f\x87\xc3S\xa7N\xd5M\x0f\xe6_?0\xff\xd8:T\xfe\xb1&gt;\xae\x13\x15\xdf\x05@)\xc5\x18\x0b\x06\x83s\xe6\xcc!\x84\xb4j\xdb\xe1\xb2\xa1#\xbc\x15\xbe\x063F\x7f\xf2\xa0\x94\xfa|\xbeN]\xbb\\x\xd9\x10\x00\xf8\xfe\xfb\xef7n\xdc\xc8\x18\xa3\x94b\xfe\xf5\x00\xf3\x8f\xadC\xe5\x1f\xef#\x01\xf1]\x00\xf4s\x19_\x7f\xfd\xf5o\xbf\xfd\xa6\x94\x1a}\xdb\xddi\xceT\xc1y\xac\x8f\xaba\xa2\x94F\xc2\xe6\x98\t\x93\x93\x92\x1d~\xbf\xff\xb5\xd7^\xd3/b\xfe\xf5\x03\xf3\x8f\xad\x83\xe6\x8f\x05 \xf6\xde|\xf3MBHvn\xe3\x0b.\x1d\xec\xab\n\xd0\x061=\xeb$D)\xf5\xfb\x03\x9d\xbav\xed\xd5\xeflB\xc8\xbcy\xf3|&gt;\x1f\x00\xe8\xcbO\xcc?\xda0\xff\xd8:0\xff@ `\x18F\\w\x04\xc5q\x01\xd0\xfd?^\xafw\xc5\x8a_\x94R}\xcf&gt;?3;\xd34M\xec\xfd\x8c"\xa5\x08\x81\xf3.\xbeR)\xb5gO\xc1\x86\r\x1b8\xe7\xcb\x97/\xc7\xfc\xeb\t\xe6\x1f[\xff\x9b\xff\x9a5k \xceo\x02\xe2\xb8\x00\xe8\xdcW\xae\\\xb9{\xf7.\x00\x180\xe8\x92X\x1fQ\xc3G\x19\x0b\x06#g\xf6?7%5M\x08\xfe\xfd\xf7\xdf\xaf[\xb7\xae\xa0\xa0\x000\xffz\x81\xf9\xc7\xd6~\xf9\x7f\xf9\xe5WP\xb3\xebN\x9c\x8a\xe3\x02\xa0s_\xb1\xe2\x17\x00Hv8:v\xea\x12\x0eE\xe2}V\xd6I\x8e\x10\x12\t\x87s\x9b6o\xd1\xba-\x00\xacY\xb3f\xd9\xb2e\x00\xe0p\xa4`\xfe\xf5\x00\xf3\x8f\xad\xfd\xf2_\xb9\xf2\x17\x00\x88\xeb\xcc\xe3\xf8\xd0\xf5\xad\xee\xaaU+\x01\xa0i\xf3V9\xb9M\xf0\xfe\xb7\x1eH)\x93\x92m\x1dN;\x1d\x00\xd6\xac]\xbb\xe0\xcb/\x01\xa0q\xf3\x16\x98\x7f\xfd\xc0\xfcck\xdf\xfc7n\xdc\xe8\xf3\xf9\xe2\xfa\xa1\xb08\x9e.\xa6\xe7\xe1\x96\x94\x94\x00@zfVrJ\xaa\xaf\xaa2\xae\xabq\\PJ1\x069\xb9M\x00\xa0\xa2\xbc\\w\xc4\xa5g`\xfe\xf5\x04\xf3\x8f-\x9d\x7f\xa3\xdc\xa6\x00\xe0\xf1x\x83\xc1`JJJ\xac\x0f\xea\xf8\xc5k\x01\xd0\xcf\xe0y&lt;\x9e\xcd\x9b7\x03@\x9b\xf6\xa7\x1a\x86\x8a\xdf:\x1cG(!\x9cC\x9b\xf6\xa7\x02@QQQii)`\xfe\xf5\x08\xf3\x8f-\x9d\x7f\xeb\xf6\x1d\x01\xa0\xb2\xd2\xbbq\xe3\xc6\xac\xac,)e\x9c\xae\r\x17\xaf\x05@SJ\x99&amp;\x07\x00wz\x06\xa5\r\xe1\xc1\xbc\xb8\xa0\x14\xb8\xd33\x00\x80s\xae\xaf@1\xff\xfa\x84\xf9\xc7Vm\xfeRJ\x1e\xe7O]\xc4\xfd\r\xa3\xee\xf4\x8c\xf7\xb7!\xee\xe8\xc0kwG\xc2\xfc\xeb\x19\xe6\x1f[\xb5\x81\xc7\xfb\xa0K\xdc\x17\x00-\xde\xdf\x86\xb8\xb3_\xe0\x98\x7f=\xc3\xfcc\xab\xc1\x04\xde@\n\x00B\x08\xa1c\x85\x05\x00!\x84\x12\x14\x16\x00\x84\x10JPX\x00\x10B(Aa\x01@\x08\xa1\x04\x85\x05\x00!\x84\x12\x14\x16\x00\x84\x10JPX\x00\x10B(Aa\x01@\x08\xa1\x04\x85\x05\x00!\x84\x12\x14\x16\x00\x84\x10JPX\x00\x10B(Aa\x01@\x08\xa1\x04\x15\xdf\xfb\x01\xc4#\xa5\x94</t>
        </is>
      </c>
    </row>
    <row r="331">
      <c r="A331" s="1" t="n">
        <v>329</v>
      </c>
      <c r="B331" t="inlineStr">
        <is>
          <t>venn</t>
        </is>
      </c>
      <c r="C331" t="inlineStr">
        <is>
          <t>What is the missing number of the part denoted with a question mark?</t>
        </is>
      </c>
      <c r="D331" t="inlineStr">
        <is>
          <t>['4', '0', '7', '8']</t>
        </is>
      </c>
      <c r="E331" t="inlineStr">
        <is>
          <t>7</t>
        </is>
      </c>
      <c r="F331" t="inlineStr">
        <is>
          <t>There are 3 overlapping circles containing the numbers [3, 4, '?']. The overlapping part between the first and second circle contains the number 7. The overlapping part between the second and third circle contains the number 11.</t>
        </is>
      </c>
      <c r="G331" t="inlineStr">
        <is>
          <t>We observe that the circles with 3 and 4 overlap to form the part 7, where 3 + 4 = 7. Hence, the pattern is most likely that the numbers in the overlapping parts are the sum of the numbers in the corresponding circles.</t>
        </is>
      </c>
      <c r="H331" t="inlineStr">
        <is>
          <t>Based on the pattern that the numbers in the overlapping parts are the sum of the numbers in the corresponding circles, the missing number of the circle where the overlapping part is 11 should be 7.</t>
        </is>
      </c>
      <c r="I331" t="inlineStr">
        <is>
          <t>b'\x89PNG\r\n\x1a\n\x00\x00\x00\rIHDR\x00\x00\x02\x00\x00\x00\x02\x00\x08\x06\x00\x00\x00\xf4x\xd4\xfa\x00\x00\x9afIDATx\x9c\xec\xddw\x9c\x13E\x1b\xc0\xf1\xdf\xee\xa6\x97\xeb\xf4r4\xa9\x82\x14E\xc1\x026P\xb1`\xc7\x82"\n\x08\x8a\n\x16DEE\xb1\xa1\x80(*\xa2bC\xc5\x82\x05\x1b\xa0b\xa1\t( H\x97\xde\xcb\xb5\xe4\xd2\xb3\xbb\xef\x1f\x9b\x1c\x07\x96\x97r-\xc9|?\x1f_}\xb9\xe3\xb2\x97\'\xbb\xf3\xcc\xcc33\x92\xae\xeb:\x82 \x08\x82 \xa4\x14\xb9\xb2/@\x10\x04A\x10\x84\x8a\'\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a6\xca\xbe\x00\xa1r\xe8\xba~\xd0\x7f\x97\xfe\xff\x87~=N\x92\xa4\xbf\xfd\xf7\xa1\xff\x16\xaa\x86x\xfc\x0e\x8d\xed?\xc5\xb5\xb4Cc,\xe2[5\x95\x8eo\xe9\x7f\x1f\xfa\xdf\xa5\x89\xfbW8\x94\xa4\xff\xbf\'\x82\x90\xb0\xe2\xa1\xd54\xad\xe4\xbf\xe3\x0fuY.\xfb\xc1\x1fUU\xff\xf6:\xa5\x1b\x11\xa1l\xc5\x1b\xf7\xd2\x8d|&lt;\xb6\xe5\xf1\x9e\xc7?G\xba\xae\x97\xfc\xfc\xf2z-\xe1\xdf\xe3[\x1e\xf7\xaf\xae\xeb\xff\xf8\x9c\x10\xf7or\x13\t@\x129\xf4\x01\xad(\xca\x7f~\xbf\xcf\xe7\xc3\xeb\xf5RTTDqq1\xc5\xc5\xc5\x04\x02\x01\xfc~?\xd1h\x94p8\x82\xa6i\x98L\nf\xb3\x19\xb3\xc5\x82\xc3n\xc7\xe1p\xe2r9q\xb9\xdcdd\xa4\xe3t:\xb1\xdb\xed\xff\xfa:\xa5\x1f.\xe5\xd9@%\xb3x\\5M\x03\x8c\x86\xf7\xbf\x1a\x01\x9f\xcfG$\x12a\xdf\xbe}\xe4\xe7\xe7\x13\n\x87\t\x87\xc2\x14\x14\xe4\xe3\xf5z\x89F\xa3\x84\xc2at]\xc7b6c6\x9bq8\x1cdff\xe2p80\x99L\xa4\xa7\xa7S\xb3fM,\x16\x0bn\xb7\xfb?\xafM\xc4\xf7\xd8\x1c\xda\xd8\xff\xbf\xf8\xaa\xaa\x8a\xdf\xef\xa7\xa8\xa8\x08\x8f\xc7\x83\xb7\xb8\x18\xbf\xcf\x87\xdf\x1f \x10\x08\xa0\xaaQ\xc2\xe10\xba\x0ef\x8b\x19\x93\xc9\x84\xcdj\xc5\xeep\xe0t8p\xb9\\\xb8\xddn\xd2\xd33p:\x1dX,\x96\xff\xbc6UU\x81\x03\t\x9f\x88or\x10\t@\x02+\xdd\xe0\x9bL\x7f\x9f\xcd\xd1u\x9d={\xf6\xb2e\xcbf6n\xdc\xc4\x86\r\x1b\xd8\xb8i#\xdb\xb6mc\xf7\xae]\xec\xdd\xbb\x87\xa2\xa2"B\xa1\xf0Q_\x83\xc3a\'##\x93Z\xb5jQ\xb3fM\x1a4hH\xc3\x86\rh\xd2\xa4\t\r\x1a4\xa0~\xfd\xfadff\xfe\xe3\xb5k\x9a&amp;\x1a\x8c\x7fQ\xba\xc1\xff\xb7d\xae\xb8\xb8\x98\xed\xdb\xb7\xb3e\xcb\x16V\xaf^\xcd\xf6\xed\xdbY\xbbv-yy\xf9l\xdd\xba\x05\xaf\xd7\x8b\xc7\xe39\xa6\xebp:\x9d8\x9dN\xea\xd6\xadK\xb5j\xd5h\xd8\xa8\x11\xb9\xb9\xb94k\xda\x94\xdc\xdc\\\x1a6l(\xe2{\x14\x0e\'\xbe\xa1P\x88\xdd\xbb\xf7\xb0ys\xec\xde\xdd\xb8\x91\x8d\x1b7\xb2c\xc7\x0ev\xef\xda\xc5\xfe\xfd\xfb\xf1x&lt;Dc\x8d\xf3\x91\x92\x00\x97\xdbMvvv\xc9\xfd\xdb\xa8Qc\x1a4\xc85\xee\xdf\x86\r\xa9[\xa7\x0e.\x97\xebo\x7fW\xc479\x88\x04 \x81\x94~h(\x8a\xf2\xb7\x9bn\xfb\xf6\xed\xacZ\xb5\x8a%K\x96\xb0t\xe9RV\xae\\\xc9\x86\r\x1b\x08\x06\x83\xff\xf8\xf3\x14\x93\x19wZ:\xe9\x19\x99\xb8\xdci\xb8\xdcn\xecv\x076\xbb\xd1\x034\x9b-\xc8\x8aL4\xaa\x12\x8d\x86\x89\x84\xc3\x04\x03\x01\xfc~\x1f&gt;\xaf\x17\xaf\xb7\x88\xc2\x82|\x8a\xbd^\xd0\xb5\x7f|\x8d\xf4\xf4t\x9a6mJ\xeb\xd6\xadi\xdf\xbe\x03\xed\xdb\xb7\xa3Y\xb3fdee\x1d\xf4}\xf1\x07\xca\xff\xeb\xf9$\xb3\xd2=\xfcC\x1b\x84`0\xc8\xbau\xeb\xf9c\xf9\x1f,]\xb2\x84e\xcb\x96\xb1f\xcd\x1av\xed\xda\xf5\xaf?\xcfd\xb6\xe0t\xb9p\xba\\ddd\xe1N\xcfDQ\x14Lf3\x8a,c2[\x90$\x89h4\x82\x1a\x8d\x12\x8dF\xd14\x15_\xb1\x97\xc2\xfc|\xbc\xde"\x02~?\xc1\x80\xff__###\x83f\xcd\x9a\xd1\xb2eK\xda\xb7oO\xfb\xf6\xedi\xd1\xa2\xc5\xdf\x92\x02\x11\xdf\x83GJ\x0eM\xd8\xa3\xd1(\x9b6mb\xf9\xf2\x15,Y\xf2;\xcb\x96-c\xd5\xaaUl\xdb\xba\x15U\xfb\xe7{\xcbb\xb5\x91\x96\x9eQr\xff:\x9c.\xecv\x07V\xbb\x1dEQb\xbdz#\xbe\xd1h\x94p(h\xdc\xbf\xbeb\x8a\xbd\x1e&lt;EE\x14\x15\xe6\x13\xf0\xfb\xfe\xf5\x9a\xabW\xafN\xf3\xe6\xcdi\xd3\xe6\x04\xda\xb7oO\xdb\xb6\'\xd0\xb4iS\x9cN\xe7A\xdf\x17\x9f\xfeK\xe5\xf8&amp;"\x91\x00Tq\xff\xf5\xd0\xd8\xbau+\x0b\x17.d\xce\x9c9\xcc\x9f?\x9f\xe5\xcb\x97\x13\x89D\x0e\xfa\x1ewz\x06\xf5\x1b4&amp;\xb7Q\x13\xea5hD\xddz\r\xa8Q\xbb\x0eY9\xd5I\xcf\xcc\xc2\xe9tc\xb5\xd9\xb0X,\x98-\x16$IF\x92 \x9e[H\x12\xc4?!\xban\xfc\xa3\xa9*\xe1H\x98p(D(\x18\xa0\xd8\xeb\xa10?\x8f\xbc}{\xd9\xb5c+;\xb6mf\xcb\xc6\xbf\xd8\xbai\x03\xdb\xb6l"\x14\x0c\x1ctM\x99\x19\x19\xb4m\xdf\x9e\xd3N=\x95\xd3\xcf8\x83\xf6\xed\xda\x91\x9d\x9d}\xd0\xf7D\xa3\xd1\x94x\x98\xfc[\xa3\x1f\x8dFY\xb9r\x15\xf3\xe6\xcd\xe5\x979sX\xbch\x11\x1b7n\xfc\xdb\xdfO\xcf\xc8\xa4~\xc3\xc6\xd4\xa9\x97Kn\xe3\xa6\xd4\xa8Y\x9b\xba\xb9\x8dp\xb9\xdd\xe4T\xaf\x85\xd3\xe5B1\x99\x8c\x86\xc1fG\x82\x92\xe0\x96\xe4\x8f:\xe8\xf1\xff\x00\xc2\xa10\x81\x80\x8fH8L8\x1cb\xdf\x9e]\x14{\xbd\xec\xde\xb1\x8d\xdd;\xb6\xb1m\xcb&amp;\xb6m\xde\xc8\xd6-\x1b\xd8\xbbk\xe7\xdf\xae);;\x9b\xb6m\xdbr\xea\xa9\xa7r\xc6\x19g\xd0\xbe}\xfb\x83\x12\x82\xf8\x90r*\xc7W\xd7u\xd6\xae]\xcb\xfc\xf9\x0b\x983\xe7\x17~\xfd\xf5W\xd6\xacY\xf3\xb7\xbf\x9fS\xbd&amp;\xb9\r\x1b\x93\xdb\xf88\xea\xe56\xa4v\xbd\x06T\xafQ\x8b\xcc\xecj\xa4gdbw:\xb1X\xacX\xacV\xcc&amp;3\x92,\x1d\x88\xabd\xf4\xf2\x0f\xbd\x7f\xd5h\x94p8D8\x14"\x18\xf0\xe3)*\xa40?\x8f\xfd\xfbv\xb3s\xdb\x16vl\xdb\xc2\xe6\r\xeb\xd8\xbay#;\xb6nA\xd3\x0e\x1ea\xa8]\xbb6\'\x9ex"\xa7\x9d~:\xa7\x9dv\x1amZ\xb7\xc1\xe9t\x1c\xf4\xbb\xa5J|\x13\x9dH\x00\xaa\xa8x\x8f\xa9t\xa3\xaf\xaa*K\x97.e\xd6\xac\xef\x989s\x06\x0b\x7f\xfd\x95P\xf8\xc0\xf0}Zz\x06M[\xb6\xe6\xf8\xb6\x1dh\xd9\xba-\r\x9a4\xa7V\x9dzddfa\xb3\xdbP\x94\xd8\x03@\x05U\xd5Pc=\xbe\xf8k\x19\x1f\x05\xbdT\x83p0\xa9\xd4\xff\x18\xc3~\xc6\r\xae(\n\x8a\xc9\x84\xa2H\xc8\xb1g\\4\x02~_1\x05y\xfb\xd8\xbeu3\x1b\xd7\xada\xd5\x8a\xa5\xac\xfc\xe3w\xd6\xae\xfa\x93h\xe4\xc0ugggs\xfa\xe9\xa7\xd3\xbd{w\xce&lt;\xf3L\x9a5kV\xf2\xb5\xf8\xc3\xe4\x9fF&lt;\x12\xd5\xbf5\nyyy\xcc\x993\x87\x993g\xf2\xd3O?\xfd\xadA\xc8\xcc\xca\xa1i\x8b\xe3i\xd5\xb6=\xcd[\x9d@\x83&amp;M\xa9U\xa7\x1e\xe9\x99\xd9\xd8\x0f\x89\xaf\xa6\xe9D\xa3\x114UC\xd7\xb5\x92\x18\xc7\xae\xe0\xa0\x7fQ\xf2\xb6\x1e\xa8\x08\x97\x15\x05Y\x92\x90d\x19\x93\xc9\x8c\xa2\xc8\xc82\xc8\nh*\x84CQ&lt;E\x05\xec\xdb\xb3\x8b-\x1b\xffb\xdd\xaa\x15\xac^\xb1\x8c\xb5\xabW\xb0u\xd3\x86\x83\xae\xbbz\xf5\xea\x9cv\xdait\xeb\xd6\x9d\xaegv\xa5Y\xd3\xa6\x07\xbd\x17\xc9\x16_\xa0d\xce\xbct|\xbd^/\x0b\x16,`\xc6\x8c\x99|\xff\xfdw\xacX\xb1\xe2\xa0\xbfS\xa3v]Z\xb4jC\xab\x13\xda\xd3\xacU\x1b\x1a4nF\xb5\x9a\xb5HK\xcf\xc0j5#\xcb\xa0i\xc6?\xd1\xa8\x8a\xaaF\x0f\x8a\xef\xe1\xdd\xbf\x07\n\xfb\xe2\r\xb4\xac\x980\x99L\xc82%\x9f\xa1HD\xa3\xd8\xeb%o\xefn\xb6n\xde\xc8_kW\xb2j\xf9RV\xafX\xc6_kW\x1d\xf4s\xeb\xd5\xabG\x97.]8\xf7\xdcs\xe9\xd2\xa5\x0b\xb9\xb9\xb9%_\x8b_\x97\x98&amp;\xa8\x9aD\x02P\x85\x94\x9e\x13\x8cg\xce\x9a\xa6\xf1\xeb\xc2\x85|\xf1\xf9\xe7|\xfd\xf5\xd7\xac\\\xb9\xb2\xe4\xfb]\xeet\xda\x9ex2\'u&gt;\x836\x1d:\xd2\xb8iKr\xaa\xd5\xc0j7\xa1k\xc6M\x1c\x89\x84Q#\x11c\x18Q\xd7K\x1a\xf0C\x0by\x8e\xe6\xe6&lt;\xf0\xd1\xd1c\xbd\x0b\xbd\xa4\xbb!\xc9\x12\xb2l\x0c7[,VL&amp;\xe3\xa1\xe4\xf7\x05\xd9\xbdc;\xebW\xaf`\xe9\xa2\xf9,^0\x87\x15K\x7f;\xa8\x97\xd1\xb9sg.\xb9\xe4\x12.\xbc\xf0BZ\xb6lY\xf2\xe7\xff\xf4PM$\xf1\xc6\xaetR\x97\x9f\x9f\xcf\xf7\xdf\xff\xc0\xf4/\xa7\xf3\xfdw\xdf\xb1g\xcf\x9e\x92\xafef\xe7\xd0\xb6\xc3\xc9t8\xe54Z\xb7\xefH\xa3\xe3\x9a\x93]\xad\x066\x9b\x82V\xce\xf1\xfd\xdb\xb22]7\x1a\x15]\x07IB\x96%\x14\xc5\x1c+\x0e5\xa1(\x10\x8dBQa\x01\xdb6od\xf5\x8ae,Y8\x97\xa5\x8b\x17\xb0q\xfd\xda\x92\x9f\xa5\xc82\x9db\xf1\xed\xd1\xa3\x07-Z\xb4(\xf9Z2\xc6\xd7\xeb\xf5\xf2\xd3O?\xf1\xc5\x17_0s\xe6L\xb6o\xdf^\xf2\xb5\x1a\xb5\xeb\xd2\xa1cgN\xect:\xad\xda\x9eH\x83F\xc7\x91\x91\x95\x85\xd9,\xa1\xaa\x10\x89D\x89\x84#FC_\x12_\xe9\xa0\x86\x1c8hT\xe7H\xaf\xf7\xc0\xbf\x8d{8\xfe\x19\x92$#\xb17\x9b-\x98-f\x14\x93\x91\xf8\x15{\x8b\xd9\xb9m\x0b\xab\xff\xfc\x83\xdf\x7f\x9d\xc3\xef\x0b\xe7\xb1n\xd5\x81D\xc6j\xb5\xd2\xa5KWz^\xda\x93\xf3\xbaw\xa7a\xc3\x86%_SU\xb5\xdcV \tGG$\x00U\xc0?=8\xd6\xae]\xcb\'\x9f|\xc2\xc7\x1f\x7f\xcc\x1f\x7f\xfcQ\xf2\xe7\xb9\r\x9b\xd0\xa9\xcb\xd9\x9cz\xe6\xb9\xb4n{\x125j\xd7\xc5b\x95\x89F \x14\n\x12\x8d\x84\xd1T\xed\xa0L\xbf\xf22\xefxb\x10\xef\x9dH(\x8a\x8c\xd9b\xc5j\xb5 +\x10\xf0\x85\xd9\xb6y\x03\xcb~\xfb\x95y?}\xc7\x82_f\x93\xb7\xef@#\xd8\xb5kWz\xf5\xea\xc5\x85\x17^H\x9d:uJ\xfe&lt;&gt;\xc4\x98\x08\xbd\x8ax/(\xde\xb0i\x9a\xc6\xcf?\xff\xcc\x07\x1fL\xe5\xab\xaf\xbfb\xd7\xce\x03\xc3\xe8\xc75o\xc5)g\x9cE\xe7.\xe7\xd0\xea\x84\x0eT\xafY\x1b\x8bE"\x12\x81P0\x16_\xadj\xc4\xf7\xa0%j\xf1\x95\'&amp;3V\xab\x15\x8bUA\xd7\xa1\xa8\xa0\x88\xbf\xd6\xad\xe6\xb7\x05\xbf0\xef\xc7\xef\xf8\xed\xd79\x84C!\x00dY\xa2k\xd7\xb3\xe8\xd5\xebjz\xf4\xe8A\xed\xda\xb5K~v"\xc7\x17`\xfe\xfc\xf9L\x9d:\x95\xe9\xd3\xa7\xb3e\xcb\x96\x92??\xbem\x07N;\xab;\x9dN?\x8bf\xad\xda\x90\x95S\rE\x81pX#\x1c\n\x12\x8dF\xd1\xabP|AG\xd7b1\x8e\x15+Z\xac6\xacV\x13\x92\x04^\x8f\x9f\xcd\x1b\xd6\xb1d\xe1\\\xe6\xfe8\x8b\x85s\x7f\xc2W\xec\x05\xc0b\xb1\xd0\xad{wz]\xdd\x8b\xf3\xce?\x8f\xecX\xddO\xbc\xa3\x93(\xf1Mf"\x01\xa8D\x87&gt;8\x02\x81 \xdf~\xfb\ro\xbd\xf5\x16_\x7f\xfdu\xc9\x90m\xfd\x86\x8d9\xfb\xbc\x8b\xe9\xda\xad\x07\xadN\xe8@fv\x06\x9a\x06\xc1@\x88p8\x84\x1e\x1b5\x90\x12\xe4\x86*\x19\x02\xd7udE\xc1j\xb5a\xb5\x9b\xd15\xd8\xb3k\x17K\x17/`\xf6\xb7_\xf0\xcb\x0f3\xc8\xdb\xb7\x170\x8a\t/\xbd\xf42n\xb8\xe1\x06\xce&lt;\xb3k\xc9\xcf\x8aF\xa3Uv\xf8\xf8\xd0\x1e\xcf\xf6\xed\xdb\xf9\xf8\xe3\x8fy\xf7\xdd),]\xba\xa4\xe4\xfb\x8ek\xde\x8a\xb3\xce\xbb\x883\xce\xb9\x80\x16m\xda\x92\x9e\xe1F\x8d\x1a\x85\x7f\x91p\xd8\x88\xaf,\xc5\xea3\xaa\xde\xefY\xda\x81\xa4@\x03$L&amp;\x13V\x9b\x1d\x8bU&amp;\x1c\x8c\xb2y\xe3_,\x9a\xf73?\xce\xf8\x82\x05\xbf\xfcH(d\x14\xa8fee\xd1\xb3gOz\xf7\xbe\x81\xae]\xbb\x94\xfc\xbcD\x8a\xef\x9e={\xf8d\xda4\xdey\xe7\x1d\x16-\\X\xf2}\xad\xdb\x9f\xc4\xb9=.\xe5\xb4\xae\xe7\xd2\xa4\xf9\xf18\xdd6\xa2\x11\x08\x06\xfcD#\x11t\xf4\x92\xd8V\xc5\xdf\xf3P\xba\xa6\xa1\xc5\x92\x03E1\xe2k\xb5*D#:;\xb6mf\xf1\x82_\x98\xfd\xed\x97\xcc\xfdqVI2P\xabV-\xae\xb8\xf2J\xae\xbf\xee::v\xecX\xf2\xb3\xaar|S\x81H\x00*\xc1\xa1\r\xff\xce\x9d;\x992e\n\x93\'Of\xedZc\xb8\xd4\x9d\x9e\xceY\xdd/\xe2\x82K\xaf\xa6\xfd\xc9\xa7\x92\x95\x9dI4\n\x01\xbf\x8fh4\xc2\x81y\xf8\xc4\xbfq\xe2s\x98 a\xb1X\xb0;\xecH\x12\xec\xda\xb1\x93\x05?\x7f\xcf\xb7_|\xccO\xdf}c\xf4\x8c0\xa6\x08n\xbe\xf9f\xae\xbc\xf2\xca\x92\xf5\xe9U\xa9\xc7x\xe8\xb5\xfc\xf6\xdboL\x9e&lt;\x99\xa9\x1f~HA~&gt;\x00\xd5\xaa\xd7\xe4\xac\xf3/\xe2\xbcK\xae\xe4\x84\x0e\xa7\x90\x9e\xe9&amp;\x12\xd6\t\xf8\xfd\xa8\xd1Hl\x98\xbdj\xfc&gt;\xc7D\xd7\xd1t=\x96\xc4\xc8\xd8lvlv3\x91\x88\xc6\xa6\xf5k\xf9\xf9\xbb\xaf\x991}\x1a\xcb~\xfb\xb5\xe4\xaf\x9cz\xdai\xdc\xdc\xb7/W\\qEI|\xabRCqh\xc3\xbf|\xf9r\xde|\xf3M\xde{\xef=\xf6\xed\xdb\x07@\xdd\xfa\r\xe8~\xf1\x15t\xbb\xf02Z\xb4i\x87\xd3e#\x1cT\t\x06\xfd\xa8Q5a\x12\xba\xc3a&lt;\xcf4$I\xc6b\xb5b\xb7[\xd14\xd8\xb6y#s~\x98\xc9\x8c/&gt;\xe6\xd7\xb9?\x96|\xff\xb9\xe7\x9eK\xbf~\xfd\xb8\xf8\xe2\x8b\xb1Z\xad@\xd5\x8ao*\x11\t@\x05:\xb4\xe1_\xb7n\x1d\x93^{\x8d\xb7\xde|\x93\xbc\xbc&lt;\x00Z\x9d\xd0\x9eK\xae\xba\x9es.\xb8\x94z\r\x1b\xa0k\xe0\xf7\x19\x8d\xbe\xd1CH\x8e\x87\xc6\xbf)] g\xb1Xq8mD\xa3\x1a\xebV\xad`\xe6\xf4i|\xf1\xd1\xbbl\xdf\xba\x19\x80\x86\r\x1b\xd2\xbf\x7f\x7f\xfa\xf6\xedK\xf5\xea\xd5\x81\xca}\x90\x1c\xda0\xcc\x9e=\x9b\t\x13&amp;\xf0\xd9g\x9f\x95|O\x87SN\xe3\xe2+\xaf\xe3\xac\xf3.\xa2V\xdd:\xa8\xf1\xa4.\x12AJ\x81\xaa\xe9x\xb2\'I\x07\x92\x01\xbf/\xc8\xb2\xc5\x0b\xf8j\xda\x07\xcc\xfcr\x1a\x85\x05F\x92\xd4\xb8qcn\xb9\xe5\x96*\x13\xdf\xd2\x9b0\x01\xfc2g\x0e/M\x98\xc0\xc7\x1f\x7f\\2\x9f\xde\xe5\x9c\xf3\xb9\xf8\xaa\xde\x9cv\xe6\xb9\xe4T\xcf!\x12\xd6\x08\xf8}\xc6g#%\xe2\x1b\xabc\x02\xac6\x1bv\x87\x95P0\xca\x9f\xcb~\xe3\x9b\xcf?\xe4\xebiS\xd9\xb7w7\x00\xadZ\x1d\xcf\x80\x01\xfd\xe9\xdd\xbb7\x19\x19\x19@\xd5J\xe4S\x81H\x00*\xc0\xa1s\xfck\xd6\xac\xe1\xc5\x17_\xe4\xcd\xb7\xde$\xe07\x96\xc8\x9d}\xfe\xc5\\y\xfd-t\xear6.\xb7\x03\xbf?D(\xb6~?Uo\x88\xd2E\x91v\x87\x03\xab\xcd\xc4\xfe=\xfb\xf9q\xe6W|\xf4\xee\xeb,Y8\x0f\x80\x9a5k2`\xc0\xad\x0c\x1cx+5j\xd4\x00*\xf6Arhb\xf7\xddw\xdf1v\xecXf\xcc\x98\x01\x80\xd9l\xa6\xdbE\x97q\xc5\xf5\xb7pR\xe73\xb0\xdb-\xf8\x8a\x83\x84\xc3A$$dE\xa6T)~\xca\xd0\xe3{\x03(\nN\xa7\x0b\xc5,\xb1e\xe3ff|\xf1\x11\xd3\xde{\x93\x8d\xeb\x8dU\x10\xb5j\xd5\xa6\x7f\xff~\x0c\x1c8\xb0J\xc4\xf7\xc7\x1f\x7fd\xec\xd8q|\xf5\xd5\x97\x008]i\\t\xc55\\v\xcd\x8d\xb4i\x7f2&amp;\xb3\x8c\xaf\xd8O$\x1cN\x89F\xff\xdf\x18\xf7\xaf\x11\'\xbb\xc3\x85\xc5"\xb3s\xfbN\xbe\xfb\xeaS&gt;\x9e\xf2\x06\xabW,\x03 77\x97A\x83\x06\xd1\xaf_\xbf\x92\xe5\xa2\xf1\x95!B\xf9\x12\t@9+\xfdA\xde\xbcy3\xe3\x9e\x7f\x9e\xd7&amp;M"\x10\x08\xa0(&amp;.\xbe\xf2Z\xae\xee3\x80v\'uB\x92$|\xc5\xc5\xa8\xd1(\xb2\x18\x0e;\x88\xa6i\xe8\x9a\x86\xd9b\xc1\xe9r\x10\x08\x84X\xf0\xf3\xf7\xbc\xf7\xfaK\xfc\xfc\xfd\xb7\x80\x91\x08\xdc~\xfb`n\xbbm\xd0A=\x8a\xf2z\x90\x1c\x9a\xd8\xcd\x9d;\x97\xa7\x9f~\x9a\xaf\xbf\xfe\x1a\x00\xa7\xcbM\xcf\xab\xaf\xe7\xca\xde\xb7\xd0\xea\x84\xf6h\x1a\xf8\x8a\xbd\xb1\x87\xa2\x88oi\x9afl$c\xb5\xd9q8\xad\xe4\xef/\xe0\x87o\xbf\xe0\x83\xc9\xaf\xf0\xc7\xef\x8b\x00#\xbe\xb7\xddv\x1b\xb7\xddv[\x854\x14\x87\xc6w\xc1\x82\x05&lt;\xf3\xcc3|\xf1\xc5\x17\x00dW\xab\xce\x95\xbdo\xe1\xb2^7\xd2\xb8YS"a\r\x9f\xafX,{\xfb\x07\xf1\xfb\xd7b\xb5\xe1t\xd9\xf0\x14\x15\xf3\xcb\xf7\xdf\xf2\xfe\x1b/\xb1p\xde\xcf\x00\xd4\xaf\x9f\xcb]w\xddI\xbf~\xfdp\xb9\\\x07mz&amp;\x94\x0f\x91\x00\x94\x93x\xcfU\x92$\n\x0b\x0by\xe1\x85\x17x\xfe\xf9\xe7)((@\x96\x15.\xbb\xe6\x06\xae\xbb\xf96\x8eo\xdf\x015\xaa\xe1+.\xfe[%\xb1\xf0w\x07z\x15\n.\xb7\x1bU\xd5X8w6o\xbd&lt;\x8e\x9f\xbe\xfb\x06\x80F\x8d\x1a1l\xd80\xfa\xf6\xed\x8b\xc9d*\x97\xdeb\xe9\x86g\xcd\x9a5&lt;\xf9\xe4\x93\xbc\xfb\xee\xbb\x008\x9c.\xae\xb8\xee&amp;\xae\xe9{+M[\xb4$\x14\x8a\xe2\xf7\xf9\x90\x00Y\xc4\xf7?\xe9\xba\x8e\xa6\xaa\x98\xccf\\iN\xfc\xc5~f\xcf\x98\xce\xdb\x13_`\xe9\xe2\x05\x801\xf5s\xef\xbd\xf7r\xcb-\xb7`6\x9b\xcbeyY\xe9\xf8\xae_\xbf\x9e\'\x9fz\x8a\xb7\xde|\x13\x80\xac\x9cj\\\xdbw W\\w3\xf5\x1b\xd6\xc7\xef\x0f\x13\x0c\xf8K\xf6\xc5\x10\xfe]&lt;\xbe\x8a\xc9\x84\xcb\xed"\x1c\n3g\xf6L\xde\x9e\xf8&lt;\x0b~\x99\r@\x8b\x96-\xb9\xff\xfe\xfb\xb9\xa1wo@L\x0b\x94\'\x91\x00\x94\xb1C{\r\xef\xbc\xfb.\x8f?\xf6\x18\x7f\xfd\xf5\x17\x00\x17\xf4\xbc\x8a\xbe\xb7\xddM\xdb\x93:\x12\t\xab\xf8|\xc5bm\xecQ\x8a?\xf8]\xee4tMc\xee\x8f3y\xed\x85\xd1,\x9c\xfb\x13\x00\x9d:ub\xe4\xc8\x91\x9c{\xee\xb9%\xdf\x7f\xac\tV\xe9y`\x8f\xc7\xc3s\xcf=\xc7\xf3\xcf?\x8f\xd7\xebEQ\x14.\xbb\xa6\x0f}\x06\xdeE\xf3\xd6\xc7\x13\xf4G\x08\xf8})=\x0c|\xb4\xe2\x89\x9e\xa2(\xb8\xd2\xdc\x04\xfc\x01f}9\x8d7&amp;&lt;\xc7\xea\x15\xc6\xb2\xd8\x93O&gt;\x99G\x1f}\x94\xf3\xce;\x0f0\xea\x03\xfe\xe9L\x8c#Q:\xbe^\xaf\x97\xb1c\xc72f\xecX\xbc\x1e\x0f\x0e\xa7\x8bk\xfb\x0e\xe4\xda\x9b\x07\x91\xdb\xa8\x01\xfebc\'LY16\xc5\x12\x8eL\xbcaw\xb9\xddD"\x11~\x9a\xf9%\xaf\xbf\xf8,K\x17\x1b\x05\xa1]\xbbve\xe4\xc8\x91\x9cq\xc6\x19%\xdf/:HeK$\x00e\xa8\xf4\x07t\xc9\x92%\x0c\x1f&gt;\x9cY\xb3f\x01\xd0\xf1\xd4.\xdc:\xf4\x01N;\xb3\x1b\xaa\xaa\xe2+\x16\r\x7fY\xd1T\x15$\twZ\x1a\xe1p\x98\x19_|\xcc\xc4\xb1O\x96\xecX\xd6\xa7\xcfM\x8c\x1c\xf9(\xf5\xeb\xd7\xff[!\xd7\x91(\xdd\xc0L\x9b6\x8d\x87F\x8c`\xcd\xea\xd5\x00t=\xf7\x02n\xbd\xfbAN&lt;\xa53\xa1P\x84\x80\xcfg\xf4ZD|\x8fY\xbc\xa1HKw\xe3)\xf2\xf0\xe9\xfbo\xf1\xfa\x0b\xa3\xd9\xbdk\x07\x00\xd7_\xdf\x9b\xc7\x1e\x1bI\xc3\x86\r\x0f:M\xefh^\'~\xff~\xfa\xe9g&lt;\xf4\xd0C\xac^m|\x86z^\xdd\x9b~w\xdcG\xf3\xd6\xc7\xe3\xf7\x85\x08\x06\x02\xa2j\xbd\x8c\xc4\xe3\xebNs\x13\xf0\xfb\xf9\xf2\x93\x0fx\xf5\xf9\xa7Jv\x94\x1cp\xeb\xad&lt;\xf2\xf0\xc3\xd4\xaaU\xeb\x98\xee_\xe1\xefD\x02P\x06J\xf7\xfa\x03\x81\x00O=\xf5\x14\xa3G\x8f&amp;\x14\nQ\xbbn.\x83\xee}\x88\x9eW\xf7\xc6b\xb6\xe2\xf1\x14\x89\x86\xbf\x9c\x94n(\n\xf2\x0b\x98\xf2\xda\x04\xdex\xf1Y\x8a\x8b\xbdT\xab^\x9d\'F\x8d\xa2_\xbf~\xc0\x91\xf5\x16K\xcfEn\xd9\xb2\x85\xfb\xef\xbf\x9f\xa9S\xa7\x02\xd0\xa4YKn\xbbw\x04\xe7\xf7\xbc\n\x80b\xafG\x0c\x05\x97\x13U\x8db2\x99IKw\xb2}\xebv\xde\x98\xf0\x1c\xef\xbf\xf12\x91H\x84\x9c\x9c\x1cF\x8e\x1c\xc9\xa0A\x83\x80c\x8b\xef\xf0\xe1\x0f\xf0\xc1\x07\xef\x03\xd0\xaecg\x06\x0f{\x84\xd3\xcf\xeaF$\x1c\xc1\xe7\xf3\x89\x86\xbf\x9c\xc4\x13\xb0\xb4t\x17{\xf7\xec\xe5\xed\x89\xe3y\xeb\xe5q\x04\x83\x01\xea\xd4\xa9\xc3\x13O&lt;\xc1\x8d7\xde\x08\x94\xcdh\x8f \x12\x80c\x16\xdf\xd1\n\x8c"\xb0\xbb\xee\xba\x8b\xdf\x7f\xff\x1d\x80\xebn\xb9\x8d\x81C\x1f\xa0V\x9d\xda\x14\x15zEAK\x05Q\xa3QL\x16\x0bii\x0eV\xaf\xf8\x93\xf1O=\xcc\xac\xaf\x8c\xa5x=z\xf4`\xdc\xb8q\x1cw\xdcq\x875\xb7X\xbaW\xf8\xd6[oq\xff\xf0\xe1\xec\xd9\xbd\x1b\xab\xd5J\x9f[\x87p\xcb\x1d\xf7\x92\x99\x9dEQ\xa1\x07\xd0\x91e\x11\xdf\xf2\x14O\xb6m6\x1b\x0e\x97\x8d\xc5\xf3\xe73n\xd4\x83%\xd3&gt;\xdd\xbauc\xdc\xb8q\xb4l\xd9\xf2\xa0:\x9c\x7fS:\xbeo\xbe\xf9&amp;\xc3\x87\x0fg\xcf\x9e=\xa4gd2\xe8\x9e\x11\\\xd3\xf7Vl6;\x9e"\x91\xb8W\x145\x1a\xc5l\xb5\xe2v\xdbY\xbed)\xcf?9\x82\x9ff\x19\x85\xb5\x97^z)c\xc6\x8c\xa1a\xc3\x86\xa26\xa0\x0c\x88\x04\xe0\x18\xc4\xb3\xd0H$\xc2\xa8Q\xa3\x185j\x14\x9a\xa6\xd1\xb2u;\xee\x1b9\x9a\xd3\xcf&gt;\xc7X\xee\x15\n\xa2\x88l\xb5B\xc5\x1b\n\xa7\xcb\x89\xa2\x98\xf8\xe2\xc3w\x19;\xeaAv\xef\xdcNVV\x16\xa3G\x8f\xe6\xe6\x9bo\x06\xfe}n1\x1e\xdf={\xf60d\xc8\x10&gt;\xf8\xe0\x03\x00:\x9cr*\xf7?\xf6\x1c\x1dN9\x05\xaf\xc7X\xee%\xe2[\xb1\xe2\xf1u\xa7\xa5\xa3\xaa\x11\xde\x7f\xe3\x15&amp;\x8c\x1eIQa\x01\xe9\xe9\xe9&lt;\xf9\xe4\x93%\xa3\x01\xff\x14\xdf\xd2\xa3v\xbbv\xedb\xe8\xd0\xa1%\xa3:\xe7^x)w\x8fx\x8a\xa6-\x9aQTX,\xe6\x9e+A&lt;&gt;.\x97\x1bI\x82O\xde\x7f\x93\xe7\x9fx\x88\xfd{\xf7P\xadZ5\x9e}\xf6\xd9\x92\xd1\x00\x11\x9f\xa3\'\x12\x80\xa3Pz\xc8p\xf5\xea\xd5\x0c\xb8\xf5V\xe6\xfc\xf2\x0b\x00\xb7\x0c\xbe\x97\x81w?\x84;-\rOa\xa1X\xceW\xc9\xe2[\x0egd\xa5\xb3m\xcbV\x9e\x1b9\x8c\xaf\xa6\x19\x0f\xfa\xeb\xaf\xbf\x9e\xe7\x9f\x7f\x9e\xec\xec\xec\x83\x86\x14K\xf7\x1c\xbf\xfd\xf6[\x06\xddv\x1b\x9b7m\xc2j\xb51\xe8\x9e\x07\xe9{\xdb=\x98-\x16\xbc\x1e\x8f\x18\x0e\xaedZl\x83\x9d\x8cL7kW\xae\xe6\xa9\x11w\xf3KlY\xe8\x95W^\xc9\x0b/\xbc@\xcd\x9a5\xff5\xbe_\x7f\xfd5\xb7\xddv\x1b[\xb6l!3+\x9b{\x1ey\x9a+\xae\xefK4\xaa\xe2\xf7\xf9\xc40s%\x8b\xcf\xf9gd\xa6\xb1y\xe3F\x9e}\xe4&gt;fL\x9f\x06@\x9f&gt;}\x18;v,\x99\x99\x99bJ\xe0(\x89\x04\xe0\x08\x95~x\xbc\xf7\xde{\x0c\x1e&lt;\x98\x82\x82\x02\x1a6i\xca\x88\xa7_\xa0K\xb7\xeex\x8b|%;\x96\tUC4\x1a\xc5f\xb7c\xb5Z\xf9d\xca\x1b&lt;\xf3\xf0\xbd\x14\x15\x16\xd0\xacY3^\x7f\xfduN;\xed4T\xd5X\x8b\x1e\x7f\x90&lt;\xfc\xf0\xc3&lt;\xfe\xf8\xe3\x00\xb4l\xd3\x8e\x87GO\xa0\xe3\xa9\x9d)*\x10\xbd\xc2\xaa&amp;\x1a\x8d\xe2t:\x91d\x99\xb7\'&gt;\xcf\xf8\'\x1f&amp;\x10\xf0\xd3\xb0a#^{m\x12g\x9f}\xf6AGlk\x9a\xc6\x88\x11#x\xf2\xc9\'\x018\xfd\xac\xee&lt;\xf8\xd4x\x8ek\xd1\x8c\xc2|\x0f \n\xcd\xaa\x92h4\x8a\xdd\xe1\xc0l6\xf3\xe1\xdb\x93\x18\xfd\xc8}\x14{=\xb4h\xd9\x927^\x7f\x9dN\x9d:\x89)\x81\xa3 \x12\x80#\x10\x7f\xe8G\xa3Q\xee\xbd\xf7^\x9e\x7f\xfey\x00.\xba\xe2Z\x86?1\x96j\xd5kPXP(z\x85U\x94\x1e\xdb\xd1-3;\x9d\xd5+\xfe\xe4\x91{\x06\xf1\xdb\x829X,\x16\x9e{\xee9\x06\x0f\x1e\x0c\xc0\xae]\xbb\xe8\xd7\xaf_\xc9\x86&gt;\xbd\xfa\x0c\xe0\xde\x91\xcf\xe0r\xa5\xe1)*\xc2dRH\xc5\x9d\xfb\xaa:#9\x87\x8c\xac4~_\xf0+\x0f\xdf=\x90\xd5+\x96\xa1(\nO&gt;\xf9$\xf7\xddw\x1f`\x1c\xcat\xcb-\xfd\x989s\x06\x92,s\xc7\xb0G\x19p\xd7\xfd\xb1\xe3\xaaE\xaf\xbf\xaa2F\x03t2\xb3\xd2\xf9s\xd9\x1f&lt;r\xcf \x96.\x9a\x8f\xd5je\xec\xd8\xb1\x0c\x1a4\xe8\x98V\x81\xa4"\x91\x00\x1c\xa6\xf8\x10\xd3\x8e\x1d;\xe8\xd3\xa7\x0f\xdf\x7f\xff=\x16\x8b\x85{G\x8e\xa6\xcf\xadw\x12\x08\x04\x08\x07Cb.8\x01D\xa3Q\\.\x17\x91H\x981\x8f?\xc0\xdb\x13\xc7\x030p\xd0 \xae\xbc\xe2\nn\xbe\xf9f6m\xda\x84;-\x8d\x07\x9f\x1c\xcf\x95\xbd\xfb\xe0\xf5\x88Q\x9dD\x11\x8dFIKK\xc7\xeb-\xe2\xc9\x07\x86\xf0\xe9\x07o\x01\xc6\x90\xf1\xd5W_M\xff\xfe\xfd\xd9\xb6m\x1bu\xea\xe5\xf2\xf8\xb8W\xe9\xda\xbd;\x85\xf9^\xd1p$\x88h4\x8a\xcb\xed&amp;\x1c\x0c\xf2\xecc\xf73\xe5\xb5\t\x00\x0c\x180\x80\x17^x\x01\x8b\xc5"F\xe8\x0e\x93H\x00\x0eC\xbc\xf1_\xb4h\x11\xd7\\s\r\x1b7n\xa4^n#\x9e\x9a0\x99\xce]\xbaP\x90WTr\x1c\xaf\x90\x184UE6)\xa4\xa5\xb9\xf8\xe8\x9d\xc9\x8c{b\x04{w\xef,\xf9z\xebv\'\xf2\xc8\xb3/\xd1\xbecG\xf2\xf7\x8bZ\x8eD\xa3\xaa*f\xb3\x19\x87\xd3\xc1[\x13\xc73q\xcc\x93\xe4\xed\xdf[\xf2\xf53\xbb_\xc8CO\x8d\xa7~\xc3F\x14\x16\x14\x8a^\x7f\x82\x89\x17p\xba\xd3\x9c|\xf8\xf6d\x1e\xbf\xff\x0e\x02~\x1fg\x9ey&amp;\xef\xbd\xf7\x1e\xb5j\xd5\x12u\x01\x87A\xb4X\xffG\xfcC4m\xda4\xce9\xe7\x1c6n\xdcH\xa7\xd3\xcf\xe2\xdd/\x7f\xa4\xe3\xa9]\xc8\x8b7\x0e\xa2\xf1O(\xb2\xa2\xa0\xa9\x1a\xf9y\x05\xdc|{_\xce\xe9\xd1\xb3\xa4\xf7g\xb3\xdb\xb9c\xf8c\x9cvfG\xf6\xec\xda\x87b2\x89\xc6?\xc1(&amp;\x13\x91H\x18\xaf\xc7\xcb\xa0\xbb\xef\xa4\xe3\xa9]Jb\xe8r\xbb\xe9w\xc70\x9a\xb5jD\xde\xbe\xfd\xa2\x91H@\x8a\xa2\xa0i\x1a\x05\xf9\x85\xf4\xea\xd3\x97\xb7&gt;\x9dE\xfd\x86\x8d\xf9\xf1\xc7\x1f\xe9\xd2\xa5\x0b\x7f\xfc\xf1\x07&amp;\x93\x89h4Z\xd9\x97Z\xa5\x89V\xeb_\x94^&amp;4a\xc2\x04\xae\xb8\xe2\n\xbc^/\x97_{\x13\xafN\xfd\x8a\x9c\xea5\xf1\x14\x8a\x9eC\xa22Vq\xc8\xa4\xa5gp\xef\xc0!\xbc\xff\xc6\xcb\x004h\xdc\x94` \xc0\xb0A7\xf2\xd9\xd4\xe9\xd4\xa8]M&lt;D\x12\x90\x16\x8db\xb1X1[\xcc\x0c\xbc\xbe7\xdf~\xf11\x16\x8b\x95\xe3\x9a\xb7\xa2\xd8\xebeP\xef\x9e|5\xedK\xaa\xd7\xca\x11\xf1MP\x92$\xa1(&amp;\xf2\xf6\x17\xd2\xaecg\xde\xfdb6\'u&gt;\x83\xf5\xeb\xd7s\xf6\xd9\xe7\xf0\xddw\xdf\x89$\xe0\xff\x10\t\xc0?(\xbd\xcc\xef\x91G\x1e))\x0e\xbb\xfd\xbe\x87y\xfa\xa5\xc9h\x9aF(\x18\x10\xf3\xfd\t*^\tn\xb6X\xb8\xff\xf6\x9bx{\xe2\xf3\xc8\xb2\xcc\xc8\xb1\x13\xf9r\xceot\xbf\xf8\n\xf2\xf7\xef\xe3\x8e\x9b\xaed\xda{S\xc8\xae\x96\x81*\x1e"\tCUU\xac6\x1b\x91H\x98\xdbo\xb8\x9c\xe9\x1fM\xc1\xe1t2\xf6\xb5\xf7\xf9\xec\xa7Et\xbf\xe8r\n\xf3\xf3\x18\xdcG\xc47\x19\x98L&amp;&lt;\x85\x85\xe4T\xaf\xc9k\x1f~\xcd\x05\x97^E^\xde~.\xba\xe8"&gt;\xfe\xf8c\x91\x04\xfc\x07\x91\x00\x1c"^E\xaa(\nC\x86\x0c\xe1\xb1\xc7\x1eC\x96e\x1e}\xeee\x86&gt;4\x12OQQl\xf7?Q`\x92\x884\xcd\x98\x1b\x96$\xb8\xeb\xe6k\xf8\xec\x83\xb7q\xba\xdcLx{\x1a\xd7\xf6\xed\x87\xaa\xca\x8c\x9f\xfc!\xbd\xfb\r&amp;\x12\x0es\xef\xc0\x1bxg\xe2+dU\xcb@U\xc5C\xa4\xaaSU\x15\xbb\xc3A\xb1\xd7\xc3\xad\xd7\\\xcc\xcf\xdf}C\xb5\x1a\xb5x\xfd\xa3o\xe9~\xf1\xa5D#\x1a\xe3\xdf\xfc(\x16\xdf\xd0\xc1\xf1\x15\x8dD\xc2RL&amp;\x82\x81\x00\x92$3\xf6\xb5\x0f\xe8\xddo0\xa1P\x88\xab\xaf\xbe\x9a7\xdexC$\x01\xffB\x14\x01\x96R\xba\xe7?p\xe0@&amp;N\x9c\x88\xd5f\xe3\xa9\x17\'si\xafk\xc8\xdb\'\x8a\xc1\x12\x99\xd1\xf8[\xd04\x95;\xfb\xf6\xe2\xe7\xef\xbe&amp;+\xbb\x1a\xe3\'\x7fH\xe73\xcf4\x8a\xfdb\xeb\x88\xd32\xdc\x8c}\xfca^~\xce\xd8\x07\xe0\x81\'\xc6q\xcb\xe0\xbb\xc8\xcf+\x12\xd5\xc5U\x94\xd1\xf8\xdb)\xca\xcf\xe7\xd6\xeb.a\xf9\x92E\xd4k\xd0\x88\x97\xdf\xfd\x8c\xe6\xc7\xb7\xa1\xb0\xa0\x00EV@\x92HKw3\xf6\xf1\x11\xbc&lt;f\x14 \xe2\x9b,\xe2\xfb\xb4\xa4\xa5\xbb\x19;j\x04/?g\xc4\xf7\xe5\x97_f\xe0\xc0\x81\xa20\xf0\x10"\x01\x88)\xdd\xf8\xf7\xef\xdf\x9f\xd7^{\r\x87\xd3\xc5\xd8\xd7\xde\xa7\xdbE\x17\x91\xb7O\xcc\xf7\'2M\xd30\x99\xcd\xa0k\xdc~\xe3\x15\xcc\xf9a\x06\xd5j\xd4\xe4\xe5)_\xd0\xee\xa4\x8e\x14\xe4\x17`2\x99\x81\xf8(\x90FfV:/=\xfb4c\x1e\x1f\x0e\xc0\xf0Qc\xe9\x7f\xe7\x10\xf2\xf6\x17\xa2(\xe2\xb3P\x95\x944\xfe\x05\xf9\xf4\xbb\xfaBV\xfe\xf1;\x8d\x8ek\xce\xc4\x0f\xa6\x93\xdb\xb0Il\xff\x06#f\x07\xc7\xf7)\xc6&lt;\xfe\x00 \xe2\x9b,\xfe-\xbe\x13&amp;L\xe0\xb6\xdbn\x13I@)"\x01\xe0\xe0\xc6\x7f\xd0\xa0A\xbc\xf2\xca+\xb8\xdci&lt;\xff\xc6\x87\x9cu\xdey\xe4\xed?\xd08\x08\x89G\xd34\x14\x93\x82"\xcb\xdcq\xd3U\xfc8\xf3+\xaa\xd7\xac\xcd\xab\x1fL\xe7\xf8\xb6\x1d(,\xf8{|\xe3\x9f\x89\xac\x9ct&amp;\x8e}\x8e\xd1\x8f\xdc\x0b\xc0\x88g^\xe4\xa6A\xb7\x93\xbf\xafP\xd4\x80T\x11Zl\xce\xbf\xb8\xd8C\xff\xab/d\xf9\x92E4i\xde\x8aIS\xbf\xa4v\xdd\xfax=\xde\xbf=\xf0\xff-\xbe\x0f?3\x81&gt;\x83n\x13\xf1Mp\xff\x16\xdfI\x93&amp;\xd1\xaf_?\x91\x04\xc4\xa4|\x02P\xba\xda\xff\x9e{\xeea\xcc\x9818\x9c.\xc6O\xfe\x88\xb3\xcf?\x9f\xbc}\x05F\xcfQHH\xba\xae#I\xc6\xd2\xbe\xa1\xb7\\\xcb\xb7_|LN\xb5\x1aL\x9a\xfa\x15\xad\xdb\x9f\xf8\x8f\x8d\x7fi\xaa\x1a%;\'\x83\x97\x9e}\x86\xe7\x1e\xbb\x1f\x80\xa7&amp;\xbc\xc9\xd57\xf61&gt;\x1b"1\xacT\x9a\xa6a6\x9b\x89F#\xf4\xbb\xba\x07\xbf\xff:\x97F\xc75\xe7\xf5\x8f\xbf\xa1V\x9d\xfa\xf8\xbc\xde\xffl\xc8\xff)\xbeOOx\x93\xabD|\x93\xc2\xdf\xe3+\xf1\xfe\xfb\xefq\xcd5\xd7\x88$\x00Q\x04X\xd2\xf8\x8f\x1a5\x8a1c\xc6`\xb5\xdax\xee\xd5)\xa2\xf1O\x02\xf1\x82N\x97\xdb\xcd#C\x07\xf2\xed\x17\x1f\x93\x9e\x99\xc5K\xef~j4\xfe\xf9\xff\xff\x01o,3*b\xd0=\xc3\x18&lt;\xecQ\x00\x1e\x1e2\x80o?\xff\x9c\xac\xecLQXT\x89t\xddX\xca)\xcb\x12Cn\xee\xc5\xef\xbf\xce\xa5^\x83F\xbc\xfa\xc1tj\xd7\xadO\xf1\xffi\xfc\xe1\xe0\xf8\xde~\xdf\xa3\x00\x8c\x18:\x80\x19\x9f\x7f!\xe2\x9b\x04\xfe~\xff\xea\xf4\xe9\xd3\x87\x193f\x88\xc2@R|\x04 \x9e\x01\xbe\xf6\xdak\xf4\xef\xdf\x1fE\x96y\xfa\xa5\xb7\xb8\xfc\xfa\xde"\xfbO\x02\xaa\x1a%+;\x83g\x1f}\x88W\xc6&gt;\x81\xc3\xe9d\xc2;\x9fr\xc6\xd9\xdd(\xc8;\xfc\xe4.&gt;\xa7\x98\x91\x99\xce\xe3\xf7\x0f\xe5\xadW\xc6\xe1r\xa7\xf1\xfaG\xdf\xd0\xfe\xe4S\xf1\x14\x8a\xe1\xe2\x8a\x16O\xee\xdcin\xee\x1dx#_|\xf8.\xd5j\xd4\xe2\x8dOf\xd0\xace\xeb\x83\xe6\xfc\x0f\xefg\x19\xf1}l\xd8\x10\xde\x9e\xf8&lt;\xae\xb4t#\xbe\x1d;\x8b\xf8&amp;\xb8\x7f\x8aozz\x06?\xfc\xf0=\x1d:tH\xe9m\x83S6\x01\x887\xfe\xdf|\xf3\r\x17_|\t\xaa\x1a\xe5\xc1\'\x9f\xe7\x96;\xeed\xff^\xd1\xf8\'\xbah4Jv\xb5\x0c\xde}u"\x8f\xdc3\x10YQxn\xe2\x14z\xf6\xeaE\xde\xde#\x1f\xd91n\x13\x1d\x97;\x8d{\x06\xf4f\xfa\xc7S\xa8Y\xbb.\xefN\xff\x91:\xf5s\xf1\xfb\xfc)\xfb\x10\xa9\x0c\xf1\xe4\xee\xe9\x11\xc3\x994\xfei\\\xee4&amp;M\xfd\x8a\x93N=\x9d\xc2\xfc#/\xd8=\x10_7w\xf7\xef\xcd\x97\x9f\xbcG\xcd:u\x992\xfd\'j\xd7\xab/\xe2\x9b\xe0J\xc7\xd7\xb8\x7f\xdf\xa3~\xfd\\\xe6\xce\x9dC\xbdz\xf5bK\xbbSo@&lt;%\x13\x80x\xc6\xb7b\xc5\n\xbat\xe9BAA\x01\xfd\xee\xb8\x8f\xe1\xa3\x9e!?OT\x00\'\xbah4JFf\x06\xbf|?\x93\x81\xd7_B8\x14*\xa9\xf0\xde\x7f\x14\x8d\x7f\x9c\xaei\xc8\x8a\x82bR\x18\xd0\xeb"\xe6\xff\xfc=\xadNh\xcf;\x9f\xff\x80\xc9bA\x8dF\x91\xa4\xd4{\x88T\xb4h\xd4\x98\xd7\x9d\xf2\xc6$\x1e\x1e2\x00\x93\xc9\xc4\xb8\xd7\xa7r\xc1e\x97\x93\x7f\x0c\x05\xbb\xf1B`\xc5$\xd3\xff\xea\x8bX\xf0\xcb\x0f\x1c\xdf\xf6D\xde\xfe\xe2{L\x8a\x19UU\xc5\x12\xe0\x04\xf6O\xf1=\xf9\xe4\x93\x99={66\x9b\xad\xe4\x98\xf7T\x92rO\xab\xf8\x89_\xf9\xf9\xf9\\y\xe5U\x14\x14\x14p\xc1\xa5Ws\xef\xa3OSX\xe0\x11\x1b\xfc$8UUq\xba\x9cl\\\xbf\x96a\xb7\xddH8\x14\xa2w\xbf\xc1\xdcr\x87\xb1\xbc\xebXj:$YFUU@b\xcc\xa4)4n\xda\x92\x95\x7f,a\xf8\x1d\xb7`\xb3\xd9I\xbdT\xba\xe2\xa9\xb1\xe4n\xee\x8f?\xf2\xe4\xf0\xbb\x00\xb8\xe7\x91g\xb8\xf0\xf2\xcb\xc9?\xc6i;9\x16_\t\x991\x93\xa6\xd0\xe8\xb8\xe6\xfc\xb9\xec7\x1e\xba\xa3\x1fv\x87\x9d\x14\xec+%\x95C\xe3\xdb\xb8is\x16.\\H\xbf~\xfdK\xbe\x96jR*\x01\x88/\r\x91$\x89\x1bn\xb8\x81\xb5k\xd7pB\x87\x93y\xe2\x85\xd7\t\xf8\x03\xe8:)\x97\x01&amp;\x13]\xd71\x99L\x84\x82A\xee\x19\xd0\x9b\xfd{\xf7\xd0\xe5\xdc\x0bx\xe0\xc9\xb1x\n\xbce\x92\xdc\xc9\xb2L(\x18$3\xbb\x1a\xe3^\x7f\x9f\x8c\xcc,f}9\x8d\x17\x9f\x19IfvZ\xca\x17\x15\x95\'M\xd5\xb0;\xecl\xdf\xba\x99a\x83n$\x18\x0cpM\xdf\x81\xf4\xbbs\xe81\'wq\xb2,\x13\x0c\x06\xc9\xca\xa9\xce\xd8\xd7\xde\'=#\x93o\xbf\xf8\x98\x97\x9e}\x82\xcc,\x11\xdfDW:\xbec&amp;\xbdOzf&amp;\xef\xbf\xff\x1e\xa3\x9f}6%\x8b\x02S*\x01\x88\x0f\xfd?\xfc\xf0\xc3|\xfd\xf5\xd7\xd4\xa8Y\x9b\xe7^\x9d\x82\xd5j%\x12\x89\xa4\xe4\x1cP2\xd14\r\x97\xdb\xc9\xe3\xf7\xdf\xc9\x8a\xa5\x8bi\xd8\xa4\x19OO\x98L4\x12E\xd3\xf52K\xee\x14E\xc1\xeb\xf1\xd0\xea\x84\x13\x189\xe6UdY\xe6\xe51\xa3\x989}:\x99Y\x19)\xf7\x10\xa9\x10\xba\x8e\xac\x18\xf1\xbb\xff\xb6\xbe\xec\xda\xb1\x8dSN?\x93\x07\x9f\x1c\x87\xa7\xb0\xb8LG\xee\x8c\xf8\x16\xd1\xba];\x1e}\xeee$Yf\xc2\xb3#\xf9\xfe\x9bo\xc8\xc8\x14[\x06\'\xba\x83\xe2\xfb\xec+\xc8\xb2\xcc\x03\x0f&lt;\xc0\xec\xd9\xb31\x99L)5\x12\x902-^|\xb9\xdf\xd7_\x7f\xcd\xa8Q\xa30\x9b\xcd&lt;\xfe\xfck4l\xd2\x04_\xb1O\x14\xf8$\xb8h4JVv:\xef\xbd\xf1*\x9f\xbe\xff&amp;\x0e\xa7\x8bg^~\x8b\xac\x9c\xea\x84\x82\xc12O\xeeL&amp;\x13\xf9y\x85\\|\xe5\x15\x0c\x182\x1cMUyx\xe8\xadl\xd9\xb8\x11\x87\xc3\x8e\xa6ie\xfaz\xa9NUU\xd23\xdc\x8cy\xfcA\x16\xce\xfd\x91Zu\xea\xf1\xf4Ko\x01\xc6F@e=rg2\x99\xc9\xcf+\xa4\xe7\xd5\xbd\xb8\xe5\xf6{Q\xa3Q\x1e\x1e:\x80\x1d[\xb7`\xb3\x8b\xf8&amp;\xba\x03\xf1\xbd\x9a\x9b\x07\x1b\xf1\xed\xd3\xa7\x0f{\xf6\xecA\x96\xe5\x94\x89oJ\x14\x01\xc6\x87\xfdw\xee\xdc\xc9\x89\'\x9e\xc4\xee\xdd\xbb\xb8\xe3\xfe\x91\xdc\xf5\xe0\xc3b\xb9_\x12\xd04\x15\x87\xd3\xc9\xdaU+\xb8\xfe\xc2\xae\x14{=&lt;\xfa\xec\xcb\xdcp\xeb\xc0\xa3\xaa\xf8?|:\xba\x0ev\x87\x9d~W_\xc8\xdc\xd93\xe9\xdc\xe5\x1c\xde\xf8\xf8\x1b\x02\x81\xa0\x98N*#j4JzV\x06\xb3\xa6\x7f\xc6\xed7^\x8e\xc9lf\xe2{\xd39\xe3\x9c\xee\x14\x16\x94\xe7\x16\xddF|mv+7_q\x01\x0b~\xf9\x813\xce9\x9fIS\xbf\xc4W\xec\x13#\x86\t/\x16_\x9b\x95\x9b\xaf4\xe2{\xd1E\x171}\xfa\xf4\x94\xd9$(%&gt;\xc1zl\xf8\xf7\x96[na\xf7\xee]\x9cq\xf6y\x0c\xba\xe7A\n\xf3&lt;\xa2\xf1OpFQ\xa7B8\x14b\xc4]\x03(\xf6z\xb8\xe8\x8a\xeb\xb8\xbe\xdf@\xf2\xf7\x17\x95\xf3FNR\xc9N\x92\x8f\x8f{\x95\x1a\xb5\xea0\xff\xe7\xef\x998\xeei22\xddb*\xa0\x0c\xe8\x9a\x86\xd5ng\xc7\xd6\xad&lt;6l0\xba\xae3`\xc8p\xce:\xaf{l\x17\xc7\xf2|H\x1b\xf1\xd55\x18\xf5\xfc\xab\xe4T\xaf\xc1/\xdf\x7f\xcb\x1b\x13\xc6\x88z\x80\xa4\x10\x8b\xafn\xc4\xb7Z\xf5\x9a|\xf9\xe5\x97\xbc\xf0\xc2\x0b)S\x0f\x90\xf4\t@|\xde\xff\x85\x17^`\xc6\x8c\x19\xd4\xa8Y\x9b\x91c^!\x1a\x8d\x92\xf4C\x1f)@SU\xd23\\\xbc\xf8\xccc\xacX\xba\x98\x06\x8d\x9b\xf2\xd0S\xcf\xe3\xf7\xf9+\xa4\x87&amp;\xcb2\x01\x7f\x80z\xb9\xb9&lt;\xf4\xf4\x0b\xc8\xb2\xcc\xc4qO\xb1h\xfe\x02\xdciih)4\x9fX\x1et\xc0b\xb10\xea\xfe;\xd9\xb3k\x07\x9d\xce8\x9b\xdb\xee~\x90\x82|o\x85$\xef\xb2,\xe3\xf7\xfbi\xd0\xb81\x0f&lt;\xf1&lt;\x92$\xf1\xd2\xb3\x8f\xb1\xec\xb7\xdfq\xb9\xddh\x9a\x88o"+\x1d\xdf\xe1O\x8cC\x92$\x1ex\xe0AV\xadZ\x85\xc9dJ\xfa\xa9\x80\xa4N\x00\xe2\xeb&gt;W\xaf^\xcd\x03\x0f&lt;\x88$I\xdc?j,\xf5\x1b6 \xe8\x0f\x88!\xbc\x04\xa7\xaa*\xee\x8c4\xe6\xfe\xf8#oO\x1c\x87\xc9l\xe6\xe1g^$+;\x87p(\\aC\xf0&amp;\x93\x89\xc2\xfcBz\\z\x19W\xdf\xd8\x9fP0\xc0c\xf7\xddF0\xe0GV\x14\xc4\xfa\xc0\xa3\x13\x8dF\xc9\xc8J\xe3\xc3\xb7_\xe3\xfbo&gt;\'3+\x9bG\x9f{\x19-\xb6\x0b`E1\x99L\x14\xe4\x17q\xc9U\xbd\xb8\xb4W\x1f\xfc&gt;\x1f\x8f\xddw;\xd1\x92\xc2a\x11\xdfDV:\xbe\x97]\xd3\x07\x9f\xaf\x98\xfe\xfd\xfb\xa3\xaaj\xc9\x8e\x93\xc9*i[\xc0x\xe04Mc\xe0\xc0\x81\xf8|\xc5\\\xda\xebF.\xba\xf2j\n\xf2\xc5\xd6\x9e\x89.\xbe\xe4\xcf_\xec\xe3\x89\x07\xee"\x12\x89\xd0\xbb\xdf`\xbav\xefFa%l\xdd*+\n\x1e\x8f\x9f\xa1#\x9e\xa4\xd1q\xcdY\xb5|)\xaf&gt;\xff4\xe9\x19\xae\x94\xaa*.+\x9af,\xf9\xdb\xb4~\x03\xe3\x9ex\x08\x80\xa1#\x9e\xe2\xb8\xe6M+lt\xa74Y\x96\xf1\x15\x07\xb8o\xe4\xd3\xd4k\xd0\x88e\xbf\xfd\xca\x9b/\x8f#=\xc3M4*\xe2\x9b\xe8\xe2\xf1\xbd\xf7\xd1\xa7\xa9\xdf\xa0\x11\xf3\xe6\xcdc\xfc\xf8\xf1(\x8a\x92\xd4\xf7o\xd2&amp;\x00\xf1\xde\xff+\xaf\xbc\xc2\xcf?\xffL\x9dz\xb9\xdc\xfd\xc8S\xf8}\xa2\xe7\x9f\x0cTU%-\xdd\xc9\xa4\xe7\x9fa\xed\xca\xe54i\xde\x8a\xdb\xef{\x18Oa\xe5\xac\xe8\x90$\x89h$BFf&amp;\x0f&lt;1\x0eEQx\xf3\xe5\xb1,Y\xb8\x08\xa7\xdb-\xa6\x02\x8e\x90\xae\xebX-V\x9ey\xe4^\n\xf2\xf6qf\xf7\x0b\xb9\xfa\x86\x9b)\xc8\xf7TJq\x96$I\x84C!r\xaaWg\xd8\xc8\xe7\x90$\x89W\x9f\x7f\x8a\x95\x7f\xac\xc0\xe9r&amp;\xfdPq\xb2+\x1d\xdf\xfb\x1e3\xe2\xfb\xe8\xa3\x8f\xb2a\xc3\x06\x14EI\xda\xf8&amp;eK</t>
        </is>
      </c>
    </row>
    <row r="332">
      <c r="A332" s="1" t="n">
        <v>330</v>
      </c>
      <c r="B332" t="inlineStr">
        <is>
          <t>polygon_sides_number</t>
        </is>
      </c>
      <c r="C332" t="inlineStr">
        <is>
          <t>What is the missing number of the part denoted with a question mark?</t>
        </is>
      </c>
      <c r="D332" t="inlineStr">
        <is>
          <t>[3, 5, 8, 9]</t>
        </is>
      </c>
      <c r="E332" t="inlineStr">
        <is>
          <t>8</t>
        </is>
      </c>
      <c r="F332" t="inlineStr">
        <is>
          <t>There are 6 numbered polygons arranged in a triangle with number ['?'] in the top row, [3, 9] in the middle row, and [6, 5, 4] in the bottom row.</t>
        </is>
      </c>
      <c r="G332" t="inlineStr">
        <is>
          <t>We observe that the polygon with 3 sides has the number 3, the polygon with 6 sides has the number 6, the polygon with 5 sides has the number 5, the polygon with 4 sides has the number 4, and the polygon with 9 sides has the number 9. Thus, the pattern is that the number inside the polygon represents the number of sides the polygon has.</t>
        </is>
      </c>
      <c r="H332" t="inlineStr">
        <is>
          <t>Based on the pattern that the number inside the polygon represents the number of sides of the polygon, the missing number of the polygon with 8 sides should be 8.</t>
        </is>
      </c>
      <c r="I332" t="inlineStr">
        <is>
          <t>b'\x89PNG\r\n\x1a\n\x00\x00\x00\rIHDR\x00\x00\x02\x00\x00\x00\x02\x00\x08\x02\x00\x00\x00{\x1aC\xad\x00\x00\x95oIDATx\x9c\xed\x9dw\xbc\x8f\xe5\xff\xc7\xaf\xeb\x1e\x9fy\xceg\x9de\xef\xed\xa0Pf\xf6!$#+#$\xf4-\x8a(\x15\x85\x90RI\xc2\xcf(#\x94=22\xb3\xca\xc8v\x8c$\x9bp\xf6\xfa\xcc\xfb\xbe\xae\xeb\xf7\xc7\xc5\xa7\x93\x15:\xe73\xdf\xcf\x87?\xf8\x9c\x1b\xd79\xf7}\xbf_\xd7\xf5\x9e\x981\x86\x00\x00\x00\x80\xf0C\xf0\xf7\x02\x00\x00\x00\x00\xff\x00\x02\x00\x00\x00\x10\xa6\x80\x00\x00\x00\x00\x84) \x00\x00\x00\x00a\n\x08\x00\x00\x00@\x98\x02\x02\x00\x00\x00\x10\xa6\x80\x00\x00\x00\x00\x84) \x00\x00\x00\x00a\n\x08\x00\x00\x00@\x98\x02\x02\x00\x00\x00\x10\xa6\x80\x00\x00\x00\x00\x84) \x00\x00\x00\x00a\n\x08\x00\x00\x00@\x98\x02\x02\x00\x00\x00\x10\xa6\x80\x00\x00\x00\x00\x84) \x00\x00\x00\x00a\n\x08\x00\x00\x00@\x98\x02\x02\x00\x00\x00\x10\xa6H\xfe^\x00\x00\xf8\x01\xc6\x18\xa5\x14!$\x08\x02!D\x14E\x8c\xb1\xbf\x17\x05\x00\xbe\x06\xc3L` \xac`\x8c\x11B$\xe9\xce\xad\x0f!\x04c,\x08p&amp;\x06\xc2\x08x\xdc\x81p\x81R\xca\xad\xbc$I\x84\x90-[\xb6\xbc\xf8\xe2\x8b\t\t\t\x0b\x16,\xc8\xca\xca\x12EQ\x10\x04~\r\xec\x8a\x800\x01N\x00@\x88\xc3\xbd=\x82 p\'\xcf\xcd\x9b7\x17,X\xb0`\xc1\xc2\xe3\xc7\x8fy\xaf)Z\xb4h\xdf\xbe}\xbbt\xe9R\xa1B\x05\xfe\x89\xaa\xaa\xe0\x17\x02B\x1e\x10\x00 d\xa1\x94RJ\xbd\xde\x9e={\xf6\xcc\x9b7o\xed\xda\xb57n\xdc\xb8\xe7\xf5:\x9d\xaeE\x8b\x16/\xbf\xfc\xf2\xb3\xcf&gt;\xab\xd1h\x10B\x84\x10\x84\x90(\x8a&gt;[3\x00\xf8\x12\x10\x00 \xd4\xb8c\xcb\x9f\x9d\x9d\xbd|\xf9\xf2o\xbe\xf9f\xcf\x9e=\xdekdY\xae\xfdt\xfd\x8e\x1d\xba\xd9\xacQ+\xd7,\xd9\xb0q\x8d\xdb\xed\xf2~5&gt;&gt;\xbeW\xaf^]\xbbv-R\xa4\xc8\xdd\xff \x00\x84\x0c \x00@\xe8@)e\x8cy7\xec\xc7\x8f\x1f_\xb0`\xc1\x92%K\xae\\\xb9\xe2\xbd&amp;&amp;&amp;\xb6Y\xe3\x96=\xbb\xf5\xad\\\xa9\x9a,\xcb\x94PA\x14N\x9dN\\\xf7\xd3\xaa\xb5\xebW\x9e;\xff\x87\xf7J\x93\xc9\xdc\xb1\xe3\x0b\xaf\xbc\xf2J\x9d:u\xf8\'\xaa\xaa\n\x82\x00\x81b d\x00\x01\x00\x82\x1eoN\'7\xfdn\xb7{\xd3\xa6MS\xa7N\xdd\xb1}\x87\xa2*\xde\xcbj&lt;\xf9\xf4\x0b\xed^Lh\xda\xaah\x91\xe2n\xb7\xcb\xe1t0\xc60F\x8c!\x83\xc1\xa0\xd3\xe9\xd3\xd2R\x7f\xdd\xbb\xf3\xbbE\xb3\xf7\xee\xdf\xad\xaa\xaa\xf7/\xd6\xad[\xb7w\xef\xde\xcf?\xff|\\\\\x1c\x82\x03\x01\x10B\x80\x00\x00A\xcc\x1d9\x9d\xbf\xff\xfe\xfb\x92%K\x96,Yr\xfa\xf4i\xef5\x91\x91\xa6f\x8d[vh\xd7\xa5A\xbd&amp;\x1a\x8d\xd6\xe1\xb4\xbb\xdd.\x8c\xff\xb1\x91\xa7\x942F%I\x8e0F\xaa\xaa\x92x\xf2\xe8\x9a\xb5\xcbW\xfd\xb8$9%\xc9{M\\\\\x81\x9e={\xf4\xec\xd9\xb3j\xd5\xaa\xfc\x13B\x08\xc8\x00\x10\xd4\x80\x00\x00AIno\x0f!\xe4\xe7\x9f\x7f^\xb8p\xe1\xd2\xa5K]\xae\xbf]\xf9\xe5\xcaV\xec\xd8\xfe\xc5V\xcf\xb6+U\xa2\x0ce4;\'\x8bQ\xf6@\x93\xcd\x08\xa1\x18c\x83\xde\xa0\xd3\x1b._\xbe\xb0e\xdb\x86\x15\xab\x7f8t\xe47\xef\x15\xb2,7j\xd4h\xe0\xc0\x81-Z\xb4\xd0j\xb5\xe8v\xa0\x18\x94\x00\x08F@\x00\x80`\xe2ar:uZ\xdd3\xf5\x1bwl\xdf\xbdA\xfd&amp;6[\xb4\xdd\x9e\xedr\xb9\x10F\xa2\xf0\xb0\xc9&lt;&lt;}H\xa7\xd3\x19\x0cF\x97\xd3y\xf8\xe8\x81\xc5\xcb\xe6o\xdc\xb2.;;\xcb{M\x85\n\x15\xbav\xed\xda\xb7o_\x1e(Fp \x00\x82\x10\x10\x00 8x\x98\x9c\xce\x82\x05\x0bw\xee\xd0\xfd\xf9\xd6/T(\x1f\x8f0\xb2\xdbs\x14Ey\xect~\xc6\x18\xa5D\x10D\xa31B\x14\xc4\xf3\x17\xff\xdc\xb0q\xf5\xf2U?\xfcq\xf6o\xff\x92\xd9ln\xdb\xb6m\x8f\x1e=\x9a4i\xe2=\x8e@E1\x10,\x80\x00\x00\x01\xcd\xc3\xe7t\xb6\x7f\xbeK\xd3\xc6\xcf\xc6\xc6\xc6\xb9\xddn\x87\xc3\x8e\xf2\xce-C)a\x0c\xe9t:\xa312--e\xd7/?/_\xb5h\xf7\xaf\xdbs\xbb\x9b\xaaV\xad:p\xe0@\x08\x14\x03\xc1\x05\x08\x00\x10\xa0&lt;jN\xa7F\xa3\xc9\xc9\xc9V\x14\xcf\x1d\x01\xde\xbc\x82\x07\x9ceY6\x1a#\x10C\xbf\x9f9\xf1\xe3\xfa\x15\xcbV.\xfa\xeb\xfa5\xef5\x05\n\x14h\xd3\xa6\xcd\xc0\x81\x03s\x07\x8a\xe1@\x00\x04, \x00@`\xf1\x1fr:\xa9 \xe4{\xf3\x06\xef\xf2\x0c\x06\xa3V\xabMJ\xba\xb9m\xfb\xc6\x95k\x16\xff\xb2g\x87\xf7\x1a\x1e(\xee\xd9\xb3g\xdb\xb6mM&amp;\x13\xba-fp \x00\x02\r\x10\x00 P\xc8\xab\x9cN\xdf\xc03GeY\x13\x11ar\xbb]\x07\x0f\xed[\xb1\xfa\x87\xad?\xff\x94;s\x14Z\x0c\x01\x01\x0e\x08\x00\xe0\x7f\xf2\'\xa7\xd3\x17\xf0@1\x16\x84\x08C\x84\xac\xd1\\\xbata\xcd\xbae\xab~\\z\xfa\xf7\x13\xdek\xf4z}\xf3\xe6\xcd_\x7f\xfd\xf5\xdc\x81b\x04-\x86\x80\x00\x00\x04\x00\xf0\'\x94R\x8cq\xbe\xe6t\xfa\x06~ \xd0juFcDvV\xd6\xbe\x03\xbf\xacZ\xb3d\xc3\xc65.\xf7?\x02\xc5={\xf6\xcc\xddb\x88\xfb\x85\xfc\xb7j \xdc\x01\x01\x00\xfc\x06c\x8c\x9b~\x1f\xe4t\xfa\x06\xc6\x18\xa1D\x12%\xa31B\x10n\xb5\x18Z\xb7~\xe5\x9f\xffh1d\xea\xd8\xb1c\xdf\xbe}\xeb\xd6\xad\x8br\xfd\x10\x00\xc0\xf7\x80\x00\x00\xfe\x81\xef\xfd\xb7n\xdd:j\xd4\xa8\xbd{\xf7z?\xcf\xef\x9cN\xdf@(A\xb7[\x0c\xa5\xa7\xa7\xfd\xb4\xe9\xc7U?.\xd9\xf7\xdb/\x8a\xf2w\x1c\xbbN\x9d:\x1f}\xf4Q\xb3f\xcdx\xc2\xa8\x1fW\x0b\x84- \x00\x80\x7f\xe0!\xdfJ\x95*\x9d={\x96\x8f\xe2\xf2eN\xa7o\xf0\xb6\x18\x8a\x8c4)\x1e\xcf\xdd-\x86J\x97.\x9d\x98\x98\xa8\xd3\xe9\x10BA$o@\xc8\x00\x02\x00\xf8\x01&gt;\x87}\xdb\xb6m\xcd\x9b7\x17\x04\xc1`0\xbe;t\xb4\xefs:}\x06!*\xc6\x02o1t\xe9\xf2\xf9m?o\xfc\xe2\xab\xf1\x99Y\x19\x8a\xa2\xac]\xbb\xb6u\xeb\xd6\x94R\x88\t\x03\xbe\'X\xf7V@\x080i\xd2$J\xa9\xaa\xaa\xbdz\xf4\x7fs\xe0`\xb3\xd9\x92\x96\x9e\xe2p:\x04A\x10E)d\xac?BH\x14%A\x10\x1cNGJJ\x92\xd9d}s\xe0\x9b}{\xbf\xae(\n\xc6x\xe6\xcc\x99\xde08\x00\xf8\x188\x01\x00\xbe\x86\xbb\xbc\xcf\x9d;W\xa5JU\xa7\xd3a0\x18\xb7\xae\xdf\x1f\x1b\x1b\xe7\xf1x\xc2a\x17L(\xd1H\x9a\x1b7\xaf\'&lt;W\xdb\xe9t\xe8\xf5\xfaC\x87\x0eU\xacX\x11"\x01\x80\xef\x81\x07\x0e\xf05\xbc\x92v\xe1\xc2\x85N\xa7\x03!\xd4\xa4Q\xf3\x12%J\x85\x89\xf5G\x08\x89\x82\xe8Q&lt;\xa5J\x96i\xd9\xbc\rB\xc8\xe9t~\xf3\xcd7\xe8\xf6\x8f\x05\x00|\t\x08\x00\xe0Sx\xc1\x97\xcb\xe5Z\xb0`\x01w}t\xea\xd0\x9d\xd1\xb0;\x86RJ\xbbu\xe9\xc3S\x9b~\xf8\xe1\x07\xbb\xdd.\x8a"\x1c\xc7\x01\x1f\x03\x02\x00\xf8\x14\xde\x1cm\xd5\xaaU\xe7\xce\x9dC\x08\x95.U\xb6n\xed\x069\xf6\xec0\xd9\xfesDQ\xcc\xb1g\xd7\xa8\xfet\xe5JU\x19c\xd7\xaf__\xbe|9\xc6\x18\x0e\x01\x80\x8f\x01\x01\x00|\x8a \x08\x8c\xb1\xd9\xb3gc\x8c\x19c\xbdz\x0c\x88\x8c0\xe5\x1e\xc0\x1b&amp;\x10Bt:}\xb7.}\xf8\x1f\xa7N\x9d\xca\x0b#\xfc\xbb* \xdc\x80 0\xe0;\xb8\x8d;u\xea\xd4\x13O&lt;\xa1\xaa\xaa\xd5j\xdb\xf4\xe3\x9e\xa8\xa8h\x9e\x0f\xe3\xef\xd5\xf9\x14\xc6\x98$J\x0e\xa7\xa3Y\xab\xa7\x93\x93\x93\xb0 \xec\xdf\xbf\xaff\xcd\x9a&lt;A\xd6\xdf\xab\x03\xc2\x058\x01\x00\xbe\x83\x0b\xc0\xdc\xb9s\xf9\x96\xbfy\x93V\xc5\x8a\x95p\xb9\\\xe1f\xfd\x11B\x18c\xb7\xc7\x1d\x17\x1b\xd7\xbae{\x86\x18\xa5d\xda\xb4i\xfe^\x14\x10v\x80\x00\x00&gt;\x82\x87\x7fSRR\x16,X\xc0?y\xa1C\xf70\xdc\xfb{\x11\x04\xc1\xe5vu\xea\xd0\x9dW\x02/[\xb6\xec\xfa\xf5\xeb\x10\n\x06|\t\x08\x00\xe0#\xbc\xe1\xdf\xa4\xa4$\x84P\xad\xa7\xea\xd5\xaaY\'\'\'\xbc\xc2\xbf\xb9\x11\x04\xc1n\xb7?Y\xadF\x9dZ\xcf`\x8c\xedv\xfb\x0f?\xfc\x80n7\x8b\x06\x00\x1f\x00\x02\x00\xf8\x08\xde\xf0\xe7\x9bo\xbe\xe1[\xfe\xce/\xf4\xd0ju\x90\xf7\xc2\x18\xea\xfcBO\xbe\xeb\xff\xe6\x9bo\x9cN\'\x1c\x02\x00\x9f\x01\x02\x00\xf8\x02B\x88 \x08\x87\x0f\x1f&gt;x\xf0 c,6&amp;\xaeY\x93g\xb3s\xb2\xc2v\xfb\xcf\x11\x04!\xc7\x9e\xdd\xa8A\xb3\xd2\xa5\xca"\x84N\x9f&gt;\xbdm\xdb6\x04Ea\x80\xaf\x00\x01\x00|\xc7\xb4i\xd3\xb8ik\xdd\xb2}\x81\xb8B\x1e\x8f\'l\x03\x00\x1c\x8c\xb1\xa2(Q\xb6\xe8N\x1d\xba\xf3?Bk \xc0\x97\x80\x00\x00\xf9\x0e\x0f\xff^\xbf~}\xd9\xb2e\x08!\x9dN\xd7\xa9Cw\x97\xdb\t\xado\xd0\xed\xa2\xb0\xe7Z\xb6\xd7\xeb\r\x8c\xb1m\xdb\xb6\x9d&gt;}\x9a\xbb\xcb\xfc\xbd4 \xf4\x817\x10\xc8wxT\x937&lt;@\x08\xd7\xa9\xf5\xcc\x93\xd5j\xd8\xedv\x10\x00\x84\x10\xc6\xd8\xe5r\x95*Y\x16Z\x03\x01\xbe\x07\xde@ \xdf\x11EQU\xd59s\xe6 \x84\x10b\x9d;\xf6\x84\x18\xe7\x1d@k \xc0/\x80\x00\x00\xf9\x0b\xcf\xfe\xdc\xb9s\xe7\xc9\x93\xa7\x10B\xc5\x8a\x16oX\xbfi\x8e=\x1b\xb6\xff^\xa05\x10\xe0/\xe0%\x04|\xc1\xa4I\x93\x10b\x08\xa1vm:G\xd9\xc2\xb1\xf7\xc3\x83\x81\xd6@\x80_\x80^@@&gt;r\xaf\xd9/\xfb\n\x14(\xec\xf1\xb8\xc1\xba\xe5\x86\xb7\x06r:\x1d\x8d\x9f\xad\x99\x9a\x9a\x02\xad\x81\x00\xdf\x00\'\x00 \x1f\xb9\xd7\xec\x97\xd2.\x97\x13\xac\xff\x1d\xf0\xd6@11q]:\xbd\x04\xad\x81\x00\x9f\x01\x02\x00\xe4\x170\xfb\xe5\x91\xe0\xad\x81\xda?\xdfY\xa7\xd3#\x84\x96-[v\xf3\xe6M\x08\x05\x03\xf9\n\x08\x00\x90_\x04\xda\xec\x17\xc6\x18\xa1\x84\x10\x95\x10B)e\xb7\xa0\xf4\xf6\x87\xfe5\xb5\x82 8\x1c\xf6\x8a\x15\xe2k?]\x0f!d\xb7\xdbg\xce\x9c\x89 \x1f\x14\xc8O@\x00\x80\xfc"pf\xbf\x10B\x08!\x92$\x99"\xcd6[\xb4\xc5b\x8d\x88\x88\xd4j\xb5\xb2,\xebt\x86\xc8H\xb3\xcd\x16m6[DQ$\x84\xf0`\xb5\xbf\xe0?(\x84\x11Bh\xfe\xfc\xf9N\xa7\x93\xff\x18\xfd\xb8$ \x84\x81 0\x90/\x04\xc8\xec\x17\x1e\x85\x8e0F`,\\\xbfy\xed\xc4\xc9c\x89\'\x8f^\xb8p\xee\xc6\xcd\xbf\x1c\x0e;!D\xd6hlV[\xa9\x92\xe5jV\xafU\xeb\xa9\xba11qYY\x99\xfco\xf9l\x91w \x08B\xabv\xcf\xfcy\xee\x0f\xc6\xd8\xfa\xf5\xeb[\xb5j\x05\xa1` \x9f\x90\xfc\xbd\x00 4\xa1\x94J\x92t\xc7\xec\x97\xd4\xd4\x14I\xf2\xdd#G)\x8d\x88\x88t\xb9\x9c\x9b\xb6\xae\xffq\xdd\xf2=\xfbv%%\xdf\xbc\xcf\xb5?\xcdD\xa8H\xe1b\xbdz\xf4\xeb\xf3\xd2\xab\x92${&lt;n\xbfh\x80\xaa\xaa\xd1\xd11\x1d\xdav\xfd\xf4\x8b1\x18\xe3I\x93&amp;\xb5l\xd9\x12b\xe6@&gt;\x01\'\x00 \xef\xe1\x0fUjjj\xe5\xca\x95y\xf7\xff\xa5\x8b~\xaaS\xab~v\xb6\xef\xda\x7fRJ\rz\xc3\xcf;7O\xfa\xea\xe3\xc4\x93G\xf9\x87\x82 H\xa2\x841f\xb7\xd6\xc8\xb8m\xa5\x94QJ\xb8\xb7\xbdn\x9d\x06\xd3&amp;\xcf3\x9b\xccn\xb7\x1f4\x801&amp;\xcbrrJR\xcb\xb6\xf5\xd3\xd3\xd3$I:z\xf4h\xa5J\x95\x18cP:\x07\xe49\xf0H\x01yO \xcc~a\x8c\xc9\x1aMZZj\xe2\xc9\xa3\x92$\xc9\xb2,I2\xa5\xd4\xa3x\xdc\x1e\xb7\xc7\xe3Q\x14\x8f\xa2(\x1e\x8f\xc7\xe3\xf1\xa8\xaa\x82\x10\xc6\x18\xcb\x92\xbcg\xef\xae~\xff{QUU\xbfd\xe0\xf0\xd6@%\x8b\x97j\xde\xa4\x15BHU\xd5\xb9s\xe7BU0\x90O\xc0\t\x00\xc8{\xb8\xb5\xaaS\xa7\xce\x81\x03\x07\x18c_|\xf2\x7f\xdd\xbb\xf6IM\xf3\xa9\xff\x07!\x84\x10\xd3h\xb4\xcfuht\xfa\xf4\t\xca(BH\x92\xa4\xf8J\xd5\xe2+?Q\xb4H1S\xa4\x19a\x9c\x9e\x91v\xfat\xe2\x8e\xdd[\xb3\xb3\xb3x\x0fNY\x96\x15Eys\xe0\xf0\xf7\x86\x8dIKO\x11E_\xbbI\t!\x91\x91\xa6\xbd\xfb\x7f\xe9\xdc\xbd%B(66\xf6\xe4\xc9\x93QQQ\x08!\xf0\x05\x01y\x0b\x08\x00\x90\xc7\xf0\x88\xe5\xc1\x83\x07k\xd5\xaaE)\x8d\x8d\x89\xdb\xb2~\x9f\xc1`\xe4\xc7\x02\xdf\xaeD\xb5Z\xa3\xbe[8{\xf8\xc87\xca\x97\xab\xd4\xaeM\xa7fMZ\x96.U\xce\xa07 \x8c\x18c\x88!\x8c1e\xf4\xd2\xe5\x0b\xa3\xc6\xbe\xb3y\xeb\xfa\xdb)7\xd8j\xb5nY\xbf\xdfl2\xab\xaa\xea{\xb3\xcb\xfdW\x9d{\xb4\xde\x7f\xe0W\x84\xd0\xacY\xb3\xfa\xf5\xeb\xa7\xaa\xaa\xcf\x15\x14\x08q\xc0\x05\x04\xe4\x0b\x810\xfbE\x14E\xbb=\'\xa1i\xab\x99S\x17\xac^\xba\xf5\xad7\xde/[\xba\xbc\xc7\xe3NKOIKKIOOK\xcfHKKOIOO+X\xa0\xd0\xac\xa9\x0b\xab?\xf1\x14\xa5\x14c\x01c\x94\x96\x96z\xf0\xd0^\x83\xde\xe0\x17\xdf\x0b\xa5T\xab\xd5u~\xa1\x07B\x08c\xcc\x1bDC\x0c\x00\xc8s\xe0\x91\x02\xf2\x92\x00\x9b\xfd\x82UU\x8d\x880=\xd7\xb2\x83(\x8a)i\xc9N\x97\x13c,\x8a\x92(J\xe2-$I\x92rr\xb2\xb5:]\xdf\xde\xaf\xf1\xbf\xc6\xdb2\xff~\xe6\x94(J\xcc\x1fe\x01\xa2(f\xe7d5k\xd22:*\x861v\xf0\xe0\xc1\x1d;v\x08\x82\x00\xf3\xe2\x81\xbc\x05\x04\x00\xc8K\x02m\xf6\x0b\xc6\x98R\x92\x99\x95A)\x95D\xe9~\xcb\x10E\xc9\xedv\x95.]N\x14EJ\tB\x881\x96\x96\x9e\xca\x18\xc3\xc8\x0fnw\x8c\xb1\xc7\xe3\x89\x8b-\xd0\xa5\xd3K\x08!J\xe9\xacY\xb3|\xbf\x0c \xe4\x01\x01\x00\xf2\x92\x00\x9c\xfd\x821\x16E\xf1\xdf\x1dP\x0c\x89\x82\x88\xf1\xdfo\x84\x7f\xe3\xadw\xb4\x06Z\xbbv-\xb4\x06\x02\xf2\x1c\x10\x00 \xcf\x08\xea\xd9/\xa2$\xa6\xa6\xa5\xa8\xaa\xc25\x00cl\xb5F\xf1\x8a\x01\xbf\xac\xe7\x8e\xd6@999\xd0\x1a\x08\xc8s\x82\xe0\xcd\x04\x82\x8b`\x9c\xfdB\x08\xd1i\xf5;vnF\x08\x89\x82\xc0[\xc5\x95/W\x89\x10\xd5/. /\xd0\x1a\x08\xc8W@\x00\x80\xbc\x81R*\x8a\xe2\xb9s\xe7\xb6o\xdf\x81\x102\x18\x8c];\xbddw\xd8\x03\xbf\x89\x8d\xaa\xaaf\xb3\xe5X\xe2\xe1E\x8b\xe7\xf1\xacP\xc6\x98\xcd\x16\xfdt\xcd:\x0e\xa7\xc3\x8f\xc7\x17\x9e\xc5T\xbfn\xc3\xb2\xa5\xcbc\x8c\xcf\x9f?\xbf}\xfbv(\n\x03\xf2\x10\x10\x00 o\x08\xd2\xd9/\xaa\xaaFFD&amp;\'\xdf|}p\x9f\xec\x9c,\x8c1\xdfb\xf7\xea\xfeJ\xa1\x82E\xfc&gt;\xb9LUU\x93\xc9\xdc\xa1mW\xc6\x18o\r\xc4\x7f\xe3\xc7%\x01\xa1\x04\x08\x00\x90\x07\x04\xe9\xec\x17UU,\x16\xeb\xe5\xab\x97^\xec\xf5\xfc\x99?N\t\x82 `AU\xd5\xaa\xf1O\xbe\xda\x7fHVv\xa6 \xf8\xf9\xf8"\x8abNNv\xfb\xb6]\xacV\x1bcl\xe7\xce\x9d\xa7N\x9d\x82C\x00\x90W\x80\x00\x00y\x00\x0f\xff\xae^\xbd\xfa\xdc\xb9s\x8c\xb1R%K\xfbw\xf6\xcb\xc3@\x88\x1a\x15\x15\xb3\xff\xb7_;v{\xf6\xcc\x1f\xa7DQ\x14\xb0\xa0\x12\xb5D\xb1R3\xa7.\xd4\xc8\x1a\xdf\x97.\xdf\xcd\xed\xd6@\xa5\x9b5n\x89\x10RUu\xde\xbcy \x00@^\x01\x02\x00\xe4\x01\x82 x&lt;\x9ei\xd3\xa6q\x8b\xd9\xef\xe57"\x8c\x91~\x99\xfd\xf2\x90\x10Jl\xd6\xe8\x1f\x96\xce\x7f\xf1\xa567n\xfc%\x8a"BX%j\xa5\nU~\xf8\xee\xc7B\x85\x8a8\xfd\xea\xfd\xcf\x8d \x08n\x8f\xfb\xc5\xce\xbddYF\x08\xcd\x9f?\xff\xca\x95+\x92$A(\x18\xf8\xef\x04\xc4#\x0e\x045\xdc+M\x08\xe1\xbd?\x11B\xd1Q\xb1\x81\xec\xaa&amp;\x84X\xcd\xb6\xa93\xbe\x18\xf2\xf6\x00\xb7\xc7-\n"c\x88\x10\xb5I\xa3\x16K\x16\xae+X\xb0\x88=\xc0\xce.\x94\x12\x93\xc9\xc2\x97\x94\x99\x99\x99\x95\x95\x85n\xf7\xdc\x06\x80\xff\x02\x08\x00\xf0_\xe1\xd6_\xaf\xd7\xbf\xfa\xea\xab\xdc*}3o\xaa\xaa\x06h\xf6\'!\xc4b\xb1.\xfca\xce\xb8OF\x88\x82(\x08\x02C\x8cR2\xa0\xef\x1bsg.1\xe8\x8d\x0e\x87\xdd\xf7\x1d@\x1f\x00\xa5T\xaf3\xac^\xbb\xd4\xe5r!\x84:v\xecX\xb9reBH\x80\x1cP\x80\xa0\x06\xba\x81\x02y\x00\x7f\x8a\x92\x93\x93+W\xae\x9c\x92\x92"\x8a\xe2\xea\xa5\xdb\xaaVy\xd2\xe1\xf0[\x13\x88{B)\xd5\xeb\xf4\xe7/\xfe\xd9\xba}\x03\x97\xcb\xcd\x15\x8aR:j\xc4\'\xaf\r\x18\x92\x9e\x9e\x16\x80sW\xb8\xbe\xb6hS\xf7\xf2\x95\x8b\x18\xe3m\xdb\xb65n\xdc\x18\x86D\x02yB`=\xeb@\x90\xc2\xc3\x92\xb1\xb1\xb1\xed\xdb\xb7G\x08\x11BV\xff\xb8D\xaf\xd3\x07Z\xac\x921\xa6\xd5\xe9f~3\xc5\xe9t\x8a\x82\x80\x10\xa2\x94\x8e\x1e\xf9\xe9\xc0\xff\rKIMF\x81\xd7qSUUS\xa4y\xfd\xc6\xd5\xdc\xfaW\xacX\xf1\x99g\x9e\xe19W\xfe^\x1a\x10\n\x04\xd6\xe3\x0e\x045\x8c\xb1~\xfd\xfa\xf1\xdf\xaf^\xbb\xec\xe2\xe5\xf3:\x9d.p\x8e\x98|\xdabR\xd2\x8d\xed\xbb\xb6`\x8c\x11\xc6\x94\xd2\x17\xda\xbd\xf8\xda\x80!\xc9I7\xf8\xa8H\x7f\xaf\xf1N\x04Ap\xbb]\xcbV,\xe2\x87\xf5!C\x86H\x92\x04=A\x81\xbc\x02\x04\x00\xc8\x1bx\x9f\xb2\x1a5j4j\xd4\x08!\x94\x9a\x96\xb2i\xf3:\xa3!"p\xac\x15cL\xa3\xd1^\xber19\xf9&amp;B\x88\x10U\x96\xe5\xfe}\x079\x1c\x0e,\x04\x9c\xe9G\x08\x11B"""\xf7\x1f\xdc\xbb\xff\xc0\xaf\x08\xb1\xd8\xd8\xd8v\xed\xda\xc1\xf6\x1f\xc8C@\x00\x80&lt;\x83R*\x08B\xff\xfe\xfd\x11B\x18\xe3e\xab\x169\x9d\x8e\xc0\xb1V\x8c1I\x92R\xd3R\x10B\x92(!\x84\x8a\x15-Y\xbcXI\xb7\xdb\xe5\xf7\x82\xaf{\xc2\x18\xd3\xc8\xf2\x8a\x95\x8b\xf8\x1f{\xf6\xec\x19\x1d\x1d\x1d\x08\xd5\t@\xc8\x00\x02\x00\xe4\x19\xfc\x10\xd0\xa6M\x9b\x82\x05\x0b"\x84N\x9c&lt;v\xe8\xc8o\x11\xc6\xc8\xc09\x04 \x84\x9cN\'cL%*c\xccd2\xeb\x02/P\xc1a\x8c\xe9t\xba\x0b\x97\xceo\xfey\x03BH\x92\xa4&gt;}\xfa\x04`\x8c\x1a\x08j\xe0a\x02\xf2\x0c\x9e\xaf\x12\x11\x11\xf1\xe2\x8b/2\xc6(\xa5\xdf/\x99\x1bP\x06\x8b1&amp;\xcb\x1a\x93\xc9l\xb3F\x99Lf\x8b\xc9\x1c\xb0\x9bi\xee\xffY\xb5fIzz\x1a\xc6\xb8a\xc3\x86\x95*U\x02\x01\x00\xf2\x16H\x03\x05\xf2\x12\xee\x05:}\xfat\x8d\x1a5\x9cN\xa7^o\xd8\xb2no\xa1BE\xfc2\x13\xf8n0\xc6\x8a\xa28\x1cv\x84\x11bH\x94\xa4\x08C\x84\xbf:\xfe\xff+\x82 \xb4j\xf7\xcc\x9f\xe7\xfe`\x8c\xad_\xbf\xbeU\xabV\x90\xfd\t\xe4-\xb0\x9b\x00\xf2\x12A\x10(\xa5\x15+Vl\xda\xb4)\xc6\xd8\xe9t\xac\xfbiU\xe0x\x81x"\x90\xcd\x16e\xb5\xd8\xac\xd6(S\xa4)0\xad?!\xc4h\x8c\xf8e\xcf\xce\xb3\xe7\xce0\xc6J\x95*\xd5\xb8qc\xd8\xfe\x03y\x0e&lt;O@\x1e\xc3\x18c\x8c\r\x180\x80\x1f.\x97\xad\\\x94\x9a\x96"\xcbr\x80\x9c5\t!.\x97KUUU\xf5\xb8\xdd\xee\x00Y\xd5\xdd\x88\x820\x7f\xe1L.O\xbdz\xf5\xd2\xeb\xf5\x94\xd2@8E\x01\xa1\x04\x08\x00\x90\xc7\xf0]j\xd3\xa6M+V\xac\x88\x10:w\xfe\xec\x8e][#\x8c\x91\x81\x10ke\x8ci5Z\xab\xd5&amp;\x8a\xa2$il\xd6\xa8\x00\x9c\xb2K)5\x1a\x8dG\x8e\x1d\xda\xf7\xdb\xaf\x08!\xa3\xd18`\xc0\x00\x14xEj@\x08\x00\x8f\x14\x90\xc7x[\x03\xbd\xf2\xca+\xfc\x8fKW,\x08\x84\x9d+\xaf\x03\xb8\x99t\xe3\xed\xf7\x06\xb6\xeb\xdc\xac}\xe7f\x1fMx\xdf\xe5r\x06ZgMJ\xa9N\xab[\xb6r\x91\xcb\xe5D\x08u\xea\xd4)..\x0e\xb2?\x81\xfc\x00\x82\xc0@\xde\xc3[\x81^\xbf~\xbdl\xd9\xb2v\xbb]\xa7\xd3\xad\\\xbc\xa5r\xa5*\x0e\x87\xdfz,3\x860F\x8c\xb1\x8e/\xb68q\xea\xb8\xf7\xf3\xe6\xcdZ\xcf\x9e\xbe\xc8\xe9p\xe0\xc0\xd8_3\xc6$Qr8\x1d\xcdZ=\x9d\x9c\x9c\x84\x05a\xff\xfe}5k\xd6\x84\xf0/\x90\x1f\x04\xc4C\x0f\x84\x18\xfc\x10P\xb0`\xc1N\x9d:!\x84\\.\xd7\xb2\x95\x8btZ\x7ff\xdc3F\r\x06\xe3\xb1\xe3\x87N\x9c:.I\x92 \x08\xa2(\x8a\xa2\xb8\xf5\xe7\x8d\xe7\xce\x9f\xd5\x06L5\x00\xa5\xd4h\x8cX\xbfquR\xf2M\x86X\xf5\xeaOV\xaf^\x9d\xcf[\xf6\xf7\xd2\x80\x10\x04\x04\x00\xc8G^\x7f\xfdu\xbe\xe5_\xff\xd3\xaa\x1b7\xff\xd2h4\xfe:q\xf2\x14\x9a\xf4\x8c4\x9e\xa7D)%\x84\x10B\x18\xa3\xe9\xe9i\x81c^\x05\x01{&lt;\xee\xef\x97\xcc\xe5\x7f\x1c8p \x9fQ\xec\xdfU\x01\xa1\n\x08\x00\x90/\x88\xa2H)\xad^\xbdz\xcd\x9a51\xc6I\xc97\xb7\xfe\xbc12\xc2\xe4\xaf|P\x8c1\xa3\xd4b\xb6\xf2J\x05&gt;\xfc]\x14E\x01c\xb3\xd9\x12 Y\xaa\x84\x90\xc8\x08\xd3\xce\xdd\xdbN\x9e:\x8e1\x8e\x8b\x8b\xeb\xd8\xb1#d\x7f\x02\xf9\x07&lt;X@~\xc1M\xed+\xaf\xbc\xc27\xb0KW,t\xbb]\xfe\xb2e\x18\x0b\x0e\xa7\xa3Z\xd5\x1aeJ\x97SU\x95\x17*\x13B\xea\xd5mT\xa6t9\x97\xdb\x19 F\x16\x0b\xc2\xd2\x15\x0b)\xa5&lt;\x95\xd6h4B\xf6\'\x90\x7f@\x10\x18\xc8/\xf8\xa3\x95\x9a\x9aZ\xb9re&gt;-r\xe9\xa2\x9f\xea\xd4\xaa\x9f\x9d\x9d\xe5\x17\x97\x0b\x9f\x06s\xee\xc2\xd9\x8f\'~x\xf4\xf8!I\x14\xeb\xd7m\xfc\xde\xdbc\xacV\x9b\xa2\xf8\x7f~\x19OR\xbaq\xe3Z\xb3\xd6\xb5\x1d\x0e\xbb^o8q"\xb1T\xa9R\\G\xfd\xbb6 T\t\xa0\xd1w@\x88\x811VU5::\xbag\xcf\x9e_|\xf1\x05Bh\xc5\xcaE\r\xeb7\xf6\xd7\x9eC\x10\x04\xa7\xcbY\xaad\xd9\xb93\x97$\xa7&amp;\t\x82\x18\x13\x1d\xebv\xbb\x02\xc1\xfa#^\xfdk0.^\xf6\x9d\xc3aG\x085n\xdc\xa8T\xa9R\x90\xfc\x03\xe4+p\x02\x00\xf2\x11\xee\xbe8u\xea\xd4\x13O&lt;\xa1\xaa\xaa\xd5j\xfbi\xcd/1\xd1\xb1~\xb4\xb9&lt;\xdbG\x96e\x84\x90\xa2x0\x16\x02\xc1\xfa\xa3[z\xa9&lt;\xfb|\xbd\xcbW.!\x84\xb7n\xdd\xd2\xb4iS\x10\x00 _\x81\xa3%\x90\x8f\xf0\x0c\x96J\x95*5l\xd8\x10c\x9c\x9e\x9e\xb6j\xcd\x92\x88\x08\x7f\xb6\x06\x12\x04A\x10\x04UUUU\x15\x041@\xac?\x0f\xff\xee\xfeu\xc7\xe5+\x970\xc6\x95+Wj\xd8\xb0!\xcc~\x01\xf2\x1b\x10\x00 \x7f\xe1Eao\xbd\xf5\x16\xff\xcd\xca5\x8b\xb3\xb22%\xc9\xcf\xbeG\x8cq\x80\x98~\x0e\xc6XQ&lt;\xf3\x16\xcc\xe4\x87\xf2&gt;}\xfa\xc0\xe8G\xc0\x07\x80\x00\x00\xf9\x0b?\x044n\xdc\xb8t\xe9\xd2\x08\xa1\xb3\xe7\xce\xec\xd9\xb7+\xc2\x18@\xa3"\xfd\x0e\xa5\xd4`0&amp;\x9e&lt;\xfa\xdb\xc1=\x081\x1e5\x81\xed?\xe0\x03@\x00\x80\xfc\xc5\xdb\x1a\x88\x1b5\xc4\xd0\xf2\x95\x8b\x02s\x04\xa3\xbf\xa0\x94j\xb5\xda\xf9\x0bgqQl\xd7\xae]ll,d\x7f\x02&gt;\x00\x82\xc0@\xbe\xc3\x13\x19\xcf\x9d;\x17\x1f\x1f\xefr\xb9\xb4Z\xed\xba\x95\xbb\xca\x96)\xeft\xfa\xad5P\xe0\xc0G\x14\xa4\xa6\xa6\xb4x\xbenzz\x9a$I\xc7\x8e\x1d\xabX\xb1"\xd4\x7f\x01&gt;\x00\x9e0 \xdf\x11\x04\x81\x10R\xbat\xe9\x0e\x1d: \x84\xdcn\xf7\x8f\xeb\x96\xe9\x03\xa6\xfd\x8e\x7f!\x84\x18\r\x11\x9b\xb6\xae\xe7\xa3\x1f\x9fy\xe6\x19\xb0\xfe\x80\xcf\x80\x87\x0c\xf0\x1d\xaf\xbc\xf2\nwk\xacY\xb7&lt;-=\x95\xe7b\x869\x92$\xe5\xe4d\xcd_8\x13c\xcc\x18\xeb\xd7\xaf\x1f\xc6\x18\xa4\x11\xf0\r \x00\x80/\xe0sW\xf8\xf6\x16c|\xf9\xca\xc5\xf5\x1bW\x9b"\xcd\xaa\xaa\xfa{i\xfe\x84\x8f~\xdc\xbdg\xe7\xb9\xf3g\xf9\xe8\xc7\xf6\xed\xdbC\xf8\x17\xf0\x19 \x00\x80\x8f \x84H\x924d\xc8\x10\xc6\x18Bx\xf9\xcaE\x1e\x8f\x1b\x1c\x1d\x18\xe3\xf9\x0bg\xf2P\\\xaf^\xbdt:\x1d\x84\x7f\x01\x9f\x01A`\xc0Gx[\x03U\xacX1%%E\x92\xa45K\xb7\xc5\xc7?\xe1p\xd8\xc3S\x06(\xa5z\xbd\xe1\xcfsg\x9e\xeb\xd0\xc8\xe5rFDD\xfc\xf9\xe7\x9fqqq\xbc`\xc2\xdf\xab\x03\xc2\x82p|\xf1\x00\xbf\xc0]\xdb\xd1\xd1\xd1\xed\xda\xb5C\x08\xa9\xaa:\x7f\xd1,\xadV\x1b\xb6\xfen&gt;\xfaq\xd5\x8fK\xf9\xe8\xc76m\xda\xc0\xe8G\xc0\xc7\xc0\t\x00\xf0\x1d\xdc\xb9q\xfa\xf4\xe9j\xd5\xaa\xf1\xd6@\x9b~\xdc\x13\x15\x15\x1d \xed\xd8|\tw\xf4;\x1c\x8e\xa6-\x9fJIM\x16\x04a\xdb\xb6m\x8d\x1a5\x82\xe6?\x80/\x81\x13\x00\xe0;xUp\xc5\x8a\x15\x9fy\xe6\x19\x84Pzz\xda\xa6-\xeb\x8c\x06c\x18V\x05\xf3\xe6?[\x7f\xfe)%5\x19c\\\xb3f\xcdF\x8d\x1a\xc1\xe8G\xc0\xc7\x80\x00\x00&gt;\x85\x1f\x02\xfa\xf5\xeb\x87\x10\xc2\x18/[\xb5\xc8\xedv\x87\xa1\xd5\x13\x04\xc1\xe5v-]\xb1\x10!\xc4\x18{\xe5\x95W\xd0\xedN\xa5\x00\xe03@\x00\x00\x9f\xc2\xf3A\xb9\xbf\x1b!t\xe2\xe4\xb1\x9d\xbb\xb7E\xfa\xb5?\xa8\xef\xe1\xdb\xff\x03\x87\xf6\xed?\xf0+\xc6866\x16\xb2?\x01\xbf\x00\x02\x00\xf8\x14\x1e\n\x8e\x88\x88\x180`\x00\x9f\xcb\xb8t\xc5B\x1c~Y@\x82 \xfc\xb0d.B\x881\xd6\xb3g\xcf\xe8\xe8h\x08\xff\x02\xbe\x07\x82\xc0\x80\xaf\xe1\xad\x81\xce\x9f?\x1f\x1f_\xc5\xe9t\x18\x0c\xc6\xad\xeb\xf7\xc7\xc6\xc6y&lt;\x9ep\xd8\x02\x13J4\x92\xe6\xc6\xcd\xeb\t\xcf\xd5v:\x1dz\xbd\xfe\xd0\xa1C\x15*T\x80\xf6\x0f\x80\xef\x81\x07\x0e\xf05\xbc5P\xa9R\xa5\x1a7n\x84\x10r8\xec?,\x9b_\xb0@\xb4$I\xaa\xaa\x86\xb0\x1f\x9cR\xaa\xaa\xaa(H\x85\nE\xaf\xdd\xb0\xd2\xe9t`\x8c\x9b6m\n\xcd\x7f\x00\x7f\x01\xcf\x1c\xe07\xdez\xeb-A\x10$I\x9a\xbfp\xd6WS\'gffDG\xc7\x1a\xf4\x06J)!\x04\xa1\x109\x9b2\xc6\x08!\x84\x10\xbd\xde\x10\x1d\x1d\x9b\x99\x95\xfe\xd5\xd4\xaf\xbe\x9d7M\x96e\xc6\x18w\x85\xc1A\x1c\xf0\x0b\xe0\x02\x02\xfc\x037\x8b\x95*U:{\xf6\xac \x08\x94\xd2\x98\xe8\xd8\xf6\xcfwi\xdb\xa6c\x95\xcaOH\x92\x9cc\xcfVU%p\xa66&gt;\x06\xfc{\x94e\xd9h\x8c\xc0\x18\x1f;vh\xd5\x8fKW\xfd\xb8$9%\x89_P\xbat\xe9\xc4\xc4D\x9dN\x87\x10\n\xdeo\x13\x08^@\x00\x00\xff\xc0\xf3A\xb7n\xdd:j\xd4\xa8\xbd{\xf7z?\x97$\xa9N\xadg^\xea\xde\xaf^\x9d\x866[\x94\xc3aw\xb9\\\x18\xa3\xe0\x9a!C)e\x8cj5\xba\x88HSZZ\xca\xae_~^\xbe\xea\xfb]\xbfls\xbb\xdd\xdek\xea\xd4\xa9\xf3\xd1G\x1f5k\xd6\x8c\x07E\xfc\xb8Z l\x01\x01\x00\xfc\x86\xb7\xe9\xcd\x9e={\xbe\xfd\xf6\xdb\xe5\xcbWdeez\xbfZ\xbaT\xd96\xad_\xe8\xfcB\x8f\xe2\xc5JRJ\xed\xf6\x1cn(\x03y\xa7\xcc\x18\xa3\x94`A\x880D\xc8\x1a\xcd\xa5K\x17\xd6\xac[\xb6b\xd5\x0fg\xce\x9e\xf6^c2\x99:v\xec\xd8\xb7o\xdf\xbau\xeb\xa2\\?\x04\x00\xf0= \x00\x80?\xe1\xe7\x00n\x01\xaf^\xbd\xbax\xf1\xe2\xf9\xf3\xe7\x9f8q\xc2{AdD\xe4\xb3\xcd\xdbt\xed\xd4\xab\xfa\x13O\xe9t\xfa\x1c{\xb6G\xf1\x08X\x08\xb4-3\xdf\xf2\xcb\xb2&amp;"\xc2\xe4v\xbb\x0e\x1e\xda\xb7b\xf5\x0f[\x7f\xfe\xc9\xeb\xedA\x08U\xa8P\xa1k\xd7\xae}\xfb\xf6-R\xa4\x08B\x88\xbb\xfe\x03\xed\x1b\x01\xc2\n\x10\x00\xc0\xff\xf0*0\x9e\x03\xea\xf1x6n\xdc8g\xce\x9cM\x9b6\xb9\\.\xef5\xd5\x9f|\xba\xf3\x0b=Z?\xdb6&amp;:\xce\xedv\xd9\x1dv\x84P \x1c\x08\x08%\x88!\x83\xc1\xa8\xd5j\x93\x92nn\xdb\xbeq\xe5\x9a\xc5\xbf\xec\xd9\xe1\xbd@\x96\xe4F\x8d\x1b\r\x1c8\xb0E\x8b\x16Z\xad\x16\xfd\xf3\xfb\x05\x00?\x02\x02\x00\x04\n&lt;d*I\x12\xff\xe3\x89\x13\'\xe6\xcf\x9f\xbfp\xe1\xc2\x1b7nx\xaf)T\xb0p\xebg\xdbwh\xd7\xa5Z\xd5\x1a\x8c1\xbb=GQ\x14Q\xf4C\xa0\x98{{DQ2\x1a#\x04A8}:\xf1\xc7\xf5+\x96\xae\\t\xfd\xfa5\xef5\x05\n\x14h\xd3\xa6\xcd\xc0\x81\x03\xabV\xad\xca?!\x84\x04\x82h\x01\x00\x07\x04\x00\x08,xy0\xba\xbdA\xbey\xf3\xe6\x8f?\xfe8o\xde\xbc={\xf6x\xaf\xd1j\xb5\r\xea7\xed\xd8\xbe[\x83\xfaMl\xb6h\xbb=\xdb\x97\x81bJ)\xa5T\xa7\xd3\x19\x0c\xc6\x9c\xec\xec}\x07~Y\xb5f\xc9\xfa\x8dk\xdc\xee\xbf\xcf+U\xabV\x1d8p\xe0\xf3\xcf?\xcf;^\xf0o\nL?\x10h\x80\x00\x00\x01\n\xb7\xb3\xde\x03\xc1\x96-[\x16.\\\xb8f\xcd\x9a\xcc\xcc\xbf\x03\xc5\xe5\xcaV\xec\xd8\xfe\xc5V\xcf\xb6+U\xa2\x0c\xa1$\x9f\x03\xc5\x8c\x10\x8a16\xe8\r:\xbd\xe1\xd2\xe5\xf3[\x7f\xde\xb8\xe0\xfboN\xff\xfew\xc4B\xa7\xd3u\xee\xdc\xb9G\x8f\x1eM\x9a4\xe1\x02\xc6\x1b&lt;\x80\xa3\x1f\x08L@\x00\x80\x80\xe6\x8e\xbd\xf3\xd5\xabW\xbf\xfd\xf6\xdb\xc5\x8b\x17\xff\xfe\xfb\xef\xdek"#M\xcf&amp;&lt;\x97\x7f\x81bo:\x7f\x841RU\x95\xc4\x93G\xd7\xac]\x9e;\x9d\x1f!T\xb4h\xd1\xbe}\xfbv\xe9\xd2\xa5B\x85\n\xfc\x13\xf0\xf6\x00\x81\x0f\x08\x00\x10\x1c\xe4\x0e\x9c\xba\xdd\xeeM\x9b6M\x9d:u\xc7\x8e\x1d\x8a\xa2x\xaf\xc9\xf3@1\xa5\x841\xa4\xd3\xe9\x8c\xc6\xc8\xd4\xd4\xe4_\xf7\xec\xf8\xee\xfbo\xf6\xee\xdf\x9d{\x96}BBB\xcf\x9e=\xdb\xb6mk2\x99\xbc\xeb\x04\xd3\x0f\x04\x05 \x00@0\xc1\x0f\x04\xde\xfc\x99\xe3\xc7\x8f/X\xb0`\xc1\x82\x857o\xe6e\xa0\xd8{\xec0\x1a#DA&lt;\x7f\xf1\xcf\r\x1bW/_\xf5\xc3\x1f\xffH\xe77w\xec\xf8\xc2+\xaf\xbcR\xa7N\x1d\xfe\tx{\x80\xa0\x03\x04\x00\x08&gt;\xee\xf0\x0b=L\xa08\';\xcb\xedq\xe1\x7f\xf3\x0b\xfd\x9d\xceo\x8ct\xb9\x9c\x87\x8f\x1eX\xbcl\xfe\xc6-\xeb\xb2\xb3\xb3\xbc\xd7\xc4\xc7\xc7\xf7\xea\xd5\xabk\xd7\xae\xdet~\x08\xf0\x02A\n\x08\x00\x10\xc4&lt;L\xa0\xb8|\xd9\x8a/\xb4\x7f\xb1\xeds\x9d\x8a\x17/\xa9x&lt;9\x8e\x1cF\xe9\xdd-\x86\xb8\xb7\x87\xa7\xf3\xa7\xa4$\xad\xdf\xb8f\xe9\x8a\x85\x87\x8f\xfc\xe6\xbd@\x96\xe5F\x8d\x1a\r\x1c8\xf0\xd9g\x9f\xd5h4\x08\xd2\xf9\x81\xe0\x07\x04\x00\x08z\x1e&amp;P\x1c\x13\x1d\xdb\xacI\xcb\x17\xda\xbdX\xb3Fm\xadV\x97\x93\x93\xa5(\x1e,\x08\x18\xe1[\xe9\xfc\x86\x08\x8c\xf1\xefgN\xfc\xb8~\xc5\xd2\x15\x8b\xae\xdf\xf8;\x9d?.\xae@\xcf\x9e=z\xf6\xec\xe9M\xe7WU\xd5/\xc5\x07\x00\x90\xb7\x80\x00\x00\xa1\xc3\xbd\x03\xc5\xdbw(\xea\xdf\x81\xe2\xfau\x1buh\xdb\xb5i\xe3gcc\xe3\\.\x17!\xc4h4\xe6\xe4d\xef\xd9\xb7k\xe1\x0f\xdf\xee\xfeu{\xee\xf2\xe3\xbau\xeb\xf6\xee\xdd\x1b\xd2\xf9\x81P\x05\x04\x00\x085\xee\x0e\x14O\x9d:u\xed\xda\xb5\xb9+\x8a\x0b\x16,\xdc\xb9C\xf7vm:GDDn\xf9\xf9\xa7\x05\x8bf\x9f&gt;s\xd2\xfbUo:\x7fBB\x02\xffDUUA\x08\xb8\x06D\x00\xf0\x1f\x01\x01\x00B\x93{\x06\x8a\xa7N\x9dz\xfc\xf8q\xef5\x06\xbd\xc1`0\xa6\xa4&amp;{?\xa9X\xb1b\x97.]\xbc\xe9\xfc\xb0\xe5\x07B\x1b\x10\x00 \xc4\xa1\x942\xc6\xbcu\xb9?\xff\xfc\xf3\xc2\x85\x0b\x97.]\x9a\xdb\xd5\x83\x10j\xde\xbcy\x8f\x1e=:w\xee\x0c\xfd\xda\x80\xf0\x01\x04\x00\x08\x0b\xee\xf0\x0b\xfd\xfe\xfb\xefK\x96,Y\xb4hQfff\xdb\xb6m{\xf7\xee\xcd\xbb\xf3#H\xe7\x07\xc2\t\x10\x00 \x8c\xb8\xa3\xd3\x9c\xc3\xe1\xb0\xdb\xed111\x08\xbc=@X\x02\x02\x00\x84#\xb9\x0b\x08\xc0\xdb\x03\x84- \x00@\xf8\xc2\x1f~\xd8\xf2\x03a\x0b\x08\x00\x00\x00@\x98\x02\x91.\x00\x00\x800\x05\x04\x00\x00\x00 L\x01\x01\x00\x00\x00\x08S@\x00\x00\x00\x00\xc2\x14\x10\x00\x00\x00\x800\x05\x04\x00\x00\x00 L\x91\xfc\xbd\x00\x00\x00|\x07\xcb\x05\xc6\xd8[\x03\x01\xad/\xc2\x13\xa8\x03\x00\x80P\xc6\xdb\xfd\x821\xf6\x80\x8e\xd6\x84\x10h\x83\x11\x86\x80\x00\x00@\xe8p\xf7\x06\xff\x0e\x8bO)\xbdv\xed\xda\xd9\xb3g\x13\x13\x13\x8f\x1d;\xf6\xe7\x9f\x7fZ,\x96\t\x13&amp;T\xae\\\x19\x81\x0c\x84\x1f \x00\x00\x10\xc4\xf0\r&gt;\x7f\x8b\xef\xb9\xc1\xcf\xcc\xcc\xfc\xe3\x8f?\xae^\xbdz\xe8\xd0\xa1\x03\x07\x0e\\\xbdz\xf5\xf2\xe5\xcb999\xb9\xaf\xd1h4\x03\x06\x0c\x189rdll,B\x88\x10\x02\x9d\x91\xc2\x04\x10\x00\x00\x08\x1a\xee\xd8\xe0\xdf\xbd[w8\x1c\xa9\xa9\xa9\xa7O\x9f&gt;p\xe0\xc0\xb9s\xe7\xce\x9f?\x7f\xfa\xf4\xe9\xa4\xa4\xa4\x07\xff\xb3\x82 PJcccG\x8e\x1c9`\xc0\x00\x8dF\xc3\xbdF\x10\x18\x08y@\x00\x00 p\xf9\xd7\r~zz\xfa\x9f\x7f\xfey\xf2\xe4\xc9s\xe7\xce\xfd\xf6\xdb\x81\xdf\x7f?\x9d\x96\x96v\xc7\x06?76[T\x91B\xc5\xca\x97\xabX\xach\xc9\xf8\xca\xd5\x14\xc53o\xc1\xac=\xfbvy/\x88\x8f\x8f\x9f8qb\xcb\x96-\x11B\xaa\xaa\x8a\xa2\x08\x1e\xa1\x10\x06\x04\x00\x00\x02\x85\x87\xdf\xe0\xff\xf6\xdbo\xe7\xcf\x9f\xe7v?55\xf5~\xff\xa0\xd1\x18a1[K\x97*[\xb9R\xb5\xe2\xc5JT(W\xb9H\xe1b\x16\x8b\xcdh4\n\x82\xa0(\x8a(\x88.\xb7k\xf9\xcaE\xd3g}y\xe1\xe29A\xc0\x942\x84P\xd7\xae]G\x8c\x18\x11\x1f\x1f\x8f\x10RU\x95\xf7\xcd\x06B\x0f\x10\x80\xa0\x07\x02w!\xc0\xfd\xc6\x90%\'\'\x9f:u\xea\xc2\x85\x0b\xc7\x8e\x1dKLL\xfc\xf3\xcf?SSS\x1f\xb0\xc1\x8f\x8e\x8e)U\xb2l\xd1\xc2\xc5+W\xaaZ\xb6L\xf9\xa2E\x8aG\xd9b\xac\x16\xab,k(\xa3\x8a\xa2x&lt;\x1eB\x14B(cL\x100c\x0cc\xc1f\x8d\xbaq\xf3\xfa\xdc\x053\xbe\x9d;-;\'[\x92$UU5\x1a\xcd;\xef\xbc3h\xd0\xa0\xd8\xd8\xd8;\xe6\xa9\x01!\x03\x08@\x88\x00\x81\xbb\xe0\x85O"C\x089\x1c\x8eK\x97.]\xb9r\xe5\xc0\x81\x03\x87\x0e\x1d\xe2\xe9:\xe9\xe9\xe9\xf7\xfb\x8bF\x83\xb1P\xa1\xa2\x85\n\x16\xaeT\xa1J|\xe5j\x85\n\x16)^\xacd\x94-Z\xd6h\x04ATUEQ&lt;\xaa\xaa\xaa\xaaJ\x19\xc5\x08{\xb9\xe3\xdf\xe1\xe6\xdel\xb6\x9c&lt;y|\xd2\x94\x8f\xd7nX\x89\x10\x12\x04\x91RR\xa8P\xa1q\xe3\xc6\xf5\xe9\xd3\x07\xc1\xb0\xccP\x04\x04 X\xe1^\x82\xd4\xd4\xd4\xf9\xf3\xe7\xbf\xfe\xfa\xebZ\xad\x16\x02w\xc1\x08W\xee9s\xe6,\\\xb8\xf0\xc2\x85\x0b\xd7\xae]S\x14\xe5\x9eWjd\x8d\xd9b)Y\xbcL\xd1"\x7fo\xf0\x0b\x16(l4FH\x92D)UU\xd5\xe3q+\x8a\xc2\x18c\x88a\x8c\x05,\xa0\x87\x9bx\xc3\x18#D5\x1a#EA\xdc\xf9\xcb\xd6\xcf\xbf\x1cw\xf4\xf8!\x8c\x117\x0fM\x9b6}\xef\xbd\xf7\x9a6m\x8a 0\x10Z\x80\x00\x04+\\\x00\xd2\xd3\xd3\xa3\xa2\xa2*T\xa80j\xd4\xa8.]\xba \xf0\x08\x05\x15\xdc\xfa\xef\xdb\xb7\xafN\x9d:w\x7f\xd5b\xb6FG\xc7\x96-S\xbe\\\x99\ne\xcaT(W\xa6BlL\x9c\xd5\x1a\xa5\xc9\xb5\xc1\xf7x&lt;\x94\x12\xc6\x18\xba\xff\x06\xff\xe1\xe1\x01g\xb3\xd9b\xb7\xe7\xac\xfeq\xe9\xe7_\x8dOJ\xba!\x8a"\x9f\x9a\xf9\xf2\xcb/\x0f\x1f&gt;\xbc\\\xb9r\x08N\x9c\xa1\x02\x08@\xb0\xe2\x15\x80\xf2\xe5\xcb\'\'\'#\x84\x12\x12\x12\xc6\x8e\x1d[\xabV-\x04\xdb\xb4`\x80{~.\\\xb8P\xb3f\xcd\xcc\xccLB\x88\xd1\x18Q\xa5\xf2\x13\x15\xcaW*Z\xa4x\xc5\nUJ\x95(c\xb1XL&amp;\x8b(\x88\x84\x10\x8f\xe2QUEQ\x15F\x19CL\xc0\x18\xe3|Qzn\xdc\xcd&amp;\xcb\xb5\xebW\xa6L\x9b\xf8\xfd\x92y\x8a\xa2p\x190\x9b\xcd\x83\x07\x0f\x1e2d\x88\xd9l\x86\x13g\x08\x00\x02\x10\xacx\x05\xa0t\xe9\xd2\x99\x99\x99\x82 \xa8\xaa*\xcbr\xcf\x9e=?\xfa\xe8\xa3\xc2\x85\x0b#\xd8\xa6\x050\xdcz\xa6\xa7\xa7?\xfb\xec\xb3\x07\x0f\x1eD\x08U\xa9\\m\xc6\xd4\x85\xc5\x8a\x94\x90d\tc\xac*\xaa\xdb\xe3&amp;DUU\xd5[\xd6\xfb\x1f7\xf8\x8f\x84\xaa\xaa:\x9dN\xaf7$&amp;\x1e\x99\xf0\xf9\xa8\x1d\xbb\xb6"\x840\xc6\x8c\xb1\xf2\xe5\xcb\x8f\x1e=\xbak\xd7\xae\x08N\x9cA\x0e\x08@\xb0\x92[\x00\xee\x88\x13\xc6\xc6\xc6\x0e\x1a4\xe8\x9dw\xde\x81\x8a\x9e\xc0\x84\'z\n\x82\x90\x90\x90\xb0u\xebV\x84\x90\xd5j\xdb\xbcvo\xc1\x82\x853330\xc6\x08q\x8b/`\x8c\x10\xf2\x9bm\xe5\xc9?Fc\x84\x80\x85-?o\x98\xf0\xd9\xa8\xb3\x7f\xfe\xce5\x00\xc1\x893$\x00\xbb\x10\x02`\x84PDDd\xebg\xdb\xf1|\xed\xa4\xa4\xa4\x0f&gt;\xf8\xa0F\x8d\x1a?\xfd\xf4\x13\xaf\x1e"\x84\x80\xd2\x07\x0e|\xd7\xdc\xbf\x7f\xff\xad[\xb7\xca\xb2l2\x99\xe7\xccXR \xae`ff\x86$I\xa2(\x8a\xa2$\x08\xdc\x9e\xfa\xd3\xa4b\x8cEQt8\xec9\xf6\xec\xe6\xcdZoX\xb5k\xd4\x88O\xacV\x1bBH\x10\x84-[\xb6&lt;\xf3\xcc3}\xfb\xf6\xbdv\xed\x9a$I\x18c\x1e*\x00\x82\x08\x10\x80\x10A\x12\xa5/?\x9b\xb9r\xc9\xe6\xfau\x1b\xf1ON\x9c8\xd1\xaaU\xabV\xadZ\x9d8q\x82\xef\xce@\x06\x02\x01EQ$I\x9a&lt;y\xf2\xec\xd9\xb3\xb5Z\xad\xa2(\xe3GO\xaa_\xafqfVf`\xd6[\xf1=DVV&amp;e\xf4\x7f\xfd\x06\xaf_\xb5\xabS\x87\xee\x18\x0b\x08!B\xc8\x9c9s\xaaW\xaf&gt;n\xdc8\x8f\xc7#\x8a"\xa5\x94\x1f:\x81\xa0\x00\x04 D`\x88\xa5\xa6\xa5\xd4x\xb2\xd6\x0f\xdf\xad\xfdz\xd27%K\x94\xe6\x9f\xff\xf4\xd3O5j\xd4x\xe3\x8d7\x92\x92\x92\xbc2\xe0\xdf\xa5\x863&lt;N\xb3b\xc5\x8a!C\x86h4\x1a\xb7\xdb=\xe6\x83\x89\x9d^\xe8~3\xe9\xba,\xcb\xfe^\xdd\x83\xe0\xc1\xa4\xd4\xf4\x94\xd8\x98\xb8\xa9_\xceY\xf6\xfdO\xf5\xeb6\xe2\xb6\x1eN\x9c\xc1\x0b\x08@\xe8 \x89\x92\xc3a\xcf\xca\xce\xec\xd8\xa1\xc7\xea\xa5\xdb\x06\x0fz72\xd2\x84\x10R\x14\xe5\xeb\xaf\xbf\xaeR\xa5\xca\xd7_\x7f\xcd\xd39`\x9b\xe6\x17\x08!\x92$\x1d8p\xa0_\xbf~\x92${&lt;\x9e.\x1d{\x0e\xe8\xfbFZZ\xaa,\x05\xb4\xf5\xf7"\x89\x92\xa2()\xa9\xc95\x9f|z\xf1\x82uS\xbe\x98]\xb6L\x05\x84\x90 \x08w\x9f8y\xf8\xda\xdfK\x06\x1e\x04\x04\x81\x83\x95\\A\xe02\xe9\xe9if\xb3e\xeb\xfa\xfd6[\x94\xa2(\x84\x12\x8d\xac1\x9b\xad\x89\'\x8e\xcc\x98=y\xd9\xca\xef\xbd\x7f\xabV\xadZc\xc7\x8eMHH@\x10\xb8\xf3-&lt;\xe9399\xb9r\xe5\xca&lt;m\xb7N\xadg\x96\x7f\xffSvN6z\xb8Z\xad\x80\x82o \xcc&amp;KvN\xd6\xaco\xbf\x9e\xf5\xed\x94\xec\x9cl\x9e*\n\xcd\xa5\x83\x088\x01\x84 \x92(\x11B\x92\x93o\x96*Y\xf6\xebIs\x16\xcd]]\xb7v\x03\xfe\xa5\xfd\xfb\xf77o\xde\xfc\xc5\x17_&lt;q\xe2\x04\x0f\xdc\xc16\xcd\x07\xf0\x9f\xb0\xc3\xe1h\xdd\xba5\xb7\xfe\x95+U\xfd\xbf)\xf3\x9d.\'\x17r\x7f/\xf0\x91\xe1\xae\x9e\x8c\xcct\x84\xd0\xf0\xa1\xa3V/\xdb\xd6\xa9C7\xee]$\x84|\xfd\xf5\xd7\xd5\xabW\x9f;w.\x9c8\x03\x1c\x10\x80\xd0\x04c,I\x92\xcb\xe5LMOi\xd4 \xe1\xfb\xf9k&gt;\x1d\xffull\x01\x84\x90 \x08\x8b\x17/\xaeQ\xa3\xc6\x07\x1f|\x90\x94\x94\x04\xf9\x1b\xf9\rcLUUA\x10^\x7f\xfd\xf5\x03\x07\x0eH\x92l6Y\xa6M\x9e\x17\x1d\x15\xe3\xf1x\x82:C\x97o\xed\x93S\x92ro5\xf8\xb3t\xed\xda\xb5\x97_~\xf9\x99g\x9e\xd9\xb2e\x8b70\xe0\xef\xf5\x02w\x12\xc4\x0f\x1f\xf0\xaf\x08\x82 \x89RfV\x86\xcb\xe5\xec\xd5\xbd\xdf\x86\xd5\xbb\x06\xbe:\x94\xbf\xb4\x8a\xa2\x8c\x1b7\x8eo\xd3\xb8/HUU\xd8\xa6\xe5\x07\x84\x10Y\x96\x87\x0c\x192o\xde&lt;I\x92UU\x99\xfd\x7f\xdf\x97-]&gt;3+34|#\xf7\xdbj\x88\xa2\xe8=q\x9e&lt;yR\x14E8k\x06\x1a \x00\xa1\x8f(\x8a\x18\x0b\xa9i)V\x8bm\xc4\xbb\xe3\xd6\xaf\xda\xd5\xa6U\x07\xfe*\xf2mZ\xfd\xfa\xf5\xb7m\xdb&amp;I\x12/\'\x86\xb74\x0f\xe1\xcd\xf4g\xcf\x9e=y\xf2d\xadV\xab\xaa\xca\xb8\xd1_4\xa8\xd7$#3=0\x93&gt;\x1f\x8f{n5x+:I\x92\x16/^\xfc\xe4\x93O~\xfe\xf9\xe7\x18c\xd8d\x04\x14\x10\x04\x0eV\x1e\x10\x04\xbe\x9fO\x991F\x08\x89\x88\x88\x14\xb0\xe0\xed\xf8\x880B\x0c!h\xf5\x95\x0fx{\xbd\xd5\xad[W\x92$EQ\x06\xbe:\xf4\xa3\x0f?\xbb~\xe3\xafP\xb2\xfew\xc0{H\x18\x0c\xc6\xc4\x13G\xbf\x9e\xfe\x19o.\x8d\x10\x12E\xf1\xca\x95+\x05\x0b\x16\x0c\xd2\xb0GH\x02\'\x800\x82\x07\x06\x1c\x0e{vNV\xe3\x86\xcd\x97.\xda0q\xfc\xd7\xb11\x05\x10BX\xc0s\xe6\xcc\xa9U\xab\xd6\x981c233!p\xf7\xdf\xe1\xd6?11\xb1u\xeb\xd6\xdc\xfa\xb7k\xd3i\xf8\xd0Q7\x93n\x84\xb6\xb8\xf2o6--\xb5|\xb9J\xd3\xbf\x9a\xbfh\xde\xea\xf2\xe5*\xf2\x86\xd5\xdf\x7f\xff=B\x08\x82\x01\x81\x03\x08@\xd8!\x08\x82(\x8a\x99\x99\x19\x8c\xb1\x97\xba\xf7\xfbi\xcd\xee^=\xfaI\xa2\x84\x10\xca\xc8\xc8\x18=zt\xadZ\xb5\xe6\xce\x9d\x0b\x15=\xff\x05J)\xc68--\xad{\xf7\xeeiii\x8a\xa2\xc4W\xae6a\xecWn\x8f\x07\x05a\xd2\xe7\xa3\xe2\xddjdf\xa5\xb7i\xd5\xf6\xed!\x1fr\xd7\xe2\xb2e\xcb\xbc\xd3o\x80@\x00\xeeD\x98r\xab\xb03-\xc5b\xb6N\x18\xfb\xd5\xba\x15;\x1a5h\xc6\xbft\xe6\xcc\x99\x97_~\xb9Y\xb3f\xfb\xf7\xef\x87\x8a\x9e\xc7\x80\xff\xac0\xc6\xad[\xb7NLLD\x08\x15.Tt\xd1\xdc\xd5Z\xad\xce\xe3q\x87\x8f\xf9\x13\x04A\x92\xe4\xeb7n\xd6x\xb2VLL\x1cB\xe8\xc0\x81\x03\x07\x0e\x1c\x80\x8c\xa0\xc0!\\\x9eE\xe0\x9e\xf0\xd3zFFz\x85\n\xf1\x0b\xbe]5g\xe6\x12^\xd8\x890\xda\xb6m\x1b\xb4\xfaz&lt;x\xaf\xb7\x01\x03\x06\xec\xdb\xb7O\x96e\x8b\xd9:\xfd\xaby6[\xb4\xd3\xe9\x08m\xe7\xcf\xdd\xf0\xddC\xa1\x82\x85\x9eo\xd5\x01!D)]\xb1b\x05\xba\xad\x91\x80\xdf\x01\x01\x08w\xee\xd9\xf1\xd1f\x8dB\x08)\x8a\x02\xad\xbe\x1e\x95\x7f\xf4z\xd3h\x15E\x99\xfc\xf9\xac:\xb5\x9e\xe1\x9d&gt;\xfd\xbd:?\x801V\x14\xa5y\xb3\xe7xc\xd3\xd5\xabW;\x1c\x0eH\t\r\x10@\x00\x00\x84\xee\xd3\xf1\xf1\x8e\xe6\xd2\x8b\x17/\x86\xc0\xc0\x83\xe1\xbd\xde\xe6\xcf\x9f?d\xc8\x10\x8dF\xeb\xf6\xb8\xc7|0\xb1E\xc2s\xc9)7\x03\xbc\xd7[\xfe!\x8a\xa2\xdda\x7f\xb2Z\x8d\xb2\xa5+ \x84\xce\x9e=\xbbc\xc7\x0e\xc8\x07\r\x10@\x00\x80\xbf\xb9\xa3\xe3\xe3\xd2E?\xe5n.\xfd\xe2\x8b/6o\xde\xdc\x1b\x18\x00\x19\xb8\x03o\xaf\xb7\xd7^{M\x92d\x8f\xc7\xcd{\xbded\xa4KA\xd2\xeb-\x9fPU\xd5l\xb1\xb6\x7f\xbe3B\x08c\xccs\x81\x80@\x00\x04\x00\xb8\x93\xfbu|D\x08\xf1\x19 \xd0\\\xfan(\xa5\xa2(&amp;\'\'\xb7n\xdd\xda\xe9t\xaa\xaa\xd2\xbcY\xeb/?\x9b\x99\x9e\x91\x16\xf29?\xff\x8a \x08N\xa7\xb3Y\xe3\x96:\x9d\x9e1\xb6f\xcd\x9a\xeb\xd7\xaf\x83\x17(\x10</t>
        </is>
      </c>
    </row>
    <row r="333">
      <c r="A333" s="1" t="n">
        <v>331</v>
      </c>
      <c r="B333" t="inlineStr">
        <is>
          <t>size_cycle</t>
        </is>
      </c>
      <c r="C333" t="inlineStr">
        <is>
          <t>What is the size of the missing circle denoted with a question mark?</t>
        </is>
      </c>
      <c r="D333" t="inlineStr">
        <is>
          <t>['small', 'large', 'medium']</t>
        </is>
      </c>
      <c r="E333" t="inlineStr">
        <is>
          <t>large</t>
        </is>
      </c>
      <c r="F333" t="inlineStr">
        <is>
          <t>There are circles arranged in a spiral with three arms. The first arm has circles of sizes ['small', 'medium', 'large'], the second arm has circles of sizes ['small', 'medium', '?'], and the third arm has circles of sizes ['small', 'medium', 'large'].</t>
        </is>
      </c>
      <c r="G333" t="inlineStr">
        <is>
          <t>We observe that the circles in each arm progress in size from small to medium to large. Thus, the pattern is that the circles in each arm get bigger as they progress away from the center of the spiral.</t>
        </is>
      </c>
      <c r="H333" t="inlineStr">
        <is>
          <t>Based on the pattern that the circles in each arm get bigger as they progress away from the center of the spiral, the size of the missing part that is farthest from center should be large.</t>
        </is>
      </c>
      <c r="I333" t="inlineStr">
        <is>
          <t>b'\x89PNG\r\n\x1a\n\x00\x00\x00\rIHDR\x00\x00\x02\x00\x00\x00\x02\x00\x08\x02\x00\x00\x00{\x1aC\xad\x00\x00\x8f^IDATx\x9c\xed\xddy\\TU\xff\x07\xf0\xef9\xf7\xde\x99a\x19`\x00EM-\x17p_P\x11\xd7\xd4\x94\xc8\x9e6\x9f\xcc,5\x97D-\xb5\x9f\x96=eVj\xfbbii\xe5\xbed\x96\x95ee=\x8a\xbb\x99+*\xee\xa8\xb8\xef\xa20\xc0\xb0\xcc\xcc\xbd\xe7\x9c\xdf\x1fG\xe6!5EE`\x98\xef\xfb\xd5\xab\x173\xc2pg\x989\x9f\xb3\x1f"\x84\x00\x84\x10B\xbe\x87\x96\xf6\x05 \x84\x10*\x1d\x18\x00\x08!\xe4\xa30\x00\x10B\xc8Ga\x00 \x84\x90\x8f\xc2\x00@\x08!\x1f\x85\x01\x80\x10B&gt;\n\x03\x00!\x84|\x14\x06\x00B\x08\xf9(\x0c\x00\x84\x10\xf2Q\x18\x00\x08!\xe4\xa30\x00\x10B\xc8Ga\x00 \x84\x90\x8f\xc2\x00@\x08!\x1f\x85\x01\x80\x10B&gt;\n\x03\x00!\x84|\x14\x06\x00B\x08\xf9(\x0c\x00\x84\x10\xf2Q\x18\x00\x08!\xe4\xa30\x00\x10B\xc8Ga\x00 \x84\x90\x8f\xc2\x00@\x08!\x1f\x85\x01\x80\x10B&gt;\n\x03\x00!\x84|\x14\x06\x00B\x08\xf9(\x0c\x00\x84\x10\xf2Q\x18\x00\x08!\xe4\xa30\x00\x10B\xc8Ga\x00 \x84\x90\x8f\xc2\x00@\x08!\x1f\x85\x01\x80\x10B&gt;\n\x03\x00!\x84|\x14\x06\x00B\x08\xf9(\x0c\x00\x84\x10\xf2Q\x18\x00\x08!\xe4\xa30\x00\x10B\xc8Ga\x00 \x84\x90\x8f\xc2\x00@\x08!\x1f\x85\x01\x80\x10B&gt;\n\x03\x00!\x84|\x14\x06\x00B\x08\xf9(\x0c\x00\x84\x10\xf2Q\x18\x00\x08!\xe4\xa30\x00\x10B\xc8Ga\x00 \x84\x90\x8fRK\xfb\x02\xca?!\x84\xfc\xbf\xfc\xe2\n\x94^\xce`BH\x89^\x16B\xc8\xe7\x91k\x96J\xe8\x96\x89B\x08!\x84\x10O\x11\x7f}\x9cs\xce9\x00\xc8\x1f\xc1&lt;@\x08\xddi\x18\x00\xc5\x83s._IEQ\xae\xf8\xa7\xbc\xbc&lt;\x97\xcb\x95\x93\x93s\xf8\xf0\xe1+\xfeIQ\x94\x06\r\x1aPJ\x83\x82\x82\xae\xf8A!\x04c\x0c\xc3\x00!t\xe7`\x00\xdc\x16Ym\xa7\x94z\xaa\xf9\x8c\xb1\xb3g\xcf\xa6\xa4\xa4$%%\x1d&gt;|\xf8\xe4\xc9\x93\x87\x0f\x1fv8\x1c.\x97+//\xef\xeaG\x08\t\t!\x84T\xaaT\xa9r\xe5\xca\x8d\x1a5\xba\xe7\x9e{\xa2\xa3\xa3\x1b4h\x10\x1e\x1e\xee\xf9\x1e\xc6\x18\x00`\x12 \x84\x8a\x17\x06\xc0-\x92\x85\xb2\xa7\xda~\xfa\xf4\xe9\xad[\xb7\xfe\xfe\xfb\xef\x9b7o&gt;y\xf2dnn\xee\xed&lt;xpppTTT\x87\x0e\x1d\x1ex\xe0\x81\x96-[Z\xadVy\xbfa\x18\x85\xc3\x06!\x84n\x07\x06\xc0\xcd\x11B\xc8*\xbf\xac\x8c\x9f&gt;}z\xc5\x8a\x15\xbf\xfc\xf2\xcb\xda\xb5k\xb3\xb3\xb3\xaf\xff\xb3\xc1A\x81\x94R\x009&amp;\x0c\x84R\x97\xd3\x95\x97\xef\xbc\xfeOU\xadZ5..\xee\xb1\xc7\x1e\xeb\xd8\xb1cPP\x10\\\x95=\x08!tk0\x00\x8aJ\x16\xfd\x9ebw\xc5\x8a\x15\xf3\xe7\xcf\xff\xf5\xd7_\xafY\xee\x87\x04[#kW\xafV\xadR\xa3\x06\x91\x8d\xeb\xd7\xb2\x85\x06S\x01\r\xea\xd5TT\x05.\xbf\xde\x02\x14%\'+\'\xf5\xc8I\xa2\xaa\'\x8e\x9f9|\xe4d\xd2\xae\x83\xa7N\x9d;q\xf2l^\xde\xe5T \xe4\x7f\x7f\xa0\xaaU\xab\xf6\xec\xd9\xb3o\xdf\xbe\r\x1b6\xbc\xfaz\x10B\xe8fa\x00\x14\tcL\x16\xb5n\xb7\xfb\x9bo\xbe\x995k\xd6\xc6\x8d\x1b\x01\x80\x10\x10\x82\xc8J\xbd\xd5\x1a\x10\xd3\xbcA\xfb\xd6M\xefm\xdb\xacq\xc3\xc8\xf0\x880\xb0X\x00\x14\x00&amp;\xbf\x01\x9c.\x10\x02@~?\x01\x10@)\x98M\x00\x00@\x01(\x08\x839r\xcf\x9c\xbf\xb8=9\xe5\xcf\xbf\xb6o\xd8\xbckGr\x8ag\x00@\xce\x112\x9b\xcd\xf1\xf1\xf1\xc3\x86\r\x8b\x8b\x8b\x03\x00y\'v\n!\x84n\x01\x06\xc0\r\xc8\xd98\xaa\xaa\xea\xba\xfe\xcd7\xdf|\xfa\xe9\xa7{\xf7\xee\x05\x00EQd\xd1\x1cd\r\xe8\xd8!\xe6\xb1G:\xc5ujU\xb5fU\xa0&amp;\x00\x03\x9c.\xe1\xd6\xe5\xd4 B\x08\x00\x01\x00J\xaf\x1c\xc2\x15\xe2\x7f\xab\x04\x00\x80\x12BU\n\x9a\x06f3\x00\x05\x973e\xff\xe1?\x96\xad_\xfc\xdb\x9a-I\xbb\x19\x93e=\xe1\\\x00@\\\\\xdc\xcb/\xbf,c\xc00\x0cU\xc5%\x1d\x08\xa1\x9b\x83\x01p=\x9e\x8a\xff\xaaU\xab\xc6\x8c\x19\xb3e\xcb\x16\x00\xd04U\xd7\r\x00h\xdc(\xaa\xcfS\x0f\xf5|"\xbej\xed\xea\xb2\xbc\xe6N\x17\xe7\x82\x10B)\xb9\xb5\x19;B\x80\x00!8\x17\x02\x14\x85\x12?\x0bhfp\xbbv\xefJ\x99\xff\xdd\x1f\x0b\x7fXv\xfa\xcc\x85\xc2\xd7\xd0\xb3g\xcf\xf1\xe3\xc7GEE\x01\x80\x1c\x9c(\xc6\xa7\x8f\x10*\xdf0\x00\xaeM\xae\xe4\xa2\x94\x9e={\xf6\x8d7^\x9f={\x0e\x00h\x9a\xa6\xeb:\x00\xc4ui\xfd\xf2\x8b\xfd\xee\xbb7F\t\xb0\x823\x8f;]\\\x08\xaaPZ\xdc\xd349\xe7\x9c\x0bE\xa1\xc4\xdf\x02\xaa9;\xed\xd2O\xbf\xac\xf8\xf4\xb3\xaf\xf7\xee?\xe2\xb9\x9e\xe0\xe0\xe0Q\xa3F\xbd\xf2\xca+\x9a\xa6y\x12\x0b!\x84n\x08\x03\xe0\x1a&lt;\xc5\xe8\xc2\x85\x0b_z\xe9\xa5\xb3g\xcf\xfe\xaf\xe8\xef\xdc\xfa\xe5\x17\xfb\xc5\xc5\xb7\x05E\x01G\xaea0E)\x89\xe9\xf92\tT\x93\x06\x01\x81\xee\xac\xec\x05\x0b\xff\xf8\xf4\xf3\xaf\xf7\xee?B\x08\x95i\x15\x1b\x1b\xfb\xd9g\x9f\xc5\xc6\xc6r\xce\xe5\n\xe4;}I\x08!o\x87\x01p%\xd9\x9f\xeep8^|\xf1\xc5\x993g\x02\x80\xaa\xaa\x86aD\xd5\xbe{\xfc\x9bC{\xf6z\x08\x08\xf0\xec\x1c!\x04U\x94\x12.e\x85\x10\x9cqES 0\xc8\xed\xc8\xfe\xe8\xd3\xb9\x13&gt;\x9d\x93\x95\x9dk2\x99\xdcn\xb7\xaa\xaa\x1f\x7f\xfc\xf1\x88\x11#\xa0P\x86!\x84\xd0?\xc1\x00\xf8\x1bY\xfa\'\'\'\x0f\x1c8p\xc7\x8e\x1df\xb3\xc9\xe5rk\x8a\xf2\xca\xcb\xcf\x8ez\xb1op\x85p\x9e\x99%@\x94n\xd9*\x04p\xc6\x14U\x01k\xc8\xa1\xbd)c\xdf\xfab\xe1\x8f\xcb\xe4\xa6\x11\x8c\xb1\x1e=z|\xf9\xe5\x97aaa\x98\x01\x08\xa1\xeb\xc3\x00\xf8\x1fYb\xce\x9e={\xc4\x88\x11\x0e\x87C\x96\xfe\xcd\x9a\xd4\xf9\xf2\x8b\xb1\xb1m[Bn6s\xeb\x8aZV\x8aT!\x80\x19\x86j\xf5\x07\xcd\xb4p\xfe\xaf\xc3\xfe\xef\xddt{\xb6\xc5lv\xba\\\x91\x91\x91\x0b\x16,\x88\x89\x89\xc1\xd9A\x08\xa1\xeb\xc0\x00\x00(\xb4\xa8j\xda\xb4iC\x86\x0c!\x04\x08\xa1\x9c\xf3\x81\xfd\xba}\xfa\xe9\xab\xd6\x10\xaba\xcfVT\xa5\x0cv\xac\xcb\x99\xa6J\x88-u\xdf\xa1\xfe\x03\xc7l\xd8\xbcK\xe6\x96\xcdf[\xb2dI\xdb\xb6m1\x03\x10B\xff\x04g\r\xfe\xaf\xf4\x1f2d\xc8\x90!CL&amp;\x93\x10$\xd0\xdf2\xe3\xabq3\xe6|`5i,\xd3\xa1jj\x19,\xfd\x01\x80R\xaa(\x8aa\xcf\x88\x8c\xba{\xed\xca\xb9#\x86\xf5r\xb9\xdc\x9a\xa6ef\xda;v\xec8c\xc6\x0c9\x80Q\xda\x97\x89\x10*\x8b|\xbd\x05\xe0\x99\xee9h\xd0\xa0\x193f\xc8\xeash\x88u\xd9\x92\xa91\xedb\x99=\x9d\x96\xc8$\x9f\xdb\xc7\x19\'\x94\x92\xa0\xd0\x19_\xcc\x1e4\xec\x1d\xb9\x16\x811&gt;}\xfa\xf4\x84\x84\x04l\x07 \x84\xae\xe6\xd3-\x00\xb9\xca\xd7S\xfa\xfbY,.\x97;&amp;\xba\xde\xe6\x8d\x0bc\xdaD\x1b\x19\x97\xcaf\xb7\xcf5Q\x85\x02\x08\xc3~1ah\xefeK\xbe\n\t\nd\x8ck\x9a&amp;\x9f\x1a\xb6\x03\x10BW\xf3\xe9\x16\x80\xac\x17\x8f\x1c9r\xd2\xa4I~~\x96\xfc|gLt\xbd\xc4\xa53m\x15BX\x96C\xf1\xce*\xb3\xa1\x1bjhx\xd2\x86-\xf1\xff\x1ab\xcfr\x98L\x9a\xdb\xad/Z\xb4\xe8\xf1\xc7\x1f\xc7v\x00B\xa80\xdf\r\x00Y\x1a\xce\x981c\xd0\xa0Ar\xf2\xcc\xe5\xd2\xdffe\xb9\xf9eg\xb6\xcf-\xd0u]\x0b\rM\xfak[\xfc\xc3C\xb2\xb2s)\xa5V\xab5111&amp;&amp;\x06\xb7\x8b@\x08y\xf8h\x00\xc8\x19\x9f?\xfd\xf4S\xf7\xee\xdd\xe5*\xaaF\xf5k\xad[\xfd\xb5\xcdf\xe5y\xf9\xd4\xfb\xa7\xcf\x1b\xba\xa1\x86\xda\x92\xfeJ\xeax\xff\xb3n\x9d\x19\x86a\xb3\xd9\xb6m\xdbV\xa3F\r9\xe6Q\xda\x17\x88\x10*}\xbeX\x10\xc8Z\xf0\xd1\xa3G\x13\x12\x12TE\xe1\x8c\x85\xda\x82\x16\xcc\xfb\xd0V\xc1\xc6r\xf3\xcaA\xe9\x0f\x00\xaa\xa6\xea\x19\x191\xedZ}9\xf15\xc30\xccf\xb3\xddn\xef\xd5\xab\x97\x9c6\xea\x9b\xa9\x8f\x10\xba\x82\xcf\x05\x80,\xfe8\xe7\xbdz\xf5\xb2\xdb\xed\x94R\x01\xe2\x8fE\x9f7j\xd1\x88ee{i\xbf\xff5i\x9a\xa6g\\\xea;\xb8\xf7\xc4\xf7G\xba\\.\x8b\xd9\xbcy\xf3\xe6Q\xa3Fy6\xb2F\x08\xf98\x9f\x0b\x009\xe5\x7f\xd4\xa8Q\x9b7o\xb6\x98\xcdn]\x9f\xf0\xce\x88V\xf7\xb5\xd33\xec\xe5\xa9\xf4\x974M\xd53\xd3G\xfcgP\xf7G\xees\xba\\\x16\xb3y\xd2\xa4I\x8b\x16-RU\x153\x00!\xe4[c\x00\xb2\xeb\x7f\xd5\xaaU]\xbat1\x9b\xcd.\x97\xab\xfb#\xf7\xfd\xb8\xf8\x0b\xc3\xe1P\xcbi\xb7\xb8\xe0Bhj\x96#\xb7E\xab\'\x8f\x9f&lt;G\x00\xc2\xc2\xc3\xf7\xec\xd9S\xa1B\x05\x1c\x0c@\xc8\xc7\xf9\xd0\xe7_\x1e\xce\x95\x9d\x9d=x\xf0`J\xa9\xae\xeb\xb5jT\x9d&gt;\xfd-\xeet*\xe0\x1d\x93\xfdo\x01\xa1D\xb8\xdc\xb6\x8aa\xdf\xce~\x8fRB\x15%--m\xf8\xf0\xe1\x85O\x1bF\x08\xf9&amp;\x1f\n\x009\xf6\xfb\xe1\x87\x1f\x1e9rDUU\x001\xed\xf31\xb6\x88\n\xc2\xe5&amp;W\x1d\xd6X\x9e(\xaab\xd8\xb3b;\xb5{}\xd4\x00]\xd7M&amp;\xed\x87\x1f~X\xbe|9\x0e\x06 \xe4\xe3|\xa5\x1a(K\xff\x83\x07\x0f6n\xdcX\x08\xa1\xebz\xdf\xa7\xff5w\xc1$\xc3\x9e\xee\x0bk\xa3\x84\x10\x9c\x10Nh\xa3f\xddR\x8f\x9c\x04 \x91\x91\x91\xbbw\xefVU\x15O\x8fA\xc8g\xf9P\x0b\x00\x00^x\xe1\x05\xb7\xdb\xcd9\xb7\x85X?xg$\xcf\xcf-\x1f\x93&gt;o\x88\x10\x02\x8ci\x01~\x9f\x7f\xf42\xe7BQ\x94\x83\x07\x0fN\x980\x81R\xca9/\xed\xabC\x08\x95\x0e\x9f\x08\x00\xb9\xe1\xcf\xda\xb5k\x97/_\xaei*c\xec\xed1C*\xd5\xa8.\x9c\xaeb?\xc5\xb7\xccR\x14\x85e9\xee\x7f\xa4\xf3\x13\x8fu\xd1u]Q\x94O&gt;\xf9$==\x9dR\xea#\xad@\x84\xd0\x15|"\x00d\x17\xc7\xf8\xf1\xe3\x01\x801^\'\xf2\xee\xc1\xcf=\xc5\x1d\xd9\xd4\x9b\xf7{\xb8\x05\x84\x80`\xc6\xbbc\x87\x9aM\x1a!$##c\xca\x94)\x84\x10l\x04 \xe4\x9b\xca\x7f\x00x\xaa\xffk\xd7\xaeUU\x95s\xfe\xda\x8b\xfd\xd5\x80\x00a0_\xa9\xfc\x17\xa0\x94\xf2\x9c\xbc\xc8\xa6\xf5{v\xbf\xdf0\x0cE\xa1\x93\'O\xbet\xe9\x126\x02\x10\xf2M\xe5?\x00\xa4\xe9\xd3\xa7\x03\x00g\xbcn\xd4=O&gt;\xfd\x10\xcfq\xf8Z\xf5_"\x94\x08\xdd=z\xd4\x00\x8b\xc5\x04@\xd2\xd3\xd3\x7f\xf9\xe5\x17B\x08N\x07B\xc8\x07\x95\xf3\x00\x90\xeb~\x8f\x1c9\xb2x\xf1bE\xa1\\\xf0Q\xc3{\x9b\x83\x82\xb8\xees\xd5\x7fI6\x02\xeaD7\xfa\xf7\xc3\xf71\xc6\x08!\x13\'N4\x0c\x03\x8f\x8fG\xc8\x07\x95\xff\x00\x00\x80\xf9\xf3\xe7;\x9dN! &lt;,\xe4\xd1G\xee\x13\xf9\xb9\x8aR\xce\x9f\xf8\xf5\x10"\xb81\xb0\xefc\x04\x80\x10\x92\x92\x92\xf2\xe7\x9f\x7fb#\x00!\x1fT\xce\xcbAEQ\xdcn\xf7\x82\x05\x0b\xe4Pg\xb7\x87;\x85W\xaf\xca\x9dn_\x9e\xf9\xae(\x14r\xf3\xdawlY\xbf^M\xb97\xe8\xbcy\xf3J\xfb\xa2\x10B\xa5\xa0&lt;\x07\x80\xec\xe2HNN&gt;z\xf4\xa8&lt;#w\xe03\x8f\n\xa6\x83\x0f\x97\xfe\x123\x98\x1a`\xed\xdf\xeb\x11\x00A\x08Y\xb1b\x85\xc3\xe1P\x14\x05\x87\x82\x11\xf2)\xe59\x00dq\xf6\xd3O?q\xce9\x17\xb5kUk\xda\xbc\x01\xe4\xe7\xfbt\xff\x0f\x00\x00PJAw&gt;\xd4\xb5\xbd\xc9\xa4\x11B\xce\x9d;\xf7\xe7\x9f\x7fBA\x8f\x19B\xc8G\x94\xe7\xa2P\xf6\xff\xfc\xf6\xdbo\x00\x00 \x1e}\xb0\x83)(\x84\xe9\xd8\xd3\r\x94\x12\x9e\xef\x8cl\x18\x19\xdd\xa4\x8e,\xf4\x7f\xfa\xe9\xa7\xd2\xbe(\x84PI+\xb7\x01\xc09\'\x84\x1c=z\xf4\xd8\xb1c\x84\x10\x85\xd2\xc7\x1f\xe9\x0c\xdc\xa7{\xff\x0b\xe3\x8cS\x93\xe5\x89G\xbb\xc8\x9b\x1b6lp\xb9\\\xb8;4B&gt;\xa5\xdc~\xe0e\xc5v\xd9\xb2en\xb7[\x08\xa8T)\xacQ\xe3(\xc8w\xd2r\xbd\xf1g\xd1\x11J\x80\xeb\x9d\xda\xb7P(\xa5\x94\x1e&gt;|x\xcf\x9e=\xb8*\x18!\x9fRn\x03@\xd6\xf4\xd7\xaf_\x0f\x00\x00"\xa6Y\x03\xff0\x1b\xd3\x19\xb6\x00$J\x08\xe4;\xeb\xd4\xabQ\xa9R\x18\xe7\x82s\xbei\xd3&amp;\xc0a\x00\x84|I\xb9\r\x00J\xa9\xdb\xed\xde\xb7o\x9f\xbc\xd9\xe9\xde\x16@p\x96\xcb\xff\x10B\x98\xce\x02\xc2Cc[4\x02\x10\x00\xb0c\xc7\x0e(\x08N\x84\x90/(\x9f\x01 \x07\x00\xce\x9d;w\xea\xd4)B\x08\xa5\xb4y\xd3z \x0c,\xdd\n\x13B\x00Qc\x9a\xd5\x977w\xed\xda\xa5\xeb:\x0e\x03 \xe4;\xca\xe7\xa7]\xd6\xf4\x8f\x1d;\x96\x97\x97\x07 \x02\xfc\xcd\x915\xab\x81\xcb\x8d\x03\x00\x85\x11B\x00X\x93\x86\x91\xf2\xe6\xf1\xe3\xc7sss\xf1\xa8H\x84|Gy\x0e\x80\xdd\xbbw\x03\x80\x10pW\x95\x88\xa0p\x9b0\xb0\x05\xf07\x84\x100\xf4\x1a\xf7\xdce1\x9b\x08!999G\x8e\x1c\x81\x82W\x0f!T\xee\x95\xcf\x00\x90\xce\x9f?/\xbf\xa8qw\x15Kp\xa00px\xf3o\x08\x01p\xebw\xdd\x15a\xb5\x06\xc8c2/^\xbc\x08\x18\x00\x08\xf9\x8c\xf2\x19\x00\xb2#{\xdb\xb6m\xf2f\xf3\xa6\xf5@(\x1c\xcb\xb5\xbf#\x84p\xc3\x08\x08\x0b\xa9W\xa7\x86\xbcg\xfb\xf6\xed\x80\x01\x80\x90\xcf(\x9f\x01 y\n2J\t\xee\xffsm\x02\xa8B\x01_\x1b\x84|R\xf9\x0c\x00B\x88\xd3\xe9&lt;s\xe6\x8c\xbc\x19j\x0b\x963\x1d\xd1\x15\x04\x00\x00\t\xb3\x05\xcb\x9br\x0c\x00GJ\x10\xf2\x11\xe50\x00\x84\x10\x84\x90\xbc\xbc\xbc\xd3\xa7O\xcb{\xa2\x9b\xd4\x01\xc0%`\xd7 \xb8\x00\xaa5kRG\xdeLMM\x05\x0c\x00\x84|F9\x0c\x00\x89\x10\xa2i\x9a\xfc\xda\xc0\xe1\xdf\xeb\xf2\xbc&gt;&amp;\x93\xa9t\xaf\x04!T\x92\xcam\x00@\xa11\x00\xac\xd1^\x9f\xe7\xf5\xc1\xe1_\x84|Jy\x0e\x00\x84\x10B\xd7Q\x9e\x03\xc0\xd3\x97\x8d\x15\xdb\xeb+\xd4T\xc2\xb6\x12B&gt;\xa4\xdc\x06\x80\x10\xc20\x0c\xf9\xb5\xa9`0\x00]\x93\xe9\x7f\x83%F\xe9^\tB\xa8$\x95\xcf\x00\x10Bh\x9a\x16\x1c|yv\xe3\xe1\xa3\xa7\xca\xeb3\xbdM\x84\x10\x10,\xf5\xe8)y3,,\x0c\xb0\xc1\x84\x90\xcf(\x87\xc5\xa2\xdc\xce\xccj\xb5\xd6\xa9syv\xa3\x0c\x00,\xd7\xaeF\x08\x800\x0e\x17\x04@\xb3f\xcd\x00\x03\x00!\x9fQ\x0e\x03\xc0\xc3\xedv\xcb/,\x16s\xe9^I\x99F\xa8\xc5ry\xf6\xa7\xe7\x15C\x08\xf9\x82\xf2\x19\x00\xf2X\xab\xe8\xe8hys\xd7\xdeC\x00\x0c\x078\xaf \x84 \xaa\x92\x97\x9eu\xe8\xf0IyO\xd3\xa6M\x01\x87\x82\x11\xf2\x19\xe53\x00\xa4\xca\x95+\xcb/\x8e\x1c;\xad\xe7\xe7S\xa5&lt;?\xd9[ \x04\x10M\xbdx\xe1\xd2\xa5K\x99\xf2\xd8\x9cJ\x95*\x95\xf6E!\x84JN\xf9,\x13e\x1d\xb6q\xe3\xc6\xf2\xe6\xb1\xe3gr.e\x12U\xc5\xde\xed\xc2\x84\x10`2\x1d=~&amp;/\xdf\t \x02\x02\x02j\xd7\xae\r\x05{\xa9"\x84\xca\xbd\xf2\xf9Q\x97\x01p\xcf=\xf7\x98L&amp;BHn\x9e\xf3\xf8\x89\xb3`\xd60\x00\n\x13B\x00(\xfb\x0f\x1c\x05\x00!\xa0r\xe5\xcaAAAr\'\xa5\xd2\xbe4\x84PI(\xe7\x01P\xa9R%!\x84\xae\x1b\xbb\xf7\xa5\x025q\x8e\x01\xf0?\x84\x00\x80\xd8\xb63E\xdel\xdc\xb8\xb1\xc5b\x91\xc3\'\x08!_Pn\x03\x80s\xee\xe7\xe7W\xb7n]y\xcf\xda\xf5\xdb\x00\x04Vm\x0b\xa3\x8a\xe2v86n\xde%o\xca1sl$!\xe4;\xcag\x00@\xc1D\xa0\xd8\xd8Xys\xd3\xd6=n\x87\x83*J\xa9^T\x19\xc2\xb9 ~\xe6\xe3\xa9\'\x8e\x9f&lt;+;\xfd\xe5k\x85\xfd?\x08\xf9\x8er\x1b\x00\xb2 \xeb\xda\xb5\xab\xa2(\x84\x90c\'\xce\x1c;t\x82\xf8\x99\xb1\x17H\xe2\x9c\x83j\xde\xb8u\xb7\xdbm\x08!\xaaT\xa9\xd2\xa2E\x0b\xc0\x11`\x84|I\xb9\xfd\xb4\xcb\x82\xacI\x93&amp;\x11\x11\x11B\x08\xb7\xdbX\xb2\xecOP\xb1\x8f\xfb2J\x08p\xb6\xe8\x97U\x00 \x84\x88\x89\x89\t\x0e\x0ef\x0c\x8f\xcdA\xc8\x87\x94\xdb\x00 \x840\xc6\xfc\xfd\xfd\xe3\xe2\xe2\xe4=?\xfd\xba\x8a\xbbp5\x00\x00\x80\x10\x82\xfa\x99\xce\x1d=\xf9\xe7\xc6\x1d2)\x1f{\xec1\xc0\x01\x00\x84|L\xf9/\r{\xf4\xe8\x01\x00\x94\xd2\x1d\xbb\x0e\x1eM9B\xfd,\xd8\x0b\xc4\x18\x07\xb3\xff\xca\xd5\x9b\x1d\x8e&lt;\x00\x11\x14\x14\xf4\xc0\x03\x0f\x00\x80\x82c$\x08\xf9\x92\xf2\x1c\x00\xb2n\xdb\xae]\xbb\x82^ }\xc1\x8fKA\xc3^ \xa0\x94\x80\xee\x9e\xfb\xed\xef\x00\xc0\xb9h\xd7\xae]\xa5J\x958\xe7\xd8\xff\x83\x90O)\xcf\x01 {\x81\x82\x82\x82\x1ey\xe4\x11\xb9\xbei\xfew\x7f\xe4\xdb3\x14M\xf1\xe5&amp;\x00\xe7\x9c\xf8\xfb\xed\xdb\xb1\xef\xcf\r\x97\xfb\x7fz\xf5\xea\x05\x05\xf3\xa6\x10B\xbe\xa3&lt;\x07\x80GBB\x02\x00PJ\x8f\x1c;\xb3f\xd5&amp;\x12\x18\xc8}\xf8\x98x\xce\x05\xd1\xfc\xe6,Xb\x18L\x08\x11\x11\x11!\x03\x12\xfb\x7f\x10\xf25\xe5&lt;\x00\x14E\xe1\x9c7o\xde\xbcc\xc7\x8e\x9cs\x00\xf2\xc9\x94\x05`0R\xce\x9f\xf7?\x12B(\x16S\xfa\xa9S\xf3\x17\xfeA)\x15B\x0c\x1e&lt;800\x10\xfb\x7f\x10\xf2A\xe5\xbf \xe4\x9cSJ\x07\r\x1a$\x84PUe\xf5\xba\xa4\xb5\x89\xeb\xa9\xd5\xca\x98/6\x02\x18\xe3\xc4/p\xca\x97\xdf\xa5]\xb4SJ\xccfs\xdf\xbe}\x01\xd7\x7f!\xe4\x93\xca\x7f\x00(\x8a"\x84\xe8\xd6\xad[\x9d:u8g\x000\xfe\xc3\x19 \x04\xf8^\x89\'\xab\xff\x19\xa7\xcfL\x99\xf1\xbd\xa2(\x86\xc1z\xf6\xecY\xb3fM\xc6\x18\xae\xffB\xc8\x07\x95\xff\x8f\xbd\xdc\x17\xc8b\xb1\xbc\xf6\xdak\x9c\x0bMS\xd7\xae\xdf\xbe|\xc9j%\xd8\xca\x18+\xed\xab+Q\x9cq\xe2\x17\xf0\xe9g__J\xcf"\x84\x98\xcd\xe6\xd1\xa3G\xe3\xf6\x9f\x08\xf9,\xe2\x0bk\x7f\x84\x10B\x08]\xd7\x9b4i\x92\x9azH\x08\x88\xaa]}\xf7\xf6\x9f\x15\x10\x14|\xa5% \'\xff\x1c\xda\x9b\xda\xb8\xd5\x93r\x87\xd4~\xfd\xfa\xcd\x993\x871\x86\xc3\xbf\x08\xf9\xa6\xf2\xdf\x02\x80\x82c\xe2\xcdf\xf3\xe7\x9f\x7f.\x1b\x01\x07SOL\xf8x\xa6b\ra\xbaQ\xdaWWB\x84\x00\xa2\xaa/\x8c\xfa\xd0\xed\xd6\x85\x106\x9b\xed\xfd\xf7\xdf\xc7\xea?B\xbe\xcc\'\x02\x00\x00\x14Ea\x8c\xdd\x7f\xff\xfd\xdd\xbbww\xbbuMS?\xfc\xec\xeb#{\xf7\xab\xd6\x00\xee\x03\xa3\xc1\xcc`JH\xc8\x8f_\xff\xb2|\xf5\x16\x93I3\x0c\xf6\xf6\xdbo\xcb\xc5_\xd8\xfb\x8f\x90\xcf\xf2\x89. I\xcet&lt;v\xecX\xd3\xa6M\x9d\xce|]7:w\x88Y\xb1r\x0e\xcf\xcbW\xcau-\x98sN\xcc\xe6\xb4\xf3\x97\x1a\xb7\xec\x9e\x9e\x91\xcd\x18\x8b\x8e\x8e\xde\xbau\xab&lt;\x07\x18[\x00\x08\xf9,\x1f\xaa\xfdQJ9\xe75k\xd6\xfc\xe0\x83\x0ft\xdd\xb0\x98\xcd\xab\xd6%\xbd\xf5\xc6gJ\x90\xcd0\xcasG\x90 \x84\xa8J\x9f\x01\xa3\xd3.\xda)\xa5\x9a\xa6\xcd\x9a5KUUB\x08\x96\xfe\x08\xf92\x1f\n\x00(\xe8\x08z\xfe\xf9\xe7\xe3\xe2\xe2\x9c.\x97\xc9d\x1a\xf7\xc1\x8c\x95K\x96\xab\xb6\x10\xa3\x9c\x0e\x06\xe8\xba\xa1\x04\x85\x8c\x7f\xe3\xb3\x15k\xb6Z,\x16]\xd7\xc7\x8c\x19\x13\x1d\x1dm\x18\x06v\xfe \xe4\xe3|\xa8\x0bH\x92\x1dAiiiM\x9a4\xb9x\xf1"\x00T\x08\x0f\xd9\x9d\xb4\xa8b\xe5\n&lt;7\xaf\x9c\x1d\x19f\xe8\x86\x1a\x1a\xber\xc9\xf2\xb8G\x9e7\x99Ln\xb7;...11\x91s\x8e3\x7f\x10B&gt;W\x07\x94\x1dA\x11\x11\x11\xdf|\xf3\r\xe7\\\xd3\xb4\x0bi\x19\x0fw\x1bf\xcf\xc8\x06\x93\xa9&lt;m\x88\xc6\x0c\xa6\x86X\xb7m\xd8\xda\xb3\xdfh\xd9\xf4\x89\x88\x88\x98?\x7f&gt;\xe0\xba_\x84\x10\x00\xf8`\x00\x00\x80\xa2(\x86at\xe9\xd2e\xdc\xb8q.\x97\xcb\xcfb\xd9\xbac\xff\xa0AoP\x7f\x7fA\xa8(\x17\xa7\x05p\xc6\x94\x00?\xfbE{\x8f^/\xa5gdQB\x18c\xdf|\xf3MDD\x04\xce\xfcA\x08I&gt;Z\x10\xa8\xaa\xca\x18\x1b;vlBBB\xbe\xd3\xe9\xe7gY\xf4\xdb\xeaA\xfd^Q\xac\x01\x9c\x12o\xcf\x00f0\xea\xefg\xb7;\xe2\xbb&amp;\x1c;q\xceb6\xeb\x861}\xfa\xf4.]\xba\xe0\xb2/\x84\x90\x87\xcf\x8d\x01x\xc8\xe5\xc1\x94\xd2\xb8\xb8\xb8\x95+W\xfa\xf9Y\xf2\xf3\x9d\t}\x1f\x9b&gt;\xe7}\x91\x9b\'\xbcv{\x1cf0\xc5\x1a`O\xcf\x8a\xef:0)9E&gt;\xafq\xe3\xc6\x8d\x1d;\xd60\x0cUUK\xfb\x02\x11Be\x85\xef\x06\x00\x14\x1c\x81b\xb7\xdb\xbbv\xed\x9a\x94\x94\xe4g\xb1\xe4;\x9d\t}\x1f\xfbr\xeax\x95s\xe6r+\xaa\x97U\x96\r\xddPC\xac\xe7N_x\xf4\xb1\xa1\x9e\xd2?!!a\xfa\xf4\xe9\x86a(\x8a\x82\xbd\xff\x08!\x0f\x9f\x0e\x00(\xd8,\xdan\xb7\xc7\xc7\xc7{2\xa0ml\xe3%\xbf~i\xab\x18f\xd8\xb3T\xcd;\xaa\xccB\x08f05\xb4B\xd2_\x9b\x1f\xed\xfe\xc2\xb9\x0b\xe9\x16\x8b\xd9\xe9t\xc9\xd2_\xce}\xc2\xd2\x1f!T\x98W\xf6r\x14#9)\xc8f\xb3%&amp;&amp;\xb6l\xd92\xdf\xe9\xb4X,\x1b\xb6\xec\xee|\xff\x80\xe4m{\xd5\xd00\xc6X\xd9\xcfH\xce8!D\r\r\xfba\xc1\xcf\xf1\x0f\x0f9w!\xddd2yJ\x7f\xc6\x18\x96\xfe\x08\xa1\xab\xf9z\x00@\xa1\x0cX\xb9r\xe5\x80\x01\x03\x9cN\xa7\xd9lJ\xde}\xa8C\xa7gfN]\xa0\x84\x84\x10UaF\xd9\xdd8\xda0\x0c\x1a\xe0gPe\xe4\xf0qO\xf6~93+W\xa1\xd4\xedvO\x9c8Q\xd6\xfdq\xbf\x07\x84\xd05\xf9z\x17\x90\x87gr\xe4\x90!C\xa6M\x9bF)\x01 \x9c\xf3\x81\xfd\xbaM\x98\xf0JpX\x08\xcb\xcc&amp;\x04\xca\xd4\xc8\xf0\xe5)=\xd6\xe0C\xfb\x0e\x0c\x18\xf8\xfa\x86\xcd\xbb\xe4j/UU\xbf\xfc\xf2\xcb\x84\x84\x04y\xd2\x0b\x96\xfe\x08\xa1k*C\xc5Y\xe9\x92\x07\xe42\xc6\xa6N\x9d:s\xe6\xcc\x80\x80@\xce\xb9\xd9l\x9a9wq\xcbV=\x96\xfe\xb6Z\t\xb1R\x7f?C7\xcaBdr\xce\r\x83)!A:U&amp;O\x9c\xd5\xb2u\xcf\r\x9bw\x99\xcdf\xb7\xdb\x1d\x19\x19\xb9v\xed\xda\x84\x84\x04\x1c\xf5E\x08]\x1f\xb6\x00\xae$\xab\xd5;v\xecHHH\xd8\xb1c\x87\xa6i\xba\xae\x03\xc0SO&lt;0\xee\xcd\xa1Q\r\xebA\xbe\xc3p\xba\x15\xa5tj\xd6\x9cs!\x84\x12\xe0\x0f\x9ayU\xe2\x9fc\xde\x98\xb4%i/\xa1\x14\x04\x17\x02z\xf4\xe8\xf1\xe5\x97_\x86\x85\x85\xe1|\x7f\x84\xd0\ra\x00\\\x83\x9c/\xefp8\xc6\x8c\x193y\xf2d\x000\x994\xb7[\x0f\x0e\n\x18\xf9\x7f}\x87$&lt;\x11Q\xad*\xe4\xe72\xa7\x8bPR2\x9dBB\x80&lt;\xd0X\t\xf0\x07\xcd\xb4w\xfb\xde\x89\x9f\x7f=\xfb\xeb_\xffwm\xc1\xc1o\xbf\xfd\xf6\xf0\xe1\xc3\xc1\xd35\x84\xd0\x1dpu\x89\x81\xadL\xef\x85\x01pm\x9e!\x81\xc4\xc4\xc4Q\xa3F\xed\xdd\xbb\x97\x10\x00\xa0B\xf0\x88\x8a\xa1\xcf\r~rHB\x8f\x88jw\x01\xd7EN\x1ec\x9c\xde\x99$\x10\xb2\xca\xcf\x85\xaa\xa9\x10\xe8\x0f@\xf6n\xdf7\xf1\xf3\xf9\xdf,\xfc\xdd\xed6&lt;\xad\x93\xae]\xbbN\x9a4)**\n\xa7{\xa2\xe2%[\x9c\xf2\xe48\x8f\xab\xbf\xc7\xf3\x7f&lt;d\xc2\xbb`\x00\xfc#!\x84\xdc5\xd3\xedv\x7f\xf4\xd1G\x13&amp;L\xc8\xca\xcaR\x14\xca\x18\x07\x80\x88\x8a\xa1\x8f&lt;\xdc\xa9_\xafG\xdb\xb4m\x02&amp;?\xd0]"\xdf\xc9\x18\'\x84Pz\xbbE0\x17Bp.\x04\xa8\xaa\x02\x01~@M\xae\xcc\x8c\xc4\x95\x9bf\xcf\xfbui\xe2_n]\x97\x9b\xbb\x01@TT\xd4\xf8\xf1\xe3{\xf6\xec\tX\xf1G\xc5D\xbe\xf3\x85\x10\xd7\x1cC\xb2\xdb\xed\xf2\x8cU\xf9\x7fJipp\xf0\x15\xdf\xc39\x97u\x11\x0c\x832\x0e\x03\xe0\x06&lt;\xa5\xea\xa1C\x87&gt;\xfc\xf0\xc3\x05\x0b\x16\xb8\\.B\xc0\xf3\xb2\xb5i\xd5\xa4\xdb\xa3\x9d\xff\x15\xdf\xae^\xfd\xda`\xf6\x030 \xdf\xc9\xdd:\xe7\x02\x00\n\xd7\x99\xae\xf9I\x90\xaf\xbf\x10B\x08\x10B\xc8\x89F\xc4l\x02\xb3\x19@a\x8e\xac-\xdb\xf6-^\xb2\xe6\xf7?\xd6\x1e8t\x1c\n&amp;\xad\x02@DD\xc4\x90!CF\x8e\x1c\x19\x1c\x1c,\xef)S3\x94\x907\x92\xb5\x8a\xc2\xd5\x88S\xa7N\xa5\xa4\xa4$%%\x1d&gt;|\xf8\xe4\xc9\x93999\xa9\xa9\xa9\x85\x7fDQ\x94\x06\r\x1a(\x8a\xd2\xb8q\xe3\xbb\xef\xbe;::\xbaQ\xa3F\xa1\xa1\xa1\x85\x1fS&amp;A\x89=\x0bTt\x18\x007&amp;g\x07\xc9]t\xf6\xee\xdd;q\xe2\xc4E\x8b\x16eggC\xc1\t3\xf2\x8b\x961\r\xef\xef\xdc\xba}\xeb&amp;\xd1\x8d\xeb\x84V\xa9\x08\x8a\t\x00\x00\x18\xb8\xdc \xdb\xc8n\xfd\xef\x8f\x0b\x84\x12\xa2i\x00\x02T\x154\x15@\x05\xe0\xe0r\x9e&lt;qv\xdb\x8e\xfd\xeb7&amp;/_\xb9q\x7f\xcaQ\xf9\xed\x9e\xdfU\xb5j\xd5g\x9f}\xf6\xb9\xe7\x9e\x8b\x88\x88\x00\xac\xf8\xa3\xdb&amp;\xab\xfc\x9e\xda\xba\xc3\xe1X\xb3f\xcd\x9a5k6n\xdc\xb8w\xef\xde\xbc\xbc\xbc\x9bz\xb4\xd0\xd0\xd0\xe8\xe8\xe8\xf6\xed\xdb\xdf\x7f\xff\xfd-[\xb6\x94oNO\x93\xe2\x8e&lt;\x01t\xab0\x00\x8a\xaa\xf0;\xf8\xf4\xe9\xd3\xb3f\xcdZ\xb8p\xe1\x81\x03\x07\xe4\xbf\x12B\x85\xb8|\x96@Xhp\xc3\xfa\xb5\xa3\x9b\xd4\xb9\xe7\x9e\xaa\x8d\x1a\xd4\x8a\xbc\xe7\xae\xc0`+\x15"8"\x1c(\x05(x\xc1\t\x01\xa7\xcb~\xc9\x0e\x8az\xfe\\\xda\xa9S\xe7\x93v\x1d&lt;|\xf4\xe4\xbe\xfdG\xf6\xef?\x92\x9b\x97/\xbf\x8bR\xc2\x0bv\'m\xdd\xbauBBB\xf7\xee\xdd\xadV+\x00\xe0DOt\xfb\nW 6n\xdc8w\xee\xdc\xa5K\x97\x9e&gt;}\xbaX\x1e\xbc~\xfd\xfaO&lt;\xf1D\xcf\x9e=\xeb\xd6\xad\x0b\x85\xbaU\x8b\xe5\xc1\xd1\xed\xc3\x00\xb89\x85c\xc0\xe5r%&amp;&amp;\xfe\xf2\xcb/+V\xac\xf0|`d\xc7h\xe1\x1f\xf1\xf7\xb3\x98-f\x85\x92\xfauk*\xaar\xb9\xf3H\x00\xa84\'+\'\xf5\xc8)\xa2\xd0\xec\xac\x1cY\xbb\xbf\xa6\xfa\xf5\xeb?\xf8\xe0\x83\xdd\xbauk\xd3\xa6\x8d\xbc\x07Wx\xa1\xdb\xe7\x992\xe0v\xbb\xbf\xf9\xe6\x9bY\xb3fm\xdc\xb8Q\xfeS\xe1\nMH\xb05\xb2v\xf5\xaa\xd5*5n\x10\xa9\x12\xd2\xb2ECMS\x84\x10 \x80\xa8JfF\xd6\xee}\x87u\xdd\xd8\x9a\x9cr\xfa\xf4\xf9\x13\'\xcf\xe6\xe59\xe5\x0fz\xea.f\xb39&gt;&gt;~\xd8\xb0aqqq\x80\xef\xde\xb2\x04\x03\xe0V\\Q\x91q8\x1c\xabW\xaf^\xbbv\xed\xf2\xe5\xcb\x0f\x1e&lt;x\x9d\xa2\xbc\xe8\xfc\xfd\xfd\x9b6mz\xff\xfd\xf7\xc7\xc5\xc5\xc5\xc6\xc6\xca\xdfuES\x1d\xa1[S\xb8Ws\xf6\xec\xd9\x13\'N\xdc\xbbw/\x00\xa8\xaab\x18Wti6m\xd202&lt;"\x0c,\x16\x00\xf9\x86\xbf\xe2\xf4lr\xf9~a0G\xee\x99\xf3\x17\xb7%\xef_\xbf\xe1o\xbd\x97\x9e\x81\xab\xb8\xb8\xb8W^y\xa5s\xe7\xce\x80]\x97e\x03\x06\xc0\xad\x93\xc51\x14\x1a4c\x8c\x1d:t\xe8\xc0\x81\x03\xdb\xb7oOJJ:u\xea\xd4\xf9\xf3\xe7\xedv\xfb\r\x1fJU\x15\xab5\xa8v\xed\xdaU\xabVm\xd6\xacY\xcb\x96-\xeb\xd5\xabW\xadZ5\xcf7\x18\x86A\x08\xc1\x0f\x0c\xba}\x9e)\xce[\xb6l\x193f\xcc\xaaU\xab\x00@\xd5TC7\x00\xa0a\xfd\xda}\xfb&lt;\xfa`|\x9b\xfa\xf5#/Ojp\xba\x84[\x97m\xdf\x82\xa9\x0c\x85\xeb\x1fB\xdeO\t\xa1*\x05M\xfb\xdb\xfc\x85\xdf\xd7\xcc\xff\xe6\xb7\x0bi\x19\x00\xa0i\xaa\xae\x1b\x00\xd0\xbf\x7f\xffw\xdey\xa7J\x95*8k\xb9\xd4a\x00\x14\x03\xcf\xb4\xb9+\x8e[a\x8c9\x1c\x8e\xd4\xd4\xd4\x9c\x9c\x9c\xcc\xcc\xcc\xdd\xbbw_\xf1\x83\xaa\xaa\xb6l\xd9RU\xd5J\x95*U\xae\\9$$\xe4\x8a\x87\xf5\xcc\xa0\xc0\x0f\t*\x16r\x91\xa3\xae\xeb\xef\xbe\xfb\xee\xbb\xef\xbek\x18\x86\xd9lr\xb9\xdc\x00\x10\xd7\xa5\xf5\xb0\xe7\x9ez\xe0\xbeV\xa6\x90P\xd0\xf3E\xbe\x931V\xf0\xee+\xd2\xdbO\x08\x10p\xc5\x0cf\xf3\x85\x13\'\x7f\xfbc\xdd\xe7_,\xd8\xbb\xff0\x00\xc8\xc5+U\xaaT\xf9\xe4\x93Op\xfar\xa9\xc3\x00(N\xa2\x90[\xa8\xb0{\x82DV\x8bp\xe6\x1c*^\xb2\xa8MMM\xed\xdf\xbf\xff\x86\r\x1b&lt;\x1d&gt;\x9d;\xb6|\xe5?\xcf\xc6\xdd\xdf\x16\x14\x15rr\r]\xa7\x94\xde\xe6\xdbO\x00\x08\xce9\xe7\xaa\xc5\x0c~\x01\xee\xac\xac\x05?,\xfd\xf0\xa3Y\x07\x0f\x9fPU\xd50\x0c\x00\x188p\xe0\xa7\x9f~j\xb5Z1\x03J\x0b\x06\xc0\x1d$_[\xd9M\x04\xd7ZC\x0f\x9e\x16\xf5?\xac\xb1D\xa8\xb8\xc8B\xf6\x87\x1f~x\xee\xb9\xe7222\xe4yAU*\x85\xbf3~x\xff\xbe\xdd\xc0\xac\xf1,\x87\x10\x82R\xa5x\xdf\x86B\x08\xc6\xb8\xaa*`\r\xce\xba\x986\xe1\xd3y\x1f~&lt;KgL\xb6&lt;\x9a5k6s\xe6\xcc\xe8\xe8h&lt;\xaf\xb4T`\x00 T\xcey\xe6,L\x9b6m\xc8\x90!P\xb0\xa6\xa4\xc7\xbf\xe3&amp;~:\xba\xca\xdd\xd5x\x96\xfdNO\xd2\x17\x00\xcc0T\x93\t\x02\x82\xb6l\xd8\xfa\xfc\xd0\xf1;v\x1d4\x9b\xcd.\x97\xcbf\xb3-Y\xb2\xa4m\xdb\xb6\x98\x01%\x0f;\x19\x10*\xcfd\x87\xa4\xa2(C\x86\x0c\x192d\x88\xc9d\x02\x00\x020\xf1\xc3Q\xdf\xff\xf8Y\x95JaFF:\xa5\xf4N\xf7\xc0\x10\x00UU\x05cF\xc6\xa5\xd86M\xd7\xae\xf9z`\xbfn.\x97K3iv\xbb\xbdc\xc7\x8e3f\xcc\xf0t\r\xa1\x12\x83-\x00\x84\xca-\xcft\xcfA\x83\x06\xcd\x981C\xf6\xba\x84\x86\x04\xfd\xf6\xf3\xe7m;\xb5eYvR\x1a;\x880\x83)&amp;\r\x02\x02\xa7M\x9e7\xe4\x85w\x81\x10\x85\x12\xc6\xf8\xf4\xe9\xd3\xe59\x16\xd8\x0e(1\x18\x00\x08\x95[\xb20\x1d9r\xe4\xa4I\x93\xfc\xfc,\xf9\xf9\xce\x98\xe8z\x0b\x16L\x88\xac[\xd3\xc8\xcc*\xc5rV\x08\xc1\x85P\x82\x83\x13\x7f_\xfdT\x9f\xff\xd83\x1drW\xf3E\x8b\x16=\xfe\xf8\xe3\x98\x01%\x06\x03\x00\xa1\xf2I\x8e\xfa\xce\x981c\xd0\xa0A\x16\xb3\xd9\xe9r\xc5D\xd7K\\:\xd3V!\xc4\xc8r\x94\x85\x12\xd6\xd0\r54&lt;\xe9\xaf-\xf1\x0f\x0f\xc9\xca\xce\xa5\x94Z\xad\xd6\xc4\xc4\xc4\x98\x98\x18\xcfb\x05tGa\x00 T\x0e\xc9\xd2\x7f\xe5\xca\x95qqq&amp;Ms\xebz\xa3\xfa\xb5\xd6\xad\xfe\xdaf\xb3\xb2\xdc|E-+s.u]\xd7BC\x93\xfeJ\xeax\xff\xb3.\xb7\xc1\x18\xabX\xb1\xe2\xee\xdd\xbb+V\xac(\xf7\x9a.\xed\x0b,\xe7\xf0\xf5E\xa8\xbc\x91\xd5\xe7\x0b\x17.\xf4\xee\xdd[Q\x14\xceyXh\xf0\x82y\x1f\xd8*\xd8Xn^\xd9)\xfdA\xae\x0b\xcb\xc8\x88i\xd7\xea\xcb\x89\xa3\x19cf\xb39--\xadO\x9f&gt;\xf0\x0f\xd3\xa6Q\xf1\xc2\x00@\xa8\xbc\x91k\t\xfb\xf4\xe9s\xe1\xc2\x05EQ\x0c\xc6\x16\xce}\xbfQ\x8b\xa6Ff\xb6R\x06z~\xae\xa0i\x9a\x9eq\xa9\xef\xe0g\xc6\xbd\x9a\xe0r\xb9,\x16\xcb\x8a\x15+\xdez\xeb-EQpR\xd0\x9d\x86]@e\x88g%\xb0\xbcyE\xfbW\xce\xe7\x83\x82\xb5c\xb8?\x04\xba&amp;\xd9\xf9\xf3\xe5\x97_\x0e\x1d:Tv\xfd\x8f{5a\xec\xfb\xff\xd13\xd25\xad\xcc\x95\xfe\x97\t0\x04W\x03\xfc\xef\xbf\x7f\xc0\x8a5[5M\x03\x80-[\xb6DGG\xe3`\xc0\x1d\x85\x01P\xca&lt;g\xae\xde\xc2\xce\xfex\xf0\x1e\xba\x82|?\x1c;v\xaci\xd3\xa6Ng\xbe\xae\x1b\x9d;\xc4\xacX9\x87\xe7\xe5\x17\xf3\x02\xdf\xe2\xc69\'fs\xda\xf9K\x8d[vO\xcf\xc8f\x8cEGGo\xdd\xba\xf5\xf2VDe\xfb\xe2\xbd\x17\x06@\xe9\x90\x95\xfd+6\xfc\xb9x\xf1bJJ\xca\x91#GN\x9e&lt;\x99\x95\x95\xb5s\xe7\xce\xc2\x87\xafj\x9a&amp;w\x8ek\xdc\xb8q\xd5\xaaU\xa3\xa2\xa2\n\x9f\xc5*\xf7\xa0\xc6$\xf0q\xb2\xfa\xff\xc4\x13O,Z\xb4H\xd3T??\xf3\x8e\r\xdf\xd5\xaaS\x83\xe7\xe6S\xa5\xac\xd7\xa3\x99\xc1\x14\x9b\xed\xc7y?\xf5\xe87Z\xce\n\x9d2e\xca\xd0\xa1Cq\xa7\xa0;\x07\x03\xa0\xa4\xc9j\xbbg\x12\xde\xe9\xd3\xa7\xb7n\xdd\xba~\xfd\xfa\r\x1b6\x1c:t(++\xab\x88\x8f\x13\x1e\x1e\xde\xb8q\xe3{\xef\xbd\xb7}\xfb\xf6111\xf2\x8c0\xc0c\xc2|\x98,(\xd7\xae]\xdb\xa9S\'Y\x80\xbe\xfb\xc6s\xaf\xbd\xf5\x92\x91qI-\xb3\x9d?\x7f\xc7\x18W\x82\xad\xf1]\xfa-_\xbdEQ\x94\xa0\xa0\xa0\xd4\xd4Ty\xc20\xbe\xa5\xef\x04\x0c\x80\x92S\xf841\x87\xc3\xf1\xcb/\xbf,Z\xb4h\xed\xda\xb5\xf2x\xe1\xdbQ\xb5j\xd5\xb8\xb8\xb8\xa7\x9ez\xea\xbe\xfb\xee\x93\x8f\x8f1\xe0\x83dwy\xa7N\x9d\xd6\xad[G\x08\x89\xacUm\xf7\xf6\x9f\x15\x10\xf4\xef\xfb\xf7\x97e\x9cs\xe2\xefwh\xef\xa1&amp;\xadz2.\x0c\xc3\x187n\xdc\xd8\xb1c\xb1\x11p\x87`\x00\x94\x84\xc2\'\x88\xed\xdd\xbbw\xde\xbcy\x0b\x17.\xbc\xe6\xb1\xab\xfe~\x96\xb0p[\xedZ\xd5TJZ6o\xa8i\xaa\xe7\xec={F\xe6\xee}\x87\x99\xc1\xf6\x1f&lt;f\xb7g{\xce\x1d+|\x08e\xe3\xc6\x8d\xfb\xf4\xe9\xd3\xa7O\x1f&lt;/\xde\xd7\x14\xae\xfe\xcbMu\xe6}5\xee\x99!O3\xbb\xbdL\xcd\xfb\xbc!\xd9\x11\xd4\xaf\xd7\xc8y\xdf\xfe\xa1(4$\xc4v\xe0\xc0\x81\xb0\xb00\xf0\x92F\xc0u6\xfd-\x830\x00\xee8O)\xbcw\xef\xde\x89\x13\'~\xf3\xcd7n\xb7\x1b\n\x9d\x93g\xb5\x06\xc44opo\x9b\xe86\xb1\x8d\xebF\xdd\x13\x16n\xf3\x0f\x0b\x01!\x80\x9a\n=\x0c\x01\xe0\xc0\r`,\xebR\xe6\x99\xf3i\x07\x0e\x1d_\xbf!y\xc3\xa6\x9d;\x92Sd\x18(\ne\x8c\x03@DD\xc4\x90!C\x9e\x7f\xfey\xb9\x9a\x06\x17\xd4\xf8\x02\xf96{\xfa\xe9\xa7\xbf\xfb\xee;Jh\x9d\xa8\xbb\x93\xb7\xfe\xa8Q \xc2k\xaa\xff\x92\xa7\x11\x10\xdd\xf6i\xb7\xdb`\x8c\x95\xd9=\x82&lt;g\x02z\xce\xf0\x80\x7f\xd8[\xa9\xf0I!\x00Pv&amp;n`\x00\xdcA\x9e\x8a\x7fVV\xd6\x84\t\x13&gt;\xfa\xe8#\xb7\xdb\xed)\xa6\xcd&amp;\xed\x81\xfb\xdb=\xfap\xc7\xb8\xfbZU\xadY\r\xa8\x06`\x80\xcb\r\x06\xe3\x86\x01\x00\x9c\x0b\x00Q\xd0|\x17\x00\x84R\x02@\xa8\xa6\x82\xa6\x82\xa6\x01Pp9S\xf6\x1f\xfe#\xf1\xaf\xc5\xbf\xad\xde\xb8i\'\x14\xec\xf4\x0b\x00U\xaaTy\xe7\x9dw\xfa\xf7\xef\x0f\xd8\x14(\xefd\x01t\xee\xdc\xb9\xa8\xa8\xa8\xbc\xbc\\\xce\xc5\'\xef\x8ex\xf1\xb5\xa1\x86=C\xf5\xaa\xea\xbf\xc4\x18SB\x82\xff\xf5\xc0\xb3\xffM\xdc@\x08\x89\x89\x89\xd9\xb4i\x13\x94\xc6\xbeuW\xf3\xcc\xd5\xfe\xa73s\xb2\xb2\xb2\xe4\xfc\x0eOY/\x84\xb0\xd9l\xb7\xf0P%\x00\x03\xe0N\xf1\xcc_NLL|\xe1\x85\x17\x0e\x1d:\xe4)\x9a#*\x86\xf6\xe9\xf5p\xdf\xa7\x1fn\xd8\xa2!\x00\x01\x97\x93;]\x9c\x0b\xcf\xa90\xd7\xaf\x1a\x14\xaeL(\n%~\x16\xd0\xcc`\xb8V$n\xfc\xe6\xdb\xdf\xbf_\xb4\xcc\xe5\xd6\x15Ue\x86\x01\x00\xf1\xf1\xf1\x9f\x7f\xfeyTT\x14c\xac\x8cT:P\xb1\x93\xb5\xe3O&gt;\xf9d\xd4\xa8Q\x94\xd2\xb0\xd0\xe0\xbd\xdb~\xacP1\x0ct\xc3\x1b\xff\xe2\x8cq\x1a\x14\xb8\xfa\x8f\xb5\xf7?6TV\x806n\xdc\x18\x1b\x1b[\x8a\xf5\x189w\xe3\x8a\x92:++\xeb\xd0\xa1C\xa7N\x9d\xda\xb3g\xcf\x89\x13\'\x8e\x1f?\xce9\xdf\xb7o\x9f\xa7{\xd6#222  \xc0f\xb35n\xdc\xb8z\xf5\xea\xb5j\xd5\xaaW\xaf^\x85\n\x15&lt;\xdf \xf7m-\xf9$\xc0\x00\xb8#\xe4;\xd50\x8c\x97_~y\xd2\xa4IPp\x14j\xc5\n\xb6\xe7\x87\xf4\x1c\x92\xd0#\xa2Z5\xd0\xf3Yn\x9e\x10@\x15Jo\xe3S\xca9\xe7\\(\x94\x92\xa0\x00 \xca\xde\xed{\'N\x9e?\x7f\xc1\x12\xdd`\xf2\xc0\x8d\xe0\xe0\xe0\t\x13&amp;\x0c\x1c8\x10\n\xc5\x12*OdGD\x9b6m\xb6l\xd9\x02\x00\xfdz=&lt;\xe7\x9bO\x99=\xc3\xbbz\xff\x0b\x13\x04\x18\xa1\r\xa2\x1f;\x94z\n@\xbc\xfc\xf2\xcb\x1f}\xf4Q\xc9\xf7\x02]=];==}\xc3\x86\rk\xd6\xacINN\xde\xb7o\xdf\xa5K\x97n\xed\x91CBB\xa2\xa2\xa2\x1a4h\xd0\xbe}\xfb\xce\x9d;W\xaf^\xbd\xf0o,\xb1\xba\x1a\x06@\xf1\x93oS\xcf\xc9\xabrB\x1e\x00\x0cx\xe6\xd1\xb7\xc7\x0e\xabR\xb3\x06\xe4;\x0c\xa7\xab\xd8\xd3\x9e1\x0eB(\x81\xfe\xa0Y\xb6\xfc\xb5e\xcc\x1b\x9f\xafZ\xbb\x95P*\x9b\x0c\x03\x07\x0e\xfc\xe4\x93O\x82\x82\x82\xb0;\xa8\x9c\x91\xe5\xc5\xa1C\x87\x1a5jd\x18\x06\xe7\xfc\xf7\x1f&amp;=\xd8\xfd\x01\x9e\x95\xad\x94\xf9\xb9\xff\xff\xc40\x98j\xb3\xfdg\xc4\xdb\x1f\x7f6\x1f\x00\xea\xd4\xa9\xb3{\xf7nM\xd3J\xacA\xe39JA\xde&lt;}\xfa\xf4\xca\x95+\x17/^\xbca\xc3\x86\xf4\xf4\xf4\xe2\xfd]\xfe\xfe\xfeM\x9b6\xed\xd6\xad\xdb\x83\x0f&gt;X\xbf~}y\xa7a\x18%\xd0 \xc0\x00(f\xb2\xf4OJJz\xe0\x81\x07&lt;\'\xafF\xd5\xaa\xf6\xf9\xa4\xd7\xe2\x1f\xea\x02\xce\\#\xdfyG\'hr\xce\x05\xe7J\x90\x15\xb8\x98&lt;\xe5\x9b1o~\xee\xc8\xc9\x93\'\x81\xb4l\xd9r\xe9\xd2\xa5\xa1\xa1\xa1\x98\x01\xe5\x89|\xcb\xcd\x9d;\xb7\x7f\xff\xfe\x84\x90\xca\x11a);\x7f\t\xb2\xfa\x0b\x83yc\xff\x8f\xc4\x18W\x82\x02\xb6\xacMj\x1b7\x80\x0b\xa1i\xda\xee\xdd\xbb\xeb\xd4\xa9S\x02M\xd8\xc2E\xbf\xdb\xed^\xb6l\xd9\xacY\xb3\xd6\xacY\xe3p8\xae\xfefEQBC\x83\xebE\xdd]\xabF\xb5\xbb\xef\xa9*\x0c\xbdI\xa3\xa8\x90\xd0`\xf9\xe2\x0b\x10\x84\x10]g[\xb7\xede\x00\x99\x19\x99\xbb\xf6\x1f9|\xe4T\xfa%{^\xbe\xf3\xeaGSU\xb5e\xcb\x96\xfd\xfa\xf5{\xe4\x91G&lt;\x13\xf9\xaeX.Z\xbc0\x00\x8a\x93\xfc(\xce\x9e={\xc4\x88\x11\x0e\x87\xc3d2\xb9\xdd\xee\x1e\xff\x8e\xfbr\xca\x9ba\x95+\x1a\x19vE-\xa1\xb9\xf9\x9cq @\x83C\x93\x93\x92\x07&amp;\xbc\xbec\xd7Ay\x1eHdd\xe4\x82\x05\x0bbbb\xca\xe0\x9c\ntkd\x9c\xf7\xef\xdf\x7f\xee\xdc\xb9\x00\xf0\xd8C\x1d\x17/\x99\xca2\xb3\xbc:\xe3\x85\x10D\xa1y\xf9\xae\xa8&amp;\x8f\x9e9{\x11\x00\xe6\xce\x9d\xdb\xb7o\xdf;\xfa\xbe-&lt;]\xfb\xc2\x85\x0b\xf3\xe7\xcf\x9f7o\xde\xde\xbd{\x0b\xfe\x9d\x00\x08\x00\xf0\xf7\xf7kP\xbfV\xdb\xd6M\xdb\xb7\x8d\xae\x1bu\xcf]\x95*\x06\x87\x87\x80f\x02P\xe4\xe1\xc7\xf2\xdb\xfeN\xbd&lt;\x91O\x18y\xe9\x99\xe9\x97\xec\x07\x0e\x1d\xdf\xb8e\xf7\x9f\x1bv\xec\xdcs(#\xe3\xf2\xf2O\xcf\xd0qDDD\x9f&gt;}\xfa\xf6\xed\xdb\xb0aC\x00\xb8s\x03x\x18\x00\xc5F\xbe5\xe5\xf9\x1b\x84\x10!\x00@L\xfcp\xd4\x88Q\x03\xc0\xe5fNg\xc9o\xc4h\xe8\x86\x1alud\xe7\x8e\xf8\xbfwf\xcf\xffM\x06\x92\xcdf\x93gn`;\xa0|\x10B\xe8\xba\xde\xa8Q\xa3C\x87\x0e\x01\xc0g\x1f\x8ez\xe1?\x83\x0c\xbb\xdd\x1b\xe7\xff\x14&amp;W\x05?\xfe\xd8\xd0\x9f\x7f[\r\x00}\xfb\xf6\x9d;w\xee\x9d{\xd3z\x1e\xf9\xc2\x85\x0b_}\xf5\xd5\xd4\xa9S/\\\xb8\x00\x85\xa6\xd5\x05Y\x03:v\x88\xe9\xf6\xc8}\xf7uhY\xfd\xee\xca`\xf6\x03\xe0\xa0\xeb\xa0\x1b\\7\x84\x90\xdb8\xcaR\xfa\x8a\x92Z\x96\xb2\x97\'\xf2QU\x05U\x01\xb3\t@\x05\xe6J?wi\xc3\xe6]\xbf,Y\xbdb\xd5\xe6\xd3g.@\xa1\t\xe2&amp;\x93\xa9w\xef\xde#G\x8e\x941p\'\xc2\x0f\x03\xa0x\xc8\xbf\xcd\xbcy\xf3\xfa\xf5\xebg\xd24\xb7n\xd8B\x02\xa7Ny\xb3G\xaf\xc7X\x96\x9d\x02\x90R\x1aze\x06S,&amp;0i\xe3\xde\x9c&lt;\xfe\xbdir,\xdaf\xb3\xad[\xb7\xaeQ\xa3F\x98\x01\xdeNv\x89\x9c8q\xa2~\xfd\xfa\xf9\xf9\xf9\x84\x90?\x97\xcdh\xdb\xa55\xcb\xca\xf1\xde\x01\x00\xc90\x98j\x0b\xfd`\xfcg\xa3\xc7M\x01\x80\xe8\xe8\xe8-[\xb6\xa8\xaaZ\xec\x15aO\xc5\xdf0\x8c\xaf\xbe\xfa\xea\xddw\xdf\xbd\xa2\xe8o\xd3\xaaI\xbf&gt;\x8fv\x8doW\xb5fU \n\xb8\x9c\xc2\xe5f\x8c\xcb\t{7\xbbW\x9d\x9c\xbfW\xb0@\x87P\x93\x06~~\x00\xc4q\xe1\xe2\x9a\xf5\xdbf\xcd\xfb%q\xf9\x06\x97[\x87\x82\x95=&amp;\x93i\xf0\xe0\xc1\xaf\xbf\xfe\xfa\x9dX\xd6\x83\x01P\x0c\xe4\x870))\xa9c\xc7\x8en\xb7\xdb0\x98-$0q\xc9\xd4\x98v\xad\xf4\x8c\x8b\xa5\xbe\x07\xaf\xe0\x82\x83P\x82+\xcc\x982k\xd0\xf0wd;\xa0Q\xa3Fk\xd7\xae\r\t\t\xc1\xad\x16\xbdZ\xe1\x05\xc0\x84@@\x80\xdf\x91\x9d\xbfV\xbc\xab\xa2p\xeb\xde\xfege\x8c+!AK\x7fJ|\xb0\xfb\xff\x01\x80\xcdf;z\xf4hHH\x88\\\xf4P\\\xbf\xc53\xa8\xb0j\xd5\xaa1c\xc6\xc8iT\xb2\xe87ij\xef\xa7\x1ez\xb6\xff\xbf\xdb\xb4n\x02f\x0b\xb8\x9c&lt;\xdf\xc5\x85\xb8\xcdi{W\xb8\xbc\x9aL\x80b\xd6\xc0\xdf\x1f\x848\xb0\xf7\xd0\xf7?.\xfbj\xda\xf7\x17\xd22\xa0 \x06\xee\xd0\xb2\x1e\xef\xae#\x94\x05r\x96\xd8\xd1\xa3G\xe3\xe3\xe3\x9d\xf9\xf9\x00PP\xfa\xb7\xd0\xd3\xd3J\xbd\xf4\x07\x00B\x89B\xa8\x9eq!aX\xbf\xe9\x93_w\xbb\xddf\xb3y\xcf\x9e=\x0f=\xf4\xd0\x15\'\x10 \xaf#\xffv;w\xee\x04\x00!\xa0z\xd5JA\xe16ax\xe5\xf4\xff+\x10B@\xd7k\xdcS\xd5\xcf\xcfL\x08\xc9\xc9\xc9\x91}\\\xc5\xf8v\x953m\xb2\xb2\xb2^x\xe1\x85.]\xbal\xd9\xb2E\x1eE\xa0P2\xe0\x99\xc7\xb6o\xfa~\xd6\xbc\x0f\xdb\xdc\xdb\\\xb8\xdc\xcc\x9e)\\n\xaaPUU\x8a\xb1\xf4\x07\x00B\x88\xa2(\x8a\xaa\x08\x83\xb1\xcc,\x9e\x95]\xb7n\x8d\xb1o\xbd\xb8k\xdbO\xe3\xdex.\xa2B(c\\Q\x94\xb3g\xcf\x0e\x180\xe0\x81\x07\x1e\xf0\xac(*\x96\xd7\x01\x03\xe0\xb6\xc8\x16\x19\xe7\xbcW\xaf^v\xbb\xddd2\x19\x861c\xca\x1b1\xedZ\xe9\xe9\x19\x9aI+\xed\x0b,@@\xd3T\xdd~)a\xd8\x80\x11\xcf?%\xcf]\xda\xb4i\xd3\xa8Q\xa3&lt;\xed\\\xe4\xbd&lt;\xfb\tFT\x0c\xb3\x04\x07\x08\xc6K\xf7z\x8a\x05!\x00\x86Q\xb9R\xb8\xd9\xa4\xc9q\x8e\xfc\xfc|(\xa6\x00\xf0L\xf5\xd9\xb0aC\xcb\x96-\'O\x9e,\x8b~]\xd7\xbb\xc6\xb7\xdb\xbe\xe5\xfbY\xf3&gt;l\xd88\x8aef\xf2\xec\\BH\tL\xdf\x90I@\x15\x85\xe79\r{FD\xb8m\xec[#w\xed\xf8y\xf8\xf3O\xcbb\xdal6\'&amp;&amp;\xb6l\xd9r\xe6\xcc\x99r&amp;\xe1\xed\x7fr1\x00n\x8b\xec:\x1c5j\xd4\xe6\xcd\x9b\xe5\xe9K\x13\xdf\x1f\xf9x\xaf\x7f\xeb\x19\x17\xcbP\xe9_@UT=\xf3\xd2\xc4\xc9ov\x7f\xe4&gt;\xa7\xd3i1\x9b\'M\x9a\xb4h\xd1"UU1\x03\xbc\x94,\x95\x8e\x1f?.o\x06\x07\x05By(\xfc/\x13BPU\xb1Z\x03\xe4M\xcf\xd3\xbcM\xb2\xd5\xae(\xca\xa4I\x93:v\xecx\xe8\xd0!\x93\xc9\xa4\xebzT\xed\xea\xdf}\xfd\xd1\x7f\xff;\xbda\xa3(f\xcf\xe4y\xf9\x8a\xa2\x94\xfc9\n\x94RUU\x84\xae\x1b\xf6\x8c\x88\xb0\x90\xcf\xbf\x18\xb7~\xed\xbc\xce\x1d[\xba\\.BivvvBBBBB\x82\xc3\xe1\xb8\xfd\xda\x1b\x06\xc0\xad\x93=q\xabV\xad\x9a4i\x92\xd9lv\xba\\\xdd\x1f\xb9o\xc4\x7f\x06\x</t>
        </is>
      </c>
    </row>
    <row r="334">
      <c r="A334" s="1" t="n">
        <v>332</v>
      </c>
      <c r="B334" t="inlineStr">
        <is>
          <t>size_cycle</t>
        </is>
      </c>
      <c r="C334" t="inlineStr">
        <is>
          <t>What is the size of the missing circle denoted with a question mark?</t>
        </is>
      </c>
      <c r="D334" t="inlineStr">
        <is>
          <t>['small', 'large', 'medium']</t>
        </is>
      </c>
      <c r="E334" t="inlineStr">
        <is>
          <t>large</t>
        </is>
      </c>
      <c r="F334" t="inlineStr">
        <is>
          <t>There are circles arranged in a spiral with three arms. The first arm has circles of sizes ['small', 'medium', 'large'], the second arm has circles of sizes ['small', 'medium', '?'], and the third arm has circles of sizes ['small', 'medium', 'large'].</t>
        </is>
      </c>
      <c r="G334" t="inlineStr">
        <is>
          <t>We observe that the circles in each arm progress in size from small to medium to large. Thus, the pattern is that the circles in each arm get bigger as they progress away from the center of the spiral.</t>
        </is>
      </c>
      <c r="H334" t="inlineStr">
        <is>
          <t>Based on the pattern that the circles in each arm get bigger as they progress away from the center of the spiral, the size of the missing part that is farthest from center should be large.</t>
        </is>
      </c>
      <c r="I334" t="inlineStr">
        <is>
          <t>b'\x89PNG\r\n\x1a\n\x00\x00\x00\rIHDR\x00\x00\x02\x00\x00\x00\x02\x00\x08\x02\x00\x00\x00{\x1aC\xad\x00\x00\x90!IDATx\x9c\xed\xddw|SU\xfb\x00\xf0\xe7\xdcso\x92\xee\xa6e\x0f\xd9\x05\n\x05\n\x94\xbd\x11\x0b\x8a\n\xaf\xa8 "\xcb\x02\n\xf8\x82\x88\xef\xab\xa2\x82[A\xe1\x15T\xa0\xc8\x10\x90\xe9\xc2\x01\x15\xd9\x9b2KYe\xca\x9eMw\xc6\xbd\xe7\x9c\xdf\x1f\x07\xf2\xeb\x0b\xca[\xa0m\x92\xe6\xf9~\xfc\xf8IB\x92\xde$\xf7&gt;\xcf\xd9\x87\x08!\x00!\x84\x90\xffQ&lt;}\x00\x08!\x84&lt;\x03\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xc2\x04\x80\x10B~\n\x13\x00B\x08\xf9)L\x00\x08!\xe4\xa70\x01 \x84\x90\x9fR=}\x00\xe8N8\xe7B\x08!\x04\xb9\t\x00\xc4M\x84\x10EQ\xe4\x83\x08!t\xb7\x88\x10\xc2\xd3\xc7\x80n%\x84`\x8cQJ\x0b\x12\xdc\xe53\x8b\xe1\xa8\x10B%\x0c&amp;\x00\xaf\x93?\xa0\x9f:u*99y\xdf\xbe}\'N\x9c\xb8r\xe5\x8a\xddn\x17B\x04\x04\x04T\xacX1&amp;&amp;\xa6C\x87\x0e-Z\xb4\x00\x00\xce\xb9\xbb~\x80\x10B\x05\x84\t\xc0\x1b]\xb9r\xe5\xbb\xef\xbe[\xb6l\xd9\xf6\xed\xdb\xedv\xfb\x1d\x9e\xd9\xb4i\xd3W_}\xf5\xc9\'\x9f\x94\xbf#\xe6\x00\x84P\xc1a\x02\xf0\x16\xb2M\xdf\xe1p\xbc\xfd\xf6\xdbs\xe6\xcc\xb9z\xf5\xaa|\\U\xd5\xdb[x\x84\x10\x9cs\xc6\x98\xfc\xf9\x86\x0c\x19\xf2\xd5W_\x01\x00\xd6\x03\x10B\x05\x87\t\xc0[\xc8\x1fB\xd7\xf5\x06\r\x1a\x1c=z\xd4l6\xcb\x1e`\xc30\xfe\xf2\xf9\xeeXO)\xd5u}\xd0\xa0A_\x7f\xfd5\xf6\x07 \x84\n\x0e\x13\x80\x171\x0cCU\xd5\xef\xbe\xfb\xaeW\xaf^\xaa\xaa\xca\xd0o\xb1X\x1a4h\x10\x13\x13S\xb9r\xe5\xe0\xe0`\x97\xcbu\xfe\xfc\xf9m\xdb\xb6\xed\xd9\xb3\x07\x00\x08!B\x08M\xd3t]_\xb2d\xc9SO=\x859\x00!T@\x98\x00\xbc\x88\xbb\x12P\xbbv\xed\xd3\xa7O\xb7n\xdd\xbaO\x9f&gt;\xdd\xbau\xab^\xbd\xfa\xedONJJz\xe1\x85\x17N\x9d:%G\x82r\xcecbb\xf6\xec\xd9\x83\x03C\x11B\x05\x84\t\xc0\xbbp\xce\x15E\xf9\xed\xb7\xdf\x00\xe0\xe1\x87\x1f\x96\x0f\xca\x16\xff\xfc\xbf\x94\xa2(\x8a\xa2\x1c;v\xacy\xf3\xe6\x19\x19\x19\xb2\x1e\x00\x00{\xf6\xeci\xd4\xa8\x91|\x13\x8f\x1c?B\xc8\x87`\x98\xf0.2p?\xfc\xf0\xc32\xfa\x1b\x86!\x87xRJ\xd5|\x14Eq:\x9d\xb5j\xd5\x1a4h\x90\x10BQ\x14J\xa9\x10b\xdf\xbe}\x00\xc09\xf7\xec\xa7@\x08\xf9\x04L\x00\xdeH\x8e\xf0\x01\x00\x19\xeb\xff\xf29\xaa\xaar\xce\xdb\xb4i\x037\xdb\x8e\x00\xe0\xe2\xc5\x8b\xc5v\x90\x08!_\x87KAx\xa3\x026\xe0(\x8a\x12\x18\x18\x98\xff\x11\x996\x10B\xa8 \xb0\x06\xe0\xab\xe4r@W\xae\\q?B\x08\xb1Z\xad\x1e&lt;$\x84\x90o\xc1\x04\xe0\xc3\x08!k\xd7\xae\x957d/q\x9d:u\x00\xe7\x03#\x84\n\x06G\x01\xf9$9c\xe0\xc8\x91#M\x9b6\xcd\xcb\xcbS\x14\x85s^\xbat\xe9c\xc7\x8e\x85\x86\x86\xcaI\xc5\x9e&gt;F\x84\x90\xb7\xc3\x1a\x80\xefa\x8c\xa9\xaa\x9a\x99\x99\xd9\xa7O\x9f\xdc\xdc\\9%X\x081d\xc8\x90\xd0\xd0P\xc6\x18F\x7f\x84PA`\r\xc0\xc7\xc8\xb2\xff\xd5\xabW\x1f\x7f\xfc\xf1m\xdb\xb6\xc9i_\x8c\xb1\xa8\xa8\xa8]\xbbv\x05\x05\x05\xe1r@\x08\xa1\x02\xc2\x1a\x80/q\xb7\xfc\xb4o\xdf~\xdb\xb6mr\xc3\x00\xc6XDD\xc4\xb2e\xcbBBB\x00;\x00\x10B\x05\x86\t\xc0g\xc8\xe8\xbfr\xe5\xca6m\xda\x1c&gt;|\xd8\x1d\xfd\xcb\x95+\xb7j\xd5\xaa\x06\r\x1a0\xc6p\x020B\xa8\xe00^\xf8\x06\x19\xfd\x13\x13\x13\x1fy\xe4\x91\xeb\xd7\xaf\xcb\xe8o\x18F\xbdz\xf56l\xd8\x10\x17\x17\x87k\xc0!\x84\xee\x16&amp;\x00\x1f {}\xe7\xcc\x993d\xc8\x10\xf7&gt;\xc0\x86a&lt;\xfe\xf8\xe3\x9b6m\x8a\x8a\x8a\xc2\xe8\x8f\x10\xba\x07\xd8\t\xec\xeddp\xdf\xbd{w\x8b\x16-\xe4"?\xb2\xe5g\xd4\xa8Q\x93\'O\x86\x9b\xeb\xc7y\xfa0\x11B\xbe\x07\x03\x87\xb7\x93C&lt;_~\xf9e\xc30\xdcc~\xdex\xe3\x8d\xc9\x93\'s\xce1\xfa#\x84\xee\x19\xd6\x00\xbc\x9a\x8c\xef\xfb\xf6\xed\x8b\x8d\x8duG\xffg\x9f}v\xfe\xfc\xf9\x86a\xc8\x9e\x00O\x1f#B\xc8Wa\xe1\xd1\xab\xc96\x9f\x8d\x1b7\x02\x00\xa5\x941f\xb5Z\'O\x9e,\x97\x80\xc6\xe8\x8f\x10\xba\x1f\x98\x00|\xc0\xf1\xe3\xc7\xe1\xe6\x12\xa1\x1d;v,U\xaa\x14\xb6\xfc \x84\xee\x1f.\x07\xed\xd5d\x19?++KUUM\xd3\x18c\xd1\xd1\xd1r\x1dPO\x1f\x1aB\xc8\xe7a\x02\xf0\x01\xd7\xaf_7\x0c#\'\'\x07\x00p\xa17\x84Pa\xc1\x04\xe0\xd5d\xac\x1f0`@\xd3\xa6Me\x1f@\xc7\x8e\x1d\xa1\xc0;\xc6 \x84\xd0\x1d\xe0( \x84\x10\xf2SX\x03\xf0\x01\x8c1\xc6\x98L\xd5\xaa\xaa\xe2\xa4_\x84P\xa1\xc0\x1a\x80\x0f\xc8?\xe6G\xfe^\xd8\r\x80\x10\xba\x7f\x98\x00|\xc3\x89\x13\'\xce\x9c9S\xaaT\xa9\x98\x98\x18O\x1f\x0bB\xa8\x84\xc0\xbeD\xef%\x87{\xba\\\xae\xa1C\x87\xd6\xabW\xafS\xa7N\r\x1b6\x8c\x8f\x8f\xbfx\xf1"\x8e\x04E\x08\xdd?L\x00\xdeKn\xee\xb8`\xc1\x82\x993g\xba\\.EQ\x14E\xf9\xfd\xf7\xdf_{\xed5\xb9\x0b\xbc\xa7\x0f\x10!\xe4\xdb0\x01x/\xd9\xd0\xbfn\xdd:J\xa9\xaa\xaa2\xe2SJ\xb7n\xdd*\x17\x02\xc2J\x00B\xe8~`\x02\xf0v.\x97\x8bs.c\xbd\x10\x82sn\x18\x06c\xcc\xd3\xc7\x85\x10\xf2y\x98\x00\xbc\x97\x0c\xfa5j\xd4\x10B\xc8\xd1\x9f\x9a\xa6\t!*T\xa8`6\x9b9\xe78\x16\x08!t?0\x01x/EQ\x84\x10\x83\x07\x0f.U\xaa\x94\xc3\xe1`\x8c9\x9dN\x00\xf8\xd7\xbf\xfe\x057\xd3\x03B\x08\xdd3\x1c\x06\xea\xd5\xe4\xca?iii\xd3\xa6M;t\xe8P\x85\n\x15\x06\x0f\x1e\xdc\xbe}{\\\x11\x08!t\xff0\x01x\xbb\xdbc=F\x7f\x84P\xa1\xc0\x04\xe0\x03\xdc[?\xca\x1f\x0b\x97\x82@\x08\x15\nL\x00\x08!\xe4\xa7\xb0\x13\x18!\x84\xfc\x14&amp;\x00\x84\x10\xf2S\x98\x00\x10B\xc8Oa\x02@\x08!?\x85\t\x00!\x84\xfc\x14&amp;\x00\x84\x10\xf2S\x98\x00\x10B\xc8Oa\x02@\x08!?\x85\t\x00!\x84\xfc\x14&amp;\x00\x84\x10\xf2S\x98\x00\x10B\xc8Oa\x02@\x08!?\x85\t\x00!\x84\xfc\x14&amp;\x00\x84\x10\xf2S\x98\x00\x10B\xc8Oa\x02@\x08!?\x85\t\x00!\x84\xfc\x14&amp;\x00\x84\x10\xf2S\x98\x00\x10B\xc8Oa\x02@\x08!?\x85\t\x00!\x84\xfc\x14&amp;\x00\x84\x10\xf2S\x98\x00\x10B\xc8Oa\x02@\x08!?\x85\t\x00!\x84\xfc\x14&amp;\x00\x84\x10\xf2S\x98\x00\x10B\xc8Oa\x02@\x08!?\x85\t\x00!\x84\xfc\x14&amp;\x00\x84\x10\xf2S\x98\x00\x10B\xc8Oa\x02@\x08!?\x85\t\x00!\x84\xfc\x14&amp;\x00\x84\x10\xf2S\x98\x00\x10B\xc8Oa\x02@\x08!?\x85\t\x00!\x84\xfc\x14&amp;\x00\x84\x10\xf2S\x98\x00\x10B\xc8O\xa9\x9e&gt;\x00\xf4\xbf\t!\x00\x80s\xee\xbe}\x0bB\x08\x00(\x8a"o \x84PA\x90\xbf\x0c(\xc8\xe3\x84\x10\x9cs!\x04!\x84Rz\xb7\xaf\x92\xc9\x00\xf3\x01B\xe8\x0e0\x01x\x17\x19\xc1\x01 \x7f\xd0g\x8c\xd9l\xb6C\x87\x0e1\xc6RRR222\xf2\xbf\xa4J\x95*U\xaaT\t\n\n\x8a\x8a\x8a\n\x0f\x0f\xcf\xffO\x86a\xdcU\xfe@\x08\xf9\x15L\x00\xdeB\x96\xdc\xdd\xc1://\xef\xe0\xc1\x83[\xb6l\xd9\xb4i\xd3\x91#G\xce\x9f?\x9f\x99\x99y\xe7w\x88\x88\x88\xa8Y\xb3f\xbdz\xf5\xda\xb5k\xd7\xacY\xb3\xa8\xa8(UU\xe1fR\xc1\x06"\x84\xd0-0\x01x^\xfe\xd0\xeft:\x93\x92\x92~\xfc\xf1\xc75k\xd6\x9c9s\xe6\x9e\xdfSU\xd5\xa8\xa8\xa8\x87\x1f~\xb8g\xcf\x9e\xadZ\xb5\x92\x0f2\xc60\r \x84\xdc0\x01x\x92,\x9b\xcb\xd0\x7f\xe4\xc8\x91%K\x96,^\xbc\xf8\xc8\x91#\x7f\xf9\xe4\xc0@\x8b\xd9l.W&amp;\xa2\\\x852`0\x90a\\Q\x8e\x1f\xfb3\'\xcf\x91\x9d\x95c0\xf6\x97/l\xd5\xaa\xd5\x80\x01\x03\x1e{\xec\xb1\xb2e\xcb\x02\xa6\x01\x84\xd0M\x98\x00&lt;\x861&amp;C\x7fjj\xea\xe4\xc9\x93\x17.\\\xe8t:\x01@Q\x14\xd9\r\xa0\xaa4\xaaV\xd5fq1\rc\xa2\x1a\xd4\xabQ\xabj\xa5\xe0\xb0\xe0\xd0\xc0\x00\x1a\x16\x02\x9c\xdfH\x00\x84\xe4]Iw2v\xe9\xe2\xd5\xb3\xe7.%\xef;\xb2{\xef\xa1]{\x0e\x9f={Q\xfe\x15\xf7\xbb\x95-[v\xd8\xb0a/\xbc\xf0\x82L\x03\xb2Q\xc83\x9f\x1c!\xe4\x1d0\x01x\x80\x10B\x0e\xd4\xb9r\xe5\xca{\xef\xbd7c\xc6\x0c\x97\xcb\xe5\x8e\xd4\x94*\xcd\xe3\x1a\xf4|\xbc\xd3#\xf1m\xa2j&lt;@CC\x00\x08\x00\x03\xa7\x0b8\x07\xc6\xb9\xbb\xf8\x0f\x00\x02\x14\x93\n\x84\x80\xaa\x82\xa6\x02\xa8\x00F\xde5\xdb\xbe\x03\xc7~X\xb1\xf6\xb7\xa4\xcd\x87\x0e\x9f\x00\x00E\xa1\x9c3\x00([\xb6\xec\x1bo\xbc\xf1\xc2\x0b/\xa8\xaaj\x18\x86\xec$@\x08\xf9\'L\x00\xc5\xcd]\xf0_\xbcx\xf1\x981c.\\\xb8@\xa9\xc2\x18\x07\x80\xb2e"\x1e{\xb4\xd3\x88\xa1O7hX\x07Lf\xd0\x9d\xe0p2\xc6\x84\x00B\xfe\x7fT\xe7-\xad7\xf2\x17\x14B\x08\x017\x86\x8dj*\x04\x98A\xd1Xn\xce\xda\xf5;\xbe\x98\xbet\xd5\xef\x9b\x9d.\x9dR\xca\x18\x03\x80\xe6\xcd\x9b\xff\xe7?\xffi\xde\xbc\xb9L9X\x15@\xf7\xc0=bM\x9e\x81\xb7\x0f;\x96\xff*\xff\t[\x1d\xbd\x13&amp;\x80b%\xa3\xff\xf5\xeb\xd7G\x8c\x18\xb1x\xf1b\x00\x90A\xb9l\xe9\x88\x17\x86==,\xe1\xa9\xb2\x95+\x82\xe1\x14y\x0e\xc6\xb8\xa2\x10\xa2(\xf7p\xd1\x08!8\x17B\x08U\xa5\x10\x1c\x08DI\xdd}p\xf2\xe7\xf3\x17,\xfa\xc5\xa5\x1b\x9aI\xd3]\xba\xaa\xaa\xe3\xc6\x8d{\xfb\xed\xb7!_NB\xe8\xce\xf2O4\xb9\xdbr\x83\x10\x821&amp;\xf3\x04\x969\xbc\x04&amp;\x80\xe2\xa3\xeb\xba\xa6i[\xb6l\x198p\xe0\xb1c\xc7L&amp;\x93\xcb\xe5R)}a\xe8\xd3o\xbc6\xa4l\xa5\n`\xcfc\x0e\'Q\n\xed\xf2\x10\x00\x9cq\x00A\x83\x02A3\xa5\xeeM}\xf5\xb5\xc9+\x936\xc3\xcd\xc4\x13\x1f\x1f?g\xce\x9c\xf2\xe5\xcbcs\x10\xba\x83\xbf\x9c\x9e\x92\x99\x99\x99\x96\x96v\xee\xdc\xb9\x94\x94\x14\xc30v\xee\xdc\xa9\xeb:!DVC\x85\x10\x8d\x1a5\n\x0b\x0b{\xe0\x81\x07j\xd4\xa8Q\xb7n\xdd\xd2\xa5K\xbb_\x9b\x7f\xba\xa2\x07&gt;\x0f\xba\t\x13@qp\x8f\xf6ILL|\xf1\xc5\x17\r\xc3\x90\xd1\xbfy\xd3\xfa\xff\x99\xfcZ\xf36q`\xcf3\x1c\x0eJi\x11]\x0f\x9cs\xc1\x05\r\t\x04\x85.^\xf8\xf3\x98W\'^\xb8t\xcdb1;\x1c\xce\xf2\xe5\xcb\xff\xf4\xd3Oqqq\x98\x03\xd0\xedd\xb1\xdd}bdgg\'\'\'o\xda\xb4i\xe3\xc6\x8d)))\xd7\xae]+\xe0\xfb\x84\x85\x85EEE\xb5n\xdd\xbam\xdb\xb6\xcd\x9a5\xabT\xa9\x92|\xdc0\x8c{\xa8L\xa0\xc2\x82\t\xa0\xc8\xb9\xbb|\'L\x980~\xfcxJ\x15\xceA\x08&gt;jD\xdf\x89\x1f\xbf\xa2\x9aM,+G\xa1\xc5Q\x14\xe2\x9c\x83\x00%&lt;\xfc\xe2\xe93\x03\x9f\x7f3i\xcd6\x99\x87\xacV\xeb\xf4\xe9\xd3\x9fz\xea)\xcc\x01\xc8-\x7f\xe8g\x8c\xad]\xbbv\xd1\xa2E\xabW\xaf&gt;w\xee\xdc}\xbeshhh\x87\x0e\x1dz\xf5\xea\xd5\xa3G\x8f\x90\x90\x10\xf9\xfe\xd8.\xe4\x11\x98\x00\x8a\x96;\xfa\x0f\x192$11\xf1F\xc0\r\x0f\x99&gt;\xed\xad\xa7\xfa\xf6\x10\xd9\x99\xbc\xd8\xdb\xdf\r\xc3P\x03\x03\x80*\x13\xde\x9e6\xfe\x83\x19\x84\x10\xd9\x8d7s\xe6\xcc\x84\x84\x04\xcc\x01\x08\xf2u\x0b]\xbe|y\xfe\xfc\xf9\xf3\xe7\xcfOII\x91\xff$\x9bw\xe4mJ\xa9\xd5\x1a\x1a]\xbb\x1aUi\x83z5\xad\x11\xe1\xc2`@\x80\x10\xa2\xeb\xc6\xce\xdd\xa9\x06\x17\xc7O\x9c\xbd~\xcd\x96gw\xdc\xfeW*U\xaa\xd4\xbbw\xef\xfe\xfd\xfb\xd7\xaf_\x1fp\x86\x8a\'`\x02(Z2\x9e\xca\xe8\x1f`\xb1\xd8\x1d\x8eZ\xd5+-\xfc\xe6\x93\xb8\xd6\xcd\x8d\xf4\xabT-\xaa6\x9f;\xe3\x9c\x0b\x00\x1aVj\xf6\xcc\xf9\xa3\xc6|\x9c\x93kWUU\xd7\xf5\xc4\xc4\xc4\xe7\x9f\x7f\x1es\x80?\xe3\x9c\xcb~\xda+W\xae|\xf9\xe5\x97\xd3\xa7O\xbf|\xf92\x00\xb8\xc7\xaaQJ\x1b\xc7\xd6m\xdd\xb2Q\xdb\xd6\xb1u\xa2\xaaV,W&amp;\xacT8P\n\x8a\n\xa0\x00\xe4\x8b\'\xdc\x05\x84\xe4]\xcf\xb8~\xcdv$\xed\xf4\xd6\x1d)\x1b\xb7\xeeM\xde}0;;\x17\xf2\xcdP1\x99L\xcf&gt;\xfb\xec\xe8\xd1\xa3\xddi\x00\x87$\x14\x1bL\x00EH\xf6\xfaN\x992e\xf4\xe8\xd1\x16\x8b\xc5\xe1p\xc4\xc5\xd6]\xf5[bD\x99\x08##K\xd5&lt;\x1ad\x05\xe8\x86\xa1E\x94J\xde\xbc#\xfe\xd1a\xb6\x8clUU\x19c[\xb7nm\xd1\xa2\x05^\x84\xfe\xc9\xfd\xbb\xcf\x993g\xdc\xb8q\x17.\\\x80\x9b\xe3\x05\x00\xa0U\xcbF=\x1f\xeb\xf4H|\x9b\xba\xd15\xc1l\x01\xe0\xa0\xeb\xa0\x1b\\7\x00\x04\xe7\x02@\xc0\x8d)*\x02\xe0\xc6\x106EUA\xa5`6\x01\xa8\xc0\xf5s\'\xcf\xae^\xbb\xfd\xa7\x9f\xd7\xcb\xa1\xc9p3\xb5\x98L\xa6W_}\xf5\x95W^\t\x0b\x0b\xc3\xaa@\xb1\xc1\x04PT\xe4\xb54o\xde\xbc\x01\x03\x06X\xccf\x87\xd3\x19\xd78:\xe9\xb7D\xab5\x84\xe5\xe6Q\xef(b\xeb\xba\xaeED$o\xde\xd5\xed\xb1\x172\xb3\xf3@\x88\xd0\xb0\xb0\xf5\xeb\xd7\xc7\xc4\xc4\xe0Ta\xbf\xe2\x1e\xa7\x90\x96\x96\xf6\xd2K/%%%\x01\x00UUf\x18f\x93\xf6t\xaf\xae\xcf&gt;\xd3\xbdK|+P\xcd\xa0;\x85\xdd\xc1\x18\'\xc4==\xe5N\x91\xda=CE\x08\xa1(D\xb1\x98\xc1l\x01\x10\xa9\xbbR\xe7}\xfb\xf3\xfc\x85?_\xbe\x92\x0e7\xd3LTT\xd4\xe7\x9f\x7f\x1e\x1f\x1f\x0f8Y\xbdX`\x02(\x12\xf2\xdc=p\xe0@\x8b\x16-\\N\xa7\xc1x\xe9Ra\x07w\xffP\xba|)\x96\x93GU/*\\\xeb\xba\xaeE\x94\xfe\xe3\xe7\xd5]\x1e{\xc1l29]\xae\x06\r\x1al\xdd\xba\xd5b\xb1`)\xccO\xb8C\xed\xacY\xb3^y\xe5\x95\xcc\xccL\xb3\xd9\xect:5\x95\xf6\xeb\xfb\xe8\xe8\x91\xfd\xea7\xa9\x0f\x82\x89\xac\\\xc6\xb9r\x7f\xc3\x94\xb9\x10\x9cqB\x80\x06\x05\x82\x16p\xf9\xec\xd9\xe9\x89K\xbf\x9c\xbe\xf8\xcaU\x9b\xa6i\xba\xae\x03\xc0\xa8Q\xa3&amp;N\x9c(\xab\xa4X\x13-R\x98\x00\n\x9f,L\xd9\xed\xf6\xd6\xad[\xa7\xa4\xa4\x984M\xd5\xe8\xbaU\xb3\x9a\xb5\x8aeY9^\x15\xfd%C7\xd4\x08\xeb\x8c)s\x87\x8d\xfePVV\x06\x0e\x1c8{\xf6l\xbc\xfc\xfc\x81\xfc\x95\xb3\xb2\xb2\xc6\x8c\x193k\xd6,B\x08\x10"8\xef\xdc\xa1\xd9\xfb\xef\xbe\xd4\xbcMs\xd0\x1d,\'\x0f\x08\xa1\xb40\xcb\xe3\x9cs\xce\xb9j1C@\xc8\x85\x93\xa7\xde\x9c0m\xf67?\x01\x80\xc9\xa4\xb9\\z\xeb\xd6\xad\xe7\xcc\x99S\xabV-\xec\x91*R\x98\x00\n\x9f\xbc\xa2F\x8c\x18\xf1\xc5\x17_\xc8\x92\xd4\xec/\xde\x1a\xf8b\x7f#\xfd\xaa\x87\xdb\xfd\xff\x9e\xc1\xb8\x1an\x1d\xf4\xec\xcbs\x16\xfe,s\xc0\x92%K\x9ez\xea)\xcc\x01%\x9b\xfc}\xd3\xd3\xd3\xbbu\xeb\xb6s\xe7N\xb3\xd9\xe4t\xbaB\x82\x03\xdf\x7f\xe7\xa5\x91#\x9e\x05\x85\xb0\xaclR\x94\xe3\xf4o\x0c6\r\xb0\x80%(\xe9\x97?^\x1a\xf5A\xda\x89\xb3r\x86JDD\xc4\xaaU\xabp\x86J\x91\xc2\x04P\xc8\xe4\x15\xf5\xc7\x1f\x7ft\xe9\xd2E^N\x83\xfa&gt;\xfa\xf5\x82O\r\x9bM\xf5\xbe\xb2\xbf\x9b\xe0\x82\xab\xd4\xe12Z\xb5{\xe6\xc0\xc1\x13\x94\xd2\x88\x88\x88\xfd\xfb\xf7\x97)S\x06p\xb1\xa0\x12J\x06\xd6\xe4\xe4\xe4\xbe}\xfb\x1e;v, \xc0b\xb7;\x1a7\xac=+\xf1\xbd\xd8\xb8X\x9e\x99\x0e\x02\x94B-\xf5\xff\x1d!\x043\x98\x1aa\xbd~\xf1\xca\x8b#\xdeY\xfa\xfdj9`:$$d\xca\x94)\x83\x06\r\xc2\x1cPD0\x01\x14&amp;\xd9\xd3e\x18FLL\xcc\xb1c\xc7\x14\x85T\xabRa\xdf\xae\xef,&amp;Ma\xcc\xcb\xdb\xd3\x99\xc1hX\xc8\xbem\xfb\x9awz\x0e\x04q\xe9z\xff\xfe\xfd\xe7\xce\x9d\x8b\x95\x80\x12I\xfe\xac\xc9\xc9\xc9\xf1\xf1\xf16\x9bM\x06\xdcA\xfd\x1e\x9b\xf2\x9fq!\xa1AFfv\xf1\xd7V\x99aP\x8b\x05\xcc\xa6)\x93f\x8f\xfe\xd7$\xb9\xec\xa1\x10\x02g\xa8\x14\x1d,\xd9\x15&amp;\xd9\x996i\xd2\xa4\xb4\xb44MS\x19\xe3_~\xf6\xef k\x18\xb8t/\x8f\xfe\x00@Ujdd5j\xddl\xec\xc8~.]7\x9bM\xf3\xe7\xcf\xdf\xb8q\xa3{\x14 *1d\xf4?p\xe0\x80\x8c\xfe\x9a\xa6\xb9\\\xae\xb7_\x1f\xfa\xf5\x9c\x0fB,\x1a\xcb\xca\xf1H[%UU\xe1r\xb1\xec\x9cQ\xaf\x0e]\xb2`\xa25&lt;X\x080i\xda\x90!C\xe6\xcd\x9b\'\x170/\xfe\xa3*\xd9\xb0\x06Ph\xe47\x99\x9e\x9e\x1e\x15\x15\x95\x99\x99\xc9\x18{\xb2\xc7\x83K\xbf\x9b\xca\xb2\xb2|\xa5\x04-\x84\xe0\x94\xe6\xe69\x9a\xb4x\xea\xd4\x9f\x17\x19c\x1d:tX\xb7n\x1d\x0e\xc8+Id=5##\xa3C\x87\x0e\x07\x0e\x1c\x90e\xff\x99S\xc7%\x8c\x18\xcc2\xaf*@\xc8\xbd,A[\x98t\xdd\xd0"J\'o\xde\x1e\xff\xe80[F\x8e\xaaR\x93\xc9\xb4~\xfd\xfa\xb8\xb88&lt;\x15\x0b\x17~\x95\x85FN\xa1\x9c:ujzz:!`6i\xef\xbf=\\0\xc3\xfb\xcb\xfen\x84\x10\xe1\xd2CK\x97~\xf3\xd5\xe7\x19c\x9a\xa6\xae_\xbf~\xed\xda\xb5\x8a\xa2`%\xa0dp\xaf\xe7\xdc\xbd{\xf7\x03\x07\x0e\x98\xcd\xe6\x9b\xd1\x7f\x80\x9e~\x99\x12\xc5\xe3\xd1\x1f\x004M\xd5\xaf_\x89k\xd34\xe9\xe7\xe9\xd6\xf0`\x00p\xd8\xed\xf1\xf1\xf1\'O\x9e$\x84\xb8\xb7\x19@\xf7\x0f\x13@\xe1\x90\x0b\xfe\xe4\xe4\xe4L\x9f&gt;\x9d\x10b\x18\xacw\xaf\xf8Z\x8d\xa2yN\x9eo\x15X\xa8Jyv\xe6\xd3}\xba\xd7\x89\xaa\xca\x0c\x06\x00\x9f~\xfa\xa9\xa7\x0f\n\x15\x1a\xd9\xf8\xf3\xca+\xafl\xdb\xb6\xcdb\xb18\x9d\xceQ/\xf6I\x181H\xb7]\xd34\x15&lt;\x1f\xfco\xd0L\x9a~==\xaeM\x8b\xc4io\xca\xd5sm6[\xdf\xbe}e\xf6\xc2v\x8b\xc2\xe2K\xb1\xc9\x9b\xc9\xe5\x0c\x7f\xfe\xf9\xe7\xcb\x97/\x13BT\x95\xfekt\x7f\xa1\xbb\xbc\xa1&lt;uW\x08\x007\x9894\xf4\x95\x91\xcfr!(U\xd6\xad[w\xe2\xc4\tJ)\x96\xbc|\x9d\\\xdds\xf9\xf2\xe5S\xa6L\xb1\x98\xcd\x0e\x87\xa3\xd7c\x9d&amp;O}K\xcf\xb8\xa6R\xaf\xeb_\xd5L\x9a\x9e~\xf5\x89\xbe\xff\x98\xfc\xe1h\x87\xd3i1\x9b\xb7o\xdf\xfe\xca+\xaf\xe0\xa9X\x880\x01\x14\x0e\xb9\xb2Ubb"\x00p\xce\xdb\xb7n\\\xa7a]\x91g\xf7\xad\xe2\xbfD\xa9"\xec\xb9\x8f?\xde\xa9Li\xab\x10`\xb7\xdb\xe7\xcf\x9f\x0f\xf9v\xf8C\xbeH\xb6\x9e_\xb9re\xf8\xf0\xe1TQ\\\xba^\xbdj\xc5\x993\xdf\x11N\x87\xfa?Vs\xf0\x18MS\x8d\xcc\xf4Q\xaf\x0e\xe9\xf5X\'\x87\xd3i6\x9b\xa7L\x99\xb2f\xcd\x1a\x1c\x98PX|/&lt;y!yi\x1d?~|\xd3\xa6M2\xe2\xbf&lt;\xe2Y\xa2\xa9&gt;ZO%\x840\x87\xabT\xe5\x07\xfa?\xd3]vl,\\\xb8\xd0\xe5r\xf9JW6\xfaKr\xa3\xae\x91#G^\xb9rE\xa1TQ\xc8\xb7\xb3?\xb0\x96\x89\xe4\x0e\xaf\xae\xa7R \xdc\xe1\x989\xf3\x9d\x1a\xd5*\xe9\xba\xae(\xca\xd0\xa1C\xb3\xb2\xb2\xf2\xafJ\x8d\xee\x19&amp;\x80B \x8b\xc6?\xfe\xf8\xa3a\x18B\x88re#\xdb\xb4m,\xf2\xf2\xeeiC_\xaf@\x08\x11\xcc\xf9\xc4c\x9d\xe4R_\'O\x9e\xdc\xbd{7!\x04\x8b]&gt;J6\xfd\xff\xfe\xfb\xefK\x97.5\x994]\xd7\xc7\xbd2\xa8y\xc76\x86-\xd3\x0b\xd7&amp;\xc9\x8f(D8]\xd6\xb2\xa5g|\xfe\x06\x80PU\xf5\xc4\x89\x13\x1f\x7f\xfc\xb1{5it?0\x01\x14\x02EQ\x84\x10+W\xae\x04\x00!D\xb7.\xadB\xcb\x96\xe1\xbe0\xf6\xff\xefP\xaa\x80\xdd\x1e\x1b\x17S\xbb\xd6\x03r\xcd\x96U\xabV\xc1\xcd\xa1\xae\xc8\xb7\xc8\xb2\xbf\xd3\xe9|\xe9\xa5\x97\x14E\xd1u\xa3v\xad*\xaf\xbf\xf1\x02\xcb\xb6yy\xf4\x97\xa8J\r\x9b\xads\xf7\x07\xfb\xf5~\xd8\xe5ri\x9a6i\xd2\xa4\xa3G\x8fb\x0e\xb8\x7f\x98\x00\xee\x97\x1c\xffc\xb3\xd9\x0e\x1c8 \x03\xfe\xe3\x8ft\xc8\xb70\xba\xafb:3\x85\x84u\xeb\xd2Z\xde\xdd\xbcy3\xe0\x9a\x10\xbeI6Q.Y\xb2\xe4\xe8\xd1\xa3\x94*B\x88\xcf?\x19\xab\x05\x05\x80\xd7\xcfNwS(\xe5\xf6\xdc\x8f\xde\x1b\x1d\x19\x19\xc69w\xb9\\\x1f~\xf8!\xb6\x02\xdd?\xbc\x9e\xef\x97,\x83\xec\xdd\xbb7==\x1d\x80\x04\x07\x054iT\x17\x9cN\xdfm\xff\x91\x08!\x00\xac]\xeb\xc6\x00@\x08\xec\xdb\xb7\xef\xda\xb5k\xb2\xae\xe3\xe9CCwA\x16P\xecv\xfb\x07\x1f|\xa0(D\xd7\x8d\x0em\x9b&lt;\xf4h\'\x96\x95\xedC\x9d:\n!\xdc\xe1(W\xad\xea\xc8\x84\xa7\x19c\xaaJ\x17/^|\xf8\xf0a\x1c\x11t\x9f0\x01\xdc/\x19\x10w\xee\xdc)\x87\'\xd7\xaa\xf9@\xf9j\x15\x84\xd3\xe5+e\xab\xbfC\x08\x01\x97\xb3il\xdd\x80\x003\x00\xb1\xd9lG\x8e\x1c\x01\x1c\x0b\xe4kd7\xfe\x9a5k\x8e\x1e=\xaa(TQ\x94\xb7\xff\x95\x00\x84\x80\xaf\xe5qJ\xa9\xb0g\x8fx\xb1\x8f\x1c\x9c\xe6t:g\xcd\x9a\x05xB\xde\x1fL\x00\xf7K\x06\xfa\xdd\xbbw\xcb\xbb\xb1\rjSs@\t8)\x15\x85\x08\x97^\xbaB\x99\xaa\x0f\x94\x97\xb9m\xdf\xbe}\x80\xdd\x00\xbeF\x9e\x9f3f\xcc \x84\x18\x86\xd1\xb8Q\x9d\x0e\x0f\xb5\xe19\xd9\x85\xbb\xb8\x7f1\x90\x83\xd3"+W\xee\xd7\xfb\x119\xedf\xd1\xa2E999\xaa\xaa\xe29y\xcf|\xec$\xf0B\x8a\xa2\xe8\xba~\xf2\xe4Iy7\xaaf\x15\x00\xa5d\x9c\x90\x82qshp\xd5\x07*\xc8\xbbiii\x9e=\x1et\xb7d\xeb\xff\xb1c\xc7\xd6\xacY#3\xc1\x88\x84\'A\xd3\x04\xf3\xc9\x13TQ\x14\xa1\xdb\x07?\xf7x@\x80\x99\x10r\xf1\xe2\xc5\x15+V\x00\x00\x0eN\xbbg\x98\x00\xee\x8b\x1c_\x91\x93\x93s\xea\xd4)\xf9Hl\xc3\xda\x00\xbe\xb4\xfe\xcf\x1dp.@\xd0&amp;\x8d\xea\xca\xbb\x07\x0e\x1c\x00\xec\x07\xf6)\xee\x01\xcav\xbb]\x0eP\xee\xd5+^\xe4\xe5\x16\xcf*\xff\x85NQ\x88\xc8\xcd\xab\xdb4\xa6S\xbb8\xf9\xd1\x16.\\\x08xN\xde\x07\xfc\xe2\n\x81,\x80\xc8\x98\xaf\xfaN\xc7Z\x81\x90\xff\xdf\x00V.\xc3\xe2\xd9\xc3AwE\xae\xe2\xf7\xddw\xdf\x01\x80\x10"\xfe\xc1\x96A\xa5"\xb9\xd3\x87\x07(s\x01\x02\xc8\x93=\x1e\x04\x00E!\x9b7o\xbep\xe1\x02\x8eM\xb8g\x98\x00\xee\x8b,\x86\x1c:t(33\x13\x80\x84\x04\x07\xd6\xac\xf1\x00\xf8~\x0f\xb0$\x07\x025j\x10%\xef\xca\x8f\x89\x17\x9b\xaf\x90\xe3\x7f.]\xbat\xe0\xc0\x01B\x08!\xf0T\x8f. \x04\xf8\xf2\xc9I\xa9B\x9c\xf6\xf8.-\xc3B\x83\x01 ++k\xc7\x8e\x1d\x80]\xc1\xf7\n\x13@!\x90\x13\x80\x85\x10\x9a\xa6\x86\x87\x06\x03\xe7\xbe|\x89\xddBDF\x84\xcb[\xf2cz\xf4`|\x8c\xdc\xf0\xd60\x0c\xc30\x18c&lt;\x1f\xf9\xb8|\xb0\x88\xbeU\x19\x13\x93\x93\x93\xf3\xf2\xf2\x00\xc0\x1a\x1e\xda\xb2ECp\xd8}z\x802!\x84;\\\xe5\xaaUj\x12[\x97s\x01\x00\x1b7n\x04\x1c\x9bp\xaf0\x01\x14\x02wy_\x08a\xb0\x92V\x12qo\xc3T2\xaa5\xc5@n\x0b*G\xaaPJUUUU\x95R\xaa\xe4#\x1f\x97\x0f\xca\xf19\x8c\xb1\xc2\x8db\xf2\xdd\xd6\xad[\'o\xc76\xac\x1d^\xae\x94OOP\x978\x17\xa0h\xed[7\x96w7m\xdad\x18\x86\x0f\xcdi\xf0*^\xb7\x06\xac\xaf\xf3\xf1\x8b\xeb/\xf8z\xbc(N\xb28/\x83;\x00\xe4\xe5\xe5\x1d&lt;x\xf0\xe0\xc1\x83\x7f\xfe\xf9gJJ\x8a\xcdf\x93_\xa6\x10\xa2j\xd5\xaaU\xaaT\x89\x89\x89\xa9[\xb7nTT\x94{\xb7[\xc6\x98L\t\xf7\x7f0r\xa5\x04\xf7\x00\xe5\xe6Mc\x88jf&lt;\xd7\xd7{L\t!\x00\xbcE\\\x0c\x00\x10\x02\xc7\x8e\x1dKOO/S\xa6\x8c\x1c\x91\xe1\xe9\xa3\xf31\x98\x00\nY\xc9;\x05K\xde\'*\nr\xa7-Y\x0e\xcd\xca\xca\xfa\xe9\xa7\x9f\xd6\xad[\xb7f\xcd\x9a3g\xce\xdc\xf9\x85\x94\xd2\xda\xb5k?\xf4\xd0C\xdd\xbau\xeb\xdc\xb9\xb3|\x87\xfbO\x03\xee\x1d\x8a\x8e\x1d;&amp;\x1fi\xdc\xb0\x0e\x80\xcf\xac\xfdp\x07r\x8ab\xdd\xa8\xaa\x81\x01\x16\xbb\xc3\x99\x93\x93s\xe2\xc4\x892e\xca\xb8\xbf\x7fTp\x98\x00\n\x81ll%\xe4F\xdd\xbf\x84\xd5\x02t\xfdF\x13\x10\x8e\x02\xfa;r\xadMJ\xe9\x91#G\x16/^\xfc\xf5\xd7_\x9f;w\xae\xe0\xaf=t\xe8\xd0\xa1C\x87\xa6L\x99\xd2\xa0A\x83\x11#F&lt;\xfe\xf8\xe3e\xca\x94\x81\x9b\xa3\xf8\xef\xed\x90dq\xf8\xcc\x993r\xe5d\x95\xd2jU+\x02g%\xe0\xdc$\x04\x84nD\x96\x89,U*\xfc\xcc\xd9KB\x88\xc3\x87\x0f\xb7l\xd9\x12O\xce{\x80\t\xe0\xbe\xc8\xeb3***$$$\'\'\'3+\xf7\xd0\xe1\x93\xed\xaaT\xe4\x0e\x17\xa5&gt;\x7f\xa9\t!\x00\xd4\x1d\xbbR\xe5\xdd\xda\xb5k\x87\x86\x86\xe2\xae\xdc\xf9\xb9\x0b\xfeW\xae\\\x99:u\xea\xc4\x89\x13\x9dN\'\xdcl~\x01\x00Ji\xc5\x8aekT\xafT\xa5b\xd9\xaa\xd5*\x0bC\x07B@QR\x0e\xa4]\xbf\x9eq8\xed\xd4\xd5\xab6\xf9V\nURRR\x86\x0c\x192a\xc2\x84w\xdey\xe7\xb9\xe7\x9eSUU\xa6\x96{;0\x00\xb8|\xf9\xb2\xc3\xe1\x00\x80\xe0\xe0\x80\xeaU+\x96\x8c\xf1i\x84\x10n\xb0\xc0\xc8\xd0\x9a\xd5+\x9f9{\t\x00\xfeg5\xcb#\xfe2!y\xdb\xf7\x8f\t\xa0\x10\x84\x84\x84\xb8\x07Gr!||\x19\xd0[\xb9\x07\xd8\x05\x04\x04\xa8\xaa\x8a\xe3\xed\xdcd)\x9bR\xbat\xe9\xd2\xd1\xa3G\xcb\x01\xe9\xf2\x9f\x08\x81\x87\x1el\xd9\xad[\xbb\x87:4\xab\xfa@\x85\xc0\x880P\x14\x00\x15n,\xc1C\x00t0\x8c\xcck\xb6\x83\x07O\xfc\xben\xe7\x0f+\xd6\xa4\x1cH\x03\x00\x85\xd2\xf3\xe7\xcf\x0f\x1e&lt;x\xe6\xcc\x99_~\xf9e\xe3\xc6\x8d\xef9\x07\x00@ff\xa6\xbc\xe1s\x0b?\xfco\x02\xe8\xcdo;++\x0b&lt;\x1a[e9@F\x00\x92\xcf\xed\xcf\x94\x97\x8f\x1c4(\x9fPX]&gt;\xf7\x06\x13\xc0\xfd\x12B\x98\xcd\xe6\xf2\xe5\xcb\xcb\x8b-\xf5\xd0\x89\x0e\x0fw,\x19\xb5Q9\x0f\xe0\xc0\xa1\xe3\xf2n\xd5\xaaU\x01\xc7\xdb\xdd$kB\x86a\x8c\x1d;v\xca\x94)\x00\xa0i\x9a\xae\xebe\xcbD\xf4{\xf6\xb1~\xbd\x1fn\x10\x1b\r\xaa\x19t\x07\xb8t\x9e\x9dss+sy\xa9\x0bB\x14BHXhH\xab\x8e\xcdZun\xf3\xe6k\tk\xd7\'/X\xf4\xcb\xe2\xa5+]\x0c\xccf\xf3\x8e\x1d;:t\xe80y\xf2\xe4\xc1\x83\x07\xdfC\x97\x80\xfc\x99\xf6\xec\xd9#\xefF\xd7\xa9\x1eV\xae\x14\xcf\xcd+\x19\xb57\xce\x85\xa2\x98\x9a7\xad\xbfz\xdd\x0e\xb8\xb9\x12W1\x87Q9\x9c\x97\x10"\x7f\x9a\xdb\x93\xb4\xec\xf3wg\x05\xd9+\x13\x16\x16\xf6?\xdf\xaa8\x8e\xfe&amp;L\x00\xf7\x85\x10\xc29\x0f\x08\x08\xa8V\xad\x9a\\,3\xed\xf8\x9f\x9e&gt;\xa8B\xa3(\xc4\xb0\xdbO\x9e:/\xefFGG\x03&amp;\x00\x00\xb8\x19\xfdm6\xdb\xa3\x8f&gt;\xbae\xcb\x16\x93\xc9\xe4r\xb9t]\x1f\xf9B\x9fq\xaf\x0f+S\xa9\x02\x18\x0e\x91\x9b\xc7x\xae\xa2\x10\x92o6\xf5-\x84a\xf0l]\xf0lUU\xbb&lt;\xdc\xb6\xcb#\x1d^\x1d3p\xcc\xab\x13\x93\xfe\xd8F\x14%77\xe7\xf9\xe7\x9fONN\x9e&gt;}\xfa\xbdu\x0b\xbb\x07\x17\xa9\xaaJ\x14R\xc2~9M\xfb\xffOWl\x7fT\x06k\xf7\xa0^\xf9\xe0\xd5\xabW\x0f\x1f&gt;|\xe2\xc4\x893g\xce\xc8\xe1^\xb9\xb9\xb9\xee\xeew7Ji\xbdz\xf5\x14Eq\x8f\x01\xab\\\xb9rTTTXXX\xfe\xf9\xf6\xf2\xec*\x9eT\x8d\t\xe0~\xc9_\xabQ\xa3FrG\xb0\xbd)G\x05s\xf9\xf4\\\x1bI\x08ALZ\xc6\xa5k\xc7O\x9d\x95\xe5\x97\x06\r\x1a\x80\xf75b\x16?w\xf4\x8f\x8f\x8fONN\xb6X,\x0e\x87#\xaaF\xe5\xcf\xa7\xbc\x1e\xdf\xbd3\xd8\xf3\x8c\xf4\xeb\nU\x14EQ\xff\xd7%L\x08\xa1\x84\x80\xa2\x08\x00\x9e\x99#\x84\xa8\x17\x13\xb5\xea\xb7\xc4\xa9_,xc\xdc\x7f\xb2s\xedf\xb3i\xc6\x8c\x19\x9c\xf3\x993g\xde\x1ckp\xd7\xf5\x00(\xa1i\xbb8?\x9dl\xe4qO\xe3\x00\x803g\xce\xacY\xb3f\xd3\xa6M\x07\x0f\x1eLKK\xcb\xc8\xc8(\xc8\xfbl\xd8\xb0\xe1\x96GJ\x95*U\xaf^\xbd\xd8\xd8\xd8\x8e\x1d;\xb6n\xdd:22R\xbe\xbflS*\xea:\x01&amp;\x80\xfb%\x7f\x9e\xa6M\x9b\xca\xdbG\x8e\x9eJ?\x7f%\xb2\xb4U\xe8\xbe\xbd$\x1c\xe7\x82\x9a\xcd\x07\x0e\x1e\xcf\xc9\xce\x03\x80\xa0\xa0\xa0z\xf5\xea\x81\xdf\'\x00\xd9t\x9b\x9e\x9e\xde\xb5kWw\xf4\x7f\xaa\xe7\x83_}\xf9vD\xb92\x86-\x9dR\xaajw}Y\x91\x9b\xcd\xf4&lt;\'\x0f\x08\x8c\x1c\xf5|\x9b\xd6M\x06\x0f~c\xef\x814\x8b\xc5\x92\x98\x98\x08\x003g\xce\x943\x9e\xee\xe1\'(\x89\xf1\xbf\x98\xb2\x9a,\x92\xcbY{\x00p\xe8\xd0\xa1\xdf~\xfb\xed\x87\x1f~\xd8\xb7o\x9f\x9cb}\x9f\xae]\xbb\xb6a\xc3\x86\r\x1b6L\x992%22\xb2u\xeb\xd6={\xf6|\xf0\xc1\x07+U\xaa$\x9fp\xcf?zA`\x02\xb8_2]7o\xde&lt;(((//\xefZz\xe6\x81\xd4c\x1d\xba\xb5\xe3\xcel\x9f\x1e\x08$\x84\x00\xa2n\xda\xba\x97\x0b\x01\x00u\xeb\xd6\xadX\xb1\xa2,\x92x\xfa\xd0&lt;F\x16\x03\x01\xa0{\xf7\xee\xc9\xc9\xc9\x16\x8b\xd9\xe1p$\xf4\xef1s\xeeG`\xb73\x9b\xed\xfe\xdb"\xe4:\x9dF\xfa\xd5\xd8\xa6\xf5\xd6\xfc1\'\xbe\xeb\xf3\xc9{\x0f\x07X,\x89\x89\x89AAA\x93\'O6\x0c\xa3\xe0\x7f\xc5\x1d"U\xaa\x94\xb0\xd1\xc9\x90\xaf\xe5\xa7\xe8\xd6\xd2\x90\xd3\xfa\x14E\xb9|\xf9\xf2\x8a\x15+\xe6\xce\x9d\xbbs\xe7N\xf7\xdc\xf8\xfc\x02\x03,\x91\xa5\xac5kTn\x18]#&lt;"\x9c\x024kZ_\xd3\xa8\x10\x82\x00\x11B\x10\x95f\xa4g\xee?\x90FT\xed\xcf\xd3\xe7N\x9c:{8\xed\xcf\xf4\xf4\xcc\xfckY_\xbf~}\xc5\x8a\x15+V\xac\x08\t\t\xe9\xd8\xb1\xe3\xe0\xc1\x83\xbbv\xedj2\x99\xa0\xc8\xd2\x00&amp;\x80\xfb%\x9bG\xca\x95+W\xbbvm\xd9\xe7\xb6j\xf5\xd6\x12\xd0\x0f\xacP\x85\xbb\xec\xab\xfe\xd8&amp;\xef\xb6n\xddZ\xf6y\x16g{\xab\xb7\x91\x8d\xbf\xa3G\x8f\xde\xb6m\x9b,\xfb\'\xf4\xef1s\xce\x87,+\x87\x08N\x0b\xef\x9bQ5\x8dedY\xc3C\x92V\xce\x8a\xef\xf6|\xf2\xde\xc3\x16\xb3y\xca\x94)m\xda\xb4y\xe2\x89\'\n&gt;.H\xd34y#3+Gw8U\xdfo\x99\x94\x08\x01\x10\xfczz\x86\xbc\xeb\xfe\x98\x85%\xff\xb4\xbe\xd4\xd4\xd4y\xf3\xe6\xcd\x9f?\xff\xf2\xe5\xcb\xf0\xdf5\xe0\x88\x88\xb0F1Q\xedZ7n\xd5\xbcA\x9d\xa8\xaa\x91\xa5\xac\x81\x91\xe1@T\x00\x05@\x00\xdc\x9e\'HO\xa0\x00\x04\x80\x81\xee\xca\xbc\x96q\xfe\xd2\x95#i\xa77m\xd9\xbbe\xdb\xbe\x83\x87N\xe4\xe5\xd9\xe5\xd3\xb2\xb3\xb3e&amp;\xa8_\xbf~\xff\xfe\xfd\xfb\xf5\xebW\xb6lY(\xd4\x89\xe27\x0e\xc8\xd7\xe3\x947\x90aq\xec\xd8\xb1\x93&amp;M\x02 Q5+\xa7\xec\xfe\xce\xa4\x10\xdf\xedt\xe3\\(\x81\x96\xa3\x07\xd2\x1a\xb4x\xda`\x9cs\xfe\xf3\xcf?w\xef\xde\xfd~\x86$\xfa:\xf9\xd9\x97/_\xfe\xe4\x93OZ\xccf\x87\xd3\xd9\xeb\xb1N\xcb~\xfa\x8aee+B\x90"\x88\xad\x9c1%0\xc0f\xcbj\xda\xe2\xe9\xd3g.*\x8a\x12\x12\x12\x92\x9c\x9c\\\xbdz\xf5\xffY\x15\x93G\xbbz\xf5\xea\x87\x1ez\x08\x00\xc2B\x83N\xa5\xfeb-\x15\xee\xeb-\x93\x12\xe7\\\t\t\xea\xd0\xbe\xdf\x86\xcd{\x00\xe0\xcd7\xdf|\xe7\x9dw\n\xabt\xe2~\x9f\xd4\xd4\xd4\xc9\x93\'/X\xb0\xc0\xe5rA\xbe\xb9\x1d\x95*\x96\xed\xd2\xb9E\x8fG;\xb5n\xd10\xb2|)\xa0f\x00\x03\x9c.0\x187\x0c\xce\x05\x80\xb8\x99)n\xf9\xaae\xb8\x15D\x8e\x0c\xd0T\xd0T\xd04\x00\x05\x9c\xf63\x7f^\\\xbba\xe7\x0f+\xd6\xae\xdf\x90\x9c\x95\x9d\x0b\x00\x94RY?([\xb6\xec\xb0a\xc3^x\xe1\x05w\x1a(\xac\xcb\xd0\x7f\xab\xf3\x85H\xfe\xd4\xbdz\xf5\x02\x00E!\xc7O\x9eM\xd9s\x88\x04\x062\x9f]\x18\x8es\x0eZ\xc0/\xab6\xb9tC\x08Q\xb6l\xd9\xf6\xed\xdb\x83\x1f\xef\xbc!\x03nzz\xfa\xf0\xe1\xc3\x15Eq\xe9z\x8dj\x95f\xce|\x87\xe7\xe5\x11\xc1\x8b"\xfa\x03\x80B)\xcb\xcd\xb3\x96\x89\xfcv\xf6\x07r4\x91\xcdf{\xe1\x85\x17\n\x1e\xc1e\x98 \x04\x08Q\x0c\x83\x95\x9cV \x02\x9cqw\xd9\xb5\xb0NK\xd9\xe6\xa3\xaa\xea\x95+W^z\xe9\xa5&amp;M\x9a\xcc\x9e=\x9b\xb1\x1b\x05yM\xa5\x8fu\xef\xf0\xd3\xb2)\x87v\x7f7{\xde\'\x8f\xf5\x8a\x8f\x8c\x0c\xe39y\x86-\x9deds\x87K0\xa6(\x8a\xaa\xd2\x9b\xab\xffQJ\x95\xff\xfe\x8f\xca\x7f\xa5\x94*\n\x11\x86\xc1\xf3\xec,#\xd3\xb0\xd9\x84\xd3\xf5@\x95\xf2\x03\x12\x9e\xfei\xc5\x97\x07\xf7\xfe0\xf3\x8b\xb7Z\xb5h(\xa3?\xa5\xf4\xf2\xe5\xcb\x13&amp;Lh\xd8\xb0\xe1\xd4\xa9Se[Pa-\x1d\xe8\xa7\xd7s\xe1\xa2\x94\n!bcc\xeb\xd5\xab\xc79\xe7\\|9k9\x10\x05|n\xe3m\x00\x00\x10\x00T\xa3\xf6\x8c\xf4\xaf\xbf\xf9I6p=\xf6\xd8c!!!ryKO\x1f\x9dg\xc8a\xda\x9f}\xf6\xd9\x95+W\xe4l\xb8\x19\x9f\xbfa-[Z8]E\x9a\x14\xa9\xaa\x1a\xb6\xcc\xe6\x1d\xdb\x8c{e\x90\xae\xeb&amp;\x93\xb6z\xf5\xea\xdf\x7f\xff]\xee\xf4r\x87\x17\xca_\xaaf\xcd\x9a\x81\x81\x81\x00$3+\xe7\xd8\x893`6\xc9%\x94}\x9a\x10BQ\xd5\xdc\xeb\x19\x87\x8f\xde\xd8\x86\xaf~\xfd\xfap\xdf\xc3\x13\xdc\xad+s\xe6\xcc\x89\x8d\x8d\x9d:u\xaa\x0c\xfd\x8c\xf1\xb2e"\xc6\xbf\xf9\xc2\xbe]\xcb\x7fZ\xf1\xd5c\xbd\xba\x86\x84\x042[\x06\xcb\xc8\x14\xba!#\xfe\xcdE]\xef\xee\x00\xe4\xf8`\x99\x15\x08!\xdc\xe92l\x19&lt;3\xa7R\xa5\xb2\t/\xf6\xdd\xb2\xfe\x9b-\xeb\xbe\x19\xf4\\\x0f\xaa\x10\xb8\x99\x06^z\xe9\xa56m\xda\xacY\xb3F\xf6\x07\xdc\xff\xacLL\x00\x85\x831f2\x99\x06\r\x1a\x04\x00\x8a\xa2,\xfba\xf5\xe5Sg\x14\x8b\xd9\x17[\xd8\xb8\xc1Ip\xf0\xba?\xb6\x1e&gt;zJ\x0ezKHH\xf0\xf4Ay\x92l\x0e&gt;y\xf2\xe4\xc4\x89\x13UUu\xb9\\\xc3\x13\x9e\xec\xdc\xfdA\xc3f\xa3j\x917\x88Q\x95\xb2l\xdb\xeb\xe3^l\xd2\xa8\x8e\xae\x1b\x84\x90Q\xa3F\x19\x86q\xe7\xc4#\x83Q\xa9R\xa5"##\xe5\x1c\xb4\xe3\'\xce\x02\xa1\xbexB\xdeB\x08\x00\x93v\xe1\xc2\x95\xec\xec\\B\x88\xaa\xaa\xd5\xabW\x87\xfbH\x00r\xdb\x06JiZZZ\xd7\xae]\x07\r\x1at\xe1\xc2\x05J)c\xbcl\xe9\x88\xf1o\xbe\xb0\x7f\xd7wo\xbf\xf3r\x9d:\xd5xf\x16\xcb\xc8\x14\x06\xa3*-\xf4.Y\x85\x10U\xa5\nU\x84\xd3\xc5l\x19\xc2\xe9j\xd5\xae\xc9\xd7\xf3&gt;\xde\xbdm\x89;\rh\x9a\xb6c\xc7\x8e\x07\x1f|\xf0\xa5\x97^\x92\xbb3\xfde\x8f\xf4]\xfc\xd1B:x\x7f\'\xeb\xda}\xfa\xf4\t\n\n\x02\x80\xdc&lt;\xc7\xf4Y\xcb\x89%\xc8\x17[\x81\x88\x02`\xb0O\xa7-\x94E\x8c\xc6\x8d\x1b7i\xd2\xc4\x9f\x97Z\x94As\xde\xbcy.\x97\x8bs^\xa6\xb4\xf5\xdd\xf1#\xb8=\xa7x\xbe\x10B\x08\x18L\x0b\x0c\xf8\xf4\x83\xd1\x84\x80\xa2\x90#G\x8el\xd8\xb0\x81\x10r\x87J\x80\xfc\xed\x02\x03\x03\xeb\xd6\xbd\xb1\xa5\xf3\xee}\x87ok\x92\xf6IB\x08PM\x07\x0f\x9ft8]B\x88\xf0\xf0\xf0\x9a5k\xc2\xbd&amp;\x00\xf7\xb6\r\xb3f\xcdj\xd6\xacYRR\x92\xd9l\x06\x00\x05`\xe4\x8b\xcf\xec\xdf\xf3\xfd\xdb\xef\x8c.[\xcaj\xd8\xd2y\x9eC\xa1\x85\x1f\xf7oG\x08\xa1\xb2N\x90\x95\xcb22\xea7\x88\xfaz\xde\xc7\xbbw,\xe9\x16\xdfF\xd7u\x00\xd04m\xea\xd4\xa9\xcd\x9a5\xdb\xb2e\x8b\\0\xea\x9e\xf3:&amp;\x80\xc2!\xaf\xc6\xf2\xe5\xcb?\xf1\xc4\x13r\xc2\xc8\xd4\x99K\xd2\xcf\x9d\xa7\x16\x93o\x95\xb9\x18\xe3Jh\xc8\xfa\xdf7\xad\xdd\x90,\x9b\xb6d\xab\xb7o}\x8aB$\x07\x02\xe6\xe4\xe4\xcc\x981CF\xd5~\xbd\x1f\xb1V\xa8\xc0\x1d\xcebk\x10\xa3*\xe5YY\xed\x1fl\xd546\x9as!\x84\xf8\xec\xb3\xcf\xfe\xe7\xabd\xfb@\xcb\x96-\xe5\xdd\xad;\xf63G^\tX\x14H\xae\xa8\xb1i\xeb\x8dU.bbb\x82\x83\x83e\x1b\xdd\xdd\xbe\x95,\xf8ggg\'$$$$$dee\x11Eq:\x9d\x9d;4\xdb\xb4~\xde\xe7_\x8c/\x1b\x19n\xd8\xd2\x85\xae\xab*-\xfe\x0e0\x85*\x94R\x9egg\xb6\x8c\xfa1Q\xbf\xfd6s\xd17\x9fD\xd5|@\xd7u\x93\xc9\x94\x96\x96\xd6\xa1C\x87)S\xa6\xdcOs\x90\xcf\x9f\r\xdeC\x9e\x7f\xaf\xbf\xfe\xba\xd9lV\x14\xe5\xfa\xf5\xcc\xcf\xfe\xf3\r\t\xf0\xb5J\x00\x01\xae\x1b\xe3?\x9c)O\xa9\xda\xb5k?\xf3\xcc3\xfe&lt;\xfc_\x96\xb2W\xacXq\xf9\xf2eB\x88\xaa\xd2\x81}\x1f\x15\xba\xa3\x98\xbf\x10\xce\x05h\xa6\xe7\xfb\xf7\x10BP\xaa\xac[\xb7\xee\xf8\xf1\xe3\x94\xd2;\\\xf6\xf2\x84l\xdf\xbe\xbd\\\x98\xec\xf0\xd1S\x97\xcf\\$f\x1f+\x91\xdc\x8eR\x85\xbb\xec\x9b\xb7\xed\x93w\xdb\xb7o\xef\x1e\x9fsWdo\xea\xde\xbd{;t\xe80k\xd6,\xb3\xd9$\x84\x08\x0e\xb4|\xfe\xd9\xbf\xff\xf8}v\xf3\x96\xb1\xccf\x13\xba\xae\xaa\xaag\xbb\xbe\x14E\xa1*\xe5\xb9v\x9e\x95\xd3\xbb\xdf\xe3;\xb7.\x1e\xf9B\x1f\x97\xcb\x05\x84\x08!F\x8f\x1e\xfd\xf4\xd3O\xdbl\xb6\xff\xd9-\xf4\xd7o^\x14G\xec\x9f\xe4\x0fP\xbbv\xed&gt;}\xfa\x18\x86\xa1i\xea\xc4\xcf\xe7\xa7\xedMUC\x02\xb9\x8f\xe4\x00C7h\x98u\xfe\xec\xe5\x1b6\xef1\x994\xce\xf9\xeb\xaf\xbfn2\x99\xee\xadxU2\xc8\x0f\xbej\xd5*\x00\xe0\x9cwh\xd3\xa4^\xe3z"\xcf^\xcc\t\x80RE8\xf2z\xf6\xe8\\\xb6L\x84\x10`\xb7\xdb\xe5^\xb8w\x08|\xf2\x08\x1b6l\x18\x1e\x1e\x0e r\xf3\x1c\xab\xd7\xed\x00\xb3\xc5\xc7J$\xff\x8dsA\x02,\xc7S\x8f\x1f8t\\~\xc0\xb6m\xdb\xc2\xdd\xb7\xff\xc8\xb1\x9e\xc9\xc9\xc9\x9d;w\xde\xb3g\x8f\xd9lv:]\x8d\x1b\xd6\xde\xb0v\xde\xc8\xd1\xcf\xf3\xbc&lt;\x9e\x9d+\xdba\x8a\xe4c\xdc=EQ\x14\xaa0[FX\xa0\xe5\xf3/\xdfY\xb2`bdx\x08c\xccb1/]\xba4&gt;&gt;&gt;==\xdd=l\xf4.\xde\xb6\x88\x0e\xd7?\xc913\x1f~\xf8\xa1\xd5j\x15B\xb8\\\xfa\xf0\x97?\x02\x85ro9\x8b\xee\x84sN\x03\x03\xae\x9e9\xfb\xef\xb7\xa7\xa9\x94:\x9d\xae\xb6m\xdb\xf6\xed\xdb\xd7\x9f\xc7\xfe\xbb\xdb\x7f\xd6\xae]+\x1fy\xec\xe1v\xa0\x99\x8b\x7f,\x8d\xdc\x0c\xbdT\xe5\x8a-\x9b5\x90\xf9x\xc5\x8a\x15p\xc7\xc0\'\xebpV\xab\xb5e\xcb\x96\xb2\xf5\x7f\xd9\x0f\x7f\x00g\x8a\xd7\x04\xb5{\xc09\x07\xcd\xbc\xe2\xb7\x8dN\xa7.\x84(_\xbe|\x93&amp;M\xe0.G\x82\xca\xe8?{\xf6\xec\xce\x9d;\xdbl6\x93\xc9\xe4t:\x9f\x1f\xd0s\xfd\xbaob\x1bG\x1b\xe9\xd7d\xb4-\xb2\x0fq\xef\xa8J\x05c\x86\xed\xfaS}\x1f\xdf\xb6\xe9\xdb\xd6\xcd\x1b8\x1c\xce\x80\x00Krrr\x8b\x16-\x92\x93\x93)\xa5w\xd5-\xec\x8d\x1f\xd2w\xc9\xaah\xb9r\xe5\xde}\xf7]\xc3`f\xb3\xe9\x8f\xf5;\xa7|2K\r\xb3\xdegg}1\xe0\x00\xc4dz\xf1\xa5\xf7.]\xb9\xaePE\xd34w\xf3\xa2\xa7\x0f\xcdcdk\xc9\xb1c\xc7.]\xbaD\x081\x99\xd4.\x1d[@\xb1\xb7\xff\xdc&lt;\x18"\x00\x1e\x7f\xb8\xbd&lt;\xb0\xdd\xbbw\xdb\xedv\xd9O\xf3w/\x91\xa9\xe2\xa9\xa7\x9e\x92\x8dx\x1b\xb7\xee\xb9|\xfa\x1c\xf1\xb5~\xa9\xfc\x14J@w.\xffi\x8d\x9c\xc4\xda\xa5K\x97\xb0\xb0\xb0\xbb\x1a\xa0,\xa3\x7fbb\xe2\xe0\xc1\x83srr\x80\x10\x97\xcb5\xfd\xf37\x12\xe7|\x1cb\xd2Xv\xce=,\xe5T\x9c\xe4\xc0\'\xc3\x96^+\xaa\xca\xfa\xf5\xf3\x13\x06\xf4\xb4\xdb\x1d&amp;\x93\xe9\xd8\xb1cruBUU\x0b\x1em0\x01\x142Y\x0b\x1b&gt;|x\xe7\xce\x9d\x9dN\x97\xa6i\xaf\x8c\x9b\xb2c\xddV5&lt;\x8c\x19w\xddBWl\x0c\xc3P\xc3"\xa6|\x92\xb8\xfc\xa7\xb5\x16\x8b\xd9\xe5\xd2\xdfx\xe3\r\xb9\x1b\x89\xdf\xb6\xfe\xc3\xcd\x06\x96={\xf6\xc8\x81\x16\x15\xca\x95~\xa0ZE\xe1ry$\'*\n\x10\xae7jP[\xd3TB\xc8\xd5\xabWO\x9e&lt;\tw\\\tGV\xdd\x1e~\xf8\xe1R\xa5J\x01\x88\xec\xec\xbc\x19_\x7fG,&gt;\xd3&amp;y\x0b\xc68\t\x0e^\xff\xfb\x96\xe4=\x07\xe5\x82\xbb\xfd\xfb\xf7\xbf\xabwpG\xff!C\x86h\x9a&amp;\x04XC\x83\x97,\x988td\x7f\x96\x91!|\xa7\xb2\xab\xaa*\xcb\xcdS\x19\x9b\x99\xf8\xee\xdb\xaf\x0fu\xb9\\\x9a\xa6\xb9W\xa8\x95C\x83\n\xf2&gt;\xfe{m\x17\x1d\xd9\x104c\xc6\x0c\xd9\x10$\x04&lt;3\xe8\xf5\xf4\xcb\xd7\x88\xc5\xe4\x9d\xdbi1\xc3P\xc3\xc3\xb6\xaf\xdd\xfc\xca\xb8)&amp;Ms8\x9c-Z\xb4x\xfd\xf5\xd7\xfd&lt;\xfa\xbb\x9d={V\xdex\xa0r\xf9@k\xa80&lt;3!\x8e\x10\x02N\xbdJ\xe5r\x01\x16\xb3\x10\xc2\xe9t\xca\xd5i\xee\x90\x00\xe4\xe0\xb4\xd2\xa5K\xf7\xec\xd9\x93sA\x08\x99\xb7\xe8\x17gV\xa6\xa2Q\x9f\xac\x02\x08A\x14u\xe6\xbc\x1f\xe4P\xa8z\xf5\xea\xb5k\xd7N6\xd3\x15\xe4\xd52\xfa\xcf\x9b7o\xc8\x90!&amp;\x93\xa6\xeb\xba5,8\xe9\xd7\xe9O\xf5\xfd\x87\x91\x9eN\xa9\'w\xe6\xba\x07\x94R\xc1\x18\xcb\xcd\x1b\xff\xfe\xbfgN\x1d\xa7\xeb\xba;\x07\x1c8p\xa0\x80\xfd\x01xy\x17&gt;\xd9\x10T\xa3F\x8d\xc4\xc4D\xc304M;y\xfa|\xf7\xc7^ \n\x05J\x85\x97\xe5\x00f0\x1a\x16r\xea\xc8\xc9Gz\xbd\x04p\xa3\xd5x\xe1\xc2\x85\x9a\xa6\xfd\xdd\xb6v\xfeC\xe6\xbf\x03\x07\x0e\xc8\xbb\xd5</t>
        </is>
      </c>
    </row>
    <row r="335">
      <c r="A335" s="1" t="n">
        <v>333</v>
      </c>
      <c r="B335" t="inlineStr">
        <is>
          <t>size_cycle</t>
        </is>
      </c>
      <c r="C335" t="inlineStr">
        <is>
          <t>What is the size of the missing circle denoted with a question mark?</t>
        </is>
      </c>
      <c r="D335" t="inlineStr">
        <is>
          <t>['small', 'large', 'medium']</t>
        </is>
      </c>
      <c r="E335" t="inlineStr">
        <is>
          <t>large</t>
        </is>
      </c>
      <c r="F335" t="inlineStr">
        <is>
          <t>There are circles arranged in a spiral with three arms. The first arm has circles of sizes ['small', 'medium', 'large'], the second arm has circles of sizes ['small', 'medium', '?'], and the third arm has circles of sizes ['small', 'medium', 'large'].</t>
        </is>
      </c>
      <c r="G335" t="inlineStr">
        <is>
          <t>We observe that the circles in each arm progress in size from small to medium to large. Thus, the pattern is that the circles in each arm get bigger as they progress away from the center of the spiral.</t>
        </is>
      </c>
      <c r="H335" t="inlineStr">
        <is>
          <t>Based on the pattern that the circles in each arm get bigger as they progress away from the center of the spiral, the size of the missing part that is farthest from center should be large.</t>
        </is>
      </c>
      <c r="I335" t="inlineStr">
        <is>
          <t>b'\x89PNG\r\n\x1a\n\x00\x00\x00\rIHDR\x00\x00\x02\x00\x00\x00\x02\x00\x08\x02\x00\x00\x00{\x1aC\xad\x00\x00\x8f\x8dIDATx\x9c\xed\xddy|S\xc5\xf6\x00\xf03s\xefM\xd25M\x0bT\xf6\xad\x94}\xa7e\x17\x10\xb0\xb8\x83"\x82\x80\x08R@\x04\x1f\x08\xea\xf3\x89\x0f\x10\xc5\xa7\xa8\xf0\x1e\xe0\x03\x8a,\x02\xb2\xfa\xc3\xed\xa9e\x97\x1d\n\x94\x1d\xda\xb2\t\x08\x14h\xd3\xbdI\xee\x9d\x99\xdf\x1f\x03\xb1\x82"Ki\x92\xe6|\xff\xe0\xd3\xa4%\xbdM\xee\x9d3\xf7\xcc\xcc\x19"\x84\x00\x84\x10B\xfe\x87z\xfa\x00\x10B\x08y\x06\x06\x00\x84\x10\xf2S\x18\x00\x10B\xc8Oa\x00@\x08!?\x85\x01\x00!\x84\xfc\x14\x06\x00\x84\x10\xf2S\x18\x00\x10B\xc8Oa\x00@\x08!?\x85\x01\x00!\x84\xfc\x14\x06\x00\x84\x10\xf2S\x18\x00\x10B\xc8Oa\x00@\x08!?\x85\x01\x00!\x84\xfc\x14\x06\x00\x84\x10\xf2S\x18\x00\x10B\xc8Oa\x00@\x08!?\x85\x01\x00!\x84\xfc\x14\x06\x00\x84\x10\xf2S\x18\x00\x10B\xc8Oa\x00@\x08!?\x85\x01\x00!\x84\xfc\x14\x06\x00\x84\x10\xf2S\x18\x00\x10B\xc8Oa\x00@\x08!?\x85\x01\x00!\x84\xfc\x14\x06\x00\x84\x10\xf2S\x18\x00\x10B\xc8O\xa9\x9e&gt;\x00tg\x84\x107?I\x08)\xf9#A\x08\xf9:\x0c\x00\xdeK\x08\xc19\x97-&gt;)\xe2\xe6\x9f\xe4\x9c\xcb\x9f\x17B\xc8\x1f\xa0\x94bT@\x08\xdd\x1a\xf9\xc3\x1e%\xf2\x14\xce9\xe7\x9c\x10\xf2g-\xb8\xddn\'\x84\xb8\xa3\x82\x10\x82Rj\xb5Z\xef\xe2\xa5\x10B~\x0e\x03\x80W\x90\x8d\xb5\xa2(E[\xea+W\xae\x1c;v\xec\xe4\xc9\x93g\xcf\x9e=x\xf0\xa0\xddn\xcf\xcf\xcfOKK\xbb\xe1\xff*\x8aR\xbf~}Ji\xb5j\xd5\xaaV\xad\xda\xb0a\xc3\xca\x95+GGG\x17\x8d\n\xf2\xf5)\xa5\x94\xe2\xa8\x0fB\xe8\x1a\x0c\x00\x9e$\x93&lt;E{\xe8g\xcf\x9e]\xbf~\xfd\x96-[\x8e\x1c9\x92\x9a\x9a\x9a\x95\x95uw\xaf\\\xa6L\x99\xfa\xf5\xeb7m\xda\xb4S\xa7Nm\xdb\xb6\x8d\x88\x88\x90\xcf\xcb\x9c\x12\xde\x13 \x84\x00\x03\x80\xa7\xc8.\xb9\xaa^\x1b\x839z\xf4\xe8\x0f?\xfc\xb0z\xf5\xea\xfd\xfb\xf7\x17\x14\x14\x14\xef\xef\x8a\x88\x88h\xdb\xb6m\x8f\x1e=\xbat\xe9R\xa9R%\xf9\xa4a\x187\xdcp \x84\xfc\r\x06\x80\x92&amp;\xfb\xe0\x8a\xa2\x00@zz\xfa\xb7\xdf~\xbb`\xc1\x82\xdd\xbbw\x1b\x86q\xf3\x0f\x07\x06X"\xca\xd8\xa2jVn\\\xaffXx\x98\x02\x10\xdb\xa2\x81\xa6)B\x08\x02D\x08AT%+3\xfb\xc0\xa1T\xa2j\xbf\x9c9\x7f\xf2\xf4\xb9c\xa9\xbfdff3\xc6n~\xb5\x90\x90\x90N\x9d:\xbd\xf4\xd2K\xdd\xbau3\x99L\x80a\x00!\xff\x86\x01\xa0\xe4\xc8\x84\x8fl\xfa\x0f\x1f&gt;\xbcp\xe1\xc2E\x8b\x16\xa5\xa7\xa7\xc3\xf5\xe1\\\xf9c\xe1\xe1\xd6&amp;\r\xa3\x1fl\xdb\xacM\xcbFu\xa2\xabE\x94\xb1\x05F\x84\x01Q\x01(\x80\x00\xb89N\x10\x00\x05\x80\x000\xd0]\xd9W\xb3~\xbdt\xf9x\xea\x99-\xdb\x92\xb7\xed\xd8\x7f\xe4\xe8\xc9\x82\x82\xc2\xeb?v\xedW4h\xd0`\xc0\x80\x01\xfd\xfb\xf7\x8f\x8c\x8c\x04\x00\xc6\x18&amp;\x85\x10\xf2C\x18\x00J\x88a\x182\xe1s\xf8\xf0\xe1\xa9S\xa7.^\xbc\xd8\xe5r\x01\x00\xa5TN\xe2\xacT1\xb2k\xe7V\xdd\x9fx\xa8m\xab\xc6\x11\xe5\xcb\x80b\x060\xc0\xe9\x02\x83q\xc3\xe0\\\x00\x88\xeb3\xfeoh\xa9\xe5g(\x08!\x84P\xaa\xa9\xa0\xa9\xa0i\x00\x14\x9c\x85g\x7f\xb9\xb8\xe1\xe7\xdd\xab\xbf\xdd\xb0\xe9\xe7\xa4\x9c\xdc|\x00P\x14E\xde\x1fDFF\x0e\x1b6\xec\xe5\x97_v\x87\x01\x19\x9c\x10B~\x02\x03\xc0}\'\xe7b\x12B._\xbe\xfc\xde{\xef\xcd\x9e=\xdb\xe5r)\ne\x8c\x03\x80\xd9\xa4\xc5=\xdc\xf6\xa5\x01\xdd;\xb5o\x11\x12Y\x16@@a!w\xe9\x9c\x0b\xf7\xbc\xff;\xea\x9b\x8b\xdf\x80\xa2Pb6\x81\xd9\x02\x82\x9d?u\xfe\xc7\xc4\xad\x0b\x16}\xb3}\xe7\x01\xf8}\x18x\xfb\xed\xb7_~\xf9eUU\xf1V\x00!\xbf\x82\x01\xe0\xferw\xab\xe7\xcf\x9f?n\xdc\xb8\x0b\x17.\xb8\x9b\xfe\xc8r\xe1/\x0f}\xee\xb9g\xbb\xd5i\x10\r\x84@A\x01s\xea@\x8ay\r\x17\x17\x823N\t\xa1\x01f0[\xc0\xe9\xd8\xbe\xe3\xc0\xe7\xf3\xffo\xf1\xd2\xef]\xba\xe1\x0e\x03-[\xb6|\xff\xfd\xf7;w\xee\x0c\x00rbRq\x1d\x00B\xc8ka\x00\xb8_\xdc\x19\xff\xd4\xd4\xd4W_}511\x11\xae\xf7\xbb#\xcb\x86\xbf&lt;\xec\xb9a\xf1\xbd"+W\x02\xbd\x90\xe7\x17\x8a\xfb\xbfvW\xc8H\xa0P\x12\x1c\x08T=\xbc\xf7\xf0\xd4\xff,\x92a@\xd34]\xd7\x01`\xe4\xc8\x91\x93&amp;M\xb2Z\xad\xee\x84\x15B\xa8\x14\xc3\x00p_\xb8;\xfes\xe7\xce\x1d;vlvv\xb6\xd9lv:\x9d\x9a\xa2\x0c\x1b\xfa\xdc\xdbo\r\x89\xacT\x01\n\x0b\x0c\x87\x93RR\xc2\xddm\xce\xb8\x00\xa1\x04\x05\x82f:\x9c|\xf8\x8d\xb7\xa6\xfe\x98\xb8\x15\x00d\x18\x88\x8e\x8e\x9e7o^\xdb\xb6m1\x1d\x84P\xa9\x87\x01\xa0\xf8\xc9\xd6?77\xf7\xb5\xd7^\x9b;w\xae\xcc\xe2\x0b\xce;w\x8c}\x7f\xd2\xab-\xdb\xc5Ba\x81\xe1pxv\xfe%\xe7\\p\xa1\x84\x04\x02U\x96-\xf9~\xfc\xbb3RO\x9c5\x99L.\x97KU\xd5)S\xa6\x8c\x1a5\n0\x1d\x84P\xa9\x86\x01\xa0\x98\xc9\xe4Irr\xf2\xe0\xc1\x83\xf7\xed\xdbg6\x9b\x9cNWHp\xe0\xfb\xef\xbe:rD?\xa0\x84\xe5\xe4Q\xc5[z\xd6\x9cs\x10@\xc3\xac\xd9W2\xde\x19?}\xfa\x7f\x97\x02!\n\xa5\x8c\xb1^\xbdz\xcd\x9a5\xcbf\xb3\xe1\xec \x84J+\x0c\x00\xc5I\xb6\xfeIIIqqqv\xbb]\xa6}\x9a5\xae=7\xe1\xbd\xa61Myv&amp;\x08\xa0\x8a\xd7u\xa8\x99\xc1\x14\x93\x06A!+\x96|=|\xe4\xa4\x0c{\x8e\xc5bv8\x9c111?\xfd\xf4Sxx8\xc6\x00\x84J%\xafk\x8c|\x97l\xfd\xe7\xcd\x9b\xd7\xb9sg\xbb\xddn2\x99\x9cN\xe7\xe0\x17{l\xda\xf8E\xd3f\xf5\x8c\xcc\xab\x94R/l\xfd\x01@Q\x15\xc1\x98a\xcf\xe8\xd5\xf7\xa9\x1d[\xbel\xdb\xb2\x91\xc3\xe1\x0c\x08\xb0$%%\xb5j\xd5*))IQ\x94?\\\xa8\x8c\x10\xf2ix\x07P&lt;d\xeb\x9f\x90\x900d\xc8\x10B\x88\x00\x00!f\xfd\xe7\xed\xa1#\x07@~\x1e\xd3u\x9f\xe8A\x1b\x86\xa1\x06\x07\x19\x8c\x0f\x7fyB\xc2\x82\xd5rH\xc0f\xb3%&amp;&amp;\xc6\xc4\xc4\xe0\xd4 \x84J\x19o\xec\x90\xfa\x9c\xa2\xad\xbf\xa6iB\x80-4x\xf9\xe2)CG\x0e`YY\xc2w\xf2\'\xaa\xaa\xb2\xfc\x02\x95\xb19\t\x93\xc6\xffc\xa8\xcb\xe5\xd24\xcdn\xb7\xc7\xc5\xc5%%%\xc9\x95b\x9e&gt;F\x84P\xb1\xc1;\x80{%[\xff\x85\x0b\x17\xbe\xf8\xe2\x8b&amp;\x93\xe6r\xe96kH\xe2\xfff\xc5\xb4med^Q5\xdf\xeb2\x0b!\xb8\x10\x8a\xb5l\xc2\x8c\xcf\x87\x8c|ON\x0f\xb5\xd9l?\xff\xfcs\xc3\x86\rq&lt;\x00\xa1R\x03\x03\xc0=\x91\xadaRRR\xc7\x8e\x1d].\x97a0\x9b58\xf1\x7f\xb3b\xda\xb6\xd0325\x93\xe6\xe9\x03\xbc[\x02t\xc3\xd0\xc2\xcb$\xccX0d\xe4{2\x17\xd4\xb0a\xc3\x9f\x7f\xfe\xd9f\xb3\xe1\xdcP\x84J\x07\x0c\x00wO\xb6\x83\x87\x0e\x1d\xea\xd0\xa1Cvv6\xa54$8 \xf1\xbbY1\xedZ\x18\x99v_\xec\xfb\xdf\xc00\x0c\xd5v-\x06X\xccf\x87\xd3\x19\x13\x13\xb3q\xe3F\x8b\xc5\x82k\xc4\x10*\x05\xb0\x1fw\x97d\xb9\xb5\xfc\xfc\xfc~\xfd\xfa\xd9\xedv\x93\xa6\x19\x86\x910\xe3\x9d\x98v\xad\xf4\x8c\xccR\xd0\xfa\x03\x80\xaa\xaa\xba\xfdj\xfc\x88A\xa3\x86\xf7q8\xaf\xcd\x0b\x1a9r\xa4\xbb\x82\x10B\xc8\xa7a\x00\xb8K2\xf93r\xe4\xc8\x83\x07\x0f\xca\xde\xf1\xac\xa9o=\xd3\xb7\xbb\x91y\xc5\x873?7Q\x15U\xcf\xba:u\xfa;/\xf6y\xac\xb0\xd0a\xb1\x98\xe7\xcf\x9f?\x7f\xfe|\x1c\x10F\xa8\x14\xc0\x14\xd0\xdd\x90\xad\xff\xfc\xf9\xf3\x07\r\x1a$[\xff\x81}\x9f\x98\xb7\xf8S#+S-u\x03\xa4\x82\x0b\xa1\xa9\x0e\x97\xd1\xaam\xefCGO\x9a4M3\x99\xb6o\xdf\xde\xa8Q#\x1c\x0c@\xc8\xa7a\x00\xb8c\xb2\xd5;y\xf2d\xe3\xc6\x8d].\x97\xae\xeb\x8d\xeaEm\xdf\xb6\xd4\xa2)\xd4`\x84\x96\xc2\xcc83\x98\x12\x12|(\xf9h\xeb\x8e\xfd]:\xd3u\xbdi\xd3\xa6\xbbv\xed\xa2\x94\xe2`\x00B\xbe\x0b\xbbowL\xd6y\x1e:th~~&gt;\x00\x04\x07\x07.^09(8\x90\xe8z\xa9l\xfd\x01@Q\x15#\'\xb7aL\x93\xe9S^\xd7u\xddl2%\'\'O\x9e&lt;YQ\x14\xb9\x9d\x19B\xc8\x17\xe1\x1d\xc0\x9d\x91\xc9\x1f9\xeb_\x16z\x9b\xf9\xf1\x1b\xc3\xc7\x0c\xf5\xd1)\xffw\xc40\x98j\xb3=\xf7\xf4\xf0\x15\xab\xd7i\x9a\x06\x00\x87\x0e\x1d\x8a\x8e\x8e\x16B`"\x08!_\x84\x01\xe0\x0e\xc8\x99?\xd9\xd9\xd9\xf5\xea\xd5\xbbz\xf5\x8aa\xb0\xf6m\x9an\xfey\xb1\x91\x9f\xaf\xfaA\x0b\xc8\xb9\x00\x93v\xf5rF\x9d&amp;\xdds\xf3\n\x0c\x83=\xfc\xf0\xc3\x89\x89\x89\xb84\x0c!\x1fU\xfa\x9b\xadb$\xb3\xff\xef\xbc\xf3\xce\xa5K\x97\x08!\xaa\xaaL\xfbp\x0c\x80\xa0\xfe\x11C)%\xc2\xe1,W\xb5\xf2\xa4\xb7\x87\x19\x063i\xda\x9a5kV\xae\\\x89\xb3B\x11\xf2Qx\x07p\xbb\xe4\xde\xee\xa9\xa9\xa9\r\x1a4\x00\x00\xc30F\xc4?;}\xcedf\xcfTT\x7f\xe9\xff\n\x00\x0e \xa8\xda\xaa]\xef}\x07R\x00 **\xea\xd0\xa1C\x9a\xa6]\xdb\xc0\x1e!\xe4;\xf0\x0e\xe0v\t!\x08!\x1f|\xf0\x81a\x18B\x882\x11\xd6w\xc7\x8f\xe0\x85y\xdeY\xe1\xf9&gt;!\x00`05\xd0\xfc\xc9\xe4\xd1B\x08UU\xd2\xd2\xd2\x96/_N)\xc5\xd1`\x84|\x8e\x1f5^\xf7B&amp;\x7f\x8e\x1d;\xb6l\xd92UU\x18c#\xe2\x9f\xb3U\xac\xc0\x1d.\x7f\xeb\xf6*\xaa\xc2rr;tm\xd7\xb1}s]7(%\x93\'O.,,\xa4\x94\xe2\xdd$B\xbe\x05\x03\xc0m\x91\xf9\x9f\xcf?\xff\xdc\xe9t\n\x01e"\xc2F\x0c\xef#\n\xf3\x14\x7f\xea\xfe\xffF\x00P:\xfe\xcdx\x00\xa0TIII\xd9\xb8q#!\x04o\x02\x10\xf2-~\xd9~\xdd!!\x84\xa2(W\xaf^]\xb4h\x11\xa5\x941\xf6J\xfc\xb3\x11\x95+\xf9a\xf7_R\x14\xcass;\xc6\xb5\xef\xd8\xbe\xb9a\x18\x84\x90O?\xfd\x14\x00\xfc\xf3\xdd@\xc8wa\x00\xf8k\x8c1B\xc8\xea\xd5\xab/_\xbeL\x08\t\x080\xbf\xf0\xfc\xe3B/$~0\xf5\xf3\xcfp.@U\x87\xbc\xf84\x00\x10B~\xfe\xf9\xe7#G\x8e\xe0H\x00B\xbe\xc5\x7f\x9b\xb0\xdb\'\xdb\xb5\xb9s\xe7\x02\x10\xc6X\xe7\x0e\xb15\x1aD\x8b\xfcBZJ\xd7\xfd\xde\x0eE\xa1\xa2 \xff\x89\xc7;\x96\x7f\xa0\x8c\x10\xc20\x8c\x05\x0b\x16\x00\x00\x06\x00\x84|\x08\x06\x80\xbf \x87\x7fO\x9c8\xb1\x7f\xff~\xd9\xe2\x0f\x1b\xf44\x00\x11\xe0\xbf\xad?\x00\x10B\x98S\x0f.W\xb6o\xafG\xe4\xd8\xefw\xdf}\xe7r\xb9pE\x18B&gt;\x04\x03\xc0_\x90]\xdao\xbf\xfd\xd6\xe5r\t!\x1e\x88\x8cx\xf0\xc1\x18(,\xf0\xe7\xee\xbfD\x08\x01n\xf4|\xea!J\x08\xa54---99\x99\x10\x82\x8b\xc2\x10\xf2\x15\x18\x00\xfe\x82\x1c\xf5]\xb5j\x15\x00\x08!\xe2\xba\xb4\x0e\x89,\xcb\\:\x0ex*\n\x15\x05\x05Mc\x1aF\xd5\xac\xcc\xb9\xe0\x9c\xbb\xdf%O\x1f\x1aB\xe8\xb6`\x00\xb8\x15Y\xe6,==\xfd\xd0\xa1Cr\xa1k\xaf\xee]A\x08\xf0\xef\xfc\x8f\x1b\xd3\x99)$\xb4\xc7\xe3\x9d\x00\x04\x00l\xdc\xb8\x91s\x8eY \x84|\x05\x06\x80[\x91\xd9\x8cu\xeb\xd6\x15\x14\x14\x00\x80-,\xb4u\xab\xc6\xe0\xf0\xeb\xe1\xdf\xa2\x08! X\xb7\xaem\x08\x01J\xe9\xe1\xc3\x87O\x9c8\x81\x0b\x02\x10\xf2\x15\x18\x00nE\xe6y6l\xd8\x00\x00B\x88\xc6\r\xa3\xc3\x1e(\xc31\xffs\x1d\xa5\x04\x1c\x8e\x86\rj\xd9\xc2B\x85\x10N\xa7s\xfb\xf6\xed\x80s\x81\x10\xf2\x11\x18\x00n\x85Rj\x18\xc6\xc1\x83\x07\xe5\xc3\x8e\xed\x9a\x13\xd5\xc49\xe6\xb8\xaf!\x84p\x97\x1e^\xb1\\\xd3\xc6\xb5e\xea\x7f\xdf\xbe}\x9e&gt;(\x84\xd0\xed\xc2\x00\xf0\xa7d\xf5\xb7\xcc\xcc\xccS\xa7N\xc9\x1e\x7f\xab\x98\x86\x00\x1c\xbb\xffEq.\x88bn\xd9\xa2\xa1|\x98\x9c\x9c\x8c\x1b\x05#\xe4+\xf0B\xfdS2\x8fq\xf2\xe4\xc9\xdc\xdc\\\x00\x12\x18`\xa9\x1b]\r\\N\x0c\x00E\x11B\x00X\xb3\xc6u\xe4\xc3\xd4\xd4\xd4\x82\x82\x02,\x0c\x87\x90O\xc0\x00\xf0\xa7d\x13v\xfc\xf8q\xce\xb9\x10\xa2l\x99\xb0\x88r\x11B7\xb0\xfd/\x8a\x10\x00\xcejT\xab\xa8i*!$\'\'\xe7\xec\xd9\xb3\x80\x93A\x11\xf2\x05\x18\x00\xfe\xc2\x993g\xe4\x17\xd5\xabU\x0c\x8c\x08\x15\x06\xc3;\x80\xa2\x08!\xe0tU\xafZ!(\xd0"\x84p8\x1c\x97.]\x02\x0c\x00\x08\xf9\x02\x0c\x00\x7fJ&amp;\xb2\x0f\x1f&gt;,\x1f6i\x18\r\xa0b\xbbv\x03B\x880\x8c\xa02a\xb5jV\x91\xcf\x1c:t\x080\x00 \xe4\x0b0\x00\xfc\x85\xcc\xccL\xf9E\xb8\xcd\n\x84b\xb3v3\xc1\x85f1\x87\x86\x04\xc9\x87YYY\x1e=\x1c\x84\xd0\xed\xc2\x00p+\x86a\xe4\xe7\xe7\xcb\xaf1\xf3s+B\xb8g\xfedgg\x03\xbe]\x08\xf9\x02\x0c\x00\x7fL\x16\x81\xc8\xc9\xc9IMM\x95\xcf\xb4l\xd1\x00\xc0\xc0v\xedf\x9c\x0b\xa0\xa6\x96-\x1a\xc8\x87{\xf7\xee\x05\x0c\x00\x08\xf9\x02\x0c\x00\xb7B\x08qwl5M\xf5\xec\xc1x9\xf7\xfb\xa3\xaa\xf8F!\xe4\x1b0\x00\xdc.\x1c\xd5\xbc5\xf7\xfb\x83o\x14B\xbe\x02\x03\x00B\x08\xf9)\x0c\x00\xb7\x0b;\xb6\xb7\x86\xef\x0fB&gt;\x07\x03\xc0_p\xb7k\x98\xda\xbe5\xf7\xfb\x83\x91\x00!_\x81\x01\xe0V\x08!\xeev-#3\x0b\xf7\x81\xf9C\x84\x00\x08\x9e\x91\x99%\x1fj\x9a\xe6\xd1\xc3A\x08\xdd.\x0c\x00\x7fL\xeejb\xb5Z\xeb\xd7\xaf/\x9f\xd9\xb7\xff8\x80\x82\xdd\xdb\x9b\x11B\x80\xeb{\x0f\x1c\x97\x0f[\xb5j\x05\xb8%\x00B\xbe\x00\x03\xc0\xad\x14\xdd\xdc* \xc0\xec\xd9\x83\xf1j\x8ab1\x9b\xe4\x97\x18#\x11\xf2\x15\x18\x00\xfe\x94l\xc8\xa2\xa2\xa2\xe4\xc3\x13\xa7\xce\x83`\xb8\xbc\xe9fD\xa1\x8e\xec\xbc\xf3\xbf^\x96\x0fk\xd6\xac\t\xb8\x10\x0c!_\x80\x01\xe0O\xc9\x00P\xa3F\r\xf9\xf0x\xeain\xb8\x08nu\xf2{B\x08\xa2\xaa9W\xed\xe7~\xbd$\xdb|\xf7;\x86\x10\xf2r\xd8\x9c\xfd)\xd9\x87\xadS\xe7\xdaV\'\'O\x9f\xcf\xcf\xc8\xa6*\x0e\x03\xfc\x0e\xe7\x02\xcc\xa6\x13\xa7\xcf\x17\x148\x01H```\xd5\xaaU\x01\xef\x00\x10\xf2\x05\x18\x00\xfe\x94l\xc2j\xd4\xa8\xa1\xaar\xab\x93\xfc\x0b\x17.\x83I\xc3\xf6\xbf(!\x04\x10\xe5\xc4\xc9sr\xdb\x9c\x88\x88\x88\xb2e\xcb\x02\x06\x00\x84|\x01\x06\x80?%\x9b\xb0\xa8\xa8(\x9b\xcd&amp;\x84p8]G\x8e\x9d\x02\xd5\x84w\x007!{\xf7\x1f\x93_\xd5\xaf_?00\x90s\xdc9\x19!\x1f\x80\x01\xe0O\xc9)@\xc1\xc1\xc1\xb5k\xd7\x96\xcfl\xd9\x9e\x0c@0\x00\x14\xa5(\x949\x0b\xb7\xef: \x1f6m\xda\x14p\x0e(B&gt;\x02\x03\xc0\xadp\xce)\xa5\xb2Q\x03\x80-;\x92\x99\xa3@Q\xf0M\xbbF\x08A,\xa6\x8b\xa7\x7f=\x96rZ\x96Mm\xd1\xa2\x05`\xfe\x07!\x1f\x81m\xd9\xad\xc8\x86,..\x8e\x10B\x089\x9er:\xfd\xecEb\xc6,\xd05\x9c\x0b0\x99\xf7\xee?\x96_\xe0\x00\x10V\xab\xb5u\xeb\xd6p}7M\x84\x90\x97\xc3\x0b\xf5VdC\xd6\xb6m\xdb\xb0\xb00\x00\x91_\xe0X\xbbq\x17\x98-\x8ca\x8aC\x12\x00\xe4\x9b\xffm\x02\x00\xceE\xd3\xa6M\xcb\x97/\x8f\x03\x00\x08\xf9\n\x0c\x00\xb7\xe2.\x08\xd1\xbauk\xd9\xe9_\xb9z\x1dpF\xb1\x81\x03\x10B(&amp;-\'\xfd\xf2\x8fk\xb7\xcb\x16\xff\x91G\x1e\x01\x1c\x00@\xc8w`\x00\xf8\x0b\xb2?\xdb\xabW/\x00\xa0\x94n\xde\xbe/\xfd\xccy\x1a\x80Y \xe0\\@`\xe0\xb6-\xfb.\xa5g\x10BL&amp;S\xf7\xee\xdd\x01\xf3?\x08\xf9\x0e\xbcV\xff\x82\xa2(\x00\x10\x17\x17\x17\x12\x12\x02 rs\x0b\xbe\xfba3\x98\x031\x0b\x04 @\xc0\x92\x95?\x01\x00\xe7\xbci\xd3\xa6QQQr\xd8\xdc\xd3\x07\x86\x10\xba-x\xad\xfe\x05\x99\x05z\xe0\x81\x07:t\xe8 s\x1bs\x16\xac\xe6N\x07\xf5\xef\xb9@B\x08\xc5b\xbex\xf2\xcc7\xff\xdb$[\xfcg\x9f}\x96R\x8a\xf9\x1f\x84|\x88_\xb7b\xb7If{\x86\x0e\x1d\n \x14E\xd9\x9b|l\xdf\xce\xfd$\xd8\xafo\x02\x18\xe3`\tZ\xba21/\xbf\x10@\x04\x05\x05=\xff\xfc\xf3p\xfd\x86\t!\xe4\x130\x00\xfc5J\xa9\x10\xa2s\xe7\xceu\xeb\xd6\xe5\x9cs\xceg&amp;\xac$T\x05\xf0\xd3a\x00\x01@5\xc5\x99\x93=w\xe1\xd7\x84\x10\xce\xc5\xb3\xcf&gt;[\xbe|y\xc6\x18\xce\xffA\xc8\x87`\x00\xf8k\x84\x10\xc6X@@\xc0\xe0\xc1\x83\x85\x10\xaa\xaa~\xb9\xf2\xa7\x94\xe4\xc34(\xd0?3\x1e\xdc`48t\xf9\x97\xdf\x1fK9-\xbb\xfc\xaf\xbc\xf2\x8a\xa7\x0f\n!t\xc70\x00\xdc\x16EQ\x84\x10\xfd\xfa\xf5\x8b\x88\x88\x10\x82\xbb\\\xfa\x07\x1f\xcf#\x9aYp\xbf\xbb\t\x10\x00DS\x9c\xb99\x93?\x9dO)5\x0c\xa3c\xc7\x8e\xcd\x9a5\xe3\x9cc\xfe\x07!\xdf\x82\x01\xe0\xb6\xc8\xa1\xe0r\xe5\xca\x8d\x1c9\x921\xae\xaa\xea\xb2UkR\x92\x0f\xd1`\xbf\xbb\t\x90\xdd\xffe\x8b\xbfKI\xfbEV\xc5\x18?~\xbc\xcc\x92y\xfa\xd0\x10Bw\x06K\x9b\xdd.\xf9Feff\xd6\xaaU+\'\'\x871\xf6\xf0C-\x13\xd7-`9\xb9\x8a\xdfL|\x14B\x08M\xcd\xb6\xe7\xd6k\xd6\xe3\xca\xd5,\xc6X\x87\x0e\x1d6m\xda\x84\xb3?\x11\xf2Ex\xd1\xde.y\x13\x10\x11\x111i\xd2$\xc6\x98\xc9\xa4\xad\xd9\xb0k\xd5\xa2o\x14\xab\x95\x19\xcc\xd3GWB8\xe34 \xf8\x9f\x13\xa6_J\xcf\xa0\x94\xa8\xaa\xfa\xc9\'\x9fx\xfa\xa0\x10Bw\t\xef\x00\xee\x80\x10B\x08\xc19o\xd9\xb2err2\xa5\xa4j\xe5\xf2\xfb\xf7|\x15h1Q?\x98\x00\xc3\x18W\x82\x83\x92w\xed\x8f\xed\xf8\x02!D\xd7\x8dW^ye\xc6\x8c\x19\x8c1\xcc\xfe#\xe4\x8b\xf0\x0e\xe0\x0e\x10B\xe4,\xa0i\xd3\xa6\xc9/N\x9d\xf9\xf5\xad\xbf\x7f\xac\x04\x852V\xcao\x02\x84\x10\xa0P\xa6\xeb/\xbd\xf2.c\x9csQ\xae\\\xb9I\x93&amp;a\xf2\x07!\xdf\x85\x97\xee\x9dQ\x14\x851\xd6\xbe}\xfbW^y\xc5\xe9t\x99\xcd\xa6\x99sW}\xb5\xf8\xffT[83\x0cO\x1f\xdd}\xc4\x18SB\xacc\xc7\xfc+\xf9@\x8aI\xd3\x18c\xd3\xa7O\x97{\xa5\x95\xfa[\x1f\x84J+L\x01\xdd1\x99\x08\xca\xcf\xcfo\xd2\xa4\xc9\x993g(!!!\x81{\xb6-\xab\x1eUE\x14\x14\x96\xca\x12\x11\x86n\xa8\xe1\xe1_-\xfe\xbag\xff7,f\xb3\xc3\xe9\xec\xd5\xab\xd7\xf2\xe5\xcb1\xf9\x83\x90O\xc3\x00p7d\xdec\xd7\xae]m\xdb\xb6U(u\xe9z\xcb\x16\xf5wl]\n\x86\x01\xa5n0\x803FCCN\xa7\x9cn\xde\xa6wn^!\xe7\xbcZ\xb5jIIIaaar\x9f\x1cO\x1f B\xe8.\x95\xc2\xeej\t\x90\x0b\xa0Z\xb6l\xf9\xf1\xc7\x1f\xbbt\xddb\xb1\xec\xdasd\xe8\x90w\x88\xd9\xc4D\xa9\n\xa9\x9cs0\x992.g\xf6\xea;\xd6\x9e\x95K)%\x84|\xf9\xe5\x97\xe1\xe1\xe1\x80[?"\xe4\xe30\x00\xdc%UU\r\xc3\x185jT\xcf\x9e=\x1d\x0eG@\x80%\xe1\x8bo&amp;\xbe\xf3o\xd5Z\xd6(-\x83\x01\x82\x0bA)\r\xb0\xf4\xee3zO\xf21\x8b\xc5\xe2r\xb9&gt;\xfe\xf8\xe3\x96-[\x1a\x86\x81c\xbf\x08\xf9:L\x01\xdd=9\x18\x90\x9d\x9d\x1d\x17\x17\x97\x94\x94$\x93\xe3s\xa6\x8f\x8b\x1f\xf1\xa2a\xbf\xaa\xaa\xaa\xa7\x0f\xf0\x9e\x08.8%Jp\xd0\x90\x81o%,\xfc:\xc0b)t8\xe2\xe3\xe3\xe7\xcc\x99c\x18\x86\xaf\xffu\x08!\xc0\x00p\x8f\xe4`\x80\xddno\xde\xbc\xf9\xe9\xd3\xa75M\xd3u]\xc6\x00\xdd~US\x14\xf0\xcd$\t\xe7\\PzC\xeb\xdf\xb3g\xcf\x95+W2\xc6d"\xc8\xd3\xc7\x88\x10\xbaW\x18\x00\xee\x95\x9c\t\xb3g\xcf\x9e\x87\x1f~\xd8n\xb7\x17\x89\x01\x83X\xf6U\n\x84P\x1fk+9c\xd4l\x02\x8b\xa5h\xeb\x1f\x13\x13\x93\x98\x98h\xb5Z\x017}D\xa8\xb4\xc0\x00P\x0cd\x0cHJJ\x8a\x8b\x8b\xb3\xdb\xed&amp;\x93\xc9\xe5r\x8d\x1a\xd1w\xea\xb4\x7f\x80\xd3\xc5\x9c.E\xf5\x99\xb9\x92\x86n\xa8a\xa1\xf6\xcb\x19}\xfa\xbd\x9e\xb8~g\xd1\xd6\xdff\xb3\xe1\xb2/\x84J\x13\xbc\x98\x8b\x81\xa2(\x86a\xb8[I\x97\xcbe2\x99\xa6\xcdX\xf2\xd2\xc0\xb7r\x9d\xba\x12\x1al\xe8&gt;0,,\x840\x0cC\r\x0fO;~:\xee\xd1\xa1\x89\xebwZ\xb0\xf5G\xa8T\xc3\xeb\xb9x\xc8IA111\xeb\xd7\xafo\xda\xb4\xa9\xcb\xe5\n\x08\xb0\xcc[\xf4m\xc7\x8e\xfd\x93\xf7\x1dU\xc3#\x18c\xde\xbcy\x00c\x0c\x08Qm\x11+\x96|\xd3\xba]\x9f\xa4\xe4\xa3\x16\x8b\xd9\xe1p\xf4\xea\xd5\x0b[\x7f\x84J+L\x01\x15\'\x99\x0b\xb2\xdb\xed\xdd\xbau\xdb\xbd{\xb7\xd9lr:]!\xc1\x81\x9fNyc\xf0\xb0\xe7\xc1Q`\x14:\x15E\xf1\xaa\x01T!\x04g\\\t\r6\x9c\xae\xd7\xdf\xfcx\xda\x8c%@\x88\xaaP\xc3`r\xce\x0f\\\x1f\xeb\xf6\xf4\x91"\x84\x8a\x19^\xd5\xc5IV\n\xb2\xd9lk\xd7\xae\x1d&lt;x\xb0\xd3\xe9\xa2\x94\xe4\x158\xe2_\x9e\xd0\xa7\xd7\xab\x17.e\xa86\x1b!\xe0%\x95\xe3\x04\x80a\x18DS\x15\x9bm\xd7\x8e\xfd\xed:\xf4\x9f6c\x89\xc9d\x02!\x00\xc8\xd4\xa9S\xe7\xcc\x99\xc3\x18\xc3\xd6\x1f\xa1\xd2\n\xef\x00\x8a\x9f\xbb\xc5\x9c;w\xeek\xaf\xbd\x96\x9b\x9b+\x87\x85\xcb\x95\xb1\x8d\xfb\xc7\xd0aC\x9e\xd3\x82,&lt;;W\x08\xe1\xa9B:B\x00gLQ\x15\x08\t\xbd\xfc\xeb\xc5\xf7&amp;\xcf\x9a5{\x85\xce\x98&lt;\xce\xe8\xe8\xe8y\xf3\xe6\xb5m\xdb\x96s\x8e\xc5\x1e\x10*\xc50\x00\xdc\x17r\xdb\x00EQ\xf6\xed\xdb7|\xf8\xf0]\xbbv\xc9\x9b\x03\x00h\x19\xd3p\xd2\xc4\x91]\x1fn\x03\x8a\xc2\xb3s\x05\x17T)\xb9i\xf5B\x08\xc6\x98\xaa\xa9\x10\x1c\xea\xca\xceY\xb2\xfc\x7f\xefL\x98\xf1\xeb\xc5+\x8a\xaa\xcaj\xa6\xbd{\xf7\x9e1cFDD\x04\xae\xf6B\xa8\xd4\xc3\x00p\x1f\xc9!\x01\xc30\xde{\xef\xbd\x0f&gt;\xf8\xc0\xe5r\xc9U\x02\x00\xd0\xb5s\xeb\xd7_{\xb1k\\;PT\xc8\xcf7\\:!\x84*\xf7k\xc9\x80\x0cH\x00\xa0X\xcc`\treg-Y\xf6\xc3\xa7\xff\xf9\xe2\xf0\xd1\x93p=sU\xa1B\x85O&gt;\xf9\xa4w\xef\xde\xee#\xbf?\xc7\x82\x10\xf2\x16\x18\x00\xee/w:\xe8\xf0\xe1\xc3o\xbc\xf1\xc6\x8f?\xfe\x08\x00E\xc3@\xff\xbe\x8f?\xf5h\xc7\xd0\xc8\xb2\xc0u\xc8/4\x0cF\x08\xa1\xb4x\x12/\\\x08\xc19\x08P\xcc\x1a\x04\x06\x02\xc0\xf9\x13g\x96\xadZ\xbbp\xd17\x87\x8f\x9e\x00\x00MSu\xdd\xd04m\xd8\xb0a\xe3\xc6\x8d+W\xae\x1c\xa6}\x10\xf2\x1f\x18\x00\xee;w:\x08\x00\x96-[\xf6\xfe\xfb\xef\x1f&gt;|\x18\xae\xcf\x1c\x05\x80J\x15#{\xf7\xea\xd6\xe3\xc9\x87Z6\xaf\xaf\x84\x84\x020(tp\x97\xce\xb9 \x04\x80\x10z{-\xb2\x10\x00 8\xbfV\x8fTQ(1\x9b\xc0l\x06 9\xe9W6m\xdd\xf7\xd5\xff\xad\xf9\xfa\xbb\x8d9\xb9\xf9E\x7f{\xd7\xae]\'M\x9a\xd4\xb2eK\xc0\x8e?B~\x06\x03@\t\x91\x19\x18J\xa9\xcb\xe5Z\xb2d\xc9\xa7\x9f~*\xc3\x00\xa5T~\x0b\x00\xea\xd6\xa9\xf1X\xb7\xf6\xdd\x1en\xd3\xa4~\xad\x88\x8a\xe5@1\x030`\x0c\\.\xa13\xc19\x10\xe0\\\x00\x08\x00w&lt;\x10\x00\x84R\x02\x02\xa8\xaa\x80\xaa\x80\xd9\x04D\x01\xa0\xe0,8\xfb\xcb\x85\xbd\xc9\xc7\xbe\xfba\xf3\xda\xf5;\xce\xff\x9a\x0e\xd7\n8_\xfb\xcc\xbbv\xed\xfa\xfa\xeb\xafw\xed\xda\x15\x00\xb0\xc2\x0fB~\x08\x03@\x89rw\xb1].\xd7\x8f?\xfe8s\xe6\xcc\r\x1b6\xc8\xc1aJ\t\xbf\xbeR,\xdc\x16\xda\xb4q\x9d\xd6\xb1\x8d\x9a5\xa9S\xa9\xf2\x03Q\xd5+\xd9\xc2\xad`1\x83\x10@M\xbf\x7fI\x02\xc0\x81\xe9@)\xcf\xc9\xcb\xc8\xcc&gt;v\xe2\xec\xc9\xd3\xe7\x0e\x1eJ\xdd\xbe\xf3\xc0\xe1\xa3\'\n\n\x1c\xd7~\x8e\\\xfb\xacCBB\x9e}\xf6\xd9\x97^z\xa9M\x9b6P$2\x95\xd8\x9b\x80\x10\xf2\x12\x18\x00JZ\xd1\x8c\x10\x00\x1c&lt;xp\xd1\xa2E?\xfc\xf0\xc3\xd1\xa3G\xe53\xee\x96\xda\xcdf\x0b\x8d\xaa^)\xd8\x1a\xac\x02\x89m\xd1@\xd3T!\x04\x01\x10\x02\x88\xaadef\x1d8\x94FT\xf5\xe2\x85\xf4\x0b\x17\xafd\xe7\xe4\x15\xf9\xaf\x04\xe0\xdaK\xa9\xaa\x12\x1b\xdb\xb2G\x8f\x1e\xbd{\xf7\xaeT\xa9\xd2\xcdG\x82\x10\xf27\x18\x00&lt;C6\xbe\xee\xac\x0bcl\xd7\xae]\xabW\xaf\xfe\xf9\xe7\x9f\x93\x93\x93\x8bqK\x99\x90\x90\x90\xd8\xd8\xd8n\xdd\xba=\xf6\xd8cu\xeb\xd6\x95O\xca{\x0el\xfa\x11\xf2s\x18\x00&lt;\x8cs\xce9/:\xe3\xfe\xe8\xd1\xa3\xbbw\xef&gt;p\xe0@rr\xf2\x91#G\xecv\xfb\x1d\xad\x1c\x0e\x0c\x0c\x8c\x88\x88\xa8[\xb7nLLL\xf3\xe6\xcdccc+V\xac(\xbf%\x17\x01(\x8a\x82\xb9~\x84\x10`\x00\xf0\x12\xf2\x86@\xae\r.\xda:ggg_\xb8p\xe1\xd2\xa5K\x07\x0e\x1c\xc8\xce\xce\xce\xca\xca:p\xe0\x80;G$\xbf\xd04-66VU\xd5\xaaU\xabV\xadZ\xb5f\xcd\x9ae\xcb\x96\r\x08\x08p\xbf\x88\x8c1\x94RL\xf4#\x84\x8a\xc2\x00\xe0ud{\r\x00\xf7\xd2d\xcb\x17\x913\xfa\xb1\xddG\x08\xfd!\x0c\x00^M\x14!\x9f\xb9\xb95/\xfa]RD\x89\x1e(B\xc8\x07a\x00@\x08!?\x85\xc9\x01\x84\x10\xf2S\x18\x00\x10B\xc8Oa\x00@\x08!?\x85\x01\x00!\x84\xfc\x14\x06\x00\x84\x10\xf2S\x18\x00\x10B\xc8Oa\x00@\x08!?\x85\x01\x00!\x84\xfc\x14\xee\xfa\xedK\xe4\xaa\xbd\xa2K\x7f\xdd\xe4\na\\\x00\x8c\x10\xba}\xb8\x12\xd8\xab\xc9\xb6\xfe\xf6K\x03\xc9\x8arB\x08Y\x02\x08\xe3\x01B\xe8\x160\x00x#w\xa3\x7fC\xc9\xfe\x82\x82\x02\xa7\xd3y\xe9\xd2\xa5K\x97.\x15}&gt;888**\x8aRj\xb5Z\x8b&gt;\xcf\x18\x13B`\x1dP\x84\xd0\x1f\xc2\x00\xe0]n\xd8\x1e\xc00\x8c\xb4\xb4\xb4]\xbbv\x1d8p\xe0\xe0\xc1\x83iiiyyy\xb999\xc6M;\x04\xd8l6UU\xeb\xd5\xabW\xa3F\x8dF\x8d\x1a\xb5i\xd3\xa6A\x83\x06\x81\x81\x81\xf2\xbb\xd7w\x9d\xc4{\x02\x84\xd0o0\x00x\x8b\xa2\xdb\xb2\xe7\xe4\xe4l\xdc\xb8\xf1\xeb\xaf\xbf\xde\xbd{wjj\xea\xddm\x10V\xa5J\x95\xe6\xcd\x9b?\xf1\xc4\x13]\xbbv\x95{@\x02n\xfe\x8e\x10*\x02\x03\x80\xe7\x15\xdd\x96]n\x11\xbcl\xd9\xb2\xf3\xe7\xcf\xdf\xe2\xbf\xd8l\xa1\xbfm\x0bLiNN.c\xfc\xcf~844\xb4{\xf7\xee\xfd\xfa\xf5{\xe8\xa1\x87dN\xc9\xbd7=B\xc8\x9fa\x00\xf0\xa4\xa2\xdb\xb2\xaf]\xbbv\xca\x94)\x1b6lp\xa7kd`\x00\x80\xca\x95\x1f\xa8[\xa7FL\x93:Q5\xabT\xa9Z1\xd8b\xaaU\xab\x1apvm\xcfwE\xbd\xf8kzz\x86=+3\xfb\xc0\xd1\x93\x07\x8f\x9c8~\xfcT\xda\x89_\x0cC\xa6\x89~\xdb\x17\xbeQ\xa3F\x7f\xfb\xdb\xdf\xfa\xf5\xebg2\x99\x8aF\x1d\x84\x90\x7f\xc2\x00\xe01\xeen\xf8\xae]\xbb\xdey\xe7\x9d\xb5k\xd7B\x91v_U\x94\xd8\x98\x86=\x9ez\xa8C\xbbf\xf5\xebT\x0f\x8c\xb0\x01\xd1\x008\x00\x07\xce\xc1\xe9\xba\xde\xb2\x13\x00\x01\x9a\n\xaa\n@\x00\x14\x00\xc6r\xf2RO\x9e\xdd\xb5\xe7\xf0\xd7\xdfn\xd8\xf8sRNn&gt;\x00(\x8a"CK\x83\x06\r\xde~\xfb\xed\xde\xbd{\x03\xde\n \xe4\xdf0\x00x\x86a\x18\xaa\xaafgg\xbf\xf3\xce;\xb3f\xcd\xd2u]\xd3T]7\x00\xa0R\xc5\xc8\xc1\x03{\xf4\xea\xd9\xadn\x9d\x1a`\xb6\x00\xd3\xc1\xe1\xe4\xba\xc1\xaf\xef\x03\x0c\x04\xe8\xef\x93\xf8\xd7\x17\x06\x08!\x80\x10PT\x05\xccf\xd0L \xd8\xf9S\xe7\x7fL\xdc:c\xd6\xb2\x83\x87R\x01@\xd34]\xd7\x01\xe0\x91G\x1e\x996mZtt\xb4{\xe7H\x0f\xbc\x0b\x08!\x8f\xc2\x00P\xd2\xe4&lt;}Jibb\xe2\xab\xaf\xbe\x9a\x9a\x9a\xfa[\xdf\xbc^\xcd\xd7^}\xe1\x99\x1e]C\xcbE\x80\xee\x12\x85\x0e\xc68\xa5w\xbc\xc5\xa3\x10 7\x99\xa7\x84P\x8b\x19,\x01,?o\xc3\xe6\xa4)\x9f.X\xbbn\x07\x00\x98L\x9a\xcb\xa5[\xad\xd6I\x93&amp;\x8d\x1c9\x12\xf0V\x00!\xbf\x84\x01\xa0Dq\xcee\xda}\xe2\xc4\x89\x13&amp;L\x80\xeb]\xf2\x8a\xe5\xcbN\x9a0\xa2\xefs\x8f\x99\xac\xa1\x90\x9f\xc7\\:\xa1\xc5\xb3\x99\xbb\x10\x823\xae\xa8\n\x84\x04\x01ck\xd7l\xff\xe7\xf8\xe9;\x93\x0e\x11JAp!\xa0W\xaf^\x9f}\xf6YDD\x84\xbc)\xb9\xf7\xdf\x88\x10\xf2\x15\x18\x00J\x8e\xece\xdb\xed\xf6&gt;}\xfa$&amp;&amp;\xbas&gt;#_\xee3\xee\xeda\xe5*\x96\x87\xdc\x1cf0\xaa\x14\xff4M\x01\xc0\x19#\x84Pk\x88\x9e\xef\x985g\xf9;\xe3\xa7g\xe7\xe6\x9b\xcdf\xa7\xd3Y\xabV\xad%K\x96\xc4\xc4\xc4`\x0c@\xc8\xaf`\x00(!\xb2\xf5OKK\xeb\xdb\xb7oRR\x92\xc5bq8\x1c\xe5#\xcb\xccOx7\xee\x89.P\x98o8\x9c\x8a\xaa\xde\xefL\xfc\xb5TO\x885\xf5\xc8\xf1A\x83\xc7m\xdby\xc0l69\x9d.\x9b\xcd\xb6t\xe9\xd2\xb8\xb88\x8c\x01\xe8\xf6\xb9\x97\xac\x8b\xeb\x03T7\xf4]\xdc3\xd9\xb06\x89w\xc2\x00P\x12d\xb3\x9b\x94\x94\xd4\xad[\xb7\xcc\xccL\xb3\xc9\xe4t\xb9\xe2:\xb7\x9a\xff\xf9{\xe5\xabV2\xec\xd9\xca}\xe8\xf5\xdf\x82a\x18jp\x90\xe12^\xff\xfb\xc7\xd3f,Q\x14\x85s&amp;\x04\xcc\x993\'&gt;&gt;\x1e\xc7\x03\xd0-\xc8F\xff\xeeJ\x8c\x08!\x18c2N\xe0\x14do\x80\x01\xe0\xbes\xb7\xfeqqqv\xbb\xddd2\xb9\\\xae\xa1/=3k\xce$p\xe9\xac\xd0\xa1\xa8\x1ehm9\xe3\x84R\x12\x1a\x9e0s\xfe\xf0\xbf\xbd\xcf\xb8P\x15E7\x0c\x19\x03\xf0&gt;\x00\xdd\xe0\x0f\xebSegg\xa7\xa6\xa6\x9e?\x7f\xfe\xe0\xc1\x83\x86a\xec\xde\xbd[\xd7uB\x88,G(\x84h\xd2\xa4\x89\xd5j\xadR\xa5J\xcd\x9a5\xeb\xd6\xad[\xb6lY\xf7\xffuG\x11\xbc-\xf0 \x0c\x00\xf7\x97\x1c\xf5\xbdr\xe5J\xfd\xfa\xf5\xaf\\\xb9"\x87|g\xfd\xfb\xed\xa1\xaf\xbe\xc0rr\x88\x10\x1e\xec\x07\t!\x18\xe3\xaa-l\xdb\xc6\x9dO&lt;=\xc2\x9e\x95+\x87%\xd6\xae]\xdb\xa5K\x17\x8c\x01H\x92\xddv\xf7\xc9\x90\x9b\x9b\x9b\x94\x94\xb4e\xcb\x96\xcd\x9b7\x1f&lt;x\xf0\xea\xd5\xab\xb7\xf9:V\xab5::\xbam\xdb\xb6\xed\xdb\xb7\x8f\x8d\x8du\x97\'1\x0c\x03\xeb\x15z\n\x06\x80\xfbH\xce\xf8\xcc\xce\xce\xee\xd6\xad\xdb\xee\xdd\xbb-f\xb3\xc3\xe9\x9c3}\\\xfc\x88\x81,\xeb\xaa\x97\xf4}\x0c\xddP\xc3\xc3\x93\xb6&amp;u{\xf2\xe5\x9c\xdc\x02\x00\xb0Z\xad?\xfd\xf4S\x8b\x16-\xdcs\x96\x90\x7f*\xda\xf43\xc66l\xd8\xb0t\xe9\xd2\xb5k\xd7\xde\xbaN\xc9\xed\x08\r\r\xed\xd8\xb1c\xcf\x9e=\xbbw\xef\x1e\x12\x12"_\x1f\xf3B%\x0f\x03\xc0}$;\xd1\xcf&gt;\xfb\xec\xaaU\xab\x02,\x96B\x87c\xea\x07\xaf\x8d\xfa\xfbH=3]\xd3\xbc\xa8s-c\xc0\xce\x8d\xdb\xdb&lt;\xf4\xa2\xa2\xaa\x86aT\xaf^}\xef\xde\xbdaaa\x80\x9b\xcc\xf8+\xf7PPzz\xfa\xa2E\x8b\x16-Zt\xf0\xe0A\xf9-\x99\xde\x91_+\x8ab\xb3\x85\xd6\xab]]Q\x95F\xf5\xa3l\xe1a\xc2`@\x80\x10\xa2\xeb\xc6\xee\xbd\x87\r.N\x9c&lt;\x97q\xd5^P\xe8\xb8\xf9\xb7T\xaaT\xa9w\xef\xde\x03\x06\x0ch\xd0\xa0\x01`\xb1\xc2\x12\x87\x01\xe0~\x91\xd7\xcf\xb4i\xd3F\x8f\x1e-\xe7\xfc\xc4\xbf\xf0\xd4\x9cy\x1f\x18yy\n\xa1\xdev\x86\xcb\x18\x900\xe3\x8b!#\xdf\x93w*={\xf6\\\xb9r%&amp;\x82\xfc\x90{q\xf8\xe5\xcb\x97?\xfb\xec\xb3Y\xb3f\xa5\xa7\xa7\x03\x80\xa2PYsPQ\x94fM\xeb\xb6m\xdd\xa4}\xdb\xa6u\xa2\xabU|\xa0\x9c\xb5L\x18(\nP\x15\x80\xbakO\x01\x00p\x17\x10R\x90\x91\x95q\xd5~&lt;\xf5\xcc\xf6]\x077oON\xda{$77\x1f\x8a\x14&gt;1\x99L\xfd\xfa\xf5\x1b=z\xb4;\x0c\xe04\x84\x92\x81\x01\xe0\xbe\x90\xc9\x93\xe4\xe4\xe4\x98\x98\x18\x85R\x97\xae\xb7jQ\x7f\xfb\xd6\xa5B\xd7\t\xe7\xde\xd9\xc11\x0c\xa6\xda\xca\x8e\x1e\xfe\x8fi\xff]&amp;c\xc0\xcc\x993\x87\x0f\x1f\x8eW\xa3_q\x7f\xdc\xf3\xe7\xcf\x1f7n\xdc\x85\x0b\x17\xa0H!\xa96\xad\x9b\xf4x\xf2\xa1\xc7\xe2\xda\xd5\xad\x17\x05f\x0b\x00\x07]\x07\xdd\xe0\xba\x01 8\x17\xd7\xebS\x81\xfc\x82R\x02\x00TUAU\xc0l\x02P\x81\xeb\xe7O\x9d[\xbba\xe77\xdfm\xfai\xcdV\xa7K\x87\xeb\xa1\xc5d2\xbd\xf1\xc6\x1bc\xc7\x8e\xb5Z\xadx+P20\x00\x14?9_\x821\xd6\xaaU\xab\xfd\xfb\xf7\xab\xaa\x12\x12\x1c\x98\xb4\xf5\xcb\xeaQUEA!U\xbc4\xcb)\x84`\x00D\xd3\xda=\xd8o\xe7\x9e\xc3\x9a\xa6Y,\x96\xe4\xe4\xe4\x1a5j\x08\x8f\x0eV\xa3\x92\xe1\xaeM\x9b\x9a\x9a\xfa\xea\xab\xaf&amp;&amp;&amp;\x02\x80\xa2\xaa\xcc0\xcc&amp;\xed\xb9\x9e\xdd\xfa=\xffx\xd7\xb86\xa0\x9aAw\xca:%\x84\\\x9b\xfb\x7f\xeb\x96Z\xd6\xaa\xba^\x04\x85P\x8b\x19\xcc\x16\x00qx\xcf\xe1\x85_~\xb7h\xc9w\xe9\x973\xe1z\x98\x89\x8e\x8e\xfe\xcf\x7f\xfe\x13\x17\x17\x07EV\xce\xa3\xfb\x04\x03@\xf1\x93}\xa8\xc9\x93\'\xbf\xfd\xf6\xdbr\xca\xff\x8a\x05\x1f&lt;;\xe0\x19#3S\xf5\xa6\xd4\xff\xcd8\xe34(\xe0T\xea\x99&amp;\xad\x9es8]\xbant\xed\xdau\xcd\x9a5x\x13P\xea\xb9\x9b\xda\xb9s\xe7\x8e\x1d;6;;[\xae\x12\xd7T\xa5\x7f\xdf\'F\x8f\xec\xdf\xa0y\x03\x10L\xe4\xe43\xce\xe9\xbd\xd5)\xe1Bp\xc6\t\x01%(\x10\xb4\x80\xf4s\xe7f%\xac\xf8l\xd6\xb2\xcbW\xec\xeeb\x85\xa3F\x8d\x9a2e\x8a\xaa\xaax\xee\xddW\x18\x00\x8a\x99\xcc\x9f\x9e:u\xaaY\xb3f\x85\x85\x85\xba\xae?\xfbT\xe7\x15_\x7ffde\xa9\xbep\x1e\x1b\xba\xa1\x86G\xcc\xfcx\xce\x88\xd7\xa7\xc8\x9aq+V\xacx\xf6\xd9g\xf1:,\xc5\xe4\x87\x9b\x93\x933f\xcc\x98\xb9s\xe7\x12B\x80\x10\xc1y\xe7\x8e\xb1\xefOz\xb5e\xbb\x96\xa0;X^\x01\x10\xa2\x14\xeb\xfd\xeb\xb5\rP-f\x08\x08\xb9p\xea\xf4;\x13g\xcc\xfb\xe2\x1b\xb8^\xac\xb0m\xdb\xb6\xf3\xe7\xcf\xafU\xab\x16\x0eD\xdd?\x18\x00\x8a\x99\xbc\x96\x06\x0c\x18\xf0\xc5\x17_h\x9a\x1a\x18h\xd9\xb7}i\xf5\xa8\xaa\xa2\xd0\xe1\x137\xb3\x02\x80\x03\x08\xaa\xb4j\xd7g\xdf\x81\x14\x00\x88\x8a\x8a:t\xe8\x90\xa6iX5\xbaT\x92glff\xe6#\x8f&lt;\xb2{\xf7nY\x1a$$8\xf0\xfdw_\x1d9\xa2\x1fP\xc2rr\xc9\xfd\x9c\xa7\x7fm\xb2i\x80\x05,A\x89\xdf\xaf{u\xd4\xe4\xd4\x93\xe7,\x16\xb3\xc3\xe1\x0c\x0f\x0f\xff\xe9\xa7\x9f\xb0J\xd5\xfd\xe3\x03M\x92\x0f\x91\xf7\xd1\xc7\x8f\x1f_\xbe|\xb9\xaa\xaa\xban\x8c\x1e\xfe|\x8dz\xf5X^\x81O\xb4\xfe \xc7\xef\x0c\xa6\x06Z&gt;\x99&lt;Z\x08\xa1\xaaJZZ\xda\xb2e\xcb\x8a\xeeP\x86J\r\xc30\xe42\xf5V\xadZ\xed\xde\xbd; \xc0\xe2t\xba\x9a5\xae\xfd\xf3\x86\x85#G\x0f\xe6\x05\x05&lt;7_Q\xd5\xfbz\xf6\x12BTU\x15.\xdd\xc8\xcc\x88{\xfc\xa1\xed[\xbe\xec\xf5tW\x87\xc3i2\x99233;w\xee&lt;o\xde&lt;UU\xefngltkx\x07P\x9cdg*&gt;&gt;~\xee\xdc\xb9\x8aBma\xa1\xc7\x92W\x87\x97\t#\xba\xe1[}g\xc6\xb9\x12\x14\xf4\xd0C/l\xdc\xb2\x97\x10R\xa7N\x9d\x83\x07\x0f*\x8a\xe2[\x7f\x05\xba\xb5?,R2\xa8\xff\x93\xd3\xfe=.$4\xc8\xc8\xce-\xf9!+f\x18\x8a\xc5\x02f\xd3\xb4\x8f\xe7\x8d~\xf3c\xb9\nE\x08\x81\x15J\xee\x13\xdf\xe8\x96\xfa\x049U\xe6\xea\xd5\xab_\x7f\xfd5\xa5\x941\xfeJ\xfc\xb3e*W\x12\x0e\x97\xef\xb5\x9b\x02@\xa1\xef\xbc\x19O\x08PJ\x8e\x1f?\xbee\xcb\x16B\x88\x9c\x0b\x88J\x01\xd9\xfa\x1f:tH\xb6\xfe\x9a\xa6\xb9\\\xae\xf1\xff\x18\xfa\xf9\xfc\xc9!\x16\x8d\xe5\xe4yd\xc2\x82\xa2\xaa\xc2\xe5b\xb9y\xa3\xde\x18\xba|\xf1\x14[X\xb0\x10`\xd2\xb4!C\x86,\\\xb8\x10\xef\x03\x8a\x1d\x06\x80b#\xd7\xb2\xaf^\xbd\xfa\xea\xd5\xab\x84\x10\x8b\xd9\xf4\xc2\xf3\x8f\x0b\xbd\x90\xf8H\xf2\xa7(E\xa1"/\xaf}\xc7\xd8\xba\xb5\xab3&amp;\x84\x10\t\t\t\x9e&gt;(Tld\xb1\xb6\xcc\xcc\xcc\xbe}\xfb\xca\xbe\xbf\xae\xebs\xa6\x8f\x9b\xf0\xfe\xdfY^\x81p\x19\x1e)P(\x11J\x15J\xf5\xcc\x8c^}\x9fN\xfcn\x96-,\xd8\xa5\x1b\xaa\xaa\x0e\x1f&gt;&lt;))IUULE\x16#\xdfk\x9b\xbc\x16\xa5T\x081w\xee\\\x00`\x8c=\xd3\xbds\x8d\x86ux~\xa1\\\x0b\xe3s\x98\xc1\xd5\xa0\xe0\xd7^\xe9\x07 (%\xdf}\xf7\xdd\xa5K\x97\x14E\xc1\x9c\xa1\xafs\xd7s~\xfc\xf1\xc7\x0f\x1d:d6\x9b].\xd7\x9c\xe9\xe3\xe2G\xbc\xa8g\xa6+\x84\x12/8c5M\xd53.\xc7\xb4k!c\x00\x008\n\x0b\xe3\xe2\xe2N\x9d:E\x08\xc1\x18P\\0\x00\x14\x0f9\xfc\x9b\x92\x92\xb2\x7f\xff~9b\xd6\xb7g\xb7"\xab"}\x8f\xa2Pp\x16&lt;\xfeH\xfb\x90\x90@\x00\x92\x97\x97\xf7\xd3O?\x01\x00f\x81|\x9dL\xfe\x8c\x1d;v\xc7\x8e\x1d\x16\x8b\xc5\xe9t\x8e\x1a\xde\'~\xc4 \xdd~U\xd3T\xef9a5\x93\xa6gd\xc6\xb4k\x950\xe3\x1d\xc30L&amp;\x93\xddn\xef\xdb\xb7\xaf\x8c^\xd8\x11)\x16\x18\x00\x8a\x87\xec\x92\xfc\xf4\xd3O.\x97K\x08Q&gt;2\xa2m\xfbfPP\xe0\xa3\xdd\x7f\x00 \x84\xf0BWd\xf5J\x0f\xb6i&amp;\xff\xba\xaf\xbf\xfe\x1a\xb06\x9c\x8f\x93\xd5=W\xadZ5m\xda4\x8b\xd9\xecp8z&gt;\xf9\xd0\xd4\xe9\xff\xd4\xb3\xae\xaa\x8a\xd7\x8d\xafj&amp;M\xcf\xbc\xf2L\xdf\xa7\xa7~0\xda\xe1tZ\xcc\xe6\x9d;w\x8e\x1d;VQ\x14\xbc\t(\x16\x18\x00\x8a\x87l\x167o\xde\x0c\x00B\x88\x87;\xb7\x0e\x8d,\xc7\\\xbaO7\x97\\\x08\xa0j\xcf\xee\x9d\xe5\xc3\xbd{\xf7\xe6\xe7\xe7c\x16\xc8w\xc9\xfb\xd4\xcb\x97/\xbf\xf2\xca+\xb2DU\x8dj\x15\xe7\xccyW8\x1d\xaa\xb7\xae\xf1\xd04\xd5\xc8\xce\x1c\xf5\xc6\x90\x9eO&gt;\xe4p:\xcdf\xf3\xb4i\xd3\xd6\xaf_\xef.O\x84\xee\x05\x06\x80b \x84P\x14%//o\xf7\xee\xdd\xf2\x99N\xed[\x00\x10_o\')\xa5`8\xdb\xc462i*!\xe4\xe2\xc5\x8b\xc7\x8e\x1d\x83\xeb\x1b\xc0"\x9f#\xc7~G\x8e\x1cy\xf9\xf2e\xaa(\x94\x92/\xe7M\xb6\x95\x8b\xe0\x0e\x977\xe4\xfd\xff\x8c\x02\x84;\x1cs\xe6\xbc[\xb3z%]\xd7)\xa5C\x87\x0e\xcd\xc9\xc9)Z\x95\x1a\xdd\x1d\x0c\x00\xc5@\x9e\x85iii\x97.]"\x84\x98Lj\xeb\xd8\x86`8}e\xf1\xd7\x9f\xa1\x94\x88Bg\xb5ZU\xabW\xab(\x97k\xee\xd8\xb1\x03\x8a\xec\xf4\x8d|\x88L\xfd\xafY\xb3f\xc5\x8a\x15&amp;\x93\xa6\xeb\xfa\xb8\xb1\x83Zvjg\xd8\xb3=8\xe7\xe7v\x10J\x84\xd3e\x8b,;\xfb?o\x03\x08UUO\x9e&lt;\xf9\xe1\x87\x1f\xe2\xe2\xc4{\xe7\xdb-\x94\x97\x90g\xe1\xfe\xfd\xfb\x19cB\x88\xf2\x0f\x94\xa9T\xa5\x82p\xba\xbc\xf3\x9e\xfa\x8ep\xc6M!A\x8d\x1a\xd4\x92\x0f\xf7\xee\xdd\x0b8\x0c\xe0\x83d\xdf\xdf\xe9t\xbe\xfa\xea\xab\x94R]7j\xd7\xaa\xfa\x8f\xb7_f\xb9v/o\xfd%EU\x0c\xbb\xbd\xf3\xe3]\xfa\xf7~\xd4\xe5ri\x9a\xf6\xf1\xc7\x1f\xa7\xa4\xa4`\x0c\xb8G\x18\x00\x8aMjj\xaa\xfc\xa2z\xd5\x8a\x81\xe1\xa1\xc2`\xa5\xa0\xa1\x14B\x00\xa8\xf5jW\x97\x0f\xd3\xd2\xd2dS\xe2\xd9\xa3BwJf\xff\x97/_\x9e\x92\x92\xa2(T\x08\xf1\x9f\x8f^\xd7\x82\x02\x80\xf9\xccYJ\x15\x85\x17\xe6\xff\xeb\xbd\xd1\x11\x11V\xce\xb9\xcb\xe5\xfa\xe0\x83\x0f0\x0bt\x8f0\x00\x14\x03\x99\xea\xd9\xb7o\x9f|\xd8\xa4am j\xe98/\t!\x00\xacq\xc3h\xf90---;;[\xaex\xf0\xec\x81\xa1\xdb\'\xd7\xa8\x17\x16\x16N\x9e&lt;\x99R\xa2\xebF\xc7\xf6\xcd\x1f~\xe2!\x96\x93\xebC\x15^)!\xdc\xe1x\xa0z\xb5\x91\xf1\xcf1\xc6TUY\xb6l\xd9\xb1c\xc7pF\xd0\xbd\xc0\x00Pl\xdc\x8b\xd4\xad\xa1A@\x94R\xd4B\x8a0k\x88\xfc\xca0|\xac\xa8\x11\x82\xeb%\xca\xd7\xaf_\x9f\x92\x92B\xa9B)\x1d\xfff&lt;\x10\x02\xbev\x8a*\x8a"\nsG\x0c\xefS\xae\xacM\x08p:\x9dr\xdd%\x06\x80\xbb\x86\x01\xe0^\xc9\x94Hnn\xee\x89\x13\'\xe43U\xab\x94\x07\xf0\x99;\xeb[#\x04\xc00"\xcbE\x04X\xcc\x84\x90\xbc\xbc&lt;\x99\xe9\xc2;\x00\x1f"O\xc5\xd9\xb3g\x13B\x0c\xc3h\xd6\xa4N\xc7\x87\xdb\xf1\xbc\xdc\xe2-\xee_\x02\x08!\xcc\xe1\x8a\xa8\\\xb9\x7f\xef\xc7d\xe5\x95\xa5K\x97\xe6\xe5\xe5\xa9j)\xb9\xe1.y&gt;v\x06x\'B\x88\xae\xebYYY\xf2a\xad\x1aU\x00JI\x97\x84\x10\x02.\xbdr\xc5\xc8\x80\x00\xb3\x10B\xd7\xf5\xec\xecl\xc0\x00\xe0;d\xf6?--m\xfd\xfa\xf52\x12\x8c\x88\x7f\x164M0\x9f\xfc\x04)\xa5B/|\xe9\x85\xa7\x02\x02\xccrj\xf2\xb7\xdf~\x0b\xb8@\xfdna\x00(\x1e\xb2\xa6\xb9\xfc\xda\xa5\xeb\x9e=\x98bF\x88n\x18\xee\x16\x1f\xeb\xf1\xfa\x16\xf7*\xee\xc2\xc2B!\xc4\x03\x91\x11={\xc6\x89\x82|\xaf\xdd\x9b\xfa\xd6(%"\xbf\xa0n\x8b\x86\x0f=\x18#\xff\xb4%K\x96\xc0\xf5q8t\xa7\xf0]+6\xee&amp;\xb2t$\x7f\x8a*\xfa\x17a\xdf\xff.\xc8\xda5\xec\xf7dM\x9b\xfb\xfd\xab)\xa5\x8c\xb1\xaf\xbe\xfaJ\x1eF\\\x97\xd6Ae"\xb8\xd3\x87\xd7\xa8s\x01\x02\xc8\xb3\xdd\xbb\x00\x00\xa5d\xeb\xd6\xad\x17.\\\xc0\x89\tw\x07\x03@\xb1q_Q\xa5\xfb&lt;\xf4\xdd\x86\xa3\x84\xc9\x16\xdf0\x0c9\x06K\x08Q~\x8fR*\x0b[\x1a\x86!W\x90\xdc\x8fc\xa0\x94^\xbat\xe9\xd0\xa1CrC\xcf^\xdd\xbb\x82\x10\xe0\xcb\x1f\xa2\xa2P\xe2,\x8c\xeb\xda\xda\x1a\x1a\x0c\x00999\xbbv\xed\x02\x1c\n\xbe+x;_&lt;d~\\~\xad\xaa\xa5-\xac\xca\xa6J~\xad\x97\xb2\x04\xd7}pm\xafsUuO\xb2,,,\xcc\xcf\xcf?z\xf4h\xd1TuTTThh\xa8\xd5ju\xa7/\xe4w\x8bqj&amp;\xe7\\\xee\xf9UPP@\x08\xb1\x85\x85\xb6n\xd5\x18\x1c\xbeZ\xa2\\"\x84p\x87\xeb\x81\xea\x95\x9a7\xad\xbb\xe1\xe7$\x00\xd8\xbcys\x8f\x1e=\xf0\x0e\xe0.`\x00\xb8Wr)J```\xe5\xca\x95\x8f\x1e=\n\x00\xfb\xf6\x1f\x7f\xb0[\xc7\xd2q:r.\x14\xb3)%\xedLNn&gt;!\xc4b\xb1T\xaaT\t\xf0&gt;\xe0O\xc8\xac\x8e\xec\xdd\x17\x14\x14\x1c8p 11q\xc7\x8e\x1d\xc7\x8e\x1d\xcb\xc9\xc9\x91\xe3\xe7n\x81\x81\x81\x81\x81\x81\xf5\xea\xd5k\xd6\xacY\xa7N\x9d\xda\xb6m\x1b\x11\x11\x01\xd7\xeb\xf5\x17K\x18\x90\'\xe1\xc6\x8d\x1b\xe5\xd7M\x1b\xd7\x0e{\xa0\x0c\xcf\xf7\x99\x1d\xaa\xff\x0c\xe7\x82R\xadC\xdbf2\x00l\xd9\xb2Enn\xec\xe9\xe3\xf2=\x18\x00\x8a\x81\x10\xc2b\xb1DFF\xca\x00\x90\x93\x9b_\xaark\x94\x16\x16:\x0c</t>
        </is>
      </c>
    </row>
    <row r="336">
      <c r="A336" s="1" t="n">
        <v>334</v>
      </c>
      <c r="B336" t="inlineStr">
        <is>
          <t>size_cycle</t>
        </is>
      </c>
      <c r="C336" t="inlineStr">
        <is>
          <t>What is the size of the missing circle denoted with a question mark?</t>
        </is>
      </c>
      <c r="D336" t="inlineStr">
        <is>
          <t>['small', 'large', 'medium']</t>
        </is>
      </c>
      <c r="E336" t="inlineStr">
        <is>
          <t>large</t>
        </is>
      </c>
      <c r="F336" t="inlineStr">
        <is>
          <t>There are circles arranged in a spiral with three arms. The first arm has circles of sizes ['small', 'medium', 'large'], the second arm has circles of sizes ['small', 'medium', '?'], and the third arm has circles of sizes ['small', 'medium', 'large'].</t>
        </is>
      </c>
      <c r="G336" t="inlineStr">
        <is>
          <t>We observe that the circles in each arm progress in size from small to medium to large. Thus, the pattern is that the circles in each arm get bigger as they progress away from the center of the spiral.</t>
        </is>
      </c>
      <c r="H336" t="inlineStr">
        <is>
          <t>Based on the pattern that the circles in each arm get bigger as they progress away from the center of the spiral, the size of the missing part that is farthest from center should be large.</t>
        </is>
      </c>
      <c r="I336" t="inlineStr">
        <is>
          <t>b'\x89PNG\r\n\x1a\n\x00\x00\x00\rIHDR\x00\x00\x02\x00\x00\x00\x02\x00\x08\x02\x00\x00\x00{\x1aC\xad\x00\x00\x8f\xa8IDATx\x9c\xed\xddw|SU\xfb\x00\xf0\xe7\xdc\x91\xd16m\xd3\x16\xcaVF\x0b\x94\x96]62J-\xb8p \x82\x80\xcc\x16|\x15\x05\xc5\x81\x0b\x10\xb7(\xbc\x82\n-\x82\x08\x08\x02\nnj\x01\x91\reo\xca\x9ee\xb4Mw\x93\xdc{\xce\xf9\xfdq oE~X\xa0#i\x9e\xef\x87\x0f\x9f$Moo\xc6}\x9e\xb3\x0f\xe1\x9c\x03B\x08!\xef#U\xf4\t \x84\x10\xaa\x18\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x15}\x02\xc8\xdb1\xc68\xe7\x9csr\r\x00\xf0k\x08!\x92$\x89\x07\x11B\xa5\x8bp\xce+\xfa\x1c\x907\xe2\x9cSJeY.Ip\x17\xcf,\x87\xb3B\xc8\xab`\x02@\x15\xa0x@?y\xf2djj\xea\xee\xdd\xbb\x8f\x1f?~\xf9\xf2\xe5\xa2\xa2"\xce\xb9\xd9l\xaeY\xb3fTTT\xd7\xae]\xdb\xb5k\x07\x00\x8c1W\xfd\x00!T*0\x01\xa0\x8aq\xf9\xf2\xe5\xef\xbf\xff~\xe9\xd2\xa5[\xb6l)**\xba\xc93[\xb7n\xfd\xf2\xcb/?\xfe\xf8\xe3\xe2\xbb\x8a9\x00\xa1\xd2\x82\t\x00\x95\x1f\xd1\xa6o\xb7\xdb\'L\x980w\xee\xdc+W\xae\x88\xc7\x15E\xf9g\x0b\x0f\xe7\x9c1F)\x15_\xd1\x84\x84\x84/\xbf\xfc\x12\x00\xb0\x1e\x80Pi\xc1\x04\x80\xca\x8f\xf8\xb2i\x9a\xd6\xb4i\xd3#G\x8e\x18\x8dF\xd1\x03\xac\xeb\xfa\r\x9f\xef\x8a\xf5\xb2,k\x9a6l\xd8\xb0\xaf\xbe\xfa\n\xfb\x03\x10*-\x98\x00P\xb9\xd2u]Q\x94\xef\xbf\xff\xbeO\x9f&gt;\x8a\xa2\x88\xd0o2\x99\x9a6m\x1a\x15\x15U\xbbvm???\xa7\xd3y\xfe\xfc\xf9\xcd\x9b7\xef\xdc\xb9\x13\x00\x08!\x9csUU5M\xfb\xee\xbb\xef\xfa\xf6\xed\x8b9\x00\xa1R\x81\t\x00\x95+W%\xa0a\xc3\x86\xa7N\x9d\xea\xd8\xb1c\xff\xfe\xfd{\xf5\xeaU\xaf^\xbd\x7f&gt;999\xf9\xe9\xa7\x9f&gt;y\xf2\xa4\x18\t\xca\x18\x8b\x8a\x8a\xda\xb9s\'\x0e\x0cE\xa8T`\x02@\xe5\x8d1&amp;I\xd2o\xbf\xfd\x06\x00\xf7\xddw\x9fxP\xb4\xf8\x17\xff6J\x92$I\xd2\xd1\xa3G\xdb\xb6m\x9b\x9d\x9d-\xea\x01\x00\xb0s\xe7\xce\xe6\xcd\x9b\x8b\x83T\xc8\xf9#Ti\xe0%\x84\xca\x9b\x08\xdc\xf7\xddw\x9f\x88\xfe\xba\xae\x8b!\x9e\xb2,+\xc5H\x92\xe4p8\xc2\xc2\xc2\x86\r\x1b\xc69\x97$I\x96e\xce\xf9\xee\xdd\xbb\x01\x801V\xb1\xaf\x02\xa1J\x00\x13\x00\xaa\x18b\x84\x0f\x00\x88X\x7f\xc3\xe7(\x8a\xc2\x18\xeb\xd4\xa9\x13\\k;\x02\x80\xf4\xf4\xf4r;I\x84*7\\\n\x02U\x8c\x126\xe0H\x92\xe4\xe3\xe3S\xfc\x11\x916\x10Bw\x0ek\x00\xc8}\x89\xe5\x80._\xbe\xecz\x84\x10b\xb5Z+\xf0\x94\x10\xaaL0\x01 \xb7F\x08Y\xb3f\x8d\xb8!z\x89\x1b5j\x048\x1f\x18\xa1\xd2\x80\xa3\x80\x90\x9b\x123\x06\x0e\x1f&gt;\xdc\xbau\xeb\xc2\xc2BI\x92\x18cU\xaaT9z\xf4\xa8\xbf\xbf\xbf\x98T\\\xd1\xe7\x88\x90g\xc3\x1a\x00rG\x94REQrrr\xfa\xf7\xef_PP \xa6\x04s\xce\x13\x12\x12\xfc\xfd\xfd)\xa5\x18\xfd\x11\xbasX\x03@nG\x94\xfd\xaf\\\xb9\xd2\xbbw\xef\xcd\x9b7\x8bi_\x94\xd2\xf0\xf0\xf0\xed\xdb\xb7\xfb\xfa\xfa\xe2r@\x08\x95\n\xac\x01 \xf7\xe2j\xf9\xe9\xd2\xa5\xcb\xe6\xcd\x9b\xc5\x86\x01\x94\xd2\xa0\xa0\xa0\xa5K\x97Z,\x16\xc0\x0e\x00\x84J\t&amp;\x00\xe4FD\xf4\xff\xfd\xf7\xdf;u\xeat\xe8\xd0!W\xf4\xafV\xad\xda\xca\x95+\x9b6mJ)\xc5\t\xc0\x08\x95\x16\xbc\x96\x90\xbb\x10\xd1?))\xe9\xfe\xfb\xef\xcf\xcc\xcc\x14\xd1_\xd7\xf5&amp;M\x9a\xfc\xf5\xd7_\xd1\xd1\xd1\xb8\x06\x1cB\xa5\x0b\x13\x00r\x0b\xa2\xd7w\xee\xdc\xb9\t\t\t\xae}\x80u]\xef\xdd\xbb\xf7\xfa\xf5\xeb\xc3\xc3\xc31\xfa#T\xea\xb0\x13\x18U&lt;\x11\xdcw\xec\xd8\xd1\xae];\xb1\xc8\x8fh\xf9\x193f\xcc\xd4\xa9S\xe1\xda\xfaq\x15}\x9a\x08U6xQ\xa1\x8a\'\x86x\xbe\xf0\xc2\x0b\xba\xae\xbb\xc6\xfc\xbc\xfe\xfa\xebS\xa7Ne\x8ca\xf4G\xa8\x8c`\r\x00U0\x11\xdfw\xef\xde\xdd\xa2E\x0bW\xf4\x1f8p\xe0\xfc\xf9\xf3u]\x17=\x01\x15}\x8e\x08UNX\xb0B\x15L\xb4\xf9\xac[\xb7\x0e\x00dY\xa6\x94Z\xad\xd6\xa9S\xa7\x8a%\xa01\xfa#Tv0\x01 \xb7p\xec\xd81\xb8\xb6Dh\xb7n\xddBBB\xb0\xe5\x07\xa1\xb2\x86\xcbA\xa3\n&amp;\xca\xf8\xb9\xb9\xb9\x8a\xa2\xa8\xaaJ)\x8d\x88\x88\x10\xeb\x80V\xf4\xa9!T\xc9a\x02@n!33S\xd7\xf5\xfc\xfc|\x00\xc0\x85\xde\x10*\x1f\x98\x00P\x05\x13\xb1~\xc8\x90!\xad[\xb7\x16}\x00\xdd\xbau\x83\x12\xef\x18\x83\x10\xbam8\n\x08!\x84\xbc\x14\xd6\x00\x90[\xa0\x94RJEqDQ\x14\x9c\xf4\x8bP9\xc0\x1a\x00r\x0b\xc5\xc7\xfc\x88\xef$v\x03 T\xd60\x01 wq\xfc\xf8\xf13g\xce\x84\x84\x84DEEU\xf4\xb9 \xe4\x15\xb0\x9f\rU$1\xdc\xd3\xe9t\x8e\x1c9\xb2I\x93&amp;\xdd\xbbwo\xd6\xacY\\\\\\zz:\x8e\x04E\xa8\xaca\x02@\x15Il\xee\xb8`\xc1\x82\xc4\xc4D\xa7\xd3)I\x92$I\x7f\xfc\xf1\xc7\xf8\xf1\xe3\xc5.\xf0\x15}\x82\x08Uf\x98\x00PE\x12\r\xfd\x7f\xfe\xf9\xa7,\xcb\x8a\xa2\x88\x88/\xcb\xf2\xa6M\x9b\xc4B@X\t@\xa8\xec`\x02@\x15\xcf\xe9t2\xc6D\xac\xe7\x9c3\xc6t]\xa7\x94V\xf4y!T\xc9a\x02@\x15I\x04\xfd\xfa\xf5\xebs\xce\xc5\xe8OUU9\xe75j\xd40\x1a\x8d\x8c1\x1c\x0b\x84P\xd9\xc1\x04\x80*\x92$I\x9c\xf3\xe1\xc3\x87\x87\x84\x84\xd8\xedvJ\xa9\xc3\xe1\x00\x80W^y\x05\xae\xa5\x07\x84P\x19\xc1a\xa0\xa8\x82\x89\x95\x7f\xd2\xd2\xd2f\xcc\x98q\xf0\xe0\xc1\x1a5j\x0c\x1f&gt;\xbcK\x97.\xb8"\x10Be\r\x13\x00\xaax\xff\x8c\xf5\x18\xfd\x11*\x07\x98\x00\x90[pm\xfd(\xbe\x90\xb8\x14\x04B\xe5\x00\x13\x00B\x08y)\xec\x04F\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a\x02@\x08!/\x85\t\x00!\x84\xbc\x14&amp;\x00\x84\x10\xf2R\x98\x00\x10B\xc8K)\x15}\x02\xc8\xbdp\xce\x19c\xe2\xc6?\x7fJ\x08\x01\x00I\x92\\\xb7\x11B\x9e\x8b\xdc\xf0:G\xde\x83s.\x82&gt;!D\x92\xa4\x92\x87uJ)\xe7\xfcV\x7f\x0b!\xe4&gt;0\x01x/\x11\xc1\x15\xe5o\xb5\xc0\xec\xec\xec\xb4\xb4\xb4\x82\x82\x82\xd3\xa7O\x9f&gt;}\xba\xf8\x8f\x02\x03\x03\x9b6m*\xcbrDD\x84\xd5j\x95e\xb9\xf8\xa1\x00\x003\x01B\x9e\x05\x13\x80\xd7\x11\xe5}W\xb0\xd6u=--m\xdb\xb6m\xeb\xd6\xad;p\xe0\xc0\xb1c\xc7\xb2\xb2\xb2n~\x84\x80\x80\x80\x9a5k6j\xd4\xa8s\xe7\xce\x1d;vl\xd2\xa4\x89\x8f\x8f\x8f\xf8\x11\xa5T\xd4\t\xca\xfce \x84\xee\x18&amp;\x00/"B\xbf\xab\xe4\xbei\xd3\xa6\xe5\xcb\x97\xff\xf6\xdboiii\xba\xae\xdf\xf6a\xeb\xd4\xa9\x13\x13\x13\xf3\xf0\xc3\x0f\xc7\xc5\xc5\x19\x8dF\xc04\x80\x90\x87\xc0\x04\xe0\x15\x8a\x87\xfeK\x97.\xfd\xf4\xd3O_\x7f\xfd\xf5\xa6M\x9bn\xf8dE\x96-\xfe~~&gt;\xa6\x06aw\x01c\x00\x00\x1c@\x91/^\xb8|\xf1r\x96\xc3\xe1(,\xb4\xdf\xf0\x17\x1b5j\xd4\xaf_\xbf\'\x9ex\xa2Q\xa3F\x00@)\xc5F!\x84\xdc\x19&amp;\x80\xcaO4\xf8\x00\xc0\xa5K\x97\xbe\xfc\xf2\xcb\x993g^\xbat\t\x00$I\x12\x03~\x00\xa0v\xed\xea\xad[6n\xd5""\xbay\xa3\xda\xb5\xaaU\xab^\xc5(\xcb&gt;U\x83@|=8\x80$\xd1\x9c\xbc\xdc\xc2\xa2\xfc\x9c\xfc\xa3\xa7\xce\xed=p|\xcf\xbe\xb4m\xa9\xfb\xd2\x8e\x9e\xd2uZ\xfchF\xa3q\xc0\x80\x01c\xc7\x8e\x8d\x8c\x8c\x04\x00Ji\xf1\xde\x02\x84\x90\xfb\xc0\x04P\xc9\xe9\xba\xae(\x8a\xae\xeb_~\xf9\xe5\xbb\xef\xbe{-\xf4\xcb\x8cQ\x00\x88h\\\xff\xbe\xb8N\x8f&lt;\xd4\xbdyT\x98O\x88\x15@\x01\xd0A\xd3A\xd7\x81s\xe6\xd4\xc1U|\xe7 )2\xc8\x12H\x12\x18\r\x002\x00\xa7\xb9yi\xc7\xcf\xfc\x9a\xbca\xf9\x8fk\xb6\xa6\xee\xa5\x94\xc1\xb5L`0\x18F\x8e\x1c\xf9\xc6\x1boT\xadZU\x0c1\xc2\xaa\x00B\xee\x06\x13@\xa5%\xca\xe3\x92$m\xdd\xba\xf5\xf9\xe7\x9f\xdf\xbau+\x00\xc8\xb2L)5\x1a\xd4\x9e\xf7vzfT\xdf\xee]\xdb\xca\xbe~\xc04(rPM\x17\xc3:\t\xb9:\xc6\xff\xba\x90-\xbe*\x9c_\x1d9J\x08\xc8\xb2\x0c&amp;#\xa8Fp:\xf6\xee9&lt;c\xd6w?\xfd\xbc\xe6\xd2\xe5,\x00\x90e\x89RV\xa3F\x8dO&gt;\xf9\xa4_\xbf~\x80U\x01\x84\xdc\x0f&amp;\x80\xca\xc9\x15m\'M\x9a\xf4\xce;\xef\xe8\xba\xae\x1aT\xcd\xa9\x19Te`\xff\x07\xc6&gt;7(\xb2U\x13\xe0\x0c\xf2\x0bu]t\xd8\xdeN\t\x9d\x03p\xc6\x18\xe3\xb2,\x11\x1f\x13(\xc6Kg\xcf\xcfLZ\xf2\xe5\xcc\xef.]\xc9\x12\xc9\x06\x00\xfa\xf5\xeb7c\xc6\x8c\xe0\xe0`\xcc\x01\x08\xb9\x15L\x00\x95\x90h\xf6IOO\x1f:thrr\xb2+\x10\xf7\x8a\xeb\xf4\xd1\xfbc#[D\x82\xe6\xa4\x05\x85\x00D\x92\xa5\xd2j\x97a\x8cq\xc6e\x93\x11\xcc&gt;\x97\xce]x\xf7\xfd\xc4/g}\xa7Sj0\x18\x9cNgXX\xd8\xdc\xb9s;v\xec\xa8i\x9a\xaa\xaa\xa5\xf47\x11Bw\x04\x13@e#\xa2\x7fjjj\xef\xde\xbd\xd3\xd3\xd3M&amp;\xa3\xdd\xee\xa8Q-\xe4\x93\x8f^\xea7\xe0A`\x94\xe6\x15\x12\xa9\xac\xc6hr\xce)\xa5\x8a\xc9\x04f\x9f\xad\x1bR\x9f\x1f\xfb\xfe\xd6\xed\xfbE\x0eP\x14\xe5\x8b/\xbe\x88\x8f\x8f\xc7\xd1A\x08\xb9\t\x1c\xa9]\xa9\x88\xe8\xbfd\xc9\x92\xb8\xb8\xb8\xf4\xf4t\x83\xc1`\xb7;\xe2b\xdao\xdf\xbc\xb8\xdf\xa0GXn&gt;+(\x92\x15\xb9\xecF\xe8\x13B\x14E\xe1\x9aFm\xb6\xb6\xed\x9bo\xf8k\xfe\x98g\x078\x9dNB$\xceYBB\xc2\xa4I\x93dY\x16\xbd\x08et\x0e\x08\xa1\x12\xc2\x1a@\xe5!\xa2\x7fRRRBB\x82\xe8\xc4\xe5\x9cO|m\xe4\x84I\xcf\x02eza\xd1u\xab&gt;\x945J\xa9$\xcb\xc4\x12\xb0d\xe1\x8aQ\xcf\xbem\xcb\xce\x13U\x81\xf8\xf8\xf8\xc4\xc4D\x1c\x1a\x84P\x85\xc3\x04PI\x88\xe8?{\xf6\xec\xf8\xf8xUUu]\xf7\xf35O\xfb\xe4\x95a\t\x83hN\x06\xb9\xb6\x84g9\xe3\x9cS\x9d*AUR7n\x1d\xf0\xd4\xcbGO\x9c3\x9bLEv\xbb\xc8\x01\xe2\x9c\xcb\xff\xac\x10B\x02&amp;\x80\xca@\x8c\xae\xd9\xb2eK\x87\x0e\x1ddY\xd6u\xdd\x1ahI\xfeyft\xa7\xb6ZV\x86\xaa(P\xa1\xe5l]\xd3\x95@\xff\xac\xcbY=\xef\x8bO\xddu\xc8d2\xd9\xed\xf6\xa9S\xa7\x8e\x193\x06\xfb\x84\x11\xaa@\x98\x00&lt;\x9e\x98\xe8\xbbo\xdf\xbe\xae]\xbb\xe6\xe6\xe4\x00!\x01\x16\x9f\xdf\x7f\xfa2\xbaSk-+\xcbM\xc2+\xd5u\xd9\xd7\xc7f\xcb\x8b\xbb/&gt;u\xe7A\x93\xd1hw8\xbe\xfe\xfa\xeb\xc1\x83\x07\xe3\xd8P\x84*\n&amp;\x00\xcf&amp;\x16\xf9\xb1\xdb\xed\x1d:t\xd8\xbbw\xaf\xd1`p8\x9d)?}\xd9\xe3\xc1X-\xeb\x8a\x9bD\x7f\x81\xeaT\xf6\xf3\xb9\x92\x9e\xd1\xa4\xd5#W2r\x14Y2\x18\x8d[\xb6l\x89\x8a\x8ar-V\x81\x10*Ox\xd5y6\xb1\xc4\xdb\xe8\xd1\xa3\xf7\xee\xddk2\x1a\x1dN\xe7\xcc\xa9\xe3{&lt;\xd8]\xcf\xcap\xab\xe8\x0f\x00\xb2"\xd3\xfc\xc2*5\xab\xfe\xf2\xc3\x0c\x1f\x1f\xa3$I\x85\x85\x85\x03\x07\x0e\xcc\xcf\xcf\xc7AA\x08U\x08L\x00\x1eL4\x9e,Y\xb2d\xee\xdc\xb9\xa2Qe\xe8\x80\x07G\x8e\x19\xa6g\xe7(\xaa;v\xae\xca\x8a\xac\xe7\xe4\xb5\xe9\xdc~\xc6\xc7/;5\xcdh4\xee\xdd\xbb\xf7\xd5W_\x95e\xd9\xb5,\x1dB\xa8\xdc`\x13\x90\xa7\x12\x11\xf3\xf2\xe5\xcb\xcd\x9a5\xcb\xca\xca\xa2\x94F5\xa9\xbfi\xdd\xb7&amp;\x83"\xe9\x94\x94\xda\x0c\xdf\xd2\xa7\xebT\xb1Z\x87\x0f|q\xce\xc2\x9f\x8dF\x83\xc3\xe1LII\xe9\xd1\xa3\x07v\x06 T\xce0\x01x*\x11.\x87\x0c\x192o\xde&lt;\x83\xaa\x02\xe1[\xd7|\xd3\xbc}s\x9a\x93\'+n\x1dF9\xe7L\x96\xedN\xady\xeb\xc7N\x9e\xbe\xc0\x18\x0f\x0b\x0b\xdb\xb7o\x9f\xa2(83\x00\xa1\xf2\x84M@\x1eID\xffu\xeb\xd6\xcd\x9f?\xdfh485\xed\xa5\xd1\x83\x9awl\xa3g\xe7\xbay\xf4\x07\xb1\xc8\xa8S\xf3\xb5\x06|\xf1\xe9\xab\x942UU\xd2\xd2\xd2\xa6L\x99R|\x7f\x02\x84P9\xc0\x1a\x80G\x12\xc3f\xbau\xeb\xb6v\xedZY\x96\xeb\xdeU}\xc7\x96%\xbe&gt;&amp;\x89RO)ASJe\x7f\xff\xbe\x8f\x8d^\xbab\x95,\xcb\x01\x01\x01iiiAAA\xf0\x8fe\xa8\x11Be\x04k\x00\x9eG,\xa6\xb6f\xcd\x9a\xb5k\xd7\xaa\xaaB)}\xf3\xe5\x11\xfeU\xaap\xa7\xe6A\xa1\x93\x10\xc2\xa9\xfe\xee\x84g\x8c\x06\x95\x10\xc8\xca\xca\x9a&gt;}:!\x04+\x01\x08\x95\x1bL\x00\x9e\xea\x93O&gt;\x01\x00\xaa\xd3F\xe1w?\xd1\xff\x01\x96\x97\xe3\xfe\x8d?\xc5I\x92\xc4\xf2\x0b\xc3\x9aG\xf4\xeb\x13\'\xf6$\x989sf~~\xbe$IX+E\xa8|`\x02\xf00b\xe0\xff\xf1\xe3\xc7\xff\xfc\xf3OY\x96\x18\xe7\xe3F\x0f4\xfa\xfb3\x9dzL\xe1\xff\x1a"\x11\xae9_\x19;XQdB\xc8\xa5K\x97~\xfe\xf9gB\x88\xd8\xbd\x00!T\xd60\x01x\x18\xd1B2\x7f\xfe\xfc\xa2\xa2"\xce\xa1j\x15k\xef\xde\xddyQ\x81,{\xdeG)I\x12/,j\xd4\xacq\x97\x8e-\xc5\xebJJJ\xc2Y\xc1\x08\x95\x1b\xbc\xd2&lt;\x8c,\xcbN\xa7s\xe1\xc2\x85\xa2\xb9|\xf0\x93\x0f\x84\xd4\xaeC\xedN\x0fj\xfd/\x8es \xaa\xf2\xc2\xb3\x03\x01@\x92\xa4\xf5\xeb\xd7\x1f;v\x0c\x87\x03!T&gt;0\x01x\x12J)!d\xc7\x8e\x1d\'N\x9c\x10C\xe6\x1f{\xa8;\xa7\x0e\x0f\x8d\xfe\x00 I\x84\x17\x16v\xea\xdc\xb2Zh0\xe7\\\xd7\xf5\x15+V\xc0\xb5\x8a\x0eB\xa8La\x02\xf0$\xa2wt\xe5\xca\x95\x8c1\xc6X\xc3\xb0:-\xa2\xa3\xa0\xa8\xc8\x13\xdb\x7f\x04B\x08sj\xfe\xa1U{\xc5v\x10\xaf\xee\xf7\xdf\x7f\xe7\x9cc+\x10B\xe5\x00/3O"\xc2\xe2\x86\r\x1b\xc4\xdd^\xb1\x1d\r\x96\x00\xaayz\x97)\x01\xe0\xbd\xef\xef\n\x00\x84\xc0\xbe}\xfbl6\x1b\x8e\x05B\xa8\x1c`\x02\xf0\x18\xa2\\\x9c\x91\x91\xb1{\xf7n\xd1\xe4sO\xc7\x96\x00\x1e3\xf3\xeb\xff#I\x04\x1c\x8eV\xcd\x1b\xfb\xf9\x9a\x01HVV\xd6\xae]\xbb\x00[\x81\x10*{\x98\x00&lt;\x86\x08\x88\x87\x0f\x1f\xb6\xd9l\x00\xc4l6\xb6n\xd1\x18\x9c\x1e\xdc\x01 \x10B\xb8\xc3Y\xbdn\x8d\xb0\x06u\xc4\xba\xd0\xdb\xb6m\x83k\xed]\x08\xa1\xb2\x83\t\xc0c\x88\x80\xb8{\xf7n\x11%\xef\xaeS\xbdJ\x8d\xaa\xdc\xa9In\xbc\xf0g\t1\xc6d\xa3\xb9E\xd3\x86\xe2\xee\x8e\x1d;\x00\x17\x84@\xa8\xeca\x02\xf00iii\xe2\xc6\xdduj\x18\xfd\xfd8\xad\x0c\xed$\x9c\x03\x80\x14\xde\xe0.q\xf7\xc4\x89\x13\x9a\xa6a?0Be\r\xaf1\x8f!\x02\xe2\xbe}\xfb\xc4\xddV\xcd\x1b\x03\x97\x19\xab\x0c\xed$\x84\x10\x00\xbdE\xb3\xab5\x80\x93\'O\xe6\xe7\xe7\x13\x82+\x15"T\xb60\x01x\x12\xb1\x03\xb0\xb8-I\x12T\xaeF\x12E\x96\x01\xae\xbe&amp;\\\r\x02\xa1r\x80\t\xc03\x88!@999\x07\x0f\x1e\x14\x8f4o\x1a^\t\x86\x00\t\x84\x10p8\x1b\xd4\xafc\xf1\xf3\x01 \xae\x97\x89\x03\x81\x10*S\xee\xb8s,\xfa\xff\x88\xb9\xb2\xe2vpP @%i!!\x04\x80\xb1@\x7f?UUD\xb3\x8f\xebe"\x84\xca\x0e\xd6\x00&lt;\x8c\xab\xc8_\xf9B\xa4N\x99\xab\xd1\xbfr\xd4l\x10rs\x98\x00&lt;U\xe5\x0b\x91\x95\xee\x05!\xe4\xee0\x01x\xaa\xca\x98\x00*\xdb+B\xc8\xcda\x02\xf0$\xc5G\x01iZ\xe5j\x02"D\xd7u\xce\xb9\xc8\x02\xd8\xfd\x8bP9\xc0\x04\xe0\x19\xc4\xea\xff\xfe\xfe\xfe\r\x1b^\x1d,\xbfu\xfb~\x00\xa5r\x8c\x94g\x8c\x83\xd1x\xf0\xd0\x89\x9c\xdc\x02\x00b\xb1X\xc2\xc3\xc3\xe1\xda\xd4\x07\x84P\x19\xc1Q@\x9eDQ\x14\xb3\xd9,nW\xb622\x01\xc6\xb9\xc8g\x92$Y,\x96\x8a&gt;!\x84*?,ay\x0c\x11\x1c\xef\xbe\xfbnqw\xdf\xc1c\x95f\x1e\x00\xe7\x1c@\xde\x7f\xf0\xb8\xb8[\xbdzu\xa3\xd1X9*7\x08\xb93L\x00\x1eC\x04\xc4\x88\x88\x08q\xf7\xc4\xc9\xf3zQQ%X\t\xce%\xed\xd8iq\xa3n\xdd\xbaf\xb3\x99s^9\xd2\x1bBn\x0b\x13\x80\xc7\x10\xd1\xb0i\xd3\xa6\xe2\xf6\xb1\x93g\xb3/e\x12\x83Z\tJ\xca\x92D8u\xee\xda{D\xdcm\xde\xbc9T\xbe6.\x84\xdc\x0f&amp;\x00\x8f!\x12@\x93&amp;M|}}\x01 ?\xafp\xdf\x81c`4z\xfazp\x9cs\xc9\xa0f\x9d\xbf|\xf8\xc8I\xf1\x1a[\xb7n\r8*\x14\xa1\xb2\x87\t\xc0c\x88]\x12k\xd6\xac\xd9\xb8qc\xce9\xe3|\xfd\xa6]@&lt;~ \x10c\x1cL\xa6}\xfb\x8ffd\xe5\x00\x80\xaf\xafo\xdb\xb6m\x01\x87\x00!T\xf6\xf0\x1a\xf3$\x94RI\x92:v\xec(\xee\xae\\\xb5\x999\x8b$\x8f\xdd\x11^\xe0\x9c\x03\x91W\xa6l\x12\xb7\x1b6lX\xadZ5\xec\x00@\xa8\x1cxv\xec\xf06"&amp;\xf6\xe8\xd1\x03\x00$I\xda\xb1\xeb\xe0\xd1\xfdG%\xb3\xc9\xa3[\x81dUv\xe4\xe6,\xff\xe5O\x00\x02\x00\xdd\xbbw\x97e\x19\x97\x83F\xa8\x1c`\x02\xf0$\xa2U\xa4K\x97.\xa1\xa1\xa1\x9cs\xa7\xa6\xff\xb2r=\xa8f\xcf\xed/\xa5\x94\x11\x1f\x9f\xbd;\x0f\x1e;qV\x8ch\xea\xd3\xa7\x0f`\x07\x00B\xe5\x02\x13\x80\'!\x84PJ-\x16\xcbC\x0f=$\x1aI\xbe\xfa\xe6\xc7\xa2\xec,Y\x95=\xb6\n\xc0\x81H_\xcc^\xc6\x18g\x8c5i\xd2\xa4E\x8b\x16\x9csY\x96+\xfa\xc4\x10\xaa\xfc0\x01x\xa4\xf8\xf8xI\x92$I:t\xe4\xe4\x9f\xab6\x11??\xa6{^%\x80s.\x99\x8c\x97N\x9eY\xba&lt;ETn\x86\r\x1bf0\x18\xb0\xfd\x07\xa1\xf2\x81\t\xc0\xc3\xc8\xb2\xcc\x18k\xd5\xaaU\xcb\x96-\x19c\x84\x90Of,\x04\x9d\x12\x0f\xfc$)e\xc4\xe4;s\xf6\xb2\x82B;\x00\xf8\xfa\xfa\xf6\xef\xdf\x1f\x00\xb0\xf8\x8fP\xf9\xf0\xc0\xb0\xe1\xf5\xc4\xf6\x90\xcf&lt;\xf3\x8ch*Y\xf3W\xea\xda?\xd6K\xfe\x16J=\xa9\x12\xc09\x97M\x86\xacs\xe7\xa7\'~\'I\x12c\xec\xb1\xc7\x1e\xab^\xbd:\xa5\x95d}\x0b\x84\xdc\x1f&amp;\x00\xcf#&amp;\x04&lt;\xf9\xe4\x93\r\x1b6\x14\x95\x80\x89\xef\'2M\x07\x8f\n\x9b\x942b\xf6\xfd\xf4\xbf\xdfdf\xe6H\x92d4\x1a_{\xed5\xc0\xee_\x84\xca\x11&amp;\x00\xcf#\x96\x866\x18\x0c\xaf\xbd\xf6\x1ac\xcc`P\xff\xda\xb0s\xfe\x9cer\x80U\xf7\x90M\x02\x18e\x8a\xc5\'m\xd7\xfe\x8f?\x9b\xaf\xaa\x8a\xae\xeb\xfd\xfb\xf7o\xd8\xb0\xa1\x98\xe8P\xd1g\x87\x90\xb7 \x9e&gt;\x8f\xd4k\x89\x9e\xd2n\xdd\xba\xad_\xbf^\x91\xe5\x90\xe0\xc0\xbd\xa9KC\xaa\x06s\x87\xc3\xfdc\xa8\xce\x98b\xf1\x8b\x8d\x19\xb2j\xed6E\x91-\x16\xff\x83\x07\x0f\x8a\xb1\xad\xee\x7f\xf2\x08U\x1ax\xb1y*B\x88,\xcb\xd3\xa6MSUU\x92\xa5\x8b\x973\xff\xf3\xdc;\xc4`p\xff~\x00]\xd7\x95\x00\xeb\xb4\x8ff\xafZ\xbb\xcdh4\xe8:\x9d&lt;yr\xb5j\xd5\x18c\x18\xfd\x11*Ox\xbdy*I\x92(\xa5-[\xb6|\xfd\xf5\xd7\x9dN\xcdd2.\xfbq\xcd\xb4\x8f\x92\x94\x80 ]w\xdf\x86 \xaaS%0`\xeb\x9f\x9b\xc6\xbd1MUU\x87\xc3\x19\x13\x13\xf3\xcc3\xcfPJq\xf0\x0fB\xe5\x0c\x9b\x80&lt;\x98\xd8"\x981v\xcf=\xf7l\xd9\xb2\xc5\xa0\xaa\x94\xd1\r\x7f\xcci\xd7\xad-\xcd\xce\x91\x15\xb7\xdb\xee\x8d1\x06\x065;\'?\xba}\xbfSg\xd2\xc5\xce_\xa9\xa9\xa9\xf5\xea\xd5\xc3\xc6\x1f\x84\xca\x1f^r\x1e\x8c\x10B\x08QUu\xe1\xc2\x85V\xab\x951\x06@\xee\xef\xf3\xdc\xc9\xc3\'\xe4\x00\x0b\xd5\xddk:\x15g\x0cd\x99H\xf2\x03\x0f=}\xe2\xd4yUUu]OJJ\xaa_\xbf&gt;6\xfe T!\xf0\xaa\xf3l\xa2!\xa8^\xbdzIII:\xa5\x8a\xa2d\xd9r\xfb&gt;9\xce\x96\x91-\xfb\x9a\xa9\xdb\xb4\x051\xc6\x18\x91$_\x9f\x91\tonN\xddo2\x99\x1c\x0e\xc7\x981c\x1e{\xec1]\xd7\xb1\xf1\x07\xa1\n\x81\t\xc0\xe3\xc9\xb2\xac\xeb\xfac\x8f=6s\xe6L\x87\xc3a2\x1a\xb7\xef&gt;\x14\xd7s\x84-;O\x0e\xf4w\x87\x81\xa1\x94R\xc9\xa0\xca\xfe~\tC\xc7\'}\xf3\xa3\xd9d\xb2\xdb\xedC\x86\x0c\x99:u*F\x7f\x84*\x10&amp;\x80\xca@Q\x14]\xd7G\x8e\x1c9r\xe4H\xbb\xc3a6\x9bRw\x1d\x8a\xe91t\xd7\xf6\x03JP\xb0V\xa19@\xd7t\xd9\xdfb\xcb-x\xe2\xd1g\x93\xe6\xad0\x9bLEv{tt\xf4\xe7\x9f\x7f\xce\x18\x93e\x19g~!TQ\xb0\x13\xb8\x92\xe0\x9cSJ\x15EIHHHJJ2\x18\x0cN\xa7\xd3\x1a\xe0\xb7h\xc1\xc7q\x0f\xf4`\xb9\xd9\xc0x9o\x1ds\xf5\x94\xacAG\x0f\x1e\x1d0p\\\xea\xaeC&amp;\x93\xc9n\xb7GGG\'\'\'\x8bN\x0bl\xfaG\xa8\x02\xe1\xe5WI\x88i\x01\x8c\xb1\xc4\xc4\xc41c\xc68\x9dNUUm\xb9\x05=\x1f|z\xd2\x1bS$\x1f\x93\xe4k\xd65\xbd\xdc\xd2=\xd5)\x91e\xc5\x1a\xbcd\xe1\x8f\xed;\xf5O\xddu\xc8d2\xda\xed\xf6\xb8\xb88\x8c\xfe\x08\xb9\t\xac\x01T*b`\xa8,\xcbIII\t\t\t\x00\xa0\xaa\xaa\xa6iq1\xed?\xfb\xef\xf8\xf0&amp;\x11\x90\x97Mu*\xc9r\xd9\xb5\xbbPJ\t\x10)0 \xe7J\xe6\x9b\x13\xa6O\xffr\x11\x10\xa2\xc8\x92\xae\xd3\xf8\xf8\xf8\xc4\xc4D\x00\xc0\xe8\x8f\x90;\xc0\x04P\t\xe9\xba\xae(Jrr\xf2\xd0\xa1C\xd3\xd3\xd3MF\xa3\xdd\xe1\x08\xb0\xf8\x8e{q\xe8\xcb/\x0c1X\xfc!?W\xd7\xf4\xd2m\x7f\xe7\x1c\x18\xa5D"\x92\xbf\x1fpX\xbc\xf0\x97\to\xcfH;vF4F)\x8a\xf2\xf1\xc7\x1f\x8f\x193Fl^\x86\xd1\x1f!w\x80\t\xa0r\x12\x13k\xd3\xd3\xd3\x87\x0e\x1d\x9a\x9c\x9cL\x08\x00H\x9c\xb3\xc8\x88\xfa/&lt;\xff\xd4\x80\'\xee3\x04\x04BQ&gt;\xb5;\x81\x80$I\xb7\x9d\t8\x00c\x8c3\xae\xa8\n\xf8\xf9\x01\xd5S\x927|\xfc\xe9\xd7)\xab7\xc3\xb5\xfaGxx\xf8\x9c9s:v\xec(\xd6.\xc5^_\x84\xdc\x04&amp;\x80J\xcb\xb5\xb8\xc2\xf4\xe9\xd3\xdf|\xf3\xcd\x9c\x9c\x1c\x11\x8e\x01 2\xa2\xc1\xe0A\xbd\x07\xf5\xbf/\xf4\xae:\x00:\x14\x16Q\xa7\xc69\x10B$\x89\xfc\xeb\x92\xcc\x9cs\xc69g\x9c\x10\x90e\x19|\xcd \x19\x1c\xd9\xb6%\xcbS\xe6/\xfc\xa5x\xe8\x07\x80\xd1\xa3GO\x9e&lt;9  @\xd4K\xca\xe3\x95#\x84J\x06\x13@e\xc69\x17K,\xa4\xa5\xa5M\x980a\xf1\xe2\xc5pm\xcc(\x00\x84V\r\xbe\xafW\xe7\xde\xf7w\xebvO+\xff\xd0\x10\x00\t\xb8\x0e\x0e\'\xe8\x94\xe9\x94\x03p\xce\xe0\x7f\x9b\x0cpB\x08\x01B$\x89\xa82\x18\x0c +\x00@\xf3\xf2\xb6n?\xb0\xfc\xe7?\x7f\xf9u\xed\xe1\xb4S\x00\xa0\xaa\x8a\x18x\xda\xb6m\xdbw\xdf}7&amp;&amp;\x06\xb0\xd1\x1f!\xb7\x84\t\xa0\xf2s\x15\xbdSRR&gt;\xfe\xf8\xe3\x94\x94\x14\x00 \x04\\\x9f|\xad\x9a\xa1\xd1\xd1\x91\xf7th\xd1\xb2y\xa3\x88\xb0\xbb\x83\xac\x01\x92\xbf\x1f\x00\x07b\x00p}=\x08\x80\x0e\x9c\x81\xdda\xcb\xcc9z\xf2\xfc\x81C\xc7\xd7o\xdc\xb95u\xdf\xc1C\xc7\xc53\xc4\xc6^\x00\x10\x19\x19\xf9\xc2\x0b/\x0c\x1c8PUU\xb1\xc4?6\xfb \xe4\x860\x01x\x85\xe2]\xaf)))\x0b\x16,X\xb1bEnn.\x00\x10\xf2\xb7\xef@\x80\xbf_\xcd\x1aUC\xabU\t\xf037o\xde\x88SF\x008\xe7DQO\x9d&lt;{\xfa\xc2\xa5\x82\xdc\x82\xa3\'\xce\xdal\xb9\xae_q\x1dA\x96\xe5\xee\xdd\xbb\x0f\x1c8\xb0_\xbf~\x06\x83\x01\x8a5C!\x84\xdc\x10&amp;\x00/R\xbc0~\xee\xdc\xb9\xc5\x8b\x17\xff\xf0\xc3\x0f\xa9\xa9\xa9w\xbe|tDD\xc4}\xf7\xdd7h\xd0\xa0\xa6M\x9b\xfe\xf3o!\x84\xdc\x13&amp;\x00\xaf#\xb6\x12s\x15\xcc\x0f\x1e&lt;\xb8u\xeb\xd6\xf5\xeb\xd7o\xdd\xba\xf5\xf4\xa9S\x05\x85\x85%9\x88\xa2(5j\xd4h\xd5\xaa\xd5=\xf7\xdc\xd3\xb1c\xc7\x96-[\x8a\x03\x8a\x89\x08\x18\xfa\x11\xf2\x08\x98\x00\xbc\x94X\xa7\xa1\xf8T\x00J\xe9\x85\x0b\x17\x8e\x1d;\xb6g\xcf\x9e\x9c\x9c\x9c\xd3\xa7O\x9f:uJ4\xef\x88\xff\x03\x03\x03\x9b5k\xa6(J\x9b6mj\xd5\xaau\xd7]w\xf9\xf8\xf8\xb8\x0e\xa8\xeb\xba$I\xd8\xd3\x8b\x90\x07\xc1\x04\xe0\xed\xc4\x962b%\x89[\xfd]J\xa9H\x0fX\xe4G\xc8\x13a\x02@W\xf1b\xe0\xdan3\xff|\x82\xebG8\xa5\x0b!O\x87\t\x00!\x84\xbc\x14\xb6\xd8"\x84\x90\x97\xc2\x04\x80\x10B^\n\xd7fA\xe5A\xb44\x8a\xf9h.\xd8\x91\x80P\xc5\xc2&gt;\x00TV\xc4\x9c\x00\xb1\x18\xd1M\x86\x87\xba\x86!\xe1P"\x84\xca\x19&amp;\x00T\xfaDL/\xbe\xf6gQQQAA\xc1\xc1\x83\x07\xc544\xa1A\x83\x06\xfe\xfe\xfe\x01\x01\x01\xaeG\xae\x9b\xa4\x86\x10*S\x98\x00Pi\x12E~\x11\xc1\x0b\x0b\x0b\xf7\xec\xd9\x93\x9c\x9c\xbcy\xf3\xe6C\x87\x0e\xe5\xe6\xe6\xe6\xe4\xe4\x14\x7f\xb2\x8f\x8f\x8f\x8f\x8fODDD\xcb\x96-\xbbu\xeb\xd6\xb1c\xc7\xe0\xe0`(\xb6\xafY\xc5\xbc\x06\x84\xbc\x06&amp;\x00T:\x8aG\xed\xfd\xfb\xf7\xcf\x9b7o\xc9\x92%g\xce\x9c)\xf9\x11\x82\x83\x83\xc5\x82B\xb1\xb1\xb1\xf0\xf7\x05\xec\x10Be\x01\x13\x00*\x05\xaeU?\xb7n\xdd\xfa\xde{\xef%\'\';\x1c\x8e\x7f&gt;\xcdl6\x99LF\xce\x18!\x841\x96\x93\x9b\x7f\xc3\xa3u\xe8\xd0\xe1\xd9g\x9f\xed\xdf\xbf?\xe0z\xa2\x08\x95%L\x00\xe8N\x89\xfd\x06.\\\xb8\xf0\xc6\x1bo,X\xb0@\xd34\xd7\xc6\x00\xb2,5\x0c\xaf\x1b\x1b\xd3\xbeYT\xd8]\xb5k4\xb8\xab\xba%\xd0\x02\x94\x02!T\xa7\x07\x8f\x9e\xce\xb8\x92\xb5so\xda\x9f\x7fm\xdb\xbd\xe7Ha\x91\x1d\x00dY\x16=\x01\xb1\xb1\xb1\x93\'On\xdb\xb6-n$\x89P\x19\xc1\x04\x80n\x9fk\xc7\xb1\xe4\xe4\xe4a\xc3\x86]\xb8p\xc1\x15\xbek\xd5\x0c\xed\xd7\xb7\xe7S\xfd\xef\x8fhT_\xb6\xf8\x030\x00\x06\x0e\'0\xb1\xcb\x18\x07B\xc0h\x00"\x01(\xe0(8s\xfa\xc2\x92\x1fR\xe6\x7f\xfb\xcb\xde}ipmGI\xd7V\xf2\x80{\x8a!T\x060\x01\xa0\xdb\xe4\x8a\xfe\x93&amp;M\x9a8q"\x00\x18\x0c\x06\xa7\xd3\x19\xde\xa0\xce\xab/\x8fx\xacw\x8c\x7f\xd5*\xa0;\xa0\xc8\xa1\xeb\x14\x08\x90\x7f,/\xc4\x18\x17\x87\x91e\x99\x18\r`\xf4\xa1\x05yk\xd6m\xff\xe8\xa3\xd9\xab\xd6n#D\x92$\xa0\x94\xf5\xed\xdbw\xe6\xcc\x99V\xab\x15s\x00B\xa5\x0b\x13\x00\xba\x1d\xae.\xdf\x84\x84\x84\xa4\xa4\xa4\xffm\x01\xfft\xff\xc9\x93\x9e\x0b\xa8\x12\x02\x05y\xbaS\x93\xa4\xab\xdb\xcc\xff+\xc69\xa3LQd\xb0\xf8\x82F\xa7\xcfX\xf0\xe6\x84\xe99y\x05&amp;\x93\xd1nwDGG\'\'\'W\xee\x1c \xdeR\xb86i\xceE\xe4L\x8f\x9e$\x81\xeb\x0c\xba-L\x00\xe8\x96\xb9\xca\xfe"\xfa\x9bL&amp;\xbb\xdd^=4xn\xd2\xe4\xb8\x07{@A\xbe\xeet\x16\xdfi\xe0\x96PJ\t\x91\xa4\x80\xc0\xb4\x03\x87\x87\x8dxc\xe3\x96=f\xb3\xa9\xa8\xc8^)s\x80k\xae\\I\xde\xae;Y\xb8\xbbB\xe0J\xe3\xee\x0f\x13\x00\xbae\xa2\xd7WD\xff\xab\xd1\xb9E\xe3\x1fW|^\xbdN\r\xdd\x96#\xcb\xa5p\xc5\xea\xba\xae\xf8\xf9\xea\x94\xfdg\xd4\x84\xa4y+\xcc&amp;S\x91\xfdj\x0e\x08\x08\x08\xa8\x04%D\xb1!O\xf1\xb9r\x19\x19\x19\x07\x0f\x1e\xcc\xcc\xcc\xdc\xbbw\xaf\xebA\xb1\xfdN```xx\xb8k\xc6\x9c\x9bo\xbb\x86{\ry\x10L\x00\xe8\xd6\x88\xe8?m\xda\xb4\xb1c\xc7\x8a\xb2\x7ft\x8b\xc6\xc9\xbf\xcf\xb6\x06\x07\xe8\xb9\xf9\x8aZj\xabKQJ%E!\xbe&gt;\tC\xc7\'\xcd[!2M\x9f&gt;}\x96.]*\xce\xa1\xb4\xfeP9+&gt;a\xc2\xe1pl\xd8\xb0a\xe5\xca\x95\x7f\xfd\xf5WZZ\xdau\x13\xe5\x8a\xabR\xa5J\xd3\xa6M{\xf6\xec\xd9\xa5K\x97\xe8\xe8h\xf1\xa0\xbbm\xbc\x8c\xbb\x8dz\x1cL\x00\xe8\x16\x88+p\xeb\xd6\xad\x1d;v\x94e\xd9\xe9t\xb6n\xd1\xf8\x8f\xdfg[\xad\x16ZP$+\xa5\xdc4\xc1\x19g\x12\x91\xfd|\x13\x86\xbc\x9a\xf4\xcd\x8f\xa2?`\xea\xd4\xa9c\xc6\x8c\xf1\xd0\xf9\x01\xae\xd3&gt;w\xee\xdcW_}\xb5x\xf1\xe2\xc3\x87\x0f\xdf\xeaA\xda\xb7o\x1f\x1f\x1f\xdf\xa7O\x1f\x8b\xc5\x02\xee1U\xa2x*:w\xee\xdc\xe2\xc5\x8b\x7f\xf8\xe1\x87\xd4\xd4T]\xd7\xef\xf0\xc8\x11\x11\x11bz`\xd3\xa6M\xff\xf9\xb7\xd0\x1d\xc2\x04\x80JJ\x14\xc1\xf2\xf3\xf3[\xb6ly\xea\xd4)I\x92,\x16\x9f\x1d\x1b\x17\xd5mx7\xcd\xc9/\xf5\xe8\x7f\xf5\x8f2\xc6e\x99\xa8j\xfbN\xfd\xb7n?\xa0\xaa*cl\xeb\xd6\xad-[\xb6\x14\xfd\x10e\xf1G\xcb\x82\xab\xe3\xe4\xf2\xe5\xcb\xef\xbc\xf3\xce\xbcy\xf3rss\xa1\xd8\xbc\x07\x00\xf01\x9b||\xcd\x11\r\xeb\xca\x8a\x0c\x8c\x83"\xe5\xe5\xe4\x1f?y&gt;7/\x9f\xeaW\x9f\xf3\xbf\x81\xb6\xb5j\xbd\xfc\xf2\xcb#G\x8e4\x18\x0c\x15X%*&gt;a;%%e\xc1\x82\x05+V\xac\x10/M4\xef\xb8\x9e\x19\xe0\xefW\xb3F\xd5\xd0jU\x02\xfc\xcc\xcd\x9b7\xe2\x94\x11\x00\xce9Q\xd4S\'\xcf\x9e\xbep\xa9 \xb7\xe0\xe8\x89\xb36[\xae\xebW\\G\x90e\xb9{\xf7\xee\x03\x07\x0e\xec\xd7\xaf\x9f\xc1`\x00\xf7H{\x95\x00&amp;\x00TR\xe2\x92\x13\x83&gt;\x8dF\x83\xc3\xe1\\\xf2\xf5\xfb\x8f\x0f~L\xcf\xca*\xc5\x96\x9f\x7fb\x94\x11_\xf3\xc9\xb4S\xcd\xdb=aw85M\xef\xd2\xa5\xcb\xda\xb5k=\xa87\xd8\x15\xad\xa6O\x9f\xfe\xce;\xef\\\xbe|\x99\x10p]y\xd1\xad#\xbbtj\x15\x1b\xd3\xaeQ\x83:\x01\x01\x96\x80*V\x90d\xe0\x1c$\x02E\x0e\x9b-7\xfdr\xc6\xe1#\xa7\x7fY\xb9~\xf3\xe6]\x87\xd3N\x01\x80k\xaa]\x93&amp;M&gt;\xf9\xe4\x93\xb8\xb8\xb8\n\x99.\xe7J&lt;)))\x1f\x7f\xfcqJJ\n\x00\x14\x7fi\xb5j\x86FGG\xde\xd3\xa1E\xcb\xe6\x8d"\xc2\xee\x0e\xb2\x06H\xfe~\x00\x1c\x88\x01\xc0\x15y\x08\x80\x0e\x9c\x81\xdda\xcb\xcc9z\xf2\xfc\x81C\xc7\xd7o\xdc\xb95u\xdf\xc1C\xc7\xc53\\\xaf722\xf2\x85\x17^\x188p\xa0\xaa\xaaX\x15\xb8s\x98\x00P\x89\x88\xf8r\xf4\xe8\xd16m\xda\x14\x16\x16j\x9a\xd6\xf7\x91\x1e\xdf\xfd\xf0\xb9\x9e\x9d\xad\x94}AL\xd7t%(\xf8\x8bO\x92\x9e\x19\xf7\x91\x18r\xfa\xddw\xdf\xf5\xed\xdb\xd7#\x8a\x81\xe2$333\xff\xf3\x9f\xff,Y\xb2\x04\xae\x95\xe2C\xab\x04=\xf4P\xf7!\x03\x1e\xea\xd0\xa1\x19\x18\xcd\x00\x14\x1cN\xa0\x8ci\xda\xd5\xdf\xe4@d\x89(2(\n\xa8*\x80\xe4\xcc\xb6\xad\\\xb5y\xce\xbc\x1f\x7fO^\xef\xd4t\xd7\xe8\xdb\x89\x13\'N\x980\x01\xcaq\xba\x9c\xabB\x93\x96\x966a\xc2\x84\xc5\x8b\x17\x03\x80\xa2(\xa2\xcd\'\xb4j\xf0}\xbd:\xf7\xbe\xbf[\xb7{Z\xf9\x87\x86\x00H\xc0up8A\xa7L\xa7\x1c\x80s1\x1f\xf0\xea\xc1\x08!\x04\x08\x91$\xa2\xca`0\x80\xac\x00\x00\xcd\xcb\xdb\xba\xfd\xc0\xf2\x9f\xff\xfc\xe5\xd7\xb5"\xed\xa9\xaa\xa2i:\x00\xb4m\xdb\xf6\xddw\xdf\x8d\x89\x89)\xcf\x97\\)a\x02@%"\xcaz/\xbe\xf8\xe2\xa7\x9f~*\xcb\xb25\xd0r`\xc7\xf7UB\x83\xb9C+\xd9@\xff;E\x19\x93}}\xbbv\x1b\xb4n\xe3.\xcey\xcb\x96-w\xec\xd8\xe1\xfe\x17\xbfx\xdfRSS\x07\x0c\x18p\xf4\xe8Q\xa3\xd1\xe8p8TY~\xf5\xa5\xe1\xcf&gt;\xf3d\xd5Z5\x80i&lt;\xbf\x90RF\x08\x889\x137\x1c#\xcf9\x07\x0e\xb2\xaa\x80\x9f\x0f\x00\xd9\xbf\xeb\xd0{\xef\xcfZ\xb4t%\\\x0b\x8bqqq\x8b\x16-*\x9fa\xb2\xc5+4o\xbe\xf9fNN\x8e+\x15EF4\x18&lt;\xa8\xf7\xa0\xfe\xf7\x85\xdeU\x07@\x87\xc2"\xea\xd48\x07Bn\xf8\xe2\xae\xc79g\x9cs\xc6\t\x01Y\x96\xc1\xd7\x0c\x92\xc1\x91m[\xb2&lt;e\xfe\xc2_RVo\x86k\xb3\xc4\x01`\xf4\xe8\xd1\x93\'O\x0e\x08\x08\xf0\xe8A\x01\x15\x0b\x13\x00\xfawb\xb8^fffDDDff\x06\xa5l\xc2\xab\xf1\x13\xdf\x7fE\xcf\xca(\xd3\xc6\x9f\xe2(\xa5r\x80\xff\xda\xdf\xfe\xea\xf6\xc0(\x11}V\xadZ\xd5\xb5kWw\xae\x04\xb8\xa2\x7f\\\\\x9c\xcdf\x133\xa5\xdb\xb6\x8e\xfc\xef\xd4\xf1m;\xb5\x85\xa2&lt;jw\x12\x89\x94&lt;^s\x0e\x8cQ\x00\x90\xfd|@Q\x17\xcf\xff\xf1\xc5\x97?\xbep1\xe3\xeap\xacr\x99*!\xde\xf0\xf4\xf4\xf4\xa1C\x87&amp;\'\'\x8bij\x9c\xb3\xc8\x88\xfa/&lt;\xff\xd4\x80\'\xee3\x04\x04BQ&gt;\xb5;\x81\xdc\xd1\xfc5.V\x17g\\Q\x15\xf0\xf3\x03\xaa\xa7$o\xf8\xf8\xd3\xaf\x8b\xa7\x81\xf0\xf0\xf09s\xe6t\xec\xd8\x11\x17\x8c\xba=n]zBnB\xf4:.[\xb6\xec\xf2\xe5\xcb\x00\xc4l2&gt;\xf5\xe4\x03\xdcY(\x95c\xe4\x95e\x99\xe5\xe7w\xea\xda\xa6I\xe3z\x942J\xe9\xacY\xb3\xdc\xb9\xf8"\x86\xf9_\x17\xfd\xc7&lt;;`\xc3_\xf3\xdb\xb6o\xae\xdb2\xb8\xa6\xcb\x8a|K\x91Z\x94\x8beYf\x05E4;\xa7\xdf\xa0G\xb6oY\x1c\x17\xd3\xcen\xb7\x9bL&amp;\xd7\xdfr\xb5\x98\x97:]\xd7eYNNNn\xd5\xaaUrr\xb2\xc9h\xe4\x1c\xfc\xfd\xcc\x93\'&gt;\xbbc\xcbwC\x13\xfa\x1bd\xa2\xdb2\xc5K\xbb\xed\xc9\x80\x02\x01\x90%IQd\xce8\xb5e\xb3\xfc\x82\xd8^\x9d\xff\xf8\xe3\xabE\xdf|\x14\xde\xa0\x8e\xa6i\x06\x83!--\xadk\xd7\xae\xd3\xa6M\x93$\xc95\x95\x1a\x95\x1c&amp;\x00\xf4\xefD\x90Z\xb4h\x11\x00\xa1\x94\xf6\xe8\xd6\xa6^d8/,*\x9f\xc6\x1f\x17\xa63\xc5\xd72lPo\xd1j\xfc\xfb\xef\xbf\xe7\xe4\xe4\xc8\xb2\xec\x86i@\x8c\xf4\xdf\xb7o\x9f\x88\xc8\xaa\xaa:\x9d\xce\xc4\xe9oL\x9d&gt;Y\xd6)\xcd\xcbW\x14\xe5N\x82\xa3$I\xb2,\xeb\xb6\xac\xea\xa1UV\xa6\xcc\x8d\x1f\xfc\xb0\xddn7_\xcb\x01\x05\x05\x05\xae\xc5\x15J\x8bk\xe6ZRRR\xcf\x9e=\xd3\xd3\xd3UU\xb5;\x1cq1\xed\xb7m^\xf4\xc6\x841\x06\x00j\xb3q\x06w\xf8\xd2\xfe\x89\x10\x10\x99\x92\xe6\xe4\xb1\xdc\xfc~\x83zo\xdb\xb4x\xf4\xd3\xfd\x9dN\'\x10\x02\xc0\xc7\x8e\x1d\x9b\x90\x90 &amp;\x8ba\x0e\xb8%\x98\x00\xd0\xbf\x10}}\xe9\xe9\xe9{\xf6\xec\x11\xa5\xd5a\x83zsB8\x94wu[\x92%p\x14&gt;\xf1h\xac\xd9l\x04\x80\xdc\xdc\xdc\x8d\x1b7\xc2?\xf6\x9a\xafp"\xf8\x16\x14\x14\x0c\x1c8\xd0f\xb3\x19\x8dFM\xd3\x12\xa7\xbf\x11\xff\xec\x10\xcdv\x19\x80\x97V\x9b\x95\xa2(\xcc\xee\xa0\xf9\x05\x89s\xdf\x8f\x1f\xfcp\x91\xddn6\x9bRSSG\x8f\x1e]|t\xe9\x9d\x13\xafH\x96e\x11jUU\x05B4M\x9b\xf8\xfa\xc8\x95+\x13\xc3\xc3\xeb\xeaY\x19\x9c\x83\xac\xc8e\xda\x06#\xcb\xb2$K\xd4\x96\x1d\xe0c\xfa\xec\x8b\xb7\xbf[\xf0qp\xa0E\xd7\xa9\xc9d\x14i\xa9Lk?\x95\x12&amp;\x00\xf4/\xc4\xe5\xb4y\xf3\xe6\xec\xecl\x00\x08\x0c\xb0\xb4i\x1dE\x1c\xf6r.\xfe\x03\x80D\x08s8\xab\xdd]\xb3E\xd3\x86"$%\'\'\xc3?VO\xabp\xa2\xf8?z\xf4\xe8\xbd{\xf7\x8a^\xdf\x99S\xc7\xc7?;T\xb3e\xa8\xa5]:\x96dIb\x9c\xe6\x15$~\xfd\xc1\x90\xfe\xf7\x17\x15\xd9\x8dF\xe3\xdc\xb9s\xe7\xce\x9d\xab(J\xa9\xe4\x00Q\xf6\x17K?M\x9b6\xcd`0h\x9af\xf5\xf7]\xf9\xf3\x97\x13\xde\x19\xc7\n\xed\xac\xa0HQ\x95rk~\x97\x15\x99S\xaa\xdb2\xfb\x0e\xe8\xbdy\xc3\xa2\xe8\x16\x8d\xedv\x87\xc9dJNN.\xeb\x16\xb0\xca\x07\x13\x00\xfa\x17"\xbcn\xdf\xbe\x1d\x00\x18\xe3\x91\x11\xf5k\xd4\xaf\xc5\xec\xce\n\xe9pc\x94\xc9F\x9f\xee\xf7\\]\x0ba\xd7\xae]\xee6\x10H\xf4\x91.]\xbat\xee\xdc\xb9"\xfa\x0f\x1d\xf0\xe0\xc81\xc3D\xf4/\x8b\xbfH$B8c\x85\x85\x9f\x7f1\xb1i\x93\x06N\xa7SU\xd5\xd1\xa3G\x1f?~\\\xec\xbcv\x87\xc7\x17-?\xa3F\x8d\x12K?9\x9d\xce\x16Q\xe1\xabS\xe6\xc6=\xd0C\xcb\xca\x94\x08\x91\xe4\xf2~\xff\t!\x8a\xa2\xe8YYa\x8d\xea&amp;\xff\x9e\xd4\xf7\x91\x1e\xc5[\xc0\n\x0b\x0b\xc1\xfd\x8a\x05\xee\xc9\x8d\xae\x1c\xe4\x9eDx\xdd\xb5k\x97\xb8\xdb\xaayc \n\xab\xa0\xab\x8b\x10\x02@[6o$\xee\xa6\xa5\xa5\x15\x14\x14\x88\x0e\xc0\n9\x9f\xeb\x88\xe1RN\xa7\xf3\xf5\xd7_\x97$Is:\xeb\xd7\xad5}\xfa\x1b\xb4 O)\xcb,%I\x12wh&gt;\xfe\xbe\xf3\x12\xdfVd\t\x00\n\n\n\xde~\xfb\xed;\x7fg\xc4@\xa6Y\xb3f\xcd\x9a5\xcbd4\x8a\x85\xffV\xaf\x9a\xdb\xa2u\x13=+S-\xaf1`7\xa4\xa8\n\xcd\xcd\xb3\xfa\xfb~\xf7\xc3\x8c\xab-`&amp;Sjj\xea3\xcf&lt;#I\x92XO\xb4\x02O\xcf#`\x02@\xff\x82\x10\xa2\xebzFF\x86\xb8[-4\x18\x88\x04\x15xeqV\xb5J\x90\x18\xf3WXXh\xb3\xd9\xc0m\x8a{\xa2:2e\xca\x94\xa3G\x8f\xca\xb2\x0c\x84\xcc\xfa\xec5_\xab?85R\xc6-f\xb2"\xeb\xd9\xb9\xcd;D\xbf&gt;n\x98\xa6i\x06\x83\xbap\xe1\xc2u\xeb\xd6\x89Px{\xc7\x14e\xff\xef\xbf\xff~\xd4\xa8QF\xa3\xd1\xeep\xb4n\xde8y\xe5lk\xa0\x85f\xe7\x96\xdb\x08\xe0\x9b\x90e\x9995\x9a\x9b\x9f8\xf7\xfd\xf8\xa7z\x17\xd9\xed&amp;\x93\xe9\xeb\xaf\xbf\x1e;vli\xb5\x80Un\x98\x00\xd0\xcd\x88"mnn\xee\xd1\xa3G\xc5#-\x9b5\x02\xd0+j\xc0\xb5$\x11p8\xc3\x1b\xdc\x15\xe0\xef\x0b\xc0\xf3\xf3\xf3\xc5\x89\xb9C\x02\x10\xbd\xe5v\xbb}\xf6\xec\xd9\x92D4M\x1b\xd4\xef\xbe\x98\x07bu[N\x19-\x94t\x1dYQX^\xcek\xaf\x8fj\x14~\xb7\xaeSJ\xe9\xcc\x993o\xfb\x93\x12=\x19\'N\x9c\x88\x8f\x8fWdY\xd7\xf5 \xab\xff\x92o\xa7XC\x02iA\x91\xec6\x13\xaf$I\x928c\x05\x85\xb3\x12\'\xb7\x8f\x8e\xb4\xdb\xedF\xa3q\xda\xb4i\xdf\x7f\xff=\xe6\x80\x7f\x85\t\x00\xfd;\xb1/\x87\xb8m0\xa8\x15{2\xc0\xb9\xaa*\x84\x10\x11\xf3\xdd\xa7\x03\x80RJ\x08Y\xbe|\xf9\xc9\x93\'\x01\x88\xa2\xc8\xaf\x8e\x1d\xcc5{\xb9\x9d!!\xc0t\xaa\xfaY\xc6\x8d\x1e(\xc2\xf7\xf2\xe5\xcbO\x9c8!\xcb\xf2\xad\xf6\x04\x88&gt;vM\xd3\x06\x0c\x18 \xbaU\x01\xf8\xaf\xcb&gt;\xab\xdb\xa8\x1e\xcd\xc9+\x9f|VrD\x92\x80R\xce\xe8/?}Y\xef\xee\x9ab7\xe9\xf8\xf8\xf8\xe3\xc7\x8fc\x87\xf0\xcd\xb9\xcb\xc5\x83&lt;\x85;\\N\xeep\x0e\xff$\x1a[\x92\x92\x92\x00\x801\xd6\xb9}\xf3\x86\xcd\x1a\xf3\xc2\xa2\xf2LQ\xb2,\xf1\xa2\x82\xde\xbd\xbb\x07\x07\x05p\xce\xedv\xfb\xbcy\xf3\xe0\xd6\xdf1\x91?\xde{\xef\xbd-[\xb6\x98LF\xa7\xa6MygL\xbb\xee\x9d\xf4\xec\x1c\xf7)\xfb\x17\'I\x12\xb7;\x83BC\xbe\x9d\xf3\x1e!@\x08\xb1\xd9l#G\x8e\xbcnERt\x1dL\x00\xa8D\\W\x91;,\xba\xa2\x14\x9bb\xea&amp;\x97\xb7h\xff\xb9t\xe9\xd2\xe6\xcd\x9bE\xffD\xc2\xd0G\x89\xaa2V\xae\xa7G\x08avgH\xedZ}\x1e\x8e\x11A\xff\xe7\x9f\x7fv\xed?SB\xe2\xf9;w\xee|\xf7\xddw\r\x06\xd5nw\xf4\xe9\xdd}\xcc\xcb\xf1zN\x96;|\xfa\xff\x1fY\x91\xf5\xec\x9c\xb6\xdd:Lyg\x8c\xa6iF\xa3a\xf5\xea\xd5\x9f\x7f\xfey\xe9N\x89\xa8d0\x01\xa0\x7fG\x08Q\xd5\xab-?\x19\x996(\xf7)`.\x9c\x03HRvN\x9e\xa6\xe9\xa2a\xcaMB\x92\x081\xabV\xad\xb2\xdb\xed\x00\x10\xe0\xef\xdb\xf3\xde\x8ePT(\x97\xfb\x10I \x84s\xda\xbfO\x1c\x00H\x92t\xe8\xd0\xa1c\xc7\x8e\xdd\xd2xP1\xf0\x7f\xcc\x981\x9a\xa61\xca\xaaU\r\xfe\xe2\xb37\xb8\xd3\xe9\xfe\xc1BQ\x14=\xc76\xe6\xe5\x11=\xba\xb6q8\x9c\x8a"\xbf\xf9\xe6\x9b\x17/^\xc4\x86\xa0\xff\x8f\xfb\x7f\xa6\xa8"\x89\xc0\x11\x10\x10\x10\x1e\x1e.\x1e\xd9\x7f\xf08@\x85\xad\xbe\xc09\x07\xa3\xe1\xe4\xe9\xf3y\xf9\x85\x00\xdc\xcf\xcf\xafq\xe3\xc6\xe0\x06=\x01\xa2F\xb2f\xcd\x1aq\x92\x9d;\xb4\x0c\xa8V\x859\xb5\xf2\xef-\x97$B\x8a\x8a\x9a5o\\\xb3F\x15\xd1\n\xb4i\xd3&amp;(q+\x90\x98\xc7\xb0p\xe1\xc2\xf5\xeb\xd7\x1b\x8d\x06\x9d\xd2\x0f&amp;=[\xa5NmZ\xbemY\xb7M\xe2\x00\x8c~\xfe\xe9\xab\x06\x83*\x1a\x82\xc6\x8f\x1f\x8f\rA\xff\x1f\x0f\xf8DQ\xc5\x12\x03\x81\xaaV\xad*\xee\x9e9w\x11\x80V\xd4\xaa\x8b\xa2\xdf\xf7\xcc\xd9\x8b\x00\xc09\x04\x04\x04\x98\xcd\xe6\x8a9\x95\xbf\x93$I\xd34\xd7~\xee\x1d\xdb5#\xb2\xa1\x9c\xdb\x7f\x04B\x08s\xea\x81\xd5\xabD5\t+&gt;\x89\xaf$\xa9H4d9\x9d\xce\xf7\xde{O\x92$\xa7S\xeb\xd2\xa9\xe5\xa0a}h\x8e\xcd\x1d\x06}\x96\x84$Kz^ax\x8b\xc8\x97\x9e\x1b\xa4i\xba\xa2(\x8b\x16-:r\xe4\xc8m\xf4\x84{\x03L\x00\xe8_\x88 \xe2\xda\x88|\xe7\x9e\xc3\xcc\xe1\xa8\xb0\xc2 \xe7\x00\xd2\x8e\xdd\x87\xc4\xbd\x88\x88\x08???\xb1\x14p\xc5\x9c\xcf\xd5\x93\xe2\x84\x90\xa2\xa2\xa2S\xa7N\x89G\x9aE\x86\x01\xd0\x8a:+\xc69p\xb9y\xe4\xd5J\x9b\xd8v\xb8$\'#\xde\xc9o\xbf\xfd\xf6\xc8\x91#b\x12\xd9\xc4\xf1\t\x92\xaaT\xe4\xb4\x8f[\'z\xc2_x\xfe\xa9\xe0\xe0\x00\xc6\x98\xc3\xe1x\xef\xbd\xf7\xc0m\xba\x8b\xdc\n&amp;\x00\xf4/D\xe0h\xd3\xa6\r\x00H\x92t\xf0\xf0\xc9\xe3\x87N\x10\xb3\xa9B\x8a\xb7\xb2"k\xf9\xb9\x7f\xac\xd9"\xee\x8a\xb3\xaa\xf0\x92\x9d\x88,\xe7\xcf\x9f\xb7\xdb\xed\x84\x10E\x91CB\xac\xc0*\xac\x9e\x04\x00@\xa0z\xb5\x10q3==]\x9c\xd8\xbf\xff\x12!\x8c\xb1\xcf?\xff\x9c\x10B)\xed\xde%\xba\xeb\xbd\x9dYn^\x05\xf4d\xdc\x01B\x08\xb5;\x83j\xd5\x1c\x9d\xf0\x84\x98\x9a\xf7\xfd\xf7\xdf\xa7\xa7\xa7\xbb\xe7\xc2\xb1\x15\xcb\x93&gt;WT!Da\xbfu\xeb\xd65j\xd4\xe0\x9c;\x1c\xce\xb5\xeb\xb7\x83j,\xff\xb0\xcb\x18#fS\xda\x81c\xc7O\x9c#\x84\xc8\xb2\xdc\xabW/(</t>
        </is>
      </c>
    </row>
    <row r="337">
      <c r="A337" s="1" t="n">
        <v>335</v>
      </c>
      <c r="B337" t="inlineStr">
        <is>
          <t>polygon_sides_color</t>
        </is>
      </c>
      <c r="C337" t="inlineStr">
        <is>
          <t>What is the missing color of the part denoted with a question mark?</t>
        </is>
      </c>
      <c r="D337" t="inlineStr">
        <is>
          <t>['orange', 'purple', 'green', 'blue']</t>
        </is>
      </c>
      <c r="E337" t="inlineStr">
        <is>
          <t>blue</t>
        </is>
      </c>
      <c r="F337" t="inlineStr">
        <is>
          <t>There are 6 colored polygons arranged in a triangle with color ['?'] in the top row, ['purple', 'purple'] in the middle row, and ['green', 'green', 'blue'] in the bottom row.</t>
        </is>
      </c>
      <c r="G337" t="inlineStr">
        <is>
          <t>We observe that the polygon with 8 sides is green in color and the polygon with 4 sides is purple in color. Thus, the pattern is that the polygons with the same number of sides have the same color.</t>
        </is>
      </c>
      <c r="H337" t="inlineStr">
        <is>
          <t>Based on the pattern that the polygons with the same number of sides have the same color, the missing color of the part with 6 sides should be blue.</t>
        </is>
      </c>
      <c r="I337" t="inlineStr">
        <is>
          <t>b'\x89PNG\r\n\x1a\n\x00\x00\x00\rIHDR\x00\x00\x02\x00\x00\x00\x02\x00\x08\x02\x00\x00\x00{\x1aC\xad\x00\x00U\xf9IDATx\x9c\xed\xddg`\x14\xd5\xde\x06\xf0)\xdb\xd3C\x08\xed\x05\xe9\x9d\xd0B\xa8J\'\x04\xa4H\x91\xde\xa4)A\xaab\xa3\xd8E\x11E\x8a\xd2A\x8a\x08\xc2\xc5\xd0{\x90\x9a\x10j@B\x07\xc5\x84\x92\xdev\xb3\xbbS\xde\x0f\x07b\x0c\x04\x12\xb2\xbb3\xb3\xf3\xfc&gt;\xde\xcb\xbd\x99dv\xff\xcf\x99s\xfes\x0e-\x8a"\x05\x00\x00\xea\xc3H}\x01\x00\x00 \r\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8d\xd4\x17\x00\xf0|\xa2(J}\tEF\xd3\xb4\xd4\x97\x00\xf0\x1c\xb4\x12\xbfZ\x00\x00P|x\x02\x00Y\x13E\x91\xa6\xe9\x94\x94\x14\x9e\xe7iZ\x01\xe3\x15r\x91,\xcb\xfa\xfb\xfb\x93\x8b\x97\xfa\x8a\x00\n\x84\x00\x00\xf9\xe2y\x9ee\xd9\xaf\xbe\xfaj\xde\xbcy&gt;&gt;&gt;v\xbb]\xea+*\x14\xadV\x9b\x9e\x9e&gt;i\xd2\xa4\x0f&gt;\xf8\x80\xfc\nR_\x11\xc0\xd3)`H\x05\xea$\x08\x02EQ\x0f\x1e&lt;\xa8U\xab\xd6/\xbf\xfc\x12\x14\x14d6\x9b\xe5?\xa0\x16E\xd1d2\xc5\xc6\xc6\x0e\x1c80..\xaeT\xa9R\x14E1\x0c\xba-@\x8e\x10\x00 Sd\xec\xdc\xb3gO??\xbfU\xabV\xa5\xa7\xa7+e(\xcd\xf3\xbc\x8f\x8f\xcf\xf0\xe1\xc3SSS#""\xf0\x10\x00\xb2\x85\x00\x009\x12\x04\x81\xa6\xe9S\xa7Nu\xe9\xd2\xe5\xec\xd9\xb3\xfe\xfe\xfe6\x9bM\xfe\xc3\x7fB\x14E\xadV\x9b\x9d\x9d\x1d\x12\x12\xb2i\xd3\xa6\xe6\xcd\x9b\x0b\x82\x80\x87\x00\x90!|(A\x8e\xc8\xf2\xe9\x981c\xa6N\x9d\xfa\xd2K/\xe5\xe4\xe40\x0cC+\x04\xc30V\xab\xb5L\x992\xe3\xc7\x8f\x1f3f\x8c(\x8a\x18f\x81&lt;!\x00@v\xc8\x9c\xc9\x9a5k\xb2\xb3\xb3\xdf~\xfb\xed\xd4\xd4T\x8dFa\xdd\n\x1a\x8d&amp;99y\xf2\xe4\xc9\x1c\xc7-^\xbc\x98eY\x9e\xe7\xa5\xbe(\x80\xfc0\x05\x04\xf2B\xc6\xcb&lt;\xcf\x97/_~\xfe\xfc\xf9}\xfa\xf4INNV\\\x00P\x14\xc5\xf3\xbc\x9f\x9f_DD\xc4\xf8\xf1\xe3\xe3\xe2\xe2&lt;==\xc9C\x8c\xd4\xd7\x05\xf0/\x04\x00\xc8\x0b\x19\xfe\xbf\xff\xfe\xfb\'O\x9e&lt;t\xe8Pjj\xaarWP9\x8e+Y\xb2d\xfb\xf6\xed\xeb\xd5\xab7o\xde&lt;\x8e\xe3\x94\x98d\xe0\xc6\x10\x00 #\xb9\xad\x9f5j\xd4\xd8\xbf\x7f\x7f\x83\x06\r\xb2\xb2\xb2\x94\xbb|*\x08\x82\xd1h\xbcr\xe5J\xfb\xf6\xed\xa3\xa2\xa2\xaaW\xaf.\x8a\xa2r\x7f\x1dp?\x08\x00\x90\x91|\xad\x9f\x89\x89\x89J\x1f2\xdb\xed\xf6\xc0\xc0\xc0q\xe3\xc6\xc5\xc7\xc7GDD\xe0!\x00d\x05\x01\x00r\x91\xaf\xf5\xb3D\x89\x12\nj\xfd|6\x86aj\xd5\xaa\xb5z\xf5\xeaN\x9d:\xe1\xb5\x00\x90\x0f&lt;\x8d\x82\\\xe4k\xfd\xb4X,\xeeQ\xfd9\x8e\xf3\xf2\xf2\xfa\xf0\xc3\x0f\xdf~\xfbm\x9b\xcdF)ssSpK\x08\x00\x90\x057h\xfd,\x88F\xa3III\t\x0f\x0fg\x18f\xe9\xd2\xa5,\xcb\x92\xa5\x0e\x00\xc9a\n\x08\xa4\xe76\xad\x9f\x05\x11\x04\xc1\xd3\xd3\xf3\xc8\x91#\x03\x06\x0c\xb8z\xf5\xaa\x9f\x9f\x1fyeL\xea\xeb\x02\xb5C\x00\x80\xf4\xdc\xa9\xf5\xb3 \xa4%\xb4s\xe7\xceU\xabV]\xb8p!V\x02@\x0e\x10\x00 17k\xfd,\x08\xd9 \xe8\xfe\xfd\xfb\r\x1b6\x8c\x89\x89\xa9Y\xb3&amp;ZBAr\x08\x00\x90\x98\xfb\xb5~\x16\x84&lt;\x04|\xf4\xd1Gg\xce\x9c\xd9\xb3g\x0f\x1e\x02@r\x08\x00\x90\x92\x1b\xb7~\x16D\xab\xd5V\xa9Re\xd9\xb2e\xdd\xbbwG\x06\x80\xb4\xf0\x04\nRr\xd7\xd6\xcf\x82\xf0&lt;o4\x1a\xe7\xce\x9d;n\xdc8\x8e\xe3h%\x1cr\tn\x0c\x01\x00\x92q\xe3\xd6\xcf\x82\xb0,\x9b\x96\x966p\xe0\xc0\xc0\xc0\xc0\xb9s\xe72\x0c\x83\x96P\x90\x10\x06  \r\xb7o\xfd,\x08i\t=s\xe6L\xa7N\x9d\xfe\xfe\xfbo___\xb4\x84\x82T\x10\x00 \r5\xb4~\x16\x84\xac\x06\xf7\xed\xdb\xd7`0\xac]\xbb\x16+\x01 \x15\x04\x00H@%\xad\x9f\x05\x11EQ\xa7\xd3\xa5\xa4\xa44h\xd0\xe0\xe8\xd1\xa3\xb5k\xd7FK(H\x02\x01\x00\x12PO\xebgA\xc8C\xc0\xec\xd9\xb3\xb7l\xd9\x12\x13\x13\x83\x87\x00\x90\x04\x02\x00\\\x8d\xb4~FGGw\xe9\xd2\xe5\xdc\xb9s\xfe\xfe\xfev\xbb]\x9d\x93\xe0,\xcb6h\xd0\xe0\xe3\x8f?\x1e:t(2\x00\\\x0fO\x9d\xe0j\xa4\xf5\xf3\xcd7\xdf|\xf7\xddw\xc9\x81\xef\xea\xac\xfe\x1c\xc7yzz\xce\x9e={\xda\xb4i$\x021\x1a\x03\x17C\x00\x80K\x91q\xee\xea\xd5\xab\x05A\x982eJJJ\x8a\xda&amp;\x7fr\x91]B{\xf7\xee]\xa3F\x8d\x193f\xa0%\x14\\\x0f\x83\x0ep\x1dQ\x14\x05A\xc8\xca\xca\xaaQ\xa3\xc6\xa2E\x8bz\xf6\xec\xa9\xaa\xe6\x9f\'\x91\x96\xd0\xf3\xe7\xcfw\xea\xd4\xe9\xca\x95+\xa5J\x95\xa2(\n\xab\xc1\xe02\x08\x00p\x1dr \xe2\xa4I\x93.]\xbat\xe0\xc0\x01\x15\xae\xfd&gt;\x89\xac\x06\x8f\x181"%%%""\x02+\x01\xe0J\x08\x00p\x112\xbfq\xe3\xc6\x8df\xcd\x9a\x1d8p\xa0f\xcd\x9a\x16\x8b\x05\xa3]Q\x145\x1aMvvvHH\xc8\xa6M\x9b\x9a7o.\x08\x02\xfe,\xe0\x1a\xf8\x9c\x81\x8b\x90V\xf7)S\xa6\xf4\xee\xdd\xbbQ\xa3F\xaaj\xfc\x7f\x06\x9a\xa6\xadVk\x992e\xc6\x8f\x1f?f\xcc\x18\xf2\x82\xb4\xd4\x17\x05j\x81\'\x00p\x052\xb3\xb1\x7f\xff\xfe\xc1\x83\x07_\xb8p\xc1h4\xf2&lt;\xaf\xce\xe6\x9f\xa7\x12\x04\xc1\xcb\xcb\xab~\xfd\xfa\x13&amp;Lx\xeb\xad\xb70\x11\x04\xae\x81!\x18\xb8\x88(\x8aS\xa7N\x9d:uj\xe9\xd2\xa5\xdd~\xcf\xe7\xa2\x12E\x91e\xd9/\xbe\xf8\xe2\xb3\xcf&gt;KOO\xa7pp&lt;\xb8\x04\x02\x00\x9c\x8e\x8cg\x17/^l\xb3\xd9&amp;M\x9a$\xd5\xa6o\xa4\x07\x89\xe38\x9e\xe7\x05A \x93-\x82 \xf0&lt;\xcfq\x9c\xb4-\x98,\xcb\xa6\xa4\xa4\xf4\xea\xd5\xabV\xadZ\xb3f\xcdbY\x96\xe7y\t\xaf\x07T\x02S@\xe0\\\xb9\xad\x9f\xb5j\xd5Z\xb8pa\x8f\x1e=\\\xdf\xfa)\x08\x82 \x08Z\xad\xd6h4\xeat:Q\x149\x8e\xb3\xdb\xed\xe4?\xd4j\xb5\x0c\xc3\xd8l\xb6\xec\xeclA\x10\xa4\x9a{\x11\x04\xc1h4^\xb9r\xa5}\xfb\xf6QQQ\xd5\xabW\xc7\x06A\xe0l\x08\x00p\xae\xdc\xd6\xcf\x8b\x17/\x1e&lt;xP\x92\xd6O\xa3\xd1\xa8\xd7\xebSRRbccO\x9f&gt;\x1d\x17\x17w\xf7\xee\xdd\xac\xac,A\x10\x0c\x06C\xd9\xb2e\xeb\xd4\xa9\xf3\xca+\xaf4i\xd2\x84a\x98\xcc\xccL\xa92\xc0n\xb7\x07\x06\x06\x8e\x1b7.&gt;&gt;&gt;""\x82\xfc\xe9$\xb9\x12P\t\x04\x008\x91LZ?\xaf_\xbf\xbee\xcb\x96\x1d;v\\\xbe|\xb9\xa0\x7f\xc3\xb2l\xeb\xd6\xad\xa7O\x9f\xde\xbau\xeb\xd4\xd4T\t\x87\xde\x0c\xc3\xd4\xaaUk\xf5\xea\xd5\x9d:u\xc2j08\x15\x02\x00\x9c\x88\xd4\xafW_}\xb5L\x992\xcb\x96-{\xf8\xf0\xa1V\xabu\xd9O\'S(v\xbb=$$\xe4\xce\x9d;\xe4?\xacW\xaf^\xbdz\xf5*V\xac\xe8\xe7\xe7\xc70Lzz\xfa\x8d\x1b7N\x9e&lt;y\xfb\xf6m\x8a\xa2\xb4Z-9\xafQ\xaaW\x949\x8e+Q\xa2\xc4\x8f?\xfe\xb8`\xc1\x82\x8b\x17/\xb2,\xcb0\x0c\x16\xcc\xc1I\x10\x00\xe0,rh\xfd\xe48.  `\xca\x94)\x9b7o\x1e6lXXXX\xed\xda\xb5\xbd\xbd\xbdY\x96%\x9f|\x9a\xa6y\x9eOJJ\xda\xbcy\xf3\'\x9f|\x92\x98\x98HQ\xd4\xaf\xbf\xfe\xda\xbbw\xef\xb4\xb44I2\x80\xe7\xf9\x12%J\xd4\xae];&lt;&lt;|\xfc\xf8\xf1x\x08\x00\xe7A\x00\x80\xb3\xf0&lt;\xcf0L\xfd\xfa\xf5\x07\x0f\x1e&lt;m\xda4If\xff\xc9{\xb6iii&lt;\xcfW\xaaT)\'\'\xc7b\xb1\xf0&lt;\x9f\xf7cO\xd3\xb4F\xa3\xf1\xf5\xf5=}\xfat\xb7n\xdd\x1e&lt;xP\xbe|\xf9S\xa7N\x19\x0c\x06I^V \x1b\x04\x1d9rd\xc0\x80\x01W\xaf^\xf5\xf3\xf3\xc3\x99\x91\xe0$\xe81\x00\xa7\x90I\xeb\'M\xd3\x1c\xc7\xf9\xfa\xfa\x06\x04\x04$&amp;&amp;fggS\x14\xc5\xb2\xac&amp;\x0f\x96e\x05A\xb8\x7f\xff~pp\xf0W_}%\x8a\xe2\xdf\x7f\xff\xbds\xe7N///IzC\x19\x86\xc9\xc8\xc8\xe8\xd8\xb1cpp\xf0\xacY\xb3\xb0K(8\x0f\x9e\x00\xc0\xf1\xe4\xd0\xfa\x99\xefz(\x8az\xf6 \x9a\x9cR \x08B\xd3\xa6Mo\xdd\xba5t\xe8\xd0U\xabV%\'\'Kr\xd9\xa2(j\xb5\xda\xfb\xf7\xef7l\xd80&amp;&amp;\xa6f\xcd\x9ah\t\x05g\xc0G\n\x1c\x8f\x0c\xffg\xcd\x9aU\xabV\xad^\xbdz\xa5\xa4\xa4H;\x8b]\x98)\x14\xb2\x18\xe0\xe3\xe3\x13\x14\x14$\x8a\xe2\xad[\xb7\xacV\xabT\x13/4M\xe7\xe4\xe4T\xabVm\xe2\xc4\x89\x93\'O\xc6Y1\xe0$\x08\x00p0\xb2\x99\xe5\xb5k\xd7\xd6\xacY3g\xce\x1c\xb3\xd9\xac\xa0\xa1+\xc30\x01\x01\x01\x14Eegg[\xadV\t\xaf\\\xa3\xd1\xa4\xa6\xa6~\xf0\xc1\x07\xe7\xce\x9d\xdb\xb6m\x1b\xde\r\x06gP\xcc7\x13\x94B\xe9\xbb~\x92:\xcb0\x8c\xe4\x97\xcd\xf3\xbc\xd1h$m\xa9\x1c\xc7\xe19\x00\x1cNI\xdfL\x90\xbf\xdc\xd6\xcf\x98\x98\x18\xb2\xaf\x99\xb2\xdee\xe58\xee\xfe\xfd\xfb\x14E\xf9\xfb\xfb\xeb\xf5z\xc97\x08JKK\x1b8p```\xe0\xdc\xb9s\xb1\x1a\x0c\x0e\x87\x00\x00\x07S\xe8\xae\x9fd\xdd599\xf9\xe2\xc5\x8b\x14E\xd5\xa9SG\xa7\xd3\xc9\xa1\xe0\xda\xed\xf6\x85\x0b\x17~\xf6\xd9g)))x\x08\x00\xc7B\x00\x80\xc3\xc8\xa4\xf5\xf3\xc5p\x1c\xe7\xe3\xe3\xb3c\xc7\x8e\xbbw\xef\xd24\x1d\x1a\x1aj\xb3\xd9$\x9f\x05"-\xa1-Z\xb4\x08\x0b\x0b\x9b8q"\x1e\x02\xc0\xb10\xa0\x00\xc7\x90[\xebg\x91p\x1c\xe7\xe1\xe1\x91\x9c\x9c\xfc\xf2\xcb/\xff\xf5\xd7_m\xdb\xb6\xdd\xb5kWvv\xb6\xe4\x01@Q\x94(\x8a:\x9d.%%\xa5A\x83\x06G\x8f\x1e\xad]\xbb6ZB\xc1Q\xf01\x02\xc7\x90[\xebg\xe1\x91\xea\x9f\x93\x933x\xf0\xe0\xbf\xfe\xfa\xcbh4\xce\x9e=[\xea\x8b\xfa\x17M\xd3\x16\x8b\xa5B\x85\n\xd3\xa6M\x1b&gt;|8f\x81\xc0\x81\x10\x00\xe0\x00\x82 h4\x9ak\xd7\xae\xad^\xbdZY\xad\x9fv\xbb\xdd\xd7\xd77))\xa9{\xf7\xeeG\x8e\x1c\xa1iz\xf1\xe2\xc5\x8d\x1b7\xce\xcc\xcc\x94\xcf\xaf@ZB\xc3\xc3\xc3\x13\x13\x13\x7f\xfe\xf9g\xb4\x84\x82\xa3\xc8\xe5#\x0e\x8aFN\xd7\x9a4i\xd2\xf0\xe1\xc3\x1b5j$\x93\xc9\x93\xe7\xe28.00\xf0\xd4\xa9S\x1d:t8~\xfc\xb8^\xaf_\xb5j\xd5\x90!CRRR\xe4\xb6z\xc1\xf3\xbc\xc9d\x9a7o\xde\x8c\x193\xd2\xd3\xd3\x19\x86\xc1s\x00\x14\x9f\x02\xbe\xa5 \x7fd\x13\x85\xf8\xf8x\xa5L\xfb\x90\x15\x8b\x12%J,Y\xb2$44\xf4\xfa\xf5\xebe\xca\x94\xd9\xbau\xeb\xd0\xa1C\x93\x92\x92\xe4V\xfd\tr~YRRRNN\x8eRz\xab@\xe60\x9f\x08\x0e@\x16\x00"##;t\xe8p\xe1\xc2\x85*U\xaa\xc8|\x16H\x10\x04__\xdfY\xb3f}\xf1\xc5\x17\x14E\xb5j\xd5j\xe9\xd2\xa5\xd5\xaaUKMM\x95g\xf5\xa7(J\xaf\xd7\xd7\xa8Qc\xe8\xd0\xa1_|\xf1\x05\xf6\x88\x06\x87@\x00\x80c\x90\x92\xd4\xabW\xaf\xe4\xe4\xe4\xc8\xc8H9/\x02\xf3&lt;\xef\xef\xef\xff\xe5\x97_\xce\x981\x83\xa2\xa8!C\x86,Z\xb4\x88e\xd9\xec\xeclyV\x7f\x8e\xe3J\x96,\xf9\xc9\'\x9f,Z\xb4(!!\x81\x1c\x11\x83\x87\x00(&gt;\x04\x008\x06\xe9OOJJ*]\xba\xf4\x96-[\xbaw\xef.\xcf6P\x9e\xe7\xbd\xbc\xbcN\x9e&lt;\xd9\xbe}{A\x10\x86\x0c\x19\xb2j\xd5\xaa\xcc\xccL\x8e\xe3dx\xb5\xd4\xe37\xd4\xd2\xd3\xd3+T\xa8\xb0s\xe7\xce\xb0\xb00\x0c\xff\xc1Q\x10\x00\xe00\xa40\xcd\x981c\xcd\x9a5\x7f\xfe\xf9\xa7\xddn\x97\xfa\x8a\x9e\x82\xe7y__\xdf\xbe}\xfb\xfe\xfe\xfb\xef\xf5\xeb\xd7?r\xe4\x88 \x08\xe4\xec\x1a\xa9/\xed\xe9\xc8\xf0\xbf\x7f\xff\xfew\xee\xdc\x89\x8a\x8aB\xf5\x07\x07\x92\xe9\x87\x1e\x94\x88\xbc\xa7:k\xd6\xac\xac\xac\xac\xc5\x8b\x17\xfb\xf9\xf9q\x1c\'\xf5E\xfd\x87(\x8az\xbd\xfe\xef\xbf\xff&gt;z\xf4(EQ\x93\'O\xf6\xf2\xf2\xb2\xdb\xed\xb2\xad\xfe\x82 xyy\xc5\xc4\xc4l\xdc\xb8\xf1\xe7\x9f\x7f&amp;\x87\x16H}Q\xe0&gt;d\xfa\xb9\x07%"\xef(i4\x9a\x85\x0b\x17~\xf4\xd1G\xf1\xf1\xf1\x06\x83AV\x8f\x98\x82 \xe8\xf5\xfa;w\xee$\'\'{{{\xb7l\xd92++K\xe6\x03j\xbd^?f\xcc\x98\xe1\xc3\x87\xd7\xa8Q\x83l\xb5-\xf5\x15\x81\xfb\xc0\x87\t\x1c\x89\xbc\xa34`\xc0\x80\x06\r\x1aL\x9d:\xd5\xcb\xcbKn\xaf,\xb1,\xfb\xf0\xe1C\x8a\xa2*V\xac\x18\x10\x10@\xb6Y\x96\xfa\xa2\x9e\x8e\xe38??\xbf\xe5\xcb\x97_\xb9re\xde\xbcy\xa8\xfe\xe0p\xf8&lt;\x81\x83\x91\xe7\x805k\xd6l\xdc\xb81&amp;&amp;F\xaa\x93u\x0bB\xd34yO\xcd\xdf\xdf\xdf`0\xc8\xea\xda\xf2\xd1h4f\xb3\xf9\x9dw\xde\x997o\x9e\x8f\x8f\x0f\xe6\x7f\xc0\xe1\x10\x00\xe0`d%\xa0F\x8d\x1a\xc3\x87\x0f\x1f3f\x8c^\xaf\x97\xfa\x8a\xfe\x83\x9c\xb6H\x16~\xe5&lt;\xf9C\x86\xff3f\xcc\x08\x08\x08\x189r\xa4\x9c\x97\xa9A\xb9\xd0\x05\x04\x8eGv\x86\xc8\xcc\xcc,]\xba\xf4\xfc\xf9\xf3G\x8e\x1c)\x93\xad\xa1IKeBB\xc2\xd5\xabW\xfd\xfd\xfd\x83\x82\x82\xe49\x05$\x08\x82\xd1h\xbcq\xe3F\xe3\xc6\x8d\xf7\xef\xdf\xdf\xa6M\x1b\x99\xc7\x15(\x14\x02\x00\x9c\x82\x14\xac%K\x96L\x9b6-&gt;&gt;\xden\xb7\xcbd\x06\x83\xec\xael0\x188\x8e3\x9b\xcdr\xb8\xa4\'\x91\xd6\xcfN\x9d:\x19\x8d\xc6\x88\x88\x08T\x7fp\x12\x04\x008\x05y\x08 sA=z\xf4\xf8\xee\xbb\xef\x12\x13\x13\xe5\xf0\x10@=\xde\x08\x88\xa6iyN\xaa\x907\x15v\xef\xde\xdd\xa7O\x9f\xcb\x97/W\xaaT\x89\xa2(y^*(\x1d\x02\x00\x9c\x85\x8c[\x0f\x1d:\xd4\xbe}\xfb[\xb7n\x05\x04\x04\xd8\xedv9\x8c\xb8EQ\xe4y\x9e\x04\x80\x1c\xae\'\x1fA\x10\xbc\xbd\xbd\xeb\xd5\xab\xd7\xad[\xb79s\xe6p\x1c\'\x93\xe0\x04\xf7\x83\x00\x00\'"\x19\xd0\xa9S\'\x8dF\xb3k\xd7.9&lt;\x04\x90w\xc1&lt;&lt;&lt;\x04A\xc8\xc8\xc8\x90\xdb\xe7\x9fL\xfe|\xf7\xddw_|\xf1\xc5\x9d;wL&amp;\x93&lt;S\n\xdc\x03\x02\x00\x9c\x88\xcc\xb4\xdc\xb9s\xa7F\x8d\x1a[\xb6l\t\x0b\x0bKKK\x93p:\x9b,\xae\xde\xbau+""\xa2D\x89\x12}\xfb\xf6\xd5h4\xe4i@\xaaK\xca+w\xdb\x9f\xaaU\xab\xaeZ\xb5j\xc0\x80\x01\x98\xfd\x07\xa7B\x00\x80s\x91\x19\x8cw\xdf}w\xfb\xf6\xed\x17/^\xcc\xc8\xc8\x90j:\x9b\x1c\xa5k\xb7\xdb[\xb5ju\xed\xda5\x8a\xa2&amp;O\x9e&lt;g\xce\x1c\xf9lZG\x86\xff\xa3G\x8f&gt;u\xea\xd4\x85\x0b\x17P\xfd\xc1\xd9\xb0\xb2\x04\xceE\xde\r\x9e9sfrr\xf2\xc2\x85\x0bK\x94(!\xd5\x06A\xa2(\x1a\x8d\xc6\xabW\xaf^\xbbvM\xaf\xd7k\xb5\xda\xc3\x87\x0f\xe7\xe4\xe4\xc8d}\x95l\xfbs\xe6\xcc\x99\xe5\xcb\x97\xaf\\\xb9R&amp;MS\xe0\xded\xf1\xd1\x077F\xaa\x98\x97\x97\xd7W_}\xf5\xe9\xa7\x9f&amp;%%\xe9t:\xa9\x9e;9\x8e\xf3\xf5\xf5\xa5(\xcaj\xb5\xda\xedv\x1f\x1f\x1f\t/&amp;\x1f\xb281u\xea\xd4^\xbdz5n\xdc\x18\x1b?\x80\x0b\xe0\x13\x06NG\x1e\x02F\x8e\x1c\xf9\x7f\xff\xf7\x7f\x1f|\xf0\x81\x8f\x8f\x8f$\x1b\x041\x0c\x93\x93\x93S\xb5j\xd5\xf7\xde{/  \xa0j\xd5\xaa\xef\xbe\xfb\xaeL\xb6\x82\xe0y\xde\xcf\xcfo\xd3\xa6MG\x8e\x1c\xf9\xe9\xa7\x9f\xc8\xda\x89\xd4\x17\x05\xee\x0fk\x00\xe0\nd&lt;{\xe6\xcc\x99\xe0\xe0\xe0\xd3\xa7O\xd7\xa9SG\xaa\x83\xe3i\x9a6\x18\x0c\x0f\x1f&gt;4\x18\x0c\xde\xde\xde\xf2y\x17L\xa7\xd3\xbd\xf4\xd2K\x1f~\xf8\xe1\x94)S0\xfb\x0f\xae\x81\x00\x00\x17!E\xadw\xef\xdeIII\xd2\x9e\x19INW\x97\xcf90\xb9\'&gt;\xfe\xf4\xd3O\t\t\t\x14E\xe1\xc4Gp\r\x04\x00\xb8\x88\xac\xce\x8c$\x1f{9\x14Y\x9c\xf8\x08\x12B\x00\x80\xeb\xe4=32..\xcej\xb5J}E\xd2\xc3\x89\x8f !\x04\x00\xb8N\xee\x06Ae\xcb\x96\r\x0f\x0f\x9f5k\x96\x1c\xde\r\x96\x90 \x08\x1e\x1e\x1eQQQm\xdb\xb6\xbdr\xe5J\xf5\xea\xd5\xc9\xcb\nR_\x17\xa8\x05\x02\x00\\\x8a\x8cpw\xef\xde\xdd\xb5k\xd7\xbf\xff\xfe\xdb\xc7\xc7G&amp;\x1b\x04I\x82\xe7\xf9\x80\x80\x80Z\xb5j\x85\x86\x86\xce\x9b7\x0f\xc3\x7fp1\x04\x00\xb8\x1a)s\xcd\x9a5\xabX\xb1\xe2\xaf\xbf\xfe\xaa\xda\x87\x002\xf9\xb3t\xe9\xd2I\x93&amp;%$$x{{c\xed\x17\\\x0c\x01\x00\xaeF\x9a\xdc\xaf]\xbbV\xb3f\xcd\xc8\xc8\xc8f\xcd\x9aI\xd5\x12*!Q\x14Y\x96\xb5\xd9l\xd5\xaaU\xfb\xe6\x9bo\xc6\x8c\x19\x83\xe1?\xb8\x1e\x02\x00$@\x8a\xdd\xa4I\x93\xf6\xee\xdd\x1b\x17\x17\x97\x94\x94\xa4\xb6\xdag\xb7\xdb\x03\x03\x03\xc7\x8d\x1bw\xec\xd8\xb1\xd8\xd8XT\x7f\x90\x04\x02\x00$@V\x83322\xca\x96-\xfb\xc3\x0f?\xc8\xe7\xccH\xd7\xc8=\xf1188x\xdf\xbe}8\xf1\x11\xa4\x82\x00\x00i&lt;yf\xa4\xd4W\xe4:8\xf1\x11d\x02\x01\x00\xd2 \xfd\xa0\xa2(\xd6\xa8Q\xa3{\xf7\xee\xdf\x7f\xff\xbdJV\x83\xc9\x89\x8f{\xf6\xec\xe9\xd5\xabW\\\\\x1cN|\x04\t!\x00@2d\xe4{\xf8\xf0\xe1\x8e\x1d;\x9e9s\xa6j\xd5\xaa\x16\x8bE\r\xa5P\xab\xd5\xd6\xae]{\xe8\xd0\xa1\x9f\x7f\xfe9\x86\xff !\x04\x00H\x89\x94\xbf\x1e=zX,\x96}\xfb\xf6\xb9\xfdC\x00\x99\xfc\xf9\xf6\xdbo\xbf\xfa\xea\xab\x07\x0f\x1e\xc8\xf6\\bP\t\x04\x00H\x89l\x10t\xfb\xf6\xed\xda\xb5ko\xde\xbcY\xf23#\x9d*w\xdb\x9fj\xd5\xaa\xad\\\xb9\x12\'&gt;\x82\xe4\x10\x00 1\xf9\x9c\x19\xe9ld\xf8?f\xcc\x98\xe8\xe8h\x9c\xf8\x08r\x80\x00\x00\x89\x91\xd5`\xb3\xd9\\\xb1b\xc5\x8f&gt;\xfah\xca\x94)n9\x11D\xb6\xfd\xb9x\xf1bHH\xc8\xe9\xd3\xa7\x1b5j\x84m\x7f@r\x08\x00\x90\x1e\x19\x0bo\xd8\xb0a\xc4\x88\x117n\xdcp\xcb\r\x82\x04A\xf0\xf3\xf3\x0b\x0e\x0e\xae_\xbf\xfe\xaaU\xab0\xfc\x079@\x00\x80,\x90\x82X\xbf~\xfd\x90\x90\x90e\xcb\x96\xb9\xd9C\x00i\xfd\xdc\xb2e\xcb\xc0\x81\x03\x93\x93\x93\xb1\xed\x0f\xc8\x04\x02\x00d\x81l\x10t\xf6\xecY\xc9\xcf\x8ct\x12r\xe2\xe3\x07\x1f|0u\xeaT\x0c\xffA&amp;\x10\x00 \x17\xb9gF&amp;\'\'GFF&amp;\'\'\xbbG\x95$k\xbf\x9f~\xfa\xe9\x8f?\xfe\x88\x13\x1fAV\x10\x00 \x17y\xcf\x8c\xdc\xb0aC\x9f&gt;}$&lt;3\xd2QH\xebgbbb\x95*Uv\xed\xda\x85\x13\x1fAV\x10\x00 #\xa48~\xf7\xddw_~\xf9\xe5_\x7f\xfde\xb3\xd9\xa4\xbe\xa2\xe2"\xc3\xff\xae]\xbb\xda\xed\xf6}\xfb\xf6\xa1\xfa\x83\xac \x00@F\xc8.\xa1\x14E\x95-[v\xdc\xb8q3g\xceT\xf4j0\xcf\xf3^^^\'O\x9el\xdb\xb6\xed\xb5k\xd7\xaaV\xad\x8a\xd6O\x90\x15\x04\x00\xc8K\xee\x99\x91]\xbat\xb9y\xf3f\xc9\x92%\x95\xdb\x12*\x08\x82\xb7\xb7w\xbdz\xf5:w\xee\x8c\x13\x1fA\x86\x10\x00 ;\xa4Pv\xea\xd4I\xab\xd5\xee\xdc\xb9S\xa1\x0f\x01d\xf2\xe7\xfb\xef\xbf\xff\xf2\xcb/o\xdf\xbem2\x99\xb0\xf6\x0br\x83\x00\x00\xd9!-\xa17n\xdc\xa8^\xbd\xbaB\xcf\x8c\xcc=\xf1\xb1z\xf5\xeas\xe6\xcc\x195j\x14\x86\xff C\x08\x00\x90#R.\'N\x9c\xb8o\xdf&gt;%\x9e\x19\x99{\xe2\xe3\xd1\xa3Gccc\x05AP\xd6\xf5\x83J \x00@\x8e\xf2\x9e\x199o\xde\xbc\xd1\xa3G+h"H\x10\x04\x93\xc9t\xeb\xd6\xad\x86\r\x1b\xee\xdf\xbf\x1f\'&gt;\x82l!\x00@\xa6H\xd1\\\xbat\xe9\xb4i\xd3n\xde\xbci2\x998\x8eS\xc4\x1c:Y\xfb}\xe5\x95W\x02\x02\x02\xfe\xf7\xbf\xff\xa1\xfa\x83l!\x00@\xber7\x08j\xd8\xb0\xe1\x9c9s\x14\xf1n0\xa9\xfe\xbbv\xed\x1a;vlBBB@@\x00\x85\x13\x1fA\xae\x94\xf1L\rj\xb6`\xc1\x82\x9e={\x1e;v\x8c\xe7y\xa9\xaf\xa5P\xb4Zmrr\xf2\xe7\x9f\x7f\x1e\x18\x18\x88\xe1?\xc8\x19\x9e\x00@\x01222\xacV+M+\xe0\xe3J.R\xa3\xd1\xf8\xf9\xf9\x89\xa2\xa8\x889+P-\x05|\xa3@\xe5PF\x01\x9c\x04\x01\x00\n\xa0\xc4O)B\x0b\xe4\x0f\x01\x00\x00\xa0RhN\x00\x00P)\x04\x00\x00\x80J!\x00\x00\x00T\n\x01\x00\x00\xa0R\x08\x00\x00\x00\x95B\x00\x00\x00\xa8\x14\x02\x00\x00@\xa5\x10\x00\x00\x00*\x85\x00\x00\x00P)\x04\x00\x00\x80J!\x00\x00\x00T\n\x01\x00\x00\xa0R\x08\x00\x00\x00\x95B\x00\xc0\xd3\x89\xa2\xa8\x94\x13\xb8\xe0\x19x\x9e\x17\x04A\xea\xab\x00\x99\xc2v\xd0\xf0\x14\xb9g\xb0\xe00\x16E\x13\x04\x9eaX\x8a\xa2\x04A\xc0\xb9\xc4\xf0$|&amp; ?\x9e\xe7i\x9a~\xf8\xf0\xe1\xc7\x9f\xcc$\x07\x1cb\x94\xa0D\x1c\xc71\x0c\xfb\xe3\x8f\x0b##\x0f1\x0c\xc3q\x9c\xd4W\x04\xb2\x83C\xe1\xe1?\xc8!\xe6))\xc9]\xbat\xbdu\xf5\xe1\x9d;\xb7W\xafZ\xcb\xf3&lt;\xc30x\x14P\x10\xbb\xdd\xae\xd5j\x17.\x9a\xf7\xc1;_\x99\xbct[#6\xb4h\xde\x8a\xe38\x8d\x06_y\xf8\x17\x9e\x00\xe0_\xa4\xfa\xa7\xa6\xa6\xb6z\xb9y\x80\xa1\xf1\xbcO\x0f\x1e\xdd\x7fu\xe0\xa0\xbe,\xcb\n\x82\x80\xe7\x00\xa5 \xd5\x7f\xfe\xc2\xef?x\xf7\xcb\xcf\xa7m\x1d\xd0uV\xe7\xd0\xaeQQ\'4\x1a\r\x9e\x03 /\x04\x00&lt;\x92[\xfd[\xb6jV\xc1\xbf]\xbf\x9e\x93\x92\x92\x13&gt;\x18\xbf\xe2\xd4\x91\xbb\xc8\x00\x05\xc9\xad\xfe\xd3\xdf\x9b=s\xe2F\x86akW\x0f\x19\xf6\xda7\xa1\xa1]\x90\x01\x90\x0f\x02\x00(\xea\xbf\xd5\xbf\xbc\x7f\xdb\xfe=&amp;\'\xa7\xdc\xa7(:3;\xfd\xfd\xf0\xe5\xc8\x00\xa5\xc8[\xfdgL\xd8`2z\xdal9\x19\x99)\xf5k\xb7\x1c\xda\xe3kd\x00\xe4\x83\x00\x80\xfc\xd5\x7f@\x8f\xc9I)\xf7XVCV\x803\xb3\xd3\x90\x01\x8a\xf0D\xf5\xf7\xca\xb1\x9a\x19\x86eYMZzR\xfd:\xc8\x00\xc8\x0f\x01\xa0v\x05U\x7f\xf2\xdf"\x03\x94\xa2\xa0\xeaO\xfe[d\x00&lt;\x15\x02@\xd5\x9e]\xfd\td\x80\xfc=\xbb\xfa\x13\xc8\x00x\x12\x02@\xbd\nS\xfd\td\x80\x9c\x15\xa6\xfa\x13\xc8\x00\xc8\x07\x01\xa0R\x85\xaf\xfe\x042@\x9e\n_\xfd\td\x00\xe4\x85\x00P\xa3\xa2V\x7f\x02\x19 7E\xad\xfe\x042\x00r!\x00T\xe7\xc5\xaa?\x81\x0c\x90\x8f\x17\xab\xfe\x042\x00\x08\x04\x80\xba\x14\xa7\xfa\x13\xc8\x009(N\xf5\'\x90\x01@!\x00T\xa5\xf8\xd5\x9f@\x06H\xab\xf8\xd5\x9f@\x06\x00\x02@-\x1cU\xfd\td\x80T\x1cU\xfd\td\x80\xca!\x00T\xc1\xb1\xd5\x9f@\x06\xb8\x9ec\xab?\x81\x0cP3\x04\x80\xfbsF\xf5\'\x90\x01\xae\xe4\x8c\xeaO \x03T\x0b\x01\xe0\xe6\x9cW\xfd\td\x80k8\xaf\xfa\x13\xc8\x00uB\x00\xb83gW\x7f\x02\x19\xe0l\xce\xae\xfe\x042@\x85\x10\x00n\xcb5\xd5\x9f@\x068\x8fk\xaa?\x81\x0cP\x1b\x04\x80{re\xf5\'\x90\x01\xce\xe0\xca\xeaO \x03T\x05\x01\xe0\x86\\_\xfd\td\x80c\xb9\xbe\xfa\x13\xc8\x00\xf5@\x00\xb8\x1b\xa9\xaa?\x81\x0cp\x14\xa9\xaa?\x81\x0cP\t\x04\x80[\x91\xb6\xfa\x13\xc8\x80\xe2\x93\xb6\xfa\x13\xc8\x005@\x00\xb8\x0f9T\x7f\x02\x19P\x1cr\xa8\xfe\x042\xc0\xed!\x00\xdc\x84|\xaa?\x81\x0cx1\xf2\xa9\xfe\x042\xc0\xbd!\x00\xdc\x81\xdc\xaa?\x81\x0c(*\xb9U\x7f\x02\x19\xe0\xc6\x10\x00\x8a\'\xcf\xeaO \x03\nO\x9e\xd5\x9f@\x06\xb8+\x04\x80\xb2\xc9\xb9\xfa\x13\xc8\x80\xc2\x90s\xf5\'\x90\x01n\t\x01\xa0`\xf2\xaf\xfe\x042\xe0\xd9\xe4_\xfd\td\x80\xfbA\x00(\x95R\xaa?\x81\x0c(\x88R\xaa?\x81\x0cp3\x08\x00ERV\xf5\'\x90\x01ORV\xf5\'\x90\x01\xee\x04\x01\xa0&lt;J\xac\xfe\x042 /%V\x7f\x02\x19\xe06\x10\x00\n\xa3\xdc\xeaO \x03\x08\xe5V\x7f\x02\x19\xe0\x1e\x10\x00J\xa2\xf4\xeaO \x03\x94^\xfd\td\x80\x1b@\x00(\x86{T\x7fB\xcd\x19\xe0\x1e\xd5\x9f@\x06(\x1d\x02@\x19\xdc\xa9\xfa\x13\xea\xcc\x00w\xaa\xfe\x042@\xd1\x10\x00\n\xe0~\xd5\x9fP[\x06\xb8_\xf5\'\x90\x01\xca\x85\x00\x90;w\xad\xfe\x84z2\xc0]\xab?\x81\x0cP(\x04\x80\xac\xb9w\xf5\'\xd4\x90\x01\xee]\xfd\td\x80\x12!\x00\xe4K\r\xd5\x9fp\xef\x0cPC\xf5\'\x90\x01\x8a\x83\x00\x90)\xf5T\x7f\xc2]3@=\xd5\x9f@\x06(\x0b\x02@\x8e\xd4V\xfd\t\xf7\xcb\x00\xb5U\x7f\x02\x19\xa0 \x08\x00\xd9Qg\xf5\'\xdc)\x03\xd4Y\xfd\td\x80R \x00\xe4E\xcd\xd5\x9fp\x8f\x0cPs\xf5\'\x90\x01\x8a\x80\x00\x90\x11T\x7fB\xe9\x19\x80\xeaO \x03\xe4\x0f\x01 \x17\xa8\xfey)7\x03P\xfd\xf3B\x06\xc8\x1c\x02@\x16P\xfd\x9f\xa4\xc4\x0c@\xf5\x7f\x122@\xce\x10\x00\xd2C\xf5/\x88\xb22\x00\xd5\xbf \xc8\x00\xd9B\x00H\x0c\xd5\xff\xd9\x94\x92\x01\xa8\xfe\xcf\x86\x0c\x90\'\x04\x80\x94P\xfd\x0bC\xfe\x19\x80\xea_\x18\xc8\x00\x19B\x00H\x06\xd5\xbf\xf0\xe4\x9c\x01\xa8\xfe\x85\x87\x0c\x90\x1b\x04\x804P\xfd\x8bJ\x9e\x19\x80\xea_T\xc8\x00YA\x00H\x00\xd5\xff\xc5\xc8-\x03P\xfd_\x0c2@&gt;\x10\x00\xae\x86\xea_\x1c\xf2\xc9\x00T\xff\xe2@\x06\xc8\x04\x02\xc0\xa5P\xfd\x8bO\x0e\x19\x80\xea_|\xc8\x009@\x00\xb8\x0e\xaa\xbf\xa3H\x9b\x01\xa8\xfe\x8e\x82\x0c\x90\x1c\x02\xc0EP\xfd\x1dK\xaa\x0c@\xf5w,d\x80\xb4h94\xd2\xb9=Q\x14i\x9aNNNz\xf9\x95\x16\x15\xfc\xdb\xf5G\xf5w\x10\xf2\x87\xf5\xf2\xf0\x99\xbdhL\x93W\xcamX\xbf9\xf7?t\xde\x8f\xfba\xfe\xdc\x19\x1f\xcc\x991\xe1\x17T\x7fG\xe1y\xce\xd7\'\xe0\xc2\x9f\xc7\xd7D\xbc\xbfk\xf7\xb6\x96-^\x16\x04\x81a0&lt;u:\xfc\x89\x9dN\x14EQ\x14\xff\xfa\xebNXX\x97\xf2\xfe\xed\xfa\xf5\x98\x94\x94\x8a\xea\xef\x18\xe49 +;}\xda\xb8\xc5g\x8f?xc\xe4\xf0\xac\xac,\xf2\x07w\xf8\xcf\x12\x04\x81\xe7\xf9\x05\x0b\xe7\x7f\xf1\xf1\xc2\x0f\xc7\xaf\xf50y\xa3\xfa;J\xees\xc0\xe0n_\xbc\xde{\xf0\xe1\xc3\x914M\x0b\x82 \xf5u\xb9?\x04\x80\xd3\x91\xb1\xcc\x8a\x95\xcb\xce\xc6\\\x1f\xd2{Zj\xdaC\x86F\xd5p\x18\x9af\xec&lt;\xc7\xf3\xfc\xa8\x81\x9f\xacZ\xf9s\xf4\xa9(\x86a\x1c^;\x1e?\xc3%\xbf\xfb\xee;]\xda\x8e-W\xbarfv:\xcb \xc5\x1d\x86e5\xc9\xa9\x0fZ7\xef\xe9\xefY\xeb\xa3\xe9\x1fH\xfe\x86\x87J \x00\x9c\x8e\xccM\xcf\x9a\xf9\xe9\x90\x11\xddf~\xdb\xdf\xcb\xd3\x8f\x8c[\xa5\xbe.7!\x08\x9c\xc9\xe8\x99\x99\x9d\xfa\xd9\xfc\x81?-^\xd4\xbe]\x07A\x10X\xd6\xc1\x11KnY\xa9R\xa5\xfe\xf8\xe3\xc8\xf6\xc8\xb9Qg\xf7\x96\xf0+m\xe7m\x8e\xfd)j\xc6\xf3\\\xa9\x80\xff[\xf6\xcb,\xd63\xe1\xf7\xdf\xb73\x0c\x83) \x17@%r\x05\xf2G\xa6iz\xe0\xa0\xbe\xa7\x8e\xdc}?|yfv\x9a\xf3\xa6\xaa\xd5C\x10x\x83\xded\xb6d~6\x7f\xe0\xe7\xb3\xa7Mx{\nYlw\xda\x8f\x13\x18\x869\x19u\xbcs\xe8\xabC{\xcc\xae_\xa7eZz\x12f\xf3\x8a\x8f\xe7\xb9\x00\xff2\x1b"\xbe\xbf\x9b\x1ay\xec\xc8\t\x7f\xff\x12\xf8v\xb8\x062\xd6\x15\xc8G\x99\xe7\xf9_\xd6\xff\x16\xf2J\xf9\xd9\x8bFyy\xf8\xe29\xa0\x98\xf2T\xff\x01\x9f\x7f\xfd\xde\x84\xb7\xa7\xd8\xedv\xe7U\x7f\x8a\xa2\x18\x86\xe18\xaey\xb3\x96{\xf7\xee\\\x13\xf1\xde\x85?\x8f\xfb\xfa\x04\xf0&lt;ZV\x8a\xe5\xdf\xea\x9f\x12y\xfch\x94\xbf\x7f\t\x9e\xe7Q\xfd]\x03\x01\xe0"4M3\x0c\x83\x0cp\x94\xffV\xff\xf7\'\x8c\x9fL\x1a4\x9d\xfdsI\x93b\xb3f-\xf6\xee\xdd\x85\x0c(\xbe\xffT\xffcQ~~~N}\x86\x83|\x10\x00\xae\x83\x0cp\x14\xa9\xaa?\x81\x0cp\x14T\x7f\xc9!\x00\\\n\x19P|\xd2V\x7f\x02\x19P|\xa8\xfer\x80\x00p5d@q\xc8\xa1\xfa\x13\xc8\x80\xe2@\xf5\x97\t\x04\x80\x04\x90\x01/F&gt;\xd5\x9f@\x06\xbc\x18T\x7f\xf9@\x00H\x03\x19PTr\xab\xfe\x042\xa0\xa8P\xfde\x05\x01 \x19d@\xe1\xc9\xb3\xfa\x13\xc8\x80\xc2C\xf5\x97\x1b\x04\x80\x94\x90\x01\x85!\xe7\xeaO \x03\n\x03\xd5_\x86\x10\x00\x12C\x06&lt;\x9b\xfc\xab?\x81\x0cx6T\x7fyB\x00H\x0f\x19P\x10\xa5T\x7f\x02\x19P\x10T\x7f\xd9B\x00\xc8\x022\xe0I\xca\xaa\xfe\x042\xe0I\xa8\xfer\x86\x00\x90\x0bd@^J\xac\xfe\x042 /T\x7f\x99C\x00\xc8\x082\x80Pn\xf5\'\x90\x01\x04\xaa\xbf\xfc!\x00\xe4\x05\x19\xa0\xf4\xeaO \x03P\xfd\x15\x01\x01 ;j\xce\x00\xf7\xa8\xfe\x84\x9a3\x00\xd5_)\x10\x00r\xa4\xce\x0cp\xa7\xeaO\xa83\x03P\xfd\x15\x04\x01 Sj\xcb\x00\xf7\xab\xfe\x84\xda2\x00\xd5_Y\x10\x00\xf2\xa5\x9e\x0cp\xd7\xeaO\xa8\'\x03P\xfd\x15\x07\x01 kj\xc8\x00\xf7\xae\xfe\x84\x1a2\x00\xd5_\x89\x10\x00r\xe7\xde\x19\xa0\x86\xeaO\xb8w\x06\xa0\xfa+\x14\x02@\x01\xdc5\x03\xd4S\xfd\tw\xcd\x00T\x7f\xe5B\x00(\x83\xfbe\x80\xda\xaa?\xe1~\x19\x80\xea\xafh\x08\x00\xc5p\xa7\x0cPg\xf5\'\xdc)\x03P\xfd\x95\x0e\x01\xa0$\xee\x91\x01j\xae\xfe\x84{d\x00\xaa\xbf\x1b@\x00(\x8c\xd23\x00\xd5\x9fPz\x06\xa0\xfa\xbb\x07\x04\x80\xf2(7\x03P\xfd\xf3Rn\x06\xa0\xfa\xbb\r\x04\x80")1\x03P\xfd\x9f\xa4\xc4\x0c@\xf5w\'\x08\x00\xa5RV\x06\xa0\xfa\x17DY\x19\x80\xea\xeff\x10\x00\n\xa6\x94\x0c@\xf5\x7f6\xa5d\x00\xaa\xbf\xfbA\x00(\x9b\xfc3\x00\xd5\xbf0\xe4\x9f\x01\xa8\xfen\t\x01\xa0xr\xce\x00T\xff\xc2\x93s\x06\xa0\xfa\xbb+\x04\x80;\x90g\x06\xa0\xfa\x17\x95&lt;3\x00\xd5\xdf\x8d!\x00\xdc\x84\xdc2\x00\xd5\xff\xc5\xc8-\x03P\xfd\xdd\x1b\x02\xc0}\xc8\'\x03P\xfd\x8bC&gt;\x19\x80\xea\xef\xf6\x10\x00nE\x0e\x19\x80\xea_|r\xc8\x00T\x7f5@\x00\xb8\x1bi3\x00\xd5\xdfQ\xa4\xcd\x00T\x7f\x95@\x00\xb8!\xa92\x00\xd5\xdf\xb1\xa4\xca\x00T\x7f\xf5@\x00\xb8\'\xd7g\x00\xaa\xbf3\xb8&gt;\x03P\xfdU\x05\x01\xe0\xb6\\\x99\x01\xa8\xfe\xce\xe3\xca\x0c@\xf5W\x1b\x04\x80;sM\x06\xa0\xfa;\x9bk2\x00\xd5_\x85\x10\x00n\xce\xd9\x19\x80\xea\xef\x1a\xce\xce\x00T\x7fuB\x00\xb8?\xe7e\x00\xaa\xbf+9/\x03P\xfdU\x0b\x01\xa0\n\xce\xc8\x00T\x7f\xd7sF\x06\xa0\xfa\xab\x19\x02@-\x1c\x9b\x01\xa8\xfeRql\x06\xa0\xfa\xab\x1c\x02@E\x1c\x95\x01\xa8\xfe\xd2rT\x06\xa0\xfa\x03\x02@]\x8a\x9f\x01\xa8\xferP\xfc\x0c@\xf5\x07\n\x01\xa0B\xc5\xc9\x00T\x7f\xf9(N\x06\xa0\xfa\x03\x81\x00P\xa3\x17\xcb\x00T\x7f\xb9y\xb1\x0c@\xf5\x87\\\x08\x00\x95*j\x06\xa0\xfa\xcbSQ3\x00\xd5\x1f\xf2B\x00\xa8W\xe13\x00\xd5_\xce\n\x9f\x01\xa8\xfe\x90\x0f\x02@\xd5\n\x93\x01\xa8\xfe\xf2W\x98\x0c@\xf5\x87\'!\x00\xd4\xee\x99\x19@\xa3\xfa+\xc5\xb33\x00\xd5\x1f\x9eJ\xe2s\xc3A&amp;DQ\x14\x04\x81e\xd9\x81\x83\xfa\x9e:r\xf7\xfd\xf0e\x99\xd9\xe9&lt;\xcf\x19\x8d\x9efs\x06\xaa\xbfRp\x1c\xa7\xd1h\xa2\xa2N\x84\x86v\x19\xda\xe3\xeb\xfauZ\xa6\xa6\'\xd24\x1d\xe0\x87\xea\x0fO\x81\x00\x80G\xfe\x9b\x01\xffL\x1b\xb7\x98\xe7\xf9\xcc\xac\xd4\xcf\x17\x0c\xfa\xfc\xeb\xf7P\xfd\x95\xe2\xbf\x190\xbb^\xad\x16,\xab\xf9m\xfb\xfc\xbfQ\xfd\xe1\t\x08\x00\xf8Wn\x06\x0c\x18\xd8\xe7\xec\x89\xfb\xa3\x07~\xf6\xd9\x0f\x03&gt;\x9b\xfd\xde\x84\xb7Q\xfd\x95\xe4\xdf\x0c\xe8\x146\xa6\xdf\x82\xab\xb7\xce^\xbf\xb7\xf3\xc4\xf1S\xa8\xfe\x90\x0f\x02\x00\xfe#7\x03F\x8c\x18\xbe\xe6\xe7\r?.\x9e7v\xcc[\xa8\xfe\x8aC2 \xfa\xd4\xc9\xf6mC+W\xa9x\xf8p\xa4\xbf\x7f\tT\x7f\xc8\x07\x01\x00\xf9\x89\xa2H\x16\x81#\x0fG\xb6k\xdb\x0eUC\xa1H\x06\x9c={\xa6L\x99\xb2e\xca\x94\xc1}\x84\'!\x00\xe0Y\x04A`\x18\xb4\x8a)U\xee\xed#\xa1.\xf5\xe5\x80\xec \x00\xe0\xe9r\xe7\x82\xa4\xbe\x10(\x16A\x10h\x9aF\xf5\x87\xa7B\x00\x00\x00\xa8\x14\x9e\xee\x01\x00T\n\x01\x00\x00\xa0R\x08\x00\x00\x00\x95B\x00\x00\x00\xa8\x14\x02\x00\x00@\xa54R_\x80\xf2\x90\xfeH\xd2X\x8d.IE#\xf7\x91a\x18tI\x82:\xa1\r\xb4\x08\x9e\xd6\x1a/\xf2\xbc\x80\n\xa2,\xe4&gt;\xe6\xbdk\x1c\xc7\xb1,\x8b\x9b\x08j\x83)\xa0\xe7\x13E\x91\xe7y\x9e\xe7\xc9\x90?\'\xc7\xfa\xcb\xda_\xdf\x1a=\xee\xf0\xa1?(\x8a&amp;\x85\x83\xe38A\x10\xa4\xbeRx\x0eA\x10r\xef#M\xd3\'\x8e\x9d\xdc\xfe\xfb\x0e\x9e\xe75\x1a\rM\xd3&lt;\xcf\xe3&amp;\x82\xaa\xe0\t\xe0Y\xf2\r\xf9o\xdf\xbc\xb3d\xf1\x92=\x87v\t^\x96r\xd5\x03o\x9e\xf9\'\xd0X\xaeo\xaf\xfe\xaf\xf7\xefS\xa6l\x19\xeaiCK\x90\x03r_\xc8\xd17\x14E\xa5\xa5\xa6m\xdc\xb0i\xd3\xe6Mw\xd3n\xd0\x1a\xca\x83\xf7\x7f\xad[\xaf\x91\xa3\xdf([\xae,EQ"%\nx\xaa\x03u@\x00&lt;\x1d\x99\x1d&amp;\xa5\x9f\xe3\xb8\xdd;\xf6\xac\xffe\xfd\x99\xb8\xe82u\xfc\xda\xf6iV\xb1Fy\x8d\x86\xcd\xb1X/\xc7\\;\xb9\xeb\\\xf2ush\xeb.\xc3G\x0c\x0f\x0eiL\xfe\xe7d\x98\x89]t$G\x9e\xde4\x9aGk]\x17/\\Z\xb7v\xfd\x8e\xfd\xbf\xeb\x02\xc5\xe6]\x1b\x04\xb5\xa8\xa53\xe8\xae\x9d\xbfu|\xc7\xe9\xc4+\xd9!A\xcdG\x8c\x18\xd1\xb6}\x1b\xf2\x8f9\x8ec\x18\x067\x11\xdc\x18\x02\xe0?\xf2\r\xe1\x13\xe2\x136o\xdc\xb2z\xfd*\xab&gt;\xbd~\xfb\x1aM\xda7(\x11\xe8k\xc9\xb6Zs\xac\xa2H1\x0cm4\x19tF\xdd?7\x13\x8e\xef&lt;s=\xfan\x05\xbf*\xaf\xf7\xe97d\xf8\x10\xa3\xd1@a\x8dQR&lt;\xcfS\x14E"\xdcj\xb5n\xdd\x12\xb1n\xfd\xda\xb8\xbfb+\x07\x97y\xe5\xb5\xa6\x15\xaa\x95\xe3\xec\x9c%3G\x10E\xa3I\xaf3\xea\x1e\xdcM\x8c\xda{\xee\xcf\xa37K\x1a\xca\r\xe8;h\xd0\x90\x81\xbe~&gt;\x14n"\xb85\x04\xc0#y\x87\xfc\x14E\x9d&gt;uf\xfe\xfc\xf9\xa7bO\xfaV\xd4\xb7\xea\xd1\xa4v\x93j\x0cM\x9b\xb3,\x9c\x9d\xa7\x99\x7f\xb7\xd6\x12\x05Q\x10E\xbdAk\xf44\x9a\xb3,\x17O^9\xf6\xfb\x196\xd3\xd4\xa9M\xd8\xa0!\x03\x83\xea\xd7#\xff\x0ck\x8c.\x93/\xc2o\xdf\xba\xb3~\xed\xfa-\x11\xbf\xf1\xde\xd9\xc1\xa1u\x1b\xbdR\xcf\xdb\xcf\xd3\x9c\x95c\xcb\xb1\xd14M34\xf9\x9f\x88\x82\xa8\xd5iM^F\x9b\xd5v\xf9\xf4\xf5\xc3\xbfE\xdb\x1e\xd2m[v\x1c9\xf2\x8d\x86\x8d\x1b\x90\xffg\x9e\xe7\x11\x03\xe0f\xd4\x1e\x00O\x9d\x1d\xfem\xcb\xa6\xbfSo\xd6jY\xb1U\xf7&amp;\x81\xe5\x02l96K\xb6\x95\xa2\xc4\x82f\x03H\x05a\x18\xc6\xe4ed\x18\xfaV\xdc\xdf\'w\x9d\xbdu\xfa^\xad\x97\x82\xc6\x8e\x1e\x1b\xf6j\x98F\xc3RdLJS,\x83\xceQ\xa7\xc8\x17\xe1;"v\xae[\xbf\xeel\\t\xa9\xda\xbe-\xbb6\xae\xd9\xa8\x8a(\x88\xe6\xac\x1c\x9e\xfbO\x84\xffK\xa4\x04A\xa0\x19\xda\xe8a\xd0\xea4wo\xde\x8b\xdas6\xee\xc8\x9dZ\x15\xeb\x0f\x198\xa4\xc7k\xdd\rF\x03\xf5\xdf\x07\x0b\x00\xa5So\x00&lt;cv\xb8Y\xd7\x06A-j\x99&lt;\x0c\xe6\xcc\x1c\xbb\xcd\x9e;T|.A\x10)J\xd4\x1b\xf4F\x0f}FZ\xd6\x99\xc8\xd8\xe8\x9d\x17\x8d6\x9f\x9e\xaf\xf6\x1e&lt;tP\xa5\xca\x15),\x14;\xda\x13\xb3v\xf76o\xdc\xbc\xe9\x7f\x1b\x1fX\xee\x86t\xad\x1b\xdc\xb6~\x89\xd2~V\xb3\xd5\x92\x9dC\xd14S\x88\xfb(\n\xa2(\x8a:\x83\xce\xe4i\xc8H\xcb:{\xf8b\xcc\xdeKl\x96\xa9s\xbb.c\xdf\x1c[\xa9J\xc5\'\x7f(\x14\x06\xcf\xf3J\xac6\xb9%\xc2-\xa91\x00\xfe\xbb\xc0\xcb\xef\xde\xb1{\xc9\xb2%O\x99\x1d&amp;\x87i\x14\xfd\x0bN\x1e\x08X\rk\xf44\x88\xa2x\xed\xc2\xad\x13;\xcf&gt;\x88KkR\xa7\xc5\xe8Q\xa3\xdb\xb4oM\xfe\x19\xd6\x18\x8b\xe9\x19\xb3v\xcd\xbb6\xac\xdd\xa4\xbaV\xa7\xcd\xce4\xf3\xf6\x02\x86\xfc\xcf\x94{\x13M\x9eF\x8a\xa6\xee\\\xbd\x1b\xb99\xea\xfe\x9f\xa9\x8dj5\x1d&lt;h\xf0\xab=\xba\x92\x7f\x86\x9bXHJ&gt;\x91F\xa4^\xa0\n(\x84\x8a\x02\xe0\xd1\xa8\x8deh\x8a\xa6(*\xfen\xfc\xca\x15\xab\x7f\xdf\xb1\xc5\xa2Ko\xda\xb5^\xe3\xb6A\xde\xbe\xf9g\x87\x8bI\x10D\x8a\xa2\x8c&amp;\xbd\xde\xa8Ky\x98vt\xfb\xa9KGn\x944\xfc_\xdf\xd7\xfa\xa1s\xf4\x85\x15f\xd6\xcen\xb5[\xb2sDAd\xd8\xe2\x96fA\x10)Q\xd4\x1b\xf5F\x0f}\xf2\x83\xb4\xd3\x91\x17N\xed\xbcT\xcaX\xbeo\xaf~}\xfb\xf5)[\x0e7\xf1\xf9\xc8\x1fg\xc7\x8e\x1d\xc7\x0e\x1fd\x18Z\x11/[\xd04-\x08B\x85JU\xc3\xc7\xbf\xad\xe4\xf4z\x0eU\x04\x80 \x08\x82 \xe4&gt;\xcaE\x1e&lt;\xbcj\xd5\xaa\x0b\xd7\xcfxW\xd4\xb5\xec\xda\xb8Z\xfdJ4M[\x9e1;\\&lt;\x8f\xc6\x92Z\xd6\xd3\xdbd\xb3\xda\xd19\xfa\xc2\x9c1kW\xf8\x1fMn\xa2\x87\x97\xc9n\xb3_\x8e\xb9vb\xe7\xb9\xf4;\xd6\x8e/\x87\r\x1b6\x147\xf1\x19DQ\x14E1--\xed\xa5\x97*\x96l\x10\xaa3\x98x\x8e\xa3\xe4_OEQg0^\xde\xb3\xe6\xe0\xfe\x9d\xed:tt\xd7\x13\x95\xdd9\x00\x9e\x18*\xa6\xaf_\xfb\xcb\x86\xdf\xd6\'\xe6\xc4\xd7y\xb9J\xabW\x83\x03J\xfb[-6\x8b\xd9JQTaf\x87\x8bI\xe0\x1f\xad1\xea\x0c\xe8\x1c-\x9a\xc2\xf6t\xbe\xe8\xac]\xe1\xe5\xdeD\xad^\xfb0&gt;\xe9H\xc4\xa9\xab\'\xfe\xcaw\x13\xc9\xd5\xe2&amp;\x12\xa4t\x8eyc\xe8\xbe\xcb\xa9\xa3\xe7n\xb3d\xa6\xd1J\xe8\x83\x10\x04\xde\xc3\xdb\xef\xc0\xda9I\x7f,?}\xfe\xa2\x86eiw\xbc\xa1\xee\x19\x00\xf9\xde\xe0=w\xe6\xfc\x8a\x15+#\x8f\xef\xd7\x05\x8am\xfa6\xad\x1d\\M\xa7\xd7eg\x989;\xe7\x8c!\xffs\xae\r\x9d\xa3\x85\xf6\x02=\x9d.\xba0A\x14\xc5G\x9d\xa3\xe6\xec\xff\xdc\xc4\xc1C\x06\xd5\xab_\x97\xfc3\xdcD2\x02\xbb\x12w\xb9aH\xcb7\x16\xfe\xa1\xf7\xf0\xe6mV\x05\x0c\xff)\x8a\xa2(Q\x14\xbc\xfc\x03\x17\x8c~\xf9\xbb\xe9\xe3G\xbf9\xce-\x1f\x02\xdc-\x00\xf2\x0e\x15s,9\x11[\xb7\xad\xfdem\xdc\x9d\x0b\xb5^\xa9\xd8\xacs\xa3\xf2U\xca\xd8m\x9c\xa3f\x87\x8b\x03\x9d\xa3\xcfV\xdc\x9eN\xd7\x10\x1f\xcdn\xff{\x13w\x9f\xbb\x19\x1d\x1fR\xb7\xe5\xa0\x81\x83\xc2^\xedLf\xab\xd4&lt;/D\x8af\xeb\x96M\xad\x95:\xb6\x1f\xfcNf\xca\x03\x86ULS\x8d(\x08:\xa3G\xfc\xf5\x0b\xfb\xbf\x1e|\xed\xdau\x1f__\x9a\x96\xee\xc3\xe6\x1cn\x12\x00\xf9\x87\x8a\x8f7\xed\xe1=\xcdMB\xeb6jS\xcf\xe1\x0b\xbc\x8e\x82\xce\xd1\xbc\x1c\xde\xd3\xe9\x1a\xb97\xd1\xe4iHIL\x8f\xde\x7f\xf6\xfc\xc1\xab\xe4&amp;\x8e\x1c=\xe2\xd1\x16C\xaa\xb9\x89\xb9H\xf5\xdf\xb0~\xed\xc8\x89\x1f\x8d[r\x94\xe38\xa9\xaf\xa8\xc8\x04\x9e\xf3\xf2\x0f\\;sHX\xbd\x80%+V\xbb\xdfC\x80\xe2\x03\xa0\xa0\xa1b\xe9\xc7\x9b\xf6P"e\xce\xb2H&lt;T|\x1et\x8e:\xb5\xa7\xd35DQ\x14\x04Q\xa3a=\xbcM&lt;\xcf_\x8f\xbd}|\xbbz\xb7\x18"k\xbf&lt;\xc7W\xad\\\xa1\xce\x80\xcf\xea\xb7y\xcd\x9c\x9eL+\xaez\x8a"\xab\xd5\x993S\x96\x8fm\x11{.\xa6f\xad\xdad\x89N\xea\xcbr\x18\x05\x07@\xdeW\xf3\x9f2T,\xe5k\xc9\xb6Z-VY\r\x15\x9f\xab\xf0\x9d\xa3\xee1\x12qqO\xa7k\x08\xbc@\xd1t\xee\x16C\xd1\xfb\xce]\xfc\xe3F\x05\x9f\xaa\xaf\xf7\xe9\xf7z\xff\xbe\xbe~\xbe\x94\nV\xfb\xc9`\xf9\xe3\xe9\x1f,\xda|x\xf4w\xdb\xb3\xd2S\x18e\xced\n&lt;\xe7\xe9\x17\xb8w\xc5g\xde\x0f\xa2"\x8f\x9ep\xb3\x87\x00\xa5\x06@ng\xee\xe9\xe83\xf3\x17(l\xa8\xf8\\\xcf\xea\x1c\x1d&gt;&lt;\xb8icJ\xd9o\xd6&lt;\x85+{:]#\xef\x16C\xd6\x1c\xeb\xb9\xa3\x7fF\xed&lt;\xff\xe4\x16Cn\x89t\xfa?|\xf0\xa0f\xcd\x9a]gn*W5\xc8j\xce\xa2\x95&lt;pf\xb5\xda\x05\xc3\x83#6\xac\x08\xeb\xda\xcd\x9d2@\x91\x01@j\xdf\x9a\x9f\xd7\xae\xfey\xf5?i\xb7\x94;T|\xae\xa7v\x8e\xfe\x9fo\xe5\xe1\xc3\x86\x0f\x1d6D\xd1\x19@&gt;xv\xbb}\xdb\xef\xdbW\xaf^\x15\xf7\xf7E\xd7\xf7t\xba\xc2\xe3-\x86L^F\x8dFs\xf7f\xc2\xa3-\x86^\xaa?|\xd8\xf0\xee\xafu\xd3j\xb4\x14E)\xf7&gt;&gt;\x15)\x91\x03\xfa\xbe\x16\xf3P\xdf\xff\xa3%\x19I\xf7\x15\xb4\xf6\xfb$Q\xe0\x8d\xde\xfe\xe7\x0fl\xba\xb6\xe5\xcbk\xb7\xfeb\x18\xdamV\x83\x95\x17\x00d\xe6\xe7\xe0\xfe\x83\x1d\xbbu\x0c\xffv@\xdd\xa65\x8c\n\x1f*&gt;W\xde\xceQK\x96\xe5R\xf4\xd5ES7\xec\xdd\xb6\xb7chG\xe5\xce\x05\x91\x1a\xf1\xc6\x88\x91\xfb\xa2\xb7uy\xa3M\xbd\xe6\xb5|$\xea\xe9t\x8d\xbc[\x0c\xa5\xa7f]&lt;\x19\xb7sEdh\xd3\xee+W\xaft\xa7\x11%\xf5\xf8\xbd\xdf\x98\xe8\xa8v]{\x0f\x9f\xb7_\xab7\t\xbc\x12\xde\xfcz&amp;Q\xe0=|K\xac\x98\xd2\xed\xfd\x91\xdd\'\xbf\xf3\xbe\xdb\xdc2E\x06\x00\xcb\xb2=^}-\xcb?\xe1\xad/\x87\xc4\xdf\xbaOS\x94;\x0c\x15\x9f\x87L)\x88\x14U\xb6b\xa95_o\xc9\xba\xc8F\x1e9\xa8\xd0\x0f"\xf9\xd4=\xb8\xff\xa0J\xb5*3\x7f\x1bW\xaer\xa9\xd4\xc4\x0cQ\x10\x94;kWH\x8f\xda\x7fY\xc6\xc7\xdf+1!ez\x8fy\x17\xce\xc6V\xadV\xd5\x9d\x96\x16y\x9e\xa7i\xa6Yp}\xb6N\x8f\xf6\x83\xdf\xc9HV\xf6\xf0\x9f\x10\x05Ao\xf2\x8c\xbf\x11\xbb\xfd\xe3&gt;\xd7\xae]\x0b,U\x8a"eG\xe1\x14\xf6\x0b\x90\x01\xef\xf5k\xd7#\x8f\x1f\xe8\xd8\xef\xe5\x87w\x93\x18\x86fX\xf7\xaf\xfe\x14E\xd14\xcd\xb0\x0c\xc3\xd0\x89\xf1\xc9\xad\xba\x06\x9f\xbd\x14s\xfd\xda\r\x96e\x15\xb1\xb3J&gt;d\xe1\xf7\x87\xef\xe7\x97\x0f*Y\xaa|@\xd2\xbdT\x9a\xa6\x18\xd6mWDs\x91\x9bHQT\xf2\xfd\xb4\x802\xfe\x15\x1b\x95^\xbet\x05\xd9vF\xeaKs\x0c2"Y\xb5|\xc9\xa5\x04s\xeb\xd7\xc7g\xa6&lt;t\x83\xeaOQ\x14\xcd09\xd9\x19\x95\xea6+\xd5\xf8\xd5)\x13\xc61\x0c\xa3\xb8\xa1\xf3S)/\x00(\x8aZ\xbedE\xb9\xba\x01\xe5*\x97\xb2\xd</t>
        </is>
      </c>
    </row>
    <row r="338">
      <c r="A338" s="1" t="n">
        <v>336</v>
      </c>
      <c r="B338" t="inlineStr">
        <is>
          <t>shape_reflect</t>
        </is>
      </c>
      <c r="C338" t="inlineStr">
        <is>
          <t>What is the missing shape denoted by a question mark?</t>
        </is>
      </c>
      <c r="D338" t="inlineStr">
        <is>
          <t>['triangle', 'hexagon', 'square', 'pentagon']</t>
        </is>
      </c>
      <c r="E338" t="inlineStr">
        <is>
          <t>square</t>
        </is>
      </c>
      <c r="F338" t="inlineStr">
        <is>
          <t>There are six shapes in the image separated by a line. In the top part there are ['triangle', '?', 'pentagon']. In the bottom part there are ['triangle', 'square', 'pentagon'].</t>
        </is>
      </c>
      <c r="G338" t="inlineStr">
        <is>
          <t>We observe that the pentagon is reflected across the line as a pentagon. Similarly, the square is reflected as a square. Hence, the pattern is that each shape in the top part is reflected in the bottom part.</t>
        </is>
      </c>
      <c r="H338" t="inlineStr">
        <is>
          <t>Based on the pattern that each shape in the top part is reflected in the bottom part, the missing shape which is reflected from a square part should be a square.</t>
        </is>
      </c>
      <c r="I338" t="inlineStr">
        <is>
          <t>b'\x89PNG\r\n\x1a\n\x00\x00\x00\rIHDR\x00\x00\x02\x00\x00\x00\x02\x00\x08\x02\x00\x00\x00{\x1aC\xad\x00\x00TgIDATx\x9c\xed\xddg|TU\xfe\x06\xf0\xdf-3iLf\x92\x00\x01\x04\x85P\x82\n\x8a!.%\x14\x01! \xc2*R\xe5\x8f(\xa2(\xcdP\x04\x14\x84\x80 \xa04\x03\xea"R\xc4U\xe9V\x84\x04\xa5w\x92\x804\x81\xd0\xdc\x05$\t)\x93&gt;3\xb7\xfc_\x1c\x19Y\x9a@\x92i\xe7\xf9~\xf6\xc5.\x0b\xc9\x9d;\xf7\x9e\xe7\xdc\xdf9\xf7\x1cA\xd7u\x02\x00\x00\xfe\x88\xee&gt;\x00\x00\x00p\x0f\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e0N\xba\xaek\x9a\xe6\xee\xa3\xe0\x82\xae\xeb\xba\xae\xab\xaaz\xfb\xbf\xa6i\x9a\xa6i\xba\xae\xbb\xe6\xa88\xc7\xce\xb6\xbb\x8f\x82k\x02\xaeu\xf0I,\\\xd9\xe5-\x8a\xa2(\xde]_\x87\xfd[]\xd7\x05A\x10EQ\x10\x84\xf29L~\xa9\xaa*I\xd2\xb5\xff\x05\\\x0fO\x00\xee\xc1\x1a\x97\xcb\x97/\x1f?~\x1c\xcf\x01eK\xd34UU\x05A\x90$I\x96eY\x96EQ,..\xce\xcc\xcc\xdc\xb3g\x8f\xa2(7\xfdW,*\x0e\x1d:t\xfe\xfc\xf9\xbc\xbc&lt;Q\x14\xd9?\x97$I\x10\x04\xf63]\xfb9|\x96\xae\xeb\x8a\xa2H\x92t\xfe\xfc\xf9}\xfb\xf6I\x92\x84G\x01w\xc1\x13\x80{(\x8a"\xcb\xf2\xc8\x91#\x7f\xfe\xf9\xe7\xc3\x87\x0f\xa3\x13T\xe6\n\x0b\x0b\x8f\x1f?~\xec\xd8\xb1\xc3\x87\x0f\x1f=z\xf4\xcc\x993V\xab\xb5\xa0\xa0\xe0\xf7\xdf\x7f\x0f\x0f\x0fg]\xfbk\xff\xbe\xa6i\xa2(6j\xd4\xe8\xf4\xe9\xd3\x16\x8b%22\xb2f\xcd\x9a\x8f&lt;\xf2H\xa3F\x8d\x1a4h\x10\x16\x16\xe6\xae\x0f\xe2c\xd8y&amp;\xa2U\xabV\xc5\xc5\xc5edfL|g\xe2\xc4\x89\x13\xe9\xeaM\xe1\xee\x03\xe4\x8c\x0e.\xa7\xaa\xaa\xa6ig\xcf\x9e\xb5X,D\xb4f\xcd\x1a]\xd7\x15Eq\xf7qy=vb\x93\x92\x92\x06\x0c\x18\x10\x11\x11q\xd3\xba\xcd\xbcy\xf3t]w8\x1c\xd7\xfdC]\xd7\x0f\x1c8p\xd3{$&lt;&lt;\xfc\x99g\x9eY\xb4h\x91s\x84\x00\xee\r;\xedyyy\xc3\x86\r\xbb\xf6\x0cw\xec\xd8\xf1\xd2\xa5K\xec/\xe0\x0c\xbb\x12\x9e\x00\xdc\x80\xf5\xf7{\xf4\xe8\xb1f\xcd\x1aI\x92"""\x8e\x1e=*I\x12j\xcd\xa5\xc4\xba\x90\x9f|\xf2\xc9\xe0\xc1\x83\x9d\x7fX\xa5J\x95\x07\x1f|\xb0Q\xa3F\x15+V\x8c\x8e\x8e\xaeT\xa9\xd2c\x8f=\xa6\xff\xef\x13\x00\xfb\x9f\xe7\xcf\x9f?{\xf6\xec\xd1\xa3G333SRRN\x9c8q\xe9\xd2%\x9b\xcd\xc6\xfeN\xb7n\xdd\xd6\xae]\x8bg\xb5{\xa3\xeb\xba\xa6i\x92$\xa5\xa6\xa6\xbe:\xe8\xd5\x94\xe4\x14"j\xd1\xa6y\x8d\x9a5\xbe^\xba\x92\x88\xee\xab~\xdf\x9c\xd9sz\xf6\xecI\xd7&lt;%@\xb9so\xfep\x88\xf5\xf4\xb7n\xddJD\xa2\xf0\xe7U&gt;m\xda4\x1d\x0f\x01w\x8c\xf5\xf4o\xfcsv\x02\xb7o\xdf~\xdf}\xf7u\xef\xde}\xee\xdc\xb9\xfb\xf7\xef\xcf\xcd\xcd\xbd\xb7\xdfRXXx\xec\xd8\xb1%K\x96\xbc\xf2\xca+\xf5\xeb\xd7\x9f&gt;}\xba~\xc3\xa3\xc3\xb5\x87to\xbf\x85\x07\xce\x0b;!!\xc1\x12b!"\x81\x84\xe1c\x87\xa4]9v\xd9\xf1\x9f\x19\xf3\xa7\x9a-fv#\x0c\x1b6,//O\xbf\xf5y\x86\xb2\x85\'\x00\x97b\'\xdd\xe1p\xc4\xc4\xc4\x1c&lt;x0\xa8BPhX\xc8\xef\xe7\xfe\x13\x1c\x1c\x9c\x9a\x9a\x1a\x11\x11\xa1\xeb:\xfa&gt;\xb7\xa1_\xedH\xde\xea\xff\x15\x04!77\x97\x88Xy\x8dq\x8e1\n\x82\xc0f\xf5\xdc\xe6\x87\xeb7\x9b8d\xb7\xdbsrr\xc2\xc3\xc3o\xfa\x0fY\x8f\x95}\xb9\xf8\xfa\xae\xa5\xeb\xba\xaa\xaa\xb2,_\xbati\xe4\xc8\x91+W\xae$\xa2Zuj\xc6\xbf\xffN\xc7.\xedss\xac\x8a\xa2\x84\x86\x85\x9e8v\xe2\xcd\xc1o%\xefM%\xa2\xc6\x8d\x1b\x7f\xfa\xe9\xa7QQQ\xaa\xaa\xe2\x99\xb8\xbc\xe1bu)\xd6R\xacX\xb1"%%E\xd3\xb4^/\xf4X\xf4\xf5\'\x06\x83!//o\xca\x94)\x82\x80&lt;\xbe\x1dEQ\xd8\xdc\x9e\xb4\xb4\xb4\x9bN\x1aa\x8d\x85\xc5b\xb1X,\xaa\xaa*\x8a\xc2:\xe6\xa2(\xb2\xe9@\xac\xcev\xab\x9f\x7f\xdd\xc4!\x96\x07\xec\x87\x18\x8d\xc6[\xb5\xfeD$\x8a\xe2\x89\x13\'X\xb4\xb0\xdfX&amp;\x9f\xd7\xdbi\x9a&amp;\x08\x82,\xcb\x89\x89\x89M\x9a4a\xad\x7f\xe7g:}\xf3\xf3\xaa\xf6\x9d\xdb]\xc9\xc8\xd2u]\x96\xe5\xec\xac\xec\x88\xba\x11_\xaf\xffb\xf8\xd8!\x82 \xa4\xa4\xa4\xb4{\xb2\xdd\xfc\xf9\xf3\xd9\xfc+L\xbe*_\xae}\xe0\xe0\x1a\x9bJ\x98\x9d\x9d]\xa5J\x15Q\x14\xcd\x16\xf3\xfeS;\xb3\xf5\xcb\xcf\xf4\xecJD\x92$m\xdb\xb6MG!\xe8f\xd8\xa9\xd3u===\xfd\x8d7\xde\xf0\xf7\xf7\x9f5k\x16k\x9do\xfa\x97\xcb| \xf1V?\x93\x1d\xd5\x8e\x1d;\xfc\xfd\xfd;v\xecx\xf4\xe8Q\xf6\xe7\xf8\x12Y\r\xc7\xe1p\x8c\x181\x82\x05s\xb098\xfe\xfdw\xfe[x\xe6L\xf6o\xc7.\x1d&lt;\x99q\xc4\xf9\x9f\xdf\xfe\xf8\xf5d\xc6\x91\x0c\xe5\xbf\xcb\xd6.\n\xafZ\x995M\xbdz\xf5\xbax\xf1\xa2\x8e\x91\xe1\xf2\x84\x00p\x1d\xd6(\x0c\x19:\x84]\xdf\xef\xbc\xf7\xd6\xa5\x92s\xa72\x8f\xec\xf9m{Hh\x08\x11\xb5n\xddZQ\x14\xb4\x1d\xd7q\x9e\x90%K\x96T\xaf^\x9d\x9d=\x83\xc1\xb0\x7f\xff~g0\xb8\x05\xfb\xed\x99\x99\x99\xf5\xeb\xd7gG\x15\x10\x100a\xc2\x04\xce\xab\xd8\xce`NIIi\xda\xb4);3\x8d\xa2\x1f]\xbf\xe3\xdbL\xf5\xc2\xf1?\x0e\xfdv\xf9\xd7k[\x7f\xf6\x9f\x13\xe9\x87\x8f]:x\xa9\xe4\xdc\xfeS;;?\xd3\x89\xfd\xab\xea\xd5\xabo\xdc\xb8\x91\xfdX\x8c\xb2\x94\x07\x04\x80\x8b\xb0q\xcb\x13\'N\xc8\x06Y\x14\xc5\x06\x8f&gt;|&amp;\xfb\xf8\xc9\x8c#G/\xa6f(\xff\x8d{\xeb\xcfYq\xcb\x97/\xd7\xd1\x7f\xbc\x06kF/^\xbc\xd8\xabW/\xe7ck\x9f&gt;}\x8e\x1e=j\xb7\xdb\xdd\xde1d\x8d\xdd\xc5\x8b\x17\xdfy\xe7\x9d\x80\x80\x00vx\x8d\x1b7\xde\xbbw\xaf~\xeb\xc1j\x1fv\xd3\xf1\xde\x97^\xef\x7f&amp;\xfb\xf8\x7f\xf2\xd3\x8e]&lt;xc\xd3\x7f\xed\x7f\x8e]:x6\xf7\xc4\x7f\x0b\xcf\xc4\xbf\xffN\xb09\x98\x88\x04A\x88\x8f\x8fg\x97\x01\xee\x8b2\x87\xa2\xb3\x8b\xb0\xe9\x83\xb1\xb1\xb1IIID\xf4\xc57K\xdauj\x93\x93m\x95e\x89\x88\x04A\x88m\xfa\xf4\xf9\xb3\xbf\xd7\xae];99\xd9d2\xb1\xe1Jw\x1f\xb5GHLL|\xf9\xe5\x97/^\xbcHD\xf5\xeb\xd7\x9f3gN\xa7N\x9d\xdc}P7q\xec\xd8\xb1\xd1\xa3Go\xdc\xb8\x91\x88\xfc\xfc\xfcf\xcc\x98\x11\x17\x17GW\x87\xa6\xdd|p\xe5O\xbf:\xde\x9b\x95\x955d\xc8\x10V\xf1\x0f\xaf\x1a&gt;s\xc1\xd4\x8e]:Xs\xf3\xeep\x06-\x8b\xccJ\x95+\xee\xdf\x9d&lt;~\xc4\xa4C\xc9\xbf\x12Q\x8b\x96-\x16\x7f\xb6\xb8^\xbdz\x18\x19.[\x18\x04v\x05v\xe9\'%%\xb1\xd6\xbfc\xd7\xd86\xb1\xadss\xfel\xfd\x15E\xa9\x10\\\xe1\x8dqC\x89\xe8\xf4\xe9\xd3\xf3\xe6\xcdcc\x89n&gt;h\xb7b\xdd\x93\xc2\xc2\xc2\xb7\xdf~\xbbc\xc7\x8e\xac\xf5\x1f6l\xd8\xde\xbd{;u\xea\xc4z\xd6\xee&gt;\xc6\xbf\xe8\xba\xae(\xca\xc3\x0f?\xbca\xc3\x86\x84\x84\x04\x8b\xc5b\xb3\xd9F\x8c\x18\xd1\xa3G\x8f\xf3\xe7\xcf\xb3\xcf\xe2\xeec,_\xd7\x8e\xf7\xc6\xb4\x88q\x8e\xf7\xfe\xb0mm\x87\xceOf]\xc9\xd6u\xfd\x0e\xdf\x9f`\x8bpd\\\xcel\xd8\xe8\xe1\xb5I_\x0fx\xbd?\x11\xed\xdc\xb1\xb3Y\xb3f\x9f}\xf6\x19F\x86\xcb\x16\x9e\x00\xca\x1d\xbb\xff5Mk\xd0\xa0AZZ\x9a,\xcb?\xee\xf8\xa6\xfeC\xf5\n\x0b\x8b\x9c3R4U\x0b\x0e\t\xee\xd6\xae\xe7\xbe]\x07,\x16Krr2\xe7SB\xd9I\xcb\xcd\xcdm\xda\xb4iZZZ\xe5\xca\x95\xe7\xcf\x9f\xcf\xde\x12\xf2\xd8W\xb1X&amp;\x89\xa2\x98\x9a\x9a\xfa\xea\xab\xaf\xa6\xa4\xa4\xc8\xb2\xbcg\xcf\x9e\xe8\xe8h\xdf~\xb3\x89}#\x8a\xa2L\x9b6m\xf2\xe4\xc9\xba\xae\x07\x07\x07\x8f\x9c\xf0\xc6\xcbC^t8\x1c\xc5E\xc5\xf7\xb6\xc0\x03\xfb\xb1\x96\x10\xf3\xaa\x7f\xaf\x9d\xfa\xf6\x8c\xf4?\xd2\x89\xa8O\x9f&gt;\xf3\xe7\xcf\x0f\x0b\x0b\xc3\xba\x11e\xc2g/J\xcf\xc1n\xfe\x85\x0b\x17\x9e&lt;yR\xd3\xb4\x97^\xef\xffHT\xc3\xfc\xfc\x82\xffi\x11\x04R\x15u\xec\xe4\xd1~~~\xb9\xb9\xb9lJ\xa8Gur]\x8c\xcd\x88\r\r\r\xfd\xe4\x93O\x1e\x7f\xfc\xf1\xdd\xbbw\xf7\xec\xd9\x93\x95\x80=\xb3\xf5\xa7\xab\xaf\x0e(\x8a\x12\x15\x15\xb5u\xeb\xd6\x1e=z\x8c\x1b7.::\x9aU-\xdc}t\xe5\x82\x95}$I:u\xeaT\x9b\xb6m\xe2\xe3\xe3u]o\xf0\xe8\xc3_\xff\xb4|\xf0\xa8A\xf9y\xf9\xb6\x12\xdb=7\xd3\x92$\xe9\xba~%3\xab{\xdfn\xdfoY\xd3\xb2m\x0b"\xfa\xfa\xeb\xafcbbv\xed\xda%\xcb2\x96\x90+=&lt;\x01\x94/v\x81fdd&lt;\xf4\xf0C\xd6\\k\x8d\x07\xaa\xff\xb8\xfd\x1b\xff@\x7fUQ\xaf\xabc*\x8aR)\xbc\xe2k}\x87\xae[\xf1\x9d$I[\xb6li\xd9\xb2\xa5\xc7\xf6v]\x83\x95V\x14E\t\x08\x08\xf0\xa2\x1e\x9f\xf3[+**b#\xc3&gt;Y\xb3v~\xcc\xcf&gt;\xfbl\xec\xd8\xb1\xd9\xd9\xd9D\xd4\xff\xd5\xff\x1b\x13?*\xd8\x1cl\xcd\xb5\x1a\x0c\x862\xf9E\xec\x02\x90\r\xf2\xa7\x1f~\xf6\xfe\x949v\x9b\xdd\xcf\xdf\xef\xadqoM\x9a4\x89\xb0\x84\\\xe9\xf8f\xc7\xc4s\xb02\xce[o\xbd\x95\x93\x9d\xa3i\xda\xe0\x91\x83*W\xadl\xb7\xd9ol\x11$I\xca\xcf+xs\xd2(K\x88YU\xd5\x11#F\xd8l6\xce_\r\x13\x04\xc1`0\x04\x04\x04h\x9a\xe6E79\xeb\xba\x12Q``\xa0\xaf\x0e\xe6\xb3\xf5\x9c\xb3\xb2\xb2\x9e\x7f\xfe\xf9W^y%;;;\xbcj\xf8\xfc\xa5s\xdf\xffx\xba\xd1h\xc8\xcf\xcb/\xab\xd6\x9f\x88dY\xb6\xd9l\x85\x05\x85\xc3\xc6\x0e\xf9\xf2\xfbe\x11uj\xd9Jl\xf1\xf1\xf1\x9d:ub5U\xf6hXV\xbf\x8e+\x08\x80r\xc4\x8a?)))_\x7f\xfd5\x11=\xde,\xbaW\xff\x1e\xd9W\xb2o\xda\x96\t\x82PR\\\x12Q\xa7\xe6\xb07\x07\x13QJJ\xca\x8a\x15+DQ\xc4C\xae7\x8e\x85\xb0\xe4\xf6\xc9V\x89\x15^\xd8xo\x8b\x161\xec\xdan\xd9\xb6\xc5\xf7[\xd6t\xef\xdb\xedJ\xc6\x15U\xbd\xe5Z\x1d\xf7\x8c\x95\xd7\xaed\\i\xda\xa2\xc9\x0f\xdb\xd7\xf5z\xa1\x07\x11m\xdc\xb81&amp;&amp;f\xd5\xaaU\xb2,cd\xf8\xdep\xdd\xc1,o\xec\x19\xf9\x89\'\x9e\xd8\xb6m\x9b$I\x9f\xaf[\xdc\xa6C+kn\xde\xedo\x0fQ\x12c\x9b&gt;}\xfe\xcc\xef\xe1\xe1\xe1G\x8f\x1e\xb5X,\xbe\xda\x8b\xbc\x16\xdb\xc2\xc5\xeb\x1a\xfa{\xc0f\x04x\xe9\\Fg\xbde\xf2\xe4\xc9l\xbc\xd7h4\x8e\x994\xf2\xd57\x06*\x0e\xa5\xb8\xf8\x1e\xc7{\xef\x1c[\x96# \xd0\x7f\xedW\xdf\xc6\x8f\x99\x9a\x9d\x95MD\xc3\x86\r\x9b6m\x9a\xc9dB9\xe8n\xf9\xfe\xfd\xe6.\xac\xf5_\xb3f\xcd\xf6\xed\xdb\x89\xa8K\xb7\xa7\xda?\xd567\xc7z\xfb\xd6_U\xd5\xc0\xc0\x80\xf1S\xc7j\x9a\xf6\xc7\x1f\x7f\xcc\x993\x87\x87\x87\x00\xb6\xbe\x1b\x0f\x9f\x94\xbd\x13\xc0\xe62\xba\xfbX\xee\x8es\x9a\x7fZZZ\xa7N\x9d\x9c\xe3\xbd\xab\x13\xbf\x1a\xfa\xe6\xebE\x85E6\xdb\xbd\x8f\xf7\xde96\xdd\xc8\x9a\x9b\xd7\xf3\x85\xeek7\xadh\xdc$\x8a\x88\xe6\xcf\x9f\xdf\xa6m\x9b}\xfb\xf6ad\xf8n!\x00\xca\x05{\xae\xb2Z\xadc\xc7\x8e%"\x93\xa9\xc2\xb0\xb1C\x8a\x8b\x8a\xff\xb6\x87+IR\x9e5?\xb6K\xfb\x16O4\x17\x04a\xd6\xacYiiil\xcf&lt;W\x1c\xb7;\xb0\xee\xf0\xf4\xe9\xd3\x7f\xff\xfdw\xb6\x04\x9b\xbb\x8f\xa8\xbc\xb0\xd6_U\xd5\xf7\xde{\xcf\xb9H\xb5\xbb\x0f\xea\x8e8\xb7\xd8\\\xb1bE\x8b\x16-\xd8\xcbn\xfd_\xfd\xbf\x95\x1b\xfe\xdd\xb8IT\xd6\x95lW&gt;\xbd\xb1#\xc9\xca\xc8\x8a\xa8[k\xe5O_\x0c\x1f;D !%9\xa5u\xeb\xd6\xec\x1d\x1a\xbcFs\xe7\x10\x00\xe5\x82u\xff\xe7\xcd\x9bw\xf6\xecY]\xd7_\x1e\xfaR\xc3\xc7\x1a\\;\xf1\xff\xef\xfe\xb96a\xfa[l\xeck\xc2\x84\tt5Q|\x0f\x9b"\xb9l\xd9\xb2\xb7\xdf~\xbbQ\xa3F\xcb\x97/\xa7\xabS\xa7|\x0c\xfbP\x07\x0f\x1e|\xf8\xe1\x87\xc7\x8f\x1f?j\xd4(o)[\xb3\xf1^\xab\xd5\xfa\xca+\xaf\xf4\xe9\xd3\'###4,t\xc1\xd5\xf1\xde&lt;k\x9e[\xaa.\xb2A.*(RUm\xfc\xb4\xb1\xcb\xd6}V\xabNM\xf6\xf2]\xef\xde\xbd/]\xba\xc4\x1e\x14|\xf5\xae)C\x08\x80\xb2\xc7\n\x1ag\xce\x9c\x997o\x9e \x085k\xd7\x1c&lt;rPNV\xce\x1d\xde\'\xa2(\x16\xe4\x17&gt;\xda\xb8a\xcf~\xdd\x89h\xd5\xaaUl\x08\xc1+\x1a\x8b\xbb\xc2N\xd4\xe1\xc3\x87\x87\x0e\x1d*IRpppLL\x0c\xf9\xe8\xa4I6,\\\xbbv\xed:u\xea\x10\xd1\x92%K\x96.]*\xcb\xb2\'\x7f\xad\xce\xf1\xde]\xbbv5m\xda\xf4\xb3\xcf&gt;#\xa2\x96m[\xacM\xfa\xba\xfb\xff=WN\xe3\xbdwN\x94D]\xd7\xaf\xa4g\xb5\xef\xdc\xee\x9b\x9fW=\xf5LG"Z\xb9re\x93&amp;M\x12\x13\x13\xd9\xc8\xb0Ov&amp;\xca\x10\x06\x81\xcb\x1e\x1b\x89\xea\xdf\xbf\xff\xf2\xe5\xcb\x05A\x98\xfb\xe9\x07=_\xe8~\xe7\x01@D\xba\xae\x1b\x0c\x86\xdc\xdc\xdcv\x8d;Zs\xf3\xa2\x1aG\xed\xda\xb9\xcb`0\xf8\xd2h0\x1b\x0b%\xa2\xc7\x1f\x7f\xfc\xe0\xc1\x83\xac\x95\xf9\xc7?\xfe\xe1\xc3/\xcd\xb2\x12\x90\xd5j\x8d\x8a\x8a:w\xee\\``\xe0\xe1\xc3\x87#""&lt;\xf3#_;\xde;}\xc6t[\x89\xcdh4\xbe&gt;\xe2\xd5\x91\x13\x86\xeb:\x15\x16\x14z\xcep\xab\xa2(\xfe\xfe\xfeF?\xe3\xe2\x8f\x96\xcd\x99\xf6a\x9e5O\x10\x84\xb8\xb8\xb8\xf7\xdf\x7f\x9fE,\xcf/\xd3\xdc\x9e\xc7]v\xde\x8e\r\x94\xed\xd8\xb1\xe3\xcb/\xbf\x14\x04\xe1\xf1f\xd1=\xfa=g\xcd\xb6\xde\xd5\xdd"\x08BIII\xb5\xeaU\x87\xbd9X\xd7\xf5\x94d\x1f\x9c\x12\xca\xba\xffo\xbe\xf9\xe6\xc1\x83\x07\x89\xe8\x83\x0f&gt;\xf8\xc7?\xfe\xa1(\x8a\x076\x85e\x85\xd5|\xccf\xf3W_}e0\x18\n\x0b\x0b\xfb\xf6\xed\xeb\\\xe1\xd2\xddG\xf7\x17\xf6\xfe\xdd\xb5\xe3\xbd\xb6\x12[D\x9dZ_\xfe\xb0l\xfc{\xe3\x8a\n\x8b\xefyu\x87r"\xcb\xb2\xddn\xcf\xcf\xcb\x1f2j\xd0\xd7?.o\x14\xfd\xa8\xae\xebs\xe7\xcem\xd3\xb6\xcd\xa9S\xa7\xd8\xd3\xb3G\x9da\xcf\x81\'\x80\xb2\xc4\xeed\x87\xc3\xd1&lt;\xa6yjJ\xaa,\xcb\xab6~\x19\xdd\xb4qaA\xe1\xdd\xb6k:\xe9\xa2 \x08\xe2_SB\x8f\x1d;f6\x9b}\xe3!\x80\xf5ySSS\x9b4i\xa2(\xca\x93O&gt;\xb9i\xd3&amp;N\xe6\xf0\xb1\x8f9y\xf2\xe4\xf8\xf8x"Z\xb0`\xc1\x90!C&lt;\xa7\x97\xea&lt;\x92U\xabV\r\x1d:433\x93\x88z\xbd\xd0c\xe2\x8c\xb7\x83\xcd\xc1y\xb9y\xb2\xc1s\xbf#\xc5\xa1\x98\x82+8\x1c\x8ei\xe3g.\xf9\xe4s"\n\r\r\x9d9s\xe6\xc0\x81\x03\xc9\x83W\x91r#\x9f\xedm\xb9\x85s\xc7\xc7\xd4\x94T"\xea\xf5B\x8f\x98\'\x9a\xe5\xe7\xe5\xdfC\xafV AQ\xfegJ\xe8\xc4\x89\x13}\xec!`\xc4\x88\x11\x8a\xa2\x98\xcd\xe6\x7f\xfd\xeb_\xde\xf8\xb6\xd7\xbda\x1d\xd2\xb7\xdf~\xbbq\xe3\xc6\x82 L\x9c8133\xd3C&amp;z\xb1\xf1\xde\xfc\xfc\xfc\xe1\xc3\x87\xf7\xea\xd5+333\xacbh\xc2\xe29s\x16\xce\xf4\xf3\xf3\xcb\xcf\xcb\xf7\xe4\xd6\x9f\x88d\x83\\PP\xa8(\xea\xf4\x84w\xe7/\x9d\x1b^5&lt;;;\xfb\x95W^y\xfe\xf9\xe7\xb3\xb2\xb2\xd8\xc8\xb0\xbb\x8f\xd1\xb3pq\xcb\xb9\x06\xab\xf0fgg\x8f\x1b7\x8e\xed\xf88r\xc2\xf0\x82\xbc\xc2{\xeetH\x92d\xcd\xcd\xeb\xf8\xcf\xd8N]c\x89\x88-\'\xe7\x03\x19\xc0f\xfe\xcc\x9f?\x9f\xbd!1f\xcc\x98\xda\xb5k\xfb\xf0\x8ai\xd7a\x0fp\x06\x83a\xee\xdc\xb9\xa2(\xe6\xe4\xe4\x0c\x1e&lt;\xd8\xb9\x19\xbd\xbb8\xc7{\xf7\xed\xdb\xd7\xa6m\x9b\xf9\xf3\xe7\x13Q\xcb\xb6-V\'~\xdd\xeb\x85\xee\xd6\xdc&lt;\x96\rn&lt;\xc2;t\xab%\xe4Z\xb4\xc0\x12r7\xc1\xc5-\xe7\x1a\xac\xfb?g\xce\x9c\xcb\x97/k\x9a6|\xcc\xe0j\xd5\xab\x96\x94\x94\x94\xa6b#\x08\x82\xe2PF\x8c\x1fn\xf43*\x8a2|\xf8p\x1fX\x1d\x88\x9d\x90+W\xae\x10Q\xdd\xbauG\x8f\x1e\xcd\xdb\xb39\xeb\x8a\xb6l\xd9\xb2_\xbf~\xba\xae\xdbl6\x87\xc3\xe1\xc6\xfccC/\xa2(\xce\x9b7\xafu\xeb\xd6)\xc9)\x02\t\xc3\xc7\x0e\xf9\xf7wK#\xea\xd6\xba\x92\x99\xe5]o\xae\xb1\x9d\t\xb2\xafdW\n\xaf\xf4\xe5\xf7\xcb&amp;L\x1bg4\x1aO\x9c8\xd9\xee\xc9v\x93\'Ov.\xda\xea\xee\xc3\xf4\x08^\xdf\x9ax\x08\xb6!\xc6\xa9S\xa7\x1ey\xf4\x11\xc5\xa1\xd4\x8cx q\xdf\x8f\xba\xa6i\xba.P\xa9\xee\x1cEQ\xc2*\x85\xc5\xbf\xf9\xee\xbf\xe6-"\xa2\xc4\xc4\xc4\x0e\x1d:x{\x8b\xc9\xc2r\xd6\xacY\x16\x8be\xe0\xc0\x81\xde\xfeq\xee\x01\xbb`\x0e\x1d:\xb4h\xd1\xa2\x8f?\xfe\x98\xdd\x86\xaeod\x9d\xef\xf7^\xbat\xe9\xe5\x97_fox\xd5\xaaS+\xfe\xfd\t\x1d\xbb\xb6\xcf\xc9\xca\xf5\xea\xd2\x1c;\xc9\x96\x10\xf3\xbe]\x07\xc6\xc7M:\xfa\xeb1"\xea\xd8\xb1cBBB\xdd\xbau\xb1\xb9\x18!\x00\xca\xcau;&gt;.^\xf9\xaf\x8e];\xfc\xed\xb2?w\xe2\xcf)\xa19\xb9\x9d\x9aw\xbd\x92y\xa5n\xbdzG\x8f\x1ce\x17\xaeW_\xbb\xce\xb9\x8f\x9c\xec\x98\xe8\x81\x9c_\xc1\xaaU\xabF\x8d\x1ay\xe1\xc2E"\xea\xf2\\\xe7)\xb3\'V\xa9\x1a\x9e}%\xc7\xc3+\xfewHQ\x14\xb3%8\xcf\x9a?y\xec\xb4\x95\xcbW\x13Q\xe5\xca\x95?\xfc\xf0\xc3\xde\xbd{\x13\xf7#\xc3\xde\x9a\xed\x1e\xe5\xc6\x1d\x1f;\xfe3\xb6LZ\x7f\xba:%\xb4\xfa\xfd\xf7\x8dx{\xb8\xa6\xe9\'O\x9c\\\xb8p\xa1\x0f\x8c\x04\xb0\x8f\x80\xd6\xdf]\xdf#+\xfb8\xc7{/\\\xb8h\xb6\x98g\xcc\x9f\xba\xe8\xeb\x8fM&amp;Sv\x96\x8f\xb4\xfeD$\xcbr^n\xbe\xc1h\x98\xb3pf\xc2\xe29a\x15C322\xfa\xf4\xe9\xf3\xca+\xaf\xe4\xe7\xe7s&gt;2\x8c\'\x80\xd2\xbav\xc7\xc7S\xa7N\x19\x0c\x86\x1fw|\x13\xf9P\xbd\xa2;^\xf8\xe1\x0e\x89\xa2\xf0\xec\x93\xbd\x8e\xfdz&lt;$$\xe4\xf4\xe9\xd3\x16\x8b\x85|\xf4\xa5Y(W\xecr\x95$)55\xf5\xd5A\xaf\xa6$\xa7\x10Qt\xd3\xa8\x0f&gt;\x9e^\xff\xe1\xfa9\xd99\xa2 \n\xa2\xaf]W\xecS\x87U\x0c=v\xf8\xb7Io\xbe\xbbc\xf3N"j\x1c\xdd\xf8\xa3\x05\x1f5i\xd2\xc4\xb9\x9d\xa7\xbb\x0f\xd3\xd5\xb8\xfb\xc0e\xee\xda\x1d\x1fu]\x1f0\xb8\xff#Q\r\x0b\xae\xdb\xf1\xb1\xd4TU\r\xaaPa\xcc\xa4Q\xba\xaegggO\x9c8\x11\xaf\xb9\xdf\x03V\xf2Vn\xe0i\xbb\xcc\x97\x1f\xe7\xb2n\xf3\xe7\xcfo\xf7d;\xe7x\xef\xd7\xeb\xbf\x88\xa8\x1b\x91\x9d\x95-I\x92\xef\xb5\xfetu\t\xb9+\x99Y\x11uk\xfd\xfb\xbb\xa5\xc3\xc7\x0e!",!\x87\'\x80R\xf9k\xc7\xc7\x87\x1e\xb2Z\xada\x15C7\xee\xf9\xc1\x12bq8\x1ce\xde7WU5\xd8lz\xa5\xf7\xe0\r\xdf\'\x1a\x0c\x86#G\x8e\xd4\xabW\xcf\xab\xc7\xe8\\\xc6\xb9\xec\xc4\xed\x8br\xce\xae\xb1\xab\x8e\xcb\xd5X\xad\xf2\xd2\xa5K#G\x8e\\\xb9r%\x11\xd5\xaaS3\xfe\xfdw:vm\x9f\x9bm\xd5TM\x94|\xffZb#\xc3!a\x96\x8d\xdfo\x8a\x1f3\xf5\xdc\xe9sD\xd4\xb1c\xc7\xc5\x8b\x17W\xabV\x8d\xb7!\x01\x04@\xa9\xb0\xcb\xe5\xa5\x97^Z\xb6l\x19\x11MO\x98:\xe0\xf5\x17\xaedf\x95\xc7\x1b\xad\x9a\xa6\x05\x05\x05\x9e8~\xea\xe9V\xcf:\xec\x8e\xf6\xed\xdb\'&amp;&amp;z\xd7\xf5\xea\xfa\x8a\xffumzAA\xc1\x89\x13\'\xd2\xd2\xd2~\xff\xfd\xf7\xdc\xdc\\\x9b\xcdf4\x1aCCC\xeb\xd6\xad\xdb\xb0a\xc3\xbau\xeb\xd2\xd5\x85W\xddU[+\xbfS\xc4~rbb\xe2\x80\x01\x03.]\xbaDDO=\xd3\xe9\xbdy\x93+W\xad\x9cs%G\x92\xbdi\xa2g\xe9)\x0e%\xb4b\xc8\xe5?\xd2\'\x8e\x9a\xf2\xc3\xda\xf5DT\xadZ\xb5%K\x96\xc4\xc6\xc6r5.\x85\x00\xb8w\xac+\x91\x9a\x9a\x1a\x13\x13c\xb3\xd9\x1eo\x16\xbd&amp;\xe9\xab\xa2\xc2\xbf_\xf4\xff\x9e\xfd9%t\xf4\xbb\xff\xfap\x11\x11\xadZ\xb5\xaaG\x8f\x1e\xde\x95\x01\xec\xa4\xb9\xf8\x06\xcb\xcd\xcd\xdd\xb0a\xc3\xb7\xdf~\xbb{\xf7\xee\x0b\x17.\xdc\xf4\xef\x18\x8d\xc6&amp;M\x9a\xbc\xf6\xdak\xcf?\xff&lt;]3C\xc6\x95\xca\xef\x97\xb2\x9f\xec\\\x7f\xa2R\xe5J\x83G\xbd:p\xe8\x00\xbb\xcd^RR\xc2\xc3\n\x1c7R\x14\xc5\xcf\xcf\xaf\x82)h\xe9\'\xcb\xe7L\xfb03\xe3\n\x11\xc5\xc7\xc7O\x9a4\xc93\x97\xe7+\x0f\\|\xc8r\xc2z\n\xa3F\x8d\xb2\xd9l\x92$\xbd1n\xa8,\xcb\xe5\x1a\xa8\x92$\xe5\xe7\xe5\x0f\x19\xfdZ\xcd\x88\x07\x04A\x980a\x82\xddn\xf7\x96W\xc3t]\xcf\xcb\xcbs\xd9\xcck68\x7f\xfe\xfc\xf9\xb7\xdf~\xbba\xc3\x86\xcf?\xff\xfc\xaaU\xab.\\\xb8\xc06\x9a\xf7\xbb\x86\xd1h\x94$\xc9n\xb7\xef\xd8\xb1\xa3o\xdf\xbeO=\xf5Tzz\xba[\xb6\xa6\x11E\xb1\xb0\xb0\xd0\xe1p\x94\xf9Of\x150V\xe3\x16\x04a\xf4;q\xa3\xc7\x8c\xc8\xb3\xe6\xd9\xedv&gt;[\x7f"\x92eYq(W2\xb3\x06\x0f\x7fm\xf4;#\xd8e\xc9N\x11\'\x03B\x84\x00\xb8g\xac\xdf\xbdz\xf5\xea\xbb\xda\xf1\xb1\x94\x04A\xb0\xdb\xec\x95\xabV~}\xc4\xab\xba\xae\x9f:uj\xd6\xacY\x9e?%\x94\xb5\xa4\xb9\xb9\xb9\xd1\xd1\xd1\xad[\xb7\xfe\xf0\xc3\x0f\xe9\xea\x9dV~\xd8h\xe7\xfa\xf5\xeb\xa7O\x9f~\xe1\xc2\x05I\x92\x8cF\xa3\xc1` "\x87\xc3a\xbb\x86\xddn\xd7u]\x92$I\x92dY\xde\xb0aC\xfb\xf6\xed\xb3\xb2\xb2\\\xb6H\';\x15\x9b7on\xdb\xb6mdd\xe4\xce\x9d;\xa9\xac\xcf\x0f\xeb\xcf\xf6\xef\xdf\xdf\xdf\xdf_\xd7\xf5\x94}\xa9y%y\xc4\xe5\xbc\x97k\t\xa2 \x08BAI~\xca\xbeT]\xd7\xfd\xfd\xfd\xfb\xf7\xefO&lt;\x9d\x16^&gt;g\xd9b\xed\x82\xddn\x1f?a&lt;\x11\x99\x82\xeft\xc7\xc7\xd2c\xef\xb8\xf7\xea\xdf\xe3\x1f\xcd\xa3\x89\x88\xad&lt;\xe1\xe13\x82\xd8\xb1\xed\xde\xbd;--m\xfb\xf6\xed\xe1\xe1\xe1T\xfe{\x9c\xb1$\xee\xd7\xaf_\x8d\x1a5\xd8V\nv\xbb\xdd\xe1p\xe8\xba~\xdf}\xf75k\xd6\xacS\xa7N]\xbbv}\xe2\x89\'\xee\xbf\xff~M\xd3\xd8\x8a\xc1\x8a\xa2\x18\x8d\xc6#G\x8e\x0c\x1a4\xc8e\xc9\xca\xfa\x9e\x11\x11\x11[\xb6l\xb9x\xf1"{\x1d\xb7l\xcf\x0f\xfb,\xb5j\xd5z\xec\xb1\xc7\x88h\xeb\xa6\xed\x99\xe9W\xfc\xfc\xfc\xbc\xe2\xd9\xb1\xfc\xe8\xba\xee\xe7\xe7\x97\x99~e\xeb\xa6\xedD\xf4\xd8c\x8f\xd5\xaaU\x8b\x9f\xfa\x0f!\x00\xee\r\x1bW\x9c5kV\xda\xa94]\xd7_\x1erw;&gt;\x96\x92\xae\xeb\x06\x83&lt;|\xecPI\x92\xb2\xb2\xb2\xdez\xeb-\x0f\xdfJ\x97\x1d[RR\x92 \x08!!!\xadZ\xb5\xa2\xbf\x9b\x90Sz\x82 (\x8a\x12\x1c\x1c&lt;p\xe0@\x87\xc3\xa1(\xca#\x8f&lt;2e\xca\x94\xe4\xe4\xe4\x93\'O\xee\xde\xbd\xfb\xa7\x9f~\xfa\xee\xbb\xef\xb6l\xd9r\xfc\xf8\xf1\x8d\x1b76k\xd6\x8c\xdd\xf9v\xbb]\x92\xa4\xb5k\xd7\xee\xdc\xb9\xd35\x1b\xb1\xb1\xaf\xef\x81\x07\x1eh\xd6\xac\x99(\x8a\x9b7o.\x8f\x95\xd7\xd8\xa7\xeb\xd6\xad\x1b\x11e\xa4g\xee\xdbu 0(\xc0\x93\xfb\r.\xa0iZ`P\xc0\xbe]\x072\xd23\x89\xa8[\xb7n\x9e\xff&lt;]\xb6\x10\x00w\x8d\xddHg\xce\x9c\x99\xf9\xfe\xcc\xab;&gt;\xbezW\x1b~\x95\x92$I\xb99\xd6\xf6O\xb5\xed\xf2\\g"\xfa\xfa\xeb\xafSRR&lt;\xf9\xc2e\xc7v\xe8\xd0!]\xd7\xeb\xd5\xab\x17\x1e\x1e\xee\x9a\x89\x16\xaca\x1d0`@\xaf^\xbd6l\xd8p\xe8\xd0\xa1w\xdey\xa7q\xe3\xc6AAA\xec\x85\x006\xfd?(((66v\xeb\xd6\xad\xed\xda\xb5c\xd1\xce\x86\xa9\xbf\xf8\xe2\x0br\xd5n\xcc\xac`\xd5\xb4iSM\xd3\xce\x9e=\x9b\x93\x93S\xe6C;\xacw\xd2\xb5kW???"J\xfc!\x89\x9f\xb9.\xb7!\x08B\xe2\x0fID\xe4\xe7\xe7\xd7\xb5kW\xe2\xa9\xfeC\x08\x80{\xc0\x1a\xaf)S\xa6\xe4Y\xf3\x88(n\xdc\xd0\n\xc1&amp;\x17\xbfM.\x8abqQ\xf1\xb01\x83\x83\xcd\xc16\x9bm\xf4\xe8\xd1\x1e;\x14\xcc\xdeT(((8}\xfa4\x115m\xda\xd4e\xfb\x1b\xb3\x01\xe7\xea\xd5\xab\xafX\xb1\xa2c\xc7\x8e\xec\x99\xc0\xb9\xfe\x04+\xfa\xb3\x90\xb0\xdb\xedF\xa31!!\xc1`0\xb0\xbf\xa0\xeb\xfa\xfe\xfd\xfb\xd9\xd8\x80\x0b\x0e\x95\xb5\xc5-[\xb6$\xa2\xdc\xdc\xdc\x93\'ORY\x0fE\xb2\x18\xaeS\xa7Ntt4\x11\xed\xd9\xb1\xefJ\xc6\x15\x83\xc1\xe0\x99\x97\x8d\x0b\xb0U\xb6\xaed\\\xd9\xb3c\x1f\x11EGG\xd7\xa9S\x87\xab\xfa\x0f!\x00\xee\x16\x1b\xfb\xdd\xbe}\xfb\x97_~ID\xf7\xb6\xe3c\xe9\x89\xa2XPP\xf8HT\xc3\x17^\xe9KD\xdb\xb6m[\xb3f\x8dgn\x1c\xcf\xda\x97\xd3\xa7O\xb3\xbd\xa5\x1a5j\xe4\xfa\x03`\x9d}]\xd7eY\xbeq\x1a\x92 \x08F\xa3Q\xd7\xf5\x07\x1f|022\xd2\xf9t\x92\x9e\x9e^XX\xe8\x9ade\xbf\xf1\xa1\x87\x1e\xf2\xf7\xf7gOKT\x0e\x0f\x1f\xacuk\xdf\xbe=\x11e\xa4g\x1e?z\xd2?\xc0\xdfc\x1f\x1c\xcb\x9b\xa6i\xfe\x01\xfe\xc7\x8f\x9ed\xf5\x9f\xf6\xed\xdb{\xf2ct9A\x00\xdc5M\xd3\xde\x99\xf8\x8e\xaa\xaaF?\xe3\xb8)\xa3UE-\xddz\xcf\xf7H\x96\xe5\xdc\xec\xdcW\xdfx\xf9\xfe\x9a5t]\x1f;v\xac\xd5j%W\x95,\xee\x1c;\x9e\xb3g\xcf:\x1c\x0e\xa3\xd1\xf8\xe8\xa3\x8f\x92k\x9f\xb2\x9d\x9d\xfd\xdbW&lt;\xd8q\x86\x85\x859\xff\xc4n\xb7\xbb\xec\xc1\x8e\xc5L\x8d\x1a5\xaaW\xafNDiiiT\x0e/\xa3\xb1\x1f\xd8\xa1}\x07Q\x14UE\xdd\xf4\xe3\xcfF?\xae\x9f\x00\x8c~\x86M?\xfe\xac*\xaa(\x8a\x1d\xdaw \xfe\x16\xd7B\x00\xdc\x05\xd6\xfd\xff\xe2\x8b/\xb6o\xdbND\x9d\x9f\xe9\xd4\xa2M\xf3{\xdb\xf1\xb1\xf4\xd8\xb4\x96\xca\xe1\x95FM\x88\x13\x04\xe1\xec\xd9\xb3\xf3\xe6\xcd\xf3\xc0\x87\x00\xe7\x13\x80$I&amp;\x93\xa9f\xcd\x9a\xe4\x91\xb7\x19\xab\xfb\x17\x14\x148\xff$  \xc0h4\xba\xec\xb7\xeb\xba\x1e\x18\x18X\xa3F\rQ\x14\xcb)\x00\xd8nY\x8d\xa3\x1b\xd7\xabW\x8f\x88\xb6$m\xcb\xcd\xceeSc9d0\x18r\xb3s\xb7$m#\xa2z\xf5\xea5\x8en\xec\xb2\x8a\x9f\xe7@\x00\xdc\xa9\x1bw|\x1c\x13?*?\xaf\xc0\x8dW\x8c,\xcb\xd9Y9\xdd\xfb&gt;\xcb\xa6\x84\xce\x9b7\xef\xcc\x993\x1e\xb2\xbb\xac\x13k\xc5RSSUU\xadR\xa5\n\x9b\x87\xee\xee\x83\xba\x1e\xab\xfbgff\xb2\x96\x97\xa9V\xadZ``\xa0\xcb\x16\x06`\xa7\x85MC&lt;r\xe4HQQQyT\x9fTU5\x1a\x8d]\xbat!\xa2sg\xce\x1fJ&gt;\x1c\x18\x18\xe0i\x9d\x06\x17PU500\xe0P\xf2\xe1sg\xce\x13Q\x97.]\x8cF#\x87\xe7\x01\x01p\xa7n\xdc\xf11\xa2N\xcd\x92\xe2R\xed\xf8Xz\x82 \xa8\xaa6v\xf2h??\xbf\xdc\xdc\xdc)S\xa6x\xdah0\x1be\xed\xd8\xb1c\xc7\x8e\x1dk\xd5\xaa\x15\x10\x10\xe0\x81k\xad\xb0\xcd\xa1&gt;\xfb\xec\xb3\xbc\xbc\xbfvqh\xd1\xa2\x05\x95\xff\x0bkN\xce\x00h\xd4\xa8\xd1k\xaf\xbdF\xe5\xf3\x9c\xc4~\xe6s\xcf=\xc7\xea\xdd\x9b\xd6\xffb\xe0\xb2\n\xa4\xeb\xba\xc1\xcf\xb0i\xfd/\xec\xbe~\xee\xb9\xe7\xc8#\x1fL\xcb\x9bg5\x16\x1e\x8b\xad`s\xfa\xf4\xe9\x06\r\x1b8\xec\x8eZ\xb5k&amp;\xee\xfbQS=\xa2\xa3\xad(J\xa5\xf0\x8a\xaf\xf5\x1d\xban\xc5w\x92$m\xde\xbc\xb9U\xabV\x9e\xb9@\xd0\xe5\xcb\x97+W\xae\xeci\xb3,\x1c\x0e\x87\xc1`\xd8\xbf\x7f\x7f\x9b6mJJJ\xe8jCp\xe8\xd0\xa1\x06\r\x1a\xb8xZHzz:{Q\xae\xfc\xe8\xba\xeep8\x1e}\xf4\xd1\x13\'N\xd4\xae\x1b\xf1\xd3\xaeo\x05\xc1\xa3\xdf#)\x0f\x82 \xe8\xba\xf6T\xcc3g\xd2\xce\xd6\xaf_\xff\xd7_\x7feo\x0b\xba\xfb\xb8\\\xcd\xb3nE\x8f\xc5:\xad\xe3\xc7\x8f\xb7\xdb\xec\xba\xae\x8f\x9f6\xces\x1e\x9c%I\xca\xcf+xs\xd2\xa8\x90\xd0\x10UU\'N\x9c\xe8!\x07v-6\xe3\xbeJ\x95*\x9e\xd9\xfa\x1f8p\xa0K\x97.EEE\xac\n\xac\xaa\xea\x90!C\x1a4h\xc0\x9e\x0c\\y&lt;\xac\xf5/\xd7\xc1gT\x81P\xffq\xf2\xac\xbb\xd139w|\\\xbdz5\x11\xb5x\xa2yl\x97\'\xf3\xac\xf9\x1e\xd2\xc5\x16\x04\xa1\xa4\xb8\xa4v\xddZ\xfd\x07\xfd\x1f\x11m\xdb\xb6\xed\xab\xaf\xbe\xf2\xb4\xd1`\xe7\x8c{w\x1f\xc8_\xd8\xc2\x0f\x06\x83\x81-\xfe\x93\x91\x91!\x8a\xa2,\xcb\x0e\x87\xa3y\xf3\xe63f\xccp\xcb\x94p\xf6\nB\xb9\xce*F\x15\x08\xf5\x1f\'\x94\x80\xfe\xc6\xb5;&gt;\xa6\xa5\xa5\xc9\xb2\xfc\xfd\xb6\xb5\x0f6\xa8_\xe6;&gt;\x96\x06{@\x11\x04!\xb6\xe9\xd3\xe7\xcf\xfe^\xbbv\xed\xe4\xe4d\x93\xc9\xe4\xed\x1b\xc7\x97\x1f\xf6\xb5\x8a\xa2\xb8`\xc1\x827\xdex\x835\x04\xa2(*\x8a\xd2\xb4i\xd3\x1f\x7f\xfc1,,\xcc\x03\xc7*\xca\n\xe7U \xd4\x7f\x9c&lt;\xa5\t\xf3X\xd7\xee\xf8\xa8i\xda\x80\xc1\xfd\x1f\x8b~\xb4\xccw|,%\xf6\x8ek\x85\xe0\no\x8c\x1bJD\xa7O\x9ff\xbb\xdcy\xd4C\x80\xe7p\xb6\xfeqqq\xc3\x86\rc\xff\x9d\x9d\xc3\xa7\x9f~:))),,\x8c\x8d\xfa\xb8\xfbH\xcb\x0b\xcfU \xd4\x7f\xae\xe5A\xad\x98\x07b}\xc0\x9c\x9c\x9cw\xdeyG\x14\xc5J\x95+\xbe2l@A~\xa1\x87\x14\x7f\xae%\xcb\xb25\xdb\xda\xa3\xdfs\xffh\x1e-\x08\xc2\xbcy\xf3\xce\x9e=\xebiSB=\x04\x0b\xf5\x81\x03\x07~\xf8\xe1\x87\xb2,\xb3yS\xaa\xaa\x8e\x181\xe2\xfb\xef\xbf7\x99L&gt;\xbf\x1e\x00\xcfU \xd4\x7f\xae\xe5\xcbWy\xe9\xb1K\xe4\x9d\x89\xef\xe4\xe4\xe4h\x9a6r\xfc\x1b\xd5\xef\xbf\xaf\xa4\xc4\xcdS?oI UQ\xc7N\x1e-\xcbrnn\xee\xb8q\xe3&lt;mJ\xa8\'`#:\xd3\xa6M[\xbcx\xb1s\xe5\x1fA\x10\x16.\\8g\xce\x1c\xe7\xc3\x81\xbb\x0f\xb3|\xb17\xc2\x1e{\xec1\x0e\xdf\x08\xbb\xee\xfd\xaf\xc7\x1e{\x8c\xc3\xf7\xbf\x9c|\xfcB/\r\xd6\xfa\xa7\xa4\xa4,\\\xb8\x90\x88\x1e~\xe4\xa1\xee}\xbb\xe5\xe6\xb8z\xd9\x9f;\'\x8ab~^~\xcc\x13\xcdz\xf6\xebND\xabW\xaf\xde\xb6m\x9b\x87\x8c\x06k\x9a\xe6\xe2\xf5\xf2nu\x18\x92$\x1d?~&lt;&gt;&gt;\xdeyfdY^\xb3f\xcd\xab\xaf\xbe\xaa(\x8a\'\x8c\x9a\xb0\x95\x8b\\\xf0[\xfe\xb7\nt$0\xc8\xf7\xab@\xaa\xaa\x06\x06\x05\x1cJ&gt;\x82\xfa\x0f\x83\x00\xb8%\xe7\x8e\x8f\xaa\xa2J\x92\xf4\xf6\xd4\xb1\x81\x15\x02=\xfcZ\x91$\xa9 \xafp\xe4\x84\xe1\x96\x10\xb3 \x08\xa3F\x8f\xb2\xd9l\x9e\xf0\x1c\xc0&amp;\xd8\x90\xbb\x97*b\xbf}\xc1\x82\x05\xac\xad\'"M\xd3\x96.]\xfa\xec\xb3\xcf:\x1c\x0eV\x0er\xe3\xe1\xd1\xd5\x88rA\x87\xf4\xba*P\xd2\x8f\x9bd\x0eV\x06\xd5u]6\x18\x92~\xdc\x84\xfa\x0f\x83\x00\xb8\xb9kw|\xd4u\xbdK\xb7\xa7\x9e\xec\xd4&amp;7;\xd7\xc3\x1f\x15\x05A())\xa9V\xbd\xea\xb07\x07\xeb\xba\x9e\x92\x9c\xb2b\xc5\n\xb7\xafq\xa8\xebzJJ\xca{\xef\xbd7d\xc8\x10r_\x06\xb0\'}EQ6o\xde,\x08\x02;-\xbd{\xf7\xee\xdb\xb7/{\x1b\xc0-G\xe5\xc4\xfa\x16\x9f|\xf2\xc9\xe0\xc1\x83\xb7l\xd9b\xb7\xdb\xcb\xf5\xd7]W\x05:\xb0\'\xb9\xb8\xa8\xc8\xc3/\xef\xd2\x93$\xa9\xb8\xa8\xe8\xc0\x9edB\xfd\x87\x88\x10\x007u\xdd\x8e\x8f\xc1f\x93\xcbv|,=I\x96\xf2\xad\xf9/\x0c\xfa\xbf\x88\xba\xb5DQ|\xeb\xad\xb7\xb2\xb3\xb3\xdd\xf8\x10\xc0\xb6:\x89\x8f\x8f\x1f?~\xfc\xae]\xbb\x14Eqc\x00\x10Qff\xe6\x85\x0b\x17\xd8\xa8/\x11\r\x1a4\xc8C\x86|\xd9\xe1\x9d8q\xe2\x93O&gt;\xe9\xd3\xa7\x8f\xcdfc\x03\x12\xe5\xf7\x1b5M3\x1a\x8d\xcd\x9a5#\xa2\x93\xbf\x9d&gt;y,-\xc0\xa7W\x87\xd64- \xc0\xff\xe4\xb1\xb4\x93\xbf\x9d&amp;\xa2f\xcd\x9a\x19\x8dF\x1f\xfe\xbcw\xc2\xfd\xd7\xbd\x07\xban\xc7\xc7\x17^\xf9\xbfG\xa2\x1a\x16\x14\x14zB3\xf1\xb7\x04\x12\x14E\r\x0c\x0c\x18?u\xac\xa6i\x7f\xfc\xf1\xc7\x9c9s\xdc\xf8\x10\xc0\x9a\xb0\xc7\x1f\x7f\\\x96\xe5?\xfe\xf8\xa3\xa8\xa8\xc8\xbdo\x84\xe5\xe4\xe4\xb0M\x1f\x89\xc8d2\xd5\xabW\x8f\xbd\x01\xe0\xae\xe3qb\xc7p\xea\xd4)Y\x96\x1b6lh2\x99\\\xf3"\x02+\x83\xd8JJ6\'n\xf5\xed\xed\x01\xd8\x06\x00\x9b\x13\xb7\xdaJJ\xe8\xea\x07\xe7\x9c\xfb\xaf{O\xf3\xd7\x8e\x8f3g\n\x82P\xe3\x81\xea\xaf\xbe\xf1rnv\xae\xc7\x8e\xfd\xdeH\x92\xa4&lt;k~l\x97\xf6-\x9eh.\x08\xc2\xacY\xb3\xd2\xd2\xd2\xdc;%\xb4F\x8d\x1a\x8a\xa2\x14\x16\x16\xa6\xa7\xa7\x93[G\x02l6\x9b\xc3\xe1`\x03\xadv\xbb=((\xc8]Gr\x1d\xb6\xbe\xf7\xe5\xcb\x97\x15E\xa9Q\xa3\x06\x95\xffYb\x91\xd3\xaaU\xabj\xd5\xaa\x11\xd1\xa6\x9f~)..\xf6\xe1z\x88$I\xc5\xc5\xc5\x9b~\xfa\x85\x88\xaaU\xab\xc6\xf6\xa6\xf6\x84\xecw#\xae?\xfcM\xfd\xb5\xe3c^\x1e\x11\x8d~gD\xe5\xf0Jv\xbb\xdd\xebF\x8aTU\x9b0\xfd-Y\x96m6\xdb\x84\t\x13\xc8M\xcd.;o\xf5\xeb\xd7\x17E\xb1\xb0\xb0\xf0\xf0\xe1\xc3\xee=\x12\xb3\xd9\xdc\xa6M\x9b\xb6m\xdb\xb6i\xd3\xa6S\xa7N\x1e\x92\xeb\xec\xbd\xb3\xcb\x97/\x9f={\x96\x88\x1e|\xf0A*\xff\xb3$\x08\x82\xaa\xaa&amp;\x93\xa9C\x87\x0eDt\xec\xf0o\'\x8e\x9e\xf4\xd5*\x10\xab\xff\x9c8z\xf2\xd8\xe1\xdf\x88\xa8C\x87\x0e&amp;\x93\x89\xd5\'\xdd}h\xee\x84\x00\xf8\x1f7\xee\xf8\xd8\xbd\xef\xb3\xd9.\xdc\xf0\xbd\xac\x88\xa2X\x90_\xf8h\xe3\x86lJ\xe8\xaaU\xab\xdc5%\x94\xf5\xb0j\xd7\xae\x1d\x12\x12BD\xbf\xfe\xfa+\xb95\x00"""6o\xde\xfc\xcb/\xbfl\xde\xbc\xf9\x9bo\xbeaO\x00no\x05\x9c\x03\x00lG\x9a\x86\r\x1b\xba\xf2\xa8\xbaw\xefNDv\x9bms\xe26_\xad\x02]\xad\xffl\xb3\xdblt\xf5#\x03\x02\xe0z\xaa\xaa\xfe\xcf\x8e\x8f\xaa\xb7.\t IbQA\xf1\xc8\xf1\xc3-!fQ\x14G\x8d\x1e\xc5\xe6&gt;\xba\xb8\xf1e\xbf144\xb4V\xadZD\xb4o\xdf&gt;\xb7\xbfi\xa5^\xe59-\x1d\xfbR\xf6\xed\xdbGD&amp;\x93\xe9\xa1\x87\x1e"\x97\x04\x00?U \xd4\x7fn\x8a\xf7\xcf\x7f-EQ$I\xfa\xea\xab\xaf&lt;a\xc7\xc7\xd2\xfbsJh\x8dj\xc3\xde\x1c\xaciZJr\xca\xc2\x85\x0b\xdd2\x1a\xaci\x9a,\xcb\r\x1a4 \xa2_\x7f\xfd5\'\'\xc7\x8d\xe3\xc0\xec\xf7:\xe7\xda{H\x06\xb0kl\xfb\xf6\xedDT\xbdz\xf5*U\xaa\xb8&amp;&amp;9\xa9\x02\xa1\xfes+^\xd9\xb4\x95\x07v\xbf\xe5\xe5\xe5M\x992E\x14EK\x88\xfbw|,=I\x96\xf2r\xf3^|\xad_\x83F\x0f\x8b\xa28q\xe2D\xb74\xbe\xec\xd7\xb5i\xd3F\x10\x84\x8c\x8c\x8cC\x87\x0e\x91\xfbZ^\xb6G|aa\xa1\xd5je\xf3\x7f\xdc\xfe\xf6\x13\xbb\xf6\xb2\xb3\xb3SRR\x04Ah\xde\xbc\xb9\xeb\xa7\'\xfav\x15\x08\xf5\x9f[A\x00\xfc\x89M\xfe\x99\xf9\xfe\xcc\xd3\xa7Ok\x9a6\xecM\x8f\xd8\xf1\xb1\x94\x04\x12TU\r\x08\x0c\x183i\x94\xa6i\xd9\xd9\xd9\x13\'N\x14\x04\xc1\xc5\xb77\x0b\xd1v\xed\xda\x19\x0c\x86\xe0\xe0\xe0\x1d;v\xb8\xf2\xb7;\xb1\x86\xfe\xe2\xc5\x8b\xfd\xfa\xf5\x8b\x8c\x8c\xac[\xb7nlllrr\xb2\xebO\xc8u\xd8oONNf\x07\xd9\xb9sgr\xe10\t\x0fU \xd4\x7fn\xc5\xfd\x8b\x04x\x02\xd6\xfa\xa7\xa5\xa55h\xd8@q(5#\x1e\xf0\x9c\x1d\x1fKOU\xd5`\xb3\xe9\x95\xde\x837|\x9fh0\x18\x8e\x1c9R\xaf^=\xd7\x17\xe2\x15E9p\xe0@\xdd\xbaueY\xb6X,\xae\xfc\xd5\x0ckg\xdb\xb5k\xb7u\xebV\xe7\x1f\x86\x86\x86\x1e;v\x8c\xed\xc3\xe5\xde\xb0/((p8\x1c\xa7N\x9d\xaaW\xaf^HH\x88+w#`s\x1f^z\xe9\xa5e\xcb\x96\x19\xfd\xfc\xbe\xdf\xb2\xfa\xc1\x06\xf5\x8b\xbc\xe4\xcd\xc7\xbf\xa5iZ``\xc0oGOtm\xd3\xc3n\xb3\xbd\xf8\xe2\x8bK\x97.\xf5\xcc=S]\xcf\x17\xbe\xe0\xd2c)\xc8v|\xd44\xcd\xa3v|,=A\x104U\x1b1~\xb8\xd1\xcf\xa8(\xca\xf0\xe1\xc3\xdd\xf2b\xb0,\xcb\xcd\x9a5\xabX\xb1\xa2\xbbZ\x7fQ\x14\xcf\x9f?\xbf}\xfbv\xb6=\x99 \x08F\xa31;;\x9b\xad\x0c\xe1\xf6\xaf\xbbB\x85\n!!!M\x9a4a\xd3\xa5\\\x9fF\xbeZ\x05B\xfd\xe76\x10\x00\x7fv\x7f\xb6m\xdb\xe6\x99;&gt;\x96\x9e(\x8a\xf9\xf9\x05\x8fD5\x1c\xf0z\x7f]\xd7\x93\x92\x92\x92\x92\x92\xdc2%TU\xd5\xf2^\xde\xe0\xf6rrr\xd8"\x10l\x15h\x96\nW\xae\\q\xd7\xf1\\\x8b\x9d\x19v\x8a\\\xfc\xab}\xbb\n\x84\xfa\xcfm\xf0~\x16\xd8\x83\xb6\xa2(\xa3F\x8db+VN\x98\xfe\x96\xea+\xc5\x1f\'I\x92\n\xf3\x0b_\x196\xa0rx%Q\x14\x86\xbf1\xdc-SB%Ir\xefz\xcb\x95*Ub\xf3\x7f\xd8\x13\x00\x9b\x13U\xb5jUw\x1d\xcf\xb5\xd8\x99a\xa7\xc8\xf5\xbf\xfa\xba\xb9@\xc7\x8f\x9c\xf0\x8d\xb9@l\xfe\xcf\xf1#\'0\xff\xe7\xa6x\x0f\x00\xe7\x8e\x8f)))\x9a\xa6\xf5z\xa1\xfb\xa3\x8d\x1b\x16\xe4{\xc7\xb2?w\x8eM\t\xad~\xff}#\xde\x1e\xaei\xfa\xc9\x13\'\xdd5%\xd4]\xd8\x87\xbd\xff\xfe\xfb;v\xec\xe8|\x02\xb0\xdb\xed\xf7\xddw_\xbbv\xed8_\x12\xd2\xa9G\x8f\x1e\x82 \xd8m\xb6\x9d[v\xfb\x07\xfaH\x00\xf8\x07\xfa\xef\xdc\xb2\xdbn\xb3\t\x82\xd0\xa3G\x0fw\x1f\x91g\xf1\xa9f\xeen\xb1\x81\xd0kw|\x1c5!\xae\xa8\xa0X\x92|\xf0\xb4\xc8\xb2\x9c\x9bc\xed\xde\xf7\xd9\x06\x8d\x1e\x16\x04\x81M\t\xf5\x84\xad\x02\\\x86}\xd8e\xcb\x96\r\x180\xa0z\xf5\xea\x95+W~\xea\xa9\xa7\x12\x13\x13CCC\xc9\xdd#\xc0n\xc7z&lt;\xcd\x9a5cgc\xdf\x8e\xfd\x0e\x87"\x08^\x7f#\x08\x82\xe8p(\xfbv\xec\'\xa2\xd0\xd0P\xb6\xf4\xa9\x8fu\xefJ\xc3\xcbV8([l\xd5O\xb6\xe3#\x11\xbd1nh\x95j\xe1W2\xb3\x0c\xb2A#\xaf\xef\xfb\\G AQ\x15K\x88e\xf4\x84\xb8\x17\xbb\xbf\xc2\xa6\x84\xce\x9f?\xdf\x8d\xd3!X\x07\xd3ew#k\xe2\xc3\xc2\xc2\x16/^\\TT\xe4p8\xccf3]-\x03\xba\xe6\x18\xae\xc3\xc6!&lt;\xe1\xe1\x83\xcd\x85\xb5X,M\x9b6]\xbf~\xfd\xfe=\xc9\xbf\x9f\xf9\xbd\xea}U\xbdq\x15,\']\xd7\xfd\xfd\xfd~?\xf3\xfb\xfe=\xc9D\xd4\xb4iS\x8b\xc5\xe2!\xab\x7f{\x08~\x03\x80]\x07\'O\x9e\\\xb8p\xa1 \x08\x8f7\x8b~y\xc8\x8b\x9a\xaa\x85\x86\x85z\xed\x05\xff\xf7TU{\xe6\xb9\xae\xdd\xfbnX\xf3\xe5\xba\x85\x0b\x17\xbe\xf8\xe2\x8bQQQn\xb9%\xdc\x15&lt;\xac\xcd\r\x0c\x0c$\x97\'\xd0\x8dX\xd1\xdfC\xa6$\xb2\x17\xb6{\xf4\xe8\xb1~\xfd\xfa\xfc\xbc\xfc\x1d\x9bw\xbd\xf8Z\xbf\xe2\xe2b\xaf[\x08\xcb\x89m\x00\xb9c\xf3\xae\xfc\xbc|\xbaZ\xe0RU\x15\x01\xe0\xe4\xad_m\xe9\xb1\xfa\xcf\xf0\xe1\xc3\x15\x87BD\xcd[7\xdd\xbd}\xaf57O\x96$_\xad\x89\x08D\xaa\xa6\x05\x06\x05&gt;\x16\xfd\xe8w\xab~p8\x1c\xa3F\x8d\xda\xbau\xab[\x16\x87\x90$i\xcb\x96-\x82 \xb4n\xdd\xda\x95/%\xb06\x97\x15\xbe\xdc\xd8\x10\xb0\x03\xf8\xef\x7f\xff\xbbm\xdb\xb6~\xfd\xfa\xb9\xf1)\xc4\x89\x85Pll\xac\xd9l\xb6Z\xad\x89?n\xea\xf7\xca\xf3^]\x05\x12\x04QU\xd5\xc4\x1f7\x11\x91\xd9l\x8e\x8d\x8d\xa5\xab\x1f\x13\x18\x8eJ\xc0\xd7b}\xaeu\xeb\xd6u\xef\xde]6\xc8\x9a\xaa\xb9}\x1a\xb8\x8b\xb1\xc90\xaa\xaa\xaeZ\xb5\xaa[\xb7n\xae\xec\x84\xb2\xa5\x8fW\xadZ\xf5\xd2K/EEE\xed\xdc\xb9\xd3C\xba\xc0\xae\xa4(\x8a,\xcb\xf1\xf1\xf1\x93\'O\x8e\x8f\x8f\x7f\xfb\xed\xb7=dGbQ\x14\xbbt\xe9\xf2\xe3\x8f?\x9a\x82M\x1bw\x7f\xef\xbdU ]\xd7\x8dF\xe3\x1f\x17\xff\xe8\xd8\xbck~^\xfe\xd3O?\xfd\xc3\x0f?\xa0\xfes\x1d\x1e\xcf\x05\xeboZ\xad\xd6\xa1C\x87\xea\xba\xee\xb0;xk\xfd\x89\x88m\x87\xa2\xaa\xea\xd0\xa1C\xd9\xaa8.\xeb\n\xb0\x00\xd8\xb7o_qq\xf1\xde\xbd{\xd7\xacY\xe3\x96\x97\x12\xdc\x88=\x00\x9d={6!!A\x10\x84\xef\xbe\xfb\x8e\xdc\xbaI\xce\x</t>
        </is>
      </c>
    </row>
    <row r="339">
      <c r="A339" s="1" t="n">
        <v>337</v>
      </c>
      <c r="B339" t="inlineStr">
        <is>
          <t>rectangle_height_number</t>
        </is>
      </c>
      <c r="C339" t="inlineStr">
        <is>
          <t>What is the missing number of the part denoted with a question mark?</t>
        </is>
      </c>
      <c r="D339" t="inlineStr">
        <is>
          <t>[2, 4, 1, 3]</t>
        </is>
      </c>
      <c r="E339" t="inlineStr">
        <is>
          <t>2</t>
        </is>
      </c>
      <c r="F339" t="inlineStr">
        <is>
          <t>There are 7 rectangles in the image with varying lengths and numbers inside them. The numbers from left to right are [3, 2, 1, 1, 3, 2, '?']. The lengths from left to right are ['long', 'medium', 'short', 'short', 'long', 'medium', 'medium'].</t>
        </is>
      </c>
      <c r="G339" t="inlineStr">
        <is>
          <t>We observe that the short rectangles are denoted as 1, the medium rectangles are denoted as 2, and the long rectangles are denoted as 3. Hence, the pattern is that the number in each rectangle corresponds to its length.</t>
        </is>
      </c>
      <c r="H339" t="inlineStr">
        <is>
          <t>Based on the pattern that the number in each rectangle corresponds to its length, the missing number of the rectangle with a question mark should be 2.</t>
        </is>
      </c>
      <c r="I339" t="inlineStr">
        <is>
          <t>b'\x89PNG\r\n\x1a\n\x00\x00\x00\rIHDR\x00\x00\x02\x00\x00\x00\x02\x00\x08\x02\x00\x00\x00{\x1aC\xad\x00\x00HRIDATx\x9c\xed\xddy|T\xd5\xf9?\xf0\xe7\x9cs\'\x99\x99$3\x93\x8d(\x8b\x0b\x82\x80\xb2\xef\xbb\x88\xb2X[\xd4\xaf\x88(\xe0\xc2\x12w\xbf\xa1\xad\xb6V[@k]\xa0\xb5\xb6\xb6\xb5\xecH\xc5\r\xac\xad\xb6\x82\xe0\x02\x88\xb2\xb9\x80\x90\x00\xb2\x88J d\x9d-\xc9\xcc\xdc{\xce\xef\x8f\x0b\xf9\xf2s#\x84$s/\xf7\xf3~\xf5\xf5\xaaN\xe2\xe4I\xe6\xb9\xf7s\xee\xb9\xe7\xde\xcb\x94R\x04\x00\x00\xce\xc3\x93]\x00\x00\x00$\x07\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d9\x05\xd4\x8bR\xaa\x01\xff\x15c\xac\xd1+\x01h~\xe8\x7fh"\x16\r\x00\xa5\x94\x94R)\xc5\x18c\x8cq\xde\x90#\x95Fy\x13\x80\xe6\x87\xfe\x87\xe6\xc1\x1a6\xb8h"f\xcb\x12\x91\x10\xe2\xc4\xd7\x83\xc1\xa0\x94\x92\xb1\xfaVk\x8e}\x02\x81\xc0\x89/\x9a\x1b\x03\xe7\x1c##\xb0&amp;\xf4?43\xab\x04\x80R\xca0\x0cM;vD\x12\x0e\x877o\xde\xbci\xd3\xc6\x8f?\xfe\xa4\xa2\xa2\xa2\xa8\xa8H7\xf4\xfa\xbf\x1b#\xa6H\xb5\xbb\xa0] \x10\xe8\xdd\xbbw\xcf\x9e=\xfb\xf6\xed\xdb\xaaU+\xf3\xab\xba\xaes\xce1 \x02\xeb@\xffCRX"\x00\x0c\xc30\x87&lt;\xf1x|\xe5\xca\x95\xcf=\xf7\xdc\xd6\xad[\x0f\x1e&lt;\xd8\x88?"33\xb3w\xef\xde\xe3\xc6\x8d\x1b3fL\x8b\x16-\x88H\xd7u!\x04FC\x90t\xe8\x7fH\x96$\x07\x80\xf9\xd3\x19c\xc1`p\xde\xbcyK\x97.\xdd\xbe}{\xddW\xd33\xd2[\x9f\xd3*7/\xb7m\xfb\xf3\xb3\xb2\x02\xban\xd4\xa7_\x15)\xcex"\x91(\xfc\xac\xa8\xaa2xp\xff\x97\x95\x15\x95u_=\xbb\xe5\xd9\x13n\x9c0u\xea\xd4\x0e\x1d:\x10\x91\x94\x12C!H\x16\xf4?$W2\x03\xa0n\xe0\xb3h\xd1\xa2\'\x9f|r\xd7\xae]\xe6\xeb\xad\xdb\xb4\x1a8l\xc0\xf0Q\xc3.\xea\xda)\xef\xac\xdc\xb4\xf4t!\x84\x10\xfc\xd4\nU*\x91\xd0c\xb5\xb1\xb2\xa3e{v}\xbe\xfe\x9d\r\xeb\xd6\xac\xdfU\xb8\xc7\xfcbVV\xd6=\xf7\xdc3}\xfat\xbf\xdf\xaf\xebz\xdd\xa17@\xb3A\xffC\xd2%-\x00\xcc\xee/..\x9e&lt;y\xf2\xaaU\xab\xcc\x17;^\xd4a\xf2]7\x8f\x1e3*\xb7E\xb6R\xaa\xb66\x96\x88\'\xa4!\x15\xa9S\xaf\x93q\xc6\x18g.\x97+\xd5\x9d\xaaiZ8\x14\xda\xf8\xfe\xe6y\x7fZ\xb8\xee\x9d\xf7\xcd\xef\xe8\xd0\xa1\xc3\x82\x05\x0b\x06\r\x1ad\x9ea\xc3\xe104\x1b\xf4?XAr\x02\xc0\x1ct\xacZ\xb5j\xf2\x94\xc9\xc5\x87\x8a\x89\xa8m\xfb\xb6wL\x9f\xf6\x93k\xaf\xf4g\xfa#\xa1H"\x91 \xa2FY\xb1\xa0\x94\x92R\x91RB\x13i\xe9iR\x1ak\xd7\xbc\xff\xecSs7\xac\xfd\x90\x88RSS\x1e\x7f\xfc\x89\x82\x82\x02l\x03\xd0l\xd0\xff`\x11I\x08\x00\xb3\xfb\xe7\xcd\x9b\x97\x9f\x9fo\xbers\xfe\xc4\x9f\xfffzn^n\xb02h\xe8\x06\x17M\xb5R\xcd0\x0c\xc6\x98\xcf\x9fa\xe8\xc6\xc2\xbf=7\xe7\x91\xa7"\xe1\x08\x11M\x9b6m\xee\xdc\xb9\x86a`\x91\x1c45\xf4?XGs\x07\x80y\xe4[\xd7\xfd\x81L\xffo\xff0\xf3\xbaIcCU\xa1x&lt;\xde&lt;s\x91\xe6f\x90\x9d\x9b\xbd\xf5\xc3\x8f~~\xc7/\n?\xdbE\xc7\xb7\x01\x8c\x83\xa0I\xa1\xff\xc1R\x9a5\x00\xbe\xd1\xfd\xb9y\xb9s\x97\xfde\xc8\xa5\x83\x8e\x1c.\xd14\xad\x99\xdb.\x91H\x042\x03\xe5\xa5\xe5\xb7\x8c\x9d\xf6\xc9\x96O\xe9\x84q\xd07.\xc3\x01h\x14\xe8\x7f\xb0\x9a\xe6\x0b\x00\xb3\xb1\xd6\xacY3b\xc4\x08"\xca\xca\xce\xfa\xf7\xda\xe5\xe7\xb5=\xaf\xaa\xb2\xca\xe5r5O\r\xdf\xa0\xebF\xaa;E\x08q\xe3\x8fo\xfap\xfd&amp;"\x9a9s\xe6\x8c\x193\xb0.\x02\x1a\x1d\xfa\x1f,\xa8\x99\x02\xc0\\n\\RR\xd2\xad{\xb7\xa3%G}~\xdf\xe2\x15\xf3\xfa\x0c\xe8\x1d\xac\x0cj\xaed\xb6\x9aa\x18\xa9\xee\xd4p(&lt;q\xcc\xad;\xb6\xedd\x8c\xadZ\xb5j\xc4\x88\x11\x18\x07A#B\xff\x8355\xd35 \xe6\x95\xee\x93&amp;M*9RBD\x8f\xfca\xc6\x90K\x07UUV%\xb7\xfb\x89H\x08Q[S\x9b\x93\x9b\xfd\xcc\xe2?\x062\xfd\x8a\xd4\xa4\x9b&amp;\x1d9r\x841f\xde\x95\x05\xe0\xf4\xa1\xff\xc1\x9a\x9a#\x00\xcc\xd1\xc4\xb2e\xcbV\xaf^MD7\xdc2n\xfc\xcd\xd7\x1d9\\\x92\xac#\xdfo\xd04\xad\xaa2\xd8\xa9s\x87\x99O\xfe\x9a\x14\x95\x1c)y\xe0\x81\x078\xe7V\xb8I\x06\x9c\x01\xd0\xff`YM&gt;\x05\xa4\x94RJUUU\xf5\xeb\xd7o\xff\xfe\xfd\xe7\x9c\xd7\xe6\x8d\xf5\xffLMM5\x97"4\xe9\x8f&gt;%\x86n\x04\xb2\x03S\xae\xbb\xed\xcd\x7f\xafJMM]\xbf~}\xef\xde\xbd\xcd\xbb\'&amp;\xbb4\xb01\xf4?XY\x93\x7f\xba\xe6\xe2\xe2E\x8b\x16\xed\xdd\xbbWJy\xfb\xf4i\xb9y9\xf1x\xdcR\xddOD\x8c\xb3D&lt;1\xfdW\xf7\xa4\xa6\xa6\xc6b\xb1\x193f\xd4\xff\xee\xbb\x00\xdf\x07\xfd\x0fV\xd6\xb4\x01\xa0\x94\x12B\xd4\xd4\xd4,Z\xb4\x881vA\xfb\xb6\xd7\\\x7fUUE\xd0\x82k\x0c8\xe7\x91p\xa4k\xcf.W^3\x9a\x88\xd6\xad[WTT$\x84\xc0L(4\x18\xfa\x1f,\xaei\x03\xc0\xbc\xaed\xcd\x9a5;w\xeeTJM\xbbw\x8a?\xe0\xd3\xf5S\xb8\xb3ys\xe2\x9c\xc7b\xf1\xfc\xff\x9d\xea\xf5z\xa2\xd1\xe8\xfc\xf9\xf3\x89\x08\x1b\x004\x18\xfa\x1f,\xae9&amp;\xf8\x16/^\xcc\x18\xcb;;\xefGW\x8f\n\x87"\x96]^\xc69\x8fF\xa2]{v\xee?\xa4\x1fcl\xf9\xf2\xe5\xd5\xd5\xd5\x9a\xa6\xe1@\x18N\x07\xfa\x1f,\xab\t\x03\xc0&lt;\xfe\r\x06\x83\x9b\xb7lVJ\r\xb9tPn\x8b\x9cD"a\xb5\xd9\xcf\x13)\xa5\x18\xe3#\x7f&lt;B)u\xa8\xf8\xd0\xb6m\xdb\x08\x83 h\x10\xf4?X_\x13\x06\x80\xd97[\xb7n\xfd\xfa\xab\xaf\x89h\xf8\xe8a\xd6\x1fH\x08!j\xabk\x06^\xd2?\xdd\x97n\xe8\xc6\x9b+\xdf\xa4\xe3O\xed\x008%\xe8\x7f\xb0\xbe\xa6=\x02 \xa2\xcd[6\x13\x917\xdd{Q\xd7N\xb1\x9a\x98\xc5W\x951\xc6b\xb1x\xeb6-\xcfo{\x1e\x11m\xdd\xb2\x95\x88,^3X\x13\xfa\x1f\xac\xaf\t?Z\xf3P\xf7\xa3\xad\x1f\x11\xd19\xe7\xb69\xbbe\x9e\xc5\x8f\x7fMRJ\x8f\xd7sQ\x97\x8eDTTT\x14\x89DpQ\x0c4\x00\xfa\x1f\xac\xafi\x03@)UZZJD\xd99Yi\xe9i\x86a4\xdd\x8fk,J).\xc4Y-\xcf"\xa2\xaa`UMMM\xb2+\x02[B\xff\x83\xf55U\x00\x98\xd7\x10\x06\x83\xc1={\xf6\x10Q\xfb\x8e\xed\x84M\x96\x130\xc6\x0c]o\xd7\xf1\x02"\n\x05CEEE\x84\xf3`p\x8a\xd0\xff`\x0bM~!XBO\x10QfV\xa6\x8d\x0e$\x95R\x99Y\x99D$\xa5\xb4\xec\xaam\xb0&gt;\xf4?X\\\x93\x9f\xde1\'=m\xd7Fu\x05[\x7f\xd2\x16\xac\x0c\xfd\x0fV\xd6L\xe7\xf7m\xd7F\xb6+\x18\xac\xccv\xedd\xbb\x82\xa1a\xb0\xc0\x0b\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a5%\xbb\x00GPJ5\xe0\xbfb\x8c5z%\x00\xcd\xcf\xee\xfdo\xf7\xfa\x7f\x00\x02\xa0I(\xa5\xa4\x94J)\xc6\x18c\x8c\xf3\x86\x1ci5\xca\x9b\x004?\xbb\xf7\xbf\xdd\xeb\xaf?\x04@c2?r"\x12B\x08!\xea^\x0f\x06\x83RJ\xc6X=\x87\x12\xe6\xd8!\x10\x08\x9c\xf8&amp;f3q\xcem1\xb2\x00\x07\xb2{\xff\xdb\xbd\xfe\x06@\x004\x0e\xa5\x94a\x18\x9a\xa6\x99\x1fy8\x1c\xde\xbcy\xf3\xa6M\x1b?\xfe\xf8\x93\x8a\x8a\x8a\xa2\xa2"\xdd\xd0\xeb\xffn\x8c\x98"\xd5\xee\x82v\x81@\xa0w\xef\xde={\xf6\xec\xdb\xb7o\xabV\xad\xcc\xaf\xea\xba\xce9\xb7\xe6\x80\x02\x9c\xc9\xee\xfdo\xf7\xfa\x1b\x0c\x01\xd0\x08\x0c\xc3\x10Bh\x9a\x16\x8f\xc7W\xae\\\xf9\xdcs\xcfm\xdd\xba\xf5\xe0\xc1\x83\xa7\xf9\xb6e\xa5eD\xb4r\xe5J"\xca\xcc\xcc\xec\xdd\xbb\xf7\xb8q\xe3\xc6\x8c\x19\xd3\xa2E\x0b"\xd2u]\x08a\xa9\xd1\x048\x93\xdd\xfb\xdf\xee\xf5\x9f\x0e\x04\xc0i1\x0f\t\x85\x10\xc1`p\xde\xbcyK\x97.\xdd\xbe}{\xddW\xd33\xd2[\x9f\xd3*7/\xb7m\xfb\xf3\xb3\xb2\x02\xban\xd4\xe7\xf3V\xa48\xe3\x89D\xa2\xf0\xb3\xa2\xaa\xca\xe0\xc1\xfd_VVTVVV\xae^\xbdz\xf5\xea\xd5\xbf\x99\xf1\x9b\t7N\x98:uj\x87\x0e\x1d\x88HJi\x91\xa1\x048\x90\xdd\xfb\xdf\xee\xf5\x9f&gt;\x04@\xc3\x99\x03\x07"Z\xb4h\xd1\x93O&gt;\xb9k\xd7.\xf3\xf5\xd6mZ\r\x1c6`\xf8\xa8a\x17u\xed\x94wVnZz\xba\x10B\x08~j+\t\x94J$\xf4Xm\xac\xech\xd9\x9e]\x9f\xaf\x7fg\xc3\xba5\xebw\x15\xee9\\|x\xce\x9c9\x0b\x17.\xbc\xe7\x9e{\xa6O\x9f\xee\xf7\xfbu]\xd74|\x8e\xd0\xdc\xec\xde\xffv\xaf\xbfQ`\xc7\xd1@f\xf7\x14\x17\x17O\x9e&lt;y\xd5\xaaU\xe6\x8b\x1d/\xea0\xf9\xae\x9bG\x8f\x19\x95\xdb"[)U[\x1bK\xc4\x13\xe1`X\x91:\xf5\x95d\x8c3\xc68\xcbi\x91\xd3\xea\x9cV#~ty8\x14\xda\xf8\xfe\xe6y\x7fZ\xb8\xee\x9d\xf7+**f\xcd\x9a\xf5\xe2\x8b/.X\xb0`\xd0\xa0A\xe6\x19\xaa\xa4\x1fN\x82s\xd8\xbd\xff\xed^\x7fcA\x004\x84\x19\xda\xabV\xad\x9a&lt;er\xf1\xa1b"j\xdb\xbe\xed\x1d\xd3\xa7\xfd\xe4\xda+\xfd\x99\xfeH(RYQED\xe6\x19\x7f.N\xeb\x10/\x91H\xc4bqRJh\xe2\xd2\x91\xc3.\xb9|\xc8\xda5\xef?\xfb\xd4\xdc\rk?\xdc\xbd{\xf7e\x97\r\x7f\xfc\xf1\'\n\n\n\xcc\xd5\x0b\xc8\x00h\x06v\xef\x7f\xbb\xd7\xdf\x880}|\xca\xcc\xee\x997o\xde\xe8\xd1\xa3\xcd\xee\xb99\x7f\xe2\xbf\xde}e\xd2\xb4\t\x8c\xb1\xca\xb2Jsp\xd1Xgx\x18cBp\xa1\t"\n\x05C\xd1H\xf5\xf0Q\x97\xbc\xf0\xc6s3\x9f\xfcuzFz,\x16\x9f&gt;}z~~&gt;\xe7\xdc\\gv\xfa?\x11\xe0\x07\xd8\xbd\xff\xed^\x7f\xe3B\x00\x9c\x1as\xad\xd8\xbcy\xf3\xf2\xf3\xf3\x89(\x90\xe9\x7ff\xd1SO\xfe\xf51\xb7\xdb]^ZNDBk\xc23\xfbB\x08\xcey\xb0*\x14\x8dV\xdf\xf9\xb3\xdb^~\xf3\xf9\x8b\xbat$"\xb3\x1e!\x84R\r8V\x05\xa8/\xbb\xf7\xbf\xdd\xebot\x08\x80S`\x0e\r\xea\xba\'7/w\xd1\xf2y\xe3o\x1eWZRj6V\xf3\x94a\xb6\xd1\xd1#G\xbb\xf6\xec\xf2\xc2\x1bK{\xf4\xe9N\xc7{\xc8\x1cG4O\x19\xe04v\xef\x7f\xbb\xd7\xdf\x14\x10\x00\xf5ev\xcf\x9a5k\xcc\xee\xc9\xca\xce\xfa\xe7\xdb/\xf5\x19\xd0\xfb\xc8\xe1\x12\x97\xcb\xd5\xfc\x93w.\x97+X\x15J\xcbH{u\xcdK\x03\x86\xf4#\xa2y\xf3\xe6\xcd\x9a5K\x08\xa1\xeb\xa7p\xd1\n@}\xd8\xbd\xff\xed^\x7f\x13A\x00\xd4\x8b\x94R\x08QRR2q\xd2D\xc6\x98?\xe0_\xf0\xf2\xb3\xe7\xb5=/X\x19t\xb9\\\xc9\xaaJ\xd3D&lt;\x16\x97R\xfe\xed\x1f\x7f\xee\xdc\xedb"\x9a5k\xd6\xea\xd5\xab5M3\x0c#YU\xc1\x99\xc7\xee\xfdo\xf7\xfa\x9b\x0e\x02\xa0\xbe\x0c\xc3\x984iR\xc9\x91\x12"z\xe4\x0f3\x86\\:\xa8\xaa\xb2Js%y\x19\x95\x10\xa2\xb6\xa66\'7\xfb\x99\xc5\x7f\x0cd\xfa\x15\xa9I7M:r\xe4\x08c\x0csA\xd0\x88l\xdd\xff\xe6\x9d\x1e\xec[\x7f\xd3A\x00\xd4\x8b\xcb\xe5Z\xb6l\xd9\xea\xd5\xab\x89\xe8\x86[\xc6\x8d\xbf\xf9:\xf3\xc81\xd9u\x11\x11i\x9aVU\x19\xec\xd4\xb9\xc3\xcc\'\x7fM\x8aJ\x8e\x94&lt;\xf0\xc0\x03\x9cs\x9c\r\x86\xc6b\xeb\xfe7\'\x7f\xec[\x7f\x93B\x00\x9c\x84\xf91\x94\x97\x97?\xfc\xf0\xc3\x9c\xf3\xf3\xda\x9e\xfb\xab\xdf\xfe"X\x19\xb2\xd4\xc5\xb7.\x97\xab\xbc\xb4b\xdcMc\xaf\x183\x8a\x88^x\xe1\x85-[\xb6\xe0\x840\x9c&gt;\xbb\xf7\xbfy7\xe6\x8a\x8a\n\x9b\xd6\xdf\xd4?\x1a\x01p\x12\xe6\t\x99\x05\x0b\x16\xec\xdd\xbbWJy\xfb\xf4i\xb9y9\xf1x\xdcj\x97\\1\xce\x12\xf1\xc4\xf4_\xdd\x93\x9a\x9a\x1a\x8b\xc5f\xcc\x98Q\xff\xbb\xd7\x02|\x1f\xbb\xf7\xbfa\x18\x9c\xf3E\x8b\x16\xd9\xb4\xfe\xa6\xfe\xb9\x08\x80\x93p\xb9\\R\xcaE\x8b\x161\xc6.h\xdf\xf6\x9a\xeb\xaf\xaa\xaa\x08Zj\xf8`\xe2\x9cG\xc2\x91\xae=\xbb\\y\xcdh"Z\xb7n]QQ\x91\x10\x02\x07\x01p:\xec\xde\xff\x9c\xf3\x9a\x9a\x1a\xfb\xd6\xdf\xd4\xdb/\x02\xe0$|&gt;\xdf\xfa\xf5\xebw\xed\xda\xa5\x94\x9av\xef\x14\x7f\xc0g\xd9E\x96\x9c\xf3X,\x9e\xff\xbfS\xbd^O4\x1a\x9d?\x7f&gt;\x11!\x00\xe0t\xd8\xb8\xff\x17\xcc7_\\\xb3f\xcd\xce\x9d;\xedW\x7f\xb3l\xbf\x08\x80\x93`\x8c\x99\xc3\x87\xbc\xb3\xf3~t\xf5\xa8p(r\xe2S~,\x85s\x1e\x8dD\xbb\xf6\xec\xdc\x7fH?\xc6\xd8\xf2\xe5\xcb\xab\xab\xab5M\xc3D\x104\x98\x8d\xfb\xff\x95\xe5\x91H\x84\x88\xecZ\x7f\xb3l\xbf\x08\x80\x938t\xe8\xd0\x96-[\x94RC.\x1d\x94\xdb"\'\x91HXm\xf6\xf0DJ)\xc6\xf8\xc8\x1f\x8fPJ\x1d*&gt;\xb4m\xdb6\xc2A\x00\x9c\x06\x1b\xf7\xff\xa1C\x85\x85\x85\xba\xaeo\xda\xb4\xc9\x96\xf57\xcb\xf6\x8b\x00\xf8!\x9a\xa6}\xf8\xe1\x87{\xf6\xec!\xa2\xe1\xa3\x87Y\x7f -\x84\xa8\xad\xae\x19xI\xfft_\xba\xa1\x1bo\xae|\x93\x8e/\xe4\x008U\xf6\xee\x7f\xc3X\xb7n\xddg\x9f}V\\\\Lv\xac\xbfY\xb6_\x04\xc0\x0fIII\xd9\xbau\xab\xae\xebn\x8f\xfb\xa2\xae\x9db51\x8b?~\x8b1\x16\x8b\xc5[\xb7iy~\xdb\xf3\x88h\xeb\x96\xadDd\xf1\x9a\xc1\xb2\xec\xde\xff\xdb\xb6m\xdb\xb0a\x03\x11y\xd3\xbcv\xac\xbf\x19\xb6_K\xff9\x92.\x1e\x8fo\xdd\xba\x95\x88\xda\x9c\xd3\xfa\xec\x96y\x16?~4I)=^\x8fy\x97\xc1\xa2\xa2\xa2H$\x82\x8b\xc2\xa0a\xec\xdb\xff\x9d\xbat \xa2\xed\xdb\xb7\xff\xf7\xcd\xff\x12Q\x9bsmV\x7f\xb3m\xbf\x08\x80\x1f"\xa5\xac\xac\xac$\xa2\x9c\x16Yi\xe9i\xb6\xb8\xc1\x8eR\x8a\x0bqV\xcb\xb3\x88\xa8*XUSS\x93\xec\x8a\xc0\xae\xec\xde\xff\x15\x15\x15_~\xf9%\x11e\xe7\xd8\xb2\xfef\xd8~\x11\x00\'a.\x19\xbe\xb0\xd3\x85\xc2&amp;\xcbi\x18c\x86\xae\xb7\xebx\x01\x11\x85\x82\xa1\xa2\xa2"\xc2y`h(\x9b\xf6\x7f\xfb\x8e\xed\x88\xa8\xa4\xa4d\xdf\xde}D\xd4\xbec;{\xd5\xdfl\xdb\xaf\xe5.\x88\xb0\xa6\xcc\xacL\x1bM\xa4(\xa52\xb32\x89HJi\xd9U\xcf`#6\xed\x7f]\xd7\xcd]\xa7M\xebo\x86\xed\x17G\x00\xf5b\xbb\xddh]\xc1\xd6\x9f\xf4\x04\xeb\xb3i\xff\xd7=i\xdd\xa6\xf5S\xd3o\xbf\x08\x80z\xb1\xddn\xd4v\x05\x83\x95\xd9\xae\x9d\xbeQ\xb0\xdd\xebo:\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94\x96\xec\x02\xc0\x06\x94R\r\xf8\xaf\x18c\x8d^I\xc3\xd8\xbd~\x80&amp;\x82\x00\x80\xef\xa0\x94\x92R*\xa5\x18c\x8c1\xce\x1br\xa4\xd8(o\xd20v\xaf\x1f\xa0y \x00\xe0\xff\x98\xbb&lt;"\x12B\x08!\xea^\x0f\x06\x83RJ\xc6X=\x87\xd2\xe6\xd89\x10\x08\x9c\xf8&amp;\xe6\xce\x94s\xdet#k\xbb\xd7\x0f\xd0\xcc\x10\x00@D\xa4\x942\x0cC\xd34s\x97\x17\x0e\x877o\xde\xbci\xd3\xc6\x8f?\xfe\xa4\xa2\xa2\xa2\xa8\xa8H7\xf4\xfa\xbf\x1b#\xa6H\xb5\xbb\xa0] \x10\xe8\xdd\xbbw\xcf\x9e=\xfb\xf6\xed\xdb\xaaU+\xf3\xab\xba\xaes\xce\x1bw@m\xf7\xfa\x01\x92\x02\x01\x00d\x18\x86\x10B\xd3\xb4x&lt;\xber\xe5\xca\xe7\x9e{n\xeb\xd6\xad\x07\x0f\x1e&lt;\xcd\xb7-+-#\xa2\x95+W\x12Qfff\xef\xde\xbd\xc7\x8d\x1b7f\xcc\x98\x16-Z\x10\x91\xae\xebB\x88F\x19M\xdb\xbd~\x80dA\x008\x9a9%"\x84\x08\x06\x83\xf3\xe6\xcd[\xbat\xe9\xf6\xed\xdb\xeb\xbe\x9a\x9e\x91\xde\xfa\x9cV\xb9y\xb9m\xdb\x9f\x9f\x95\x15\xd0u\xa3&gt;\xfb;E\x8a3\x9eH$\n?+\xaa\xaa\x0c\x1e\xdc\xffeeEeee\xe5\xea\xd5\xabW\xaf^\xfd\x9b\x19\xbf\x99p\xe3\x84\xa9S\xa7v\xe8\xd0\x81\x88\xa4\x94\xa73\x94\xb6{\xfd\x00\xc9\x85\x00p.s\xe0LD\x8b\x16-z\xf2\xc9\'w\xed\xdae\xbe\xde\xbaM\xab\x81\xc3\x06\x0c\x1f5\xec\xa2\xae\x9d\xf2\xce\xcaMKO\x17B\x08\xc1Om%\x8dR\x89\x84\x1e\xab\x8d\x95\x1d-\xdb\xb3\xeb\xf3\xf5\xeflX\xb7f\xfd\xae\xc2=\x87\x8b\x0f\xcf\x993g\xe1\xc2\x85\xf7\xdcs\xcf\xf4\xe9\xd3\xfd~\xbf\xae\xeb\x9a\xd6\x90&gt;\xb4{\xfd\x00I\x87\xc6u(s\xefY\\\\&lt;y\xf2\xe4U\xabV\x99/v\xbc\xa8\xc3\xe4\xbbn\x1e=fTn\x8bl\xa5Tmm,\x11O\x84\x83aE\xea\xd4WR2\xce\x18\xe3,\xa7EN\xabsZ\x8d\xf8\xd1\xe5\xe1Ph\xe3\xfb\x9b\xe7\xfdi\xe1\xbaw\xde\xaf\xa8\xa8\x985k\xd6\x8b/\xbe\xb8`\xc1\x82A\x83\x06\x99ghOi:\xc5\xee\xf5\x03X\x01\x02\xc0\x89\xccA\xeb\xaaU\xab&amp;O\x99\\|\xa8\x98\x88\xda\xb6o{\xc7\xf4i?\xb9\xf6J\x7f\xa6?\x12\x8aTVT\x11\x91\xb9\xe2\x85\x8b\xd3\x9a\xe2H$\x12\xb1X\x9c\x94\x12\x9a\xb8t\xe4\xb0K.\x1f\xb2v\xcd\xfb\xcf&gt;5w\xc3\xda\x0fw\xef\xde}\xd9e\xc3\x1f\x7f\xfc\x89\x82\x82\x02s\xf5N=\xf7\xa1v\xaf\x1f\xc0"0}\xe98\xe6\xdes\xde\xbcy\xa3G\x8f6\xf7\x9e7\xe7O\xfc\xd7\xbb\xafL\x9a6\x811VYVi\x0e\xae\x1b\xeb\x0c\'cL\x08.4AD\xa1`(\x1a\xa9\x1e&gt;\xea\x92\x17\xdexn\xe6\x93\xbfN\xcfH\x8f\xc5\xe2\xd3\xa7O\xcf\xcf\xcf\xe7\x9c\x9b\xeb,\xcf\xf8\xfa\x01\xac\x03\x01\xe0,\xe6Z\xc9y\xf3\xe6\xe5\xe7\xe7\x13Q \xd3\xff\xcc\xa2\xa7\x9e\xfc\xebcn\xb7\xbb\xbc\xb4\x9c\x88\x84\xd6\x84+[\x84\x10\x9c\xf3`U(\x1a\xad\xbe\xf3g\xb7\xbd\xfc\xe6\xf3\x17u\xe9HDf=B\x08\xa5N2Wc\xf7\xfa\x01,\x05\x01\xe0 \xe6\xd0\xb8n\xef\x99\x9b\x97\xbbh\xf9\xbc\xf17\x8f+-)5w\xac\xcdS\x86\xb9\x1b=z\xe4h\xd7\x9e]^xci\x8f&gt;\xdd\xe9\xf8&gt;\xd4\x1cG\x9f\xa9\xf5\x03X\r\x02\xc0)\xcc\xbd\xe7\x9a5k\xcc\xbdgVv\xd6?\xdf~\xa9\xcf\x80\xdeG\x0e\x97\xb8\\\xae\xe6\x9f\xbcv\xb9\\\xc1\xaaPZF\xda\xabk^\x1a0\xa4\x1f\x11\xcd\x9b7o\xd6\xacYB\x08]\xff\x8e\x8b\xb6\xec^?\x80\x05!\x00\x1cAJ)\x84())\x998i"c\xcc\x1f\xf0/x\xf9\xd9\xf3\xda\x9e\x17\xac\x0c\xba\\\xaedU\xa5i"\x1e\x8bK)\xff\xf6\x8f?w\xeev1\x11\xcd\x9a5k\xf5\xea\xd5\x9a\xa6\x19\x86q\xe2w\xda\xbd~\x00kB\x008\x85a\x18\x93&amp;M*9RBD\x8f\xfca\xc6\x90K\x07UUVi\xae$/\x03\x13B\xd4\xd6\xd4\xe6\xe4f?\xb3\xf8\x8f\x81L\xbf"5\xe9\xa6IG\x8e\x1ca\x8c\x9d8\x97b\xde\xe9\xc1^\xf5\'\xb70\x80\xfa@\x008\x82\xcb\xe5Z\xb6l\xd9\xea\xd5\xab\x89\xe8\x86[\xc6\x8d\xbf\xf9:s\xe6$\xd9u\x11\x11i\x9aVU\x19\xec\xd4\xb9\xc3\xcc\'\x7fM\x8aJ\x8e\x94&lt;\xf0\xc0\x03\x9c\xf3\xba\xb3\xa9\xe6\xe4\x8f\xbd\xea?\xf1.r\x00\x96\x85\x008\xc3\x99\xbb\xd1\xf2\xf2\xf2\x87\x1f~\x98s~^\xdbs\x7f\xf5\xdb_\x04+C\x96\xbax\xd5\xe5r\x95\x97V\x8c\xbbi\xec\x15cF\x11\xd1\x0b/\xbc\xb0e\xcb\x96\xba\x85\x95\x8c\xb1\x8a\x8a\n{\xd5\xbfy\xf3\xe6\xba[\x93\x02X\x16\x02\xe0\x0cg\x9e\x90\\\xb0`\xc1\xde\xbd{\xa5\x94\xb7O\x9f\x96\x9b\x97\x13\x8f\xc7\xad6G\xc18K\xc4\x13\xd3\x7fuOjjj,\x16\x9b1c\x86y\xf7f\xc308\xe7\x8b\x16-\xb2i\xfd\x84E\xa1`a\x08\x803\x9c\xcb\xe5\x92R.Z\xb4\x881vA\xfb\xb6\xd7\\\x7fUUE\xd0R\xc3g\x13\xe7&lt;\x12\x8et\xed\xd9\xe5\xcakF\x13\xd1\xbau\xeb\x8a\x8a\x8a\xcc\x05\x97555v\xac\xff\xf3\xcf?OOO\xc7A\x00X\x19\x02\xe0\x0c\xe7\xf3\xf9\xd6\xaf_\xbfk\xd7.\xa5\xd4\xb4{\xa7\xf8\x03&gt;\xcb.R\xe4\x9c\xc7b\xf1\xfc\xff\x9d\xea\xf5z\xa2\xd1\xe8\xfc\x05\xf3\xcd\x17\xd7\xacY\xb3s\xe7N{\xd5_]]\xbd`\xc1\x02\xb7\xdb\x8d\x00\x00+C\x00\x9c\xe1\x18c\xe6\xf09\xef\xec\xbc\x1f]=*\x1c\x8aX\xf6\xfc$\xe7&lt;\x1a\x89v\xed\xd9\xb9\xff\x90~\x8c\xb1\xe5\xaf,\x8fD"Dd\xd3\xfa_Y\xfeJIIIjjJ\xb2\xeb\x02\xf8^\x08\x803\xdc\xa1C\x87\xb6l\xd9\xa2\x94\x1ar\xe9\xa0\xdc\x169\x89D\xc2j\xb3\xe7\'RJ1\xc6G\xfex\x84R\xea\xd0\xa1C\x85\x85\x85\xba\xaeo\xda\xb4\xc9\x8e\xf5\x7f\xf5\xe5\x97\x1f}\xf4\x91\xc7\xebMvQ\x00\xdf\xcbrs\xa9\xd0\x884M\xfb\xf0\xc3\x0f\xf7\xec\xd9CD\xc3G\x0f\xb3\xfe\xf9H!Dmu\xcd\xc0K\xfa\xa7\xfb\xd2#\xa1\xc8\xbau\xeb\\.Wqq1\xd9\xae\xfe\xf4\xf4H$\xb2r\xe5\xca\x94\x14\x1c\x01\x80u\xe1\x08\xe0L\x96\x92\x92\xb2u\xebV]\xd7\xdd\x1e\xf7E];\xc5jb\x16\x7f|\x15c,\x16\x8b\xb7n\xd3\xf2\xfc\xb6\xe7\x11\xd1\xb6m\xdb6l\xd8@D\xde4\xaf\xbd\xea?\xef\x82s\x89h\xcb\xd6-zB\'",\x06\x02k\xb2\xf4\xe6\x04\xa7)\x1e\x8fo\xdd\xba\x95\x88\xda\x9c\xd3\xfa\xec\x96y\x16\x9f?1I)=^O\xa7.\x1d\x88h\xfb\xf6\xed\xff}\xf3\xbfD\xd4\xe6\\\x9b\xd5o\xde%\xb4\xa8\xb0\xa8\xa4\xa4\x84\x88\xb0\xff\x07k\xc2\x14\xd0\x99LJYYYID9-\xb2\xd2\xd2\xd3\xc2\xa1\x88\xc5G\xd0D\xa4\x94\xe2B\x9c\xd5\xf2,"\xaa\xa8\xa80\xa4AD\xd99\xb6\xac?\x1c\x0e[?\xb1\xc0\xc9\x10\x00g8M\xd3t]\xbf\xb0\xd3\x85B\xd3lq\xabz\xc6\x98\xa1\xeb\xed;\xb6#\xa2\x92\x92\x92\xb2\xb22"j\xdf\xb1\x9d\x1d\xeb\xc7s"\xc1\xe2\x10\x00\x8e\x90\x99\x95y\xe2\xddu,N)\x95\x99\x95ID\xba\xae\x9b\xeb\xe8\xedW\x7fv&amp;\x1d[\x14\x84\x00\x00\xeb\xb2\xfa\x0154\n\xcb^&lt;\xf5}\xcc\x82\xebF\xd06\xad\x1f\xc0\xe2\x10\x00\x8e`\xbbq\xe87\n\xb6{\xfd\x00\xd6\x84\x00\x00\x00p(\x04\x00\x00\x80C!\x00\x00\x00\x1c\n\x01\x00\x00\xe0P\x08\x00\x00\x00\x87B\x00\x00\x008\x14\x02\x00\x00\xc0\xa1\x10\x00\x00\x00\x0e\x85\x00\x00\x00p(\x04\x00\x00\x80C!\x00\x00\x00\x1c\n\x01\x00\x00\xe0P\x08\x00\x00\x00\x87B\x00\x00\x008\x14\x02\x00\x00\xc0\xa1\x10\x00\x00\x00\x0e\x85\x00\x00\x00p([&gt;\x13\xf8\xdb\xcf\x86\xb5\xdd\x03\x98\xbe\xf1+\xd8\xae~H"\xf4\x7f\xd2\xd9\xbd\xfe:\xb6\t\x00\xa5\x94\x94\x92\x14q\xce\x85&amp;8\xe7\x8c3F$\x95\x92\x864\x0c\xc3|z8\xe7\xdc\xb2\x1f\xc6\xb1_\x81Hp\xa1i\x9aY\xaaR\xca\x90\x86\xa1\x1b\xd2\x90\x8c1.\xectL&amp;\r)\x954\xff\x99\x11\x13\x9aHn=\xa7\xcaF\xf5\xa3\xff\x93NJ\xa9\xa4"\xc6\x84\xe0\xc7\xeb\'\xa5HJi\x18\x86a\x18D$\xb8 \x8b\xfe\xf9\xbf\x9b\r\x02\xc0\xfc\xbb\xa7\xa4\xba&lt;\xde\x0c!xmm,\x12\x8aTG\xabkkcJ\xa9\xd4\xd4\x14\x8f\xd7\x93\xe1\xcf\xf0x=\xd2\x90\xd5\xd1\xeaD"!\x84\xb5\xb6d\xb3\xf5SRR\xbci^\xc6(\x1a\xad\x0e\x07\xc3\xd5\xd55z"\xe1Jqy\xbdi\xfe@\x86\xc7\xeb\xd1\x13z$\x12URYy30)ER\x1a&gt;_\x86+5\x85\x14\x11#%e(\x18\xfe\xf6\xe0\xd4\x9alT?\xfa?\xb9\x94R\xd2\x90B\x13i\xe9i)))\x86\xaeG\xa3\xd5\xa1`\xa8\xb6\xa66\x91Hh\x9a\xe6\xf1z|~\x9f\xcf\xef\x93RF\xc2\x11\xc30\xac\xf6\xf7\xff\x01\x96\x0e\x00\xf3O\xefI\xf3x&lt;\xee\xc3\xc5%o\xaf|\xf7\x83u\x9b\n\xb7\x17\x1d)&gt;\x12\xac\n&amp;\x12:)%4-=#\xfd\xac\x96y\x17w\xed4d\xf8\xe0\xc1\xc3\x06f\xe7f\x07\xab\x82d\x99\xe32C7\xdc^\xb7\xc7\xe3)\xfe\xba\xf8\xbf\xaf\xad|\xff\xbd\rE\x9f\xed&gt;R|\xa4\xba\xba\xda0\xa4\x10"=#\xbde\xeb\xb3{\xf4\xeev\xd9\x15\xc3\x07\x0c\xe9\xe7Jq\x85Ca+\xf7\x90\x94\x923\x96\x95\x9d\xf5\xc6\xab\xff\xfd\xf4\xa3m\x9cs%UZ\xbaw\xe2\xd4\t\xa9\xa9)\xe6(\xcf\xca\xecR?\xfa?\xe9\xa4\x94\xa9\xa9\xa9\xde4O(\x18\xfeh\xd3\xc7\x1b\xd7o\xfe\xf4\xa3m\x07\xf7\x7fYv\xb4\xac\xa6\xa6V\x1a\x06\xe3\xdc\xeb\xf5\x9c\xd5\xea\xac\xce]/\xba\xec\x8a\xe1C/\x1b\xec\xf3\xfbB\xc1\x90E\xea?)\xeb\x06\x80\x94\xd2\xe5r\xa5\x05\xd2\x8av\xeczq\xc9\xcbo\xbc\xfa\xdf\xe2\xaf\x0f\x7f\xe7wF\xc2\x91#\xc5G&gt;\xdd\xba\xed\xf9\x85/\x9ew\xc1\xb9\xf9\xf7L\x990\xe5\x86x,\xae\xeb:\xe7\xc9\x1cJH)\x19cY9\x99\x9f\xef\xda\xf7\xdc\xdc\x7f\xfck\xf9\x1bG\x8f\x1c\xfd\xf6\xb7E#\xd1\x92\xc3%\x9fl\xf9t\xe1\xdf\x96\xf4\x19\xd0\xeb\xa7\x0f\x16\x0c\x1b1\xa4\xaa2\x98\xdc\xe2\xbf\x8f\xae\x1b\x1e\x8f\x9b\x0b\xfe\xe8\x83\x8f\xffy\xf6_\xeb^OMM\x1dw\xd3unw\xaaR\xca"\xbb\x9e\xefd\x97\xfa\xd1\xffI\xef\x7f%\x957\xcds\xe8\xcb\xe2\xd7^~\xfd\x8dW\xffS\xf8\xd9\xae\xef\xfc\xb6\xeahuYi\xf9\x8eOw\xbe\xf8\xdc+\x17w\xbb\xe8\xbe\xdf\xfct\xe4\x95\x97\x07\xab\x92_\x7f}X4\x00\x94Rn\x8f;T\x15zb\xe6\x9c\xe7\x17\xbeX\x1d\xad&amp;".\xb8\x10\x82\x11\x93\xc7\x11\x11\xe7\\\x08N\xc4\xa4\x92J\xaa/\xf6\x1d\xfcU\xc1o6\xbc\xf7\xc1\x1f\xe6\xce\xd6\\\x9a\xa1\x1b\xc9\xda\x98\x95R\xde4\xaf\xa1\x1b\x7f~\xf2\xaf\xcf\xccy\xd6\x1c\x94\t!\xcc\xa9C)\x95\x891\xc69WJ)RR\xca-\x1f~t\xc3\x8f\'\xfdr\xd6}\xf7\xdc\x7fg(\x18\xb2Z\x0f\xe9\xba\x1e\xc8\xf4\x17\x7f}\xe4\xbe\xbb\x1ex\xef\xad\xb5\x9c\xf3\xba\x99\xd0\xac\x9cL+\xec7\x7f\x98]\xeaG\xff\'\xbd\xff\rC\xfa\xfc\xe9/=\xb7\xfc\xe1_\xfe\xce,\x9e\x884\x97\xc6\x197KUR\x11\x11c\xac\xeed\x8c\x92j\xe7\xb6\xc2[\xae\x9d\xfa\xe0\xa3\xbf\xbc\xf3g\xb7\x85*C\x96\x9a\xcb\xfaNV\x0c\x00%U\xaa;\xf5\xc0\xde/&amp;^}k\xf1W\xc5D$4\xc1\x88\x19\x86\x910\x12u\xdf\xc69\'Ru[\x02\xe3\x8c\x141\xce\x84\x10\xffyme"\xa1\xcf}\xe1\xaf\x86n$\xe7WPJ\xd3\xb4\xfd\x9f\xef\x7fh\xfa\xcc\rk?4\x7f\x05R\xa4\x94J$\x12\xdf\xf8f\xf3\xf4\x919\x11!\x84PJ=&gt;c\xb6\xa6\x89\xbb~~{ey\x95E\xceL*\xa9\x94R9\xb9\xd9\xef\xad^\xf7\xb3\xdb\x7f\xf1\xf5\x97\x874M\x18\x86\xd4u\xfd\xd8\xa9\xbc$\xfd\xa9\xeb\xc9F\xf5\xa3\xff-\xd2\xffJQn\x8b\xdc`U\xd0\xe5r\x11\x91\x94RO\xe8\xdf\xf1}\x06\xd1\xf1\t7s\x8f\xff\xe8\x83\x8f\xe7\xb6\xc8\x197ilUe\x95\xc5\xe7\x82\xac\x18\x00\x8c\xb1D"\xd1\xe2\xac\xdc\x16y9\x87\xbf&gt;\xaci\x9a\xae\xeb\xe6\xd9\xb9\xf6\x1d\xdb\r\xb9tP\xb7\xde][\xb6:\xdb\x9b\xe6%\xa2P0\xb4\xa7\xe8\xf37\xff\xfd\xd6\xc6\xf5\x9b\x88\x88\x14\xe9Rw\xb9\xb4\xb7\xfe\xb3f\xc9\xdf\x97\xe6\xdf;\xb5\xb2\xa22)\x9f\x81\xe6\xd2~~\xc7\x03\x1fm\xfa\xd8\xe5r\xe9\x86NJ\x19\x864\x7f\x85\xc1\x97\x0e\xba\xb8k\xa7\xdc\xbc\\\x97K\x0b\x05\xc3;\xb7\x15\xbe\xf1\xcf\xff\x1e\xd8\xfb\x05\xe3\xcc0\x0cs\x1b~\xec7\xb3\xfb\x0e\xea\xd3\xbdW\xd7h\xb4:\xe9\xc7\x01\x86a\xa4\xa4\xa4x\xbc\x9eg\xe6&lt;\xfb\xbb\x87\x9e0\x0cCh\xc20\xa4\x05O\x99~\'{\xd5\x8f\xfe\xb7B\xff\x0b\xc1#\xe1\xc8eW\\:d\xf8\xe0\xf5\xef\xbco\xbe\x98\x93\x9b\xddg`\xefn\xbd\xba\x9e\xd7\xf6\\\x7f\xc0\'\x84\x88F\xab\xf7\xed\xd9\xff\xf6\x9b\xef~\xb8~#\x11)C\x99\xab\x9b\x1e\xfe\xe5\xa3\x83/\x1d\x18\xc8\n\xe8\t\xdd:G\x96\xdff\xc5\x00 F\x86a\xf8\xfc\xbe\xa7\x17\xfc\xe1\'\x97\xfcO\xa8*DD\xc3G\r\x9b|\xe7-}\x07\xf66\xcf\xb6\x1b\x86!\rID\\\xf0a#.\x99|\xd7-/,z\xe9\xa1\xe93\xcdM\xc50$c\xec\xefO\xcf\xbf\xf6\x86kR\xdd\xa9\x86!\x9b\xf9#07\xd7\xdf&lt;\xf6\xc0\x84\xabn\xad\xa9\xaeQR\x19\xa4z\xf4\xe9~\xe7Oo\xbb\xe4\xf2!&gt;\xbfO*)\rI\xa4\x18\xe3\xd7\\?\xe6\x9e\xfb\xef\xf8\xfd#O\xff\xfdO\xf39\xe7RJ\x12d\x18\xc6\x9f\x9e\xfc\xcb\x92\x15\xf3\x93\xbe\x8f\xd2\x13\xba/\x90\x11\xac\n\xff\xec\xf6_\xfc\xeb\x95\xd7\x89\x91\x10\xc2\x1cZ\xa6\xa4\xa6\xc4c\xf1$\xd7w2\xf6\xab\x1f\xfdo\x8d\xfe7\x7f\x8b[o\x9f\xb4\xfe\x9d\xf7\x07\x0c\xed?\xf6\xc6k.\xb9|\xc8\xd9\xad\xce\x16B\x18\x86\xa1\x94T\x8a8cb\xcc\xc8\xdb\x0b\xa6\xbd\xf2\x8f\x15\x0f\xdc\xfbP,\x1eWJq\xce+\xca+\xff\xf9\xd2\xbf\xee\xb9\xef\xce\x8a\xb2J\x8b\x1c\xc4\x7f\'\x8bNQq\xce\xc3\xa1p\x87\x8b.|\xf0\x91_t\xec\xdca\xf1\x8ay\xcf\xfds\xe1\xb0\x11C\x95R\x15e\x15U\x95U\x91p\xa4\xba\xba\xba\xba\xba:\x12\x8eT\x94W\x84\xab\xc2\xd3\xee\x9c\xfc\xab\xdf\xfeBJ\xc98\x93R\x12c\xc5_\x1f\xde\xba\xf1c\x8f\xd7\xa3\x9a}]\x07\xe7\xbc:Z\xdd\x7fH\xff\xc7\x9e~\xc40\x0c\x8f\xc7=\xe3\x89\x07W\xacz\xe1\xcakF+\xa5\xca\xcb*\xaa*\xaaB\xc1p8\x18\tV\x05\xcbJ\xcb\x95\xa2G\x9f~x\xc2\xe4\x1b\xa4\x94Bp\xf3\xec\xd9\xfaw6|\xbek\x9f\xc7\xe3\x96\xc9\xdb\x08\x94R\xd9\xb9\xd9\x9f}\xb2\xf3\x7fF\x8c\xfb\xd7+\xaf\x0b!\x04\x17\xe61\xfb\x03\x8f\xdc\xdf\xbeC;:6\x17aQ6\xad\x1f\xfdo\x85\xfe\x17BD\xa3\xd1\xbe\x83\xfa\xbc\xba\xe6\xa5e\xaf/\xb9\xf1\xd6\xf1\x81\xcc@\xb0*XQV\x11\xac\n\x86\x83\x91H8\x12\x0c\x86\xcb\xcb*\x83U\xc1[\xa6\xddt\xff\xcc\x9f)\xa98gD\xc4\x18[\xbbz}"\x9e`\xdc\xba\xc3\x7f\xb2l\x00\x10\x91\xa6i\xc1\xca\xe05\xe3\xafzu\xf5K#~ty8\x14\x0e\x05CD$4a\x9eJ\xaa\xa3i\x1a\x17\xbc\xe4\xe8\xd1\x1bo\xbd\xfe\xdc\xb6\xe7JCr\xce\x05g\x8c\xb1\xc2\x1dE\x9aKKJ\x03\t!\xca\xcb*\xfe\xe7\x86\xab\x7f\xfd\xd8\xaf\x96\xbc\xba\xe0\x9e\xfb\xef\x8a\'\x12U\x95A"\xd24!\xcc_Bp!\x84\xa6i\xd2\x90\xc1\xca\xe0\xbd\xf7\xdf\xe9\xf3g\x98G\xca\x8c\xb3Xml\xfb\'\x9f\xa5\xbaS\x9b\x7f\x036)\xa5\\)\xaee\x8b_\x1a;r\xfc\x9e\xc2\xcf\xcd\x99\x04\xc30RSS\xff\xbc\xe8\xa9;\xa6\xe7WUV%\xa5\xb0z\xb2u\xfd\xe8\xff\xa4\xf7?\x11)\xa9RRRz\xf7\xeb\x15\xab\x8dU\x96W\xea\xba.\x848\xf6\x11\x08n\x9e\x817\x7f\x9d\xd2\xb2\xd2\xff\xb9\xe1\xea\xec\xdcl\xb3~\xa5\xd4\xc1\x03_\x06\xabB\x9a&amp;\xac9\xd3h\xb2n\x00\x98\xcc\xb3I\xe6\x9a\xaa\x1f\x98\xcad\x8cIC\xa6g\xa4\xf7\xec\xd3\x8d\x8e\x9f\x901\x87K\xa4\x92vi\x9e\x10&lt;\x14\x0c\xdd^0\xad\xdf\xa0&gt;%\x87\x8f2\xc6\xbe\xefW\xe0\x82\xc7b\xb1\x96mZv\xeb\xd9\x95\x88\x8e\xadM!:\xb8\xffK\xf3\xb4X\xb3\xd6MDD\xe6\xdf\xf3\xed7\xdf\xfdi\xfe}55\xb5\x9cssj\xa2\xf59\xad\x96\xbd\xf1\xdc\xf8\x9b\xae+9\\\x12\x8b\xc5\x89H\x91\x15\xfb\xdb\xee\xf5\x9b\xd0\xff\xc9\xea\xff:J\xa9h4\xca\x18\x13\x9a\xf8\xbe\xd9|\xc6\x98\x94\xd2\xef\xf7\x9f{~\x1b"2\xff\xe2\x91p\xa4\xb66\xc6\xacw|y"K\x17g\x92R\xd6\xf3,\x16c,\x90\x19 \xa2\xba\x96O\xfa\xe9\x17\xcey\xb0*X]]\xa3\xd5c\x1eP\xd3D\xabsZ\x12\x99\xf53"\x8a\x84#d^\xa8\xda\xec\xb8\xe0\xd1Ht\xe8e\x83/\xb9l\x88RJh\xc2\xd0\x8dA\xc3\x06\xbc\xba\xe6\xe5\xbe\x03{\x97\x97U0\xc6\x8f-\x8a\xb0\xe4\xfe\xd3\xee\xf5\xd7A\xff\'\xa5\xffOT\x9fIB\xa5\x88\x181\xc6\xe9x\xb9\xcc\xc2\xb7\xe5\xa8c\x83\x00\xa8\xef\x1f\x91\x91R*\x1c\n\x9b\xff\xa6\x88\x18\xa3\xdc\x169\xc4\x92\xbc\x81\x9b\x07\xec\xf5\xfc\xe6o|\xa7\xe6r\x11Q\xb2vQR\xaaTw\xeaS\xf3f\xb7j\xd3*\x11O\xdcz\xc7\xcdK\xff\xb90\xb7Ev\xa8*\xe4r\xb9\x94\x92\xd6\xb9h\xf6;\xd9\xbd~\x13\xfa\xdf\xea\x11MD\x8a\x84\xe0\xd5\xd1\xea\x92\xc3%d\x86\x01\x91?\xe0\xf3x\xdd\xd2\x90,\xd9\x01\xf6\x03,\xb9\n\xa8A8\xe75\xd55;\xb6\x15\x12\x91\x92\xca&lt;\x87\xdf\xa9K\'=\xa1sk\x9f\x87\xa9#\xa5\xaa(\xaf$2g%\x14\x11\xe5\xe4f+\xa5\x92\xd5@\x9c\xb3\x9ah\xcdY-\xf3\x9e\xfc\xcb\xef\xf6\xed\xd9w\xdb\xffN\rV\x86\x0ci\x98\xab\x1a\x94"\x8bo\x99v\xaf\xff\x94\xa0\xff\x93\xc80\x0c_\x86o\xfd\xbb\x1b\x0e}U\\w\x12\xb8m\xbb\xf3}~_8\x14\xb6\xe0*\x83:gH\x00\xc4\xe3\x89\xdc\x16\xd9o\xbd\xb1fw\xe1\x1e\xf3\xb4\xbbR\xd4\xfa\xdc\xd6=\xfbv\xaf\x8eV[\xfcD\xbcI\x08\x11\x8dD\xf7\xed\xdeOD\xe6E\x92D\xd4\xee\xc2\xb6\xbanP\xf2\x0e$\x85&amp;\x82U\xa1\x81\x97\xf4\x1f6bhEye\xddu\x9b\xc9\xaa\xe7T\xd9\xbd\xfezB\xff\'\x91\x94RhBO\xe8\xbf\x7f\xe4\x8fJ)s\x16H)5\xe2\xca\xcb\x85\x10J*+\xcf\xb3X\xb8\xb4oQ\xeaXg\xd41\x17D\xeb\xba\x91\x9d\x93U\xfc\xf5\xe1Y\xbf|\x94H1b\xe6\x89\xa3\xfc{\xa7deg\xe9\xban\xfd\x11\x84\x94\xd2\xedq\xef)\xdc\xb3\x7f\xef\x01\xc6\x98\xb9\tdfgv\xea\xd2\xb1\xb6\xb66\xb9#8\xceymM\xady\x1e\xd2\xfas\x9a\xdff\xf7\xfa\xeb\xa0\xff-\xc8\\\xb7\x9a\x91\x91\xfe\xcb{\x1f\xdc\xba\xf1#s\xb0o\x18\xc6\xf9\x17\x9c7f\xec\x8f\xc3\xa10\xb7\xf6\x95\xc0v\n\x00\xceY\xdd\xd27!\x84\xe6\xd2&lt;^OfV \x90\xe9\xff`\xdd\xc6\xeb\x7f4q\xdf\x9e\xfd\x9c\x0b\xcey"\x91\x18q\xe5e7M\x9b\x10\xac\nZ\xfcRl\x934\xa4\xdb\x9d\xfa\xe2\xd2\xe5\x86ap\xce\xcd\x95\x03\xc3.\x1f\xda\xaaM\xcbx,\x9e\xf4\xdd\xd6\x0f/A\xb1&gt;\xbb\xd7oB\xff[\x8dy\x85\xb9+%\xe5\xde\xa9?{q\xc9+B\x88\xba\x15e\x8f\xfca\xa6\xcf\x9f\xa1\xeb\xbaUk?\xc6NS@\xba\xae\xd7\xad\x08\x90\x86\xac\xad\x8d\x1d-9Z\xf4\xd9\xaeU\xaf\xaf~\xeb?k\x88Hsi\xe6\xba\x8e\xd1cF\xfeq\xde\x9co\xdfu\xc4\x9a\xcc\x05|\xdb&gt;\xfel\xf9\xf3\xaf\x9a\xeb\xc9\xcc\x99\x8aI\xd3nLX\xfb:rhN\xe8\x7fK\xd1u=\xc3\x97QY^y\xef\x94\x9f\xae]\xb3\xben\xb9\xaa\x94\xf2\xd1?&gt;|\xd9\xe8a\xd6\xb9\x91\xd7\x0f\xb0A\x00\x98K\xa1\xc3\xa1\xf0\xadc\xf3\x83UA\xc6\x99RJ\xd7\x8dH8\x12\xac\x0c\x9e\xb8\x90CO\xe8g\xb7:\xfb\x8e\xe9\xd3n\xca\x9f\x98H$\xf4D\x92o\x87[O\x8c\x11\xe3l\xe6\xfd\x8f\xd4\xd6\xd4\x9a\xd3\x14\x86a\\u\xdd\x8f\xfb\x0f\xee[Ui\x8f\x11\x1c4\x1d\xf4\x7f\xb2\x0b\xfc\x0e\xban\x042\x03;\xb7\x15\xdeq\xd3=\xfb\xf6\xec7\xc7\xfeRJ\xce\xf9\x13\x7fy\xf4\xa6i\x13+\xca+\xac\xbf\xf7\'[\x04\x00\x11\x11#)\xe5\x9e]\x9f\x9b\xf7\xc5=\x91\x10\x82\x18\t.\x86^&gt;d\xec\x8dW\x8f\x1e3\xca\x9f\xe1?|\xf80\xb1c7 \xb48]\xd7s[\xe4\xfe\xee\xa1\xc7?X\xbbQ\x08a\xde\xd47\x90\x15\xf8\xc5\xac\xfbjkb\x96\x1d\xfe@\xb3B\xff[\x89\xa1\x1b\x81\x80o\xe3\xfaMS\xc6\xdf^Uq\xec~\x9f\xd2\x90\x81L\xff\x1f\xe7\xcd\x19}\xd5\xa8\x8a\xb2\nk\xe6\xd6\xb7\xd9$\x00\x88\x88\xc8\x9b\xe65\'\x04\x8f\xaf\xe28v&lt;l\x9e\x0c\xdb\xff\xf9\xfeW_\xf8\xd7\xae\xc2=\xc3.\x1b\xda\xab\x7fO]\xd7k\xaak,\xfe1\xe8\t=\xa7E\xf6\x8b\xcf\xbd\xfc\xc7\xc7\x9f\x11BH)\xb9\xe0\x86n\xcc\x9a\xfd\xeb\xf3/8\xd7\x16\x87\x90\xd0l\xd0\xffV \xa5L\xcbH\xdb\xb1\xbd\xf0\xd6\xeb\xf2\xeb\x9e\xfce\x18F\xc7\x8b;\xfce\xc9\xd3\x9d:w,/-\xd74\xdb\xecWmp\x84hRJEB\x11]\xd7\x13\x89\x84~\x8cq\xec\xff\x0c\xa9\xeb\xc6\xfe\xcf\x0f\xbc\xf5\x9f5\x7f\xfc\xdd\x9f\xffg\xc4\xf5\xf97\xde\xf9\xc5\xbe\x83&gt;\xbf\xcf\xbc\xed\x975\xe9\t=+\'\xf3\x9dU\xef\xddw\xc7\x03\x9c3\xf3\x82OC7\xa6\xdcu\xeb\xb8Ic\xad\xd9\xfd\x90,\xe8\x7fKP\xc49\x8f\xd5\xc6\n\xa6\xfe&lt;\x14\x0c\tM(R\x86a\x0c\xbcd\xc0+\xab\x96\xb5\xefxAey\xa5\x8d\xf6\xfed\x8b#\x00\xf3&gt;\'\xde4\xef\xc2W\xfe\x9eH\xe8\x8cH\x11\xe9\xba\x1e\rGK\x8f\x96\x1d&lt;\xf0\xe5\x8eOwl\xffd\x879\xe3\xc99\xd7u\xfd\xcd\x7f\xad\xfap\xfd\xa6\xbf,~z\xd8\xe5C\x82\x96|&gt;\xa7\x9e\xd0\x03Y\x81\x8f6}r\xfb\xc4\xbbc\xb1\x18\xe7L\x08\xae\xeb\xfa\xe81#g&lt;\xf1`\xd0\xaaS\x9f\xd0\xfc\xd0\xff\xd6aH#3+s\xd1\xdf\x96\x14\xed\xd8%4\xa1\xa4\x92R\x0e\x18\xda\x7f\xc9\x8a\xf9B\x88H(\xaa\xb9l\xb0G=\x91=\xca5\xcf\x83\r\xbdl\xf0\ts\x82\xcc\\*@\xa4j\xaak\xf7\xef=\xf0\xd2s\xaf,\xfc\xeb\x12\xf3\x01OB\xf0\xaa\x8a\xaa\xfc\x1b\xef|\xed\x9dW\xdawlWS]c\xa9\xb3a\xba\xae\xfb3\xfdE;v\xddz]~\xb0*d&gt;\x97P\xd7\x8d\xfe\x83\xfb\xfey\xe1\x1fb\xb51\xa5\x94-.\xde\x81\xe6\x81\xfe\xb7\x08\xc6X&lt;\x1e\xff\xf7\xf27\x18c\x8c1\xa9d\xcb\xd6g\xffe\xf1\x1f5\x97VS]c\xc5C\x96\x93\xb1P[\xfc0\xa5T8\x18\tV\x85\x8e\xff/XUYUQVQQV\x19\xab\x8d\xb5m\x7f\xfe\xa3\x7f|x\xf1\xf2y\x19\xbe\x0c\xc6\x98aHM\xd3\xa2\x91\xe8\xc3\xbf|\xd4R\xadOD\xba\xae\xfb|\xbe}{\xf6\xddt\xcd\xe4\xd2\x92R\xce9\xe3L\xd7\x8dn\xbd\xba\xce\x7f\xf1Y.D\xd2\x9f\xe5\r\x16\x84\xfeO:\xf3\xee\xe2eG\xcb&gt;\xdf\xb5W)e&gt;\xe1r\xea\xdd\x93[\x9f\xd3*\x1a\x89Z\xf3\x90\xe5\xa4\xac\xf8\x87\xfe&gt;\xe6\xdd\xc3\xff?\x9a\x10\x9a`\x9c\xd5\xd6\xd4\x1e)&gt;\xf2\xa3\xabF\xff\xea\xb7\xf7\x9b\xcf\xc40\x0c\x9ds\xfe\xfe\xbb\x1f|\xbae\x9b7\xcdk\x91\xdb~\xe9\xba\xee\xf3e|q\xe0\xe0\xc4\xabn-\xfe\xfa\xb0\x10\x82qf\xe8F\xe7n\x17/Y1?-=-V\x1b\xb3f\xf7C\xd2\xa1\xff\x93K)\xa5\t\xad\xa2\xac"\x14\x0c\x13\x91a\x18B\x88\x01C\xfaUG\xad~\xb2\xfd\x07X\xf4o}\xaa8\xe7.\x97\xab\xb4\xb4\xec\xaa\xeb~\xd2\xaaMKiH\xc6\x98\xb9bz\xe3\x86Mnw\xaa\x94\xc9_\x10\xa7\xebFFF\xfaW_~=\xe9\xaa[\xbf:\xf8\xb5\xb9\x80\xcf\xd0\x8d.\xdd;/}m\xa1?\xd3_Sc\xe3N\x82$B\xff7\x0f\xc6YMM\xcc\xdc\xf53\xc6\xd2}\xe9Y9Y\x86aXs\xb9j}\x9c!\x01@D\xe6\xf5#&gt;\xbf\xafS\xe7\x8eD\xc7n\xccMD\x07\xf6~!\xa5J\xfa\x07d\xe8FzFZ\xf1\xa1#\x13\xaf\xba\xf5\x8b\xfd\x07\xeb\xba\xbf{\xafn\xff\xf8\xf7\xe2@V\xc0\xfa\x8b\xf6\xc0\xca\xd0\xff\xcd\x80\x11\x19\x86q\xec\x99\xccR\xc6jb\xe6B\xa0d\xd7\xd5p\xf68\t\\\x7f\x9c\xb3\xf4\x8c\xf4c\xff\xa2\x88\x88"\x91h\x12\x1f)g2\x0c\xc3\x9b\xee=z\xe4\xe8\xa4\xabo\xdd\xff\xf9\x81\xba\xee\xef\xd1\xa7\xfb\x92W\xe7g\xf82l\xd1\xfd`}\xe8\xff\xa6\xc3\x18\x8b\xc5\xe2\xe7\xb5=g\xc9\xab\x0b\xcc\xb5X.\x97\xe6\xf5z\xcc\xe3\xaddW\xd7@gX\x000)U$\x1c9\xf1\xa5\xd4\x94\x94\xe4\xdeN\xd60\x0c\xaf\xd7[^Z&gt;\xe9\xea\xc9\x9f\xef\xda[\xd7\xfd=\xfb\xf6X\xb2b~zF\xba-\xba\x1f\xec\x00\xfd\xdf\x84\xcc\xfb\x14\xa5g\xa4_~\xc5\xa5\xe6+J\xa9\xeah\x8d\xad\xef.~F\x05\x80\x10&lt;\x12\x8e\xee\xdbs\xec\x96\xe2\x9c3\xc6X\xde\xd9-\x84\xe0\xc9\xfa\x8c\x0c\xc3\xf0x=U\x95U7]3y\xd7\xce\xddu\xdd\xdf\xab_\x8f%+\x16\xa4\xa5\xa7Y\x7f\xde\x13\xec\x02\xfd\xdf\x0c\xa4!++\x82\xe6A\x15\xe3\xccu\xec\x99eve\xe9\x000\xcf\xae\xd4sU\x80\xae\xeb\xfe\x80\x7f\xfd;\xef\x7f\xb1\xff\xa0ya!\x11WJ]\xd4\xf5"\xc3\x90I\x19\x03\x19\x86\xe1\xf1xB\xc1\xf0\xa4k&amp;\xef\xdc^d.\x136t\xa3w\xff^\x8bW\xccKK\xf3\xda\xae\xfb\xa19\xa1\xff-H*\x99\xe1KOu\xa72b\x89D&lt;\x12\x8e\x92\x05\x9e\xbd\xdc`\x96\x0e\x80@\xa6?\x1eO\xd4T\xd7(\xa9\x187\xaf\xbd\xf8\x8e?\xb4R\xca\xd0\x8dTw\xaa\xae\xeb\xbf\xff\xed\xd3J)\xce9c\xa4\x94\xf2\x07|}\xfa\xf7J\xca\x850\x86a\xb8\xdd\xeeH$z\xcb\xffL\xf9\xec\x93\x1dB\x08iH\xa5T\x8f&gt;\xdd\x17\xbc\xfc\xf7\xd4\</t>
        </is>
      </c>
    </row>
    <row r="340">
      <c r="A340" s="1" t="n">
        <v>338</v>
      </c>
      <c r="B340" t="inlineStr">
        <is>
          <t>triangle</t>
        </is>
      </c>
      <c r="C340" t="inlineStr">
        <is>
          <t>What is the missing number of the part denoted with a question mark?</t>
        </is>
      </c>
      <c r="D340" t="inlineStr">
        <is>
          <t>['6', '8', '7', '9']</t>
        </is>
      </c>
      <c r="E340" t="inlineStr">
        <is>
          <t>6</t>
        </is>
      </c>
      <c r="F340" t="inlineStr">
        <is>
          <t>There are three groups of numbers with a triangle arrangement in the image. The first group is [2, 3, '?'], the second group is [8, 4, 32], and the third group is [1, 5, 5].</t>
        </is>
      </c>
      <c r="G340" t="inlineStr">
        <is>
          <t>We observe that the number 32 is the product of 4 and 8. Similarly, the number 5 is the product of 5 and 1. Hence, the pattern is that the rightmost number in each group is the product of the other two numbers.</t>
        </is>
      </c>
      <c r="H340" t="inlineStr">
        <is>
          <t>Based on the pattern that the rightmost number in each group is the product of the other two numbers, the missing number of the group [2, 3, '?'] should be 6.</t>
        </is>
      </c>
      <c r="I340" t="inlineStr">
        <is>
          <t>b'\x89PNG\r\n\x1a\n\x00\x00\x00\rIHDR\x00\x00\x02\x00\x00\x00\x02\x00\x08\x02\x00\x00\x00{\x1aC\xad\x00\x00\xb5oIDATx\x9c\xec\x9dwx\x14U\xf7\xc7\xcf\x9d\x99\x9d-)\xbb\x9bF\x0f\x04H()@ \xf4(\x9d\xc0\x8b\x82\xd2A\x94\x8e/X(RE\x9a E0(`\x01iJ\x13\xa9\x82Bh"U\x08=\xa1\x87\x00\xa1\xa6o\xaf3s\x7f\x7f\\\xd9_^\xb1\x90M\xdb$\xf7\xf3\xf8\xf8\x84\xd9\xd9\xd9\xbbe\xce\xf7\xdcs\xcf=\x07a\x8c\x81B\xa1P(\xe5\x0f\xa6\xa4\x07@\xa1P(\x94\x92\x81\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n\x00\x85B\xa1\x94S\xa8\x00P(\x14J9\x85+\xe9\x01P\x8a\x1c\x8c1\xf9?\xf9\xc3\x05zF\t\x8d\x8bB\xa1\x940\xe8OF\x81R6\xc0\x18K\x92\x841F\x08\xb1,\xfb\x82g2\x0cC\xf5\x80B)?P\x01(S`\x8cEQd\x18\x86a\xfe?\xb8\'\x8a\xa2\xd1h|\xfa\xf4\xe9\x93\'O\x00\x10\xc0\x1f\xdfx\xed\xda\xb5}||4\x1aM\xde+\x88\xa2\x08\x00T\t(\x94\xf2\x00\x15\x802\x82$I\x92$q\xdc\x1f1\xbd\x9c\x9c\x9cK\x97.\x1d?~\xfc\xf7\xdf\x7f\x7f\xf8\xf0\xe1\xd3\xf4t\x83\xc1\xe0\xb0\xdb\xf3&gt;\xc5\xc7\xd7W!\x97\xd7\xaaU\xabj\xd5\xaa\xad[\xb7n\xd9\xb2exx\xb8J\xa5"\x8f\n\x82\xc0\xb2,\x95\x01\n\xa5\x0cC\x05\xa0\xd4Cb8$\xcec4\x1aw\xed\xda\xb5}\xc7\x8e\xd3\xa7Ngd\xa4\xe7\xf7R!!!m\xdb\xb6\xed\xd7\xaf_\xbbv\xed\xc8\x05\xc9|\x82\xca\x00\x85R&amp;\xa1\x02P\x8a\xc9k\xfa\x93\x93\x93\xd7\xaf_\xbf\xf5\xc7\x1f\xd3\xee\xdfw\x9d\xe0\xe3\xeb[3\xb4^\x85\xcaUj\xd7\t\xf7\xf2\xf2\xae\x13\xd1@\x12\x05\xb2\xfa+8\x9d\xd7\x92.\xd8\xac\xd6\x9bW/?}\xfc\xe8~\xeam{\x9e\xf9A\xc3\x86\r\x07\x0e\x1c8h\xd0\xa0\n\x15*\x00\x80(\x8a\xff\xbc\x90@\xa1PJ#T\x00J+\x92$\x91@\xff\xa3G\x8ff\xcc\x98\xb1y\xf3f\xab\xd5J\x1e\xaa\\5\xb8yl\xbb\x97;\xc6\xd5\x8dhT\xa5Z\r\xb9\x82\xe78\x900\x88\xc2\xff\\\x81\x93\x01`\x10\x040\x9b\x8ciwS\x92.\x9e\xff5a\xcf\xb9\xd3\xc7\xf5\xba\\rB\xc5\x8a\x95\xc6\x8c\x19=i\xd2$\x9e\xe7%I\xa2)C\x14J\x19\x83\n@\xa9D\x10\x04\x8e\xe3\x9cN\xe7\xd7_\x7f\xfd\xc9\'\x9f&lt;}\xfa\x14\x00x\x9e\x8fi\xf5r\xff\xc1o7n\xde:\xa8b\x90$\x81\xdd\xeep\xd8\xed\x7f$\xf9\x00\xe45\xdf\x18\xc0u\x90a9\xb9\\.Wp\x82\x00\x0f\xef\xdf9q\xe4\xc0\x96u\xdf\\O\xbeL\xce\x8c\x8c\x8c\\\xb8pa\x97.]\x80N\x05(\x94\xb2\x05\x15\x80\xd2\x07\xb1\xfe\xb7o\xdf\x1e2d\xc8\xc9\x93\'\xc9\xc1\xae\xaf\xf5\x1d\xf9\xfe\xa4:\xf5\xa38\x19g1[\x9cN\x07\xc0\x8b\xa7ubI\xc2\x18K\x08\x10\xafP\xa8Tr\xa3\xd1r\xfe\xf4\xb1/\x16\xcc\xba|\xfe\x0c9c\xf8\xf0\xe1\x9f}\xf6\x99\x8f\x8f\x0fy\xf5"{s\x14\n\xa5\xf8\xa0\x02P\x9a \x9b\xb9\x18\x86\xd9\xbau\xeb\x981c\xb2\xb2\xb2\x00 *\xba\xe9\xfbSg\xb7j\xdb\x19cl1\x9b\xc8\tn\xc7j0\xc6\x92$2\x0c\xeb\xe3\xebc6\x99\xf6l\xdb\xbcl\xe1\xac\x8c\xa7\x8f\x01 ::\xfa\xdbo\xbfm\xd4\xa8\x11\xd5\x00\n\xa5l@\x05\xa0\xd4\xe0\xb2\xfe\xb3g\xcf\x9e5k\x169\xf8\xdf\xf1\x1f\xbe=\xfeC\x95\x97R\xaf\xd3\x93\x9d\\\x85\xf5r$\xda\xa3\xd6x?\xb8w\x7f\xde\x87\xe3\x0f\xec\xd9\x01\x00~~~_}\xf5U\x9f&gt;}\xa8\x06P(e\x00*\x00\xa5\x03W\xc2\xcf\xc8\x91#W\xadZ\x05\x00\x81\x15*\xce\x8d_\xd5\xe9\x95n\xba\\S\xd1\x85\xe6\x05\xc1\xa9Tz\xf1\xbc\xec\xdbe\x8b\xe3?\x99\xeet8\x00`\xe5\xca\x95#F\x8c\xa0\x1a@\xa1\x94v\xa8\x00\x94\x02\xc8\xfe^\x8e\xe3\\\xd6\xbf~T\xf4W\x1bwV\xae\x1a\xac\xcb\xd5\x15\xf5v-I\x92\x00\xc0\xcf\xdf\xf7\xc4\xafG\xc7\xbc\xf9\xbaA\x97\x0bT\x03(\x942\x01\x15\x80R\x00\xb1\xb3o\xbf\xfd\xf67\xdf|\x03\x00\xf5\xa3\xa2\xd7l\xdb\xa7\xd6\xf8\x99LF\x8e\x93\x15\xcf\x18\x9cNg@\xa0\xf6\xec\xc9\x93#\xfbu3\xe8u\x00\xb0n\xdd\xba\xb7\xdez\x8bj\x00\x85Rz\xa1\x02\xe0\xe9\x10\x0b\xbbr\xe5\xcaQ\xa3F\xc13\xeb\xef\xa3\xd6X\xcd\x16\xb6x-\xaf\xe0tj\x03\xb4\xe7N\xfd\xa1\x01^^^G\x8f\x1em\xd2\xa4\x89kG\x02\x85B)]P\x01\xf0h\x88m=s\xe6L\xcb\x96-%I\n\xad\x1b\xfe\xfdOG|\xd4\x1a\xab\xc5Z"\xf9\xf8\x82\xd3\xe9\x17\xa0={\xf2\xe4\xb0\xde\x9d-fsHH\xcd\xf3\xe7\xcf\x91rrt\x8f\x18\x85R\xea\xa0\x8e\x9b\xe7B\xb49;;{\xc0\x80\x01\x18c\x95\xcak\xc1\x8au~\x01\x01\x16\xb3\xa5\xa4vcq2YvVn\x8b\x97[M\x9a\xf5)\x00\xdc\xbd\x9b:r\xe4H\xb2@]"\xe3\xa1P(\x05\x81\n\x80\xe7B\xdc\xff\t\x13&amp;\xa4\xa6\xa6b\x8c\'\xce\xfe4\xbai\x13]\xae\xbedc\xee2\x99,+]7h\xe4\x7f_\xed\xfd\x06\x00l\xdb\xb6\xed\xfb\xef\xbfgY\x96\xd4\x91\xa6P(\xa5\x08\x1a\x02\xf2PHf\xe7\xf1\xe3\xc7\xdb\xb6m+\x8ab\xa7n\xaf\x7f\xbdi{N\x96\xae\x98\xe3\xfe\x7f\t\xc6\x98eY\xa7\xc3\xf1z\xbb\xc6\x0f\xd3\xee\x05\x05\x05]\xbbvM\xadV\xd3bA\x14J\xe9\x82\xce\x00&lt;\x11\xd2\x9f\xcbn\xb7\x8f\x1b7N\x14E\x8d\x9f\xff\xb4y\xf1f\xb3\ry\xc6Z+B\xc8\xe9p\xa8\xb5\x9a)s\xe3%Iz\xfa\xf4\xe9\x8c\x193\x18\x86\xa1\x81 \n\xa5t\xe1\x11\x06\x85\xf2\'H\xf0g\xcb\x96-\xe7\xcf\x9f\x07\x80\x81\xc3\xc6T\xaf\x19l\xb3\xda\n\x92l\x83%I\xcc\x83$IP\x80\xc9\x1f\xcbq\x06\x9d\xa1}\x97n-^j\x0f\x00\xdf|\xf3\xcd\x8d\x1b7\xa8\x06P(\xa5\x0b\x1a\x02\xf2D\xc8\xce\xaf\x06\r\x1a\xdc\xb8q#$\xb4\xce\xb6\x83g\x01\x01H\x18\xf2\x1f`q\xd5\xf6\x91+\x14&lt;/#\x17\xc0\x18\x04A\xb4\xdbl\x82\xe0d\x187\xf7\x91I\x92\xa4R\xa9n^K\xee\xdf\xb5\xb5\xd5b\x1e&gt;|\xf8\xaaU\xabh\xb9P\n\xa5\x14Q\xf2\x01e\xca\x9fpE\xffo\xdc\xb8!IR\xf7\xde\x834Z\xef\xacL\x9d\x1bk\xbf\xa2(\xf2&lt;\xef\xe5\xedc1\xdb\xee\xde\xbey\xff\xee\x9d\xdc\xecLI\x12}\xd5\xda\xaa\xd5CBj\xd7\xd1\xfai\x8c\x063i\xfb\x95\xdf\x8b3\x0cc6\x9b#\x1a6\x8ci\x19{\xec\xd0\xfe\x9f~\xfai\xfe\xfc\xf9\xfe\xfe\xfe$~\x95\xdf\xabQ(\x94\xe2\x87\n\x80\x87\xf2\xed\xb7\xdfJ\x92\xe4\x1f\x18\xf4J\xaf\x81&amp;\xa3\xcd\r\xb7Z\x92$\x8dV\x9d\xf14c\xe3\xea/\xf7\xed\xdaz\xe3\xea\x15\x87\xdd\xe6z\x94a\x98\x1a\xb5\xc2\xba\xf7\x1d\xf4\xc6\xb01\n\x95\xcaf\xb5\xba\xa1\x01\x08@\x12\xa5\x01C\xc7\x9c8r0##c\xe7\xce\x9d\xb4&gt;\x04\x85R\x8a\xa0! \xcf\x82\xb8\xcfO\x9e&lt;\xa9[\xb7\xae\xc1`\xe8\xdegP\xfc\xb7\xdfeg\xe5\xdb\xfdG\x08yy{\xed\xda\xf2\xfd\xd2\xf93\x1e\xa5\xdd\xfb\xcb\x13\xc8W\x1f\xd1\xb0\xf1\xe7k\xb6V\xacR\xd5\xdd5\x06\xc4 \xf4Z\xbb\xe8\xbb)\xb7\x9a5kF\xfa\x13\xd0\x8d\xc1\x14J\xa9\x80\xde\xa8\x9e\x05\xc9\xa6?p\xe0\x80\xc1`\x00\x80\xf6]^\x15\xc5|GT0\xc6,\xcbL\x1e3d\xe2\x7f\xdf|\x94v\x8f&lt;]&amp;\xe3\xebF4\x88m\x1f\xf7R\x87.\xb5\xeb\xd4\'\xd6_\xc6\xf3\xc9\x97\xce\x8fy\xf3u\x9b\xd5\xca\xb2\xac\x1b\xde\x80 8}\xd4\xaa\xd8\xf6]0\xc6\x97.]JII\xa1K\xc1\x14Ji\x81\n\x80gA\x8c\xf5o\xbf\xfd\x06\x00\x15+Wm\xd2\xe2%\xab%\xdf\x8e9\xc6\x98\x93\xc9||4\xe4\x9f*/\xefQc\xa7\xec&lt;z\xfe\x87\x84\xd3\xdfn\xdd\xb7\xea\x87_\xb6\x1fN\xfcf\xf3\x9eJU\xaa9\x1d\x0e\x9e\x97\xdfH\xbe\xbci\xf5W&gt;\xbe^\x92\x94\xef\xcd\\\x0cBN\xa7\xd4&gt;\xeeU\x96em6\xdb\xa9S\xa7\xe1Y\x01Q\n\x85\xe2\xe1P\x01\xf0,\x18\x86q:\x9dg\xce\x9c\x01\x80\xf0\x06\x8d\x03+\x049\x1c\x8e\xfc\xce\x00\x10B6\x9bm\xc6\xa2\xf8vq\xafF7k\xb5\xfd\xf0\xd9\xc9\x1f\xcf\x0f\xa9]G\x12E\x93Qo2\xe8\x05A\x88\xeb\xde\xed\xb3U\x9bx\xb9\\\x14\x05\x84\xd0/\xbb~\xb0\x98\xddYi@\x0cc\xb3\xda\xea\x84G\x05U\xaa\x0c\x00\xc7\x8e\x1d\x03Z\x17\x88B)%P\x01\xf0 $IB\x08\xa5\xa4\xa4\xdc\xb9\x93\n\x00MZ\xc4\xb2,\xb8\x91\xad\x8f\x10\xc2\x126\x9b,\x0bV\xac\xfdv\xeb\xbe\x1a\xb5\xc2\xb23uv\xab\x15\x00\x18\x86eX\x96a\x98\xf4\'\xb9MZ\xb4n\xd2\xbc\xb5(\x8a\x18\xe3\x07\xf7R3\xd3\x9fr2&gt;\xbfQ \x84\x90\xd3\xe9\xd4\xfa\xfbG6\x8c\x01\x80\xdf\x7f?m\xb3\x15h\xbf\x02\x85B)6\xe8\x8d\xeaA\x10\xe3{\xef\xde=\xbb\xdd\x06\x00\xb5\xc2\xea\t\x82\x9b\xde4BH\x10D\x9e\x97#\x84\xcc&amp;\x13\xc7q\x7f\xdaE\xcc0\x08!\\\xbdV\x18\x000\x0c\xe3\xb0\xdb-f\x13\xc30n\xe8\r\xc6X&amp;\x83\x9a\xa1u\x01\xe0\xc9\x93\xa7\x06\x83\xc1\xb5\xc2L\xa1P&lt;\x19*\x00\x1e\x041\x9a\x97.]\x06\x00_\xb5\xbaZ\x8d\x9a\xce\xfc\xc7\x7f\\ \x84$I"m\x84\xff\xee\x14\xc1\xe9$\xaf\xcbr\x9c\\\xa1\xc0n\xed5c\x10\x12\x04\x08\xad\x17\x01\x00\x06\x83\xfe\xe6\xcd\x9b@\x97\x01(\x94\xd2\x00\xcd\xd7\xf68\xccf3\x00\xb0,\xe7\xed\xed#I\x92\x1b\x16\xd9\xc5?\x88\x07B\x8c\xd3)\xa5\xddM\x01\x00\x8cq@PE\xad\x7f\xa0 8\xdd{1\x8c\xc1W\xad\x01\x00I\x92\xacV\xab{\xa3\xa5P(\xc5\x0c\x9d\x01x\x10\xc4U?\x7f\xfe\x1c\x00T\xabQS\xad\xf5\x17\x04\xa1(\x16T1\x96\xe4r\xf9\x83{w\x92.\x9e#/\xda(\xa6\x85\xc6O-\x08N7\xf4\x86\xd4\x86\xab\x1a\x1c\xe2\xe3\xab\x06\x80\xc4\xc4s\xf0l6C\xa1P&lt;\x19*\x00\x1e\x87\xd3\xe9\x04\x00o\x1f_\xb9BQD\x81\x14Q\x10\xbd|\xe4\x1bV-\xb7\x98M\x0c\xcb\x02\xc0k\xfd\xdf\x12\x05\xc9M\xb1AH\x92$\x1f__\x9e\xe7\xe1\xd9\xf8)\x14\x8a\xe7C\x05\xc0\xe3 VX\x12\xc5"r\xa2\x05AP\xfbiO\xfezl\xf3\xda\xaf9N&amp;8\x9d\xed\xbb\xbc\xda\xaaM{\x93\xc1\xc40\xee\xd7qs\r\x98\xe6\x80R(\xa5\x05\xba\x06\xe0q\x10\x03ZD\x01\x14I\x14U*U\xfa\xe3GS\xdf\x19,\x08N\x84\x90Z\xeb7\xe5\xe3%\x0e\x87\x03\nf\xb7]\x03\xa6\x02@\xa1\x94\x16\xe8\x0c\xc0\xe3\x10\x04\x01\x008\x8ec\x98B\xb6\xa4\x92$\xc9x\xden\xb7\xbd\xf3V\xaf\x07\xf7\xef\xb2\x9cL\x92\xa4\xb9KW\xd5\xa8U\xdb\xbdbp.0\xc6\x1c\xc7!\xc4\xc0\xb3\xf1S(\x14\xcf\x87\n\x80\x07AB(\xfe\xfe\xfe\x00\x90\xfe\xe4\xb1A\xafw\xaf&gt;\xcf_"I\x12\xc7q\x08\xc1{\x83{_&gt;\xf7;/\x97\x0bN\xc7\xb4y\xf1\xffy\xedu}\xae\x8ee\xdd\x9f\x0bb\x8ce2\xd9\xd3\'\x8f,\x16\x93k\xfc\x14\n\xc5\xf3\xa1\x02\xe0A\x10[\x1f\x1e\x1e\x01\x00Y\x19O\xadfSa5W!\xd6\x9f\xe3\xb8\xb1\xc3\xfb\x9f\xf8\xf5\x00/\x97;\xec\xf6w&amp;\xcd\x1a\xf6\xee\xd8\x9cl}A\xfb\x0cc\xccr\\vV\xa6\xd5b\x01\x80\xa8\xa8H\xa0\x81 \n\xa54@\x05\xc0\xe3\xd0j5\x00\xe0\xb0\xdb\xb32\xd3Y\x8e+H\xe3F\x82$I,\xcb\xcad\xdc\xb8\x11\x03\x0e\xff\xb2\x9bX\xff\xb7\xc7\x7f8\xee\xc3\x99\xba\x1c=[\xe0\xb2\r\x18\x80a \xfd\xd1\x03\x00\xe0y\xde\xdb\xdb\x1b\xa8\x00P(\xa5\x01*\x00\x1e\x041\x9a\r\x1a4\x00\x00\x8b\xc5\xfc\xe8A\x9aL\xc6\x150\x04D\xac?/\xe7\xc7\x8f\x1ct`\xcfvb\xfd\xc7L\x9c1q\xe6\\]\xae\x01!\xa6 \x1b\xcd\x08\x18c\x96\x85{wn\x01\x80\x8f\x8fohh(P\x01\xa0PJ\x03T\x00&lt;\x08b4CBB|||\x01\xe0\xda\xe5\xf3,\x0bR\x01\x04\x00K\x12\xcb2r\x85|\xe2\xdbo\xee\xdf\xbd\x95X\xff\xf7\xa6\xcc\x9e\xf0\xd1l]\xae\x01!T(f\x9aa\x18\x9bM\xbc\x96t\t\x00j\xd6\x0c\xf1\xf2\xf2\xa2]!)\x94R\x01\x15\x00\x0f\x82a\x18\x8cq\xb5j\xd5\xea\xd5\xab\x07\x00\x17\xce\x9et8\xfe\xa1\x92\xcf\xbf\x80%\t\xb1\x8cB\xa1\x9c\xf4\xdf\xc1?\xef\xd8B\xac\xff\xb8\x0f\xe7\x8e\x9d6#7G_X\xd6\x1fc\xcc\xf3|V\xfa\xd3\x9bW\xaf\x00@\xeb\xd6\xade2\x19ikC\xa1P&lt;\x1c*\x00\x9e\x05\xe9\xcf\xde\xa2E\x0b\x00\xb8\x9et\xe9\xe1\xfd\xbbr\xb9\xc2\x8d(\x10\xc6\x181\x8cR\xa9\x9a&lt;f\xc8\x9em\x1b9\x8es\xd8\xed\xe3&gt;\x9c7f\xe2\x87Y\x999\x18\x03\xc6Xz\x0e7\x06,I\x92B)\xbft\xee\xf7\xdc\x9c,\x00\x88\x8d}\th\xfc\x87B)%P\x01\xf0,\x88\xe9\xec\xd0\xa1=\x00\xe8u\xb9\'\x8f\x1eT\xaax)\x9f\x0e5\xc6\x98eY\x95\x97j\xea;\xc3vo\xfd^\xc6\xf3\x0c\xcb\xce\xfct\xc5\xe49\xd3\xecv\xc1W\xad\xf5\xf6\xf1\xf5\xf2\xf6y\xfe?7KO3\xe8\xd0\xcf\xbb0\xc6j\xb5\xbaY\xb3\xa6P\xa2=\x81\xf1s\x94\xd4H(\x14\xcf\x87\xee\x04\xf6,\x88\xe9|\xf9\xe5\x97\xabT\xa9\xfa\xf8\xf1\xa3#\xfbw\x0f\x1c6\xca\xad\x02m0\xed\xbd\x11;\xb7\xac\xe3y\xb9\xc3a\xef\xd6\xb3\x7f\xe3\xe6\xad\xf6\xfft\xf8o\xf2J\x11\x00f\x18&amp;\xb4n\x04/\x97\xbf\xb8\xd1$\xf1\x9f\xec\x8c\xec\xd3\'\x8e \x84^z\xe9\xa5\xca\x95+K\x92T\x9c\x02@J^\x93U\x07\x84\xd0\xf3/\xed:\x01\x00\x18\x86)\xac\xd8\x17\x85R\x06\xa0\x02\xe0Y \x84\x04A\xf0\xf1\xf1\xe9\xd7\xaf\xef\x92%K\xce\x9e&lt;v\xe5\xfc\xf9\xba\x11Q\xd6\x17\xde\xa9+\x8a\xa2\xafZ}h\xdf\xee\xed\x1b\xd7p2\x99\xd3\xe9@\x08%\xfc\xb4}\xef\xf6\xcd\xff\xfcDN\xc6\xfdt\xecJ\xf5\x90\xdav\xbb\x95\xec\xe9\xfdW$QT\xa9}vnY\x9f\xf1\xe41\x00\x8c\x1c9\x12\x8a\xab\x0e(id\xc6\xb2\xec\x9f&gt;\x16\xab\xd5j\xb3\xd9\xfe(\xa7\x811\xc30j\xb5\xfa\xf9\xe7\xc231(\x86\xa1R(\x1e\x0b\x15\x00\x8f\x83X\xb4!C\x86|\xf1\xc52\xab\xc5\xbc\xeb\x87\xef\xe64\xff\xdcl2\xbf\xb8[\x8d\x108\xecv\x00\x10\x9e\x15\xe6t:\x1d/\xf2\xbc\xfc\x0e\x151\x8c H\xdb6\xacF\x08\xd5\xaaU\xab}\xfb\xf6\xff\xd8\x7f\xa6\x10 K\x17\x0c\xc3\xb8\xa62\x0f\x1e&lt;8w\xee\\RR\xd2\x95+W\xf4z\xfd\x9d;w\x8cF\x13B\x80\x01\x00\x03\xcb\xb1\xf5\xeb\xd5S(\x14M\x9a4\xa9Y\xb3V\xb3fMCCC\xb9g\x1b\xdfDQ\xfc\xcbI\x03\x85RN\xa0\x02\xe0q0\x0c#IRxxxll\xeb_\x7f\xfd\xf5\xe7\x9d?\x0c\xfe\xef\xb8\xc0\n\x15\x9dN\xe7\x0bz\xac\x18c^.\xf7Qk\x18\xc4JX\x84\x7f3\xed\xa4\x83#/W\xe4\xcb\x14\x8a\xa2\xe8\xab\xf6=\xf4\xf3O\xd7\xae\\\xc4\x18\x0f\x1a4H\xa9T\n\x82\xc0\x15p_\xf1\xdf@L?\xcb\xb2\xc4\xf4\x9f:uj\xe7\xce\x9d\'N\x9c\xb8v\xed\x9a\xc1`\xf8\x87\'\xa6?}\n\x00\xfb\xf6\xed\x03\x00\xb9\\\x1e\x1a\x1a\x16\x13\xd3\xa4{\xf7\xeeqqqr\xb9\x1c\xa8\x0cP\xca1\xb4w\xab\'"\x8a"\xcb\xb2G\x8f\x1em\xdb\xb6-\x00\xbc\xda{\xe0\xe7k6de\xea^\xd0\xb6"\x84\x9cN\x87\xd5l\xce\xdf\xab"\xe4\xe5\xed\x93/;\xc80L\x8f6\x8d\xee\xa6\xdc\n\x08\x08HNN\x0e\x0c\x0c,\xa2\x08;\xf9@\x00 ==\xfd\xa7\x9f~Z\xff\xddw\'O\x9c\xc8{\x82F\xeb\x17T\xb1r`\x85\x8a\x01A\x95\x82k\x848\x9d\x02\x00\xb0\x1c\xa7\xcb\xcd\xbe{\xfb\xa6\xc9hx\x98v7\'+3\xefS\xea\x87\x87\xf7\xe9\xdd\xbbo\xdf\xbeu\xeb\xd6\x05\x00A\x10X\x96\xa5A!J\xb9\x82\n\x80\x87BL^\x9f&gt;}~\xfc\xf1G^._\xbf\xf3Ht\xd3fF\xe3\x8bV\x07B\x08\xb1,\x8b\xf3\x13\xd6\xc1\x00\xe2\x0b\x17\xf2\x14\x9cN\xff \xed7\xf1K\x16\xce\xf8\x00!\xb4x\xf1\xe2\xf1\xe3\xc7\x93\xe5\xd6\xc2\xaa_\xf4\xc7\xa80&amp;a%\xbd^\x1f\x1f\x1f\xbfr\xe5\xca\'O\x9e\x90\x87x\xb9&lt;\xa2a\xe3\xe6\xb1\xed\x1a6i\x11V/\xc2W\xad\xf1\xf6\xf5E\x088\x19`\xfc\xc7\x1b\x97$\x10\x05\xb0\xd9lz]\xce\x83{\xa9W.\x9cI&lt;u\xec\xdc\xe9\xe3z].\xb9\x88J\xa5\xea\xd7\xaf\xdf\xe4\xc9\x93\xc3\xc2\xc2\x00\xa0\x98W\xb0)\x94\x92\x85\n\x80\x87"I\x12B\xe8\xee\xdd\xbb\x8d\x1a52\x18\x0c\xf5"\x1a\xfex\xf0\x94\xd3)\xbe\xf8&amp;[7\xbe\xd9\x17\xbc\xb2$\x8aJ/\xaf{)\xb7{wjj\xb5X$I\xaa[\xb7\xee\xc4\x89\x13\xdf|\xf3M\x8e\xe3\xc8~\x82B1\xa3.\xc7\x7f\xcb\x96-\xb3g\xcf\xbeq\xe3\x069^\xa7~\xe4\xab}\x06\xb6j\xd39\xb4^}\xa5\x8a\x17\x9c`\xb7\xd9EQ\x10\x05\x01\xff\xef\x1bG\x08\x10B\x0cbX\x99\x8c\xe7y\x9eg\x04\'\xa4\xddK9s\xe2\xb7_v\xfdp\xf2\xd7\x83\xe44\xad\x9f\xdf\xf8q\xe3&amp;M\x9a\xc4\xf3\xbc\xebE)\x942\x0f\x15\x00\xcf\x85X\xa2\xf9\xf3\xe7O\x9b6\r\x00\x06\x0c\x1d=\xef\xf3\x15Y\x19\xb9\x9cLV\x82\xa3\xc2\x18#\x00N\xc6\xf5\xff\xcfK\xc9\x17\xcf\x91\\\x1a\x92W\xd3\xa2E\x8b\xd9\xb3gw\xec\xd8\x11\n#\xa2B\x96\x13\x1e?~&lt;|\xf8p\x12\xc1\x07\x80\x16/\xb5\x1b8\xfc\x9d\xe6\xb1\xed\xfc\x03\xd4V\x8b`\xb3YEQd\x10B\xa4y\xc2\xdf\xbf\xdc\x1f\x9b\x02$\t!$W(\x94^r\xbbU\xb8\x98xr\xdb\xc6\xb5\xbb\xb6\xac\'7ADD\xc4\xd7_\x7f\xdd\xaaU+\xa2\xbe4\x1cD)\xf3P\x01\xf0h\xc8\xfad\\\\\xdc\xc1\x83\x07\x01`\xf1\xd7\x1bz\x0f\x1a\x98\xfe$G\xc6\xf3%5$ApV\xa8\xa8\x9d\xf2\xce\x98Mk\xbe\x04\x80\x8f?\xfe\xb8k\xd7\xaeS\xa6L!#\x04\x80\x01\x03\x06L\x9d:5""\x02\x9e\x19\xf1\xfc\xbe\x84+\xec\x93\x90\x900t\xd8\xb0\xc7\x8f\x1e\x01@H\xed\xb0a\xef|\xf0Z\xff\xb7\xe4r\xdeh0\x0b\x82\x93a\x18\xf7\xe6\x19\x18cI\x14\x11\xc3x{\xfbp2t\xf4`\xc2\xaa\xcf\x17\xfe~\xfcW\x00\xe0\xe5\xf2\x85\x0b\x16\x8c\x1d;\x16h8\x88R\x0e\xa0\x02\xe0\xd1\x10\x1b\x94\x9e\x9e\x1e\x15\xd5 ##]\xad\xd1~\xb3yO\x93\x96\xadr\xb3Jf\x1e \x08B`\x90f\xf5\x8a\xe5s\xa7\xbc\x8b1t\xe8\xd0\xe1\xc0\x81\x03\xc4S\xde\xb2e\xcb\xfc\xf9\xf3\xaf\\\xb9\x02\x00*\x95j\xc2\x84\t\x13&amp;LP\xab\xd5\xf9]\x18pY\xff\xa5K\x97\x8e\x1b7\x8e\x1c\x1c0t\xf4\xd8i\xb3\x03\x82\x02rs\x0c\x18K,\xcb\xba\x91\xb4\xfa&lt;\x92$b\t\xfbj4\xa2(|\xbfr\xf9\x17\x0bf\x9a\x8c\x06\x00\x18:t\xe8\xd2\xa5K}||\xa8\x06P\xca6T\x00&lt;\x1d\x12\x08:}\xfat\xeb\xd6\xad%I\xf2UkVn\xd9\xdb\xa4e\xab\x9c\xac\\Yqj\x00\xc6\x82 \x04V\xd0\xaeY\xb1b\xce\xe4w\x00 $$$11\xd1\xcf\xcf\x8f\x04L\x18\x86q8\x1c\x8b\x16-\xfa\xf2\xcb/\xc9:m\xbdz\xf5&amp;N\x9c8d\xc8\x10x\xe1TKW\xae\xe7\xc8\x91#W\xadZ\x05\x00j\xad\xdf\x8c\x85_\xbc\xde\x7f\xa0Aoq8\x1cE\x91cJ\xc6\xe6\x1f\xe0{\xfeL\xe2\x87\xef\x8f\xb8\x91|\x19\x00\x9a6m\xba\x7f\xff~\xadVK5\x80R\x86\xa1\x02P\n \x1a\xb0j\xd5*\xb2\xd5\x96h@\xb3\xd8V\x99\xe9\xc5\xa4\x01\x92$\x01\xc6\x81\x15\xd4\xdf.\xfb\xc3\xfa\xfb\xf9\xf9%$$4i\xd2\xc4e\x1f]k\xa7\x8f\x1f?\xfe\xe8\xa3\x8f\xd6\xad[GV\x83;v\xec8y\xf2\xe4\xf6\xed\xdb\xc3\xbf-\x0c\xb8|\x7f\x97\xf5\xaf\x1f\x15\xfd\xd9\xca\r\xa1\xf5\xea\xe5d\xeb\x8a:GSp:}\xd4j\xb3\xc90g\xd2{\xbb\xb7~\x0f\x00111\t\t\tT\x03(e\x18*\x00\xa5\x03\x12Lwi\x80Z\xa3]\xf4\xd5w\x9d\xbau\xcb\xcd1b,1L\x11f\xad\x08\x82\xa0P(\xe4\n\xf9\xaa\xcf?\xfdt\xf6d\x00\xf0\xf3\xf3\xdb\xbf\x7f\x7fLL\xcc\x9f\x12f0\xc6\xa2(\x12\'\xfd\xf0\xe1\xc3\x0b\x17.$\x0b\x03\x0c\xc3\x0c\x1e&lt;\xd8\x95j\xf9wi6\xe4x^\xeb\xbff\xdb&gt;\xad\x7f\x80A\xa7/\x9ex\x97(\n&lt;/W\xaa\x94\x93F\x0f\xd9\xb9y\x1d&lt;\xd3\x00\x8dF\x03\xb4\xc4)\xa5,B\x05\xa0\xd4\xf0\'\r\x00\x80\xff\x8e\xff\xf0\xbd)\xb31`\xb3\xd1\xc8r\\\xa1[(I\x92$I\xd4\xfai3\x9e&gt;\x9d\xf5\xc1\x98\x03{w\x00\x80\xbf\xbf\xff\xbe}\xfbbbb\xfen\x81\xd7\x15\xc6\x01\x80\xb5k\xd7~\xfa\xe9\xa7\xd7\xaf_\'O|\xf7\xddw\xc7\x8e\x1dK\x16\x06\xe0\x7fSE\xc9\xd5\\q\x7fb\xfd}\xd4\x1a\x8b\xd9RD[\x8b\xff\x12I\x92\x18\x06yy{O\x1e3\x94h@\xaf^\xbd~\xfc\xf1\xc7\xa2\xdb\xe1L\xa1\x94 T\x00J\x13\xc4\x0c%$$\xbc\xf1\xc6\x1bYYY\x00\xd0\xf2\xe5\x0e\x1f~\xb24\xbcA\xb8^gq8\x1c\x85\x15\'\xc1\x92$J\x92J\xe5\xa5T\xc9\x0e\xfd\xb2w\xde\xb4q\xf7SS\x00\xa0i\xd3\xa6\x1b6l\x08\r\r\xfd\xd7dyW\xd0_\xaf\xd7/]\xbat\xd9\xb2e\xd9\xd9\xd9\x00P\xaf^\xbd\x193f\xf4\xeb\xd7\x0f\x9e5? Y\xa4,\xcb\x1e&lt;x\xb0S\xa7N\x00P?\xb2\xd1\x9a\xed\xfb}\xd4\x1a\xab\xc5Z\xfc)\xf9X\x92\x10\x83\xbc\xbd}&amp;\x8d\x1e\xbcs\xcbz\x00\x985k\xd6\xcc\x993\xa9\x06P\xca\x1eT\x00J\x19\xc4V\xde\xbe}{\xc8\x90!\'O\x9e\x04\x00\xb5F\xfb\xc6\x88w\xde\x18\xfen\xc5\xca\x81F\x83\xcdn\xb7\x15(?R\x92\x00@\xa9Ryy\xc9\xae^N\xfav\xd9\x92\xdd[\xbf\'\x07\x87\x0f\x1f\xbed\xc9\x12__\xdf\x17\xdf*\xe5:\xf3\xd6\xad[\x8b\x16-Z\xbbv-\xb9T\xa7N\x9d\xe6\xcc\x99\xd3\xacY3\x00p:\x9d,\xcbfdd4l\xd8(=\xfd\xa9\xafF\xbbu\xff\xa9\x90\xdaa\x06\x83\xa1\xa4\x0c.\x99\xc1\xc8d\xb2~]Z%]&lt;\x87\x10JHH\xe8\xd8\xb1#\xdd#F)cP\x01(}\x103\xe4t:\'M\x9a\xf4\xd5W_\xd9\xedv\x00\x08\xa9]g\xc8\xe8\xb1/w\xecZ\xadF\xb0\xc3\x8e\xad\x16\xb3(\x08\xf0,\xf1\xe6\x1f\xa6\x05\xcf\xfa\xa6H\x00 \x93\xc9U^J\x84\xe0zrr\xc2\xee\x1f\xbf_\xb5\x8c\x94L\xa8P\xa1\xc2\xdc\xb9s\x87\x0f\x1f\x0e\xf9\xcf\x8e\xff\xd3\xc2\xc0G\x1f}t\xfa\xf4i\x00P(\x14\x03\x06\x0c\x983gN\x95*U\x00 ...!!\x01!\xf4\xe9W\xdf\xbf6``vf\xf1\xe68=\x87(\x8a*\x95\xea~jJ\xbf.\xad\xf4\xba\xdc\n\x15*^\xbf~M\xadV\xd3\rb\x94\xb2\x04\x15\x80R\x89\xcb\n\x9f9sf\xfa\xf4\xe9\x87\x0e\x1d"\xc7\x83*V\xea\xd6s@\xdb\xce\xdd"\x1a6Qk\xbcE\x11\xecv\x87(\x08\x82 \x00\xc6y\xfb\xcb#\x00\xc4 \x04\x88\x93\xc98\x99\x8c\x97s\x08 \xfdi\xc6\x85\xdf\x8f\x1f\xfcy\xd7\x81=;\xacV\x0b\x00 \x84\x86\x0c\x19\xf2\xf1\xc7\x1f\x93N/n\x9b?\xd2r\x92\xe38A\x10\xbe\xff\xfe\xfb\x993g&gt;x\xf0\x00\x00*V\xac8y\xf2\xe4\xc0\xc0\xc07\xdex\x03\x00\xfa\xbc9b\xe1\x97+\xb32^\xb4\xec]\x91"8\x05\xff@\xcd\x8f\xdf\x7f7y\xcc[\x00\xf0\xce;\xef,[\xb6\x8cN\x02(e\t*\x00\xa5\x95\xbck\xadk\xd6\xacY\xbatiRR\x92\xeb\xd1\xb0z\x11-^j\xd7\xb0i\xcb\xf0\xc8h\xb5\xd6O\xe3\xe7\x8f\x10\xe4u\xa91\x06\xa7\x13DQ\xc8\xcd\xce\xcc\xcax\x9a|\xe9\xdc\x853\xa7\x7f?~\xe4\xd1\x83\xfb\xaes:u\xea4i\xd2$\x92\xc1Y(\x86\xcfu\x91\x8c\x8c\x8c\xe5\xcb\x97/Y\xb2\xc4b\xf9Cf\x10BU\x82kl?\x9c(\x97+\xc8\xfaA\x01_\xabP\x10EQ\xa3U\x8f~\xa3\xe7\x81\xbd;d2\xd9\xe9\xd3\xa7\x1b7nL\xb3B)e\x06*\x00\xa5\x1b\x97W\xeep8\xf6\xef\xdf\xbff\xed\xda\x83\x07\x0e\x10\xabJ\xf0\xf6\xf1\xd5\xfa\xf9W\xabQS\xe5\xe5]\'&lt;J\x14E\xc0\x00\x08\x04\xa7p#\xf9\x92\xddn\xbb\x7f\xe7\x96N\x97K\x1a\xc8\x10*U\xae\xdc\xad[\xb7\xc1o\xbd\xd5\xb2eK\xc8\xb3T[(\x03\xce\x1b\x11JNN^\xb8p\xe1\xce\x9d;\xed\x0e\x87\xe0t~\xfc\xd9\xca\x81\xc3Gdg\x15\x86\xfb\xffG9\xd0\x82\x8eY\x92$\x95Jy\xfb\xc6\xb5^\x1d\x9a9\x1c\xf6\x97_ns\xf4\xe8\xafT\x00(e\x06*\x00e\x81\xbc\xee\xf9\xcd\x9b7\xf7\xec\xdd{ !\xe1\xf2\xe5\xcb\x19\x19\x19/~\x91\x90\x90\x90\xe8\xe8\xe8n\xdd\xbau\xed\xda5((\x08\xfew\x92Q\xb8`\x8c\x05A\x90\xc9d&amp;\x93\xa9V\xadZ\x99YY1\xcdc\xd7\xed&lt;`\xb5\xda\n\xb4|\x8d1b\x18"W\xe4\x08\xc6\x12\x02\xc4\x14\xe0-\x08\x82\xe0\xe7\xafY0}\xf2\xaae\x8b\x10BG\x8e\x1ci\xd3\xa6\r\r\x04Q\xca\x06T\x00\xca\x08\xc4\xde\xe5-\xb7\x90\x93\x93s\xf1\xe2\xc5\xdf\xcf\x9c\xb9\x93r\xe7\xc1\x83\x07\xe9\xe9O\x9f&lt;y\x8a\x10\x18\x8d&amp;A\x108\x8em\xd8\xb0\xa1\xb7\x8fOdDD\xf5\xea\xd5[\xb6l\x19\x1e\x1e\xaeR\xa9\xc8s\x8b\xa1I\x96 \x08\x0c\xc3|\xfb\xed\xb7\xa3F\x8d\x02\x80e\xeb\xb6u\xe9\xd1S\x97\xa3c\xf3\xe9\xfec\x8c%I\x94\xc9x\xa5J\xc5r 8\xc1n\xb3:\x9dN\x86a\x14\n%/g\x05\x01\xcc&amp;\x03`@\xeeJ\x0b\xcf\xf3\x19O\x9f\xbc\x12\x1bi6\x99\x06\x0c\x18\xb0q\xe3F*\x00\x94\xb2\x01\x15\x80\xb2\x06Yn}&gt;\x13T\x92$\x9dN\xc70\xcck\xaf\xbdv\xf4\xe8\xd16m\xda\xfc\xfa\xeb\xaf\x7fz\xae\xab\xd3z1\x84\xe0I&gt;h\xcb\x96-\xcf\x9e=[+\xac\xde\x0f\xfbO2\xa4\x93K~ \xcd/\x95J&gt;3=\xf3\xc2\xd9S\x89\xa7\x8e\xdd\xbeq5\'+\xc3f\xb5\xb2,\xab\xd6\xfa\xd5\r\x8fj\xdb\xf9\x95\x16/w\x10E\xc1a\xb7\xbb\'i\xa2(\xaa5\xbe\x1f\x8czk\xf7\xd6\xef}}}o\xdc\xb8Q\xa9R\xa5\x17o\xcc@\xa1x,%\x9fkA)\\\\\xa6\xffY\x0c\x04\x93E\x02\x86a\xfc\xfc\xfc\x00\x80\xa4W\xcad2\x12\x8e\'\xcf"\'\x14\x9bWK&lt;\xe83g\xce\x9c;w\x0ec\xfcj\xef7\xfc\x025\xf9M\xfe\xc1\x18s2\xee\xe1\xfd\xbb\xdb6\xac\xf9e\xd7\x0f\x8f\xf3,_\xbb8w\xfa\xf8\x86oW\xb4\xe9\xd4m\xd6\xe2/\x03\x83*\xd8l\xee\x84\x98\x10\x80$\xe1\xdeo\x0c\xdb\xb3m\x93\xc1`\xd8\xb4i\xd3\x84\t\x13\\+\x19\x14J\xe9\x85\xaee\x95YHWH\x8e\xe3X\x96e\x18\x86\x98{\x92\xf3\x0f\xa4\xaf\x0bB\x0c\xc3p\x1cG\xce)N\x7f\x96\x8ca\xdb\xb6m\xa2(\xf2ryl\xfb8\xabE`\xf3i\x9a%IR\xaa\x94\x97\xcf\x9d\xf9v\xd9\xa2\xbf\xb4\xfe\x04\x8e\xe3\x8e\x1e\xd8;\xa2oW\xa3A\xcf\xc9dnLy\x19\x96\xb5\x98\xad\xf5\x1bD\xd7\xa8U\x1b\x00\xb6o\xdfN\x16\xc6\xf3{\x1d\n\xc5\xd3\xa0?\xe2\xf2\x02zFI\x0f\x04\x00\x80eYQ\x14\x7f\xfb\xed7\x00\x08o\x10\x1dV?\xc2f\xb5\xe67F\xcf\xb2\xac\xc9`\x8a\xeb\xde\xabfh]\x00\xa8P\xa9\xcak\xfd\xdf\x9a\xf7\xf9\xb7k\xb7\x1f\xd8\xf4\xf3\xb1\xd5\xdb\x12&gt;\x98\xb9\xa0J\xb5\x1a\x82 \xf0r\xf9\xed\xeb\xc9+\x16\xcf\xf5\xf6V\x92\xd0S~\x11\x04\xa7F\xeb\xf3r\xc7\xff\x00@RR\xf2\xd3\xa7O\x89\xa6\xbaq)\n\xc5s\xa0sXJqC\x96(\x9e&gt;}z\xf3\xe6M\x00h\x11\xdb^\xa5\x92Y\xccf7"*\x92(zy\xab\xc6L\xfc(#\xfd\xc9k}\x07\x05T\x08\x02\x0c\xa2\x08$\xf9\xa7}\\\xa7\x1e}\x07\ry\xbdS\xca\xcdk\x0c\xc3\xec\xdf\xbdu\xf4\x84\xe9*/oQ\x14\xf2+\x84\x0cB\x82\x80[\xbe\xdca\xddW\xf1&amp;\x9311\xf1\\\x95*U\x8a(E\x8aB)6\xe8\x0c\x80R\xdc\x10\xc7\xf9\xf7\xdf\x7f7\x18\x0c\x0c\xc34\x8ci\xe1tb\xc6\xad\xa9\t\xc3\xb2&amp;\xa3\xb9K\xf7&gt;#\xde\x9d\xa0\xf2\xf2\xd1\xe5\xe8t\xb9z\x93Qo6\x99L&amp;\xc3\xd3\xc7YU\x83+\x0f\x193\x01c\x0c\x80\xb22\xd2\x1f\xdcO\xe5\xe5\xbc\x1b\x9e;b\x18\xbb\xcd\x1eV/\xc2? \x10\x00\x8e\x1c9\xe2\xc6h)\x14O\x83\xce\x00(\xc5\r\xb1\xbf\xc9\xc9W\x01\xc0\xdb\xc7\xa7v\x9d\xfa\x0e\xbb\xc3\xbd\x1cM\x00@\x08Y\xad\x16\x8b\x053\x0c\xc3\xb2\xff\xf3{\x96\xf1`\xb5JU\x83k&lt;{Yl\xb5\x98\x19\x86\x01\xc8\xbf\x00 \xe4p8\x82*V\t\x0e\xa9\x9d\x95\x99q\xfd\xfa5\xa0\x1d\x02(\xa5\x1f:\x03\xa0\x147d\xf94)\xe9\n\x00T\xac\\M\xa3\xf5\x13\x84|\xc7d\xfet\xc1\xbf\\\xc4\xc6\x18X\x16\x19\xf5z\x00\xc0\x00\x081*/oI\x92\xdc\xdb!\x8c1\x96\xf1L\xf5Z\xa1\x00p\xe7\xce\x1d\xa3\xd1H\xb6\x9b\xb9=l\n\xa5\xc4\xa1\x02@)\x19t:\x1d\x00h\xfd\x03\xbc||]\xd9\xa8\x85\x0b\x96$^\x8e\x12\xf6n\'\xff\x0c\xacP\xa1Z\xf5\x9a\x0e\xbb\xdd=\xb1\xc1\x18s\x1cT\xacT\x15\x00\xf4z\x83\xe7\x14,\xa2P\xdc\x86\n\x00\xa5X!\xe9\xa7F\xa3155\x15\x00*V\xae\xc60\xb8\xd0\xfdh\x8c\xb1 8\x83*j\x7fX\xff\xdd\x9e\x1f7\xcax\x1eKR\xb7\x9e\x03\x02+\x048\x9dN\xf7\x0c7BH\x10\xa0B\xe5\xaa\x00`2\x19SRR\xe0Y8\x8bB)\xa5P\x01\xa0\x147\x08!\xa7\xd3\xa9\xd3\x19\x00 \xb8FM\x99\xac\x90\x03)\x18c\xc08 P\xbb\xe1\xdb\xd5\xd3\xde\x1b\xc6q\x9c\xd3\xe1\xa8]\xa7\xfe\xdb\xe3\xa6\x9a\x8c\x16\xb7\xf3\xf7\x11\x80$Ap\x8d\x9a\x00\xe0p8\xc8\x0c\x86\n\x00\xa5TC\x05\x80R\x02 \x848\x8e\x05\x00\xa7\xd3Y\xb8&amp;\x14c\xcc0\x8c\x97\xb7\xf7\xa2Y\xd3?|\x7f8\x11\x9b\x90\xdau\xbe\xde\xb4\xdb\xdb\xc7\xb7\x80\x8b\r\x00\xe0t:\xc9\x1ft\x1b0\xa5\x0c@\x7f\xc4\x94\x92\xa1(|gb\xfdY\x96\x1d?\xf2\x8d\x9fwl\x96\xf1\xbc\xd3\xe1h\xda\xba\xcd\x92o6\x06\x04\x06\x99\xcd\xe6BL\xdb\xa7\xbe?\xa5\x0c@g\x00\x94\x92\x81\x18\xd0\xc2\xf5\xa31\xc6J\x95r\xc6\xf8\xb7\x7f\xde\xb1\x99\x97+\x9c\x0eG\xdf\xb7F\xae\xfeq\x9f\xd6\xcf\xbf\xb0\xac\xbfk\xc0T\x00(e\x00*\x00\x94\x12\x00!D,\xa9.7[\x92\n\xa7\xac\xa6$\x8a&gt;\xbe&gt;\x87~\xf9i\xe7\x96\xf52\x19\xef\xb0\xdbF\xbc7\xf9\x93e\xdf\x08N\xc1n\xb7\x17\x8a\xf5G\x08t9\xd9\x00\x80\x10CC@\x942\x00\x15\x00J\xb1\x82\x10\x92$I\xadV\xd7\xabW\x17\x00Rn^\x13\x84\xc2\xa9P\x84\x01\x10\x83v\xff\xf0\x1dB\xc8\xe9tt\xe8\xdac\xea\xdc\x05\xba\x1c=\x89\x0b\x15\xfc\xfa\x12\xc62\x19\xa4\xdc\xbc\x06\x00Z\xad\xb6~\xfd\xfa\xf0lO\x03\x85RJ\xa1^\x0c\xa5\x04@\x08)\x95J\x00\xb0\x98\xcdv\xb7J4?\x0f\xcb\xb2f\x83\xf9~j\n\xb9\xda\xa0\x91\xef:\x9d\x12\xc6\xc00\x85\x93\xad\x8f\x10\x12El4\xe8\x01\x80\xe7yY\xde\x0e\xcb\x14J\xe9\x84\xfa/\x94\xe2\x86\xd4\xe3l\xd0\xa0!\x00&lt;\xb8wG\x97\x93\xc5q\\\x01C\xea\xc4\xcd\xb7\xdb\xad\x19\xe9ODQ\x14E1\xa8be\xa7C(D\x0f\x1d!\xe4t\xa2\xdb7\x92\x01 4\xb4\xb6\xaf\xaf/i\xc1VX\xd7\xa7P\x8a\x1f:\x03\xa0\x94\x0c\xa1\xa1\xb5\x01\xc0d4&gt;L\xbb\x17T\xb1\xb2\xc3\xe1(\xa81\xc5\x98a\x98f\xb1m\xb33\xd2\x95J\x95R\xe5\x85\xb1;\x95\x9f\xff\xe6\xda\x98\xe38}n\x16i&lt;P\xb3fM\x12\xcb*\xac\xebS(%\x02\x15\x00JqC\xbc\xf2\xd6\xad[\xcb\xe5\n\xbb\xddv)\xf1t\xf3\xd8\xd6F\xa3T\x10o\x1d!$a\xcc\xc9\xf8\xf8\x95\x9b\xc9\x11\xbb\xddV\xf0\xac\x7f\x17\x18c\xb9Bq\xf5\xf2\xf9\xc7\x0f\xd3\x00\xa0m\xdb\xb6@\x13\x81(\xa5\x1f\x1a\x02\xa2\x147\xa4\x95J\x8d\x1a5j\xd6\xac\t\x00gO\xfd&amp;\x08\x85\x94\x08$IV\xabE\x94D\x87\xc3.\nB\xc1/\x98\xf7\xca&lt;\xcf\x9c;}B\x14E\xb9\\\xd1\xbcys\xa0+\xc0\x94\xd2\x0f\xfd\x05SJ\x00I\x92x\x9eo\xde\xbc\x19\x00\x9c\xff\xfdDZj\xaaB\xa1(\xf82\x80B\xa9\xc4\x18\xdf\xbe\x9e\x9c\x9d\x95\xe1\xed\xe3\x8b\xf3_\xf6\xf9\xef`Y\xd6jq\x1c\xde\xbf\x1b!T\xabV\xcd\x90\x90\x90\xc2J.\xa2PJ\x10\xfa\x0b.\xcb\x90&gt;\xc0\x82 \x08\x82 \x8a\xa2$I\xa4M&lt;\xfcQ.\xed\x8f\xe3\xa4Wp\xf1\x0f\xafg\xcf\x9e\x00`4\xe8O\x1f?\xa2\xf2\x92K\x05\xa8\t\x8a%I.\xe7\xef\xa6\xdc\x1c\xd8\xed\xa5&gt;\x9d[\xbc\xde\xae\xc9w\xab\x96\xa9T*I*\x84:\xa3X\x92\x94Je\xca\xcd\xeb7\x92.a\x8c\xbbv\xed\xca\xf3|\x11U0\xa5P\x8a\x13*\x00e\r\x97\xd1\'9*\xa4/&lt;i\xfb\xceq\x1c\xe9\x02\x0f\x00\xe4 \xcf\xf3,\xcb\x92b\xfa\xaeg\x15\xc3 I\x14\xa8]\xbbv\xa1\xa1\xa1\x08\xa1\xbd\xdb7\xd9\xac\xee\xf7\x84\x01\x00I\x92\x14*\xf9\xc6o\xbf\xbc\x91|\x19K\x92.\'\xfb\xf3O&gt;\xca\xce\xc8\x90\xc9\xdc\xe9\xff\xf5\xfc\xc5y9\xf7\xcb\xae\x1f\xecv;\xcf\xf3\x83\x07\x0f\x06\x1a\xff\xa1\x94\t\xe8"p\xd9\x81\x98~b\xeb\xc9\x91\xec\xec\xec\xabW\xaf\xde\xb9s\xe7\xc1\x83\x07iii\xf7\xee\xdfg\x10\xbax\xf1"\xcb\xb2\xe7\xcf\x9f\x1f?~\xbcZ\xad\x89\x8a\x8a\xacZ\xb5jxx\xb8J\xa5r]\x87\xb4\xed-\xba\x1cG\x84\x90 \x08J\xa5\xb2_\xbf~\x1f\x7f\xfc\xf1\xd9\x93\xbf]8\xf3{L\xab\xd6&amp;\x83\x91qo\xcb.B\x92\x089\xd9\x992\x99\x0c!\x86\xe5\xc0\xe9t\xe8\xf5:\x8d_\x80 8\xdd\xeb\x00C\xc0\x18\xcbx&gt;+#{\xc7\xa6\xb5\x08\xa1\xd6\xad[\x87\x87\x87\x93\xcf\xc7\xedkR(\x1e\x02\x15\x80\xb2\x00\t\xec\x10\x1f_\x92\xa43g\xce\x1c8p\xe0\xe4\xc9\x93\x97._\xce\xcc\xc8\xf8\xcb\xa7dee\xc5\xc7\xc7\xbb\xfe\x19\x12\x12\x12\xdd\xb8ql\xeb\xd6\x9d:u\xaaW\xaf\x1e\x91\x10Q\x14\x8bN\x06\x88c\xfe\xee\xbb\xef~\xf1\xc5\x17z\xbd\xfe\xc7\r\xabZ\xb6yI\xc2\xd8M\xb3\x8a1\xc3@\xfd\xc8\x86\t?m#\x07\xaa\x06\x87T\xac\\\xd5\xe9\xb4#T K-\x8a\xa2F\xeb\xb3\xfb\x87\xef\xb3\xd2\x9fb\x80\xe1\xc3\x87\xc3\xb3\xbe\xf6\x05\xb9,\x85\xe2\t\xd0\x9ev\xa5\x1b\xe2\xad\x13{\xfd\xf0\xe1\xc3-[\xb6l\xdc\xb8\xf1\xd2\xa5Ky\xcfA\x08\xfc\xfc\x03\x15JU\xf5\x9a\xb5\xc92\x00\x00\x88\xa2x?\xf5\xb6\xe0t\xears\xf2\x9e,\x97\xcb\xdb\xb4i3p\xe0\xc0\xee\xdd\xbb\xfb\xfa\xfa\x923\x0b\xb1\x88&amp;&lt;\xdb\x08\xc60\x8c\xc3\xe1X\xb9r\xe5\xacY\xb3\x8c&amp;\x93 \x08\xab\xb6\xfc\x12\xdb\xbe\x83Aot\xe3\xe50\xc6\x0c\xcb:\x1d\xf6\xa5\xf3\xa6\x9f=u,0\xa8\xe2{SgGE\xc7X-\xd6\x82Xj\x92\xfeo\xd0\xe5\xf6h\xdb8;3=44\xf4\xf2\xe5\xcb&lt;\xcf#T8\xe5+(\x94\x92\x85\n@)\xc6e\x9a\x93\x93\x93\xe3\xe3\xe3w\xee\xdc\x99\x9b\x9bK\x1e\x92\xcb\xe5\xf5"\x1bFE7\x8bn\xda\xb2B\xe5*U\xab\xd7\xe48\x99_@ \xf9\xba\x11\x02I\x94\xb2\xb32\x1c\x0e{Z\xea\xed\x87i\xf7.\x9e=\x95|\xe9\xfc\xadkI\xae_Cpp\xf5!C\x06\x8f\x1e=:((\x08c\\(I/y\xe5j\xdf\xbe}S\xa6L\xb9r\xe5\ny\x08\x014j\xd6j\xd3\xcf\xbf\x99Mf\xf7^\x88\xcc\x81T^*\x93\xd1$W(\x10 \xab\xd5R@3-8\x9d\x81\x15\xb4\x1fO\x99\xb4z\xf9\xa7\x00\xb0u\xeb\xd6\xde\xbd{\x17\xba"R(%\x05\x15\x80R\x89\xcb\x92\xea\xf5\xfa\xc5\x8b\x17/Y\xb2\xc4j\xb5\x92\x87\xa2\x9b\xb5j\xd7\xb9[l\xfb\xb8\xdau\xea+T\xbc$\x82(J\x0e\x87\x03KX\x10\x1cy\xa3\xe12\x19\x8f\x10\xe2\xe5r\x96\x03\x04`\xd0\x9b\x92/\x9d\xfb5a\xcf\xb1C\xfbRn^\'\xe7T\xadZu\xce\x9c9C\x86\x0c\x81\x82M\x05\\\xeb\x13\x00\x90\x9c\x9c&lt;y\xf2\xe4_~\xf9\x85&lt;\xd4\xa7O\x9f*U\xaa\x90x\xd4\x94\x8f\x97\xbc=~|\xe6\xd3\\\xce\xadJ;\xae\x8f\x05K\x12.\xf0:\xad(\x08\xbej\xdf\x0bg\x7f\x7f\xb3G;\xa7\xc3\xd1\xb1c\xc7\x84\x84\x04j\xfd)e\t*\x00\xa5\x0fW\x00z\xeb\xd6\xad3f\xcc\xb8y\xf3&amp;\x00\xc8\xe5\x8a\xb8\xee\xbd\xba\xf5\xec\xdf\xaam\'\xb9\x9c\xb3\xdb\x05\x9b\xd5*\x89" \xe4\x8aW\xfc\xc9\x1d~\x96\x0fJ\x12C\x11\xcb\xb2J\x95\x17\xcf\xa3\xdc\x1c\xdd\x81\xbd\xbb\xf6n\xdbt\xf2\xe8Arf\xfb\xf6\xed\x17-Z\x14\x1d\x1d\xed\xde\xaa\x80\xcbhfdd\xcc\x9b7o\xd5\xaaUD\xae\xa2\xa2\xa2\x16,X\xd0\xa5K\x17\x8cq\xdd\xbauo\xdf\xbe\xad\xf2\xf2\xfen\xd7\x91\xf0\x86\x8dL\x06#\xeb~\xbde\\\x90U\xdf?.\x81%\x96e\x05\xc1\xd9\xbfK\xec\xed\x1bW\x19\x86\xbdz59,,\x8c\xa6\xffS\xca\x12T\x00J\x19\xc4\x98\n\x820q\xe2\xc4\xa5K\x97\x92\x83-_\xee\xf0\xce\xa4\x99-^j\xedp`\xb3\xd1(I\x12b\x187\xec\x14Y!\x90\xc9d\xde&gt;^\x92\x84wo\xdd\xb0r\xe9\xc2\xdb7\xae\x02\x80Z\xad^\xbcx\xf1\xf0\xe1\xc3\xf3\x15\x0er\x85\xfb\x9dN\xe7\x86\r\x1bf\xcd\x9a\x95\x96\x96\x06\x00\x95*U\x9a:u\xea\xa8Q\xa3x\x9e\x17\x04\x81e\xd93g\xce\xc4\xc6\xc6\n\x82\x10Z7\xfc\x87\x84\x93,\'\x13\x9c\x85Y\xca-\xbf\x88\x82\xe0\x17\xa0\x19;l\xd0O?n\x00\x80\xf8\xf8\xf8\xb1c\xc7R\xf7\x9fR\xc6\xa0\x02P\x9a \x06\xe8\xc9\x93\'\xbd{\xf7&gt;y\xf2$\x00\x04U\xac&lt;q\xe6\xc2\xee}\x07\x8a"6\x19\r\x0cBn\xa6Q\xfe\x0fX\x14E\x84\x18_\xb5\xaf\xd9d\xfef\xe9\xfc\xd5\xcb\x16;\x1cv\x00\x185j\xd4\xf2\xe5\xcbI\xae\xd1?[\xe7\xbc1\x9f\x83\x07\x0f\xce\x9c9\xf3\xf4\xe9\xd3\x00\xa0P(F\x8e\x1c\xf9\xe1\x87\x1f\x06\x05\x05\xb9\xde\x11\xf9\xff\xd2\xa5K\xc7\x8d\x1b\x07\x00\xddz\x0e\x88\xffv\xa3\xc9`\xc4\x18\x17ds\x80\xdb\x08\x82\x10TA\xb3\xf2\xf3\xcf\xe7M\x1b\x0b\x00\xbdz\xf5\xfa\xf1\xc7\x1f\xa9\xf5\xa7\x94=\xa8\x00\x94\x1a\x04A\xe08.11\xb1G\x8f\x1e\x8f\x1f?\x06\x80\x96/w\x98\xf7\xc5\xb7\xc15\xaa\xebr\xf4\x80\x80a\n\xd9&lt;\x89\xa2\xc0\xb2\x9c\xd6\xcf\xfb\xc4\x91\xa3\xd3\xde\x1f\x91v7\x05\x00Z\xb5j\xb5g\xcf\x1e\xadV\xfb\x0f\x1a@\x86\n\x00\xc9\xc9\xc9\xf3\xe7\xcf\xdf\xb4i\x139\xde\xa9S\xa79s\xe64k\xd6\x0c\x9e\xcb1%O\x19&lt;x\xf0\xfa\xf5\xeb\x01\xe0\xb5\xfe\x83\x17\xaeXc6\x99\x8b?\xe1R\x10\x84\xc0 \xcd\x9a\x15+\xe6L~\x07\x00"##\x7f\xfb\xed7\xb5ZM3\x7f(e\x0f*\x00\xa5\x03\xe2~&amp;&amp;&amp;\xc6\xc5\xc5\xe5\xe4\xe4\x00\xc0\xdb\xe3?|\x7f\xcalQ\x12\xad\x16K\xd1\xb5\'\xc4\x18\x8b\x82\xa0\xd6j\xb33\x9f\xce\x980\xe6\xe0\xde\x1d\x00\x10\x13\x13\x93\x90\x90\xf0\x97\x1a\xe02\xeb\x19\x19\x19\xcb\x97/_\xb2d\x89\xc5b\x01\x80\xa8\xa8\xa8\xa9S\xa7\xf6\xeb\xd7\x0f\xfef{\x01\x89,\xd9l\xb66m\xda$&amp;&amp;\xc23\r\xb0\x98-$FTDo\xf0Oc\x90$) H\xbdf\xf9\x1f\xd6\xdf\xcf\xcf\xef\xe8\xd1\xa3\x91\x91\x91\xd4\xfd\xa7\x94I\xa8\x00\x94\x02\x88\x9d\xcdk\xfdg,\\&gt;\xe2\xbd1\x19\xe9\x06(\x96\x9a\x04\xa2 \xf0\n\x85J\xa5\x98\xf8\xdf!;7\xaf\x03\x80\x98\x98\x98}\xfb\xf6i\xb5Z\x97_\xec\xda\x8c\x06\x00k\xd7\xae\x9d9s\xe6\x83\x07\x0f\x00\xa0R\xa5J\xa3G\x8f\x9e4i\x12\xcf\xf3\xae%\x81\x7fx\x9b\xb9\xb9\xb9\x9d;wvi\xc0\xdc\xf8\xaf\x11b\xccfsQ\xf7\xe0\x15EQ&amp;\x93y\xfb\xaa\xd6\xaeX6w\xea{\x00\xe0\xe7\xe7\xb7\x7f\xff\xfe\x98\x98\x18j\xfd)e\x15*\x00\x9e\x0e)\xe9\x93\x99\x99\x19\x19\x19\x99\x91\x91\x01\x003\x16.\x1f:fLfz.\xcbq\xc5\x16\x94\x90$\x89A\xc8\xcb\xc7{\xf2\x98\xa1D\x03:t\xe8p\xf0\xe0A\xe2\xce\xbb\xc2\xfd\x87\x0f\x1f^\xb8p\xe1\xc1\x83\x07\x01@\xa1P\x0c\x180`\xce\x9c9U\xaaT\x81\x17\xcb"}^\x03\x1a4i\xbe`\xd9\xea:\xe1\xf5s\xb2\xf5\x08\xa1\xa2P;2\xcb\xf1\xd5h\x8c\x06\xdd\'\xd3\xc6\xef\xd8\xbc\x0e\x00\xb4ZmBBBLL\x8c+\x9cE\xa1\x94=hB\x9bGC\x02#\x92$\xf5\xe8\xd1###\x83a\x98\x19\x0b\x97\r\x1d3&amp;3C\xc7\xc9d\xc5\x19\x92&amp;\xe5\xdb\xcc&amp;\xf3\xc2\x15k^\xeb?\x18\x00\x0e\x1d:4n\xdc8\x96e\xc9v\xd9[\xb7n\r\x1b6\xacS\xa7N\xc4\xfaw\xe8\xd0\xe1\xe8\xd1\xa3\xabW\xaf\xaeR\xa5\x8a \x08\xae\xc9\xc1\xbf\xbe\x8a$I\xc4\xf8\xf6\xe9\xd3\x07\x00.\x9f\xfb\xbd\x7f\xd7\x97\xb6o\xda\xa0\xd6\xa8\x95*/r\xa9\xc2zS\xa4$*\xc7\xc9\x02\x82\xb4\x97\x12O\x0fz\xa5\x1d\xb1\xfe\x8d\x1a5:|\xf80\xb5\xfe\x942\x0f\x9d\x01x4\xc4k\x1e7n\x1c\xc9\xf8\x1c5v\xea\xf4\x05\x9f&lt;y\x94[R\x1d\xc9\xb1$!\x86\xf1\xf2\xf6\x1e\xf4j\xbb3\'~\x05\x80\x1d;vt\xea\xd4i\xd1\xa2E+V\xac\xc8\xce\xce\x06\x80z\xf5\xeaM\x9c8\xd1\xb5w\xcc\x8d}\x03\xae\xa5\x85Y\xb3f\xcd\x9e=\x9b\x1c\xec\xda\xa3\xcf\xdb\xe3\xa7\x867hh\xb58l6+*\xd8\xa2\xb7$I\x18K2\x19\xef\xed\xabz\xfc\xe0\xd1\x86o\x97\xaf]\xf1\x99\xc3\xe1\x00\x80&gt;}\xfa|\xfd\xf5\xd7Z\xad\x96F~(e\x1e*\x00\x9e\x0b1@;v\xec u\xf3\x9b\xb5n\xbbn\xe7A\x8b\xd9\xcc \x04%\x97\x8e"I\x92\\\xcege\xa4\xf7\xec\xd04;3#  \xc0\xcf\xcf\xef\xd6\xad[\x00\xe0\xef\xef\xff\xee\xbb\xef\x8e\x1d;V\xadV\xffs\xb8\xff_q\xed6HHH\x186l\xd8\xa3G\x8f\x00@.W\x0c\x1e=\xb6\xef\x9b\xa3\xaaU\xaf!al1\x9bEA@\x08\xa1\x17\xd3\x18\xfcl&gt;\xc5\xb0\xacB\xa9\xe4\xe5\\vF\xe6\x81\xbd\xbb\x96/\x9a\x9d\xfe\xe4\x11\x00(\x14\x8a\xf9\xf3\xe7\x8f\x1d;\x16\x8a\xa0\x02\x12\x85\xe2\x81P\x01\xf0P\x88\xb12\x99L\r\x1b6\xba{7\xd5?0h\xfb\xa1\xb3\x01\x15*\xdam\xf6\x12\xdf\x89*\n\x82\xc6Os\xe8\xe7=o\xbf\xd1\x1d0\x06\x00\x95J\xd5\xaf_\xbf\xc9\x93\'\x87\x85\x85A\xe1YO\x12\x81\xc9\xc8\xc8\x98;w\xee\xcaU\x</t>
        </is>
      </c>
    </row>
    <row r="341">
      <c r="A341" s="1" t="n">
        <v>339</v>
      </c>
      <c r="B341" t="inlineStr">
        <is>
          <t>circle_size_number</t>
        </is>
      </c>
      <c r="C341" t="inlineStr">
        <is>
          <t>What is the missing number of the part denoted with a question mark?</t>
        </is>
      </c>
      <c r="D341" t="inlineStr">
        <is>
          <t>[1, 4, 6, 5]</t>
        </is>
      </c>
      <c r="E341" t="inlineStr">
        <is>
          <t>1</t>
        </is>
      </c>
      <c r="F341" t="inlineStr">
        <is>
          <t>There are 6 numbered circles with varying sizes arranged in a ring with number [3, 3, 1, 5, '?', 5] in a clockwise order.</t>
        </is>
      </c>
      <c r="G341" t="inlineStr">
        <is>
          <t>We observe that the size of the circle is related to the number in the circle. The circle with the largest value 5 seems to be the biggest and the circle with the smallest value 1 seems to be the smallest. Thus, the pattern is that the larger the number the larger the circle.</t>
        </is>
      </c>
      <c r="H341" t="inlineStr">
        <is>
          <t>Based on the pattern that the larger the number the larger the circle, the missing number of the circle denoted with a question mark should be 1.</t>
        </is>
      </c>
      <c r="I341" t="inlineStr">
        <is>
          <t>b'\x89PNG\r\n\x1a\n\x00\x00\x00\rIHDR\x00\x00\x02\x00\x00\x00\x02\x00\x08\x02\x00\x00\x00{\x1aC\xad\x00\x00\x9b\xcdIDATx\x9c\xed\x9dg|\x13\xd7\xf2\xf7W\xabjIVs\xa3W\x1b7\x0c\xee\x180%\xf4jL\x0b\x9dpi\xa1\x13\x12\x9a\x13.-\x90\x10BB(\xa1\x93\x10 \x84^L\xef\xdd\xb8\xdb\x80\r\xc6`J\x8c\x017UKV\xd9]=/\xe6A\x7f_ \x84\x10\xac]I\xe7\xfb\xe2~r\x8d,\x1dk\xcf\x99\xdf\xcc\x9c9sXV\xab\x15C \x10\x08\x84\xeb\x81\xd3=\x00\x04\x02\x81@\xd0\x03\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85C\xf7\x00\x10\x08\xc4\xbf\xc5j\xb5b\x18FQT\xd5\xff\xfb:,\x16\xcb\xf6\x1f\x80}\x86\x87`,\xac\xbf\x9a+\x08\x04\x82\x99X\xab\x00v\x1c\xc7\xdf3\x94\xa7(\nd\x03\xde\x04I\x82\xab\x81\x04\x00\x81p\x00\xacV+EQ`\xf1\xd9l\xf6+\xff\xaaT*\xcdfsFF\x06I\x92\x04A\\\xbf~\x9d \x88\xd7\xdf!""B.\x97[\xad\xd6\xa6M\x9bJ$\x12//\xafW^\x03z\x80\xc4\xc0u@\x02\x80@0\x170\xfa\x18\x86U5\xfa:\x9d\xee\xfe\xfd\xfb\xb7n\xdd\xca\xca\xca\xba{\xf7\xaeF\xa3)++\xb3Z\xad2\x99\x0c\xe4\xa1i\xd3\xa6\x1c\x0e\xa7\xea\xd2\xb6Z\xadl6;//O\xa7\xd3\xb1\xd9l\x8dFC\x10\x84L&amp;\x13\n\x85\xcd\x9b7\xf7\xf3\xf3\x0b\r\r\r\t\t\xf1\xf0\xf0\xa8\xfa\xd1\x14E\xe18\xfe\xde\xe1\x05\x82\xf9 \x01@ \x18\x07\xf8\xfbUs;z\xbd&gt;--\xed\xd2\xa5KIII\x85\x85\x85l6\xdb\xc7\xc7\xc7\xd7\xd77$$\xc4\xc7\xc7\xa7i\xd3\xa6|&gt;\xbfN\x9d:\xa0\x13\xaf\x87\x08\x80\xcd\xc1\x7f\xf6\xec\x99\xd9l\xbe{\xf7niiiff\xe6\x93\'O\x9e&lt;y\xa2\xd7\xeb\xbd\xbd\xbd\xa3\xa2\xa2:t\xe8\xd0\xaaU+[|\x00\x83A1\x81S\x82\x04\x00\x81`\x10`\xa39\x9c\xff_\x9d\xf1\xe4\xc9\x93K\x97.\x1d=z433S*\x95\x06\x05\x05\xc5\xc6\xc6\xb6l\xd9\xb2n\xdd\xba6o\x9d\xa2\xa8\xca\xcaJ\xab\xd5j2\x99l?y\xe3\x9b\xdb6~\xb9\\.\x8e\xe3\x02\x81\x80\xcdf\xc3O***\x8a\x8a\x8a\xd2\xd3\xd3/_\xbe\x9c\x9d\x9d]\\\\\xdc\xb8q\xe3\xb8\xb8\xb8\xf6\xed\xdb\x87\x86\x86\xc2\xaf\x93$\x89\xfd\xb5\xba \x1c\x11$\x00\x08\x04# I\xd2\xe6\xf2k\xb5\xdac\xc7\x8em\xda\xb4)??\xdf\xd7\xd7\xb7G\x8f\x1em\xdb\xb6\r\r\r\x15\n\x85\x18\x86\x19\x0c\x06\xb3\xd9L\x10\x04l\t`\x18\x06\xbf\xf5\xee\x1e:\xac\xfa\xaa;\xc9l6\x9b\xc7\xe3\t\x85B\x16\x8bE\x10\xc4\xdd\xbbw\xaf_\xbf~\xf2\xe4\xc9\xac\xac,\xb9\\&gt;b\xc4\x88\x81\x03\x07\xd6\xaf_\x1fC\x01\x81s\x81\x04\x00\x81\xa0\x19\x92$m\xf64++k\xfd\xfa\xf5\xa7O\x9f\xaeY\xb3f\xff\xfe\xfd{\xf6\xec\x19\x10\x10\x80\xe3\xb8\xd1h4\x18\x0c6\x91\xa8\x0e\xe3k\xdbg\xc6q\xdc\xcd\xcd\r\xc4\xe6\xe9\xd3\xa7g\xcf\x9e\xdd\xbf\x7f\x7fvvvTT\xd4\xe8\xd1\xa3\xe3\xe2\xe2^\x1f6\xc2AA\x02\x80@\xd0FU\x1b\x9a\x98\x98\xb8j\xd5\xaaG\x8f\x1eu\xeb\xd6m\xe4\xc8\x91aaa|&gt;_\xaf\xd7Cz\xc7\xce\x9b\xb1 \x06\x18\x86\xf1x&lt;\x89D\x82a\xd8\xdd\xbbw\x0f\x1e&lt;\xb8c\xc7\x0eww\xf7\x91#G~\xfa\xe9\xa7&lt;\x1e\x0fC2\xe0\xe0 \x01@ h\x006c\xc1n\x1e&gt;|x\xd5\xaaU\xcf\x9f?\x1f=z\xf4\xf0\xe1\xc3k\xd5\xaae2\x99***(\x8a\xb2\xe5\xe8\xe9\xc2\xa6\x04nnn"\x91H\xa7\xd3\x9d8qb\xe5\xca\x95\x95\x95\x95\xa3G\x8f\x9e0a\x02\x9f\xcf\xc70\x8c$I\xb47\xe0\x88 \x01@ \xec\n\x98T0\x97G\x8f\x1e\xfd\xf1\xc7\x1fI\x92\x9c4iR\xcf\x9e=\xdd\xdd\xdd\xb5Z\xad\xc9db`\xf1\xa5\xd5j%I\x92\xc3\xe1H\xa5R\x92$\x93\x92\x92~\xfa\xe9\xa7G\x8f\x1e\x8d\x193f\xe2\xc4\x89\x1c\x0e\x07t\x82i\xc3F\xbc\x1d$\x00\x08\x84\xfd\xb0y\xca\xd9\xd9\xd9S\xa6Ly\xf1\xe2\xc5\x82\x05\x0b\x86\x0c\x19\x82\xe38\xd4\xe6\xd3\xee\xf2\xff-\xb0\x0f\xe1\xee\xee\xce\xe3\xf1\xae^\xbd:{\xf6\xec\xf2\xf2\xf2\xef\xbe\xfb\xaeo\xdf\xbe\x18\x86\x11\x04a+aB0\x1f$\x00\x08\x84=\x80z\x1b\x1c\xc7\xb5Z\xed\xf4\xe9\xd3\xcf\x9e=\xfb\xd9g\x9f\x8d\x1d;V*\x95*\x95J8\xa8E\xf7\x18\xff\x01P\xae*\x95Jq\x1c?r\xe4\xc8\xe2\xc5\x8bE"\xd1/\xbf\xfc\x12\x10\x10\x00\xff\x8aB\x01\x87\x00=$\x04\xa2\xda\xb1U\xef\x1c:t\xa8i\xd3\xa6f\xb39))i\xe6\xcc\x99\x18\x86\x95\x97\x97\xe38\xeeX\xd6\x1f\xc30\x1c\xc79\x1c\x8eN\xa7\xd3h4}\xfb\xf6\xbd~\xfdz\x97.]:u\xea\xb4t\xe9R\xb0\xfe\xaf\xf7\xa2@0\x10\x14\x01 \x10\xd5\x0bdE\xb4Z\xed\xe8\xd1\xa3\xf3\xf2\xf2\x96,Y\x12\x1f\x1f_QQQYY\xe9\x1c\xd9\x12\xc8k\xc9\xe5\xf2\xec\xec\xec\x993g\x96\x94\x94\xec\xdd\xbb7  \x00\x15\x081\x1f\x14\x01 0\xec\xe5\xce$I\x92\xd0M\xec\x8d\xc0\xbf\xda\xba\xd3 \xfe\x16\xdb\xc6\xe9\xa5K\x97\x82\x83\x83}||\x92\x93\x93\xe3\xe2\xe2JKK\xcdf\xb3sX\x7f\xec\xe5\xd9\xe0\xd2\xd2R\x7f\x7f\xffs\xe7\xceM\x9c8\xb1}\xfb\xf6\xabV\xad\x82\xfd\x0c8?\x8c`&amp;(\x02pQ\xaav\x97|\xbf~\xc2$I\xfe\xfbv\xc4N\x8cm\xbfw\xf1\xe2\xc5k\xd6\xacY\xbbv\xed\xa0A\x83T*\x95\x13o\x93\xc2\xc6\x80\x97\x97Wvv\xf6\x90!C\x82\x83\x83\x7f\xfb\xed7\x91H\xe4\xc4\x7f\xb2\xa3\x83\x04\xc0\x85\xa8z\xd4\xf3\x15\x93\xadT*U*\xd5\xed\xdb\xb7q\x1c\x7f\xf8\xf0\xe1\xc3\x87\x0fq\x1c\xb7\xcd\r\xab\xd5\xaaP("""(\x8a\xaaW\xaf^\x9d:u^\xef$L\x10\x04j#l\x03L\x9eF\xa3\x190`@yy\xf9\xbe}\xfb\x1a7n\\RR\xc2\xe1p\x9c\xfe\xfb\xb1X,P*:v\xec\xd8\xb4\xb4\xb4]\xbbvEEE!\r`&amp;H\x00\\\x82WZ\x8ca\x18VRR\x92\x9e\x9e\x9e\x92\x92\x92\x93\x93STTTZZ\xcaf\xb3e2\x19A\x10\xb5j\xd5\xaa[\xb7\xae\xc5b\x01Se\xb5Z9\x1c\x8eZ\xad\xce\xcf\xcf\xe7p8\x15\x15\x15&amp;\x93I&amp;\x93yxx\x84\x84\x84\xb4n\xdd:44\xb4Q\xa3F\xb6w\x86\x90\xdf\x95\x95\x00\x8c\xdd\xdd\xbbw\xe3\xe3\xe3\xdb\xb5k\xb7~\xfdz\x93\xc9\xa4\xd7\xeb]\xc7\x02\xdav\x05\xd6\xaf_?\x7f\xfe\xfcM\x9b6\xf5\xed\xdb\xd7b\xb1p\xb9\\\xba\x87\x86\xf8\x1f\x90\x0083\xaf\xf4\xed\xa2(\xea\xda\xb5k\xa7O\x9f\xbep\xe1Bqq\xb1@ \x08\x0b\x0bk\xda\xb4\xa9\x9f\x9f_pp\xb0\xbb\xbb{\xcd\x9a5\xc1\xdc\xbf\xf1\xdd\x08\x82\xc0q\xbc\xbc\xbc\\\xab\xd5\xde\xbbw\xef\xd1\xa3G\x99\x99\x99\xd9\xd9\xd9eee\n\x85"&lt;&lt;\xbcO\x9f&gt;\xed\xdb\xb7\x87\xce\x01\x98\xab6\t\x00\xeb\x9f\x94\x94\xd4\xbbw\xef\x84\x84\x84\x993g\x96\x97\x97c\xaewB\xcaj\xb5\x12\x04\xe1\xed\xed}\xf1\xe2\xc5\x81\x03\x07~\xf5\xd5W3f\xccp\xcd)\xc1d\x90\x008\'U\x8f\x9bb\x18\x96\x92\x92\xb2y\xf3\xe6\xcb\x97/\xb3X\xac\xa8\xa8\xa8\xf6\xed\xdb\xb7o\xdf\xbeV\xadZ"\x91\x08{\xd9O\x98$I\x8b\xc5\x82\xbd\xacX\x7f\xfd=!)\xc4\xe5r\xd9l\xb6@ \x00\x9d0\x9b\xcd\xcf\x9f?\xcf\xcc\xcc&lt;s\xe6\xcc\xf5\xeb\xd75\x1aMxx\xf8\xc8\x91#{\xf7\xee\r/\xa8\xda\xe4\xd2\xe9\x01\xeb\xbf}\xfb\xf6\x193f\xec\xde\xbd\xbbs\xe7\xce%%%\xae\xec\xf6Z,\x16\x85BQ\\\\\xdc\xae]\xbb\xde\xbd{\xaf\\\xb9\xb2j\x0f\x0c\x04\xed \x01p6l\x95\'\x18\x86i\xb5\xda_\x7f\xfdu\xe7\xce\x9d\x06\x83!22r\xc0\x80\x01m\xda\xb4\x91\xc9dV\xabU\xaf\xd7\x9b\xcdf\xb0\xce\xd8?\xe9\'\xfcJ\'a\x1c\xc7y&lt;\x9e\x9b\x9b\x1b\x87\xc31\x1a\x8d\x99\x99\x99\x87\x0e\x1d\xbap\xe1\x82\xc9d\xea\xdc\xb9\xf3\xf4\xe9\xd3\x1b4h\x80\xb9\x86\x0c@\x8ac\xd5\xaaU\xb3g\xcf&gt;u\xea\xd4G\x1f}T\\\\\x0c\x1d\xd3\\\x19\x82 \xdc\xdd\xdd\xd5juLLLTT\xd4\xbe}\xfbP\x1c\xc0\x1c\x90\x008\x0fU\xbd\xfe\xa2\xa2\xa2\x15+V\x1c9r\xa4^\xbdz\x9f~\xfai\xf7\xee\xdd!\xbf_QQ\x01\xc9\xfd\x0f\xb8\x02A\t\xe0\xa3E"\x11\x9f\xcf7\x1a\x8d\xc9\xc9\xc9k\xd7\xae\xcd\xce\xce\x0e\r\rMHH\x88\x88\x88\xc0\x9c:)\x04\xd6\x7f\xc5\x8a\x15k\xd7\xae\xbdt\xe9R\x9d:uT*\x95\xeb$\xfd\xdf\x0eI\x92|&gt;\x9f\xcf\xe7\xc7\xc5\xc5\t\x85\xc2\x83\x07\x0f:\xf1Lp,\x90\x008\t\xb6\xa2\xc3\xe2\xe2\xe2\xef\xbf\xff\xfe\xf4\xe9\xd3\xfe\xfe\xfe3f\xcch\xdd\xba5I\x92:\x9d\xceb\xb1\xd8\xa1\xc5\x18\xec6\xb3\xd9l\xb1X\xcc\xe3\xf1\n\n\nV\xadZu\xf1\xe2\xc5\xa0\xa0\xa0\x84\x84\x04\xb8[\xca\xf9:G\x82\xf5\xff\xe9\xa7\x9fV\xae\\\x99\x9c\x9c\xacP(\xb4Z-\xb2\xfeU\x81\x1a\x04\xa9T\xda\xad[7ww\xf7}\xfb\xf69D\xe3#\xa7\x07\t\x80\xc3c\xf3\xbe\t\x82X\xbe|\xf9\xcf?\xff\xdc\xbe}\xfb\xc5\x8b\x177n\xdc\xd8h4VTT`t\\\xe3\x07J\xe0\xe6\xe6&amp;\x16\x8bU*\xd5\xca\x95+\xb7n\xdd\xda\xb5k\xd7o\xbf\xfd\xd6\xc7\xc7\xc7\x96&gt;\xb2\xf3\xa8\xaa\x03\xc8\xfb\xaf_\xbf~\xd6\xacY\xf7\xef\xdf\x97\xcb\xe5:\x9d\x0eY\xff\xd7\x81\xec\xbfB\xa1h\xd1\xa2E\xbdz\xf5@\x03\xd0\x17E/\xce\xb0\x02]\x19XTl6;11100\xf0\xca\x95+\x07\x0e\x1c\xf8\xfd\xf7\xdfk\xd4\xa8QZZ\xaa\xd7\xeb\xd9l6-\xee6\xf4\x8a1\x9b\xcd\xa5\xa5\xa5,\x16k\xf1\xe2\xc5\xd7\xaf_wss\x0b\x0f\x0f_\xb6l\x19\xe4\xa0\x9c\xe0\x8c(l\xb7\\\xbbvm\xe6\xcc\x99\xc7\x8e\x1d\xf3\xf2\xf2B\xd6\xff\xaf\x80"\x02\x9dNw\xf4\xe8\xd1\x1b7n|\xff\xfd\xf7\x1c\x0e\x07\xea\x0e\x10t\x81"\x00\x07\x06\x1c(\x9dN7m\xda\xb4s\xe7\xce}\xff\xfd\xf7\x83\x06\r2\x9b\xcdZ\xad\x96Q\xc15\xecKC4\x90\x9c\x9c&lt;e\xca\x146\x9b\xfd\xdbo\xbf9z\xbb\x18\xc8eeeeu\xec\xd8q\xef\xde\xbd\x9d:u*--E\xd6\xff\xed\x90$)\x14\n\xb5Zmtt\xf4\xdc\xb9s\'M\x9a\x84\xe2\x00\x1aA\x11\x80C\xf2J\x93\x19\xb3\xd9\x9c\x91\x911h\xd0\xa0\xf2\xf2\xf2\x8a\x8a\n\xa6\x1d7e\xb1X\xb6h &lt;&lt;&lt;99\xb9G\x8f\x1e\x1f}\xf4\xd1\xea\xd5\xab\x1d\xb7]\x0c\xb4\xc1(//\x8f\x8b\x8b[\xb2dI\xa7N\x9d\x8a\x8b\x8b\x91!\xfb[\xd8l\xb6^\xaf\xf7\xf4\xf4&lt;z\xf4\xe8\x9c9s\x92\x92\x92l\x97\xc9 \xec\x0f\x8a\x00\x1c\x0f[\xb3uh2\xb3f\xcd\x9a\xc1\x83\x07\xc3MR\xcc7@P\x0f\xea\xe1\xe1\x91\x9d\x9d=t\xe8\xd0\xa0\xa0\xa0m\xdb\xb6\x89\xc5b\x87\xdb\x19\x06\xbf5""\xe2\xa3\x8f&gt;Z\xb1b\x85\x8b\xd7\xfb\xffS,\x16\x8b\xa7\xa7\xe7\x89\x13\'\x86\x0e\x1d\x9a\x9f\x9f\x0f\xdbB\xce\xb1\'\xe4X \x01p0\xc0Pj4\x9a\x81\x03\x07\x96\x95\x95A\x93\x19h\xe4\xc0(\xaf\xff\xedTm\x17\x93\x9e\x9e\xbek\xd7\xae\xc8\xc8H\x07J\x05\xc0Pg\xcc\x98\x91\x92\x92\x92\x94\x94\x04=\xfd\xe9\x1e\x94\x83a\xb1X\xbc\xbd\xbd\xe7\xce\x9d{\xf6\xec\xd9\x8c\x8c\x0c\x07z\xfa\xce\x04\x9a\xb5\x8e\x04X\xff\xe7\xcf\x9fGGG\xcb\xe5\xf2\xf4\xf4t\xd8\xeceZ\xce\xe7o\xe1r\xb9:\x9d\xced2\xed\xda\xb5k\xdc\xb8q]\xbbv\xbdt\xe9\x12\x87\xc3q\x88[D \xf9v\xec\xd8\xb1\xdf~\xfb\xed\xc0\x81\x03:\x9d\x8e\xee\x119$\\.\xb7\xbc\xbc\xfc\xdbo\xbf\xe5\xf3\xf93f\xccp\x94\xa7\xefd \x01p\x18\xa0n:%%\xc5\xd7\xd7w\xd4\xa8Q{\xf6\xecQ\xa9TF\xa3\xd1A\xfd&amp;6\x9bm\xb5ZKJJf\xcd\x9a\xb5o\xdf\xbe\x1e=z\xacZ\xb5\x8a\xf9e!\x90\x7f+))\x196l\xd8\xef\xbf\xff\xee\xed\xedm4\x1a\x91\xfb\xff\xdeTTT\x1c8p\xe0\xb7\xdf~;~\xfc8\x87\xc3q\xc4\xdd \x87\x06\xa5\x80\x1c\x03\x08\x90\xaf]\xbb\x16\x1f\x1f\xff\xf3\xcf?\x0f\x1a4\xc8\xe1\xd2&gt;\x7f\x85\xc5b\xf1\xf0\xf0\xb8s\xe7N\xaf^\xbd\xa6M\x9b\xf6\xc5\x17_0\xb9m$\xc8p\x97.]\xc2\xc2\xc2\x96/_\x8eR\xff\xff\x12\x82 &lt;&lt;&lt;N\x9c81q\xe2\xc4\x8c\x8c\x0c\x0f\x0f\x0f\xc7\xad\nsD\x90\x008\x00\x90\xf9\xb9v\xedZ\\\\\xdc\x9e={\x9c\xaf\xc5\x18A\x10r\xb9\xbc\xb4\xb44&amp;&amp;f\xea\xd4\xa93g\xcedfF\x18F\xb5n\xdd\xba\xb5k\xd7\xe6\xe4\xe4\xa8T*\xe4\xfb\xff{`3`\xec\xd8\xb1\xe5\xe5\xe5\x87\x0e\x1db\xe6\xa3wV\x90\x000\x1d\xb0\xfe\xc9\xc9\xc9={\xf6\x84\x06\x93N\xd9b\x8c \x08\xb1X\x0c-\xc3&gt;\xff\xfc\xf3\xe9\xd3\xa73-\x0e\x803w%%%\x81\x81\x81\'N\x9c\x08\x0b\x0b\xd3\xe9t\x8eU\xb9\xc4L\xa0\xa0\x96\xc3\xe1\x04\x04\x04l\xdc\xb8\xb1W\xaf^\x0eW\x12\xe6\xb8 \x01`4\x90q.((\xf0\xf7\xf7?r\xe4H\xcf\x9e=\x9d\xcc\xf7\xaf\n\xb4\x8dT\xa9T\xbe\xbe\xbe\xeb\xd7\xaf\x1f9r$\xa3\x9cA\xb0J\xdd\xbau\xab_\xbf\xfe\xc6\x8d\x1b\xd1\x99\xaf\x0f\x08I\x92r\xb9|\xef\xde\xbd_|\xf1\xc5\xdd\xbbw\xc5b1J\x04\xd9\x07$\x00\xcc\x05\x1a\xe6\xa8\xd5\xea\x96-[\x8e\x1a5*!!\xc1\x89\xad?\x00\xb9\xa0\xabW\xaf\x0e\x1c8\xf0\xe8\xd1\xa3-[\xb6\xb4\x1dz\xa0\x17\xb0\xfe\xa7O\x9f\x1e1bDAA\x01I\x92\x10\x10\xd0=.\xe7\x81 \x08//\xaf\xce\x9d;7m\xdat\xe5\xca\x95\x8c\xd2~\'\x06\t\x00s\x815\x10\x16\x16\x16\x11\x11\xb1e\xcb\x16\xa7\xb7\xfe\x00d\x84w\xef\xde\xfd\xc9\'\x9f\x14\x16\x16zyy\xd1~D\x08\x94\x98 \x08hm=l\xd80\xa5R\x89r\x14\x1f\x16\xab\xd5\xca\xe3\xf1\x8a\x8a\x8a\xda\xb5kw\xe9\xd2\xa5&amp;M\x9a`\xaew\x8d\x9a\xfdA\xdf/C\xb1\x1d5\x12\x08\x04\x9b6m*++s\x11\x87\x88\xcb\xe5\x96\x94\x94\x0c\x1e&lt;\xf8\xb3\xcf&gt;\xeb\xd1\xa3\x07\x8b\xc5\xa2\xbdO\x00D!\x9b6m\xb2Z\xad\xc3\x86\rS\xa9T\xc8\xfa\x7fpX,\x96\xc1`\xf0\xf7\xf7\xef\xd5\xab\xd7\xcc\x993\xa1s\x1c\xdd\x83r~P\x04\xc0D \xe1p\xec\xd8\xb1\x91#G\xe6\xe6\xe6\x8a\xc5b\xb3\xd9\xecR\xde\x10EQ\n\x85\xa2u\xeb\xd6-Z\xb4\xa07!\x00\xee\xbf\xc9dj\xde\xbc\xf9\xaaU\xab:v\xec\x08\xbd\xf6h\x19\x8cs\x03\xf7QWTT\xb4j\xd5*111$$\x84\xf6\xe0\xcf\xe9A_.\xe3\x80\xe4rqq\xf1\x88\x11#\\\xf9\xa8\x11\x1c\x11\xda\xbe}\xfb\x89\x13\'h&lt;"ds\xff\x1b7n\xdc\xbd{w\x8dF\x83\xac\x7f5\xc1b\xb1L&amp;S\xadZ\xb5\xc6\x8f\x1f?\x7f\xfe|\x16\x0b\xb9\xa7\xd5\x0e\xfa\x8a\x19\x07\xb8\xff]\xbati\xd8\xb0\xe1\xc6\x8d\x1b]$\xf5\xff:\xb0+\xb8g\xcf\x9ei\xd3\xa6\x15\x14\x14\xb8\xb9\xb9\xd9\xbf2\xc4\xe6\xfeGDDl\xd8\xb0!::Z\xaf\xd7\xbb\xa0\x18\xdb\x13\xe8\x0e\xdb\xbau\xeb={\xf64k\xd6\x0c\x05\x01\xd5\n\xfaf\x99\x05X\xff\xdf~\xfb-//\xef\xc7\x1f\x7ft\xe5{e9\x1cNII\xc9\xa0A\x83Z\xb5j5a\xc2\x046\x9bm\xff\xcd\x00p\xff7o\xde,\x16\x8b\xdb\xb6m[QQ\x81\x8cQu\x03\'\xc3{\xf4\xe81o\xde&lt;\x14\x04T7\xe8\xfbe\x10\xe0o*\x95J__\xdf\xfd\xfb\xf7\xb7k\xd7\xce\xc5\x13\x0eV\xab\x95\xcdf\x9b\xcd\xe6\x80\x80\x80?\xfe\xf8\xa3K\x97.v&gt;"\x04\xd7m6i\xd2d\xc9\x92%\x03\x07\x0eT\xab\xd5\xae\xfc8\xec\x03\x94\x03\xbdx\xf1"&amp;&amp;&amp;))\xa9I\x93&amp;\x0c)\x05vJ\xd0\xd7\xca `\xa2/Z\xb4\xa8c\xc7\x8e\x9d:uB\xe6\x86\xc5b\x99\xcdf//\xaf\x85\x0b\x17&amp;$$\xd89\x02\x80\xab\x0b\x8e\x1f?\xce\xe3\xf1\xfa\xf7\xef\x8f\xf6~\xed\x03\x8b\xc5\xaa\xac\xac\xf4\xf5\xf5\xed\xda\xb5\xeb\xea\xd5\xab1\x0cCNj\xf5\x81\x04\x80)\x80\xf5\xcf\xcd\xcd\xdd\xbe}\xfb\x8f?\xfe\x88\xda\x0c\x00\x1c\x0e\xa7\xac\xacl\xca\x94)F\xa3q\xfd\xfa\xf5l6\xdb\xce\xbb\xc1+V\xac\x18&gt;|8\x8f\xc7C\x8d*\xed\x06\x8e\xe3F\xa3q\xc2\x84\t\x87\x0e\x1d\xd2\xe9t\xa8$\xb4\xfa@\x02\xc0\x14\xa0#\xca\x97_~9|\xf8\xf0\xfa\xf5\xeb\x1b\x8dFt\xd0\xd4\x06I\x92\x8b\x16-Z\xbe|\xb9\xc9d\xb2O^\x98\xa2(6\x9b}\xe7\xce\x9d\x07\x0f\x1e\x8c\x1e=\x1a\xb9\xff\xf6\x04\xc7\xf1\x8a\x8a\x8a6m\xda\xd4\xad[w\xe7\xce\x9d\x0ezi\xa8C\x80\x04\x80\x11\x80\xfb\x7f\xf3\xe6\xcd\xbc\xbc\xbc\xaf\xbf\xfe\x1a%\x7f\xaa\xc2f\xb3U*\xd5\x80\x01\x03\x82\x83\x837m\xda\x84\xe3\xb8\x1drA\xf0\x11\xbbv\xed\n\x0f\x0f\xafY\xb3&amp;\x08Ou\x7f(\xa2*V\xab\xb5_\xbf~\x7f\xfc\xf1\x07\x86\x8e\x04W\x1b\xe8ke\x04\xe0\xfe\xcf\x9b7\xafg\xcf\x9e\n\x85\xc2l6#sS\x15\x16\x8bE\x10\xc4\xa4I\x93V\xacX\x01\xa7"\xaa;\x08`\xb3\xd9\x16\x8be\xef\xde\xbd\xe3\xc7\x8f\'\x08\x02=\x0e;\x03A\xc0\xb0a\xc3\x1e&gt;|x\xe7\xce\x1d\xfb\xa8\xbe\x0b\x82\x04\x80~ \xdb\x90\x9f\x9f\x7f\xe3\xc6\x8dI\x93&amp;UTT\xb8l\xe9\xe7_\x01\xd7 w\xee\xdcY*\x95\xee\xd8\xb1\xa3\xbas\x02\xb0\xfd{\xf5\xea\xd5\xca\xcaJ\xa8\xfeD\x01\x99\x9da\xb1XF\xa3\xb1v\xed\xda\xc1\xc1\xc1;v\xec\xc0^\xc6d\x88\x0f\x0b\x12\x00\xfa\x01gv\xf5\xea\xd5]\xbbv\xf5\xf5\xf5\xad\xac\xacD\xfe\xe6\xebP\x14\xc5\xe7\xf3\xa7M\x9b\xb6a\xc3\x86\xea&gt;\x1c\x04O\xe4\xc8\x91#m\xdb\xb6\x95\xc9d\x0c\xbf\xa5\xd2Y\x81\xcd\x9e\x01\x03\x06\x9c;w\x0eCY\xa0\xea\x01}\xa74\x03\xb6L\xa3\xd1\x1c&lt;xp\xc2\x84\t\xae\xd9\xf5\xe1]\xe0p8j\xb5\xbao\xdf\xbe\xa5\xa5\xa5W\xae\\\xc1q\xbc\xfa\x82\x00H8\xdc\xb8qc\xc0\x80\x01(\xffC\x17\x90\x05\xea\xda\xb5\xabF\xa3\xf9\xf3\xcf?Q-Pu\x80l\r\xcd@\xe7\x9f\xe3\xc7\x8f7l\xd8066\x96\xde\xb3\xa6p\xee\x89$I\xe2\x7f\xa1(\x8a\tk\x0f\xce\x88\x0e\x180`\xfb\xf6\xedX\xb5\x95\x87\xc3\x86\xfc\x9d;w\x9e&gt;}\xda\xb2eK\x83\xc1\xe0\x10\x92l\xfd\xe7\xd0=\xe4\xbf\x01Z\x03\xd5\xad[\xd7\xcb\xcb\xeb\xc8\x91#\x18\x86\xa1Z\xa0\x0f\x0e\xca5\xd3\x0cx\x97\xeb\xd7\xaf\xef\xd9\xb3\']\x07\xdf\xc1\xeec\x18\xc6\xe5r\x05\x02\x01\x97\xcb\x05\x93\x07[\xd3V\xab\xd5b\xb1TVV\x9a\xcdfz\xaf\xa1\xc7q\xdcd2\xf5\xeb\xd7\xef\xe3\x8f?\xd6j\xb5\x12\x89\x04F\xf8a?\x05\x04\xe0\xdc\xb9s\xcd\x9b7\xf7\xf1\xf1)//g\xfe\x06\x00\\\xa9\xf8\x8f~\xc5j\xb52\xdf\x9e\xc2\xf3\xed\xd6\xad\xdb\x85\x0b\x17\xa6N\x9d\x8aB\xb1\x0f\x0e\x12\x00:\x81\xfcOQQ\xd1\xbd{\xf76n\xdch0\x18h\xb158\x8eK$\x12\x1c\xc7\x8b\x8b\x8b\xb3\xb2\xb2\xf2\xf3\xf3\x9f&gt;}\xaa\xd3\xe9\x08\x82\x10\n\x85\xb5j\xd5\n\x0c\x0cl\xd6\xac\x99\x8f\x8f\x8fN\xa7\x03\x19\xb0\xff a\x9cz\xbd&gt;**J"\x91\x9c:u\xea\xe3\x8f?\x86\xfd\xf3\x0f\xfb)`e._\xbe\x1c\x1b\x1b\xeb\x10\xbdh\xa0DJ\xadV\xff\xa3\xdf\xc2q\xdc\xdd\xdd\xbdzF\xf4\xc1\xc0q\xdcl6\xb7m\xdbv\xd7\xae]&amp;\x93\xc9\xf9\xae\xc2\xa6\x1d$\x00tB\x92$\x87\xc39t\xe8P\xc3\x86\r\x03\x02\x02\xec\x7f\xcf\x14(\x10I\x92G\x8f\x1e=t\xe8\xd0\xb5k\xd7\x1e=z\xf4\xc6W\xfa\xfa\xfa\x0e\x1c8p\xf2\xe4\xc9^^^4\x9e\x8a"I\x92\xcf\xe7w\xef\xde}\xd7\xae]\x1f\x7f\xfcqu|\x04\xc4\x19yyy\x9f}\xf6\x19\xf3\xafa IR&amp;\x93%&amp;&amp;\x8e\x1e=\xfa\x1d\x1f\n\xecp4h\xd0\xe0\xd4\xa9S\\.\x97\xc9w[\xe28n0\x18BBBH\x92\xcc\xcb\xcbk\xde\xbc9\xea\x0b\xf4aA\x02@\'\xb0\xf0\xce\x9e=\xdb\xbbwo\xfb\xefqA\xab5\xa3\xd1\x18\x1f\x1f\x9f\x9c\x9c\x0c?\xe4p8\x8d\x1a5\xaaS\xa7\x8eL&amp;\xc3q\\\xab\xd5&gt;~\xfc8??\xff\xc1\x83\x07\xdf~\xfb\xed\xbe}\xfb\xb6n\xdd\xda\xb2eK\xba\xba\xd4\x81K\x18\x1f\x1f?~\xfcx\xa3\xd1\xc8\xe7\xf3?\xec\xfb\x83}\xb9{\xf7.EQ!!!\xcc\xdf\x00\x80\x87\xf8\xec\xd93\x8dF\xf3\x8f~\x91\xf9y-\x80 \x08OOO??\xbf\x0b\x17. \x01\xf8\xe0 \x01\xa0\rX\xba\x15\x15\x15YYY\xb3g\xcf6\x99Lv\x9e\xd9,\x16\x0b\xb6U\xbd\xbc\xbc0\x0c\xeb\xd4\xa9S\xaf^\xbdbcc\xeb\xd7\xaf\xef\xee\xee\x0e\x06\x82\xa2(\xadV{\xe7\xce\x9dM\x9b6\xed\xda\xb5\xeb\xc1\x83\x07qqq\xe7\xce\x9d\x0b\x0e\x0e\xa6\xc58\x82K\xd8\xbcys\xb3\xd9\x9c\x9e\x9e\x1e\x1b\x1b\xfba-\x02hpfff\xcd\x9a5\xe5r\xb9\xa3l\x00(\x95J\x16\x8b\xd5\xb0a\xc3\xa5K\x97\xbe\xcb\xeb\xadV\xabH$b\xb3\xd9\xd5\xb1\x89\xf2a\x81\'\x12\x12\x12\x92\x99\x99I\xf7X\x9c\x10$\x00\xb4\x01k/33S"\x91\x84\x85\x85\xd1r\xd3\x08h\xc0\x82\x05\x0b&gt;\xfd\xf4\xd3\xce\x9d;s\xb9\\\xa3\xd1h2\x99***`\xe1\xc1\xeebttt\xdb\xb6m?\xfa\xe8\xa3\xc9\x93\'k4\x9a\xa9S\xa7\x9e?\x7f\x9e.\xc3a\xb1X\xbc\xbc\xbc\xa2\xa3\xa3\xcf\x9e=[M\x02\x90\x96\x96\xd6\xb4iS\xccq\xfaP\x96\x97\x97[\xad\xd6:u\xea\x0c\x1e&lt;\xd8b\xb1\xbc\xcb\x17BQTEE\x85\x1d\xc6\xf6/\x81K\xa1\xc3\xc3\xc3\xcf\x9f?\x8f\xdc\xff\x0f\x0e\x12\x00\xda\x80\xd9|\xe9\xd2\xa5\xda\xb5k\xbb\xb9\xb9\xd1\xb2\x03\x8c\xe3xeee@@@HH\x88N\xa7\x83!\xb1X\xac\xaa\xcb\x0c,\x85V\xab\x1d3f\xcc\xe3\xc7\x8f\x97,Y\x92\x9c\x9c|\xee\xdc9z\xefG\x0c\t\t\xb9x\xf1"\xf62\x8d\xf6\xa1\x80?&lt;77w\xc4\x88\x11,\x16\x8b\xe1\xde1\xf6\xf2\xfe\xac\xb2\xb22\x0c\xc3d2\x99\xc9dz\xf7FR\xcc\x0fn\xb0\x97S4((\xa8\xbc\xbc\\\xa7\xd3I\xa5R\xe6G-\x0e\x04\x92S\xda\x80I\x9c\x9d\x9d\xdd\xb6m[\x1a\xabM\xe0\xcc\xbdV\xab\xc5q\x9c\xc3\xe1\xbc~\xed"\x8b\xc5b\xb3\xd9l6[\xab\xd5\x8e\x1f?\xde\xc7\xc7\x87\xc5b\x9d9s\x86\xcb\xe5\xd22f[e\xc8\xf3\xe7\xcf?l\xde\x0c,\x8b^\xafW*\x95M\x9a4q\x88\x06pU\x05\xc0\xd3\xd3\x93\xcb\xe5\xb2\xdf\x19\xba\xc7\xfeN@\x90Z\xa3F\r\x81@PPP\x809NX\xe6\x10 \x01\xa0\r0d\x05\x05\x05aaa\x04A\xd0\x18\xdb\xe28\xfe\xb7\xe6\x00F\xeb\xe3\xe3\x13\x16\x16f\xb5Z\xf3\xf2\xf2\xe8\xaa\x90\x81\x0bC\xfc\xfc\xfc,\x16\xcb\x93\'O E\xf0a\xdf\\\xa7\xd3\xd5\xa9S\xc7!Z\xf2\xc1i)\x95J\x85a\x98\x87\x87\x87S\x1e\x97%IR\xa1P\x08\x04\x82\xc2\xc2B\x0c\t\xc0\x07\x05\t\x00=\x80\xb3\xa9\xd5j5\x1a\x8d\x9f\x9f\x9f\xa3t\xff\xe7p8\xb5j\xd5\xc20L\xadV\xd3\xd5\xb5\x02\xca\xde\xbd\xbc\xbc\xdc\xdd\xdd\xef\xdd\xbb\x87}8\x8b\x00\xef\x93\x93\x93#\x93\xc9\xbc\xbd\xbd\x99\xdf\x04\x02\xaax+++\xe1\x10\x80\x87\x87\x87S\x1aG\xf8\xa3\x9a4i\x92\x9d\x9d\x8d!\x01\xf8\xa0 \x01\xa0\x07\x98\xc4w\xee\xdc\x91H$5j\xd4\xb0X,\x0c\xb756\x98\xb0\x0b\x07\x05T~~~YYY\xd8\x87\x16\x008\xe5 \x12\x89\x1c\xa2\xfd$\x9b\xcd6\x18\x0c\x10\x01xzz:e~\x1ct\xce\xdd\xdd\xbd\xbc\xbc\x9c\xee\xb18\x1b\xf4/f\xd7\x04lMqq\xb1\x9b\x9b\x9bH$b\xfe\xa1|\x80\xa2(\xa5R\x89a\x98\xbb\xbb;\x8f\xc7\xa3\xcbD\x82\x99\xf3\xf2\xf2z\xf6\xec\xd9\x87}[\x0c\xc3\xb2\xb2\xb2\x9a4i\xe2\x10g\x80A\x08\xb5Z\xad^\xaf\xc70\xcc\xc3\xc3\xc3!D\xeb\x9f\x02\xcf\xa2Y\xb3f\x10\xf01\xc1\x05q\x1a\xd0WI\x0f`\\\x92\x93\x93\x83\x83\x83\x1d\xc2\xd6`\x18\xc6f\xb3u:\xdd\xdd\xbbwY,\x96\xaf\xaf/\x9f\xcf\xa7\xcb\xdc\xc07\x16\x19\x19\x99\x93\x93\x83}h\x8bPRR"\x93\xc9\x1c\xe8\xa1@:\x0e\xc30\x99L\x067\x19\xd0=\xa8j\xc1\xcb\xcb\x0b\x9c\x0f\xc4\x07\x04\t\x00\x9d\x80\x01u\x88\x15K\x10\x84X,\xbeq\xe3\xc6\xbd{\xf7\xacVk\xfb\xf6\xed\xe9m!\x00\xb5\xaa\x04A|\xf0w\xe6\xf3\xf9f\xb3\xf9\x83\xbfmu\x00\x11\x80J\xa5\xb2Z\xad\x02\x81\x00\x04\x80\xeeAU\x0b\xb0\xd7\xcd\xe5r\xe9\x1e\x88\xb3\x81\x04\x80\x1e\xc0t\xaa\xd5j\x0f\x0f\x0f\xba\xc7\xf2\xf7@\xcf5\x82 \x96.]JQ\x94\xbf\xbf\x7f\xb7n\xddt:\x1d]\xa5\x84\xb0\x0f,\x93\xc9\xccf\xf3\x07\xdc&gt;\x81\xf7\xc9\xc9\xc9\t\x0f\x0fw\x94d:\x8e\xe3\x90\x19\x17\x89D\xee\xee\xeef\xb3\x99|\t\xf5\x12\xe8\xefM\x92\xa4C\xc44\xaf\x03\xa5YM\x9b6-//W\xab\xd5\x8e\x12\x9c9\x04\xe8 \x18=\x80q\xc9\xcd\xcd\x9d1c\x06\xc3m\rx\xfa\n\x85b\xd2\xa4IIII\x18\x86-Z\xb4H*\x95\xd2xs=\x9c]\x08\x0e\x0eV*\x95*\x95\xca\xdb\xdb\xfb\x83|\x87\xf0\x0e*\x95\xca!T\x19{\xb9;\n\x87\x00\xa4R\xa9B\xa1\x90J\xa5\xd8\xcbV\xcf6+\tU\xff$I\x1a\x0c\x068\xdc\xe0Xit\xd0{\xb9\\n2\x99\xa06\x17\t\xc0\x87\x02\t\x00\x9d\x80[M\xf7(\xde\x06I\x92&lt;\x1eO \x10L\x992e\xfd\xfa\xf5\x18\x86}\xfe\xf9\xe7\x03\x06\x0cP\xa9T\xb4\x9f$\x82|\xf7\x07\xd7N\x0e\x87\xc3\xf0\x87\xf2\n\xd0\x08H*\x95&gt;{\xf6\xec\xfc\xf9\xf3yyy\x7f\xfe\xf9gII\x89^\xaf\x87\xc7\xe7\xe1\xe1Q\xbf~\xfdf\xcd\x9aEGG\xd7\xaf_\xdfl6;\xdc\xbd\xd3\xa0\x01\x0eq6\xdb\xb1p\xa4I\xe0|0\xdc\xf7\'\x08B"\x91h4\x9aO&gt;\xf9\xe4\xf0\xe1\xc3\x18\x86M\x992e\xd9\xb2e4v\x80\xa8J5}u\x0c\x7f(U\x81Cp\x0f\x1f&gt;\xb4Z\xad\xf9\xf9\xf9\xa1\xa1\xa1o\x97.\x1f\x1f\x9f\xee\xdd\xbbO\x9e&lt;9&lt;&lt;\\\xa5R9\x96=u\xa0\xa1:\x10H\x00\x10o\x86 \x08\x85B\x91\x91\x911f\xcc\x18(\xb6\xf9\xfa\xeb\xaf\x13\x12\x12\xfei\xdbaD\xf5\x01~qDD\xc4\xbe}\xfb\xf4z\xbd\\.\xf7\xf3\xf3k\xd4\xa8Q\xed\xda\xb5e2\x99@ \x80&gt;N\xcf\x9e=\xcb\xcd\xcd\xbdy\xf3fqq\xf1\xb6m\xdb\xf6\xed\xdb\xf7\xe5\x97_\xce\x9a5K\xa7\xd39\x90\xda!\xaa\x03$\x00\x887@\x10\x84\x87\x87\xc7\xe1\xc3\x87G\x8f\x1e\xad\xd1h\xbc\xbc\xbc\xd6\xae]\xfb\xf1\xc7\x1f\x97\x97\x97;\x96\xdb\xe8\xdc\xc0\xb5\xe93f\xcch\xde\xbc9A\x10\xcd\x9a5S(\x14nnn\x10\x9f\xd9\x8c;EQ\x95\x95\x95\x05\x05\x05{\xf7\xee\xfd\xf9\xe7\x9f\xd5j\xf5W_}UTT\xf4\xd3O?i\xb5Z\xf44]\x19$\x00t\xc2L\xff\x8b$I\xb9\\~\xf4\xe8Q\xe8-\x1c\x1a\x1a\xbac\xc7\x8e\xa0\xa0\xa0\xd2\xd2RF%\x8e\xab\xe9\xabs\xac=F\x16\x8b\xa5\xd3\xe9&gt;\xfa\xe8#\x1c\xc7\x8dF\xa3\xd9l6\x1a\x8d\xaf\x8c\x1fv}\x1b7n\xbcd\xc9\x92~\xfd\xfa\r\x1b6,//o\xdd\xbau~~~\xd3\xa6M+//g\xd4c\xfd+\x1c\xe8\xa18\x10\x8eT\x0c\xe0|p\xb9\\\x8b\xc5B\xf7(\xfe\x07\x8a\xa2\x04\x02\xc1\xc3\x87\x0f\xc7\x8c\x19c\xb1X\xa2\xa2\xa2N\x9c8\xe1\xe7\xe7WVV\xc6(3\x01M"\xab#\x1c\xb1X,\x8eu\xf7,\xc4\x01\x1a\x8d\x06\xbe\x106\x9b\xcd\xf9_\xd8l6\xd4M\x15\x17\x177o\xde\xfc\xd0\xa1C5j\xd4\xc0q|\xe1\xc2\x85\x05\x05\x05nnn\xcc\xb7\xadV\xab\x15n\xaft\xca\xa3\xce4\x82\x04\x80\x1e`\x1e\x87\x86\x86&amp;\'\'3\xca\xe5\xa4(J$\x12\xad\\\xb9\xb2\xbc\xbc\xbcf\xcd\x9a;w\xee\x94\xcb\xe5Z\xad\x96Qgp(\x8arss\xcb\xce\xce\xf6\xf2\xf2\x82\xfe\x07\x1fD\x06\xe0)4h\xd0\xe0\xc1\x83\x07\x0c\x8c\xcc\xde\x02\xf4s}\xfb\x98q\x1c\xe7\xf1xeee\x01\x01\x01\x8b\x16-\xa2(J\xa3\xd1\xec\xd8\xb1C,\x163\xfc\xf8\x98\xd5j\xe5\xf3\xf9O\x9e&lt;\x91H$\xee\xee\xee\xcc\x8c\x9b\x1d\x14$\x004\xc3\x1c\xd3\x8fa\x98\xd5j\xe5\xf1x/^\xbc8q\xe2\x04\x86aS\xa7Nm\xd2\xa4\x89V\xabe\x94\xef\x0f\x80j~\xd8\xd3\xc86\x01\xc8\xcf\xcf\xc7\x18\xf6h&gt;\x14&lt;\x1eO\xa5R\xf5\xef\xdf\xbfq\xe3\xc6,\x16\xeb\xf4\xe9\xd3z\xbd\x9e\t5]o\x01\xa6\xe5\xa3G\x8f$\x12\x89P(t\xca\xe7B\x17H\x00\xe8\xc4\xcb\xcbK\xa3\xd1\xd0\xdbS\xa1*\xe0j=|\xf8\xb0\xb0\xb0\x90\xcf\xe7\xf7\xea\xd5K\xaf\xd73\xd0\xfa\x03\xe5\xe5\xe5\n\x85\xe2\x83\xbf\xad^\xaf\x17\x89D\x1f\xfcm\x99\x03\x1c\xaaj\xd3\xa6\x8d\xd5j-((x\xfe\xfc9\x8f\xc7c\xb8U\x85K\x8c\xa1\xe5\x11\xe2\x03\x82\x04\x80\x1e\xc0\xe2\x87\x86\x86\x82\xb3\xc9\x1c\x01\xe0p8/^\xbc\xb0Z\xad\r\x1a4\xa8Y\xb3&amp;\xd3\xb6(\x00H\x02\xdc\xbe}\xbbI\x93&amp;\xd8\xcb|\xda\xbf\x07\x9eB@@\xc0\x9f\x7f\xfe\xe9\xc4]\xd50\x0cc\xb1X\x01\x01\x01\x18\x86i4\x9a\x92\x92\x12\x0e\x87\xc3p\x01\xc00,??\xbfQ\xa3F\x98\x93Fft\x81\x04\x80\x1e\xc0\xb8\xd4\xad[\xd7h4*\x95J\xe6\xc4\xe08\x8e\xebt:\x0e\x87S\xa3F\r\xe8\x89\xcf@;\x08\xf9\x9f\xe7\xcf\x9f\x83E\xf8\xb04j\xd4\xa8\xa8\xa8\xc8\x89\xab]\xe1\xdb\x93\xcb\xe5\x18\x86\x11\x04QYY\xc9\xf0\xce\x10\xa0\xf7\x8f\x1f?\xaeY\xb3&amp;\x86\x04\xe0\x83\xc2\xe8\x07\xef\xc4\x80qi\xdc\xb8\xb1\xd1h|\xf1\xe2\x05]\xf7\xeb\xbe\x0e\x94\x15\x12\x04a4\x1a\x19\xeb\x18\xc2\xfd\x94O\x9e&lt;i\xda\xb4)\xf6\xe1\xe2\'x\x9f\xda\xb5k\x9b\xcdf(\x8ed\xe6\x9f\xffA\xb0u\xa2e\xb3\xd9\x0c\xff3\xe1\xc0sqq1\xe8\xbd\xb3\n3- \x01\xa0\x07\x98\xd3\xee\xee\xee\x1e\x1e\x1ew\xef\xdeusscB}\x1b\xdc/\x18\x16\x166g\xce\x9c1c\xc60\xf3Vt\xa8\x08|\xf6\xec\x99^\xaf\x0f\n\n\xc2&gt;\xdc}\x00\xf0\xc76h\xd0\xa0\xa2\xa2\x82\t\xcd\x8e\xaa\th!\x07=D\x1d\xa2\x894\x84,\x85\x85\x85~~~t\x8f\xc5\xd9`\xe8\xfe\x9e+@Q\x14\x87\xc3\t\x08\x08HKK\x1b8p \x13\xbc0\xa8\x16\x0f\x0b\x0b\x8b\x8d\x8d%\x08\x82\x99\xc7D\xadV\xab\x9b\x9b[nn\xaeX,\xf6\xf1\xf1\xf9\x80E\x81`h\xc4b\xb1\\.\x7f\xf0\xe0A\xa3F\x8d\x98)\x81\xff\x12p&gt;\xee\xdc\xb9\x83a\x98\x8f\x8f\x0f\xc3o$\x05\xbd/..\xd6\xeb\xf5 \x00\x8c\x1d\xaa#\x82"\x00\x9a\x89\x8c\x8c\xbcq\xe3\x06sJ\x9b\xe1\xe6\x8d\xd2\xd2Rh\xbcN\xf7p\xde\x00\x08\xe7\xd5\xabW\x1b4h\xc0\xe1p&gt;l\xe4DQ\x14\x8f\xc7\xf3\xf6\xf6~\xf0\xe0\x81S\xa6\x80\xc0\x9e\x96\x94\x94\\\xbbv\x8d\xc5b5o\xde\xdc\xd3\xd3\x93\xf9\x02\x00w\x7f\xc2\x1e\x00c\x87\xea\x88 \x01\xa0\rH\\\xb4o\xdf\xbe\xb8\xb8X\xa9T2\xaa\xda\x12\xc7q\xc6.3\xf0\xd3o\xdd\xba\xd5\xa1C\x07\xecCo\t\xc2\xbb\x85\x86\x86fddX\xadV\xe6\x0b\xc0?\x1d\xa1\xc5b\x91J\xa5\xfb\xf6\xed\xfb\xf3\xcf?\xadVk\xdf\xbe}\x19\xfb\xa0\x01\xb8\xec\xec\xe6\xcd\x9b5j\xd4pwwgfU\x82\xe3\x82\x04\x806p\x1c\xb7Z\xad\x81\x81\x81\x14E\xa5\xa4\xa4\x88\xc5b&amp;l\x03@,\xe2\xee\xee.\x14\n\x990\x9eW\x803A\xc5\xc5\xc5\xb7o\xdf\xee\xd8\xb1#\xf6\xa1/\x04\x06\xe3\x12\x15\x15u\xef\xde=\x8a\xa2\x18^\x1e\x83a\x18\x87\xc3\x81\xcb\xbf\xde\xe5\xc5f\xb3Y.\x97\xe7\xe5\xe5-]\xba\x14\xc3\xb0\xe0\xe0\xe0&gt;}\xfah\xb5Z&amp;\xefv\xc0\x84\xcc\xca\xca\x82\r\x7f\x06\xceI\x87\x86\xe9\xf3\xdb\xb9\x81\xfb:bcc\xcf\x9e=\xfb\xc1\xb3\x19\xef\x01\x9c\x03\xb0Z\xadW\xae\\\xc9\xc9\xc9qss\xa3w&lt;\xafCQ\x94P(\xbcq\xe3\x86\x87\x87GPP\x10\xecg~\xc0\xf7\x07\x01\x08\x0f\x0f/++cTu\xd6\x1b\xb1Z\xadj\xb5Z&amp;\x93A\xc1\xae\xed\xde\xc7W\x80\x7f\xa2(\xca\xc7\xc7\xa7\xb0\xb0p\xf0\xe0\xc1\xc5\xc5\xc5\x18\x86}\xff\xfd\xf7"\x91\x88\xf9;\xc0\x14E\xe5\xe4\xe4DGGc(\xff\xf3\xa1A\x02@\'0\x9b\xbbu\xebv\xea\xd4)\x93\xc9\xc4\x04G\x8c\xc5b\x8d\x1a5\xaas\xe7\xce\xad[\xb7\xde\xb6m\x1b\xd3\x1a\xc5\x80D\x1d8p 22\x12\xc7\xf1\x0f&gt;6\x08\xcb\x1a4h \x16\x8b333\x99\xdcx\xc0j\xb5\n\x85\xc2i\xd3\xa6M\x9c8\x11\xd4\xda\xcb\xcbK*\x95\xf2\xf9|\x0e\x87\x83\xe384\x08\xe2r\xb9b\xb1\xd8\xd3\xd3S \x10\xfc\xfe\xfb\xef\x1d;v\xbcy\xf3&amp;\x86a\xdf\x7f\xff}\xd7\xae]\x19r\xb7\xcf_\x01\x01\xdf\xf3\xe7\xcf\x0b\x0b\x0b\xdb\xb7o\x8f}\xe8\x80\x0f\x81\xbeM:\x81\xd9\xdc\xa3G\x0f\x95J\x95\x9e\x9e\x0e~\x1c]\x83\x81\x0ekw\xef\xde=z\xf4(\x8e\xe3\x16\x8be\xdb\xb6mL;\x10\xcb\xe5r\xd5j\xf5\xe5\xcb\x97G\x8e\x1c\x89U\x8f?H\x92$\x9b\xcd\x0e\r\r\xbdz\xf5*\x13\xc2\xb2\xbf\x02\xb4\xf0\xcf?\xff\xdc\xb2eK\xeb\xd6\xad\xbbu\xeb\xb6`\xc1\x82S\xa7N=z\xf4\xa8\xa2\xa2\x02\\~\xd8\xcf\xbfq\xe3\xc6\xf2\xe5\xcb;u\xea4|\xf8\xf0\'O\x9e\x08\x85\xc25k\xd6|\xfe\xf9\xe7\x8c:\x81\xf8F@\xe4\xb2\xb2\xb2\xdc\xdd\xdd\xeb\xd5\xab\xc7\x9cZ\t\xa7\x81A\x1b\x8f.\x08\x8b\xc5"IR"\x91\xc4\xc6\xc6\xee\xdf\xbf\xbfu\xeb\xd6Z\xad\x96\t&gt;\x0e3\x97\x19I\x922\x99\xec\xf8\xf1\xe3nnn-[\xb6\xb4Z\xad\xd5a\xbf\xe0o\xef\xd0\xa1\xc3\xfa\xf5\xeb\t\x82`\xc2\xe3\xf8+,\x16\xcb\xa4I\x93~\xf8\xe1\x87\xbc\xbc\xbc\xabW\xaf^\xbdz\x15\xc30777\x85B\xe1\xee\xee\xcef\xb3M&amp;Syy\xb9J\xa5\xb2\xfdJ\xf7\xee\xdd\xff\xfb\xdf\xff\xb6h\xd1\x82\xf9\xd6\x1f{Y\xf1u\xf6\xec\xd9\xe6\xcd\x9b\xc3\x05\xda\x8c\xaa\x95p\x02\x98;\xb9]\x8a\xc9\x93\'\x9f;w\x8e\xde,\x10\x9c\x02\x0b\x0c\x0c\xec\xde\xbd;I\x928\x8e\x8f\x181\x82Q\xa5\x90\xe0\xf3\xee\xdd\xbbw\xe0\xc0\x81&lt;\x1e\xaf\x9arS\xb6\xea\xac\'O\x9e&lt;y\xf2\x84\xcf\xe73\xe7\x1b\xa8\n&lt;\xafQ\xa3F]\xbe|y\xef\xde\xbd\xe3\xc6\x8d\x0b\x0b\x0b\x93J\xa5\x95\x95\x95EEEyyy\xb9\xb9\xb9\x0f\x1e&lt;P\xa9T"\x91(44t\xea\xd4\xa9\xe7\xcf\x9f?t\xe8PXXXyy9\xf3\xad?\x86a8\x8e\x13\x04q\xf9\xf2\xe5n\xdd\xbaaL\xf5K\x1c\x1a\x06u\xa2wY\xacV\xab\xc5b\t\x0c\x0c\xfc\xe6\x9bo\xfa\xf7\xef\xafV\xab\xe9Z\x9cPsm2\x99RSS\xa5RiXX\x98\xc9d\xa2e$\xaf\x03\xe9\xe0\x92\x92\x92\x98\x98\x98\xcb\x97/C\xf5T5\xb9\xe7\xf0\xce\x1d;v\x1c&lt;x\xf0\x981c\x98\xec,\x93$\xc9\xe1p\xc4b1\x9b\xcd\xd6j\xb5\xc5\xc5\xc5\xc5\xc5\xc5*\x95\xca`0\xc0\xdd&gt;R\xa9\xb4V\xadZ\xb5j\xd5\x92H$\x16\x8bE\xa7\xd3a\x0e\x92I\x87\x02\xd0\x82\x82\x82\x01\x03\x06$\'\'\xcb\xe5r\x94\x02\xfa\xe0\xa0x\x8a~\xa0\x16h\xe2\xc4\x89\x9b6m\x1a4h\x10\x8d\x92\x0c\xd7lq8\x9c\xce\x9d;\x93$i0\x18\x98\xb3\xdeH\x92\x14\x8b\xc5?\xfc\xf0Cddd`` d\xea\xab\xe9\xb3@\x00\xda\xb4is\xe0\xc0\x81q\xe3\xc61\xd9Ib\xb3\xd9\x14E\xa9\xd5j\x08\x8fj\xd5\xaaU\xbf~}\xdb\xe50P\x02d\xb1X\xccfsYY\x19\xec\x0c\xd3=\xe4w\x85$I\xa1Px\xf4\xe8\xd1Z\xb5j\xc9\xe5\xf2j}\xe2.\x0b\x8a\x00\xe8\x07\x1eAYYY``\xe0\xe1\xc3\x87###\xf5z=\x8d\x0b\xd5v\xd1\n\xa3\x8c\x05\x94\x03\x86\x84\x84l\xdd\xba\xb5k\xd7\xae\x14EU\xb7\x00\xc0Q\x03\xd8\x81$\x08\x829Z\xf8\x16l\xa5\x9f\xb6\x9f\xb0^B\xe3\xa8\xde\x0f\x92$\x15\nELL\xcc\xb0a\xc3\xa6O\x9f\x8e6\x00\xaa\x03\x06\xadp\x97\x05L\x9b\x97\x97\xd7\xb0a\xc3\xd6\xad[\'\x10\x08\xe8\xad\xbc\x84\x0e\x91\x8c\xb2\xfe\x04A\xc8d\xb2\x83\x07\x0f\xd6\xacY\xb3[\xb7n\xd5\xb4\xfdk\x03\xc7q\x8a\xa2\x9a6m\xda\xb0a\xc3\x13\'N0\xe4\x8c\xde\xbb\x00\xb2\xcd\xae\x02\x93\x0fu\xbf\x05\xa8\xff\xb9s\xe7\xce\x8b\x17/\x06\r\x1a\x84a\x18r\xff\xab\x03\x06-rW\x06\xca\xcf\x13\x12\x12RRR\xee\xde\xbd+\x12\x89PdV\x156\x9bm4\x1a\xd7\xad[\xb7h\xd1"\xcc.\x1d\xe1!\x06\x1a1b\xc4\xe6\xcd\x9b\xab\xfb\xb3\x10\xaf\x03\xf9\x9f\xad[\xb7\x86\x85\x85\xd5\xa8Q\x83i\xe5\xc8N\x03\x12\x00F\x00A@\x8d\x1a5z\xf7\xee=}\xfat\xe6\x9f\xcf\xb4\'\x04A(\x14\x8a\x9f~\xfa\xc9j\xb5\xf6\xec\xd9\xb3Z\x93?6\xa0K~\xff\xfe\xfd\x9f={\x96\x97\x97\xc7\xe4\x13aN\t\xd4\xb0\x9e9sf\xec\xd8\xb1\xe8\x9b\xaf&gt;\x90\x000\x05H;\xcc\x9b7/;;;))\t\xfa^\xd1=(F\xc0\xe1p4\x1a\xcd\xda\xb5k\x97-[\x86\xd9\xebB(\x90\xe4\x9a5k\xb6l\xd9r\xf5\xea\xd5B\xa1\x10I\xb2\xdd\x80\xc31\x87\x0f\x1f6\x1a\x8d\xdd\xbbw\xc7P\xfe\xa7\xda@\x02\xc0\x14\xa0\xc9\xa5\xa7\xa7\xe7\xfc\xf9\xf3\'M\x9a$\x10\x08\x90\xe3\x83a\x98\xc5b\x91\xcb\xe5_~\xf9eDDD\xd7\xae]\xedY\n\x02O$!!\xe1\xe4\xc9\x93J\xa5\x92\xc7\xe3\xd9\xe7s\x11P\xd1\xb4y\xf3\xe6\x89\x13\'B\xb7;\xbaG\xe4\xb4 \x01`\x10\xd0\xdcf\xfc\xf8\xf1z\xbd~\xcd\x9a5\x9e\x9e\x9e\x04A\xd0=(:\xa1(J"\x91dee\xed\xd8\xb1c\xf9\xf2\xe5vn\x05\x0c\x1b3\xe1\xe1\xe1^^^\x1b6l\x90H$.\xfe8\xec\x03\xdc\x94w\xed\xda\xb5\xec\xec\xecO&gt;\xf9\xa4\xba7\xfc]\x1c$\x00\x0c\x02\xca\xf5x&lt;\xde\xce\x9d;\xbf\xfc\xf2\xcb\x87\x0f\x1f2\xe4\xaaH\x1a\xe1r\xb9#F\x8c\xf8\xea\xab\xaf\xfc\xfd\xfd?x\xef\xcf\xbf\x05\x82\xb0\x85\x0b\x17n\xdf\xbe\xddb\xb1 Kd\x07H\x92\x14\x08\x04\xeb\xd6\xad\x1b6l\x98\x97\x97\x17\xba\x00\xa0ZA\x02\xc0,\xe0\xec{\x8b\x16-\xc6\x8d\x1b7r\xe4H\x07*@\xfc\xe0X,\x16\x0f\x0f\x8f\x05\x0b\x16\xf0\xf9\xfc9s\xe6\x10\x04a\x7f\xfb\x0b\xc7\xacz\xf5\xea\xa5P(\xf6\xee\xdd+\x95JQ:\xa2Z\x81\xea\xcf\xfc\xfc\xfc\xd4\xd4\xd4\x84\x84\x04\xfbK\xbe\xab\x81\xbe\\\xc6\xc1f\xb3I\x92\\\xbe|\xb9R\xa9\xfc\xf6\xdbo\xbd\xbc\xbc\x98|c_5\x01\x85\xff\xd7\xae][\xb3f\xcd\x1f\x7f\xfcA\xa3!\x80  !!a\xe5\xca\x95\x18jGS\xcd\x10\x04!\x16\x8bW\xacX\xd1\xb3g\xcf\x1a5j \xf7\xbf\xbaA\'\x81\x99\x08\x9cD\xbd\x7f\xff~xx\xf8\xa9S\xa7Z\xb4h\xa1R\xa9\\\xe7\x18$EQ\\.\x97$\xc9\xa0\xa0\xa0\xe5\xcb\x97\x8f\x181\x82\xde6\x00\xf08\xa2\xa3\xa3\x87\x0f\x1f&gt;e\xca\x94\xf2\xf2r\xd7y\x16\xf6\x04\x1a\x92\xdf\xb9s\'...++\xcb\xdb\xdb\x1bC\x8a[\xcd \x01`(`\xf2v\xec\xd81k\xd6\xac\x9b7o\xba\xb9\xb9Y,\x16\x17\t\x87I\x92\xf4\xf4\xf4\xec\xd4\xa9S\xdd\xbau\x7f\xfd\xf5W\xda{\x00\xc0\xb38y\xf2\xe4\xc8\x91#\x1f=zd\xb1Xh\x1c\x8c\x13C\x10\x84\x97\x97W\xa7N\x9d\x82\x83\x83W\xadZ\x85\x9a\xff\xd8\x01$\x00\xcc\x05\x0c\xdf\xa8Q\xa3\xee\xdc\xb9\x93\x9a\x9aZ^^\xee\xa0M]\xfe\x11\x16\x8b\xc5\xdb\xdb{\xf6\xec\xd9\x87\x0e\x1d\xba\x7f\xff&gt;4\xa6\xa6\xfd\xaf\x06c\xd4\xad[\xb7\x88\x88\x88\xa5K\x97\x96\x96\x96\xa2 \xe0\xc3\x02\xb5\xff\x17/^\xfc\xf4\xd3O\xb3\xb2\xb2\xa4R\xa9+\xccv\xdaA\x02\xc0\\\xacV+4\xfb\xed\xd3\xa7\x0fEQG\x8f\x1euz\xbbc6\x9b}||\xbe\xff\xfe\xfb5k\xd6\xdc\xbcy\x939V\x00\x92\xd1yyy\x91\x91\x91\xb7n\xdd\xaaQ\xa3\x86\xd1ht\x91\x80\xcc&gt;P\x14%\x93\xc9\x02\x03\x03?\xfb\xec\xb3I\x93&amp;!\xf7\xdf&gt; \x01`4\xd0\xd9\xd1d25m\xdat\xd8\xb0a\x8b\x17/.))\xe1r\xb9t\x8f\xabZ\x00\xdf\xff\xcc\x993}\xfb\xf6\xbd~\xfdzhh(\xa3\xac\x00\x0c\xe6\x8b/\xbeHKK\xbb|\xf9\xb2\xa3\xdc\xa9\xe2\x10@\xf2g\xde\xbcy\xa7O\x9fNMM\xb5O\xb7\x0f\x04\x86\xaa\x80\x18\x0e8\xbfnnn\xe9\xe9\xe9\x7f\xfc\xf1\xc7\xe2\xc5\x8b\xbd\xbd\xbd-\x16\x8b\xf3\xc9\xb6\xd9l\xf6\xf6\xf6&gt;{\xf6\xec\xe0\xc1\x83\xcf\x9e=\xcb4\xeb\x8f\xbd&lt;\xa6\xf7\xddw\xdf=\x7f\xfe|\xe7\xce\x9d\x1e\x1e\x1e\xe8\\\xd8\x07\x01\xf6~\xef\xdf\xbf\xbfa\xc3\x86\x1d;v0$\xe6s\x11P\x04\xe0\x00@\x15\x8aJ\xa5\x82B\x94\x05\x0b\x16\xc0\xe5\x1eN\xb3N\xc0\xf7?{\xf6\xec\xa0A\x83\x12\x13\x13ccci\xdf\xf8}#\xa0I\xe7\xce\x9d\x1b&lt;x\xf0\xbd{\xf7\xb8\\\xae\xa3\xdc\x13\xc0d\xc0\xfdo\xd3\xa6Mll\xec\xb7\xdf~\xcb\xccG\xef\xac \x01p\x0c\xc0\xf4\xa8T\xaa\x96-[\xb6k\xd7n\xfd\xfa\xf5:\x9d\xce\t\xce\xa6\xc2\xe53\x9e\x9e\x9e\x1b6l\xf8\xea\xab\xaf\x12\x13\x13[\xb7n\xcdd\x13\x00c\xfb\xfc\xf3\xcfsssO\x9f&gt;\xed\xf4\xbb2\xd5\rh\xff\xd2\xa5K\x8f\x1c9\x92\x9c\x9c\x0c\xb7\xc0\xd3=(\x17\x02\t\x80\xc3\x00\x1a\xa0\xd1h&gt;\xfa\xe8\xa3:u\xea\xec\xdb\xb7\x8f \x08\x83\xc1\xe0\xb8\x0b\x06\xb6\xb8e2\xd9\xd2\xa5KW\xadZ\x95\x98\x98\x18\x13\x13\xc3d\xeb\x8f\xbdT,\x0c\xc3\x82\x83\x83?\xf9\xe4\x93\x84\x84\x04\'\xde\x95\xa9n\x08\x82\x90J\xa5\xa9\xa9\xa9\xdd\xbbw\xcf\xc8\xc8h\xd2\xa4I\xf5\xdd\xf3\x8cx#H\x00\x1c\t\xdb\xf2\x188p`ff\xe6\xb9s\xe7\x1a6lXRR\xc2\xe1p\x1c.\x11a\xb1X$\x1</t>
        </is>
      </c>
    </row>
    <row r="342">
      <c r="A342" s="1" t="n">
        <v>340</v>
      </c>
      <c r="B342" t="inlineStr">
        <is>
          <t>color_hexagon</t>
        </is>
      </c>
      <c r="C342" t="inlineStr">
        <is>
          <t>What is the missing color of the part denoted with a question mark?</t>
        </is>
      </c>
      <c r="D342" t="inlineStr">
        <is>
          <t>['purple', 'blue', 'red', 'green']</t>
        </is>
      </c>
      <c r="E342" t="inlineStr">
        <is>
          <t>purple</t>
        </is>
      </c>
      <c r="F342" t="inlineStr">
        <is>
          <t>There is a hexagon split into six parts with the colors ['?', 'green', 'orange', 'purple', 'green', 'orange'] in an anti-clockwise order.</t>
        </is>
      </c>
      <c r="G342" t="inlineStr">
        <is>
          <t>We observe that a green part is opposite another green part, and a orange part is opposite another orange part. Thus, the pattern is that the colors in opposite parts are the same.</t>
        </is>
      </c>
      <c r="H342" t="inlineStr">
        <is>
          <t>Based on the pattern that spatially opposite parts have the same color, the missing color of the part which is opposite a purple part should be purple.</t>
        </is>
      </c>
      <c r="I342" t="inlineStr">
        <is>
          <t>b'\x89PNG\r\n\x1a\n\x00\x00\x00\rIHDR\x00\x00\x02\x00\x00\x00\x02\x00\x08\x02\x00\x00\x00{\x1aC\xad\x00\x00|nIDATx\x9c\xed\xddy`TE\xba7\xfe\xaa\xa7N\xaf\xe9\xa4\xb3\x08\x04A\xd0@\x0c\x9b\xb2\r\x9b\x19\xc2" \xa3"8\xca\xa8 wT\x18qF\x9daq\x81\x1fF$\xa8\x11\x05\xcd\xeb\x88\xdbu\x14d\x11A\x19\x81\xc1\x0b\x01e\x13P\x94\x00\x0e.\x98\x80\xb2\x07\x14\x92t\xd2\xdb\xe9SU\xbf?*i\x10A\x81,\xbd\x9c\xe7\xf3\xd7\xbds\xe7}m\xd3}\xceS\xa7\xea9\xcf\x97J)\tB\x08!\xf3\x81H\x7f\x00\x84\x10B\x91\x81\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i\x91\xfe\x00(\x92\xa4\x94R\xcaH\x7f\n\x141\x94RJi\xa4?\x05\x8a\x18\x8a\xd7\xbfi\x19\x86\xa1i\xb8\x020;\xc30\x18cX\x06\xcc\t\x0b\x80I\t!\x00\xe0\xdbo\xbf\xfd\xdb\xdf\xfe\x06\x00B\x88H\x7f"\xd4\xa04M3\x0cc\xcc\x981#F\x8c\x88\xf4gA\x11\x83\x0b@\xd3Q%\xdf\xef\xf7\xcf\x9a5+99y\xdd\xbau\x91\xfeD(b\xda\xb5kw\xf8\xf0\xe1\xc1\x83\x07w\xe8\xd0AJ\t\x80\x87\x82\xe6\x82O\x00\xa6\xc39g\x8c\xcd\x9d;\xf7\xae\xbb\xee\xa2\x942\xc6\xc2\xbf\x01\xbc\xfe\xe3\x1e\xa5T\x08\x11\xfe\xc6\x19c\xba\xae\x8f\x1a5\xea\xed\xb7\xdf\xc6-A\x13\xc2\x02`.\xea\xd4\xb7\xa2\xa2\xa2]\xbbv?\xfd\xf4\x93\x10\x027\x7fL\xcej\xb5r\xce\xd7\xad[\xd7\xbbwo\xb58\x88\xf4\'B\r\x07\x0b\xbe\xb9\x08!\x18c\xb9\xb9\xb9\xa5\xa5\xa5j\xed\xaf\xfa@\x84\x10#G\x8e\xbc\xe7\x9e{***\xf0\x16\x10\xaf\x84\x10N\xa7\xf3\x8b/\xbe\x98:u\xaa\x10B\nA\x81\x1a\x86!\x84\x187n\xdc\x96-[,\x16\x8b\xfaID\xfa\x93\xa2\x06\x82O\x00&amp;"\x84\xa0\x94~\xf7\xddw\x1d:tP\xfb\x00\xea\xdbW\x87\xc0\x97^z\xe9W_}\x95\x9c\x9c\x1c\n\x85\xf0\x16\x10\x978\xe76\x9bm\xf0\xe0\xc1\xabW\xaff\x8cq\xce\t!\x94\x10`\x8cs&gt;g\xce\x9c?\xff\xf9\xcf\xf8\x10`*X\x00LD]\xdb\xd7]w]aa\xa1f\xd1\x8c\x90\xd1\xb2\xed\xa5\x9e\x93\xde\xb2c\x15\xaa\'\xe4\xee\xbb\xef~\xfd\xf5\xd7O\x9c8\x81\xb7\x80\xf8\xc39OIIy\xfb\xed\xb7\xff\xf2\x97\xbf0\xc6\x04\xe7\x16\x8d\xe5t\xb8t\xed\xce\x83\xea\xec\xa7q\xe3\xc6j\x05\x80/\x07\x98\x07\x16\x00\xb3Pw\xff\xc2\xc2\xc2\xeb\xae\xbb\x8e1F\x88\x14RNz\xeb\xde\xef\x8a~x\xff\xff\xadf\x0c\xa4$\x00\xb0e\xcb\x96\xab\xae\xba\xca\xeb\xf5\xe2\x81p&lt;\t\xef\xf5u\xed\xdau\xdf\xbe}\x16\x8d\x85\x0c&gt;\xf8w-\xdf\xfe\xff\xaeo\x7f\xf7\x9c\x9f&lt;\x01Mc\xa1\x901e\xca\x94\'\x9f|\x12\x1f\x02\xcc\x03/rSP\xd7\xbfa\x18\x7f\xff\xfb\xdf\t!\x00\x94s\xf1\xbb\x81\x1d2\xbb\\\x9e\xf3\xc7n\x8d\x9a\xa7r.\x00\xc00\x8cG\x1f}\x14/\xfe\xf8\xa3\x96\xff3g\xce\xdc\xb7o\x9f\xa6i\\\x08\x8d\xc1Sw]\xd3(=)\xef\x7fzJ)\xa5\x10\x0c\xe0\xb9\xe7\x9e+..\xc6\xf7B\xcc\x03\x0b\x80)\xa8\xd7\xbe^{\xed\xb5={\xf6h\x9a\xc69w\xb8\xec7\x8c\xe9\xeb\xaf\n8\x13\xedC\xee\xedG\x08\x11R0\xc6\xd6\xad[\xb7|\xf9r\xb7\xdb\xad6\x88Q\x1c\x90R:\x1c\x8e\x92\x92\x92\x97_~\x99RJ\x88\x14B\x8e\x1e\xdc\xbeK\xdb\xa6U\xc7&lt;\xff3\xa8}\xe7\xd6\x8d\xb8\x10\x8c\x81\xae\xebS\xa6L\xa1\x147\x06\xcc\x02\x0b@\xfcSg\xbf\xa5\xa5\xa5\xb9\xb9\xb9\xe1\xeb\xbf\xef\xf0\xee\x97\xb7k\x16\n\x1a\xbe\xaa@\xaf!\x9d3;\xb5\x14\\\xa8]\x82I\x93&amp;UUU\x9d\xfe~\x00\x8ai\x9cs\x97\xcb\x95\x9b\x9b[VV\xa6iLp\x91\xec\xb2M\x1b\xd5S\x0f\x84\x84$N\xa7\xf5\x99\xbb\xb3\xa5$\\\x08\xc6\xd8\x92%K\n\x0b\x0b\xc3G\xc4(\xbea\x01\x88\x7f\xea\r\xcf\xc9\x93\'\x97\x95\x95i\x9afp~\xc9\xa5)\x03GeW\x95\xfb\x80\x01!Dpq\xf3\x83\x83\x18\x03.8c\xac\xa4\xa4d\xe6\xcc\x99)))x\x0b\x88\x03j\xf3g\xe5\xca\x95\x8b\x17/f\x8c\t!\x84\x94\x8f\x8f\xe8\xd1\xa4qbP7,\x1ax+\x03\x03\xba_~\xf35\xad8\x17\x00\x94R\xfa\xf7\xbf\xff\xdd0\x0c|\x0e0\x03,\x00qNm\xfel\xdf\xbe\xfd\x9dw\xdea\x8c\t\xc1\x89$7\xdd\xd7\xdf\x9d\xe62\x0cN)\x01\xa0\x01o\xb0M\xf7+\xb2\x87v\x91BJ")\xa5/\xbf\xfcrII\x89\xddn\xc7[@\xac\xa3\x94\x86B\xa1\xa7\x9f~Z\x08\x01@\x85\x10\x9d[7\xfa\xeb\xd0\x8e\xfe\xaa c\xd5\x97\xbf\xe02\xff\x9elw\x82\x95s\xce\x18\xec\xd9\xb3\xe7\xb5\xd7^\xc3\x93\x003\xc0\x02\x10\xe7\xd4\xf1\xef\xc4\x89\x13\x83\xc1 \x00p.2;\xb5\xec5\xa4sU\xb9?|\xfdS\xa0\x81\xaa\xe0\x90\xb1\xfd\x9d\x89v\xc1\x05\xd3XYYYnnnbb"&gt;\x04\xc44\xc30\xd2\xd2\xd2\xe6\xcc\x99\xb3e\xcb\x16\xa61\xc1\xb9\x94\xe4\x99\xbb\xb3\xed6\x8ds\xa9:=\x01\xa8\xdf\xa7ge6\xbe\x7fHG!$%\x84R\xaa\xf6\x8b\x00\x00W\x00\xf1\r\x0b@&lt;S\xfd|K\x96,\xd9\xb0a\x83\xa6i\x9c\x1b\x9a\x85\xdd\xfc\xe0 \xc1\x059\xad\xcf\x9bR\xaa\xebFj\xba\xfb\xfa1}\xa5\x94\xea\xa1a\xe9\xd2\xa5\xeb\xd7\xafOLL\xc4e`\x8c\x92RZ\xad\xd6\xa3G\x8f&gt;\xf7\xdcs\x94R \x84\x0b\xf9\xc7\xec\xd6\x03\xba_\xee\xad\n2v\xea\x17\xc0\x18\x04&lt;\x81\t\xb7v\xcdh\xea68\xd7jV\x00\xea\x15\xf1\x08\xfe+\xa0\xfa\x86\x05 n\xa9\xb5\x9b\xea\xeb \x84PJ\x84\x90]\x07th\xd3=\xc3\xef\r\x02\xfc\xecM\x1f\xc6\xc0_\x19\xe8;\xbcG\x93\x16i\x82\x0b\xa8i\x08\xd14\r\xd7\x801\xca0\x0c\xb7\xdb]PP\xf0\xfd\xf7\xdf3\xc6\xb8\x10V\x0b\x9b6\xaa\xa7\x14g~\xa1\x94\x92\x90\xc1\xd3\xd2\x12&amp;\xdf\xd6MJ"O\xeb\x19\xc3\x8d\xa0\xf8\x86\x05 n\xa9\xb1?3g\xce,..\xb6X,\x86\xc1\x13\x92\x1c\xc3\xee\x1f\x10\xf0\x06\xce\xb8\xfb+\x9c\x0b\x9b\xc3r\xcb\xb8\xc1\x84\x10\xc19cl\xcb\x96-\xf3\xe7\xcfOKK3\x0c\xa3\xc1?&gt;\xaa\x15!Dbb\xe2\x97_~\xa9v\xf3U\xeb\xd7\xb8a\x9d:\\\xd9\xc4\xe7\xd3\x7f\xf9\x03\xd0\x18x+\xfc\x7f\x1e\xdc\xfe\xf7\x1d.5\xb8\xd0\x18\xa8\xb7F\xf0(8\xbea\x01\x88Oj\x1bg\xef\xde\xbd3f\xcc\x00\x00)\x85\x94\xb2\xdfm=\x9b\xb4L\xd3\x83\xc6Y_\xf4\x07\x06\xfe\xca@\xa7\xbem\xdat\xcb\x10BRJ(\xa5O&lt;\xf1Dii\xa9\xd5j\xc5\xbb@l\x91Rj\x9a\x96\x9b\x9b[QQ\xc1\x008\xe7MR\x9c\xe3o\xe9\xa2\xfbuv\x8ew\xbc%!\x9a\x06SG\xf6\x00\xa0\\p\x8d\xb1\xc2\xc2\xc2%K\x96`Kh\x1c\xc3\x02\x10\x9f\xd4\xd9o^^\x9e\xc7\xe3a\x8c\x19\x06o\xd2"\xed\xba\xbbz\xfb*\xfc\xc0\xce\xf9\xa5KB$\x97\xc3\'\x0c\xd6,Lu\x85\xef\xdf\xbf\xbf\xa0\xa0\xc0\xedv\xe3C@\x0cQ\xad\x9f\xabV\xadZ\xbe|9cLH!%\x99\xfe?\xbd\xd2\x9b$\x05u\xe3\\c~\x18Poe`@\xcf\x8c;\xfafq.UK\xe8\x94)St]\xc7\xe7\x80x\x85\x05 \x0e\xa9\xb3\xdf\x8d\x1b7.X\xb0 \xbc|\xbbe\xdc`\x87\xd3\xca\xb9\xf8\x95)_\x00\xd4\xef\x0b^\xd1\xbey\xff;z\xa9\x96P\xb5\x17\xbck\xd7.\x97\xcb\x85{\xc1\xb1\x821VUU\xa5Nq\x81R\xce\xc5\xef;\\z\xf7\x1f:x=~\xed\xdc\xe5\x9f\x10B\x01t\xbf\x9e\x7fwvj\xa2=dpMc\xc5\xc5\xc53g\xce\xc4\x93\x80x\x85\x05 &gt;q\xcesss9\xe7\xea\xd2m\xd3-\xa3S\xdf6\xbe\xca\xc0\xaf,\xff\x15\xf5Z\xc0\x80\x91\xd7$\xa5\xb9\xd4ipEEE~~\xbe\xd3\xe9\xc4[@L0\x0c#%%e\xfe\xfc\xf9\xbbv\xed\x02\x00!8\x03:uD\x0f\xa6\xc1o.\xe2\x81\x92`\xd0\xb8\xacy\xf2\x83C;J)\x89\x94@a\xd6\xacY\xa5\xa5\xa5\xd8\x11\x14\x97\xb0\x00\xc4\x1b\xc30\x18c\x0b\x17.\xdc\xb8q\xa3\xa6i\x067\x18\x83\xe1\xe3\x07K~^\xcf\xf0\xaa%\xf4\x92\xa6\xc9C\xc6\xf6W-\xa1\x8c\xb1\xf7\xde{o\xe5\xca\x95\xf8np\xf4\x93R\xda\xed\xf6\x03\x07\x0e\xe4\xe5\xe5\x01\x00P\xc2\x85\xbc\xad\xcf\x95\x03zex+\x03\xecl\x87\xffgP\xfd`\x8f\xfc\xa9[\xebK\xdd\xea!\xe0\xe4\xc9\x93\x93\'O\xc6w\x02\xe2\x12\x16\x80\xb8\xa2\xa6&gt;x&lt;\x9ei\xd3\xa6\xa9\x93^)d\xf6\xd0.\x97\xb7o\x16\xf0\x9d\xd9\xfay.\x8c\x81\xd7\xe3\xefuc\xa7\x16YM\x85\x10\x14(\xe7\xfc\xe9\xa7\x9f\xc6\xa0\x98\xe8\xc79OLL,((8~\xfc8\x00p!\xdc\t\xd6\xc7F\xf4\x08\x05B\xf4\xfc\xbe}J\x08\xe7\xd2\x99`}\xe2\xce\x9e\x84\x10!\xb8ZO\x14\x15\x15\xa9I\x12\xf5\xfco\x80\x1a\x14\x16\x80\xb8\xa2\x9a\x7ff\xcc\x98\xb1w\xef^\xb5\xfb\xefL\xb4\x0f\x19\xdb?\xe8\xd7\xcf\xf3\xfa\xaf\xfe\xff\x87\x0b\xbb\xd3:\xec\x81\x81D\x9ej\t}\xf3\xcd7\xb1%4\x9a\xa9\xd6\xcf/\xbe\xf8b\xf6\xec\xd9\x00@\x88\x10B\xde?\xa4c\xdb+\x1b\x07\xfc!8\xef\xe2\xcd\x18\xf5V\x06F\x0ej\xa7ZB\x19P]\xd7\xc7\x8d\x1b\xc79\xc7\x87\x808\x83\x05 ~\xa8\xed\x9a\x9aS;\xa6Z?\xaf\x1f\xdd75\xdd}\xae\xd6\xcfs\x01\x06^O\xa0Cvf\xe7\xbem\xc3-\xa1yyy\x07\x0e\x1c\xc0\x01A\xd1\x8c1\xf6\xc8#\x8f\xe8\xba\xce\x008\x17W\xa4\'M\xb8\xb5k\xc0\x13`\xbfu\xf6s\x06I\x08\xe7\xe2\xd9\xd1\xbf\xd7\x18\x18\x9ck\x9a\xb6i\xd3\xa6\x85\x0b\x17bKh\x9c\xc1\x02\x10?\xd4}Y\xf5\xed1\x06\\\x88\x16YM\xfb\xdd\xd6\xc3Wy\xc1\xd7\xbf"\xb8\x18\xf6\xc0@\x87\xcb\xaeZB\x8f\x1f?^PP\xe0r\xb9\xf0\x16\x10\x858\xe7n\xb7{\xf9\xf2\xe5\xeb\xd6\xad;\xbd\xf53-\xd5\x192\xf8\x85n\xdd1\xa0~\x9f\xde\xab\xd3e\xa3\x07\xb7\x17BR"\x81\xd2i\xd3\xa6UTT`Kh&lt;\xc1\x02\x10\'T\xeb\xe7\x86\r\x1bj\xde\xdc1\x88$\xc3\x1e\x18h\xb3[8\xbf\x98}[\x00\x1a\xf0\xea-\xda6\xed;\xbc\xbb\x14R\x9d.\xcc\x9e=\xbb\xa8\xa8\x08\x07\x04E!M\xd3|&gt;\xdf\xa4I\x93\x08\xa1@\x89j\xfd\x1c9\xa8\x9d\xd7\x13\xf8\xf5\xd6\xcfs\x01\x00\xdd\xa7O\x1b\xd53\xd9e38g\x1a\xdb\xbbwoAA\x01\x00\xe0\n n`\x01\x88\x07\xea\xb5\xaf`08q\xe2DJ)\x00\x15Bv\xee\xd7\xaeCv\xa6\xf7b\x97\xffDm\x04\x95\xfb\x07\xde\x99\xdd\xa8Y\x8a\x10\x82\x01\xe8\xba&gt;}\xfat\xcc\x8a\x896\x86a$%%\xbd\xfa\xea\xab%%%\x1a\x035\xf6\xe7\xd9{~\xcf\xf9/\xe6\xfe\x9c7JIP7\x9a4N||D\x0f5 \x88\x01{\xe1\x85\x17\xd4\xf1\x12\xae\x00\xe2\x03\x16\x80x\xa0\xce~\x17-Z\xb4}\xfbv\xb5K\xabY\xd8\x90\xb1\xfd~9\xf6\xeb\x82PJ\x0c\x83\'7N\x1c|W\x8e\x94\x92K\xc1\x18[\xb6l\xd9\xea\xd5\xab\x93\x93\x93q\x19\x18%T\xeb\xe7\xa1C\x87\xf2\xf3\xf3)\xa5j\xea\xdf\x9fzg\xf6\xear\x99\xdf\xa7\x9fO\xeb\xe7\xb90\x06\xfe\xaa\xe0_o\xba:\xb3Y\xb2\xc1\x05cPQQ\x91\x97\x97\x87\xef\x04\xc4\r,\x001O-\xff\xcb\xca\xca&amp;M\x9a\x14\x1e\xfb\xd5\xff\x8e^-\xdb5\xfb\xe5\xd4\xcf\x0b\xc5\x18T\x95\xf9\xb2\x87ui\xdd\xa9E83\xf2\xb1\xc7\x1e\xf3\xfb\xfd\x98\x1d\x1f%T\xebg^^^yy9c\xcc\xe0"5\xd1\xfe\xd4\xdd\xd9\xbaW\x87s\x8c\xfd9O\x94\x10.\xa4\xddn\x99\xf5\x97\x1cB\x08\xe7\x86\xc6\xd8\x82\x05\x0b6m\xda\xa4\x92\xa5\xeb\xe8\xdf\x00E\x0c\x16\x80\x98\xa7\x96\xff\xb9\xb9\xb9\xa5\xa5\xa5j\x7f6)\xd55p\xe45\xc1Z\xdf\xfd\x15I\x08\xd3\xd8\rc\xfa\x01P!8\x00\xec\xda\xb5\xeb\x95W^\xc1\x01A\xd1@\xb5~\xae_\xbf~\xee\xdc\xb9\x00@\xa4\x90R&gt;8\xb4c\x8b\xe6\xc9\xbf2\xf6\xe7\xfc1\xa0\xde\xaa\xe0\x90\xec\x8ck;_\xc6\x85T/\x85\x8c\x1b7.\x18\x0c\xe2ip\x1c\xc0\x02\x10\xdb\xd4\xdd?\x9c\xe1\'\xa5\x90\x92\xdct_\xff\xb4\xa6\xc9\xba~a\xad\x9f\xe7\x02@\xbd\x1e\x7f\xc7\x9c\xacn\x83\xaeR-\xa1\x00\x90\x9f\x9f\x7f\xe8\xd0!l\t\x8d\x06\x9a\xa6M\x992\xc50\x0c\xc6\x80s\x91\xd9&lt;\xf9\x91?u\xf3\xd7\xe2\xec\xe7\x97\xb8\x90\xcf\xdf\x9bc\xb50\xce\xb9\xa6iEEE\x8b\x16-\xc2\x01Aq\x00\x0b@lS\xfb?*\xc5\x9b1\xc6\xb9h\xdd\xa9\xc5\xefo\xeeZU\xe1\xab\xc3\xeb\x1f\x80\x06|\xfa\xb0\x07\x06&amp;$98\x17\x00P^^\x9e\x97\x97\x97\x90\x90\x10[\xfb\x00j\xb8\x05\xe7\xdc\xf89\xcey,\xde\xcb\x0c\xc3HNN\x9e7o\xde\x96-[\x18c\x82sI\xc8\xac19N\xa7%\x9c\xf8X{\x00\xd4\xe7\xd3\xafn\x93&gt;nX\xa7\xea\x96P\x80I\x93&amp;\x9d&lt;y\x12\x1f\x02b\x1d\x16\x80\x18\xa6Z?\x0b\x0b\x0b\x0b\x0b\x0b\x19c\\p\x00z\xc3\x98~Lcu{URJ\xf5`\xa8I\xcb\xb4~\xb7\xf5\x94RJ)\x00`\xee\xdc\xb9\xdb\xb7o\x8f\x89\x96P)%\xe7\\\xad^].Wjjj\xa3F\x8d\x1a5jt\xc9%\x97\xa8\xff!%%\xc5\xe9t\xaa\xffZ\xa4?\xec\xf9R\x13\xff+++\x9f|\xf2IB\x88\x1a\xfbsm\xe7\xcb\x86dg\x9c\x91\xf8X{\x0c@\xf7\xe9\xe3o\xe9\xd2$\xc5\xc9\xb9`\x0cJKK\x9f\x7f\xfey|\x08\x88uX\xc0c\x95Twb!:t\xe8\xb0g\xcf\x1e\x8bE\x0b\x85\x8c\xee\xd7]}\xdfs\xb7{\xca\xbcu\xb8\xfc\xaf\xfe\xc7\xa9\xc5\x02\xa5y\xb7\xbdt\xfc\xd0IM\xd3\x0c\xc3\xe8\xd7\xaf\xdf\xea\xd5\xab=\x1eO-\x0f\x1b\xeb\x8f\xba\xa7\xdbl65\xce\xba\xb4\xb4\xb4\xb8\xb8x\xef\xde\xbd\x07\x0f\x1e\xf4x&lt;\xc1`\xd0b\xb1\xa4\xa4\xa4dddt\xe8\xd0!++\xcb\xe1p\x94\x97\x97\xab\x97\x1e"\xfd\xd9\x7f\x83a\x18\x8d\x1a5z\xec\xb1\xc7\x9ez\xea)M\xd3\x84\xe0@\xe9\xf6\x97\xeeh\x9fqI\xc0\x1f\xaa\x93\xe3\x9f\x9f\xfd\xe3\xb8HLv\xbe\xfe\xef\x9dc_\xfcHc %a\x9a\xb6{\xf7\xee\xd6\xad[\xc7\xc4\x9f\x0b\x9d\x15\x16\x80X\xa5\x96\xff\xb3g\xcf~\xe0\x81\x07\xd4\xf5os\xda\x1e}\xeb/\xe9-/\xd1\x83\xf52\xb5\x8ds\xe1r;\xb7,/z\xf3\xf1\xf7\x81\x01%\x94s\xfe\xde{\xef\r\x1d:T\xf5\x9f\xd4\xf9?\xb1\x96\xa4\x946\x9b\xcd\xe9t\x1e:t\xa8\xb0\xb0p\xe5\xca\x95\x9f}\xf6\xd9\x91#G\xce\xfa_\xb6Z\xad\xbf\xfb\xdd\xef\xee\xb9\xe7\x9e\xdbo\xbf]J\x19\x08\x04\xa2\xf0\xdf(L\x05\xbe\x97\x96\x96v\xef\xde\xbd\xbc\xbc\x9c10\x0c&gt;\xf6\x86\xab^\x9d8\xb0\xaa\xc2_\xe7\xe5\xff\xd4?\x97\xd2\xdf\x8f\x7fw\xe7\xde\x1f-\x9a\xa6\x87\x8c\xe1\xc3\x87/^\xbcX\xfd\x14\xeb\xe9\x9f\x88\xea\x15\x16\x80\x98\xa4\x9e\xbb\x8f\x1f?\xde\xae]\xbb\xf0\xf5\xff\x87\xbbsn{\xe8\xfa\xf2\x1f+\x99Vo\xd7\xbf\x90\x8eD\xfb\xb3w\xffo\xf1\xce\xfd\xaa\x11\xb0U\xabV\x9f\x7f\xfe\xb9z\x1c\x89\xaaY\xa1j\x87\xe4\xe0\xc1\x83o\xbd\xf5\xd6;\xef\xbc\x13\xbe\xefSJ\x19c\x00\x10\xfe\xb4B\x08u0\xa0\xfe\xd7\x01\x03\x06\xbc\xfe\xfa\xeb\xe9\xe9\xe9&gt;\x9f/j\x17\xb6j\xf9\x7f\xc7\x1dw,Z\xb4\xc8b\xd1\xb8\xc1\x93\x12\xac\xdf\xbe\xf1?)\x89v\xc3\x10\xf5\xf4=p.]I\xf6\xc2O\xf7]7\xe5\x03\xc6\x80\x10\xca9_\xbdz\xf5\xa0A\x83\xb0\x06\xc4\xa8(\xfd}\xa3_\xa7\x1e\xba\'O\x9e\\VV\xa6i\x9a\xc1\xf9%\x97\xa6\x0c\x1c\x95]U\xee\xfb\xcd\xc8\x97Z\xfds\t\x11\\\xdc\xfc\xe0 \xc6\x80\x0b\xce\x18+))\x999sf\x14F\x05\xa8\xfe\xc8\x0f?\xfcp\xd6\xacYG\x8e\x1ca\x8cY,\x16\x8b\xc5B\x081\x0cC\xd7\xf5`\x8dP($\xa5TUA\xd3\xb4\xb5k\xd7\xdep\xc3\r?\xfd\xf4S\xd4&amp;!\xab\xc4\xc7\x95+W.^\xbcX\xbd\x94+\xa4||D\x8f&amp;\x8d\x13\xeb\xa4\xf5\xf3\\\xd4\x94\xd0\x01\xdd/\xbf\xf9\x9aV\x9c\x0b\x95\x19\xa9\x1a\x10\xf048F\xe1\xd7\x16{\x84\x10\x94\xd2\xa2\xa2\xa2\xec\xecl\xc30\x08\x91\x9c\x8b{\xf2n\xc9\x1e\xda\xa5\xb2\xbc.\x9b\x7f\xce\xfeO\xe7"15a\xce\xd4\xa5\x1b\x97~\xc14&amp;\xb8HNN\xde\xb6m[\x93&amp;M\xa2*0@=\x01x&lt;\x9e\x9e={\x1e?~\xfc\xf45\xfe\xa5\x97^\xda\xacY3\xb7\xdbm\xb1X*++\xf7\xef\xdf\x7f\xf0\xe0AB\x88:\xd2\xb4Z\xad\xba\xae\x0f\x192\xe4\xbd\xf7\xde\xab\xac\xac\x8c\xc2\x87\x00!\x84\xd3\xe9\x1c0`\xc0\x96-[,\x16\xcd0\x8cN\xad\x1am\xf9\x7f\xb7K.$!\xf5\xfa\x05\x08!mv\xcb\xdeCe=\xfe\xb1\xa8\xd2\x1f\x02\x00\xc3\xe0/\xbd\xf4\xd2\xfd\xf7\xdf\x8f\x0f\x01\xb1(\xea~\xdc\xe87\xa9\xcd\x96\x89\x13\'\x06\x83A\x00\xe0\\dvj\xd9kH\xe7\xaa\xf2z\xdc\xfc\r\xa3@\x03U\xc1!c\xfb;\x13\xed\x82\x0b\xa6\xb1\xb2\xb2\xb2\xdc\xdc\xdc\xc4\xc4\xc4\xa8z\x08P\xc3\x91\x9a7o\xfe?\xff\xf3?\xa1P\x88s\xde\xbe}\xfb\xc7\x1e{l\xfd\xfa\xf5\xdb\xb6m[\xb7n\xdd\x87\x1f~\xb8l\xd9\xb25k\xd6l\xdb\xb6m\xd9\xb2e]\xbbvU/U\xe8\xba\xce\x18[\xb1b\xc5\xda\xb5k\x93\x92\x92\xa2\xea_\x8a\x10b\x18FZZ\xda\x9c9s\xb6l\xd9\xc24&amp;8\x97\x92&lt;sw\xb6\xdd\xa6\xd5a\xeb\xe7\xb9\x00P\xbfO\xcf\xcal|\xff\x90\x8eBHJ\x08\xa5477\xb7\xac\xac\x0c#\xc3b\x11\x16\x80\x18\xa3\xd6YK\x96,\xd9\xb0a\x83\xa6i\x9c\x1b\x9a\x85\xdd\xfc\xe0 \xc1E\xfd\xae\xfdj\xa8\xcc\xc8\xd4t\xf7\xf5c\xfa\xaa6$\x00X\xbat\xe9\xfa\xf5\xeb\xa3\xad%\x941\xe6\xf3\xf9F\x8e\x1cy\xf3\xcd7\xbf\xff\xfe\xfb\x9f|\xf2I^^^\xcf\x9e=\x13\x13\x13\x83\xc1`EEEEE\x85\xd7\xeb\xb5\xdb\xed7\xdcp\xc3\xc7\x1f\x7f\x9c\x93\x93\xa3\xfeu\xd4\xc4\x8b\xc5\x8b\x17k\x9a\x16U75u\xf6{\xf4\xe8\xd1\xe7\x9e{\x8eR\n\x84p!\xff\x98\xddz@\xf7\xcb\xeb\xbc\xf5\xf3\\\x18\x83\x80\'0\xe1\xd6\xae\x19M\xdd\x06\xe7Z\xcd\n\x00\x07\x04\xc5",\x00\xb1D\xdd\x8ct]\x9f2e\n!D\x8d\xfd\xea:\xa0C\x9b\xee\x19\xb5\x1f\xfbs\xfeTll\xdf\xe1=\x9a\xb4HS\xc1\xf1\xea#E\xdb\xedR=\x044k\xd6\xec\xddw\xdf\xbd\xe9\xa6\x9b\xa4\x94?\xfd\xf4SUU\x95\xda\xb3f\x8c\xa9}\x7f!\xc4O?\xfd\xe4p8\x9ey\xe6\x19\x8b\xc5"k\x14\x15\x15y&lt;\x1eM\xd3"\xfd\xefq\x8aa\x18n\xb7\xbb\xa0\xa0\xe0\xfb\xef\xbfg\x8c\xa9\xa9\x9f\xd3F\xf5\xac\xe5\xd4\xbf\x0bB)\t\x19&lt;--a\xf2m\xdd\xd4\x94P\x00x\xed\xb5\xd7\xf6\xec\xd9\x83\xaf\x05\xc4\x1c,\x00\xb1De~\xcd\x9c9\xb3\xb8\xb8\xd8b\xb1\x18\x06OHr\x0c\xbb\x7f@\xc0\x1bh\xb0\xbb\xbf\xc2\xb9\xb09,\xb7\x8c\x1bL\xc8\xa9\xcc\xc8\xf9\xf3\xe7Gaf\xa4\x94\xd2\xe3\xf1\x94\x97\x97\x13B4M;\xbd\xffG\xa1\x94Z\xad\xd6\xca\xca\xca\xb6m\xdb\xaa\xaev\xf5_8~\xfcxeee\xf4\xcc\xbeV\xc7\xda_~\xf9\xa5\x1a\xfb\xa1\xa6\xfe\x8d\x1b\xd6\xa9\xc3\x95M|&gt;\xbd!\x7f\x00\x1a\x03o\x85\xff\xcf\x83\xdb\xab\xccH\x8d\x81a\x18\x7f\xff\xfb\xdf\xf1(8\xe6`\x01\x88\x19jwb\xef\xde\xbd3f\xcc\xa8\x19\xfb#\xfb\xdd\xd6\xb3I\xcb\xb4\x0bM|\xac=`\xe0\xaf\x0ct\xea\xdb\xa6M\xb7\x8cpf\xe4\x13O&lt;QZZ\x1a\x85\xcd3\x00\xf0\x9b\xe7\x93\xea\xa5\x81\xd4\xd4\xd4\xf0\x7f\xa2\xeb\xbazV\xa8\xe7Ow\xbe\xd4\xb1vnnnEE\x05\x03\xe0\x9c7Iq\x8e\xbf\xa5\x8b\xee\xd7Y\x83\x9fTKB4\r\xa6\x8e\xec\x01@\xb9\xe0\x1ac\x85\x85\x855aD\xd1uj\x82~\x05\x16\x80\x98\xa1V\xa6yyy\x1e\x8f\x871f\x18\xbcI\x8b\xb4\xeb\xee\xea\xed\xab\xf0\xd7k\xeb\xe79?\x0f!\x92\xcb\xe1\x13\x06k\x16\xa62#\xf7\xef\xdf_PP\x10\xa3SB)\xa5\xa1P\xa8\xaa\xaa*\xfc\x9f8\x1c\x8e\xe8)f\xaa\xf5s\xd5\xaaU\xcb\x97/?=\xf11\xbdIR\xbd\xb6~\x9e\x0b\x03\xea\xad\x0c\x0c\xe8\x99qG\xdf,\xce\xa5:7Qq\xa4\xf8\x1c\x10C\xb0\x00\xc4\x06u\xf6\xbbq\xe3\xc6\x05\x0b\x16\x84\x17Y\xb7\x8c\x1b\xecpZ9\x17\x11Y\xa3\x02P\xbf/xE\xfb\xe6\xfd\xef\xe8%\x85\x94D\xaa\xbd\xe0]\xbbv\xa9\xb9\x0b\x91\xf8P\x17Iu\x7f\x1e;vl\xef\xde\xbd\xa4\xe6\xac\xa5i\xd3\xa6IIIQ\xf2\x10\xc0\x18\xab\xaa\xaaRg\xad@\xa9J|\xbc\xfb\x0f\x1d\xbc\x1e\xff\xc5%&gt;\xd6\x1e\x05\xd0\xfdz\xfe\xdd\xd9\xa9\x89\xf6\x90\xc15\x8d\x15\x17\x17\xcf\x9c9\x13O\x02b\x08\x16\x80\x98\xc19\xcf\xcd\xcd\xe5\x9c\xab\x0b\xacM\xb7\x8cN}\xdb\xf8*\x03\x11Y\xfe+\x004\xe0\r\x0e\x18yMR\x9aK\x9d\x06WTT\xe4\xe7\xe7;\x9d\xce\xd8\xba\x05\x18\x86\xe1r\xb9\xe6\xcd\x9bWUU\xc5\x18Sw\xfc\x1e=zD\xc9\xb8S\xc30RRR\xe6\xcf\x9f\xbfk\xd7.\x00\x10\x823\xa0SG\xf4`\x1aDp\xa9\r\x94\x04\x83\xc6e\xcd\x93\x1f\x1c\xdaQJI\xa4\x04\n\xb3f\xcd*--\xc5\x8e\xa0X\x81\x05 \x06\xa8Q\xcf\x0b\x17.\xdc\xb8q\xa3\xa6i\x067\x18\x83\xe1\xe3\x07K\x1e\xe1\'m\xd5\x12zI\xd3\xe4!c\xfb\xab\x96P\xc6\xd8{\xef\xbd\xb7r\xe5\xca(|7\xf8\\B\xa1P\x93&amp;M&gt;\xfa\xe8\xa3\xf0\xeaU\xbd\x18&lt;r\xe4H\xf5\xa6Ed?\x9eJ|&lt;p\xe0@^^\x1e\x00\xa8\xa9\x9f\xb7\xf5\xb9r@\xaf\x0coe\xa06\x89\x8f\xb5\xa7\xfa\xc1\x1e\xf9S\xb7\xd6\x97\xba\xd5C\xc0\xc9\x93\'\'O\x9e\x8c\xef\x04\xc4\n,\x00\xd1NM}\xf0x&lt;\xd3\xa6MS+S)d\xf6\xd0.\x97\xb7o\x16\xf05\\\xeb\xe7\xb90\x06^\x8f\xbf\xd7\x8d\x9dZd5\x15B\xa8\xc4\xa8\xa7\x9f~:\xaa\xde\n\xfe\x15\xa1P\xa8Q\xa3F\x1b7n\xbc\xfd\xf6\xdb\xfd~\xbf:h\xe5\x9c\x8f\x1e=\xbag\xcf\x9eUUU\x11/\x00*\xf1\xb1\xa0\xa0\xe0\xf8\xf1\xe3\x00\xc0\x85p\'X\x1f\x1b\xd1#\x14\x08\xd1H\x7f\xfb\x94\x10\xce\xa53\xc1\xfa\xc4\x9d=\t!Bp\xb5R)**\xc2\xe0\xf8\x98\x80\x05 \xda\xa9\xe6\x9f\x193f\xec\xdd\xbbW\xed\xfe;\x13\xedC\xc6\xf6\x0f\xfa\xf5\x88_\xff\x8a\xe0\xc2\xee\xb4\x0e{` \x91\xa7ZB\xdf|\xf3\xcd(l\t=\x9d\x9a\x14\xdd\xb8q\xe3\x7f\xff\xfb\xdf7\xdex\xe3O?\xfd\xa4\x9a\x85B\xa1P\xb7n\xdd\xf2\xf3\xf3\xa3a\x0e\x84j\xfd\xfc\xe2\x8b/f\xcf\x9e\r\x00\x84\x08!\xe4\xfdC:\xb6\xbd\xb2q\xc0\x1f\x82((\xb1j@\xd0\xc8A\xedTK(\x03\xaa\xeb\xfa\xb8q\xe38\xe7\xf8\x10\x10\xfd\xb0\x00D5\xb5\xa9Rs\xb6\xc6T\xeb\xe7\xf5\xa3\xfb\xa6\xa6\xbb\x1b\xbe\xf5\xf3\\\x80\x81\xd7\x13\xe8\x90\x9d\xd9\xb9o\xdbpKh^^\xde\x81\x03\x07\xa263R}\xaa\xd4\xd4\xd4\x993g\x0e\x1f&gt;\\\xdd\xeb\x01\xc00\x8c\xdf\xfd\xeewK\x97.\xb5\xd9l\xd1s\xfc\xfb\xc8#\x8f\xe8\xba\xce\x008\x17W\xa4\'M\xb8\xb5k\xc0S\x97\x89\x8f\xb5$\t\xe1\\&lt;;\xfa\xf7\x1a\x03\x83sM\xd36m\xda\xb4p\xe1Bl\t\x8d~\xd1\xf2\x1bBg\xa5\xeeS\xaa\xbb\x8e1\xe0B\xb4\xc8j\xda\xef\xb6\x1e\xbe:M|\xad\x13\x82\x8ba\x0f\x0ct\xb8\xec\xaa%\xf4\xf8\xf1\xe3\x05\x05\x05.\x97+\no\x01jW\xcd\xe9t\xde\x7f\xff\xfd\x0f?\xfc\xb0\xfa_)\xa5\x86a\\w\xddu+W\xaeLMM\xf5\xfb\xfd\x11_\xfes\xce\xddn\xf7\xf2\xe5\xcb\xd7\xad[wz\xebgZ\xaa3d\xf0(\xa8M\xd5\x18P\xbfO\xef\xd5\xe9\xb2\xd1\x83\xdbWgFR:m\xda\xb4\x8a\x8a\nl\t\x8dr\xd1u\x13A\xa7S\xad\x9f\x1b6l\xa8y\xbf\xc6 \x92\x0c{`\xa0\xcdn\xe1&lt;\xbavW\x01h\xc0\xab\xb7h\xdb\xb4\xef\xf0\xeeRHuK\x9d={vQQQ\xb4\r\x08R\x1c\x0e\xc7_\xfe\xf2\x97W_}U\xd34u\x93\xe2\x9c\xff\xedo\x7f{\xff\xfd\xf7\x1d\x0e\x87\xcf\xe7\x8b\x86\xc1\x96\x9a\xa6\xf9|\xbeI\x93&amp;\x11B\x81\x12\xd5\xfa9rP;\xaf\'\x10\xa9\xd6\xcfs\x01\x00\xdd\xa7O\x1b\xd53\xd9e38g\x1a\xdb\xbbwoAA\x01\x00D\xe1\n\x00\x85E\xd7\xcf\x08\x85\xa9\xd7\xbe\x82\xc1\xe0\xc4\x89\x13)\xa5\x00T\x08\xd9\xb9_\xbb\x0e\xd9\x99\xde\xe8[\xfe\x13\xb5\x11T\xee\x1fxgv\xa3f)B\x08\x06\xa0\xeb\xfa\xf4\xe9\xd3\xa3g\x94\x82\xc29ONN\xce\xcb\xcb\x9b?\x7f\xbe\xc5b\toU\x17\x14\x14\xbc\xf4\xd2K\xc1`PM\x03\x8d\xf4\xc7$\x86a$%%\xbd\xfa\xea\xab%%%\x1a\x035\xf6\xe7\xd9{~\xcfy\x03\xce\xfd9o\x94\x92\xa0n4i\x9c\xf8\xf8\x88\x1ej@\x10\x03\xf6\xc2\x0b/\xa8\x83\xab(\\\x01 %\xea\xee#HQg\xbf\x8b\x16-\xda\xbe}\xbb\xdaK\xd5,l\xc8\xd8~\r9\xf6\xeb\x82PJ\x0c\x83\'7N\x1c|W\x8e\x94\x92K\xc1\x18[\xb6l\xd9\xea\xd5\xab\x93\x93\x93\xa3d\x19(\x84HHH\xd8\xb6m\xdb\xb3\xcf&gt;\xab\xfe\xaa\x94RM\xd3\xe6\xcd\x9b\xf7\x8f\x7f\xfc\xe3\xa7\x9f~"\x84D|\xe7\x87\xd4\xb4~\x1e:t(??\x9fR\xaa\xa6\xfe\xfd\xa9wf\xaf.\x97\xf9}zd[?\xcf\x851\xf0W\x05\xffz\xd3\xd5\x99\xcd\x92\r.\x18\x83\x8a\x8a\x8a\xbc\xbc&lt;|\' \x9aE\xfe\xb7\x8e~I-\xff\xcb\xca\xca&amp;M\x9a\x14\x1e\xfb\xd5\xff\x8e^-\xdb5k\xc8\xa9\x9f\x17\x8a1\xa8*\xf3e\x0f\xeb\xd2\xbaS\x0b\xc1\x85\x1a\xaa\xfc\xd8c\x8f\xf9\xfd\xfehXS\x13B\x84\x10v\xbb\xfd\x7f\xff\xf7\x7f\xc3\x07\xbcB\x88\x7f\xfe\xf3\x9f#G\x8e&lt;~\xfc\xb8\xda\x0e\x8a\xf4g$\xa4\xa6\xf53//O\x85-\x1b\\\xa4&amp;\xda\x9f\xba;[\xf7\xea\xd1P\x9f\xce\x8a\x12\xc2\x85\xb4\xdb-\xb3\xfe\x92C\x08\xe1\xdc\xd0\x18[\xb0`\xc1\xa6M\x9bTgm\xa4? :\x8b(\xfd1\x99\x9cZ\xfe\xe7\xe6\xe6\x96\x96\x96\xaa]\xd4\xa4T\xd7\xc0\x91\xd7\x04\xa3\xf8\xee\xafHB\x98\xc6n\x18\xd3\x0f\x80\n\xc1\x01`\xd7\xae]\xaf\xbc\xf2J\x94\x0c\x08\xb2X,eee\x9b6mR\xc5I\x08\xf1\xc7?\xfeq\xec\xd8\xb1?\xfe\xf8\xa3J\x8b\x8c\x06\xaa\xf5s\xfd\xfa\xf5s\xe7\xce\x05\x00"\x85\x94\xf2\xc1\xa1\x1d[4O\x8e\xc8\xd8\x9f\xf3\xc7\x80z\xab\x82C\xb23\xae\xed|\x19\x17R\xbd\x142n\xdc\xb8`0\x88\xa7\xc1\xd1\t\x0b@\xd4Qw\xff={\xf6\xa8\xa9\xbfR\n)\xc9M\xf7\xf5Ok\x9a\xac\xebQ\xd1\x98\xf8+\x00\xa8\xd7\xe3\xef\x98\x93\xd5m\xd0U\xaa%\x14\x00\xf2\xf3\xf3\x0f\x1d:\x14\xf1\x96P)\xa5\xc5b9v\xec\xd8\xe1\xc3\x87\xd5{\xcb\x84\x90\xbb\xee\xba+\n\xdfY\xd34m\xca\x94)\x86a0\x06\x9c\x8b\xcc\xe6\xc9\x8f\xfc\xa9\x9b?*\xcf~~\x89\x0b\xf9\xfc\xbd9V\x0b\xe3\x9ck\x9aVTT\xb4h\xd1"\x1c\x10\x14\x9db\xe0\xf7d6j\xffGem3\xc68\x17\xad;\xb5\xf8\xfd\xcd]\xab*\xea=\xef\xb7N\x00\xd0\x80O\x1f\xf6\xc0\xc0\x84$\x07\xe7\x02\x00\xca\xcb\xcb\xf3\xf2\xf2"&gt;WG\xf5&amp;UTT\x84\x8fy].W\xeb\xd6\xad\xa3a\xdeC\x98a\x18\xc9\xc9\xc9\xf3\xe6\xcd\xdb\xb2e\x0bcLp.\t\x995&amp;\xc7\xe9\xb44@\xe2c\xed\x01P\x9fO\xbf\xbaM\xfa\xb8a\x9d\xaa[B\x01&amp;M\x9at\xf2\xe4I|\x08\x88B\xd1\xf2\xbbG\x8aj\xfd,,,,,,d\x8cq\xc1\x01\xe8\rc\xfa1\x8d\xc5\xca\xb5C)\xd5\x83\xa1&amp;-\xd3\xfa\xdd\xd6SJ)\xa5\x00\x80\xb9s\xe7n\xdf\xbe=\xe2-\xa1*\xf2\xd70\x0c\xce9\xe7\\\xd7u\xa7\xd3\x19=w%5\x88\xa2\xb2\xb2\xf2\xc9\'\x9f$\x84\xa8\xb1?\xd7v\xbelHvF\x83%&gt;\xd6\x1e\x03\xd0}\xfa\xf8[\xba4Iqr.\x18\x83\xd2\xd2\xd2\xe7\x9f\x7f\x1e\x1f\x02\xa2\x10\x16\x80(\xa2\xd6\xfe*\\\x89\x10\x02@\x05\x17\xbf\x1bxU\xc7\x9c,\xaf\xc7\x1f\xe5\xbb\xff\xa7\x03\x06\xbe\n\xff\xe0\xbbz7n\x9e\xaa\x1e\x02\x0c\xc3x\xf4\xd1G#{\x14L)U\x87\xab\xbd{\xf7\xce\xc9\xc9\xe9\xdd\xbb\xf7\xc0\x81\x03\xa3*\xc6R\r\xfd\x9f9s\xe6\xbe}\xfb4M\xe3Bh\x0c\x9e\xbf7\'*;?\xcfI\xb5\x84\xa67I\xca\x1b\xd5KH)\x85`\x00\xcf=\xf7\\qq1\xd6\x80h\x83\x0feQD-\xffg\xcf\x9e\xfd\xc0\x03\x0fh\x9a&amp;\x04\xb79m\x8f\xbe\xf5\x97\xf4\x96\x97\xe8\xc1\xa8\xdb\xa7\xfeu\x9c\x0b\x97\xdb\xb9ey\xd1\x9b\x8f\xbf\x0f\x0c(\xa1\x9c\xf3\xf7\xde{o\xe8\xd0\xa1\xaa\xb3%R\x1f\x0c\x00\x1c\x0e\x87\xfa\x9f\xa5\x94j\x00\\\xa4&gt;\xcc\xe9T\xe0{iii\xf7\xee\xdd\xcb\xcb\xcb\x19\x03\xc3\xe0co\xb8\xea\xd5\x89\x03\xab*\xfc1\xb1\xfbw\x06I\xe9\xef\xc7\xbf\xbbs\xef\x8f\x16M\xd3C\xc6\xf0\xe1\xc3\x17/^\xac~\xe4\x91\xfeh\xa8Z\xec\xfd\xaa\xe2\x95\x10\x82RZZZ\xaaB?T\xebg\xdf\xe1\xdd/o\xd7,\xe0\xd3c\xeb\xeeO\x08a\x0c|\x1e\x7f\xaf!\x9d3;\xb5\x0c\xb7\x84N\x9a4I\r\xdc\x8f\xe0=W\x08QYY\xe9\xf1x&lt;\x1eOUUU\x94\xdc\xfd\t!\x9cs\x97\xcb\x95\x9b\x9b[VV\xa6iLp\x91\xec\xb2M\x1b\xd5S\xf7\x87\xa2\xe7\x88\xe2\xfcq.\x9dN\xeb3wgKI\xd4t\x90%K\x96TolbKh\xd4\x88\xbd\x1fV\xbcRG\x94\x93\'O.++\xd34\xcd\xe0\xfc\x92KS\x06\x8e\xca\xae*\xf7E0\xf2\xa56$!\x82\x8b\x9b\x1f\x1c\xc4\x18p\xc1\x19c%%%3g\xce\x8clT\x80\x1a\xf7o\xb5Zm6\x9b\xfa_#\xf5IN\xa76\x7fV\xae\\\xb9x\xf1b\xf5\xea\xac\x90\xf2\xf1\x11=\x9a4N\x8c\xf2\xd6\xcfsQSB\x07t\xbf\xfc\xe6kZq.Tf\xa4jm\xc0\xd3\xe0\xe8\x11\x93w\x96\xf8\xa3Z?\xb7o\xdf\xfe\xce;\xef0\xc6\x84\xe0D\x92\x9b\xee\xeb\xefNs\x19\xd14\xf6\xeb\x82\xa8\xbc\xb06\xdd\xaf\xc8\x1e\xdaEeFRJ_~\xf9\xe5\x92\x92\x92H\xb5\x84\xaa\xe4w\xb7\xdb]YYy\xf2\xe4I\xa7\xd3\x19%\xe9\x95*\x91\xf8\xe9\xa7\x9f\x16B\x00P!D\xe7\xd6\x8d\xfe:\xb4\xa3\xbf*\x18\x8b\x9b?a\x82\xcb\xfc{\xb2\xdd\tV\xce9c\xa7\x9a\x9b\xa3\xe1o\x8e\x08\x16\x80(\xa1\x8e\x7f\'N\x9c\xa8Z\x129\x17\x99\x9dZ\xf6\x1a\xd2\xb9\xaa&lt;&amp;7\x7f\xc3(\xd0@Up\xc8\xd8\xfe\xceD\xbb\xe0\x82i\xac\xac\xac,77711\xb1\xe1\x1f\x02\xd4\xc2\xff\xc8\x91#w\xdeyg\xf7\xee\xdd\x7f\xf7\xbb\xdf\xddx\xe3\x8d[\xb7nMHH\x88\xec\xfd\xc80\x8c\xb4\xb4\xb49s\xe6l\xd9\xb2\x85iLp.%y\xe6\xeel\xbbM\x8b\x89\xd6\xcfs\x01\xa0~\x9f\x9e\x95\xd9\xf8\xfe!\x1d\x85\x90\x94\x10J\xa9\xda\xe3\xc2\xc8\xb0(\x11\xc37\x97\xb8\xa1\x8e\xc5\x96,Y\xb2a\xc3\x06M\xd3874\x0b\xbb\xf9\xc1A\x82\x0b\x12\xbbW?!\xa4&amp;325\xdd}\xfd\x98\xbe\xea\xdd+\x00X\xbat\xe9\xfa\xf5\xeb#\xd2\x12J)\xbd\xe7\x9e{\x16/^|\xe4\xc8\x91\x9f~\xfa\xe9\xe3\x8f?\xbe\xf9\xe6\x9b\x0f\x1d:d\xb5Z#u?Re\xe9\xe8\xd1\xa3\xcf=\xf7\x1c\xa5\x14\x08\xe1B\xfe1\xbb\xf5\x80\xee\x97\xc7P\xeb\xe7\xb90\x06\x01O`\xc2\xad]3\x9a\xba\r\xce\xb5\x9a\x15\x00\x0e\x08\x8a\x12X\x00"L\xddwt]\x9f2e\n!D\x8d\xfd\xea:\xa0C\x9b\xee\x19\xd1&lt;\xf6\xe7\xfc\xa9\xd8\xd8\xbe\xc3{4i\x91\xa6\x82\xe3\xd5\xbfl\x03\xf7_\n!\x1c\x0e\xc7\x9e={\xb6n\xdd\xca\x18S\x01\x00V\xab\xb5\xbc\xbc\xfc\xe3\x8f?\x8e\xe0C\x80a\x18n\xb7\xbb\xa0\xa0\xe0\xfb\xef\xbfg\x8c\xa9\xa9\x9f\xd3F\xf5\x8c\xda\xa9\x7f\x17\x84R\x122xZZ\xc2\xe4\xdb\xba\xa9)\xa1\x00\xf0\xdak\xaf\xed\xd9\xb3\x077\x82\xa2\x01\x16\x80\x08S\x99_3g\xce,..\xb6X,\x86\xc1\x13\x92\x1c\xc3\xee\x1f\x10\xf0\x06\xe2\xe0\xee\xafp.l\x0e\xcb-\xe3\x06\x13r*3r\xfe\xfc\xf9\r\x9c\x19\xa9^\x03V\xa3\xff\xd5Q0\xe7\x1c\x00\xca\xca\xca"u,\xa9\xc6\xfe|\xf9\xe5\x97jg\\\xb5~\x8d\x1b\xd6\xa9\xc3\x95M|&gt;=&gt;~\x00\x1a\x03o\x85\xff\xcf\x83\xdb\xab\xccH\x8d\x81z\xd3\x05\x8f\x82\xa3\x01\x16\x80HR["{\xf7\xee\x9d1cF\xcd\xd8\x1f\xd9\xef\xb6\x9eMZ\xa6EO\xe2c\xed\x01\x03\x7fe\xa0S\xdf6m\xbae\x843#\x9fx\xe2\x89\xd2\xd2\xd2\x86\xdc{\xe1\x9c\xa7\xa5\xa51\xc6\xc2O\x00j\x11\xda\xb8qcu\x06\xd30\x1f\xe3t\xea\xd5\xdf\xdc\xdc\xdc\x8a\x8a\n\x06\xc09o\x92\xe2\x1c\x7fK\x17\xdd\xaf\xb3\x18l\xfd&lt;\x17I\x88\xa6\xc1\xd4\x91=\x00(\x17\\c\xac\xb0\xb0\xb0&amp;\xe6\x08[B#)~~d\xb1H\xddw\xf2\xf2\xf2&lt;\x1e\x0fc\xcc0x\x93\x16i\xd7\xdd\xd5\xdbW\xe1\x8f\xd1\xd6\xcfs\x91\x84H.\x87O\x18\xacY\x98\xea\n\xdf\xbf\x7f\x7fAAA\x83M\t\x05\x00\xbf\xdf\x7f\xe5\x95W^{\xed\xb5\xe1\'\x80P(\xd4\xb4i\xd3k\xaf\xbd\xb6\xaa\xaa\xaa\xe1{\xedU\xeb\xe7\xaaU\xab\x96/_~z\xe2cz\x93\xa4\x18m\xfd&lt;\x17\x06\xd4[\x19\x18\xd03\xe3\x8e\xbeY\x9cK\xd5\x12\xaa\x82N\xf19 \xb2\xe2\xea.\x13[\xd4\xd9\xef\xc6\x8d\x1b\x17,X\x10^\n\xdd2n\xb0\xc3i\xe5\\\xc4\xd1\xe5OHuCH\xf0\x8a\xf6\xcd\xfb\xdf\xd1K\xb5\x84\xaa\xbd\xe0]\xbbv5X#\xa6\x1a\xb3\xf1\xdak\xaf\xddy\xe7\x9d\x97^z\xe9%\x97\\2p\xe0\xc0\x0f&gt;\xf8\xa0q\xe3\xc6\x11\x19\x08\xca\x18\xab\xaa\xaaR\'\xa2@\xa9J|\xbc\xfb\x0f\x1d\xbc\x1e\x7f\xb4%&gt;\xd6\x1e\x05\xd0\xfdz\xfe\xdd\xd9\xa9\x89\xf6\x90\xc15\x8d\x15\x17\x17\xcf\x9c9\x13O\x02"+\xde~g\xb1\x85s\x9e\x9b\x9b\xabv\xa2\x85\x10m\xbaet\xea\xdb\xc6W\x19\x88\xb3\xe5\xbf\xa2^\x0b\x180\xf2\x9a\xa44\x97:\r\xae\xa8\xa8\xc8\xcf\xcfw:\x9d\rV\x00t]OMM}\xf3\xcd7\xb7m\xdb\xf6\xc5\x17_,_\xbe\xfc\xaa\xab\xae\xf2z\xbd\r\xbf\xfc7\x0c#%%e\xfe\xfc\xf9\xbbv\xed\x02\x00!8\x03:uD\x0f\xa6A\\.\x88\x81\x92`\xd0\xb8\xacy\xf2\x83C;J)\x89\x94@a\xd6\xacY\xa5\xa5\xa5\xd8\x11\x14Aqx\xa3\x89\tj\xd4\xf3\xc2\x85\x0b7n\xdc\xa8i\x9a\xc1\r\xc6`\xf8\xf8\xc1\x92\xc7\xe5\xe5OHMK\xe8%M\x93\x87\x8c\xed\xafZB\x19c\xef\xbd\xf7\xde\xca\x95+\x1b\xec\xdd`\xf5\xbeUEEEbbbjj\xaa\xd7\xeb\xf5\xf9|\r\x7f\xf7W\x89\x8f\x07\x0e\x1c\xc8\xcb\xcb\x03\x005\xf5\xf3\xb6&gt;W\x0e\xe8\x95\xe1\xad\x0cDg\xe2c\xed\xa9~\xb0G\xfe\xd4\xad\xf5\xa5n\xf5\x10p\xf2\xe4\xc9\xc9\x93\'\xe3;\x01\x11\x84\x05 \x02\xd4\xd4\x07\x8f\xc73m\xda4\xb5\xf3 \x85\xcc\x1e\xda\xe5\xf2\xf6\xcd\x02\xbexh\xfd&lt;\x17\xc6\xc0\xeb\xf1\xf7\xba\xb1S\x8b\xac\xa6B\x08\x95\x18\xf5\xf4\xd3O7\xe4\x0e\x0c\xa5\x941f\x18F(\x14\x02\x80\x88\x8c\xd9QCI\x0b\n\n\x8e\x1f?\x0e\x00\\\x08w\x82\xf5\xb1\x11=B\x81\x10\x8d\xdfo\x9f\xaa\x01A\t\xd6\'\xee\xecI\x08\x11\x82\xab5PQQ\x11\x06\xc7G\n\x16\x80\x08P\xcd?3f\xcc\xd8\xbbw\xaf\xda\xfdw&amp;\xda\x87\x8c\xed\x1f\xf4\xebq|\xfd+\x82\x0b\xbb\xd3:\xec\x81\x81D\x9ej\t}\xf3\xcd7\x1b\xb8%T\r\xa7k\xb0\x7f\xdc\xe9T\xeb\xe7\x17_|1{\xf6l\x00P\xd3\x89\xee\x1f\xd2\xb1\xed\x95\x8d\x03\xfe\x10\xc4\xd3\xe1\xef/\xa8\x01A#\x07\xb5S-\xa1\x0c\xa8\xae\xeb\xe3\xc6\x8d\xe3\x9c\xe3C@D`\x01hhj\xeb\xa3\xe6\x04\x8c\xa9\xd6\xcf\xebG\xf7MMw\xc7S\xeb\xe7\xb9\x00\x03\xaf\'\xd0!;\xb3s\xdf\xb6\xe1\x96\xd0\xbc\xbc\xbc\x03\x07\x0eD&lt;3\xb2\xc10\xc6\x1ey\xe4\x11]\xd7\x19\x00\xe7\xe2\x8a\xf4\xa4\t\xb7v\rxb#\xf1\xb1\x96$!\x9c\x8bgG\xff^c`p\xaei\xda\xa6M\x9b\x16.\\\x88-\xa1\x11\x11\xff?\xb8h\xa3\xeeq\xaa\x07\x8e1\xe0B\xb4\xc8j\xda\xef\xb6\x1e\xbe\x18I|\xad\x13\x82\x8ba\x0f\x0ct\xb8\xec\xaa%\xf4\xf8\xf1\xe3\x05\x05\x05.\x97+\xeeo\x01\x9cs\xb7\xdb\xbd|\xf9\xf2u\xeb\xd6\x9d\xde\xfa\x99\x96\xea\x0c\xc5\xec\xd4\xbf\x0b\xc2\x80\xfa}z\xafN\x97\x8d\x1e\xdc\xbe:3\x92\xd2i\xd3\xa6UTT`Kh\xc33\xcb\x1d\'J\xa8\xd6\xcf\r\x1b6\xd4\xbc\x05c\x10I\x86=0\xd0f\xb7pn\x96=P\x00\x1a\xf0\xea-\xda6\xed;\xbc\xbb\x14R\x9d\x88\xcc\x9e=\xbb\xa8\xa8(\xe2\x99\x91\xf5M\xd34\x9f\xcf7i\xd2$B(P\xa2Z?G\x0ej\xe7\xf5\x04\xe2\xaf\xf5\xf3\\\x00@\xf7\xe9\xd3F\xf5Lv\xd9\x0c\xce\x99\xc6\xf6\xee\xdd[PP\x00\x00q\xbf\x02\x886f\xf9\xcdE\x03\xf5\xdaW0\x18\x9c8q"\xa5\x14\x80\n!;\xf7k\xd7!;\xd3k\xa6\xe5?Q\x1bA\xe5\xfe\x81wf7j\x96"\x84`\x00\xba\xaeO\x9f&gt;=\xb2Y1\xf5\xcd0\x8c\xa4\xa4\xa4W_}\xb5\xa4\xa4Dc\xa0\xc6\xfe&lt;{\xcf\xefylE&gt;\xd6\x9a\xca\x8cl\xd28\xf1\xf1\x11=\xd4\x80 \x06\xec\x85\x17^PGb\xf1\xbd\x02\x886&amp;\xba\xe9D\x9c:\xfb]\xb4h\xd1\xf6\xed\xdb\xd5\x8e\xa7faC\xc6\xf6\x8b\x8f\xb1_\x17\x84Rb\x18&lt;\xb9q\xe2\xe0\xbbr\xa4\x94\\\n\xc6\xd8\xb2e\xcbV\xaf^\x9d\x9c\x9c\x1c\x97\xcb@\xd5\xfay\xe8\xd0\xa1\xfc\xfc|u\x02-\x84\xfcS\xef\xcc^].\xf3\xfb\xf4xm\xfd&lt;\x17\xc6\xc0_\x15\xfc\xebMWg6K6\xb8`\x0c***\xf2\xf2\xf2\xf0\x9d\x80\x06\x86\x05\xa0\x81\xa8\xe5\x7fYY\xd9\xa4I\x93\xc2c\xbf\xfa\xdf\xd1\xabe\xbbf\xf11\xf5\xf3B1\x06Ue\xbe\xeca]Zwj\x11\xce\x8c|\xec\xb1\xc7\xfc~\x7f\\f\xc6\xaa\xd6\xcf\xbc\xbc&lt;\x15\x89lp\x91\x9ah\x7f\xea\xeel\xdd\xab\xc7b\xe2c-QB\xb8\x90v\xbbe\xd6_r\x08!\x9c\x1b\x1ac\x0b\x16,\xd8\xb4i\x93\xa6iq\xb9\x02\x88N\xa6\xfb\xe5E\x8aZ\xfe\xe7\xe6\xe6\x96\x96\x96\xaa\xbd\xce\xa4T\xd7\xc0\x91\xd7\x04My\xf7W$!Lc7\x8c\xe9\x07@\x85\xe0\x00\xb0k\xd7\xaeW^y\xa5\xc1\x06\x045\x18\xd5\xfa\xb9~\xfd\xfa\xb9s\xe7\x02\x00\x91BJ\xf9\xe0\xd0\x8e-\x9a\'\xc7\xd9\xd8\x9f\xf3\xc7\x80z\xab\x82C\xb23\xae\xed|\x19\x17R\xbd\x142n\xdc\xb8`0\x88\xa7\xc1\r\x06\x0b@CPw\xffp\x1e\x9e\x94BJr\xd3}\xfd\xd3\x9a&amp;\xebz\xfc\xb7~\x9e\x0b\x00\xf5z\xfc\x1ds\xb2\xba\r\xbaJ\xb5\x84\x02@~~\xfe\xa1C\x87\xe2\xaf%T\xd3\xb4)S\xa6\x18\x86\xc1\x18p.2\x9b\'?\xf2\xa7n~\x93\x9d\xfd\xfc\x12\x17\xf2\xf9{s\xac\x16\xc69\xd74\xad\xa8\xa8h\xd1\xa2E8 \xa8\xc1\x98\xfa\xc7\xd7`\xd4\xfe\x8fJ\xc4f\x8cq.Zwj\xf1\xfb\x9b\xbbVU\xf8L~\xfd\x03\xd0\x80O\x1f\xf6\xc0\xc0\x84$\x07\xe7\x02\x00\xca\xcb\xcb\xf3\xf2\xf2\x12\x12\x12\xe2f\x1f\xc00\x8c\xe4\xe4\xe4y\xf3\xe6m\xd9\xb2\x851&amp;8\x97\x84\xcc\x1a\x93\xe3tZb:\xf1\xb1\xf6\x00\xa8\xcf\xa7_\xdd&amp;}\xdc\xb0N\xd5-\xa1\x00\x93&amp;M:y\xf2$&gt;\x044\x0cS\xdf}\x1a\x86j\xfd,,,,,,d\x8cq\xc1\x01\xe8\rc\xfa1\x8d\xe1/\x9cR\xaa\x07CMZ\xa6\xf5\xbb\xad\xa7\x94RJ\x01\x00s\xe7\xce\xdd\xbe}{|\xb4\x84\xaa\x89\xff\x95\x95\x95O&gt;\xf9$!D\x8d\xfd\xb9\xb6\xf3eC\xb23\xe2 \xf1\xb1\xf6\x18\x80\xee\xd3\xc7\xdf\xd2\xa5I\x8a\x93s\xc1\x18\x94\x96\x96&gt;\xff\xfc\xf3\xf8\x10\xd00\xb0\x00\xd4/\xb5\xf6W\x11H\x84\x10\x00*\xb8\xf8\xdd\xc0\xab:\xe6dy=~\xd3\xee\xfe\x9f\x0e\x18\xf8*\xfc\x83\xef\xea\xdd\xb8y\xaaz\x080\x0c\xe3\xd1G\x1f\x8d\x8f\xa3`5\xf4\x7f\xe6\xcc\x99\xfb\xf6\xed\xd34\x8d\x0b\xa11x\xfe\xde\x1c\x93u~\x9e\x93j\tMo\x92\x947\xaa\x97\x90R\n\xc1\x00\x9e{\xee\xb9\xe2\xe2b\xac\x01\r\x00\x0b@\xfd\x12\xa7\x85\xa0\xaa\xf6\x06\x87\xcb~\xfd\x98&gt;z \x84w\x7f\x85\x12bpaO\xb0\xddxo?B\x88\x90\x821\xb6n\xdd\xba\xe5\xcb\x97\xbb\xdd\xee\x98\xde\x08\x92R:\x1c\x8e\x92\x92\x92\x97_~\x99R\xaaZ\xbfF\x0fn\x7fuV\x13\x7f\xbc$&gt;\xd6\x9e\xc6\xc0_\x19\xb8s`\xdb\xce\xad\x1bq!XMj4\xee\x025\x00,\x00\xf5H\x08A)---U\xa1\x1f\xea\xfa\xef;\xbc\xfb\xe5\xed\x9a\x05|\xbai\xcf~\x7f\x891\xf0y\xfc\xbd\x86t\xce\xec\xd42\xdc\x12:i\xd2\xa4\xaa\xaa\xaa\x98~5\x8cs\xeer\xb9rss\xcb\xca\xca4\x8d\t.\x92]\xb6i\xa3z\xea\xfe\x90\t[?\x7f\x05\xe7\xd2\xe9\xb4&gt;sw\xb6\x94DM\x07Y\xb2dI\xf5\x96i,\xaf\x00\xa2\x1f\xfe\n\xeb\x91\x1ar0y\xf2\xe4\xb2\xb22M\xd3\x0c\xce/\xb94e\xe0\xa8\xec\xaar_\\F\xbe\xd4\x86$Dpq\xf3\x83\x83\x18\x03.8c\xac\xa4\xa4d\xe6\xcc\x99\r\x16\x15P\xe7\xd4\xe6\xcf\xca\x95+\x17/^\xac^p\x15R&gt;&gt;\xa2G\x93\xc6\x89\xa6m\xfd&lt;\x175%t@\xf7\xcbo\xbe\xa6\x1</t>
        </is>
      </c>
    </row>
    <row r="343">
      <c r="A343" s="1" t="n">
        <v>341</v>
      </c>
      <c r="B343" t="inlineStr">
        <is>
          <t>shape_size_grid</t>
        </is>
      </c>
      <c r="C343" t="inlineStr">
        <is>
          <t>What is the size of the missing part denoted by a question mark?</t>
        </is>
      </c>
      <c r="D343" t="inlineStr">
        <is>
          <t>['small', 'medium', 'large']</t>
        </is>
      </c>
      <c r="E343" t="inlineStr">
        <is>
          <t>medium</t>
        </is>
      </c>
      <c r="F343" t="inlineStr">
        <is>
          <t>There are 9 shapes arranged in a grid with different sizes in the image, of which there is 1 missing shape. The first row is ['large hexagon', 'large triangle', 'large square'], the second row is ['medium hexagon', '?', 'medium square'], and the third row is ['small hexagon', 'small triangle', 'small square'].</t>
        </is>
      </c>
      <c r="G343" t="inlineStr">
        <is>
          <t>We observe that the rows contain large shapes, medium shapes, and small shapes respectively. On the other hand, the columns contain hexagons, triangles, and squares respectively. Hence, the pattern is that the shapes within each column are the same, while each row progresses the size of the shapes.</t>
        </is>
      </c>
      <c r="H343" t="inlineStr">
        <is>
          <t>Based on the pattern that the shapes within each column are the same, while each row progresses the size of the shapes, the size of the missing triangle should be medium.</t>
        </is>
      </c>
      <c r="I343" t="inlineStr">
        <is>
          <t>b'\x89PNG\r\n\x1a\n\x00\x00\x00\rIHDR\x00\x00\x02\x00\x00\x00\x02\x00\x08\x02\x00\x00\x00{\x1aC\xad\x00\x00TaIDATx\x9c\xed\xdd{\\UU\xfe?\xfe\xbd\xd7\xde\xa0\xc2\xe1\xaa\xa9\x95\x93\x02\x99S^*\xe82\xea\xe4mR\xbb|\xaa\x8f\rh\xa5\xa2S\x9fb\xb2D\x14\r\x08I\x94HIA\xb2\xcb\x0c\xcd4)&amp;YPN\xf9k\xa6\xb4\xaf\xb7\xb2\x9a)\x18+\xad1\x04\xed\x8e78\x87s\x10\x84\xbd\xd7\xfe\xfd\xf1\x96\xdd\t/\t\x1c8\xe7\xec\xf5z&gt;&gt;\x8f\x1e\xa3\x9f\x82u\xf69g\xbd\xd7z\xaf\xf7ZK6\x0cC\x02\x00\x00\xf10o7\x00\x00\x00\xbc\x03\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 .\xc308\xe7\xden\x05\x80\xd7\xc8\x86ax\xbb\r\x00\x00\xe0\x05\x98\x01\x80\x888\xe7\x86a\xec\xd9\xb3\xe7\xb5\xd7^\x93$I\xd7uo\xb7\x08\xc0\x0b0\x03\x00\x11i\x9a\xa6\xaaj||\xfc\x8e\x1d;jjj\x18c\xb2,\xcb\xb2\xec\xedv\x01t+\xcc\x00@8\xba\xae\xab\xaa\xfa\xde{\xef\xbd\xf1\xc6\x1b\xc7\x8f\x1f\x7f\xf2\xc9\'\x19cX\x0c\x00\x01a\x06\x00b1\x0c\xc30\x8c\x96\x96\x96Q\xa3FUTT0\xc6\xc2\xc3\xc3\xf7\xed\xdb\xd7\xb7o_I\x92\x18\xc3\x90\x08\x04\x82\x8f;\x88\x85s\xce\x18\xdb\xb8qcEE\x85\xa2(\x8c\xb1\xda\xda\xda\x8c\x8c\x0c\xc6\x18\x06C \x1a\xcc\x00@ 4\xfc\xb7\xdb\xedC\x87\x0e=r\xe4\x08\xfd\x8d,\xcb\xaa\xaa~\xf8\xe1\x87\xb1\xb1\xb1\x14\x1e\xbc\xddL\x80n\x82\xcf:\x08\x84\xfa\xf7\x82\x82\x82\x9a\x9a\x1aY\x96\xa9\x16H\x96\xe5\xe6\xe6\xe6\x94\x94\x14]\xd71\x1e\x02\xa1`\x06pVVZ\x15\xc4\xa8V\x92$\xce\xb9,\xcb\x07\x0e\x1c\x186l\x98\xa6i4\x1b\xa0\xff\x97\xaa\xaa\x9a\xa6\x15\x17\x17\xcf\x9c9S\xd7uEQ\xbc\xdbT\x80\xee\x81\x00pf40\xf4v+&lt;\xc6b/\xa7c\xa8g\x9f:ujii\xa9\xa2(\xba\xae\xd331\x0c\x83\x16\x00\xa2\xa3\xa3\xcb\xcb\xcbCBBP\x12\n\x82@\x008\x03J\x14dgg\xef\xda\xb5\x8bz\no\xb7\xa8\x83\xa8\xf1c\xc6\x8c\xc9\xce\xce\x16&lt;\xbbM\xbd\xff\x96-[&amp;O\x9e\xdc\xe6=\x95e\xd90\x0c\x9a\x04dgg/Y\xb2\x84v\tx\xb1\xb5\x00\xdd\x03\x01\xa0-J\x14|\xf5\xd5W\xbf\xfe\xf5\xaf\xbd\xdd\x16\x8f\xf9\xef\x7f\xff{\xd9e\x97\xd1P\xd7\xdbm\xf1\x02\xca\xf6p\xce\x87\r\x1b\xf6\xd5W_\x99\x03\xff\xe1W\x0f\x1b=n\xe4\x9f\n\x9eW\x14\x85\xde\xf7\x90\x90\x90\xf2\xf2\xf2\xe8\xe8ha\x9f\x15\x08\x05\x1f\xf1\xb6([\x92\x9c\x9c,IR``\xa0\xe2\xe7\x02\x03\x03%IJNN\xa6q\xae\xb7\x9f\xaew\xd0\xec\xa7\xa8\xa8h\xff\xfe\xfd\xb4\xe7\x8b\x9eFJ\xc6\xdc%\xcb3\x7f5p\x00\xe7:\xa5}\x1c\x0e\xc7\xb2e\xcbD~V \x14|\xd0\x7f\xe6\x0c\x89\x02Yb\x8cI\xfe\xf8\x90d\x89s.\x19\xa7\x12A\xef\xbc\xf3\xce\xa4I\x93\x04\\\xe1\xa4O\xb8\xddn\x8f\x89\x89\xb1\xdb\xed\x92$1\xc6t]\xbf\xe9\xf6I\xcf\x97&lt;\xc7d\xb9\xacdS\xca\xfd\x0b\xe9)\xd1\xc3\xd9\xb6m\xdb\x981c\x04|V \x1a\x04\x80\x9fP\xa2@\xd3\xb4\x11#FP\xa2\xc0\x1a\x85@\xb4\xc2y\xd9e\x97}\xf6\xd9g\xaa\xaa\x8a\xb6\xc2I\xfd\xf8\xc3\x0f?\xfc\xec\xb3\xcfR/\xcf\x18ST\xe5\xad\xf7\xfe&gt;\xe4\x8a\xcb\x9c\xf5\xce\x88\xde\x11S\xc6\'\xfc\xfb\xc3O\xa8\xbb\xa7U\x93m\xdb\xb6I\x92\x84\x00\x00\xd6\x86\x00\xf0\x13\xea)\x9ex\xe2\x89\xcc\xccLUU\xa9JDQ\x95\xbc\xa7s\xfb_\xd4\xaf\xb9\xb9\xc5_\xfaM\xc30\x02\x03\x03j~8\x9c67S\xd7t\xc30\x14E\xd14-77\xf7\xd1G\x1f\x15j`k\xae\xe8\x0c\x1b6\x8cs\xce9\xa7\x18\xf0\xc7\x94\xfb\xb3Wf\x1d?z\x9c1\x16l\x0b\xfe\xe4\xa3\xf2\xbbn\x99\xa9i\x9a\xf9/PI(V\x83\xc1\xda\x10\x00N\xa1\xc1\xfe\x91#G\x86\x0e\x1dj\xb7\xdbi\rP\xd7\xf5\xa4y\xff\xb7\xb2p\xb9\xbd\xc1\xee_\x9d\xa6\xae\xeb\xe1\xc1\xe1\x8bR2\x8a\x9e\xfa\xab\xd2\xba\xc2)\xe0\xa17\x14\xed&amp;O\x9e\xbce\xcb\x16\xf39\xf4\xee\x13\xf9\xf6\x87\x9b\xc3#\xc2[ZZdY\xd64\xed\x82~}\x92\xeeyx\xd3+o(\x8aB\x13\xc1\xe8\xe8\xe8\x8a\x8a\n\x9b\xcd&amp;\xda\x84\t\x84\x82\x00p\n\xf5\x14\x7f\xf8\xc3\x1f\xd6\xae]k\xf6\x02\x97\x0c\xfa\xd5\xff\xf7\xde\xa6\x1e=zPO\xe1\xed6\xb6\x83a\x18\x01\x01\x01\'O\x9e\xfc\x9f\x1b\xa6|s\xe8[\xea\xc5t]\x9f={\xf6\x8b/\xbe(\xc8$\x80^fii\xe9\xd4\xa9S\xcd\x14\xbf\xae\xeb\xcb\x9f\xca\xb9w\xce\xaccG\x8f\xd3\xe8\xde0\x8c\x80\xc0\x80\xa35G\'\x8f\xfc\x9f\xfaz\xa7d\x9cZ$x\xf4\xd1Gsss\x05yV &amp;\x04\x00IjM\x14TTT\x8c\x1e=\xba\xa5\xa5\xc5\xcc\x03\xe4=\x9d;\xfb\xc1\xc4cG\x8e\xf9c\x1e@\xd3\xb4&gt;}\xfb\xac\xfdSq\xda\xdcL3\xf7\x1d\x10\x10\xb0{\xf7\xee\xd8\xd8X\xcb\x979\x9a+:\xc3\x86\r;p\xe0\x00\xc5o\xce\xf9\xd0\x11W\xfc}[i\x9b\xd5\x1dM\xd3\xfa\\\xd0\xfb\x99\x95\x7f\xcayt9M\x14\x18c\x8a\xa2\xec\xdd\xbbw\xf0\xe0\xc1V\xdaB\x81[0\xcf\x81\xae\x85\xf0v+\xba\x15\x02\x80$\xb5\x0e\x15\xc7\x8d\x1b\xb7s\xe7Ns%\xf0\xda\x91q\xa5\xef\xbc\xdcx\xa2\xd1\x7f\xbf\xfc\x9c\xf3^A\xbd\x12&amp;\xdf\xfd\xf1\x87\xe5\xe6\xeb\x1a;v\xec\x8e\x1d;,?\xb0m\xb3\xa2\xa3i\x9a\xa2(\x86d\xac\xdf\xf4\xe2\xb8Ic\x1cu\x8e\xd3_&gt;S\xd8\xa4\xebo=TuH\x96\x19M\x98\x12\x12\x12^}\xf5U\xcb?+\x10\x16\x02\xc0\x99\x13\x05\x86d\x14\xbf\xfe\xb7\xf1\x93\xc68\xec\xf5\xfe\xfb\xe5\xd7u=,&lt;t\xfb\x96]\x89w\xde+K\xb2\x99\x03y\xf5\xd5W\x13\x12\x12,\xdc\xaf\xd1\x94\xee\xf0\xe1\xc3mVt\xeeH\xb8\xed\xf9\x92g\xcd\xe4\x8f;zVo\xbf\xb9\xf5\xbeiI\xee\xf9\xa2\x1d;v\x8c\x1d;\xd6\x02\xcf\x8a6\xb8\xd4\xd5\xd5\xed\xd9\xb3\xc7\xdbm\xf1QW]uUDD\x84P\xe7\xa6\x88\x1e\x00hF\xac\xeb\xfa\xb0a\xc3*++i\x0ex\xee\x9e\xc2\xbfPr\xe3\x81{\x1ez\xa3t3\xadmp\xce\x07\x0f\x1e\xbcw\xef^EQ\xac:\xe7\xa5\xfez\xf6\xec\xd9\xeb\xd6\xad3\xd7~\x83m\xc1\x7f\xdfV\x1a38\xaa\xb1\xb1\xe9\x8c\xb3:\xceyH\xa8m\xda-3w\xef\xf8\xc0\\\x07\x8a\x8d\x8d\xdd\xbd{w@@\x80\xbf\xaf\x06\xd33y\xf7\xddw\'N\x9c\xe8\xed\xb6\xf8\xa8\xad[\xb7\xdex\xe3\x8d\x16\x08\xf6\xe7\xcf_\x93\x1b\x9eB\xe9\xfeU\xabVUVV\xaa\xaaJ\xdf\xf9\x90\xd0\x90\xe4\xb4\x87\xfc:\xf9cb\x8c5\x9ehLN{($4\x84^\x9d\xaa\xaa\x95\x95\x95\xabV\xad\xa2\x9e\xd1\xdb\r\xf4&lt;\xfa\x02\xef\xda\xb5k\xfd\xfa\xf5\xe6X\x9es&gt;\xeb\x81\x19#b\x87\xbb\\\r\xe7x[u\x9dg-\xcf\xa0O\x02\xa5\xfe\xcb\xcb\xcb7n\xdch\x99;#UUe\x8c\xd1?\xc1d&gt;\x16o\xbf?\xdd\xcd\xef;\xb8\xce\xa0oxUUU^^\x1ec\xac]=\x85\xbf`\x8c\xb9\\\r#b\x87\xcfz`\x86\xb9\xb8\xcd\x18\xcb\xcb\xcb\xab\xaa\xaabV\xe9\xd7\xda\xd0u=++\x8b^\x1a\xbd\xb3\xbf\x1a8\xe0\x81y\xf7\xd9k\xed\xe7\xf8\x923\xc6\\\xce\x86+\xe3\x86OK\x8c\xa7gE\x9f\x90\xf4\xf4\xf4\xda\xdaZk\x9c\x0fA\x81\xcdD\xe9\x0ea\x9d\xfe4\xbc\xfd\xfet7\xbf\xef\xe0:\x83&gt;\xfd\xcb\x96-\xab\xaf\xaf\xa7\x0f\xc4y\xf6\x14\xfeEUU{\xad\xfd\x81y\xf7\xfdj\xe0\x00\xda\xdd&amp;\xcbr}}\xbd%\x0f\xbd\xa1(^RRb\x9e\xe4J\xafqa\xd6\xfc\xbe\xfd.hnn\x96\xcf\x99\xc6Q\x14v\xc2\xd5\xb8`\xf1\xbc\xb0\xf0P\x8a\x1f\xb2,\xd7\xd4\xd4\x14\x14\x14X2X\x1a\x86\xa1\x0b\xccb\x1f\xfe\x0e\xb0\xda\xf7\xff\xfc\xe9\xad\x89\x82\t\x13&amp;\x98\x7f\xd4u\xfd\xa9\xbf\xe6OK\x8c?~\xac\xd62\x01@\x92$M\xd3z\xf7\x89|\xa5\xb8l\xde\xff\xa5Z\xf8\xd0\x1b\xcaq9\x9d\xce\xb8\xb8\xb8\xea\xeaj3\xa8_7\xf2\x9aM\xdb^=\xcf\xf5|M\xd3"\xfbD&lt;\xb7\xaa\xc8,\t\x95eYU\xd5\xbd{\xf7^z\xe9\xa5\xfe[&gt;K\xef\xf2\xf6\xed\xdb\'L\x98\xc0\x18\xa3g\x15\x1a\x16:\xec\xaa+t\x8d\xfb\xf3\xeaFG\x18\x86\xa4\xa8l\xef\x9e/\xea\x1d\xa7\x06\x7f\x9c\xf3m\xdb\xb6\x8d\x1f?\xde2_\x87\xf3a\x9d&gt;\xae\x03t]\xcf\xca\xca\xa2\xf7\x9b\xba\xc5\xebF^\x13?}J\xed\xf1:+\xf5\xfe\x92$\xa9\xaaZ{\xbc.~\xfa\x94\r/\xbc\xec~\xe8MVV\x16\x1dzc\r\xba\xae\xab\xaaZXXXUUE\xa5\x9f\x8c\xb1\xc0\xc0\xc0\xf4\x9cE\xba\xce\xcf=\xf67)\xaa\xe2t8\x13\x93f\xbc\xf4\xb7\x97\x0fU}M\xbdCsssff\xe6\xab\xaf\xbej\x99I\x00e\xc6\x86_u\xc5\x9b;^w9]L\xf1\xcb\xa8\xd6a\\\xe7\xb6\x10\xdb\xed\xe3\xee\xdc\xbd\xf3#\n\x87\xden\x91wX\xaa\x9b;\x7f\xd4\xe9\xaf_\xbf\xdeL\x14t\xa0\xa7\xf0/\xb2,\xeb:O\xcfY\xe4~\xe8\xcd\xae]\xbbJJJ\xacq\x0f"\xbd\xa2\xea\xea\xea\xd5\xabW\xd3{J1\xe0\xd6)7\xffv\xfc\xa8\xa3\x87\xcfw7\x9f,\xc9\x9a\xa6\x87\x85\x07/\xceM\xbfo\xda\x1f\xcd\xc5\xa1\xd2\xd2\xd2-[\xb6X\xecDUM\xd3].\x975\x96\xbb\xda\x85s.\xc9\x92\xa6\xf9\xeb]O\x9e"\xd6\xbbN(\xf5\xefp8\x96.]J\tb\x9a\xe9SO\xe1\xacwZ\xf2\xcb\xc0\x18s\xd6;\x7f;~\xd4\xadSn\xa6\xbe\x92\x9e\xc3\xd2\xa5K\x1d\x0e\x87\x05\x16\x03\xe8\xe5\xa4\xa5\xa59\x1c\x0e\xfa\x1b\x9d\xeb\xe1\x11a\x8fd\xa7:\xeb]\xed\xea\xb2\x15Eq\xd8\xebo\xbac\xf2M\xb7\x9f\xea\xee\xcd["4M\xb3\xc0\xb32\xc9\xb2\xdc\x9d\xc56\xbe\xc6\x92C\xbdv\xb1`O\xf7\x8bh\xbcO\x89\x82S\xa5\xf1\x06\xefXO\xe1_\x14Eq\xd6\xbb\x1e\xc9N\r\x8f\x08\xe3\x06\xa7\xc8WUUUXX\xc8\x18\xd3\xfd\xf6\xe6K\xa9uJ\xb7s\xe7\xce\xb2\xb22sJgpc\xf6\x1f\x13c\x06G556\xb5\xf7\xab.\xcb\xb2\xd6\xa2-\xc8\x9c\x17\x10\x18@\xe9r\xc6\xd8\xfe\xfd\xfb\x8b\x8a\x8a\x98\x15W\x83AL\xc2\x05\x80\xd3\x13\x05\xa7z\x8a\xa4\x0e\xf6\x14~D\x96\xe5\xa6\xc6\xa6\x98\xc1Q\xb3\x93\x12\r~js\xac\xa2(\xabW\xaf\xae\xae\xae\xf6\xdfm\x014&lt;?y\xf2djj*\r\xcf\xa9\x8f\x8e\xbat\xd0\x9c\x05\x0f\xd4\xd5v\xe4$W\xc6\x98\xcb\xe9\x1a\x11;\xfc\xbe9\xb3\xa9\x18\x94V\x83\xb3\xb2\xb2\xea\xea\xea\x98\xc0Yc\xb0\x12\xe1\x02@\x9bD\x01\xad\xfe\x0f\x8a\x1e8\'5\xa9c=\x85\x7fQ\x14\xa5\xae\xd6&gt;\'5iP\xf4@\xea\xd1$Ir8\x1ciii\xfe\x9b\xd9\xa0\x0ez\xe3\xc6\x8d\xe5\xe5\xe5\xcc\xed\xc6\xc7\xc5\xb9\x19\xc16\x9b\xae\xeb\x1d\x0b\xea\x8a\xa248\x1b\xee\x9f{\xef\x05}\xfb\xd0\x93a\x8c\xd5\xd5\xd5eee\xc9V\xb9,\x08\x04\'V\x008=Q \xb7\xde\rk\x0b\xb5Qz\xd7\xdbm\xecZ\xb2,k\x9af\x0b\xb5\xa5d\xcc\xa5XH\xcf\xa4\xac\xac\x8c\x0e\xc2\xf3\xbbD\x10\xbd\x8a\xda\xda\xda\xf4\xf4t\xea\xfd\xe9U\x8c\x1e7j\xf2m7\xd6;:~\x94\x93,\xcbMMM\x03.\xb9xA\xe6&lt;\x8a14_t\xbf[\xd8\xb3\xaf\x05\xa0\x9b\t\x14\x00NO\x14\x98=E\xc2\x8c;\x1du\x0e\x8b\x95~\x9e\x8d\xaa\xaa\x8e:G\xc2\x8c;G\x8f\x1b\xe5\xbe\xc2\x99\x9a\x9az\xf2\xe4I\xbf\x9b\x07P\xd7\\PPPSSC\x8d\xa7\xe3.\xb2\x96g\xe8zg;hUU\xedu\x8e\xf8\xe9S\x86^y\x05\xfd"\x8a\xa0\xc9\xc9\xc9~\xf7\xa0\x00N\'P\x008=Q`\xf6\x14\x02V\x83i\x9an\x81Co\xa8\xe5\xfb\xf7\xef_\xb9r%s;\xcccZb\xfc\x95q\xc3]N\x0fT7\xea\xba\x1el\xb3\xa5g/t\x9f0m\xd9\xb2\x85\xae\x18\xf3\xbb\t\x13\x80;Q\x02\xc0\x19\x13\x05\x9e\xed)\xfc\x08\xb3\xca\xa17fu&amp;\x9d\xf1@-\x0f\x0b\x0f]\xb0x\xde\tW\xa3\xe2\x89\xcdM\x8a\xa2\xd8\xeb\xec\xe3\'\x8f\xb5|I(\x08H\x94^\xafM\xa2\x80\xfe\xc6\xb3=\x85\x7f\xb1\xc0\xa17\xa7\x0f\xc6\xa9\xe5\xc9\x8f&lt;t\xd1\x80\x0b\x9b\x9a&lt;V\xd0%\xcb2\xd79JB\xc1z\x84\xe8\xf8\xa8\xf7\xaf\xac\xac\xa4D\x01\xfd\xd10\x0c\x8f\xf7\x14~\x84V8/\x1apa\xf2#\x0f\x99u\x93\x8c\xb1\x95+W\xd2\xbd\x08&gt;\xde\xaf\xd10\xdc=\x1dOm\x1ez\xe5\x15\xb3\xff8\xb3\xde\xeeTT\x8f\x15t1\xc6\x9cN\xd7\x88\xd8\xe1\xf7&gt;8\xcb,\te\x8ceee\xd1x\xc2\xc7\x9f\x15\xc0\xd9\x08\x11\x00\xa8\xb3\xc8\xcc\xcc4\x13\x05\x9c\xebQ\x97\x0eJL\x9a\xe1tx\xb2\xa7\xf0/\xe6\xa17Q\x97\x0e\xe2\\w?\xf4\xc6\xf73\x1b\xd4\x05\xbb\x17\xe4P\x9b\xd3\xb3\x17\xf6\n\xea\xa5\xeb\xba,y2\xa8+\x8a\xe2\xacw&gt;\xbc\xe8\xc1\x81Q\x97\xd0\xef\x92e\xb9\xae\xae.##\x03{\x02\xc0\x7fY?\x00\x98\x89\x82\xd2\xd2R\xb7\xd2OiqnFPP/M\xf3pO\xe1G\xe8\xd0\x9b\xa0\xa0^\x8bs3\x0cC2W8\xe9\xd0\x1b_^\xe1\xa4.\xb8\xa6\xa6&amp;++\xcb\xbd\xf4\xf3\xa6\xdb\'\x8d\x9f&lt;\xd6~\xa6\xfb~;I\x96\xe5\xe6\x93\xcd}\xfb\xf7\x9d\xb3 \xc9\\\rf\x8c\xbd\xfc\xf2\xcbfM\x81g\x7f#@7\xb0x\x008=Q\xf0\xf3"q\xa7\xe5w~\x9d\x9b\xa2(\xf5\x0e\xe7\xe4\xdbnlS\x12\xea\xe3+\x9c\x94\xf0\xc9\xc8\xc807\xe5\x1a\x86\x11\x10\x18\xb0 s\x1e\xef\xb2\xb3\xfcTU\xad=V;mV\xc2\xb5#\xe3\xe8Y\xb5\xa9*\xee\x8a_\n\xd0\xa5,\x1e\x00\xda$\n\xcc\x9e\xc2#E\xe2\x96A\xf7 \xfa\xcb\n\xa7Y\xb4\xfa\xf2\xcb/3\xc64M\xa3*\xa6{\x1f\x9c5"v\xb8\xd3\xe9\xea\xba\x82.\xc30\x02\x02\xd4y\xe9s\xe9\xf0ds_\xa19\xb9\xec\xa2\xdf\x0b\xd0E\xac\x1c\x00\xa8/s\xdf\xbbO=\xda}sf_}\xcd\x95\xae\xae\xec)\xfc\x08\x1dzs\xf55W\xfa\xcb\xa17m\xb6\xadQ\x83\x07F]\xf2\xf0\xa2\x07\x9d\xf5];\xa5S\x14\xc5^\xe7\x98x\xcb\x84\xdb\xee\xbc\xd5\x9c0I\x92d./\xf9\xda\xb3\x0287+\xf7\x80m:2I\x92\x0c\xc3\xb8\xa0o\x9f\xfb\xe7\xde\xebr6\x08\x9e\xfcq\xa7(\x8a\xcbO\x0e\xbd1W)\xcc\x83+\xa8\xdb\x9d\xb3 \xa9o\xff\xbe\xcd\'\x7f\xe1\xc6\xc7\xcec\x8c5\x9ehLN{($4\xc4\xdcu\\YY\xb9j\xd5*\xdf\x9c0\x01\x9c\x83e\x03\x80\xb9G\x94R\x19f\x91\xf8\x82\xccy\x03.\xb9X\xcc\xd2\xcf\xb3\xf1\x97Co(8Q\x9d\x12\xfd\x91b\xc0\xb5#\xe3\xa6\xcdJ\xa8\xed\x96[&lt;\x19c.W\xc3\x88\xd8\xe1\xb3\x1e\x98a.&gt;3\xc6\xf2\xf3\xf3Q\x12\n~\xc7\xb2\x01\xa0\xcdb\xa6Y$\x1e?}\x8a]\x98c\x7f\xce\x9f_\x1czC\x1d\xee\xaaU\xab*++UU\xa5\xae\x96)l^\xfa\xdc\x80\x00\xb5\xdb\x1a\xa9\xaa\xaa\xbd\xd6\xfe@\xf2}\x03\xa3.\xa1)\x08m2GI(\xf8\x1dk\x06\x80\xd3\xf7\x88\x9aE\xe2t&gt;\xb0\xb7\x1b\xe8\x8b|\xfc\xd0\x1b\nKUUUyyy4GQUU\xd7\xf5\xdb\xee\xbcu\xe2-\x13\xba\xa2\xf4\xf3lh\xb7D\xbf\x8b\xfa\xb5)\t-))\xa9\xa8\xa8\xf0\xdfk\x15@@\x16\x0c\x00\xf4\x9dlnnnS\xfa\xd9Z$n\xfdC\xff;\xe6\x1c\x87\xde\xf8\xc2\n\'5f\xd9\xb2e\xf5\xf5\xf5\xb4\xa2\xc39\xb7\x85\xd8\x92\xd3\x1ej&lt;\xd1\xd8\xcd\xeb\xf9fI\xe85\xbf\xf9\xa9$\xb4\xb9\xb99%%E\xd7uL\x02\xc0_X0\x00\xd0Pq\xd5\xaaU\xfb\xf7\xef\xa7^\xac\x1b\x8a\xc4\xad\xe1\xf4Co\x14E\xd9\xbf\x7f\xbf\xd7W8\xa9\x93\xdd\xb5k\xd7\x86\r\x1b\x14E\xd14\x8d)\x8cs\xfe\x7f\x0f\xffa\xf8\xd5\xc3\x1a\x1aNt\x7fA\x17=\x9c\xcc\xc7\xd3\x02\x03\x03\x0c\xc3\xa0\x19\xc9{\xef\xbdWRR\xe2\x0b\x13&amp;\x80\xf3a\xb5\x00`\xee\x11\xcd\xcf\xcfw_\xfb\xed\x86"q\x0b8\xfd\xd0\x1b\xdfY\xe1\xd4u=++\x8b:V\xc6\x98\xae\xe9\x83\xa2\x07\xceY\x90Tw\xbc\xce++:\x8a\xa2\xd4;\xeaG\x8f\x1fy\xeb\x94[\xcc\x13UeY^\xbat\xa9\xc3\xe1\xf0\xfa\x84\t\xe0|X\xad74\xf7\x88\xd2\xb1\xc6\xd4guO\x91\xb85\x9c\xf1\xd0\x1b\xef\xaep\xd2V\xaf\x92\x92\x92]\xbbv\x99+:\x92$\x99\xf7\xb8u\x7f\x93\x88\xa2(\xcez\xd7#\xd9\xa9\xe1\x11a\xdc\xe04\'\xa8\xaa\xaa*,,\xa4\xd8\xe9\xad\x86\x01\x9c\'K\x05\x806{D\xbb\xbfH\xdc\x02|\xed\xd0\x1b\x8a\xe8\xf5\xf5\xf5K\x97.u_\xd1\xb9n\xe45\t3\x7f\xef\xa8\xf5fA\x97,\xcbM\x8dM1\x83\xa3f\'%\x1a\xdc0\'L\xabW\xaf\xae\xaa\xaa\xc2j0\xf8&gt;K\x05\x806{D\xbb\xbfH\xdc\x1a|\xea\xd0\x1b\n\xeayyyUUU\xee\xf7\xb8\xa5\xe7,\xd25\xdd\xeb\xe7\xf8)\x8aRWk\x9f\x93\x9a4(z\xa0Y\x12\xeap8\x96-[\x86,\x10\xf8&gt;\xeb\x04\x80\xd3\xf7\x88J\xde(\x12\xb7\x06\x1f9\xf4\x86r\xeb\xb4\xcf\x96~\xafy\x8f\xdb\xe8q#\x9d\xf5N\xaf\xaf\xe8\xd0n\t[\xa8-%c.\xfd\x91\x1a\xb9a\xc3\x063a\xe5\xdd\x16\x02\x9c\x83E\x02\xc0\xd9\xf6\x88v\x7f\x91\xb85\x9c\xfb\xd0\x1b\xa9\xf5\x81w\xb56\xbf\x94Vt\xe8\x1e7W\xbd\xaf\x1c\xe6\xa1\xaa\xaa\xa3\xd6\x910\xf3\xce\xebF^C\xcfJ\xfa\xf9\x925\x80\xcf\xb2H\x00h\xb3G\x94J\x18CBC\xbcR$n\r\xe78\xf4\xa6{\xb2\xdb\xa7O;|\xf7\x1e7Y\xd25\x9e\x9e\xb3(00\x90JB\xa9h\x95JB\xbd\xb8L\rpnV\xe8\x19O\xdf#J=\xd4\xac\x07f\x8c\x88\x1d\xeer\x89u\xe1\xbb\xa7\x9c\xed\xd0\x1b\xf7t|\xd7\xfdv\xf3"\x07s\xe1\x811\xe6\xb3\xf7\xb81\xc6\x9c\xf5\xce\xdf\x8e\x1fu\xeb\x94\x9b\xe9YQ\xfb\x97.]J\xdb\xd6\x90\x81\x04\xdfd\x85\x9e\xd1}\x8f(\xad\xc2\xe9\xba\xfe\xab\x81\x03\x1e\x98w\x9f\xbd\xd6\x8e\xb5\xdf\x0e;u\xe8\xcd\xbc\xfb~5p\x80\xb9\xc2Y__\xdf\r+\x9c\xe6E\x0ef\xe9\x91\x8f\xdf\xe3F%\xa1i\xd9\xa9a\xe1\xa1T\x12\xea&gt;(A9\x10\xf8&amp;\xbf\x0f\x00m\xf6\x88\x9a\xa5\x9f\x0b\xb3\xe6\xf7\xedw\x01\x9da\xe0\xed6\xfa+:\xde\xa0o\xbf\x0b\x16f\xcdw? \xa8\xabW8\xdd/rp\xbf\xf1\xd1\x97\xefq\xa3\x92\xd0\xa8K\x07%?\xf2\x10\x95\x84\xba\xa7%Q\x12\n\xbe\xc9\xef\x03\x80\xf4\xf3\x057\xb3H&lt;~\xfa\x94Z/\xed\x11\xb5\x12UUk\x8f\xd7\xc5O\x9f\xd2\x9d+\x9c\xee\x179P8\xf7\x8b{\xdc\xe8D\xd5\xc4\xa4\x19Q\x97\x0e\xe2\xfc\xd4n5\xf7\xc2\x04o7\x10\xa0-\xff\x0e\x00\xd4%\xb9\xef\x115\x0c#000=g\x91\x8ec\x7f&lt;D\x96e]?\xeb\n\xa7\xc7\xc3\xc0\xe9\x179\xd0\xf0\xd9/\xeeq\xd3u=(\xa8\xd7\xe2\xdc\x0c\xc3\xf8\xa9$\xb4Mi2\x80\xef\xf0\xdd\xef\xd2/\xa2\xa4\x84\xc3\xe1p\xdf#\xca9\xbfu\xca\xcd\xbf\x1d?\xca\x17\x8a\xc4\xad\xe1\x1c+\x9c]q\xe8M\x9b\x8b\x1c\xe8\xe7\xfb\xcb=n\x8a\xa2\xd4;\x9c\x93o\xbbq\xf4\xb8Q\xee\'\xaa\x9a\x9b\x131\x0f\x00\x9f\xe2\xc7]$\x15\xa5\x14\x16\x16\xd2\xb6{\xc30\xb8\xc1\xc3#\xc2\x1e\xc9Nu\xd6\xbb|\xbc\xa7\xf0/\xddv\xe8\xcd\xe9\x97\x10\xf8\xe3=n\xba\xce\xb3\x96gP9\xb2y&lt;\xc9\xc6\x8d\x1b\xb1\x1a\x0c\xbe\xc6_\x03\x00\rE\xab\xab\xabW\xaf^\xfdS\x9187f\'%\xc6\x0c\x8ejj\xf4\x8f\x9e\xc2_\x9c\xf1\xd0\x1bEQV\xaf^]]]\xed\xa9\x15\xce\xd3/r\xf0\xc7{\xdc\x18c.g\xc3\x95q\xc3\xa7%\xc6\x9b\xa7\x842\xc6\xd2\xd3\xd3\xe9\x80BL\x02\xc0w\xf8k\x00\xa0\xce"--\xcd\xe1pH\xad{D\x07E\x0f\x9c\x93\x9aTW\x8b+_&lt;\xcf\xfd\xd0\x1bZ\xa4\x95$\xc9\xe1p\xa4\xa5\xa5y\xaaSks\x91Ck\xe9\xa7\xff\xdd\xe3\xa6(\xec\x84\xabq\xc1\xe2ya\xe1\xa1\x14\x1a\xe9\x88\xf2\x82\x82\x02L\x02\xc0\xa7\xf8e\x000\xf7\x88\x96\x95\x95\xb9\x97~\x9a\xe7\x03c\xf8\xefq\xee\x87\xde\xb8\x97\x84\x96\x95\x95yd\x85\xf3\xf4\x8b\x1c\xe8gN\xbem\xa2\xdf\xdd\xe3&amp;\xcbrSS\xd3E\x03.L~\xe4!s\x1e\xc3\x18[\xb9reee%b\x00\xf8\x0e\xff\x0b\x00\xd4\xfb\xb4\xb4\xb4\x98{D\xa9\xa7\x185vd\xc2\x8c;\x1d~\x92(\xf0G\xaa\xaa:\xea\x1c\t3\xee\x1c5vd\x9b\x15\xce\x96\x96\x96N\xce\x03\xdc/r\xa0\xd5{:\xcc#}\xe9BM\xd3\xfd.\xa2+\xaa\xe2t8[KBO]\xab@%\xa1\xc8\x02\x81\xef\xf0\xbf\x00@\x83\xa9\x17^x\xc1\xdc#\xca9\xef\xd9\xab\xe7\xb2U\x8f\xb5\xb4\xe0\xd0\x95.\xd7\xd2\xa2-[\xf5X\xcf^=\xe9\xc9\xd3\n\xe7\x0b/\xbc\xd0\x99\x81-\xe5\xca+**JJJ\x18ct\x03\x0c\x1d\xe61\xec\xaa\xa1&gt;^\xfayF\xb2$k\x1a\x95\x84\xa6\xbbO\x98JKK\xcd\xf5mo\xb7\x11\xc0\x0f\x03\x00\x8d\x9e\xbe\xff\xfe{I\x92\xdc\x07\x86.\xa7\xcb\xef\xc6\x89\xfeH\x96e\x97\xd3\xe5\xfeG\xa9\xf5\xed\xe8\xf0\xc0\x96\xb6\x17\xa4\xa4\xa4\xd0\xcemJ\x01\r\x8c\xba\xe4\x81\xe4\xfb\xec^\xbd\xf2\xa53\x14Eq\xd8\xebo\xbac\xf2M\xb7Or\x9f0\x99\x15\xae\x98\x07\x80\xd7\xf9_\x00\xa0/RJJJ\xff\xfe\xfd)\xfb\xcf\x18kjl\xca\xcd\\\xa1\x06\xa8\x12\xbeS]\xca\x90\xd4\x0057sESc\x13c\x8c\x06\xb6\xfd\xfb\xf7OII\xa1\\\\\x07~\xa4\xb9\x9b\xef\xbd\xf7\xdeSU\xd5\xfd\x1e\xb7~\x17\xf5\xf3\xeb\xc3&lt;dY\xd6Z\xb4\x05\x99\xf3\x02\x02\x03h?\xb3\xfb\x1e7\xac\x04\x80\xd7\xf9_\x00\xa0\x82\x9f\xde\xbd{\xafX\xb1\x82\xbeQ\xd4\x83|\xfcay\xe9\xfa\xd7\xc2"\xc3p\xfan\x17\xd14-,2\xact\xfdk\x1f\x7fX\xee~&gt;\xf3\x8a\x15+z\xf7\xeem\x96\x06\xb5K\x9b\xdd|\xe6\xb1?\xd7\xfc\xc6\n\xf7\xb81\xc6\\N\xd7\x88\xd8\xe1\xf7\xcd\x99M\xe92\xf7S.pJ(x\x9d\xff\x05\x00\xa9\xf5\xc0\x9f\x993g\x8e\x193\xc6\xfd\xba\x92\xc2\xe5O\xbb\xea]~\xdde\xf82UU]\xf5\xae\xc2\xe5OKnW\xee\x8c\x193f\xe6\xcc\x99\xe61A\xed\xd5f7\x1f\xdd\xf8\x18\x18\x18\x90\xf9x\x9a\xf9\xb6\xfa5EQ\x1a\x9c\r\xf7\xcf\xbd\xf7\x82\xbe}\xe8\xe5\x98\xe7\xdcQ\xc0\xf3v\x03Ah~\x19\x00\x08c,\'\'\x87\xfa\x1d\xce\xb9\xa2*\x87\xaa\xbf~\xae\xa0(\xa2w\x04&amp;\x01\x1e\xa7iZD\xef\x88\xe7\n\x8a\x0eU\x7f\xad\xa8\xa7v~)\x8a\x92\x93\x93\xd3\xe1\x15Z\x1a\xefWUU\xad^\xbd\x9afr\xaa\xaar\xceo\x9dr\xcb\xe8\xf1#\xeb\x1d\xf5~T\xfay6T\x12:\xe0\x92\x8b\x17d\xce\xa3I\x00\xc5\xbc\xa2\xa2\xa2\xfd\xfb\xf7#\x11\x04\xde\xe5\xaf\x01\xc0\x1c~N\x9f&gt;\xfdT\xc7\xa1s\xc6\xd8_\x9fy\xf1\xf3\xff\xec\r\x0e\x0e\xc2\xf7\xca\x838\xe7\xc1\xc1A\x9f\xffg\xef_\x9fy\x911\xc6uN\xc9\xfa\xe9\xd3\xa7\x9b\x93\xb0\x8e\xfdX\xba\xc8\x81\xce\x14\x92$I\xd7u\xeb\x1d\xe6A\xa7\x84\xc6O\x9f2\xf4\xca+(\x06\xd0\xa6\ns\xc3\xb3\xb7\x1b\x08\xe2\xf2\xd7\x00 I\x12}y\x1e{\xec\xb1\xd0\xd0S\xfb-)\xe5\xba&amp;\xef\xd9^A\xbd\x10\x00&lt;\x88s\xde+\xa8\xd7\x9a\xbcg\xcd\x8aL\xceyhh\xe8c\x8f=FI\xfc\x0e\xfcL\n\xdb\xef\xbd\xf7\x9ey\x91\x03\xe5\xc4-y\x98\x87\xae\xeb\xc16[z\xf6B\xf7\x92P\xf7#\x8f\xbc\xdd@\x10\x94\x1f\x07\x00\x9a&gt;\xc7\xc4\xc4\xa4\xa5\xa5Q2\x81\xea\xc77\xbf\xfe\xd6\xd6\x7fl\x0b\x8f\x08\xc3\xf7\xca#hT\xbe\xf5\x1f\xdb6\xbf\xfe\x96\xf9\x909\xe7iii1114\xa4m\xef\xcf\xa4~\xf0\xe4\xc9\x93)))t\x887\xbd\x9bV=\xccCQ\x14{\x9d}\xfc\xe4\xb1(\t\x05\x9f\xe2\xc7\x01@\x92$\xca\xa8.\\\xb8p\xf0\xe0\xc1\x9a\xa6\x9d\x1a\x9c\xea\xfc\xa9\x15O\xb7\xb4\xe0@\x08\xcf\x90e\xb9\xa5E{j\xc5\xd3\\?5\xcd\xd24m\xf0\xe0\xc1\x0b\x17.\xa4a{\x07~&amp;\x85\x8d\x8d\x1b7VTT\xb8\x1f\xfbc\xe1\xc3&lt;dY\xe6:GI(\xf8\x14\xff\x0e\x00\xd4M\x04\x06\x06\xe6\xe6\xe6J\xd2OWp|\xfca\xf9+\xebJ#\xfbDb5\xb8\x934M\x8b\xec\x13\xf9\xca\xbaR\xb3\xf4\x93\x9eynnn``\xa0\xf4\xf3\xbdx\xe7\x89\x06\xbf\xb5\xb5\xb5\xe9\xe9\xe9mn|\xb4\xf0a\x1e\x8c1\xa7\xd35"v\xf8\xbd\x0f\xce2KB\x19cYYY555\xa8\x08\x02\xaf\xf0\xef\x00 \xb5\xae\x06\'$$\x8c\x1d;\xd6}r\xfd\\A\xd1\x91\x9a#\x81=\x021\xb9\xee0\xc30\x02{\x04\x1e\xa99\xf2\\A\x91\xfb\xb1Kc\xc7\x8eMHH\xe8\xcc\xda/c\xac\xa0\xa0\x80:&gt;\x1a\x0e\xab\xaa\x9a\xb5&lt;C\xd3\xac\x9c\xb5S\x14\xc5Y\xef|x\xd1\x83\x03\xa3.1\x0f\x08\xaa\xab\xab\xcb\xc8\xc8\xc0\x9e\x00\xf0\n\xbf\x0f\x00R\xebjp~~~\x8f\x1e=\xcc+8\xbe&gt;\xf8\xcd3+\xff\x14\x12\x1a\x82\x95\x80\x0e\xd3u=$4\xe4\x99\x95\x7f\xfa\xfa\xe074b5\x0c\xa3G\x8f\x1e\xf9\xf9\xf9\x1d^\xfb\xa5w\xa7\xb2\xb2r\xe5\xca\x95\xee7&gt;NK\x8c\xbf2n\xb8\xcb\xd9\xe0w\xc7\xfe\x9c?Y\x96\x9bO6\xf7\xed\xdfw\xce\x82$s5\x981\xf6\xf2\xcb/\x9b\x07[y\xbb\x8d \x16+|\xd9\xe8\x9b\x13\x17\x17w\xf7\xddws~\xaaB\x911\xf6\xb7?\xad\xfb\xac\xe2\xf3\x90\x10\x1b\xbeW\x1d\xc09\x0f\t\xb1}V\xf1\xf9\xdf\xfe\xb4\xce\xbdH\xff\xee\xbb\xef\x8e\x8b\x8b\xeb\xd8\xda\xaf\xd4\x9a\xff\xc9\xcc\xcc\xa43\x1e(\xf5\x11\x16\x1e\xba`\xf1\xbc\x13\xaeFE\xb1\xc2\x07\xf2\x1cTU\xad=V;mV\xc2\xb5#\xe3(\xf8\xd1b\xb8y\xb4\xad\xb7\x1b\x08b\xb1\xc8\xf7\x8d\xfa\x91\xe5\xcb\x97GDD\x98\x93\xeb\x96\xe6\x96\x82\xdc\xa7\x98\x82\xc9uG\x18\x86\xc1\x14V\x90\xfbTKs\x8b\xd9SGDD,_\xbe\xbcc\xa7&gt;Hn7&gt;\x96\x96\x96\xba\x97~&amp;?\xf2\xd0E\x03.\xf4\x97\x1b\x1f;\xc90\x8c\x80\x00u^\xfa\\\xa60\xc9\xedr\x0b\xf3\x99x\xbb\x81 \x10\x8b\x04\x00\xeaG\xfa\xf7\xef\x9f\x93\x93c\xee\xb7T\x14\xe5\xed7\xb7l\x7fg\'JB\xdb\x8bJ?\xb7\xbf\xb3\xf3\xed7\x7fv7oNNN\xff\xfe\xfd\xa9\x82\xa5\xbd?\x93\xc6\xfe\xee\x1b\xa0\xe8gF]:(1i\x86\xd3\xe1TTK\x95~\x9e\x8d\xa2(\xf6:\xc7\xc4[&amp;\xdcv\xe7\xad\xee\x07\x99\x98\xb3"\x8cW\xa0\xdbX$\x00H\xad\x89\xa0\xa4\xa4\xa4!C\x86P\x0c\xa0\x1egE\xf6\xaa\xc6\x13\x8d\x8a\xa2\x188)\xf4\xfc\x18\x92\xa1(J\xe3\x89\xc6\x15\xd9\xab\xdc{\xea!C\x86$%%u8\xf9C\xff\xa1\xfb\x11\x08\xf4\xc3\x17\xe7\xa6\x07\x05\xf5\xd24]\x96\xac?\xfc\'\x8c\xb1\xc6\x13\x8d\xc9i\x0f\x85\x84\x86\x98k\xe0\x95\x95\x95\xabV\xad\xc2J\x00t\'\xeb\x04\x00\xeaMTU]\xb3f\ru\xfd\xd4\xe3\xec\xfb\xf4\x8b\xb5\x7f^\x1f\x1a\x1e\xa2[\xba\xc2\xc4\x83tM\x0f\r\x0fY\xfb\xe7\xf5\xfb&gt;\xfd\xc2\xbd\xa7^\xb3f\x8d\xaa\xaa\x1d[\xfe\xa5\xff\xca\xfd\x104\x9aX\xdct\xfb\xa4\x9b\xee\x98\xec\xb0[\xe1\xd8\x9f\xf3\xc7\x18s\xb9\x1aF\xc4\x0e\x9f\xf5\xc0\x0c\xf3Q0\xc6\xf2\xf3\xf3Q\x12\n\xdd\xc9:\x01@j-\t\x9d4i\xd2\xa4I\x93\xcc\xf2\x12\xc6\xd8\x9a\'\x9f\xfd\xe1\xbb\x1f{\xf6\xec\x89\xc9\xf5/2\x0c\xa3g\xcf\x9e?|\xf7\xe3\x9a\'\x9fu/\xd2w\x7f\xaa\x1d\xf8\xb1f\xcd\xbby\x0c\xb2a\x18\x01\x81\x01\x0b2\xe7iBn\xd9SU\xd5^k\x7f \xf9\xbe\x81Q\x97\xd0\xee\n\xda\x1b\x81\x92P\xe8N\x96\n\x00R\xeb&lt;`\xcd\x9a5\x81\x81\x81\xd4\xcb\xc8\xb2\xec\xb0\xd7\x17&lt;\xfeT\x90\xad\x97\xaec`\xf5\x0bt\x9d\x07\xd9z\x15&lt;\xfe\x94\xc3^o\x16\xe9\x07\x06\x06\x9a\xf3\xaa\x0e\xfcL\xf3\xe6H\xda\xf5j\xc6\xe6\xfb\xe6\xcc\x1e\x11;\xdc\x1fo|\xec&lt;\xba"\xb8\xdfE\xfd\xda\x94\x84\x96\x94\x94\x98\xbb\xa3\xbd\xddF\xb0&gt;\xab}\xf1\xccl\xf5\xa2E\x8b\xdc\'\xd7\xaf\x14\x97}Z\xfe\xb9-$\x18\xdf\xabs\xe0\x9c\xdbB\x82?-\xff\xfc\x95\xe22\xf7\x9ez\xd1\xa2E\xe6\xcaJ\x07~\xacyw&lt;\x9d\xf1@)\x8e&gt;}\xfb\xdc?\xf7\xde\x06g\x83P\xc9\x1fwfI\xe85\xbf\xf9\xa9$\xb4\xb9\xb9\xd9&lt;\x1f\xc9\xdb\r\x04\xeb\xb3Z\x00\x90Zc\xc0\x82\x05\x0b\xa8^\x85z\x1cM\xd3r2\x96\xabb\xd4\x99t\x86\xaa*9\x19\xcb\xcd\x9e\x9aj\xab\x16,X\xd0\xe1\xde\xdf\xbc\x0c}\xe7\xce\x9d\xee\xa5\x9f\xa9\x8bS\x06\\r\xb1 \xa5\x9fgC\x9b\xab3\x1fO\x0b\x0c\x0c\xa0\x8b\x91\xe9\x84\xd4\x92\x92\x12\x94\x84B7\xb0`\x00\xa0n+22r\xc5\x8a\x15\xee%\xa1\xbbw|P\xfa\xd2\xeba\x11\xb83\xf2\xcc4M\x0b\x8b\x08+}\xe9\xf5\xdd;&gt;p/\xfd\\\xb1bEdddg\xd6~\x9b\x9b\x9b333%\xb7{\xc4\xae\x1d\x19w\xcf\x1f\xa6\xd6\x1e\xaf\xb3\xe4\xb1?\xe7OQ\x94zG\xfd\xe8\xf1#o\x9dr\x0bMXi\xc9}\xe9\xd2\xa5tG\x02\xe6\x01\xd0\xa5,\x18\x00\xa4\xd6I\xc0]w\xdd\x15\x1b\x1bk\x0e9eY6\xef\x8c\xc4\xf7\xaa\r*\xa0\xa2\x1b\x1f\xcd\xd2O]\xd7ccc\xef\xba\xeb\xaeN\x96~\xaeZ\xb5\xaa\xb2\xb2\x926\x12K\x92\xc4\x146/}.\xde\x05\xa2(\x8a\xb3\xde\xf5HvjxD\x1878\xc5\xc8\xaa\xaa\xaa\xc2\xc2Bz\x0b\xbc\xdd@\xb02k\x06\x00\xea\xc2z\xf4\xe8QXXH\xa9U\xea\x89\x0eU\x7f\xfd\\~QDd8\xbeWm\xe8\xba\x1e\x11\x19\xfe\\~\xd1\xa1\xea\xaf\xcd\xd2OEQ\n\x0b\x0b\xe9\x84\xa5\x0e\x0c\xff\xe9\x99\xd7\xd4\xd4\xe4\xe7\xe7\x9b\xf30]\xd7o\xbb\xf3\xd6\x89\xb7L\xb0\xd79\x84\xcd\xfe\xbb\x93e\xb9\xa9\xb1)fp\xd4\xec\xa4D\x83\x1b\xe6\x9d\x91\xabW\xaf6\xefI\xf6v\x1b\xc1\xb2\xac\x19\x00$I\xa2\xabKn\xb8\xe1\x06\xba3\xd2\x9c\\\xaf-*\xae\xaa&lt;\xd8\xb3\x17JB\x7fb\x18F\xcf^=\xab*\x0f\xae-*v/\xd2\x9f&gt;}\xfa\r7\xdc@7\xc0t\xec\xc7\xca\xb2\x9c\x9e\x9e^[[K\xf1\xc30\x8c\x90\xd0\x90\xe4\xb4\x87\x1aO4\nX\xf9s6\x8a\xa2\xd4\xd5\xda\xe7\xa4&amp;\r\x8a\x1eh\x96\x84:\x1c\x8ee\xcb\x96!\x0b\x04]\xca\xca_B\xca\xfc&lt;\xf6\xd8caaa\xf4-\xa2]\xf8Of\xe7\x87\x84\xda0\t0\xe9\xba\x1e\x12j{2;\xdf\x1c\x95\x1b\x86\x11\x16\x16F7&gt;vf\xedw\xd7\xae]\xeb\xd7\xaf\xa7pB1x\xd6\x033F\xc4\x0ew\xb9\xac|\xeag{Q\x91\x82-\xd4\x96\x921Wr\xbb\xd6b\xc3\x86\r\xbbv\xed\xc2j0t\x1d+/\xc1\xd1\xddU111\xf3\xe7\xcf\xcf\xce\xceVU\x95n\r{k\xd3?vo\xff\xf0\x9a\x91q\xcez\'\xb2\x10\xba\xae\x87\x86\x85\xee\xde\xfe\xe1[\x9b\xfeAO\x8c\x1e\xd4\xfc\xf9\xf3cbb\xe8\x8f\x1d\xfe\xc9YYY4\x9f\xa0\x9f|\xe1\xc5\xfd\xef}h\xd6\xb1#\xc7$I\xc6R|\x1b\xc7\x8f\x1c\xbf\xf3\xee;\x8a\x9f\x7f\xa9\xe2\xe3=\xf4\xb1\xa4\x07\xb8m\xdb6o7\r,\xcb\xca\x01@j\xdd\x1b\x9c\x92\x92R\\\\|\xf0\xe0A\xc6\x98,\xcb\xcd\xcd-\xb9\x8b\xf3\xca\xb6\xbc,r\x01\xa2\x89\xc6\x9b\xb9\x8b\xf3\x9a\x9b[\xa8\xa7\xd6u=::\x9a\xaa\xd1;\x16 \xe9?\\\xbf~\xbd9\x80U\x14%000\xef\x99\'\xae\x18t\xf9\xf1\x93\xb5\x01\xaa\x8a\xbcF\x1b\\\xd7\x83\x03\x83\x0b\x9e\x7f\xf2\xf6q\xf1.\xa7\x8bV\x83w\xed\xdaURR2s\xe6\xcc\xceDb\x80\xb3\xb1\xf8G\x8a\xba\xf8\xb0\xb0\xb0\xbc\xbc\xbc\x84\x84\x04s)\xf2\x93\x8f\xca_YW:\xfb\xc1\xc4cG\x8e\x89\xfc\xbd\xd24\xadO\xdf&gt;k\xffT\xfc\xc9G\xe5\xee\x89\x9a\xbc\xbc\xbc\xb0\xb00\xf3\x02\xc8v9\xb5\xfb\xda\xe1X\xbat)\xa5\xb0)\xc6\x84\x85\x87\xfe\xe7\xe3=\xff\xde\xfd\xb1,\xcb\x86d\x88s\xf4\xdb\xf9\xa0\x07\xc29\x0f\n\xeee\x0b\t\xaew\xd4\x9b\x8fn\xe9\xd2\xa5w\xdcq\x87\xcdf\xeb\xf0Nl\x80\xb3\xb1~\xdfG\xfdZ||\xfc\xd8\xb1ci/\x92yg\xe4\xcdwL\xee\x15\xd4\xabc\xdd\x9c\x05\xd0\x19\x0f\x87\x7f8|\xfa\x8d\x8f\xf1\xf1\xf1\x9d\x19\xfe\xab\xaaZXXXUUE\xd9$\xfa\xfb\xda\xe3u\xab\x9fX\xe3\xd1W`et\x08\x07\x95\x84\xe6\xe5\xe5\xe5\xe6\xe6v\xf8\x1d\x018\x1b\xeb\x07\x00\xc9\xed\xce\xc8\xd1\xa3G\xb7\xb4\xb4\xd0\xada_\x1f\xfc\xe6\xf95/,y2\xf3\xf0\x8fG\x02\x02\x02\xbc\xddF/\xd04\xad\xf7\x05\x91O\xadx\xe6\xeb\x83\xdf\x98\x0b$\x9d\xbf\xf1QQ\x94\xea\xea\xea\xd5\xabW\x9f\xbez\xa9\xaa\x8a\x84\x81\xff/q?\x07\x82\x9e\xe7\xaaU\xabf\xcf\x9e=x\xf0\xe0\x0eo\xc8\x008#!&gt;Lg\xbb3r\xdd\xf3/\xed\xdd\xb3\xcf&amp;\xe4\x9d\x91\x9cs[\x88m\xef\x9e}\xeb\x9e\x7f\xc9\xe37&gt;.^\xbc\xd8\xe9t\xaa\xaa\xaa(\x8a\xea\x06\xbd\xff\xf9p\x7fh\xf4\xbfu]_\xb2d\x89$I(\t\x05\xcf\x12b\x06 \xb9\xdd\x19\xf9\xe6\x9bo\xda\xedv\xfa\x1bg\xbds\xc5\x92U/\xbc\xf2g\x01\xbfW\x86a\xa8\xaa\xb2b\xc9**\x852\x0c\x83s\x1e\x19\x19\xd9\xf9\x1b\x1f7m\xda\xf4\xf2\xcb/K\x92t\xf2\xe4IO\xb7ZD\x94C{\xf9\xe5\x97\x13\x12\x12\xa6L\x99\x82D\x10x\x90(\x01\x80\x06\xb9\xfd\xfb\xf7OMM\xcd\xcc\xcc\xa4\x8c\x87\xa2(\xefl\xde\xba\xfd\x9d\x9d\xbf\xbby\x82\xbd\xce.\xce\xf7J\xd7\xf5\xf0\x88\xf0\xff\xf7\xcfm\xefl\xdeJ\x89\x1az \xa9\xa9\xa9\xfd\xfb\xf7\xefp\x17CaC\xd7\xf5\xec\xecl\x8a\xb8b.\xaex\x16m\xc5\xa0\xa3\xe2\xa4\xd6\x87\x0c\xe0\x11\xa2\x04\x00\xa95\x11\xb4p\xe1\xc2\xe2\xe2\xe2\xaf\xbe\xfa\xca\xfd\xce\xc8\xdf\xdcp\x9d8\xbd\xbf$I\x8a\xa24\xb8\\\xee7&gt;\xea\xba&gt;d\xc8\x90\x85\x0b\x17v&amp;\xcbL\xffa|||||\xbcG\xdb\x0b?\xc1\x1a\x00x\x90@\x01\x80\xc6\xa4t\xb7\xc9\xe4\xc9\x93\xcd\x92\xd0}\x9f~Q\xb6a\xd3\x1f\xe6\xcc:~\xf4\xb8\x08%\xa1\x9a\xa6\xf5\xbe\xa0\xf7\x8b\xcf\xad\xdb\xf7\xe9\x17\xee\xa5\x9ft\x8b\x0e\xad\x8et\xe6\xe7s\xce\x05\\S\xe9\x06\x8c1\xf4\xfe\xe0Y\xd6\xef\xef\xdc\xb9\xdfn\xb8e\xcb\x16\xf3\xce\xc8\x82\xdc\xa7&amp;\xdf61,&lt;\xac\xa5\xa5\xc5\xdaS\xecS7&gt;~\xfbCA\xeeS\x1e\xbc\xf1\xd1\x1d\xfa)\x00\x7f!\xdc\x17\xb5\xcd\xfd\xe6\x94\x05:z\xe4X\xfe\xe3\x85"\xdc\x19I7&gt;\xe6?^x\xf4\xc81\xf3\xc6GUU;s\xe3#\x00\xf8)\xe1\x02\x80ygdRR\x92hwF\x9e\xed\xc6\xc7\xa4\xa4\xa4\xce\xdc\xf8\x08\x00~J\xc4/&lt;\xc5\x80\x9c\x9c\x9c\xd3\xef\x8cT\x14\x8b?\x10Ea\xa7\xdf\xf8\x98\x93\x93\x83\xde\x1f@@"~\xe7\xa9\xe3\x8b\x88\x888\xfd\xce\xc8w6\xbf\x1b\x1a\x16j\xc9\xd3w\xe9\xd4\xcfw6\xbf{\xfa\x8d\x8f\x11\x11\x11\xc8\xff\x88\x89\xf6\x7f\x08K\xc0\r@m\x88\xb5\x08l2\xef\x8c|\xfa\xe9\xa7+**\xcc\x92\xd0\xc73\x97\xdf0a\x94y^\x90\xb7\x9b\xe91t\xaaL\x83\xcb\xf5x\xe6r\xb3\xf4\x93s\x1e\x17\x17\xd7\x99\x1b\x1f\xc1\xdf\xa9\xaab\xb3\xd9$CbV\x9f\xfb\xb6\xc1un\xb3\xd9TU\xa0\xe2\xef3\x124\x00PI(\x9d{3n\xdc8s\x12p\xf0\xc0\xa1\xe7\n\x9e\x7f4\xe7\x91\xa3\xd6:%T\xd7\xf5\x0b\xfa\xf6y"\xeb\xc9\x83\x07\x0e\xb9\x97~\xe6\xe7\xe7\xf7\xe8\xd1\xa3\xf3\xa5\x9f\xe0w8\xe7\x92$}\xbe\xe7\x8b\xdb\xc6\xdd\xa9k\xdcB\xa3\x9d\xf3b\x18\x92\xa2\xb2\xbd{\xbe\x90$\x89\x0b\xbcc\xd1:}\\{\xb9\x9f|YVVv\xea\xceH&amp;\xaf\xfds\xf1\xb4\xc4\x84\xbe\xfd/hi\xb6HI\xe8O7&gt;\xfe\xb9Xf?\xdd\xf8H\'\xa4\xe2h\x011Q\xf6\xa3\xdeQ\xff\xc1\xce\x8f\xbc\xdd\x16/\xb3\xd8t\xbf]\xc4\r\x00R\xebb@^^\xde\xd6\xad[].\x97$I\n;ugdQ\xc93G\x0f[d\x12\xa0\xebzdh\xc4\xc2?\xa6\xdb\xeb\x1ct\xb2\x98\xd4zG\x82\xc8\x1f}\x90$I\x96e\x91\'\x7fX\x06\x10\xf7\xbd\x97Z\x0f\x08\x8a\x8e\x8e\x9e?\x7f&gt;\r\x84[\xef\x8c\xfc\xe7\xfb\xdb?\x08\t\r\xe1\xfe_\x12\xca9\x0f\t\ry\x7f\xfb\x07om\xfa\'\xdd\xcbH\xc3\xff\xf9\xf3\xe7GGG#\xf9#\x1a\xea\xf1M\xe6^\x101\x9d\xfe4\xbc\xfd\xfet7+\x8cp;\x832?)))\xeb\xd7\xaf\xaf\xae\xaen\xbd3\xb2yE\xd6\xcaM\xdb^5\xfc\x7ft`\x18\x86\xa2\xb0\x15Y+\x9b\x9b\x9b\xcd\x1b\x1fcbbRRR(\x17\xe4\xed\x06B\xb7\xd24\x8d\n`\xbc\xdd\x10\xdfB\x0fD\xc0{\xaae\x0b\xf4q\x9dd^`\x9b\x98\x98h.\x90\xea\xba\xfe\xd4_\xf3\xa7%\xc6\x1f?V\xeb\xbf\x89 M\xd3z\xf7\x89|\xa5\xb8l\xde\xff\xa5\xba\xbf\xb4\xe2\xe2\xe2\x993g"\xfb/\x14\x1a\xf0\xd6\xd5\xd5\xed\xd9\xb3\xc7\xdbm\xf1QW]u\x95h%\xd1\x08\x00\x92$I\x94\x16\x9f0a\x02]bN\xd3\xc3\x01\x97\\\xfc\xd6\xfb\x7f\xef\xd5\xcb_\xef\x8c4\x0cCQ\x94\xc6\xc6\xc6[\x7f\xfb\xbf\xdf}\xf3=\xed\xfc\xd2u}\xcc\x981\xdb\xb6m\x93$\t\xbd?\x80\xe0\xfcul\xebq\x8a\xa2\xe4\xe4\xe4\x8c\x1f?^\x92$\xce\xb9\xaa\xaa\xdf~\xfd\xdd\xf3O\xbd\xb0\xe4\xc9\xc5\x87\x7f&lt;\xec\x8fwF\xd2\xa9\x9fO=\xf2\xcc\xb7_\x7fg\xde\x7f\xc0\x18\xcb\xc9\xc99\xfd\xb2F\x10\x84a\x18\xc8\xff\x9c\x8d\x80\xcb\x00\x98\x01\x9cB\xf9\x90\xd9\xb3g\xaf[\xb7\xeeTI\xa8,\x07\xdb\x82\xff\xbe\xad4\xea\xd2A\'\x1aN0\xa6H\x92\xbf&lt;+\x99s=(8\xe8\xe0\x81C\xff;!\xa1\xc1\xd5`\xb4\x1e\xfa?k\xd6\xac\xb5k\xd7"\xf9\x03\x00\x12\x02\x80\x89z\xfc\xc3\x87\x0f\x0f\x1d:\xd4n\xb7\x9b=\xe6\x1d\t\xb7\xad{\xf5\xaf\xf5\rN\x851\xbf\xb9\xd1\xd6\x90t\xceC\x83CfM\xfd\xbf7J7\x9b\xf1,&lt;&lt;|\xdf\xbe}\xfd\xfa\xf5\xa3W\xe7\xedV\x02\x80\x97!\x05t\xca\x19\xef\x8cd\x8cm~\xfd\xad\xa7W\xffi\xf0\x90\x98\xa6\xc6&amp;\xd9O:M\x83\xf3\x9e\xbdzV\xee\xaf\xda\xfc\xfa[\xe6\x85\xef\x9d\xbf\xf1\x11\x00,\x063\x80\x9f\xd0\xda\xaf\xa6i\xc3\x86\r;p\xe0\x00\x1d\x17\xe1\xedFy\x00\x9dtt\xe9\xa5\x97\xee\xdd\xbbWUUZ\r\xf6v\xa3\x00\xc0\xfb0\x03\xf8\x89ygdnn\xee\xd4\xa9S\xcd$\x89\xfffK(\x80\xd1\xeb\xca\xcd\xcd\xf5\xc8\x8d\x8f\x00`\x19\x98\x01\xb4E\x19\x92\xc9\x93\'o\xd9\xb2\x85zLo\xb7\xa8S\x14Einn\x9e4i\xd2;\xef\xbc\x83\xe4\x0f\x00\xb8C\x00h\x8b\xd6K\xbf\xfa\xea\xab_\xff\xfa\xd7\xden\x8b\xc7\xfc\xf7\xbf\xff\xbd\xec\xb2\xcb\xb0\xf6\x0b\x00\xee\x90\x02j\xcb\xbc3r\xc9\x92%\xb4/\xcc\x7f\'\x01\xd4\xf81c\xc6\xe0\xc6G\x008\x1df\x00gf\xb1\xed\xe0\x16{9\x00\xe0\x11\x08\x00ge\x8d\x12 \x82\xb1?\x00\x9c\x0e\x01\x00\x00@P\x18\x18\x02\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a9\xden\x80\x1f3\x0c\xc3\xdbM8E\x96eo7\x01\x00\xfc\x8f\xec;\xbd\x18\x00\x00t\'\xcc\x00:\xc20\x0cY\x96\xedv\xbb\xe4\xedy\x00\x8d\xfd\xc3\xc3\xc3\xa9I^l\t\x00\xf8\x1d\x04\x80v\xd3u]Q\x94\x15+V\xe4\xe5\xe5\xa9\xaa\xaa\xeb\xba\x17\x1b\xa3(\x8a\xa6iiii\xe9\xe9\xe9\xd40/6\x06\x00\xfc\x0bR@\xed\xc39\x97$\xe9\xc8\x91#C\x87\x0e\xad\xad\xad\xf5vsN\x89\x8c\x8c\xdc\xb7o_\xdf\xbe}%Ib\x0c\x0b\xfb\x00p^\xd0Y\xb4\x8fa\x18\x8c\xb1\x8c\x8c\x8c\xda\xda\xda\x80\x80\x00Y\x96\x99W\xc9\xb2\x1c\x10\x10P[[\x9b\x91\x91\xc1\x18C8\x07\x80\xf3\x87\x19@;p\xceeY\xae\xa8\xa8\x18=ztKK\x0b\xcd\x06|\x01c,  `\xf7\xee\xdd\xb1\xb1\xb1\x14\xa2\xbc\xdd"\x00\xf0\x03\x08\x00\xed@I\xf6q\xe3\xc6\xed\xdc\xb9SQ\x14\xca\xfe3\xc6B\xc3B8\xe7\x92\xd4\x9dk\xb0\x06c\xac\xde\xe1\xa4 D\x8d\x19;v\xec\x8e\x1d;\xb0\x12\x00\x00\xe7\t\x01\xe0|Q\xc7ZVV\x96\x90\x90@\x1d.\r\xb4\x9f+^s\xc3\xf8\xd1.\xa7\x8b)\xdd7\xee\xe6:\xb7\x85\xd8\xde\xdb\xbe{Nb\xb2$I\x9csjRiii||&lt;b\x00x\x84\xef\xccq;\x03\x13\xe2s@\x008/\x86ap\xce].Wll\xec\xc1\x83\x07eY\x96eY\xd7\xf5)So\x7f~\xe3\x9f\xea\x8e\xd7u\x7f\x87\xab\xebzD\xef\x88\x07\xeezp\xd3\xabo*\x8ab\x18\x86a\x18QQQ\x15\x15\x156\x9b\x8d\x96\x07\xba\xb9I\x00\xe0_\x10\x00\xce\x8b\xa6i\xaa\xaa.]\xba4;;\xfbT\xe9\xa7,\x85\x85\x85\xbe\xfd\xc1\xe6\x0b\xfa]\xd0|\xb2Yf\xdd\xdd\xdb\x1a\xdc\x08\xec\x11x\xf4\xf0\xd1\x9bF\xdd\xe6p\xd4K\xc6\xa9\x92\xd0\xec\xec\xec%K\x96P\x83\xbb\xb9I`\x19\xb4\xad$55\xf5?\xff\xf9\x8f\x99\xed\xf4/\xd4\xec\xab\xaf\xbe:??\x1f\xbbd\xce\x06}\xc4/\xa3\x04KUU\xd5\xea\xd5\xab\x19c\x94\xfc\xd1u}vRb\xf4\xe0\xa8\xa3G\x8ey\xa5\xab\x95\x15\xb9\xa9\xa9)zp\xd4\xec\xa4\xc4\xc2\x15O\x9bY\xa9\xd5\xabW\xcf\x981#::\x9as\x8e\xc9/t\x0c\xf5\x98\xbbw\xef\xfe\xd7\xbf\xfe\xe5\xed\xb6t\xca\x89\x13\'\xa4\xd6\x97\xe3\xed\xb6\xf8"\x04\x80_Fu5\xcb\x96-s8\x1c\x94\xea\xd1u}P\xf4\xc09\xa9Iu\xb5v/f\xdb\x15E\xa9\xab\xb5\xcfIM\xfa\xfb\xabo\x1e\xaa\xfe\x9a\xd2&gt;\x0e\x87c\xd9\xb2e\xeb\xd6\xad\xb3F\x0</t>
        </is>
      </c>
    </row>
    <row r="344">
      <c r="A344" s="1" t="n">
        <v>342</v>
      </c>
      <c r="B344" t="inlineStr">
        <is>
          <t>color_hexagon</t>
        </is>
      </c>
      <c r="C344" t="inlineStr">
        <is>
          <t>What is the missing color of the part denoted with a question mark?</t>
        </is>
      </c>
      <c r="D344" t="inlineStr">
        <is>
          <t>['orange', 'blue', 'green', 'yellow']</t>
        </is>
      </c>
      <c r="E344" t="inlineStr">
        <is>
          <t>blue</t>
        </is>
      </c>
      <c r="F344" t="inlineStr">
        <is>
          <t>There is a hexagon split into six parts with the colors ['?', 'green', 'yellow', 'blue', 'green', 'yellow'] in an anti-clockwise order.</t>
        </is>
      </c>
      <c r="G344" t="inlineStr">
        <is>
          <t>We observe that a green part is opposite another green part, and a yellow part is opposite another yellow part. Thus, the pattern is that the colors in opposite parts are the same.</t>
        </is>
      </c>
      <c r="H344" t="inlineStr">
        <is>
          <t>Based on the pattern that spatially opposite parts have the same color, the missing color of the part which is opposite a blue part should be blue.</t>
        </is>
      </c>
      <c r="I344" t="inlineStr">
        <is>
          <t>b'\x89PNG\r\n\x1a\n\x00\x00\x00\rIHDR\x00\x00\x02\x00\x00\x00\x02\x00\x08\x02\x00\x00\x00{\x1aC\xad\x00\x00}JIDATx\x9c\xed\xddy|U\xd5\xd5?\xfe=\x9c;f\xb8I\x98\xc2P\x10b\xca(S\x00\xc1H\x18\x14\xa4*\x8a\x8fF&amp;\xa9X\x07\xfcZK#\x83\x84\x07\xa35Q\x81\x1a0\x0f\x8fP\xb1\xd6\x07* \x1a\xb4\n\xc5\x1fDk\x18\nZ\x86(\x88\x03\r\x01A\x94\x80\x90\xe4\xde\xdc\xdc\xf1\xec\xb5\x7f\x7f\xec\xe4BQ\x94!\xc9\x1d\xcez\xff\xd5Z_\xe5r\x87\xb3\xf6\xd9{\x9d\xf5\xa1RJ\x82\x10B\xc8xX\xb8_\x00B\x08\xa1\xf0\xc0\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4p\xbf\x00\x14NRJ)e\xb8_\x05\n\x1bJ)\xa54\xdc\xaf\x02\x85\r\xc5\xdf\xbfa\xe9\xba\xaei\xb8\x020:]\xd79\xe7X\x06\x8c\t\x0b\x80A\x01\x00c\xec\xab\xaf\xbez\xe4\x91G\x18c\x00\x10\xeeW\x84\x9a\x95\xa6i\xba\xae?\xf0\xc0\x03\x93&amp;M\n\xf7kAa\x83\x0b@\xc3Q%\xdf\xeb\xf5.Z\xb4())\xa9\xb4\xb44\xdc\xaf\x08\x85M\x8f\x1e=\xbe\xfd\xf6\xdb1c\xc6\xf4\xea\xd5KJ\xc9\x18\x1e\n\x1a\x0b\xde\x01\x18\x8e\x10\x82s\xber\xe5\xca\xa9S\xa7RJ9\xe7\xa1\xef\x00\xfe\xfec\x1e\xa5\x14\x00B\x9f8\xe7&lt;\x10\x08L\x992\xe5\xaf\x7f\xfd+n\t\x1a\x10\x16\x00cQ\xa7\xbeN\xa7\xb3G\x8f\x1e\xa7O\x9f\x06\x00\xdc\xfc18\xb3\xd9,\x84(--\x1d:t\xa8Z\x1c\x84\xfb\x15\xa1\xe6\x83\x05\xdfX\x00\x80s\x9e\x97\x97WYY\xa9\xd6\xfe\xaa\x0f\x04\x00&amp;O\x9e\xfc\x9b\xdf\xfc\xc6\xe9t\xe2% V\x01\x80\xddn\xdf\xb3g\xcfSO=\x05\x00R\x02\xa5T\xd7u\x00\xc8\xc9\xc9\xd9\xb9s\xa7\xc9dR_\x89p\xbfR\xd4L\xf0\x0e\xc0@\x00\x80R\xfa\xef\x7f\xff\xbbW\xaf^j\x1f@}\xfa\xea\x10\xb8]\xbbv\x9f\x7f\xfeyRRR0\x18\xc4K@L\x12BX,\x961c\xc6l\xde\xbc\x99s.\x84 \x84PJ\x18\xe3B\x88\x15+V\xdc{\xef\xbdx\x13`(X\x00\x0cD\xfd\xb6o\xba\xe9\xa6\x92\x92\x12\xcd\xa4\xe9A\xbdS\xf7v\xae\xaa\xba\xea\x93N\xd5\x13r\xdf}\xf7\xbd\xfc\xf2\xcbg\xce\x9c\xc1K@\xec\x11B$\'\'\xff\xf5\xaf\x7f}\xf0\xc1\x079\xe7 \x84\xd9\xcc\x87\x0fl\xbby\xc7qu\xf6\xd3\xbauk\xb5\x02\xc0\x87\x03\x8c\x03\x0b\x80Q\xa8\xab\x7fII\xc9M7\xdd\xc49\'D\x82\x94\xb9\xff\xf7\xd0\xbf\xcb\xbe~\xeb\x7f6s\xce\xa4$\x8c\xb1\x9d;w^s\xcd5uuux \x1cKB{}\x19\x19\x19\x87\x0f\x1f6\x99x0(n\x19\xdeq\xf5\x8b\xa3\xd3\xb3V\x9f\xae\xf6i\x1a\x0f\x06\xf5y\xf3\xe6=\xf3\xcc3x\x13`\x1c\xf8#7\x04\xf5\xfb\xd7u}\xfa\xf4\xe9\x84\x10\xc6\xa8\x100`T\xaf\xf4\xfeWe\xfd\xd7\xc0V\x1dR\x84\x00\xc6\x98\xae\xebs\xe6\xcc\xc1\x1f\x7f\xecQ\xcb\xff\xc2\xc2\xc2\xc3\x87\x0fk\x9a&amp;\x04h\x1a[8\xebZG\xc7\x84\x053\x06J)\xa5\x04\xce\xd9\xf3\xcf?_^^\x8e\xcf\x85\x18\x07\x16\x00CP\x8f}-_\xbe\xfc\xe0\xc1\x83\x9a\xa6\t!l\xf1\xd6[\x1e\x18\xeeu\xfb\xec\t\xd6\xb1\x0f\x8d \x84\x80\x04\xceyii\xe9\xfa\xf5\xeb\x1d\x0e\x87\xda F1@Ji\xb3\xd9\x0e\x1d:\xb4l\xd92J)%\x12@N\x1b\xdf\xbdgFj\xf0x\xed=\xe3\xbbg\xf4l)\x04p\xce\x02\x81\xc0\xbcy\xf3(\xc5\x8d\x01\xa3\xc0\x02\x10\xfb\xd4\xd9oeee^^\x1e\xa5\x94\x10\t \x87g\x0f\xba\xaaG\xfb\xa0_\xf7\xb8}C\xc6\xf6K\xef\xdb\t\x04\xa8]\x82\xdc\xdc\\\xb7\xdb}\xee\xf3\x01(\xaa\t!\xe2\xe3\xe3\xf3\xf2\xf2\xaa\xab\xab5\x8d\x0b\x80d\x87\xa5`\xc6@\xe9\t\x12I\xccq\xe6E\xb9\x83\xa5$ \x80s^\\\\\\RR\x12:"F\xb1\r\x0b@\xecSOx\xce\x9d;\xb7\xba\xbaZ\xd34]\x88\x96\xed\x92GM\xc9t\xd7x\x18g\x84\x10\x10p\xc7\xefFs\xce\x04\x08\xce\xf9\xa1C\x87\n\x0b\x0b\x93\x93\x93\xf1\x12\x10\x03\xd4\xe6\xcf\xc6\x8d\x1b\xdf|\xf3M\xce\xb9\x04\x00\x90\x05\xd33\x92\xdb%\x80O7iL\xd4\xf8\x86\x8d\xe8t\xd7M\x9du\x01\x8cQJ\xe9\xf4\xe9\xd3u]\xc7\xfb\x00#\xc0\x02\x10\xe3\xd4\xe6\xcf\xde\xbd{_\x7f\xfdu\xce9\x80 \x92\xdc\xf6\xf0HG\x8bx]\x17\x94\x12\xc6\xa8\xaf\xce\xdfmP\xe7\xcc\xdb\xfbK\x90\x92HJ\xe9\xb2e\xcb\x0e\x1d:d\xb5Z\xf1\x12\x10\xed(\xa5\xc1`\xf0\xb9\xe7\x9e\x03\x00\xc6\xa8\x00\xc8\xe8\xd9r\xda\xd4\xde\xe0\xf2\xab\xf2O)\x91\xba\\\x98;\xc4\x91`\x06!8g\x07\x0f\x1e\\\xbe|9\x9e\x04\x18\x01\x16\x80\x18\xa7\x8e\x7fg\xce\x9c\xe9\xf7\xfb\x19cB@z\xdfNC\xc6\xf6s\xd7x9\xaf\xff\xf4)\xa3&gt;\xb7\x7f\xec\xb4\x91\xf6\x04+\x08\xe0\x1a\xaf\xae\xae\xce\xcb\xcbKHH\xc0\x9b\x80\xa8\xa6\xebz\x8b\x16-V\xacX\xb1s\xe7NU\xfe\xa5$\x8br\x07k6M\n\xa9Z=\x19\xa3\xc2\x1d\xe8\xd2\xab\xd5c\xf7^#@RJ(\xa5j\xbf\x881\x86+\x80\xd8\x86\x05 \x96\xa9~\xbe\xe2\xe2\xe2\xad[\xb7j\x9a&amp;\x84\xae\x99\xf8\x1d\xbf\x1b\r\x02\xc89}\xde\x94\xd2@@OIu\xdc\xfc\xc0p)\xa5\xbaix\xfb\xed\xb7\xb7l\xd9\x92\x90\x90\x80\xcb\xc0(%\xa54\x9b\xcd\'N\x9cx\xfe\xf9\xe7)\xa5\x8c\x11!d\xf6\x98.\xc3Ft\x125~\xce\xcf~\x03\xb8\xc6\xa0\xc6\x97\xf3P\xdf\xb4N\x89B\x17Z\xc3\n@="\x1e\xc6\xbf\x02jjX\x00b\x96Z\xbb\xa9\xbe\x0eB\x08\xa5\x04@f\xdc\xd8\xab\xdb\xa0.\xde:?c\xff\xf1\xa4\x0f\xe7\xcc[\xeb\x1b\x9e}m\x9b\x8e-@\x00kh\x08\xd14\r\xd7\x80QJ\xd7u\x87\xc3QTTt\xe4\xc8\x11\xce\xb9\x10`6\xf1gg\x0c$ \xcf{\xcc\x8bR"\x03\xc2\xd1&amp;\xee\xa9G\xfa\x83$R\x9e\xed\x19\xc3\x8d\xa0\xd8\x86\x05 f\xa9\xb1?\x85\x85\x85\xe5\xe5\xe5&amp;\x93I\xd7E\\\xa2m\xdcoo\xf4\xd5\xf9\xce\xbb\xfa+B\x80\xc5f\xba3g\x0c!\x04\x84\xe0\x9c\xef\xdc\xb9s\xd5\xaaU-Z\xb4\xd0u\xbd\xd9_&gt;\xba"\x00\x90\x90\x90\xb0\x7f\xff~\xb5\x9b\xafZ?g\xdf\xdf;\xbdw\x1bQ\x1b\xf8\xe1\x17\x80kLTy\'\x8d\xef\x915\xb0\xad\xae\x83\xa61\xf5\xd4\x08\x1e\x05\xc76,\x00\xb1Im\xe3TTT,\\\xb8\x901&amp;%H)G\x8c\x1f\xdc\xa6S\x8b\x80_\xff\xd1\x07\xfd\x19g\xdeZ_\xdf\xe1\xdd\xba\r\xec\x02\r{\xc1\x7f\xf8\xc3\x1f*++\xcdf3^\x05\xa2\x8b\x94R\xd3\xb4\xbc\xbc&lt;\xa7\xd3\xc99\xd3\x85Hmi\x9f\xf1`\x1f\xa8\x0b0~\x81_\xbd$\xdc\xc4\n~?\x801*\x84\xd04^RRR\\\\\x8c-\xa11\x0c\x0b@lRg\xbf\xf9\xf9\xf9.\x97\x8bs\xae\xeb\xa2M\xc7\x167M\x1d\xeaqz/\xf8\xfb\'D\x12"\x85\xcc\x9e1F3q\x01\xc09?z\xf4hQQ\x91\xc3\xe1\xc0\x9b\x80(\xa2Z?7m\xda\xb4~\xfdz\xd5\xfa)%Y0sPJ\x87D\xe9\xd3/4\xe6\x87s*j|Y\xa3:O\xb9=]\x08\xa9ZB\xe7\xcd\x9b\x17\x08\x04\xf0&gt; Va\x01\x88A\xea\xecw\xdb\xb6m\xabW\xaf\x0e-\xdf\xee\xcc\x19c\xb3\x9b\x85\x80\x9f\x98\xf2\xc5\x18\xf5z\xfc\x9d{v\x189q\x88j\tU{\xc1\xfb\xf6\xed\x8b\x8f\x8f\xc7\xbd\xe0h\xc19w\xbb\xdd\xea\x14\x971\xaa\x0b\xc8\x1a\xd8v\xca\xa4\x1e\xa2\xca\xcb\xb5\x9f\xfa\xc9S\xced]`\xc1\x9c\xc1)IV=(4\x8d\x97\x97\x97\x17\x16\x16\xe2I@\xac\xc2\x02\x10\x9b\x84\x10yyyB\x08\xf5\xd3\xed6\xb0K\xdf\xe1\xdd&lt;\xb5\xbe\x9fX\xfe+\xea\xb1\x80\x1b\'_\x97\xd8"^\x9d\x06;\x9d\xce\xf9\xf3\xe7\xdb\xedv\xbc\x04D\x05]\xd7\x93\x93\x93W\xadZ\xb5o\xdf&gt;\xc6\x18\x80\xe0\x8c\x16\xfc~\x00\xd3\x18\xf9\xb9E&lt;\xa3\x04\xbczj\x97\xa4\x99S{\x81\x94\x84H\xc6\xd8\xa2E\x8b*++\xb1#(&amp;a\x01\x885\xba\xaes\xce\xd7\xacY\xb3m\xdb6M\xd3t\xa1s\xce\xb2\x1f\x1b#\xc5E\xdd\xc3\xab\x96\xd0\x96m\x93\xc6N\x1b\xa9ZB9\xe7\xeb\xd6\xad\xdb\xb8q#&gt;\x1b\x1c\xf9\xa4\x94V\xab\xf5\xd8\xb1c\xf9\xf9\xf9\x8c1\xd5\xfa9y\xec\xd5Y\xa3:\x8b\x1a\xdf\xb9\xad\x9f\x17\xc28\x83j\xdf\xacG2\xd2\xafr\x04\x83B\xd3xUU\xd5\xdc\xb9s\xf1\x99\x80\x98\x84\x05 \xa6\xa8\xa9\x0f.\x97\xeb\xe9\xa7\x9fV\'\xbd\x12d\xe6\xed\xfd\xaf\xea\xd9\xde\xe79\xbf\xf5\xf3B8gu.\xef\x90[\xfbv\xec\xda\x16\x00(\xa3B\x88\xe7\x9e{\x0e\x83b"\x9f\x10"!!\xa1\xa8\xa8\xe8\xd4\xa9S\xea\xb9?G\x82\xf9\xc9\xe9\x03\xa47H/\xee\xd3W\x0f\x06\x9b\xe3\xcd\xcf\xe6\x0c \x84\x00\x08\xb5\x9e(++\xe3\x9c\xe3M@\x8c\xc1\x02\x10ST\xf3\xcf\xc2\x85\x0b+**\xd4\xee\xbf=\xc1:v\xdaH\xbf7p\x91\xbf\xff\xfa\xff\x1f\x01V\xbby\xdc\xa3\xa3\x88&lt;\xdb\x12\xfa\xea\xab\xafbKh$S\xad\x9f{\xf6\xecY\xbat)c\x8c\x12\x00\x90\x8f\xdd\xdb+\xadwk\xe1\x0e^d\xf9\'\x84p\x8d\n\xa7/;\xbb\xfb\xb0Amu\x1d8\xa7\x81@ \'\'G\x08\x817\x011\x06\x0b@\xecP\xdb5\r\xa7v\\\xb5~\xde|\xff\xf0\x94T\xc7\x85Z?/\x84qV\xe7\xf2\xf5\xcaL\xef7\xbc{\xa8%4??\xff\xd8\xb1c8 (\x92q\xce\x1f\x7f\xfc\xf1@ \xc09\xd3\x05t\xf9Eb\xceC\xfdD\x8d\xef\xa7\xcf~\x7f\x88\x12"\x05,\xca\x1d\xa2iL\xe8B\xd3\xb4\xed\xdb\xb7\xafY\xb3\x06[Bc\x0c\x16\x80\xd8\xa1\xae\xcb\xaao\x8fs&amp;\x00:vm;b\xfc\xb5\x9eZ\x1f\xff\xb9\xb3\xdf\x1f\x05\x02\xc6=:\xca\x16oU-\xa1\xa7N\x9d***\x8a\x8f\x8f\xc7K@\x04\x12B8\x1c\x8e\xf5\xeb\xd7\x97\x96\x96\xaa\xbd\x1a)\xc9\xc2Y\x83\x1c\xad\xed$ .u\xeb\x8e1\n\xb5\x81\x8c\xcc\x0e\xd3\xc6w\x17 )\x95\x8c\xd1\xa7\x9f~\xda\xe9tbKh,\xc1\x02\x10#T\xeb\xe7\xd6\xad[\x1b\x9e\xdc\xd1\x89$\xe3\x1e\x1de\xb1\x9a\x84\xb8\x9c}[\xc6\xa8\xaf.\xd0\xb1{\xdb\xe1\xd9\x83$Hu\xba\xb0t\xe9\xd2\xb2\xb22\x1c\x10\x14\x814M\xf3x&lt;\xb9\xb9\xb9\x84\xa8\xb1?0lP\xdb\xbb\xee\xea&amp;\xaa.y\xf9\xaf0\xce\xc0\x1d(\x9810\xd9a\xd1u\xc19\xaf\xa8\xa8(**b\x8c\xe1\n f`\x01\x88\x05\xea\xb1/\xbf\xdf?s\xe6L\xd5\xfa\r \xfb\x8d\xe8\xd1+3\xbd\xeer\x97\xffDm\x04\xd5xG\xdd\x93\xd9\xaa}2\x00p\xc6\x02\x81@AA\x01f\xc5D\x1a]\xd7\x13\x13\x13_z\xe9\xa5C\x87\x0ei\x9c\x81\x00\x8b\x99/\xca\x1d"\x05\\\xf6\xb1=\xa5D\xfa\xf4\xe4v\t\x05\xd3\x07HI\xa4\x04\xce\xf9\x0b/\xbc\xa0\x8e\x97p\x05\x10\x1b\xb0\x00\xc4\x02u\xf6\xbbv\xed\xda\xbd{\xf7\xaa]Z\xcd\xc4\xc7N\x1b!\xe1\x8a.\xd3\x94\x12]\x17I\xad\x13\xc6L\xcd\x92R\n\t\x9c\xf3w\xdf}w\xf3\xe6\xcdIII\xb8\x0c\x8c\x10\xaa\xf5\xf3\xf8\xf1\xe3\xf3\xe7\xcf\xa7\x94RF\x04\xc8\x89\xb7\xa4e\\\xdf\x01~l\xec\xcf\xc5c\x9cA\xad\x7f\xda\xaf{u\xed\x9c$t\xe0\x9c9\x9d\xce\xfc\xfc||&amp; f`\x01\x88zj\xf9_]]\x9d\x9b\x9b\xcb\x18S\x89\x8f#\'\x0e\xe9\xd4\xa3\xfd\x0f\xa7~^*\xce\x99\xbb\xda\x939\xae\xff\xd5};\x862#\x9fx\xe2\t\xaf\xd7\x8b\xd9\xf1\x11B\xb5~\xe6\xe7\xe7\xd7\xd4\xd4p\xce\x85\x0e)I\xd6\xf9\x8f\x0f\x86\xda\x00\xbd\xdc\x9b?E\xb5\x84jv\xd3\x92\'\xae\x93\x84\x08\xa1k\x1a_\xbdz\xf5\xf6\xed\xdbU\xb2tc\xfd\x15P\xb8`\x01\x88zj\xf9\x9f\x97\x97WYY\xa9\xf6g\x13S\xe2GM\xbe\xce\x7f\xc5W\x7fE\x12\xc25~\xcb\x03#\x18\xa3\x00\x821\xb6o\xdf\xbe?\xfd\xe9O8 (\x12\xa8\xd6\xcf-[\xb6\xac\\\xb9\x921F\x08\x80\x943\xa7\xf6JMK\x92&gt;\xfd\xca?\x7f\xce\xa9p\xf9G\xdf\xd4ytf\x07!$\xa5T\x08\x91\x93\x93\xe3\xf7\xfb\xf148\x06`\x01\x88n\xea\xea\x1f\xca\xf0\x93\x12\xa4$\xb7=&lt;\xb2E\xdb\xa4@\xe0\xd2Z?/\x841Z\xe7\xf2\xf6\xc9\xea:p\xf45\xaa%\x9416\x7f\xfe\xfc\xe3\xc7\x8fcKh$\xd04m\xde\xbcy\xba\xaes\xce\x84\x0e];\'\xcdz\xa4?T\xff\xfc\xd8\x8f\x8bD\t\x91B.\xc9\xcb4\x9b8\x08\xa1iZYY\xd9\xda\xb5kq@P\x0c\xc0\x02\x10\xdd\xd4\xfe\x8fJ\xf1V\xa1\x1fW\xf7\xedx\xfd\x1d\x19n\xa7\xe7\xb2\xcf~\x7f\x881\xea\xf3\x04\xc6=:*.\xd1&amp;\x040\xc6jjj\xf2\xf3\xf3\xe3\xe2\xe2\xa2k\x1f@\r\xb7\x10B\xe8\xffI\x08\x11\x8d\xd72]\xd7\x93\x92\x92^{\xed\xb5\xb3\x89\x8f\x84,y\xe2:s\x9c9\x94\xf8x\xe5\x18\xa3\xe0\x0et\xed\xd7f\xf6\xfd\xbd\x1bZBYnnnUU\x15\xde\x04D;,\x00QL\xb5~\x96\x94\x94\x94\x94\x94p\xce\x05\x08\xc6\xe8-\x0f\x8c\xe0\x1ao\xdc_%\xa54\xe0\x0f\xb6\xe9\xd4b\xc4\xf8\xc1RJ\x95\x18\xb5r\xe5\xca\xbd{\xf7FEK\xa8\x94R\x08!\x84\xd04-&gt;&gt;&gt;%%\xa5U\xabV\xadZ\xb5j\xd9\xb2\xa5\xfa\x0f\xc9\xc9\xc9v\xbb]\xfdk\xe1~\xb1\x17KM\xfc\xaf\xad\xad}\xe6\x99g\x08!j\xec\xcf\xe8\xcc\x0e\xa3o\xea,\\\xfe\x8b\x19\xfbs\xf1TK\xe8\x8c\x07\xfb\xa4\xb6\xb2\xab\xd3\xe0\xca\xca\xca\xc5\x8b\x17\xe3M@\xb4\xc3\x02\x1e\xad\xa4\xba\x12\x03\xf4\xea\xd5\xeb\xe0\xc1\x83&amp;\x93\x16\x0c\xea\x83n\xea\xfd\xf0\xf3\x13\\\xd5u\x8d\xb8\xfc\xaf\xff\xe3\xd4b\x81\xd2\xfc\xf1/\x9e:^\xa5i\x9a\xae\xeb#F\x8c\xd8\xbcy\xb3\xcb\xe5b,BW\x12\xea\x9an\xb1X\xd48\xeb\xca\xca\xca\xf2\xf2\xf2\x8a\x8a\x8ao\xbe\xf9\xc6\xe5r\xf9\xfd~\x93\xc9\x94\x9c\x9c\xdc\xa5K\x97^\xbdzu\xed\xda\xd5f\xb3\xd5\xd4\xd4\xa8\x87\x1e\xc2\xfd\xda\x7f\x86\xae\xeb\xadZ\xb5z\xe2\x89\'\x9e}\xf6YM\xd3\x00\x04c\xf4\xc0\xdf\xb3\x7f\xd9\xbd\x85\xf4\\\xc2\xe0\x87\x8b$t\xe0-\xed+_\xdd7u\xeeVMcR\x12\xce\xb5\x03\x07\x0e\\}\xf5\xd5Q\xf1v\xa1\x1f\x85\x05 Z\xa9\xe5\xff\xd2\xa5K\x1f}\xf4Q\xf5\xfb\xb7\xd8-s\xfe\xef\xc1\xd4N-\x03\xfe&amp;\x99\xda&amp;\x04\xc4;\xec;\xd7\x97\xbd\xfa\xe4[\x8c3J\xa8\x10b\xdd\xbau\xb7\xdf~\xbb\xea?i\xf4?\xf1\nI)-\x16\x8b\xddn?~\xfcxII\xc9\xc6\x8d\x1b\xff\xf5\xaf\x7f}\xf7\xddw?\xfa/\x9b\xcd\xe6\x01\x03\x06\xfc\xe67\xbf\x990a\x82\x94\xd2\xe7\xf3E\xe0\xdf(D\x05\xbeWVV\x0e\x1a4\xa8\xa6\xa6F\xe3,\xa8\x8b\xdfN\xee\xf9b\xe1\xc8\x9f\x1d\xfa\x7f\x99\x7f"!\x92\x90 \xa3\x99\xe3\xde*\xfb\xe2\xb4\xc9\xa4\x05\x02zvv\xf6\x9bo\xbe\xa9\xbe\x8a\x8d\xfe\'\xa2f\x80\x05 *\xa9\xfb\xeeS\xa7N\xf5\xe8\xd1\xa3\xa6\xa6\x86s\xa6\xeb\xe2W\xf7e\x8d\x9fus\xcd\xf7\xb5M\xf1\xfbW$H[\x82\xf5\x8f\xf7\xfd\xb9\xfc\xd3\xa3\xaa\x110--m\xf7\xee\xdd\xeav$\xa2f\x85\xaa\x1d\x92o\xbe\xf9\xe6\xff\xfe\xef\xff^\x7f\xfd\xf5\xd0u\x9fR\xca9g\x8c\x85^-\x00\xa8\x83\x01\xf5_o\xbc\xf1\xc6\x97_~955\xd5\xe3\xf1D\xec\xc2V-\xff\'N\x9c\xb8v\xedZ\x93I\x13B8\x12\xcc\x15\x1fNLJ\xb2\x92\xe0\xe5?\xfc\xf5\xd3\x84\x90&lt;\xc9\xba\xf5\x1fG\x86O\xf9\xbb\xc6\x99$T\x08\xb1y\xf3\xe6\xd1\xa3Gc\r\x88R\x11\xfa\xfdF?M\xddt\xcf\x9d;\xb7\xba\xbaZ\xd34]\x88\x96\xed\x92GM\xc9t\xd7x\x1a\xab\xf7\xe3\xc7\xff\\B@\xc0\x1d\xbf\x1b\xcd9\x13 8\xe7\x87\x0e\x1d*,,\x8c\xc0\xa8\x00\xd5\x1f\xf9\xde{\xef-Z\xb4\xe8\xbb\xef\xbe\xe3\x9c\x9bL&amp;\x93\xc9D\x08\xd1u=\x10\x08\xf8\x1b\x04\x83A)\xa5\xaa\n\x9a\xa6}\xf0\xc1\x07\xb7\xdcr\xcb\xe9\xd3\xa7#6\tY%&gt;n\xdc\xb8\xf1\xcd7\xdfT\x89\x8f\x00\xb2`zFr\xbb\x04\xb8p\xe2\xe3\x95S\x99\x91\xc3Ft\xba\xeb\xa6\xce\xba\x00\x95\x19\xa9\x1a\x10\xf048J\xe1\xc7\x16}\x00\x80RZVV\x96\x99\x99\xa9\xeb:!R\x08\xf8M\xfe\x9d\x99\xb7\xf7\xaf\xadi\xcc\xe6\x9f\x1f\xff\xd3\x05$\xa4\xc4\xadx\xea\xedmo\xef\xe1\x1a\x07\x01III\xbbv\xedj\xd3\xa6MD\x05\x06\xa8;\x00\x97\xcb5x\xf0\xe0S\xa7N\x9d\xbb\xc6o\xd7\xae]\xfb\xf6\xed\x1d\x0e\x87\xc9d\xaa\xad\xad=z\xf4\xe87\xdf|C\x08QG\x9af\xb39\x10\x08\x8c\x1d;v\xdd\xbau\xb5\xb5\xb5\x11x\x13\x00\x00v\xbb\xfd\xc6\x1bo\xdc\xb9s\xa7\xc9\xa4\xe9\xba\xde\xbfG\xcb\x8f\xd7\xdf\xc5t\xa0\x924\xe9\'\x00 \xa9\xcdt\xe4HM\xff\xdb\xd6\xb9\xeb\x82\x941]\x17/\xbe\xf8\xe2o\x7f\xfb[\xbc\t\x88F\x11\xf7\xe5F?Km\xb6\xcc\x9c9\xd3\xef\xf7\xab\xd0\x8f\xf4\xbe\x9d\x86\x8c\xed\xe7\xae\xf16\xf5\xd5\x9f\x10B\x19\xf5\xb9\xfdc\xa7\x8d\xb4\'XA\x00\xd7xuuu^^^BBBD\xdd\x04\xa8\xe1H\x1d:t\xf8\xf5\xaf\x7f\x1d\x0c\x06\x85\x10={\xf6|\xe2\x89\'\xb6l\xd9\xb2k\xd7\xae\xd2\xd2\xd2\xf7\xde{\xef\xddw\xdf}\xff\xfd\xf7w\xed\xda\xf5\xee\xbb\xeffdd\xa8\x87*\x02\x81\x00\xe7|\xc3\x86\r\x1f|\xf0AbbbD\xfd\xa5\x08!\xba\xae\xb7h\xd1b\xc5\x8a\x15g[?%Y\x94;X\xb3i\x8d\xd8\xfay!\x8cQ\xe1\x0et\xe9\xd5\xea\xb1{\xaf\x11\rs\xc2\xf3\xf2\xf2\xaa\xab\xab12,\x1aa\x01\x882j\x9dU\\\\\xbcu\xebVM\xd3\x84\xd05\x13\xbf\xe3w\xa3A\x00i\x96\xc5\xb7\xca\x8cLIu\xdc\xfc\xc0p\xd5\x86\xc4\x18{\xfb\xed\xb7\xb7l\xd9\x12i-\xa1\x9cs\x8f\xc73y\xf2\xe4;\xee\xb8\xe3\xad\xb7\xde\xfa\xe7?\xff\x99\x9f\x9f?x\xf0\xe0\x84\x84\x04\xbf\xdf\xeft:\x9dNg]]\x9d\xd5j\xbd\xe5\x96[&gt;\xfc\xf0\xc3\xac\xac,\xf5\xd7Q\x13/\xde|\xf3MM\xd3"\xea\xa2\xa6\xce~O\x9c8\xf1\xfc\xf3\xcfS\xaa\xa6~\xca\xec1]\x86\x8d\xe8$j\x1a\xb9\xf5\xf3B\xb8\xc6\xa0\xc6\x97\xf3P\xdf\xb4N\x89B\x17Z\xc3\n\x00\x07\x04E#,\x00\xd1D]\x8c\x02\x81\xc0\xbcy\xf3\x08!\x94\x12\x00\x99qc\xafn\x83\xba\\\xf9\xd8\x9f\x8b\xc79\xf3\xd6\xfa\x86g_\xdb\xa6c\x0b\x15\x1c\xaf^R\xa4].\xd5M@\xfb\xf6\xed\xdfx\xe3\x8d\xdbn\xbbMJy\xfa\xf4i\xb7\xdb\xad\xf6\xac9\xe7j\xdf\x1f\x00N\x9f&gt;m\xb3\xd9\x16,X`2\x99d\x83\xb2\xb22\x97\xcb\xa5iZ\xb8\xff\x1eg\xe9\xba\xeep8\x8a\x8a\x8a\x8e\x1c9\xa2\x9e\xfb3\x9b\xf8\xb33\x06\x12h\xf2\xb5\x7f\x08\xa5D\x06\x84\xa3M\xdcS\x8f\xf4\x07I\xd4C!\xcb\x97/?x\xf0 &gt;\x16\x10u\xb0\x00D\x13\x95\xf9UXXX^^n2\x99t]\xc4%\xda\xc6\xfd\xf6F_\x9d\xaf\xd9\xae\xfe\x8a\x10`\xb1\x99\xee\xcc\x19C\xc8\xd9\xcc\xc8U\xabVE`f\xa4\x94\xd2\xe5r\xd5\xd4\xd4\x10B4M;\xb7\xffG\xa1\x94\x9a\xcd\xe6\xda\xda\xda\xee\xdd\xbb\xab\xaev\xf5/\x9c:u\xaa\xb6\xb66rf_\xabc\xed\xfd\xfb\xf7\xab\xb1\x1f\x94H\x009\xfb\xfe\xde\xe9\xbd\xdb\x88+\x9b\xfay\xa9\xb8\xc6D\x95w\xd2\xf8\x1eY\x03\xdb\xea:h\x1a\xd3u}\xfa\xf4\xe9x\x14\x1cu\xb0\x00D\r\xb5;QQQ\xb1p\xe1\xc2\x86\xb1?r\xc4\xf8\xc1m:\xb5\xb8\xd4\xc4\xc7+\xc78\xf3\xd6\xfa\xfa\x0e\xef\xd6m`\x97Pf\xe4\x1f\xfe\xf0\x87\xca\xca\xca\x08l\x9ea\x8c\xfd\xec\xf9\xa4zh %%%\xf4O\x02\x81\x80\xbaWh\xe2Ww\xb1\xd4\xb1v^^\x9e\xd3\xe9\xe4\x9c\xe9B\xa4\xb6\xb4\xcfx\xb0\x0f\xd4\x05\x9a\xb4\xf5\xeb\x02\xaf\x86p\x13+\xf8\xfd\x00\xc6\xa8\x10B\xd3xIIIC\x18Qd\x9d\x9a\xa0\x9f\x80\x05 j\xa8\x95i~~\xbe\xcb\xe5\xe2\x9c\xeb\xbah\xd3\xb1\xc5MS\x87z\x9c\xde0\xfc\xfe\xd5\x93ABf\xcf\x18\xa3\x99\xb8\xca\x8c&lt;z\xf4hQQQ\x94N\t\xa5\x94\x06\x83A\xb7\xdb\x1d\xfa\'6\x9b-r\x8a\x99j\xfd\xdc\xb4i\xd3\xfa\xf5\xebU\xeb\xa7\x94d\xc1\xccA)\x1d\x12eS\xb6~^\x88j\t\xcd\x1a\xd5y\xca\xed\xe9BHun\xa2\xe2H\xf1&gt; \x8a`\x01\x88\x0e\xea\xecw\xdb\xb6m\xabW\xaf\x0e-\xb2\xee\xcc\x19c\xb3\x9b\x85\x80\xb0\xacQ\x19\xa3^\x8f\xbfs\xcf\x0e#\'\x0e\x91 %\x91j/x\xdf\xbe}j\xeeB8^\xd4eR\xdd\x9f\'O\x9e\xac\xa8\xa8 \rg-m\xdb\xb6MLL\x8c\x90\x9b\x00\xce\xb9\xdb\xedVg\xad\x8cQ]@\xd6\xc0\xb6S&amp;\xf5h\xa2\xe7~/\x06\xe5L\xd6\x05\x16\xcc\x19\x9c\x92d\xd5\x83B\xd3xyyyaa!\x9e\x04D\x11,\x00QC\x08\x91\x97\x97\'\x84P?\xb0n\x03\xbb\xf4\x1d\xde\xcdS\xdbhS\x7f/\x03c\xd4W\xe7\xbfq\xf2u\x89-\xe2\xd5i\xb0\xd3\xe9\x9c?\x7f\xbe\xddn\x8f\xaeK\x80\xae\xeb\xf1\xf1\xf1\xaf\xbd\xf6\x9a\xdb\xed\xe6\x9c\xab+\xfe\xb5\xd7^\x1b!\xe3Nu]ONN^\xb5j\xd5\xbe}\xfb\x18c\x00\x823Z\xf0\xfb\x01Lc$|KmF\tx\xf5\xd4.I3\xa7\xf6\x02)\t\x91\x8c\xb1E\x8b\x16UVVbGP\xb4\xc0\x02\x10\x05\xd4\xa8\xe75k\xd6l\xdb\xb6M\xd34]\xe8\x9c\xb3\xec\xc7\xc6H\x11\xe6;m\xd5\x12\xda\xb2m\xd2\xd8i#UK(\xe7|\xdd\xbau\x1b7n\x8c\xc0g\x83/$\x18\x0c\xb6i\xd3\xe6\x1f\xff\xf8Gh\xf5\xaa\x1e\x0c\x9e&lt;y\xb2z\xd2"\xbc/O%&gt;\x1e;v,??\x9f1\xa6Z?\'\x8f\xbd:kTgQ\xe3k\x9e\xd6\xcf\x0ba\x9cA\xb5o\xd6#\x19\xe9W9\x82A\xa1i\xbc\xaa\xaaj\xee\xdc\xb9\xf8L@\xb4\xc0\x02\x10\xe9\xd4\xd4\x07\x97\xcb\xf5\xf4\xd3O\xab\x95\xa9\x04\x99y{\xff\xabz\xb6\xf7y\x9a\xaf\xf5\xf3B8gu.\xef\x90[\xfbv\xec\xda\x16\x00(\xa3B\x88\xe7\x9e{.\xa2\x9e\n\xfe\t\xc1`\xb0U\xabV\xdb\xb6m\x9b0a\x82\xd7\xebU\x07\xadB\x88\xfb\xef\xbf\x7f\xf0\xe0\xc1n\xb7;\xec\x05@%&gt;\x16\x15\x15\x9d:uJ=\xf7\xe7H0?9}\x80\xf4\x06i\xb8?}\x95\x19i\x8e7?\x9b3\x80\x10\x02 \xd4J\xa5\xac\xac\x0c\x83\xe3\xa3\x02\x16\x80H\xa7\x9a\x7f\x16.\\XQQ\xa1v\xff\xed\t\xd6\xb1\xd3F\xfa\xbd\x81\xb0\xff\xfe\x15\x10`\xb5\x9b\xc7=:\x8a\xc8\xb3-\xa1\xaf\xbe\xfaj\x04\xb6\x84\x9eKM\x8an\xdd\xba\xf5\xdf\xfe\xf6\xb7[o\xbd\xf5\xf4\xe9\xd3\xaaY(\x18\x0c\x0e\x1c8p\xfe\xfc\xf9\x910\x07B\xb5~\xee\xd9\xb3g\xe9\xd2\xa5\x8c1J\x00@&gt;vo\xaf\xb4\xde\xad\x85\xbb\xf1g&gt;_\x06\xaeQ\xe1\xf4egw\x1f6\xa8\xad\xae\x03\xe74\x10\x08\xe4\xe4\xe4\x08!\xf0&amp; \xf2a\x01\x88hjS\xa5\xe1l\x8d\xab\xd6\xcf\x9b\xef\x1f\x9e\x92\xeah\xfe\xd6\xcf\x0ba\x9c\xd5\xb9|\xbd2\xd3\xfb\r\xef\x1ej\t\xcd\xcf\xcf?v\xecX\xc4fF\xaaW\x95\x92\x92RXX\x98\x9d\x9d\xad\xae\xf5\x8c1]\xd7\x07\x0c\x18\xf0\xf6\xdbo[,\x96\xc89\xfe}\xfc\xf1\xc7\x03\x81\x00\xe7L\x17\xd0\xe5\x17\x899\x0f\xf5\x135\xbep\x9d\xfd\xfe\x10%D\nX\x94;D\xd3\x98\xd0\x85\xa6i\xdb\xb7o_\xb3f\r\xb6\x84F\xbeH\xf9\x0e\xa1\x1f\xa5\xaeS\xaa\xbb\x8es&amp;\x00:vm;b\xfc\xb5\x9eZ_3\x8c\xfd\xb9$ `\xdc\xa3\xa3l\xf1V\xd5\x12z\xea\xd4\xa9\xa2\xa2\xa2\xf8\xf8\xf8\x08\xbc\x04\xa8]5\xbb\xdd\xfe\xdb\xdf\xfev\xf6\xec\xd9\xea\xbfRJu]\xbf\xe9\xa6\x9b6n\xdc\x98\x92\x92\xe2\xf5z\xc3\xbe\xfc\x17B8\x1c\x8e\xf5\xeb\xd7\x97\x96\x96\xaa\x1d\x15)\xc9\xc2Y\x83\x1c\xad\xed$ "\xa06\xd5c\x8cBm #\xb3\xc3\xb4\xf1\xdd\x1b2#\xe9\xd3O?\xedt:\xb1%4\xc2E\xd6E\x04\x9dK\xb5~n\xdd\xba\xb5\xe1\xf9\x1a\x9dH2\xee\xd1Q\x16\xabI\x88\xc8\xda]e\x8c\xfa\xea\x02\x1d\xbb\xb7\x1d\x9e=H\x82T\x97\xd4\xa5K\x97\x96\x95\x95E\xda\x80 \xc5f\xb3=\xf8\xe0\x83/\xbd\xf4\x92\xa6i\xea"%\x84x\xe4\x91G\xdez\xeb-\x9b\xcd\xe6\xf1x"a\xb0\xa5\xa6i\x1e\x8f\'77\x97\x105\xf6\x07\x86\rj{\xd7]\xddDU\x04-\xff\x15\x95\x19Y0c`\xb2\xc3\xa2\xeb\x82s^QQQTT\xc4\x18\x8b\xc0\x15\x00\n\x89\xac\xaf\x11\nQ\x8f}\xf9\xfd\xfe\x993g\xaa\xd6o\x00\xd9oD\x8f^\x99\xe9u\x91\xb7\xfc\'j#\xa8\xc6;\xea\x9e\xccV\xed\x93\x01\x803\x16\x08\x04\n\n\n"g\x94\x82"\x84HJJ\xca\xcf\xcf_\xb5j\x95\xc9d\nmU\x17\x15\x15\xbd\xf8\xe2\x8b~\xbf_M\x03\r\xf7\xcb$\xba\xae\'&amp;&amp;\xbe\xf4\xd2K\x87\x0e\x1d\xd28\x03\x01\x163_\x94;D\x8a\xa6\xca{\xb9\x12\x94\x12\xe9\xd3\x93\xdb%\x14L\x1f %\x91\x128\xe7/\xbc\xf0\x82:\xb8\x8a\xc0\x15\x00R"\xee:\x82\x14u\xf6\xbbv\xed\xda\xbd{\xf7\xaa\xbdT\xcd\xc4\xc7N\x1b!!\x82.\xa6\xe7\xa2\x94\xe8\xbaHj\x9d0fj\x96\x94RH\xe0\x9c\xbf\xfb\xee\xbb\x9b7oNJJ\x8a\x90e \x00\xc4\xc5\xc5\xed\xda\xb5\xeb\x8f\x7f\xfc\xa3zW)\xa5\x9a\xa6\xbd\xf6\xdak\xbf\xff\xfd\xefO\x9f&gt;M\x08\t\xfb\xce\x0fih\xfd&lt;~\xfc\xf8\xfc\xf9\xf3)\xa5\x94\x11\x01r\xe2-i\x19\xd7w\x80\xe6\x1d\xfbs\xf1\x18gP\xeb\x9f\xf6\xeb^];\'\xa9\xe0x\xa7\xd3\x99\x9f\x9f\x8f\xcf\x04D\xb2\xf0\x7f\xd7\xd1\x0f\xa9\xe5\x7fuuunn.c\x8c\x10\t GN\x1c\xd2\xa9G\xfb\xe6\x9c\xfay\xa98g\xeejO\xe6\xb8\xfeW\xf7\xed\x08\x02\xd4P\xe5\'\x9ex\xc2\xeb\xf5F\xc2\x9a\x9a\x10\x02\x00V\xab\xf5\xcf\x7f\xfes\xe8\x80\x17\x00\xfe\xf7\x7f\xffw\xf2\xe4\xc9\xa7N\x9dR\xdbA\xe1~\x8d\x844\xb4~\xe6\xe7\xe7\xab\xb0e\xa1CJ\x92u\xfe\xe3\x83\xa16@#\xef\xe6OQ-\xa1\x9a\xdd\xb4\xe4\x89\xeb$!B\xe8\x9a\xc6W\xaf^\xbd}\xfbv\xd5Y\x1b\xee\x17\x88~D\x84~\x99\x0cN-\xff\xf3\xf2\xf2*++\xd5.jbJ\xfc\xa8\xc9\xd7\xf9#\xf8\xea\xafHB\xb8\xc6oy`\x04c\x14@0\xc6\xf6\xed\xdb\xf7\xa7?\xfd)B\x06\x04\x99L\xa6\xea\xea\xea\xed\xdb\xb7\xab\xe2\x04\x00\xff\xf5_\xff5m\xda\xb4\xef\xbf\xff^\xa5EF\x02\xd5\xfa\xb9e\xcb\x96\x95+W2\xc6\x08\x01\x90r\xe6\xd4^\xa9iI\xd2\xa7G\xf2\xe7\xcf9\x15.\xff\xe8\x9b:\x8f\xce\xec \x84\xa4\x94\n!rrr\xfc~?\x9e\x06G&amp;,\x00\x11G]\xfd\x0f\x1e&lt;\xa8\xa6\xfeJ\tR\x92\xdb\x1e\x1e\xd9\xa2mR \x10\x11\x8d\x89?\x811Z\xe7\xf2\xf6\xc9\xea:p\xf45\xaa%\x9416\x7f\xfe\xfc\xe3\xc7\x8f\x87\xbd%TJi2\x99N\x9e&lt;\xf9\xed\xb7\xdf\xaa\xe7\x96\t!S\xa7N\x8d\xc0g\xd64M\x9b7o\x9e\xae\xeb\x9c3\xa1C\xd7\xceI\xb3\x1e\xe9\x0f\xd5\xe1\x1c\xfbq\x91(!R\xc8%y\x99f\x13\x07!4M+++[\xbbv-\x0e\x08\x8aL\x91\xfe}2 \xb5\xff\xa3\xb2\xb6U\xe8\xc7\xd5};^\x7fG\x86\xdb\xd9\xe4y\xbf\x8d\x821\xea\xf3\x04\xc6=:*.\xd1&amp;\x040\xc6jjj\xf2\xf3\xf3\xc3&gt;WG\xf5&amp;9\x9d\xce\xd01o||\xfc\xd5W_\x1d\t\xf3\x1eBt]OJJz\xed\xb5\xd7\xce&amp;&gt;\x12\xb2\xe4\x89\xeb\xccq\xe6fH|\xbcr\x8cQp\x07\xba\xf6k3\xfb\xfe\xde\r-\xa1,77\xb7\xaa\xaa\no\x02"P\xa4|\xef\x91\xa2Z?KJJJJJ8\xe7\x02\x04c\xf4\x96\x07Fp\x8dG\xcbo\x87R\x1a\xf0\x07\xdbtj1b\xfc`)\xa5J\x8cZ\xb9r\xe5\xde\xbd{\xc3\xde\x12\xaa"\x7fu]\x17B\x08!\x02\x81\x80\xddn\x8f\x9c\xab\x92\x1aDQ[[\xfb\xcc3\xcf\x10B\xd4\xd8\x9f\xd1\x99\x1dF\xdf\xd4Y\xb8\x9a)\xf1\xf1\xca\xa9\x96\xd0\x19\x0f\xf6ImeW\xa7\xc1\x95\x95\x95\x8b\x17/\xc6\x9b\x80\x08\x84\x05 \x82\xa8\xb5\xbf\nW"j1%`\xc0\xa8k\xfadu\xadsy#|\xf7\xff\\\x8c3\x8f\xd3;f\xea\xd0\xd6\x1dR\xd4M\x80\xae\xebs\xe6\xcc\t\xefQ\xb0\xda\x92NHH\x18:thVV\xd6\xd0\xa1CG\x8d\x1a\x15Q1\x96j\xe8\x7faa\xe1\xe1\xc3\x875M\x13\x024\x8d-\xc9\xcb\x94BF\xcdg\xdf\xd0\x12\x9a\xd2!q\xc1\x8c\x81 \xa5\x94\xc09{\xfe\xf9\xe7\xcb\xcb\xcb\xb1\x06D\x1a\xbc)\x8b j\xf9\xbft\xe9\xd2G\x1f}T\xd34\x00a\xb1[\xe6\xfc\xdf\x83\xa9\x9dZ\x06\xfc\x11\xb7O\xfd\xd3\x84\x80x\x87}\xe7\xfa\xb2W\x9f|\x8bqF\t\x15B\xac[\xb7\xee\xf6\xdboW\x9d-\xe1za\x8c1\x9b\xcd\xa6\xfe\xb3\x94R\r\x80\x0b\xd7\x8b9\x97\n|\xaf\xac\xac\x1c4hPMM\x8d\xc6YP\x17\xbf\x9d\xdc\xf3\xc5\xc2\x91a\x1c\xfa\x7fy$!\x92\x90 \xa3\x99\xe3\xde*\xfb\xe2\xb4\xc9\xa4\x05\x02zvv\xf6\x9bo\xbe\xa9\xbe\xe4\xe1~\x81\xa8^4}\xabb\x1b\x00PJ+++U\xe8\x87j\xfd\x1c\x9e=\xe8\xaa\x1e\xed}\x9e@t]\xfd\t!\x9c3\x8f\xcb;dl\xbf\xf4\xbe\x9dB-\xa1\xb9\xb9\xb9j\xe0~\x18\xaf\xb9\x00P[[\xebr\xb9\\.\x97\xdb\xed\x8e\x90\xab?!D\x08\x11\x1f\x1f\x9f\x97\x97W]]\xadi\\\x00$;,\x053\x06JO0\xf2\xcf~\xcf\xa3\x8e\x82-q\xe6E\xb9\x83\xa5$ \x80s^\\\\\\\xbf\xb1\x89-\xa1\x11#\xca\xbeX1L\x1dQ\xce\x9d;\xb7\xba\xbaZ\xd34]\x88\x96\xed\x92GM\xc9t\xd7x\xa2\xee\xf7\xafHB@\xc0\x1d\xbf\x1b\xcd9\x13 8\xe7\x87\x0e\x1d*,,\x0coT\x80\x1a\xf7o6\x9b-\x16\x8b\xfa\xaf\xe1z%\xe7R\x9b?\x1b7n|\xf3\xcd7U\xe2#\x80,\x98\x9e\x91\xdc.\x01\xc2\x91\xf8x\xe5Tf\xe4\xb0\x11\x9d\xee\xba\xa9\xb3.@eF\xaa\xd6\x06&lt;\r\x8e\x1cQye\x89=\xaa\xf5s\xef\xde\xbd\xaf\xbf\xfe\xba\xea\xfd \x92\xdc\xf6\xf0HG\x8bx]\x8f\xa0\xb1_\x97D\xe5\x85u\x1b\xd49\xf3\xf6\xfe*3\x92R\xbal\xd9\xb2C\x87\x0e\x85\xab%T%\xbf;\x1c\x8e\xda\xda\xda\xaa\xaa*\xbb\xdd\x1e!\xe9\x95*\x91\xf8\xb9\xe7\x9e\x03\x00\xc6\xa8\x00\xc8\xe8\xd9r\xda\xd4\xde\xe0\xf2Gi\xf9\'\r\x8f\x86-\xcc\x1d\xe2H0\x83\x10\x9c\x9fmn\x8e\x84\xf7\x1c\x11,\x00\x11B\x1d\xff\xce\x9c9S\xb5$\n\x01\xe9};\r\x19\xdb\xcf]\xe3\x8d\x8a\xd6\xcf\x0b\xa1\x8c\xfa\xdc\xfe\xb1\xd3F\xda\x13\xac \x80k\xbc\xba\xba:///!!\xa1\xf9o\x02\xd4\xc2\xff\xbb\xef\xbe\xbb\xe7\x9e{\x06\r\x1a4`\xc0\x80[o\xbd\xf5\xa3\x8f&gt;\x8a\x8b\x8b\x0b\xef\xf5H\xd7\xf5\x16-Z\xacX\xb1\xe2l\xeb\xa7$\x8br\x07k6-*Z?/\x841*\xdc\x81.\xbdZ=v\xef5\xa2aN\xb8\xda\xe3\xc2\xc8\xb0\x08\x11\xc5\x17\x97\x98\xa1\x8e\xc5\x8a\x8b\x8b\xb7n\xdd\xaai\x9a\x10\xbaf\xe2w\xfcn4\x08 Q\xfb\xe3WTfdJ\xaa\xe3\xe6\x07\x86\xabg\xaf\x18co\xbf\xfd\xf6\x96-[\xc2\xd2\x12J)\xfd\xcdo~\xf3\xe6\x9bo~\xf7\xddw\xa7O\x9f\xfe\xf0\xc3\x0f\xef\xb8\xe3\x8e\xe3\xc7\x8f\x9b\xcd\xe6p]\x8fTY:q\xe2\xc4\xf3\xcf?O\xa9\x9a\xfa)\xb3\xc7t\x196\xa2\x93\xa8\x89\x9a\xd6\xcf\x0b\xe1\x1a\x83\x1a_\xceC}\xd3:%\n]h\r+\x00\x1c\x10\x14!\xb0\x00\x84\x99\xba\xee\x04\x02\x81y\xf3\xe6\x11B(%\x002\xe3\xc6^\xdd\x06u\x89\xe4\xb1?\x17\x8fs\xe6\xad\xf5\r\xcf\xbe\xb6M\xc7\x16*8^\xfde\x9b\xb9\xff\x12\x00l6\xdb\xc1\x83\x07?\xfa\xe8#\xce\xb9\n\x000\x9b\xcd555\x1f~\xf8a\x18o\x02t]w8\x1cEEEG\x8e\x1cQ\xcf\xfd\x99M\xfc\xd9\x19\x03\tD\xf1\xda?\x84R"\x03\xc2\xd1&amp;\xee\xa9G\xfa\x83$\xea\xa1\x90\xe5\xcb\x97\x1f&lt;x\x107\x82"\x01\x16\x800S\x99_\x85\x85\x85\xe5\xe5\xe5&amp;\x93I\xd7E\\\xa2m\xdcoo\xf4\xd5\xf9b\xe0\xea\xaf\x08\x01\x16\x9b\xe9\xce\x9c1\x84\x9c\xcd\x8c\\\xb5jU3gF\xaa\xc7\x80\xd5\xe8\x7fu\x14,\x84`\x8cUWW\x87\xebXR\x8d\xfd\xd9\xbf\x7f\xbf\xda\x19\xa7D\x02\xc8\xd9\xf7\xf7N\xef\xddFD\xea\xd4\xcfK\xc55&amp;\xaa\xbc\x93\xc6\xf7\xc8\x1a\xd8V\xd7A\xd3\x98z\xd2\x05\x8f\x82#\x01\x16\x80pR["\x15\x15\x15\x0b\x17.l\x18\xfb#G\x8c\x1f\xdc\xa6S\x8b\xc8I|\xbcr\x8c3o\xad\xaf\xef\xf0n\xdd\x06v\teF\xfe\xe1\x0f\x7f\xa8\xac\xacl\xce\xbd\x17!D\x8b\x16-8\xe7\xa1;\x00\xb5\x08m\xdd\xba\xb5:\x83i\x9e\x97q.\xf5\xe8o^^\x9e\xd3\xe9\xe4\x9c\xe9B\xa4\xb6\xb4\xcfx\xb0\x0f\xd4\x05\xa2\xf7\xec\xf7GH\xc2M\xac\xe0\xf7\x03\x18\xa3B\x08M\xe3%%%\r1G\xd8\x12\x1aN1\xf4%\x8bB\xea\xba\x93\x9f\x9f\xefr\xb98\xe7\xba.\xdatlq\xd3\xd4\xa1\x1e\xa77\xa6~\xff\xea\xc9 !\xb3g\x8c\xd1L\\eF\x1e=z\xb4\xa8\xa8\xa8\xd9\xa6\x842\xc6\xbc^\xef/\x7f\xf9\xcb\x1bn\xb8!t\x07\x10\x0c\x06\xdb\xb6m{\xc3\r7\xb8\xdd\xee\xe6\x1f\x07\xa4Z?7m\xda\xb4~\xfdz\xd5\xfa)%Y0sPJ\x87D\x19\x9d\xad\x9f\x17\xa2ZB\xb3Fu\x9er{\xba\x10R\xb5\x84\xaa\xa0S\xbc\x0f\x08\xaf\x98\xba\xcaD\x17u\xf6\xbbm\xdb\xb6\xd5\xabW\x87\x96Bw\xe6\x8c\xb1\xd9\xcdB@\x0c\xfd\xfc\t!\x841\xea\xf5\xf8;\xf7\xec0r\xe2\x10\xd5\x12\xaa\xf6\x82\xf7\xed\xdb\xd7l\x8d\x98j\xcc\xc6\xf2\xe5\xcb\xef\xb9\xe7\x9ev\xed\xda\xb5l\xd9r\xd4\xa8Q\xef\xbc\xf3N\xeb\xd6\xad\xc32\x10\x94s\xeev\xbb\xd5\x89(cT\x17\x905\xb0\xed\x94I=\xa2\xee\xb9\xdf\x8bA9\x93u\x81\x05s\x06\xa7$Y\xf5\xa0\xd04^^^^XX\x88\'\x01\xe1\x15k\xdf\xb3\xe8"\x84\xc8\xcb\xcbS;\xd1\x00\xd0m`\x97\xbe\xc3\xbbyj\xa3`\xea\xefeP\x8f\x05\xdc8\xf9\xba\xc4\x16\xf1\xea4\xd8\xe9t\xce\x9f?\xdfn\xb77[\x01\x08\x04\x02)))\xaf\xbe\xfa\xea\xae]\xbb\xf6\xec\xd9\xb3~\xfd\xfak\xae\xb9\xa6\xae\xae\xae\xf9\x97\xff\xba\xae\'\'\'\xafZ\xb5j\xdf\xbe}\x8c1\x00\xc1\x19-\xf8\xfd\x00\xa61\x12\x8b\x0bbF\tx\xf5\xd4.I3\xa7\xf6\x02)\t\x91\x8c\xb1E\x8b\x16UVVbGP\x18\xc5\xe0\x85&amp;*\xa8Q\xcfk\xd6\xac\xd9\xb6m\x9b\xa6i\xba\xd09g\xd9\x8f\x8d\x91"f\xef\x87UKh\xcb\xb6Ic\xa7\x8dT-\xa1\x9c\xf3u\xeb\xd6m\xdc\xb8\xb1\xd9\x9e\rV\xcf[9\x9d\xce\x84\x84\x84\x94\x94\x94\xba\xba:\x8f\xc7\xd3\xfcW\x7f\x95\xf8x\xec\xd8\xb1\xfc\xfc|\xc6\x98j\xfd\x9c&lt;\xf6\xea\xacQ\x9dE\x8d/\xda[?/\x84q\x06\xd5\xbeY\x8fd\xa4_\xe5\x08\x06\x85\xa6\xf1\xaa\xaa\xaa\xb9s\xe7\xe23\x01a\x84\x05 \x0c\xd4\xd4\x07\x97\xcb\xf5\xf4\xd3O\xab\x9d\x07\t2\xf3\xf6\xfeW\xf5l\xef\xf3\xc4B\xeb\xe7\x85p\xce\xea\\\xde!\xb7\xf6\xed\xd8\xb5-\x00PF\x85\x10\xcf=\xf7\\s\xee\xc0PJ9\xe7\xba\xae\x07\x83A\xa6\xae\xbe\xcdN\r%-**:u\xea\x94z\xee\xcf\x91`~r\xfa\x00\xe9\r\xd2\xd8\xfd\xf4\xd5\x83\xc1\xe6x\xf3\xb39\x03\x08!\x00B\xad\x81\xca\xca\xca08&gt;\\\xb0\x00\x84\x81j\xfeY\xb8paEE\x85\xda\xfd\xb7\'X\xc7N\x1b\xe9\xf7\x06b\xf8\xf7\xaf\x80\x00\xab\xdd&lt;\xee\xd1QD\x9em\t}\xf5\xd5W\x9b\xb9%T\r\xa7k\xb6?\xee\\\xaa\xf5s\xcf\x9e=K\x97.e\x8cQ\x02\x00\xf2\xb1{{\xa5\xf5n-\xdc\xc1\x18.\xff\x84\x10\xaeQ\xe1\xf4egw\x1f6\xa8\xad\xae\x03\xe74\x10\x08\xe4\xe4\xe4\x08!\xf0&amp; ,\xb0\x0047\xb5\xf5\xd1p\x02\xc6U\xeb\xe7\xcd\xf7\x0fOIu\xc4R\xeb\xe7\x850\xce\xea\\\xbe^\x99\xe9\xfd\x86w\x0f\xb5\x84\xe6\xe7\xe7\x1f;v,\xec\x99\x91\xcd\x86s\xfe\xf8\xe3\x8f\x07\x02\x01\xce\x99.\xa0\xcb/\x12s\x1e\xea\'j|\xb1w\xf6\xfbC\x94\x10)`Q\xee\x10McB\x17\x9a\xa6m\xdf\xbe}\xcd\x9a5\xd8\x12\x1a\x16\xb1\xff\x85\x8b4\xea\x1a\xa7z\xe08g\x02\xa0c\xd7\xb6#\xc6_\xeb\xa9\xf5E\xf5\xd8\x9fK\x02\x02\xc6=:\xca\x16oU-\xa1\xa7N\x9d***\x8a\x8f\x8f\x8f\xf9K\x80\x10\xc2\xe1p\xac_\xbf\xbe\xb4\xb4T\xed{HI\x16\xce\x1a\xe4hm\'\x81h\x9d\xfawI\x18\xa3P\x1b\xc8\xc8\xec0m|\xf7\x86\xccH\xfa\xf4\xd3O;\x9dNl\tm~F\xb9\xe2D\x08\xd5\xfa\xb9u\xeb\xd6\x86\xa7`t"\xc9\xb8GGY\xac&amp;!\x8c\xb2\x07\xca\x18\xf5\xd5\x05:vo;&lt;{\x90\x04\xa9ND\x96.]ZVV\x16\xf6\xcc\xc8\xa6\xa6i\x9a\xc7\xe3\xc9\xcd\xcd%D\x8d\xfd\x81a\x83\xda\xdeuW7Qe\x88\xe5\xbf\xa22#\x0bf\x0cLvXt]p\xce+**\x8a\x8a\x8a\x18c1\xbf\x02\x884F\xf9\xceE\x02\xf5\xd8\x97\xdf\xef\x9f9s\xa6j\xfd\x06\x90\xfdF\xf4\xe8\x95\x99^g\xa4\xe5?Q\x1bA5\xdeQ\xf7d\xb6j\x9f\x0c\x00\x9c\xb1@ PPP\x10\xde\xac\x98\xa6\xa6\xebzbb\xe2K/\xbdt\xe8\xd0!\x8d3\x10`1\xf3E\xb9C\xa4\x00#\xac\xfdCTfdr\xbb\x84\x82\xe9\x03\xa4$R\x02\xe7\xfc\x85\x17^PGb\xb1\xbd\x02\x884\x06\xba\xe8\x84\x9d:\xfb]\xbbv\xed\xde\xbd{\xd5\x8e\xa7f\xe2c\xa7\x8d\x90\x10\xb3\x97\xbc\x0b\xa1\x94\xe8\xbaHj\x9d0fj\x96\x94RH\xe0\x9c\xbf\xfb\xee\xbb\x9b7oNJJ\x8a\xc9e\xa0j\xfd&lt;~\xfc\xf8\xfc\xf9\xf3)\xa5\x94\x11\x01r\xe2-i\x19\xd7w\x80X\x19\xfbs\xf1\x18gP\xeb\x9f\xf6\xeb^];\'\xa9\xe0x\xa7\xd3\x99\x9f\x9f\x8f\xcf\x0443,\x00\xcdD-\xff\xab\xab\xabsss\x19c*\xf1q\xe4\xc4!\x9dz\xb4\x8f\x8d\xa9\x9f\x97\x8as\xe6\xae\xf6d\x8e\xeb\x7fu\xdf\x8e\xa1\xcc\xc8\'\x9ex\xc2\xeb\xf5\xc6df\xacj\xfd\xcc\xcf\xcfW\x91\xc8B\x87\x94$\xeb\xfc\xc7\x07Cm\x80\x1a\xe9\xe6OQ-\xa1\x9a\xdd\xb4\xe4\x89\xeb$!B\xe8\x9a\xc6W\xaf^\xbd}\xfbvM\xd3br\x05\x10\x99\x0c\xf7\xcd\x0b\x17\xb5\xfc\xcf\xcb\xcb\xab\xac\xacT{\x9d\x89)\xf1\xa3&amp;_\xe77\xe4\xd5_\x91\x84p\x8d\xdf\xf2\xc0\x08\xc6(\x80`\x8c\xed\xdb\xb7\xefO\x7f\xfaS\xb3\r\x08j6\xaa\xf5s\xcb\x96-+W\xaed\x8c\x11\x02 \xe5\xcc\xa9\xbdR\xd3\x92\xa4O7\xe6\xe7\xcf9\x15.\xff\xe8\x9b:\x8f\xce\xec \x84\xa4\x94\n!rrr\xfc~?\x9e\x067\x1b,\x00\xcdA]\xfdCyxR\x82\x94\xe4\xb6\x87G\xb6h\x9b\x14\x08\xc4~\xeb\xe7\x850F\xeb\\\xde&gt;Y]\x07\x8e\xbeF\xb5\x842\xc6\xe6\xcf\x9f\x7f\xfc\xf8\xf1\xd8k\t\xd54m\xde\xbcy\xba\xaes\xce\x84\x0e];\'\xcdz\xa4?T\xc7\xe6\xd8\x8f\x8b\xa4\xb2\xe3\x97\xe4e\x9aM\x1c\x84\xd04\xad\xac\xacl\xed\xda\xb58 \xa8\xd9\x18\xf7\xcb\xd7\x9c\xd4\xfe\x8fJ\xc4V\xa1\x1fW\xf7\xedx\xfd\x1d\x19n\xa7\xc7Pg\xbf?\xc4\x18\xf5y\x02\xe3\x1e\x1d\x15\x97h\x13\x02\x18c555\xf9\xf9\xf9qqq1\xb3\x0f\xa0\xebzRR\xd2k\xaf\xbdv6\xf1\x91\x90%O\\g\x8e3Gu\xe2\xe3\x95c\x8c\x82;\xd0\xb5_\x9b\xd9\xf7\xf7nh\te\xb9\xb9\xb9UUUx\x13\xd0&lt;\x0c}\xf5i\x1e\xaa\xf5\xb3\xa4\xa4\xa4\xa4\xa4\x84s.@0Foy`\x04\xd78~\xc3)\xa5\x01\x7f\xb0M\xa7\x16#\xc6\x0f\x96R\xaa\xc4\xa8\x95+W\xee\xdd\xbb76ZB\xd5\xc4\xff\xda\xda\xdag\x9ey\x86\x10\xa2\xc6\xfe\x8c\xce\xec0\xfa\xa6\xce\xc2\x15\xf5\x89\x8fWN\xb5\x84\xcex\xb0Oj+\xbb:\r\xae\xac\xac\\\xbcx1\xde\x044\x0f,\x00MK\xad\xfdU\x04\x12QK\x1e\x01\x03F]\xd3\'\xabk\x9d\xcbk\xd8\xdd\xffs1\xce&lt;N\xef\x98\xa9C[wHQ7\x01\xba\xae\xcf\x993\'6\x8e\x82\xd5\xd0\xff\xc2\xc2\xc2\xc3\x87\x0fk\x9a&amp;\x04h\x1a[\x92\x97)\x85\xc4\xcf\x9e4\xb4\x84\xa6tH\\0c H)%p\xce\x9e\x7f\xfe\xf9\xf2\xf2r\xac\x01\xcd\x00\x0b@\xd3R\xbb\xff*\x04U\xb57\xd8\xe2\xad7?0,\xe0\x8b\xf1\xa9/\x17\x8f\x12\xa2\x0b\xb0\xc6Yn}h\x04!\x04$p\xceKKK\xd7\xaf_\xefp8\xa2z#HJi\xb3\xd9\x0e\x1d:\xb4l\xd92J\xa9J|\x9c6\xbe{\xd7&gt;\xad\xc1m\xb8\xd6\xcf\x0ba\x1a\x83\x1a\xdf\x84\xbb\xbae\xf4l)\x04\xf0\x86\xd4h\xdc\x05j\x06X\x00\x9a\x10\x00PJ+++U\xe8\x87j\xfd\x1c\x9e=\xe8\xaa\x1e\xed}\x9e\x80a\xcf~\x7f\x88s\xe6qy\x87\x8c\xed\x97\xde\xb7S\xa8%477\xd7\xedvG\xf5\xa3aB\x88\xf8\xf8\xf8\xbc\xbc\xbc\xea\xeajM\xe3\x02 \xd9a)\x981Pz\x82F&gt;\xfb=\x8f:\n\xb6\xc4\x99\x17\xe5\x0e\x96\x92\x80\x00\xceyqqq\xfd\x96i4\xaf\x00"\x1f~\x0b\x9b\x90\x1ar0w\xee\xdc\xea\xeajM\xd3t!Z\xb6K\x1e5%\xd3]\xe3\xc1\xdf\xffy$! \xe0\x8e\xdf\x8d\xe6\x9c\t\x10\x9c\xf3C\x87\x0e\x15\x16\x166[T@\xa3S\x9b?\x1b7n|\xf3\xcd7U\xe2#\x80,\x98\x9e\x91\xdc.\x01b+\xf1\xf1\xca\xa9\xcc\xc8a#:\xdduSg]\x80\xca\x8cTM\x13x\x1f\xd0\xa4\xf02\xd4T\xd4\xe6\xcf\xde\xbd{_\x7f\xfdu\</t>
        </is>
      </c>
    </row>
    <row r="345">
      <c r="A345" s="1" t="n">
        <v>343</v>
      </c>
      <c r="B345" t="inlineStr">
        <is>
          <t>color_size_circle</t>
        </is>
      </c>
      <c r="C345" t="inlineStr">
        <is>
          <t>What is the missing color of the part denoted with a question mark?</t>
        </is>
      </c>
      <c r="D345" t="inlineStr">
        <is>
          <t>['dark purple', 'light purple', 'light yellow', 'dark red']</t>
        </is>
      </c>
      <c r="E345" t="inlineStr">
        <is>
          <t>dark purple</t>
        </is>
      </c>
      <c r="F345" t="inlineStr">
        <is>
          <t>There are circles of various sizes and colors in the image. The circles are ['extra large', 'small', 'medium', 'large'] size, and their colors are ['very light purple', '?', 'medium purple', 'light purple'].</t>
        </is>
      </c>
      <c r="G345" t="inlineStr">
        <is>
          <t>We observe that the largest circle is very light purple color, and the smaller circles change color from light purple to medium purple. Hence, the pattern is that the circles become darker as they become smaller.</t>
        </is>
      </c>
      <c r="H345" t="inlineStr">
        <is>
          <t>Based on the pattern that the circles become darker as they become smaller, the missing color of the smallest circle denoted with a question mark should be dark purple.</t>
        </is>
      </c>
      <c r="I345" t="inlineStr">
        <is>
          <t>b'\x89PNG\r\n\x1a\n\x00\x00\x00\rIHDR\x00\x00\x02\x00\x00\x00\x02\x00\x08\x02\x00\x00\x00{\x1aC\xad\x00\x00\xe8\xcdIDATx\x9c\xec\x9dwxUE\xfa\xc7\xa7\x9csn\xbf\xb9\xa9$\xa1\xa4\x10\x02\xa1\xf7.E\x04\xa4\x08\x88\x82],k\xef\xaem\x7f\xae\xab\xac\xba\xbbX\xd0\xb5W\x14\xb0\x83\x05DT\x10)J\xef%\x94\x10R(IH\xbd\xb9\xfd\x94\x99\xf9\xfd1\xe1\x1a\x01]+\x99\x9b\x9c\xcf\xb3\xcf&gt;\xf7\\\x03L\xce9\xf3~g\xde6\x901\x06LLLLLZ\x1e\xa8\xa9\x07`bbbb\xd24\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xa6\x00\x98\x98\x98\x98\xb4PL\x010111i\xa1\x98\x02`bbb\xd2B1\x05\xc0\xc4\xc4\xc4\xa4\x85b\n\x80\x89\x89\x89I\x0b\xc5\x14\x00\x13\x13\x13\x93\x16\x8a)\x00&amp;&amp;&amp;&amp;-\x14S\x00LLLLZ(RS\x0f\xc0\xc4\xe4\x0c\xc1\x18\xfb\x85?\t!\xfcSGbb"\x08\xa6\x00\x98\xc40Q\x9bN)=\xe9\x1b\x08ac;~\xd2\xe5\xff\xfck\x1b\xabE\xe3\xcb\xe8_\x82\x10:\xe9\x1b\x13\x93\x98\x03\xfe\xf2e\x91\x89IS\xc1\xdfRn\xe5\xf9gn\xd0\xa3V\xf8\x97PWW\x07\xe1\xffx\xe1\xf9\x0f\xc4\xc7\xc7\xff\xf2\xbf\x96R\x1aU\x08.\x06|T\xa60\x98\x88\x8f)\x00&amp;\xc2\xc1\x1a\x01\x00\x80\x10b\x8cO\xfb\x93\x84\x10\x9f\xcfG)\xcd\xcf\xcf\'\x84\x18\x86\xb1i\xd3&amp;]\xd7!\x84\xa5\xa5\xa5%%%Q\x8b\x1f\x08\x04\n\x0b\x0b\x7f\xe1\x00rrr\x9cN\'8\xa1\x07\x99\x99\x99\x19\x19\x19\x8c1Y\x96\xfb\xf7\xef/I\x12\xc6\xb8K\x97.\x08!\xb7\xdb\xfd3ck\xacU\xbfj\x0bbbrf0\x05\xc0\xa4\xe9a\x8cEW\xf7\x08\xa1S\xd7\xf5\x84\x10\xbf\xdf\x7f\xf0\xe0\xc1@ \xb0s\xe7\xce\xfa\xfa\xfa\x9d;wz\xbd\xde\xe3\xc7\x8f\x97\x97\x973\xc6\xbc^\xef\x19\x1e\xb3\xc7\xe3\x81\x10\xa6\xa5\xa5\xb5j\xd5\xca\xe3\xf1\xf4\xe8\xd1#..\xaeG\x8f\x1eN\xa7\xb3C\x87\x0e.\x97\xebTa\xa0\x94RJ\xa3\xbb\x04S\x0fL\x9a\x1cS\x00L\x9a\x80\xc6k\xfcS-~8\x1c\xae\xae\xae.,,\xdc\xb5kWUU\xd5\xe6\xcd\x9b\x8f\x1c9RQQQWW\xd7T\x03\xfeU\xc4\xc7\xc7\xa7\xa6\xa6\xb6m\xdb\xb6_\xbf~\xc9\xc9\xc9\xdd\xbbw\xcf\xc9\xc9IJJ\xb2\xd9l\x8d\x7f,\xaa\x07\xe6\xfe\xc0\xa4\xa90\x05\xc0\xe4\x0c\xc1\x97\xf9\x8c\xb1S]:\xf5\xf5\xf5\x05\x05\x05G\x8f\x1e\xdd\xb6m\xdb\xa6M\x9b\xf6\xed\xdbWSS\x13\n\x85~\xf9_n\xb5\xda\xac\x16+\xa54\xa3]\x96\xdb\x1dg\x18\x86\xdb\x1d\xd7\xb9S7B\t\x04\x10\x00\x801\xee\xde\xad\xb7$I\xff3\x06`\x18\xc6\xae\xdd\xdb\x08!\x00\x00\x06\x18Fx\xef\xfe\xdd&gt;_\xbd$I&gt;_}\xe9\xe1b\x84PD\x8dD"\xe1_&gt;&lt;\xbb\xdd\x9e\x98\x98\x98\x97\x97\xd7\xbf\x7f\xff\xde\xbd{\xb7i\xd3&amp;777..\xae\xf1\xcfp\x97\x11\x0fl\x98b`rf0\x05\xc0\xe4O\xe4\xa7\x8c&gt;!\xa4\xa0\xa0`\xff\xfe\xfd\xdb\xb6m[\xbf~\xfd\xce\x9d;\xab\xab\xab\xff\xe7\xdf\x861v9\xddI\x89\xc9\xadZ\xa5\xb5JIk\xd7.\xcbf\xb5u\xe9\xdc\x9d\x10\x92\xd1.\xcb\xe5\x8a#\xc4HLH\xb2X\xac\x94R\x84\x90"+\x0c0\x00 \x1f\x8aA\x0c\xc0N\\\xfe\xf4\x90\x01\x84\x12\x96@\x83\tf\x10@M\xd7\xf8_\xa8\xaa\x91\x9a\xdaj\x8c%\xbf\xbf\xbe\xf4p1\xc68\x7f\xef\xaep$|\xf8p\xf1\xf1\xca\xf2\xe3\xc7\xcb\xabk\xaa\xfc\x01\x1f\x17\x8f\x9f\'))\xa9G\x8f\x1e\x83\x06\r\xea\xdd\xbbw\xa7N\x9drssO\xba?\xa6\x18\x98\x9c\x01L\x010\xf9\xe3\xe1F\x1f\x00\xd0\xd8\xa8\x85B\xa1={\xf6\xac[\xb7n\xd7\xae]\x1b7n,((0\x0c#\xfa_O\xcd\xcfq9]\xadZ\xa5\xb5j\x95\xde&gt;\xabCfFv\x87\x9cN\x89\t\xc9\xa9\xad\xd2\xacV[\x9c;\x0eB$I\x12e\xd40\x0c\x08\xa0\xa6\xab\x84\x10\x08\xa1\xae\xeb\x8cQ\x00 \x00\x8c\xd2\x1f\xfd\x85\x10B\x00\x01\xf8\xf9\xf7\x1d\x02\xc0N\xae\x18@\x08\xf2\xff\x00!\x92e\x991\x861Vd\x0b\x03L\x92$\x04\x91a\x18\x8c\xd1z_}$\x12\xae8^^S[u\xb0p\x7fIi\xd1\xa1\xe2\x83\xc7\x8f\x97\x1d?^\xee\x0f\xf8O\x1aI\xe3\x7fB\x92\xa4\xdc\xdc\xdc\x01\x03\x06t\xef\xde}\xf0\xe0\xc1]\xbbv\xb5\xdb\xed\xd1\xff\xca\xe5\xe4\xd7\xa6&lt;\x99\x98\xfc\x12L\x010\xf9c\x88.\xf6\x1b\xfb\xf4\t!\xdb\xb6m[\xbbv\xedw\xdf}\xb7e\xcb\x96\xc3\x87\x0fG\x7f\x1e\x02\xc8~l\x8c\x13\x12\x92r\xb2s;\xe7u\xeb\xdc\xa9[\xbb\xb6\x99\x19\x19\xd9\xf1\x9e\x04\xa7\xd3\x851\xe6\x9e\x19b\x18\xba\xa1SJ\t1\x18\x03\x8c1\x08\x01\x80\x10\xb03\x97\x95\xff\xa3\xca\x03\xc8\xa3\x19&lt;\xcf\x07`,!\x84dI\xc6\x92\xc4}M\x84\x90@\xc0_\xe7\xad---:|\xa4d\xef\xfe\xdd{\xf7\xed.,*\xa8\xad\xfd\xd1v\xe7\xa4[\xd1\xae]\xbb\xbe}\xfb\x9eu\xd6YC\x86\x0c\xe9\xdd\xbbwTD\xa31\x03s[`\xf2Ga\n\x80\xc9\xef"j\xf7%\xe9\x87\xa2\xc2\xa3G\x8fn\xda\xb4i\xc9\x92%\x1b7n\xdc\xbbwo\xf4\xfb\x93V\xbe\x9e\xb8\xf8\xdc\xdc\xbc\xce\x9d\xbau\xee\xd4\xadC\x87N\xed\xdaf%%$Y\xacV\xc6\x181\x0cU\xd3\x081\xb8\xad\xe7\x9e\x19\x08\x1a"\xa5b\x9a?\xfe\xab1\xc6\x18`\xdc\xd7\xc4U\x01c\xc9\xa2(X\x92 \x84j$R][}\xf8H\xf1\xc1\x83\xfb\xf7\xee\xdf\xbdw\xff\xee\x82\x82}\xde\xfa\x1f\x82\xdb\'\xdd\xa2\xce\x9d;\x0f\x180`\xe2\xc4\x89\xfd\xfb\xf7o\xd3\xa6M\xf4{\xc30L%0\xf9\xfd\x98\x02`\xf2[8\xd5\xee\xf3\xc5\xfe\xea\xd5\xab\xbf\xfa\xea\xab\xcd\x9b7\xfb|&gt;\xfe\xfdI\x16\xaduz\x9b\xae]z\xf6\xeb3\xa8s^\xb7\xf6\xd9\xb9i\xa9\xad\xb9\xa7^\xd7uMS\xa3\x0e\x1c\x08\x01\x84\x88[\xfb3\xff\xdb\xfd\xa10\xc6\x00c\x94\xab\x03w")\x8aE\x96e\x1e](\xaf8v\xa8\xa8`\xef\xbe\xdd\x9b\xb7\xae\xdf\x93\xbf\xe3X\xd9\xd1\xe8\x9fl|\xeb\xdcnw\xbf~\xfd\xce=\xf7\xdc\xe1\xc3\x877\xde\x16\x98J`\xf2{0\x05\xc0\xe4WpZ\xbb\xbfq\xe3\xc6O?\xfdt\xe9\xd2\xa5\x8d\x17\xfb\x8di\x9d\xde\xa6[\x97^\xfd\xfa\x0c\xea\xd5\xb3_NN\xc7\xc4\x84$\x8c\xb1a\x18\xaa\x1a\xd14\xed\x84\xc5o)\xa9\x90\x8dj\xdc\x18\x84HQ\x14\x8b\xc5*I\x12!\xa4\xa6\xb6\xba\xb0\xf0\xc0\xf6\x1d\x9b7o]\xbf;\x7f{c1hL\xe7\xce\x9d\xc7\x8f\x1f\x7f\xfe\xf9\xe7\x0f\x180\xc0T\x02\x93\xdf\x83)\x00&amp;\xbf\x08\xee\x80\xfey\xbb\xdfx\xc5\xeat\xba\xbaw\xed5l\xe8\xd9\x03\xfa\x0fm\x9f\x95\x9b\x98\x98\x841\xd64MU#\xba\xae\x03\xc0x+\x07\xd3Z1\xc6\x18\xe31s(\xcb\xb2\xc5bU\x14\x85\x10RSS}\xa8\xb8`\xe3\xa6\xef\xd7|\xff\xed\xae=\xdb\x03\'\xc2\xc8\x8do\xf2O)\xc1i\x8b\xe9LLN\xc5\x14\x00\x93\x9f\x83/\xf9\xa3\xeb\xca\xffi\xf7;\xb4\xef\xd8\xabg\xbf\x91\xc3\xc7t\xeb\xd23##[\x92d]ol\xf4Q\x0bY\xe6\xff6N\xec\rhT\x0cdY1\x0c\xbd\xb4\xb4hw\xfe\x8e\x95\xab\x97m\xdf\xb1\xf9\xe0\xa1\x03\xfc\x87\x7f^\tNzp&amp;&amp;\xa7\xc5\x14\x00\x93\xd3\xc3\xb3\x0f\xa3\xeb\xca\xbd{\xf7.]\xbat\xfe\xfc\xf9\xbbv\xed\xe2\xdf \x84\xa2=8;\xb4\xef8r\xc4\x98\xd1gO\xe8\xde\xad\x97\xdb\x1d\xc7\x18\x8bD\xc2\xaa\xaa2FM\xa3\xff\xdb\x88\x8a\x01\x84\xc8b\xb1X\xad6\x08\xa1\xcfW\xbfk\xf7\xf6\xe5\xdf~\xb1r\xd5\xb2\xa8\x124~\x10\xdd\xbbw\xbf\xe2\x8a+\xc6\x8f\x1f\xdf\xb9sg\xfe\xcdI\xcf\xd1\xc4\xa41\xa6\x00\x98\xfc\x88\x93V\x8e&gt;\x9fo\xd1\xa2E\xf3\xe7\xcf_\xb9r%O\xdbolnz\xf7\xea?\xf6\x9c\x89\xfd\xfb\x0e\xce\xeb\xd45\xde\x93\xa0iZ(\x1c\xe4\x16\xc7\\{\xfe\x81D{%a\x8c\xed6\x87\xa2(u\xde\xda}\xfb\xf7l\xda\xb2\xee\xebo\x96l\xdb\xbe\x89\xffX\xf4\xd1H\x924r\xe4\xc8+\xae\xb8b\xf2\xe4\xc9n\xb7\x1b\x98\x1b\x02\x93\x9f\xc0\x14\x00\x93\x06xt7\xbaT\\\xb7n\xdd\xdbo\xbf\xfd\xe5\x97_\x1e=z\x14\x9c\xb4\xde\xcf\xe98b\xd8\x981\xa3\xc6\xf7\xed3\xd0f\xb3k\x9a\x16\x0e\x87\r\xa2#h\xba\x9e\xfft(\xa5\x94Q\t\xcb6\x9bMQ\x94p8\xb4e\xeb\x86e+\x96\xaeZ\xb3\xec`\xe1\xc9{\x826m\xda\x8c\x1b7\xee\xaa\xab\xae\x1a&lt;x0\xffO\xbc\\\xce|L&amp;\x1cS\x00L~\xe4%\x88.\xf9\x97/_\xce\xffk\xd4\x9a\xa4\xa6\xa6\x8f8k\xf4\x85S/\xed\xd6\xa5g\\\\\xbc\xaek\xc1`\x80Pb\xda\xfd&amp;\x81+\x01F\xd8\xe1p\xca\xb2R__\xb7;\x7f\xc7\xc2O\xde[\xf5\xdd\xf2\x8a\x8a2\xf0c\xcd\x1e=zt\xe3\r\x81\xe9\x172\xe1\x98\x02\xd0r9\xc9-\xb0\x7f\xff\xfe\x0f?\xfc\xf0\x8d7\xde\xe0K~\x8c17\x13\x8ab\x19&gt;t\xd4\xb9c\xce\x1b=j|rR\x8aAH(\x144\x88a\xda}A8\xb1\'\x90\xecv\x87\x84qUu\xe5\xf2\x15K\xbfZ\xf6\xf9\xea\xefWh\x9a\n\x1a=\xca6m\xda\xfc\xe5/\x7f\xb9\xe8\xa2\x8b:u\xea\x04L\xbf\x90\x89)\x00-\x13&gt;\xf3\xa3\x0b\xc0\xe5\xcb\x97\xbf\xf3\xce;\x1f~\xf8\xa1\xaa\xaa\xa0\xd1\xca\xb1}v\x87\xf3&amp;\\0q\xdc\xd4\xbc\x8e]!\x82\xc1`\x80\x9f\xb5b\xda}1\xe1N&lt;Y\x96\x1d\x0e\'\xa3l\xdf\x81=K\xbe\xfc\xe4\xf3/&gt;&gt;Tt\x104z\xac\x16\x8b\xe5\xa2\x8b.\xba\xfc\xf2\xcbG\x8f\x1e\xcd\xff !\xc4\x94\x81\x96\x89)\x00-\x8b\xc6\xa6_\xd3\xb4\xaf\xbe\xfa\xea\x85\x17^\xe0\xde\x9e\xa8\x81@\x08\x0f\x194\xec\xca\xcb\xae\x1b2hDBBb$\x12\xe6\x9d\x99M\x1b\x11\x13D#\xc6v\xbb\xddj\xb5\xd5\xd6\xd6\xac]\xbfj\xde\xbb\xaf\xaf]\xbf\x86\xd2\x86\xf8&lt;\xff\x81\xd1\xa3G\xdfz\xeb\xad\xe7\x9e{\xae\xa2(\xc0\x94\x81\x16\x89)\x00-\x85\x93L\xff\xbb\xef\xbe;{\xf6\xec={\xf6\x00\x00$I\xe2\x19&gt;I\x89\xc9S\'_&lt;\xf9\xbci\xdd\xba\xf4\x94$9\x10\xf4\x1b\x86\x0eMWOlB)e\x8cJ\x92\xect\xb8\x0cC\xdf\x9d\xbfc\xd1\xe7\x0b&gt;Y\xf4AuM\x15h\xf4\xd0\xbbv\xedz\xf7\xddw_v\xd9e\xa6\x0c\xb4@L\x01h\xfe\xfc\x12\xd3\x9f\xdb!\xef\xc2\xf3/\x9d&lt;\xf1\xc2\xac\xcc\x9cp8\x14\n\x87\x18c\x18\xa3\xd8o\xc5c\xc2\x08\xa1\x10B\xbb\xcdn\xb3\xd9\x8bK\n\x17-Y\xb8\xf0\xd3\xf7\n\x0e\xee\x03\xa6\x0c\xb4xL\x01h\xce\xfc\x8c\xe9\x97eY\xd7u\x00\xc0YCF\x9e?\xe9\xa2qc\xa7$$$\x06\xfc\xbe\x88\x1a1\x1b\t4Kx3\x0f\xab\xc5\xeat\xb9kkk\xbe\xfc\xfa\xb3O\x17\x7f\xf8\xdd\xda\x95\xa0\xd1\xcb`\xca@K\xc3\x14\x80f\x0b!\xe4\xb4\xa6?\xea\x02\x1e:x\xe4\r\xd7\xde&gt;\xfc\xacsdY\xf6\x07|\xba\xae\xf3\xce\xfbM&lt;n\x93?\x13~J\x81,\xcb.\xa7[\xd7\xf5\xd5\xdf}\xf3\xea\x9b\xcf}\xbfn%h\xf4b\x9c*\x03f\xc2hs\xc5\x14\x80fH\xb4\xd8\xe7$\xd3\xcf\xd3\x01eY&gt;o\xfc\x05\xe7O\xbah\xf8Y\xe7 \x8c\xfc~\x1fc\x14c\xe9\x7f\xfe\xb5&amp;\xcd\tB\x0c\x08\x91\xcb\xe5\xa6\x84\xae\xfe\xee\x9bO\x17\x7f\xf8\xf9\xd2\x8f\xf9"\x80\xe7\x8c6\x96\x81\x93\x8a\x04M\x9a\r\xa6\x004+\x1aO\xd4\x0f&gt;\xf8\xe0\xf1\xc7\x1fo\xec\xf0\x91ey\xcay\xd3\xaf\xbd\xea\x96\x1e\xdd\xfb\x10\xc3\xf0\x07|\xe6\xacn\xe1\xf0\xb5\x82\xcb\xe9\xc6\x92\xb4s\xd7\xd67\xdf~\xf1\xb3\xcf?\xe2\xafJ\xd4)\xf4\xe0\x83\x0f^|\xf1\xc5\xc0\xac"n\x8e\x98\x02\xd0Lh\xec\xee_\xb1b\xc5\xacY\xb3xrgt&amp;\x9f7~\xeam7\xdf\xd7\xadKOMS\x83\xa1\x00\x80\x10#\xd3\xf4\x9b\x00\x00\x00\xa1\x040\xe6\xb0;\x15\xc5\xb2;\x7f\xc7\xf3/=\xf1\xf9\xd2O@\xa3\x97g\xf4\xe8\xd1\xf7\xdf\x7f\xff\xa8Q\xa3\x80\x19\x18h^\x98\x02\xd0\x1c\x88zi\xf7\xec\xd9\xf3\xcc3\xcf\xcc\x993\x07\xfc8\xcc{\xfd5\xb7\x8f\x18&gt;\x9aR\x1a\x08\xfa\xcd\n^\x93\xd3\xc2+\x8a\x9d\x0e\x17Bh\xd5\xea\xe5\xaf\xcdy\xee\xa4\x10\xf15\xd7\\s\xd7]wu\xed\xda\x15\x98\x81\x81\xe6\x82)\x00\xb1\xcd\x89\xd2-T__\xff\xd4SO=\xf1\xc4\x13\x9a\xa6Es\xfbzv\xefs\xcf]\x0f\r\x1br6\xc2\xd8\xef\xf7\xf1\x9fl\xe2\x11\x9b\x88\r\x7f\xa3\\.7%d\xcd\xdao\x9fz\xe6\xd1\x1d\xbb\xb6\x82\x13\t\xa3\x8a\xa2\xdcw\xdf}\xf7\xdcsO\\\\\\\xf4\xddk\xe2\x11\x9b\xfc\x0eL\x01\x88U\x1a\xfb|&gt;\xf8\xe0\x83\x87\x1f~\xb8\xa0\xa0\x00cL(\x01\x0c\xe4\xe6t\xfa\xcb\xd5\xb7N\x994\xdd\xe1p\xfa|\xf5\xa6\xaf\xdf\xe4W\xc1\xdd\xfdnw\\0\x18\xf8l\xf1Go\xbc\xf5BA\xe1~\x00\x01F\x98\x10\x92\x9b\x9b;s\xe6\xcch`\xc0\xf4\x08\xc5.\xa6\x00\xc4$\x8d}&gt;\xf7\xddw\xdf\x97_~\tNl\xd5\x13\x12\x92\xae\xbe\xe2\x86\xeb\xaf\xbd\xdd\xed\xf6\xf8|^s\xabn\xf2\x9b\xe1/\x0f\x7f\x91^{\xf3\xb9\xb7\xe6\xbfZ[[\x1d\xf5\x08\x8d\x1b7\xee\x89\'\x9e0=B1\x8d)\x001Ft\xe1\xdf\xd8\xe7\x13\x9d\x93\xd3\xa6^v\xf7\x1d\x0ffg\xe6x\xeb\xeb\x0cbHfr\xa7\xc9\xef\x86\xbfH\x9e\xb8\xf8\xa2\x92\xc2\xd9\xff}|\xc1\'\xef\x82\x13\xab\x8d\xc6\x1e!s+\x10\x8b\x98\x02\x10K\x18\x86\xc1\x8fe\xff\xf2\xcb/\xef\xbc\xf3\xce\x06\x9f\x0f!\x00\x80\x9e\xdd\xfb\xdcw\xf7\xc3g\x8f\x18\x1b\x0c\x05#\x91\xb0$a\xb3\x8b\x83\xc9\x1f\x073\x0cb\xb5\xda\x1cv\xc7\xb7\xab\xbe~b\xf6L\x1e\x18\xe0\xaf_nn\xee\xb3\xcf&gt;;n\xdc8\xd0\xe8\x155\x89\tL\x01\x88\r\xa2\x0b\xff\xb2\xb2\xb2\xbf\xfe\xf5\xaf\x1f|\xf0\x01h\xe4\xf3\xb9\xed\xa6{\xaf\xb8\xf4Z\x9b\xd5\xee\xad\xaf3\xabyM\xfe$x\x15\xb1\'.&gt;\x1c\t\xcd\x7f\xef\xcd\xe7_~\xb2\xb1G\xe8\xe2\x8b/~\xfa\xe9\xa7\xd3\xd3\xd3\xcd\xad@\x0ca\n@\x0c\x10]U}\xf0\xc1\x07\x7f\xfd\xeb_\xcb\xca\xca\x14E\xd14\r\x00p\xe1\xd4\xcb\xfez\xc7\x83Y\x19\xed\xebMw\xbf\xc9\x19\x81\xbffqnOq\xe9\xa1\xa7\xff\xfb\xf8\xc2O\xde\x05\x00\xf0\x172==\xfd\xe9\xa7\x9f\xe6\xc1as+\x10\x13\x98\x02 4\xa7]\xf8\xf3\x84\xbc\xcc\x8c\xf63\x1fz\xe2\xdc\xd1\xe7\x05\x82\x81\x88\x1a6\xdd\xfd&amp;g\x12\x83\x18V\x8b\xcd\xe9p~\xb5\xfc\xf3\x87\x1f\xbd\xaf\xa4\xf4P4\xf9\xd8\xdc\n\xc4\x10\xa6\x00\x88KtE\x7f\xd2\xc2\x1fc|\xd3uw]\x7f\xed\xedI\x89\xc9u\xdeZ\xd3\xe7c\xd2$p\x8fP\xbc\'\xa1\xba\xa6\xea\xb57\x9f{\xf9\xf5g\x08!\xa7n\x05\xcc\x8d\xa9\xc8\x98\x02 "|jI\x92TSSs\xeb\xad\xb76^\xf8\xf7\xe8\xd6g\xe6CO\x0c\x1e8\xac\xde\xe7\xd5u\xcdl\xe2f\xd2\xb4\x10b\xc8\xb2\x12\xe7\xf6\xac\xdb\xb0\xe6\xe1G\xef\xdb\xb9{k\xe3\xad\xc0\x0b/\xbc\x90\x98\x98h\x18\x86\xb9L\x11\x13S\x00\x84\x83\x9f\xd3\r\x00\xf8\xfa\xeb\xafo\xbf\xfd\xf6\x82\x82\x82\xe8\xc2\xff\xd6\x1b\xef\xb9\xed\xa6{-V\xab\xcfWo\xce(\x13A\xe0\xeb\x15\xb7;N\x8dD\x9e\x7f\xf9\xc9\x17^y*\xba\x15\xc8\xcd\xcd}\xee\xb9\xe7\xc6\x8e\x1d\x0b\x1a\xbd\xd8&amp;\xe2`\n\x80X\xf0\xd0\x99a\x18\xf7\xde{\xef\xb3\xcf&gt;\x0bN\x84\xd7zt\xeb=\xf3\xa1\'\x07\r\x18\xe6\xad\xaf5\xf7\xd4&amp;\x02\xc2_KO\\\xc2\xfa\x8dk\x1e~\xf4\xde\x9d\xbb\xb7ES\x15\xee\xbc\xf3\xce\'\x9f|\x92\xbf\xd8fdX(L\x01\x10\x85\xa8\xdb\xe7\xe0\xc1\x83W_}\xf5\xda\xb5keY\xd1u\r\x00p\xf5\x957\xfe\xfd\xfe\xc7\x15\xc5\xe2\xf3\x9b\x0b\x7f\x13qi\xd8\n\xb8\xe24M}l\xd6\x83o\xcd{\x05\x00\xc0_\xe3!C\x86\xbc\xf5\xd6[\x1d:t0\xddABa\n\x80\x10Dw\xc7\x1f}\xf4\xd1\xcd7\xdf\\SSc\xb1XTUMNJy\xf2\xdf/\x9d;\xfa&lt;3\xcb\xd3$V\x88\xe6\x89~\xb5\xfc\xf3{\xffvsUu%\x7f\x99\x13\x13\x13_z\xe9\xa5\xe9\xd3\xa7\x03\xd3\x1d$\x0c\xe63hz\x0c\xc3@\x08\x19\x86q\xd7]w]t\xd1E555\x92$\xa9\xaa:n\xec\xe4/&gt;\xfdn\xcc\xa8\t5\xb5\xd5f77\x93X\x01c\xcc\x18\xab\xa9\xad\x1e3j\xc2\x17\x9f~7n\xecdUUyF\xc3E\x17]t\xd7]wE_\xf8\xa6\x1e\xa9\x89\xb9\x03hj\xb8W4\xea\xf6\x89\xc6{\xffv\xef?o\xbc\xeeNM\xd3\xc2\xe1\x90\xe965\x89E\x0c\xc3\xb0\xd9\xec\x8a\xa2\xbc\xf2\xfa\xb3\xff~\xf2\x1f\xd1\xc8pcw\x90\xf9n7-\xa6\x004\x19\xd1"\xaf\x93\xdc&gt;\x19\xed\xb2\x9e\xfa\xcf\xcb\xc3\x86\x8c\xaa\xad\xab\x06f\xbfu\x93X\x86\x9f\x19\x90\x10\x9f\xb4f\xed\x8a{\x1e\xb8\xa9\xf4p\xf1I\xee \xb3X\xaci1\x8dK\xd3\xc0\xfb\xadc\x8cg\xce\x9cy\x92\xdbg\xd1\x82o\x07\r8\xab\xba\xa6\x12!\xf3\xe8.\x93\xd8\x86\xbf\xc3\xd55\x95\x83\x06\x9c\xb5h\xc1\xb7\'\xb9\x83f\xce\x9c\xc9\x03\xc2\xbc\xa1\xa1\xc9\x99\xc7\xdc\x014\x01|\xe7[WWw\xe3\x8d7~\xf4\xd1G\xbc\x9d\x16\xc6\xf8\x81{\xfey\xd3\xf5w\xaajDU#f\x85\x97Is\x82\x10\xc3b\xb1Z,\xd6\x97_{\xf6?O\xfd\x83\x10\xc2_\xfb\xe9\xd3\xa7\xbf\xf2\xca+\xf1\xf1\xf1\xa6;\xa8I0\x05\xe0L\xc3s$\x0e\x1e&lt;x\xd9e\x97m\xde\xbc\xd9j\xb5F"\x91\xe4\xa4\x94\x17\x9f\x9d;b\xd895\xb5\xa6\xdb\xc7\xa4y\xc2\xddA\x89\tI\xab\xd6|s\xcb\x9d3\xaa\xaa+\xf9\xcb\xdf\xaf_\xbfw\xdf}\xb7C\x87\x0ef\x9e\xdb\x99\xc7\x14\x803\n_\xe6\xac]\xbbv\xd2\xa4I\xb5\xb5\xb5\xdc\x1f\xda\xbbg\xbf\x97\x9f\x9f\xdf:\xbdm}\xbd\xd7\\\x04\x994o\x0c\xc3\x88\x8b\xf3\x1c+;r\xd3mWl\xdb\xb1\x99O\x81\x84\x84\x84\xc5\x8b\x17\x0f\x192\xc4\xdc\x07\x9ca\xcc\x95\xe6\x19"Z\xe7\xf5\xfa\xeb\xaf\x8f\x181\xa2\xb6\xb6VQ\x14UU/\x99&gt;c\xe1\xfb_\'\'\xb5\xf2\xf9L\xebo\xd2\xfc\x91$\xc9\xe7\xf3&amp;\'\xb5Z\xf8\xfe\xd7\x97L\x9f\xa1\xaa\xaa\xa2(\xb5\xb5\xb5#F\x8cx\xfd\xf5\xd7%I"\x84\x98\xab\xd23\x86\xb9\x038\x13D\xcb^\xee\xba\xeb\xaeg\x9f}\x16cL)e\x8c=\xfa\x8f\xa7\xffr\xcd\xad&gt;_=\xa5\xc4t\xfb\xfc!\xf0\xf7\x991\xc6\x18\x03\x90\x7fj\xf8O\x10\x02\x08\xff\xf7Mf\x8c6\xfe#\x00B\xc0\x00\x84\x90g\xaa\x98\xf9*\x7f\x08\x94R\x84\xb0\xdb\x1d\xf7\xc6\x9c\x17\x1e\xfa\xe7_!\x84\x08!B\xc8\x9dw\xde\xf9\xcc3\xcf\x00\xb3R\xecLa\n\xc0\x9f\x0e\x7f\x95\r\xc3\xb8\xf9\xe6\x9b_\x7f\xfdu\x9e\n\xedv\xc5=?{\xce\x98s&amp;x\xeb\xeb\xa2\xc6\xc5\xe4\x97\xc3\xdf[\xca(`\x801\xc6o!\x84H\x96e\xc6\x80EQ\x10\xc2\x0c0I\x92 D\x000\x08 \xa5T\xd75\x00!\xf8\xa9w\x1eB\xc0\x98,+\x08!\x06\x18\x00\x901j\x18\x06\x04\x90R\xa2j\x1a\x84@\xd7u\xae\x10\xfc\x1f\x05\x10 \x88\x80)\x0c\xbf\x1e.\xd2\x9e\xb8\xf8e\xdf|q\xdb\xdd\xd7\xf8\xfc\xf5|j\\w\xddu/\xbd\xf4\x92$I\xa6\x06\x9c\x01L\x01\xf8s\xe1q\xad\xba\xba\xba\xf3\xce;o\xed\xda\xb5&lt;\xea\xd5\xaem\xd6\xf3\xb3\xdf\x1c4\xe0\xac\xaa\xea\xe3\x92$7\xf5\x18c\x03^6\xd1`\xeb\x11\x94%\x19c,\xcb\nF\x18cl\x18\x06eTU#\xb5\xb55\x08\xa1\xe2\xd2C\xc1`\x00c\xbcw\xdfn\xbf\xdf\x07\x00@\x18{\xbd\xb5\x07\n\xf6\xfe\xcf\x7f\xa8cng\x8f\'\x81\x12\x02\x00p\xb9\xdc\x9d\xf3\xba\x11B\x1c\x0egVF{JiBB\xa2\xc5bE\x10qg\x05\xa1D\xd75B\x88n\xe8\x8c2&gt;&lt;3\xb1\xfd\x97c\x18zrR\xab\xf5\x1b\xbf\xbb\xed\xeek\x0f\x1f)\xe6\x13d\xc8\x90!\x9f\x7f\xfey||\xbc\x19\x16\xfe\xb31\x05\xe0O\x84\xbf\xbe\xe5\xe5\xe5\x93\'O\x8e&amp;\xfct\xeb\xd2s\xfe\x9c\xcf\x12\x13\x93\xea}^\xd9\xb4\xfe?M\x83\xc5\x07\x0c\x02\x881VdEQ,\x92,\x13b\xe8\x9aV[W\xe3\xad\xaf++?Vz\xb8\xa8\xb2\xea\xf8\x91#%\xe5\x15\xc7\x02\x01\x7fIi\x11B\xc8[_\xf7\x87\x8f\xc7\x13\x17O)\xcd\xcc\xc8v:]i\xa9\xad\xdb\xb6\xcdLIn\x95\xd1.;=\xad\xb5\'.&gt;!&gt;QV\x14\x8c%C\xd75M\xd5t\x8d\x10\xc2\x07o\xea\xc1\xcf\xa3\x1bz\x9c\xdbSSS}\xc55Sv\xe7\xef\x88\xa6\x06-Z\xb4(--\xcd\xd4\x80?\x15S\x00\xfe,x&gt;\xc3\xe6\xcd\x9b\'O\x9e\\^^n\xb5X#j\xe4\x82)\x97&lt;\xf6\xc8l\x8b\xc5j6x8-|\x8d\x0f\x00C\x08[\x14\x8bb\xb1HX"\x84\xf8\x03\xbe\x8a\xe3e\x85\x87\n\xf6\x1d\xd8S\\\\x\xf8HIQ\xc9\xc1`0\x18\x89\x84\x9bz\xc8\xc0j\xb59\x1c\x8e\xec\xcc\x0e\xed\xdaffe\xe5\xe4u\xec\x9a\xd3&gt;7\xb5U\xba\xcb\xe9\xc6\x18\x1b\xc4\xd0TU\xd5TJ\t\x00\x90\xef\x0f\x9az\xc8\xc2\xc1\x9bF\xa8j\xe4\xef\x8f\xdc\xfd\xf1g\xef\xf3\xc9\x92\x96\x96\xb6h\xd1\xa2~\xfd\xfa\x99\xa9A\x7f\x1e\xa6\x00\xfc)D\xad\xff\xd8\xb1c\xeb\xea\xea\xb8ss\xfa\x05W&lt;\xf3\xe4\xab\xe1pH\xd35\x8c\xccEM\x03\xd1\x95\xbe\x84%\x8b\xc5jQ,\x10\xc1p(t\xf8h\xc9\xa1C\x05{\xf6\xee\xdc\xbb\x7fw\xe1\xa1\x82ceG\xc2\xe1\xd0/\xfc;-\x8aUQ\xac\x94\xd1\x04ORbB*\xa5\x04\x00\xe0\xb0\xbb\xb23\xf3(\xa5?\xb5\x1cg\x0c \x84\x8aJ\xf6\x05C~\x00\x00B\xb8\xa6\xb6\xa2\xd6[\x8d \xd2\xb4\x88\xaaE~\xe1\xbfn\xb3\xd9[\xa7\xb7\xcdi\x9f\xdb\xb9S\xb7\xae\x9d{\xb4o\x9f\xdb\xaeM\xa6\xcdng\x94\xa9\x9a\xaa\xaa\x11\x83\x18\xe6\xce\xe0$\x08%\x8a\xac\xd8l\xf6\xbb\xee\xbd\xe1\xa3\x8f\xe7\xf3)\x13\x1f\x1f\xff\xf5\xd7_\x9b\x1a\xf0\xe7a\n\xc0\x1fO4\xd9\xff\xbc\xf3\xce\xab\xab\xab\xe3\x15\x8f\x0f\xde\xff\xd8\x8d\x7f\xb93\x14\x0e\x9a\xa1-\x0e\xa5\x941\n!\xb2X,V\x8b\rc\xec\xad\xaf+9\\\xb4s\xe7\xd6\xfd\x07\xf2\xb7\xee\xd8TP\xb07\xfc\xbf\x16\xf8v\xbb\xd3aw\xa7\xa7f\xd8m\xce\xec\xccN6\xab\xa3}vgJHzj\x86\xc3\xee"\x94\xd8mN\x87\xc3\xc5(\xe5y&lt;\xb2$\xff\xfc\xeb\x0e\x01\xd0\r\x9d1\x06\x18\x83\x08\x05\x83\xfeP8\x80\x11\x0e\x86\xfce\x15\xa5\x08\xe3CE{\xc3\x91`Q\xc9\xfeP8PVQ\x1a\x0c\xf9B\xa1\xc0\xcf\x0f\xd2f\xb5\xe5\xe6v\xee\xd3\xb3\x7f\xa7\x8e]z\xf4\xe8\x93\xd9.\xdb\x13\x17O\x08\x89\xa8aUU\xf9M0_\tp"]\xc2ns\xbc\xf2\xc6\xb3\x8f\xcf\xfa;\x9f8\xf1\xf1\xf1\x9f\x7f\xfe\xb9Y"\xf0\'a\n\xc0\x1f\x0c\x7fM_\x7f\xfd\xf5\x9bo\xbe\xd90\x0c\xfe\x12?\xf6\xc8\xec\x9b\xae\xbb\xb3\xb2\xea\xb8\x99\xf0C)\xa5\x8cJX\xb6\xd9l\xb2\xac\x18\x86^ZZ\xb4k\xcf\xf6-\xdb6|\xb7veQq!!?\xd9%\xd8aw\xa5\xa7e\xa6$\xa5g\xb6\xcbm\xd7&amp;\'\xde\x93\xd4:-\xd3j\xb5\xc7\xb9\x12\x00\x04\xb2$S\xc6\x081 \x80\xba\xaeQJ\x00\x84\x94\x92\xc6}f\x18\xa3\xffs\x84\x8dSE1\xc6\x08a\xc0\x18BX\x96\x15\x06\x18\xc6\x12\x82P7t\xc0@\xbd\xbf6\x12\t\x1d+/\xa9\xf3V\x1f&gt;ZXr\xb8\xa0\xb2\xba\xac\xac\xbc\x84o N\x0b\xc6RvV\xceYCF\xf6\xed=\xb0{\xd7^\x19\x19\xd9\x92$\xeb\xba\x16\x0e\x87\r\xa2\xa3\x16\xaf\x04&lt;5(%\xb9\xd5\xcb\xaf?\xfb\xf7G\xee\xe6\xd3G\x92\xa4\x97^z\xe9\xba\xeb\xae35\xe0\x0f\xc7\x14\x80?\x92\xa8\xf5\xbf\xfe\xfa\xeb1\xc2\x94Q\xc6\xd8\xe3\x8f\xcc\xbe\xfe\xda\xdb+\xab*0\x96Z\xac\xf5?a\xf7%\xbb\xdd\xa1\xc8J\x9d\xb7v\xdf\x81=\x1b7}\xbf\xe6\xfbow\xed\xd9\x1e\x08D-&amp;\x04\xe0\x87\x17\xd2b\xb1e\xb6\xed\x90\xd1\xb6CVf^vF\xa76\xe9Y\t\x9ed\xc5b\xc5X\xa2\x84PJu]\xa5\x8c\xf2\xce\xf2\x8cQ\xeed\x07\x80E\x8d8\xcf\xdd\xff\x1d\x03\xffa~\xf0\xbf\x9f\x87(\xf8\xdf/I\x12\x82H\x96-\x08!\x841!\x86\xa6Fj\xbdUG\xcb\x8a\x8bJ\xf7\x17\x97\xec+=r\xb0\xe4\xc8AUm\xbc\x8f\xf9\xe1\x17t:]\xdd\xbb\xf6\x1a6\xf4\xec\x01\xfd\x87\xe6u\xec\x1a\xefI\xd0t-\x14\n\x1a\xc4h\xc9J\xc0\x18#\xc4HIN}\xed\xcd\xe7\x1e|\xe4n\x08!\x82\x88P\xf2\xdak\xaf\x99\x1a\xf0\x87c\n\xc0\x1fFc\xeb\xcfW.&lt;\xd9\x7f\xf49\xe3\xbd\xde\xba\x96\x99\xc9\xc0\xfd&lt;\x18Kv\xbbC\x96\x95\xfa\xfa\xba]\xbb\xb7/\xff\xf6\x8b\x95\xab\x96\x1d&lt;t\xe0\xb4\x7f\xc4\xe5\x8c\xcb\xce\xcc\xeb\xd2\xa9o^n\xaf6\xad\xb3\xd2R\xda)\x16+\x82\xd00\x0c]Wu\x83\xa7\xe13\xc8k\xb4\x9a\xb48+Zt\xc6W\xae\x10B\x08\x91,\xc9\xb2l\x91$\x892\xa6\xa9\x91\xf2\xca\xc3G\x8f\x15\xef+\xd8\x9e\xbf\x7fKQ\xc9&gt;\x7f\xa0\xfe\xb4\x7fU\x87\xf6\x1dG\x8e\x183\xfa\xec\t\xdd\xbb\xf5\x8a\x8b\x8b\xd7u-\x14\n\x12b\xb4X\xef\x10!\xc4\xe3\x89_\xfe\xcdR^"\xc0\'\x94\xa9\x01\x7f8\xa6\x00\xfc1\x9c\xd6\xfa\xcf{\xf3\x93\xc1\x83\x86WU\x1doi\xef+c\x8cR\x02!\xb2\xd9\xec\x16\x8b\xd5\xe7\xf3\x9ej\xf7!\xfc\xe1\xdd\xb3\xdb\x1c\xb99\xdd;w\xec\xd3\xa5S\x9f\xec\xcc\xbc\xc4\x84V\x8al!\xc4\xd0uM\xd3U^\xed\x05O\xd0t\xbf\xd6/\x82\x9d\x80\xd7\x88)\xb2E\x96\x15\x8c%MWkj\x8f\x17\x95\xec\xcb\xdf\xbfu\xef\x81\xad\x05\x85\xbbB\xe1 \xff#\x8doEc%p\xbb=\xaa\x1a\t\x87C\x8cQ\x84Z\xdc9\xba\x86a$\'\xb7Z\xb7~\xf5\x95\xd7N55\xe0O\xc2\x14\x80?\x80\x9f\xb2\xfe\x03\xfa\r\xa9\xa9\xad\x92e\xa5\xa9\x07x\xe6\xe0K~\x8bbu8\x9c\x115r\xf0\xe0\xbe/\xbe\xfa\xec\x8b\xaf&gt;;X\xb8\x9f\xff@cc\x97\x92\x9c\xde\xb3\xeb\xa0\x01}\xcf\xee\x90\xdd5-5C\x96d\x83\x18\x9a\xa6\xea\x86\xc6(\xe5\x0b\xeaX\xb7z\x8c\xb1\x86-\x0bB\xb2\xa4(\x8aE\xc2\x92n\xe8\xe5\x15\xa5\x07\x8b\xf6l\xdc\xf2\xed\x8e=\xeb+\xab\xca\xf8\x0f\xffH\tr:M8w\xca\x84s\xa7t\xe8\x90g\xb5X\x83\xc1\x80\xaaEZ\xda\x86@\xd7\xb5\xc4\x84\xe4\x8d\x9b\xd7\x9a\x1a\xf0\'a\n\xc0\xef\xe5g\xad\x7f\xb5,\xb7\x94R/\xee\xaf\xb0\xdb\xec\x16\x8b\xb5\xf4H\xf1\x9a\xef\xbf]\xbcd\xe1\xba\rkxP\x17B\x14\r\xc0\xb6k\x93\xd3\xbf\xf7\x88A\xfdFgev\xf4\xb8\x13\x01\x00\xaa\x16\xd14\x951\xc6\xdb9\xc4\xba\xd1\xff)N\x88\x01\x80\x10*\x8a\xc5\xa2X\x01\x00^_Mq\xc9\x81\xf5\x9b\x97o\xda\xb6\xea\xf0\xd1B\xfe\x93\xd1\xdb\x85\xb14x\xe0\xb0I\x13/\x1c6\xf4\xec\x8c\xb6Y\xaa\x1a\t\x85C\xdc\xab\xd6\x94\xbf\xc9\x19D\xd7\xf5\xc4\x84$S\x03\xfe$L\x01\xf8]\x98\xd6\x9f{{$Iv\xb9\xdc\x9a\xa6\xe5\xef\xdd5\xff\xbd\xd7\x97\xaf\xf8\xb2\xba\xa6\x12\xfcxI{\xc2\xee\x9f\x93\x9b\xd3\xdd\xe5\x8c\xd3\r]U#\x84\xe8\x004g\xa3\xffSp1\x00\x00`,[,VY\x92\xfd\x81\xfa\x82\xc2]\xeb7\x7f\xf3c%h\xb8\x81I\x89)\xa3G\x8d\xbb\xe2\xd2\xeb\xbat\xee\xae(\x8a\xdf\xef3\x0c\xbd\x85\xf8\x85L\r\xf8\xf30\x05\xe0\xb7\xc3_\xbe7\xdex\xe3\xba\xeb\xaek\x81\xd6\x9fRJ)\xb5Z\xad\x0e\x87\xb3\xae\xae\xf6\xcb\xaf\x17}\xba\xf8\xa3u\x1bV\xf3\xb4K\x84\x10?\x00$)1u\xf8\x90\x89\x83\xfb\x8d\xce\xcd\xe9\xc6\xed~$\x12\xe2\'bB\x04\xe1\xefJ\xd1i\x0e0\xde~\x941\x8c\xb1\xd5j?\xa1\x04\xbb\xd7m^\xbez\xed\x92\xea\x9a\n\xd0\xe8fb\x8c\x07\x0f\x1c~\xfe\xa4\xe9\xe3\xc6N\x8e\x8fO\x08\x06\x03\x91H\xa4%\x1c\x1dzZ\rx\xfd\xf5\xd7\xff\xf2\x97\xbf\x98\x1a\xf0{0\x05\xe07\xc2_\xbb\r\x1b6\x0c\x1e&lt;\x987#k9\xd6\x9f7l\xb0\xdb\x1d6\x9b\xfd\xf0\xe1\xe2w?\x98\xf3\xf9\xd2\x8f\x0f\x15\x1d\x04\x8dL\x95,+}z\x0e\x1b3\xf2\x82\xee\x9d\x07$%\xb6jl\xf7\x9b\xbd\xb5\xfa\xcd\xf0\x1b\x1bU\x82\xea\x9a\xe3\xbb\xf6n\\\xb6\xf2\xe3\xad;\xd6\xe8\xba\x06\x1a\xdd\xde\xf6\xd9\x1d\xce\x1b\x7f\xc1e\x17_\xd3\xae]V8\x1c\n\x85\x82\xcd\xfe\xc6\x9e\xa4\x01\xbc\x19\xdf\xbau\xeb\x06\x0e\x1chj\xc0o\xc6\x14\x80\xdf\x02oP\xb5y\xf3\xe6s\xcf=\xb7\xbe\xbe\x1eB\xe8t\xb8\xde~}\xc1\x80\xfeCkj\x9a\xb3\xf5\xe71^\x87\xddi\xb1X\xb7\xed\xd8\xfc\xd9\xe2\x0f?Y\xf4AuM\x15\x00@\xc2\x92A\x0c\x00@\xdb\xd6\xd9\xc3\x87L\x1c&gt;dbvF\'\x00A$\x12\xd2u\xbd\xd9\x9b\xa7?\x16\xae\x04\xb2,[\xadv\xc0@Q\xe9\xfe\xd5k\x97\xac^\xbb\xe4\xc8\xb1"\xd0\xe8V\'%&amp;O\x9d|\xf1\x94I\x17\xf5\xee\xd9OU#\xc1P\xa0yG\x89u]OLL\xda\xb8\xe9\xfb\xab\xae\x9b\x16\x08\xfa\x19cqqq_}\xf5U\xbf~\xfd\xcc\x9eq\xbf\rS\x00~5Q\xeb\xcf\xfb\xfcH\x92l\x18\xfa\xdb\xaf/\x1c\x7f\xee\x94\xca\xca\xf2\xe6\x9a\xf3\x135\xfd\x8a\xc5\xb2s\xd7\xb67\xdf~\xf1\xb3\xcf\x17\x9c\xb4,\xed\xdd}\xe8\xa8\x11S\x86\x0e8\xd7\xed\x8e\xd7\xd4HD\r\x81\x16\xe9\xdf\xff\xa3\x88\xc6\t\xac\x16\xbbb\xb1\xfa|u\xdfo\xfcj\xc5\xaa\xcf\xb6\xed\xfa\x1e\xfcx\xb35\xe5\xbci\xd7^uK\x8f\xee\xbd5Um\xde2\xa0\xebZJJ\xda\xd2\xaf&gt;\xbb\xea\xba\x0b\xf9\xd4\x8b\xf6\x0b25\xe07`\n\xc0\xaf\x83\xb7+\xa9\xaa\xaa\xea\xd2\xa5KUUU\xb4\xd3\xc353n\xaa\xab\xabi\x96\xcd\xfdy\xb36\x87\xdd\xd1\xc8\xf4\x7f\xa4\xeb\xfa\x0f\x06HRF\x0e\x9bt\xee\xa8\xe9]:\xf6Q\x14K0\xe87\x88\x81\x10\xfc%\xc7o\x99\xfc\x12x\xbb&lt;\tK\x0e\x87K\xd3\xd4\xfc\x03[\xbfZ\xf1\xd1\xca5\x8bu\xe3\x07\x01\x96ey\xcay\xd3\x1b\xc9@\xb0\xb96\x9b3\x0c=&gt;&gt;q\xce\xdc\x97\xa3\xbd"\x92\x93\x93\xf3\xf3\xf3\x93\x93\x93\xcdF[\xbf\x16S\x00~\x05\xdc\xdey\xbd\xdeq\xe3\xc6m\xda\xb4\x89\x9fg\xfd\xd8\xc3O\xdf\xf0\x97;\xaa\xaa+\x9b\xdf\xea\x83\x9fcl\xb5Zm6\xfb\xae\xdd\xdb\x1b\x99~\xcc\xfbkz\xe2\x12\'\x8e\xbdl\xf8\x90\x89\xed3\xf3\x08%\xe1p\x80R\xd6\xfc\xee\x838\x10B\x10\x826\x9b\x13#|\xa8d\xdf\xea\xb5K\x96|\xfd\xae\xb7\xbe\x06\x00\xc0\x1fJT\x06\xbaw\xeb\x15\x0e\x87"\x91\x08\xc6\xcd0S\x88\x10\x92\x9c\x94\xf2\xea\x1b\xff\xfd\xfb\xcc\xbf\xf2i\xd8\xbf\x7f\xff/\xbf\xfc\xd2\xe3\xf1\x00\x00L\r\xf8\xe5\x98\x02\xf0K\xe1\xe5\x9d\x10\xc2!C\x86\xac_\xbf\xdeb\xb1\xaaj\xe4o\xf7\xfe\xf3\x9e;\x1f*?~\xac\xf9\x1d\xedb\x18\x86\xa2(.\xa7\xfbX\xd9\x91\xe7^z\xe2\xbd\x0f\xdf:\xd5\xf4O\x18siZ\xab\xb6j\x83\xb7\xc7\xf4\xf2\x9f!(\xa5\x000\xab\xc5n\xb1X\xcb\x8f\x1f\xf9b\xd9{\xa7\xca\xc0\xa5\x17]}\xfb\xcd\xf7\xb5No\xeb\x0f\xf84Mk~1R\xdd\xd0\xd3Z\xb5~\xea\xd9G\xff\xfd\xe4?\xf8d\x1c4h\xd0\xda\xb5kO\xf4\xe4hn\x9a\xf7\'a\n\xc0/\x82\xaf\x85%I\xba\xfe\xfa\xeb_\x7f\xfdu~h\xd1\xb4\x0b.\x9f=\xeb\x95@\xc0\xdf\xcc^8~tIB|b\xc5\xf1\xf2\xb7\xe6\xbd&lt;\xff\xfd7kj\xaaNk\xfaC\xe1\xa0\xa6E\x10B\xa6\xb7\xe7\xcc\xc3\x18\xa5\x94*\x8a\xd5ns\x9cV\x06\x12\x13\x93\xaf\xb8\xe4\xda\xab\xaf\xbc)\xb5UZm]\r?f\xa7\xa9G\xfd\x87\xc1\x17dN\xa7\xeb\xee\xfbo\\\xf0\xf1;|J^w\xddu\xaf\xbd\xf6\x9aa\x18\xcdr\xdf\xf3g`\n\xc0/\x82\xe7\x99\xddu\xd7]\xcf&gt;\xfb,\x7f\xd5\xa6\x9c7\xfd\xa5\xff\xce\xf5\x07|\'\x1a\x935\x07\xb8\xce\xb9]n\x83\x90\x85\x9f\xbc\xfb\xd2k\xb3\x8bK\x0e\x81\x13\x06\xe5t\xa6\xdf\x9cfM\x0c/\xc4;U\x06\xa2\x82\x9d\x95\xd9\xfe\xe6\xeb\xef\xbep\xeae\x12\xc6&gt;\xbf\xaf9YF&gt;\xf5\\N\xf7\xcdw\xcc\xf8\xec\xf3\x8f\xf8\xc4\xbc\xf3\xce;\x9fy\xe6\x1931\xf4\x17b\n\xc0\xff\xa6q\xb9/w8v\xed\xd2c\xc1\xbb_\xf1\x00T\xb3\xf1{\x18\xc4\xb0(V\xa7\xd3\xb5~\xc3\x9a\'\x9f\xf9\xe7\xba\rk\x00\x00&lt;\xd1B\x92\xe4i\x93\xaf\x9b&lt;~FjJ\x1b\xd3\xf4\x0bHc\x19\xa8\xa8&lt;\xbah\xe9\xdc\x05\x8b^\xe7\x0f\xce0t\x00\xc0\xe0\x81\xc3\xee\xbd\xeb\x1f\x83\x06\x0e\x0b\x04\xfc\xaa\x16\x91\x9aK\'\t\x1e\xfd\xd6u}\xdae\xe7\xee\xc9\xdf\xc9\xa7\xa7Y$\xfc\xcb1\x05\xe0\x7f\xc0s\xcb\x1a\x17|\xb5i\xdd\xee\x8bO\xd7\xb8\\q\x91H\xb8y\x04&lt;yp;.\xceS^q\xec\xb9\x17\x9fx\xe7\xfd7\t!\x8ab\xd14\x15\x000f\xe4\x05S\xcf\xbb\xb6cN\x8fp\xc44\xfdB\x13\x95\x01\x9b\xd5q\xa0p\xe7\'\x9f\xbf\xb9l\xe5\xc7\x00\x00\xfe(1\xc6\x97_r\xed\xed\xb7\xdc\x97\x96\xda\xba\xbe\xde\x0b\x9aK\xb0\x94\x10b\xb5\xda\xfc\xfe\xfa\t\xe7\x0f;z\xecp\xe3\x02131\xf4\x7fb\n\xc0\xcf\xc1\xb3\xca\x8a\x8b\x8b\xfb\xf6\xed\xfbC\xc1\xd7\x1b\x0b\xfb\xf4\x1a\xe0\xf3\xd57\x8f\xf5\x85a\x18\x0e\xbbC\x92\xe5\x8f?}\xff\xf1\'\xfe^YY\x811\xe6\xed\x1czv\x1dt\xf1\x057\x0f\xe8s\xb6\xa6G\xc2\xe1PsM+lf\xf0\xb4]\x9b\xcd\xae\xc8\xd6\x8d[\xbf\xfd\xe0\xe3\x97v\xecY\x0f\x00\xe0\x8f5%%\xf5\xc1\xfb\x1e\xbb\xe0\xfcK\x0c]\x0f\x86\x82\xcd\xe6\x1dv\xbb\xe3\xb6n\xdfx\xd5_.\x8c\x16\x88m\xd9\xb2%++\xcbL\x0c\xfdyL\x01\xf8I\xf8\x9d\xf1z\xbdc\xc6\x8c\xd9\xb2e\x0b?\xa5\xfa\xed\xd7\x17\x8e\x1f;\xa5\xb2\xaa\xa2\x19\x94\xfb\xf2\x85\x7fB|\xe2\x9e\xbd;\x1f\xfd\xf7\xdfV\xad\xf9\x06\x00\x80\xb1D\x88\x91\x18\x9fr\xe5%w\x8d={\xba,\xc9\xfe\x80\x17"\x84\xcc0oLA\x19e\x94\xba\x9c\x1e\xdd\xd0\xbf\xfe\xf6\xa3y\xef?SSW\xc9\x1f.\x00`\xc4\xb0s\x1e\xfa\xdb\xbf\xbbv\xeeQ[\xc7\x83\xc61\xffpu]OIN]\xfa\xf5gW]w!\x9f\xaa}\xfb\xf6]\xb6l\x19O\x0c5\x17.?\x85)\x00?\t\xf7!N\x9b6m\xe1\xc2\x85\xdc\xb78\xf3\xa1\'\xae\xbf\xf6\xf6\xda\xda\xeafP\xf0e\x18\x86\xc3\xe1\x84\x10\xbe5\xef\xe5\xa7\x9e},\x10\xf0\xcb\xb2\xa2\xeb\x1aFx\xe2\xd8\xcb.\x9dv[JR\xba?\xe0\xe5G\x914\xf5`M~#\xfcX\x1e\x97\xd3SY]\xf6\xde\x82\xe7\x97|\xfd.\xa1\x84?h\xa7\xd3u\xcf\x9d\x7f\xbf\xfa\xca\x9b\x18c\xc1`\xa0\x19l\x05\x0cCOHHz\xed\xcd\xe7\x1e~\xf4&gt;&gt;a/\xbc\xf0\xc2\x05\x0b\x16\x98\xc1\x80\x9f\xc1\x14\x80\xd3\xc3_\x9a\x993g&gt;\xf2\xc8#&lt;\xbb`\xfa\x05W&lt;\xf7\xf4\x1bu\xde\xdaX_.E\x17\xfe\xf9{w=\xfc\xd8\xbd\xdf\xad]\t!\x04\x102J;v\xe8q\xf3\xb5\x0fw\xef&lt; \x1c\th\x9a\xdar\x9a\xce7o\x081\x14\xc5b\xb3:w\xed\xdd\xf8\xd2\x9b3\x0f\x1c\xdc\t\x11\xe2y\x94g\r\x199\xf3\xefOv\xe9\xdc\xbdyl\x05(\xa5\xf1\x9e\x84\xdb\xff\xfa\x97\x8f&gt;\x9e\xcf\xa7\xed#\x8f&lt;\xf2\xf0\xc3\x0f\x9b\x1a\xf0S\x98\x02p\x1ax\xec\xe8\xe3\x8f?\xbe\xf0\xc2\x0by\x00\xadg\xf7&gt;\x9f~\xf8\x8d\xa6k\xb1\x9e\xf4i\x18\x86\xcdf\x97%\xf9\xcd\xb9/\xf2\x85?\xff\x05\xed6\xe7U\x97\xde=a\xcce\x8ab\t\x06}f\xa4\xb7\x99\xc1\xe3\xc3\x0e\x87[\xd3\xd4/\x96\xbd\xfb\xf6{\xb3C\xe1\x00\x7f\xf4|+p\xed\x8c[tC\x0f\x87C1m(\xf9\xf4Td\xe5\xfc\x8b\xce\xd9\xb1k+\xff\x05\x17.\\x\xc1\x05\x17\x98\x01\xe1\xd3b\n\xc0\xc9PJ!\x84&lt;\xf0\xeb\xf3\xf9\x18c\xf1\x9e\x84/\x17\xadMJJQ\xd5HL/\x91\x0c\xc3\x88\xf7$\x1c=v\xf8\x91\xc7\xee[\xfa\xf5"^\xbfF)\xed\xddc\xe8-\xd7&gt;\xdc&gt;\xab\x8b?\xe0\xa5\x94\x98&gt;\x9f\xe6\n\x7f\xb8.\xa7\xe7Pq\xfe\x8bo\xce\xdc\xb6\xf3{\x84\x10\xaf\xa8\x1a?v\xf2#\x7f\x7f\xa2M\xebvu\xde\xda\x98\xd6\x00J\xa9\xc5b\xad\xae\xae\x1c7yH\x9d\xb7\x16B\xe8v\xbby@\x981\x16\xd3\xf3\xf7\xcf\xc0\x14\x80\x1f\xc13(\x00\x00C\x87\x0e\xdd\xb0a\x83,\xcb\x94\xd2\xf7\xe7~&gt;x\xd0\xf0z\x9f7v\xb3\xa7\xb9\xaa\xc5\xc7\'~\xf9\xf5\xa2{\xffvsUu%_\x1c\xd9\xac\xf6\xab/\xbbg\xca\xf8\xab\x18`\xe1p\xd0\xf4\xf9\xb4\x04\x081l6\x07\x04\xf0\xb3\xa5o\xbf\xf5\xeeS\xe1H\x88\xbf\x0c\xc9I)O\xfe\xfb\xa5qc\'\xd7\xd5\xd5\xc4\xb4\xad4\x88\x11\xe7\xf6\xac[\xbf\xfa\x92\x19\xe7!\x84t]\x1f8p\xe0\xf7\xdf7\xb4P5\xb7\xb6\x8d\x89\xd5g\xfc\'\xc1\xf7\x89\xf7\xdcs\xcf\x86\r\x1b,\x16\x8b\xae\xeb\xf7\xdd\xfd\xf0\x88a\xa3\xeb\xebc\xd8\xfa\x1b\x86a\xb1Xm6\xfb\xe3\xffy\xf0\xaa\xeb.\xac\xaa\xae\x94eY\xd3\xd4\x8e9\xdd\x9fz\xf4\x83\x8b\xce\xbf)\x1c\tE"a\xd3\xfa\xb7\x100\x96"\x91p8\x12\xba\xe8\xfc\x9b\x9ez\xf4\x83\x8e9\xdd5M\x95e\xb9\xaa\xba\xf2\xaa\xeb.|\xfc?\x0f\xdalv\x8b\xc5j\x18FS\x8f\xf47"a\xa9\xbe\xde;b\xd8\xe8\xfb\xee~X\xd7u\x8b\xc5\xb2a\xc3\x86{\xee\xb9\'\x9a\xdfl\x12\xc5\xdc\x01\xfc@c\xd7?\xcf"\x18s\xce\x84\xb7^[\xe0\xf3\xd5\xc7\xf0j\xc80\xe2\xe3\x13\x8e\x1c)\xf9\xeb\x037\x7f\xbfne\xb44\xf4\xb2i\xb7^z\xe1m\xb2\xac\x04C\xfe\xd8\xd56\x93\xdf\x83A\x0c\x87\xdd\xa5\xeb\xda{\x0b\x9f\x7fw\xc1\x0b\xe0D\xe1\xf7\xd0\xc1#\x9f\xfe\xcfKm\xdbf\xd6\xd5\xc5\xb0;\x88R\xeav\xc7]}\xfd\xb4e\xdf|\xc1\xa7\xb3\x19\x0c8\x15S\x00\x1ah\xec\xfa\xf7\xfb\xfd\x94\xd2\xd6\xe9m\x97|\xbc\xda\xe9ri\x9a\x16\x8b\x02@)\x85\x10x&lt;\t_-\xfb\x9c\xbb},\x8aE\xd5\xd4xO\xd2_oyb\xe8\xa0s\xfd~\xd3\xe3\xdf\xd2i\x88\n\xb8&lt;\xdf\xaf\xff\xea\xe9\x17\xef\xab\xf3V\xf3\x97\x84\xbb\x83\xce\x1ds\x9e\xd7[\xcbXLf\x07QJ\x15E\t\xf8\xfd\x13/\x18~\xac\xec\x08B\xc8\xe5r\x99\xc1\x80\x930\xef\x02\x00\':\x0bRJ/\xbb\xec\xb2\xba\xba:\x1e\x1d\x9d=\xeb\x95\xa4\xa4\x14~\xe8vS\x0f\xf0WC\x08\x91e\xd9\xe1p=\xff\xd2\x93\xdc\xed#I\xb2\xaa\xa9\xbd\xbb\x0fy\xe1\x89\xc5\x83\xfb\x8f\xf6z\xabY\xf3j\x0fi\xf2\x1b@\x083\xc0\xbc\xde\xea\xc1\xfdG\xbf\xf0\xc4\xe2\xde\xdd\x87\xa8\x9a*I\r\xee\xa0\xe7_z\xd2\xe1p\xc9\xb2\x1c\x8b\x9e\x13\x84P$\x12IJJ\x99=\xeb\x15&gt;\xa3\xeb\xea\xea.\xbb\xec2~\xdc\xa6\xb9\xf0\xe5\xc4\x9ei\xfb38\xad\xeb\x7f\xf8Y\xe7x\xebcr\x0bl\x10\xc3n\xb3\xeb\xba~\xd7\xbd\xd7?&gt;\xeb\xef\xfc\xac\x02\xc3\xd0/\x9bv\xeb\x7f\x1e\x9e\x9f\x10\x9f\xec\xf3\xd7a,A`F\xc3L\x00\x04\x10c\xc9\xe7\xafK\x88O\xfe\xcf\xc3\xf3/\x9bv+w\x12\xca\x92\xfc\xf8\xac\xbf\xdfu\xef\xf5\xba\xae\xdbmv~\nql!I\x92\xb7\xbev\xf8Y\xe7\x98\xc1\x80\x9f\xc2t\x015X\xff\x15+V\x9cs\xce9\xdcW8\xf6\x9c\x89s^\xfd\xc8\xe7\x8fI\xd7\xbfa\xe8nW\\\xf9\xf1\xb2ko\xbch\xf7\x9e\x1d\xfc\xac\x0c\xa7\xc3\xfd\xc0]\xcf\x0e\x1dp\xae\xcf_\xc7\x003\xfb:\x98\x9c\ne\x14\x02\xe8v\xc5\x7f\xbf\xf1\xab\xff&lt;sg \xe8\xe3/O\xb7\xae=\xdf|\xe5\xc3\xb4V\xe9&gt;\x7f},\xd6\xc0SJ\xdd\xae\xb8kn\x98\xfe\xf57K\xf8\x04\xff\xe6\x9boF\x8d\x1ae\x06\x03\x80)\x00|3\xe8\xf5z\xfb\xf7\xef_\\\\\x0c\x00H\x88O\xfcr\xd1\xda\xc4\xc4\xe4X\xcc\xfa7\x0c#9\xb9\xd5\xdau\xab\xae\xbb\xe5\xd2\xea\xeaJ\x8bbU\xb5H\x87\xf6]\xffv\xd7s\x99\xed:\xd4\xfb\xea\xccx\xaf\xc9\xcfc\x10#\xce\x1d_r\xf8\xe0\xbf\x9f\xb9\xfd\xe0\xa1=\xfc\x15JJJy\xfd\xc5\xf7\x86\x0c\x1eQUu&lt;\xe6\xf6\xc4\xbc2\xa0\xa6\xa6j\xdc\xe4!\xbc\xe09++k\xd3\xa6M\x1e\x8f\xa7\x99\x1d\xe5\xf4\x1b\x881\x03\xf7\x87C\x08A\x08\xddt\xd3M\x87\x0e\x1d\x92$\x99R\xfa\xe4\xbf_j\x9d\xde\x967\xbfl\xea\xd1\xfd\n\xf8Y.\xc9I)o\xcf{\xe5\xf2\xab\'WWW\xca\xb2\xa2j\x91\xd1#\xa6&gt;\xf5\xcf\x0f\xda\xa4g\xf9L\xebo\xf2\x0b\x90\xb0\xe4\xf3\xd5\xb5I\xcfz\xea\x9f\x1f\x8c\x1e1U\xd5"\xb2\xacTWW^~\xf5\xe4\xb7\xe7\xbd\x92\x9c\x94B\x08\x89\xadU#B(\x1c\x0e\xb5No\xfb\xe4\xbf_\xa2\x94J\x92|\xe8\xd0\xa1\x9bn\xba\t!d:\x82b\xc9\xc6\xfd\xe1\xf0S\x1e?\xfa\xe8\xa3\x8f&gt;\xfaHQ\x14MS\xaf\xbc\xec\xba\xf1c\'\xc7\\1$\x9f\x90\xf1\xf1\x89\xaf\xbe\xf1\xdc}\x0f\xde\x1a\n\x87 \x84\xba\xae]7\xe3o\xf7\xdd1[\x96\xe4P8`\xa6\xf9\x9b\xfcB0\x96B\xe1\x80,\xc9\xf7\xdd1\xfb\xba\x19\x7f\xd3u\rB\x18\n\x87\xee{\xf0\xd6W\xdfx.&gt;&gt;\x11\x9cx\xe5b\x05I\x92\xea\xbc\xb5\xe3\xc7N\xbe\xf2\xb2\xeb4MU\x14\x85\xcfz~x@S\x8f\xae)i\xb9. ^\xf1[]]\xdd\xad[\xb7\x9a\x9a\x1aBH\xe7\xbcnK&gt;^\xad\x1bzl5\xfc\xa1\x94"\x88\x1c\x0e\xe7\xbd\xffw\xf3\xfb\x1f\xcd\x95e\xc50t\xab\xc5v\xd35\xff\x982\xe1\xaa:o5\x84\xc0&lt;\xb3\xd7\xe4\xd7\xc2\x18e\x0c\xc4{\x92&gt;\xfb\xe2\xed\x97\xe7\xfc3\xa2\x86%I\xd6u\xed\x92\xe93\x9e\xfc\xd7K\xc1`\x80\xb2Xj\xb5\xcf\'\xb5,\xc9\x13/\x18\xbew\xdfn\x8cqbb\xe2\xee\xdd\xbb\x93\x92\x92@\xecw\xc1\xfb\xcd\xb4\xd0_\x1b\x9c8\xec\xe5\xb6\xdbn\xab\xac\xacD\x08I\x92\xf4\xaf\x99\xcf\xca\x8aB\x08\x89!\xebO\x08\x91e\xc5\xe5v\xdf}\xff\r\xdc\xfa\xeb\xba\xe6\xb0\xbb\xfe\xf3\xf0\xfc\xc9\xe3g\xd4\xd4\x1e7Ol7\xf9m@\x88\x10B5\xb5\xc7\'\x8f\x9f\xf1\x9f\x87\xe7\xf3\x921YV\xde\xffh\xee\xdd\xf7\xdf\xe0r\xbbeY\x89\xa1\xe53\x84\x90\x10"+\xca\xbff&gt;+I\x12B</t>
        </is>
      </c>
    </row>
    <row r="346">
      <c r="A346" s="1" t="n">
        <v>344</v>
      </c>
      <c r="B346" t="inlineStr">
        <is>
          <t>shape_size_grid</t>
        </is>
      </c>
      <c r="C346" t="inlineStr">
        <is>
          <t>What is the size of the missing part denoted by a question mark?</t>
        </is>
      </c>
      <c r="D346" t="inlineStr">
        <is>
          <t>['small', 'large', 'medium']</t>
        </is>
      </c>
      <c r="E346" t="inlineStr">
        <is>
          <t>large</t>
        </is>
      </c>
      <c r="F346" t="inlineStr">
        <is>
          <t>There are 9 shapes arranged in a grid with different sizes in the image, of which there is 1 missing shape. The first row is ['small pentagon', 'medium pentagon', 'large pentagon'], the second row is ['small square', 'medium square', 'large square'], and the third row is ['small triangle', 'medium triangle', '?'].</t>
        </is>
      </c>
      <c r="G346" t="inlineStr">
        <is>
          <t>We observe that the columns contain small shapes, medium shapes, and large shapes respectively. On the other hand, the rows contain pentagons, squares, and triangles respectively. Hence, the pattern is that the shapes within each row are the same, while each column progresses the size of the shapes.</t>
        </is>
      </c>
      <c r="H346" t="inlineStr">
        <is>
          <t>Based on the pattern that the shapes within each row are the same, while each column progresses the size of the shapes, the size of the missing triangle should be large.</t>
        </is>
      </c>
      <c r="I346" t="inlineStr">
        <is>
          <t>b'\x89PNG\r\n\x1a\n\x00\x00\x00\rIHDR\x00\x00\x02\x00\x00\x00\x02\x00\x08\x02\x00\x00\x00{\x1aC\xad\x00\x00E\xb8IDATx\x9c\xed\xddyxTE\xda?\xfc:Kw\xf6\x10d\t\xb8\x02\x8a(\x04\'\x04\x95\x81d \xf8\x00\x89""H\x82\x8e\x02\xe23\xa2\xa2\x04\x10T\x10\x18`\x04Ge\x11e\xd4q\xe47(3\xa3L`D\x05\x94\x80lB\xd0\xa8D^dM\x04\xd7\x91\x10\xb2w\x16\x92&gt;\xe7\xd4\xfb\xc7M\xce\xd3f3\xa4\xf7S\xdf\xcf\xe5\xc5EbH\x9f&gt;\xdd]w\xd5]wUI\x9cs\x06\x00\x00\xe2\x91\xfd}\x01\x00\x00\xe0\x1f\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85\x00\x00\x00 (\x04\x00\x00\x00A!\x00\x00\x00\x08\n\x01\x00\x00@P\x08\x00\x00\x00\x82B\x00\x00\x00\xff\xd0u]\xd7u\x7f_\x85\xd0T\x7f_\x00\x00\x08\x87sn\x18\x86\xa2(\xf4w\xc6\x98$I\xfe\xbe(\x11a\x04\x00\x00&gt;e\x18\x86$I\x8a\xa2\xbc\xff\xfe\xfb/\xbd\xf4\x92$I\x92$a(\xe0\x17\x08\x00\x00\xe0;\xba\xae\xcb\xb2\xaci\xda\xcc\x993\xef\xbc\xf3\xce\x193f\xdc}\xf7\xdd?\xff\xfc\xb3\xa2(\x9a\xa6\xd1h\x00|F\xc2\x1d\x07\x00\x1f0\xd3&gt;yyy\x0f&lt;\xf0@vv\xb6,\xcb\x14\x0c\xbav\xed\xbav\xed\xda\x94\x94\x14\xc6\x98a\x18\xb2\x8c\x8e\xa9\x8f\xe0F\x03\x80\xd7\xe9\xbaNi\x9f5k\xd6\xdc|\xf3\xcd\xd9\xd9\xd9\xaa\xaa\x1a\x86\xa1i\x9a\xaa\xaag\xce\x9cIMM]\xb4h\x91\xa6i\x14\x12\xfc}\xbd\xa2\xc0\x08\x00\x00\xbc\x8bZ\xf9\xf2\xf2\xf2\xd9\xb3g\xafY\xb3\x861\xa6(\x8a\xae\xeb\x8a\xa20\x89\xe9\xba.K2c\xcc0\x8c\xc4\xc4\xc4\xb5k\xd7\xf6\xec\xd9\x932E\x98\x19\xf66\x04\x00\x00\xf0\x16\xc30\x18c\xb2,ggg?\xf0\xc0\x03yyy\x8a\xa2\xd07Y}\xfd\x0f\xfd\x80a\x18\xaa\xaaj\x9a\xd6\xa1C\x87\xbf\xfc\xe5/w\xdf}7c\xecB\x90\x00\xafA\n\x08\x00\xbc\x82\xf29\xb2,/^\xbc899\x99Z\x7f]\xd7%Y\xe2\x9cs\xce\xc7\xde=z\xfaS\x8fQ\xeb\xaf\xa8\x8a\xa6i\x8a\xa2\x14\x17\x17\xdfs\xcf=\x0f&gt;\xf8\xa0\xc3\xe1\xa0\x99a\x7f?\x0f+\xc3\x08\x00\x00&lt;\x8cs\xae\xeb:%\xf7\'O\x9e\x9c\x95\x95\xc5\xea\xbb\xf9\x8a\xaa\xe8\x9a\x1e\x11\x11\xbe\xe0\xb9y\x93\xa6\xdc\xab\xaa\xea\x9e\x8f?\x99\xfd\xf0\x9c\xef\xbf\xfdAQd\xc3\xe0\xf4\x93\xba\xae\'$$\xbc\xfa\xea\xab\x03\x06\x0c0\x87\x11~~VV\x84{\n\x00\x9eD\xed\xb5\xaa\xaa\x99\x99\x99\xfd\xfb\xf7\xcf\xca\xcaRU\x951\xc69\x97eY\xd7\xf4\xdf$\xf4\xcd\xdc\xf6\xf6\xe4G&amp;\x94\x16\x97\x9d-(\x1c4\xf8\xb7\xef\xed\xdep\xfb\xd8\xdbt\xdd\xe0\x9cK\xb2D\x99\x9f\xdc\xdc\xdc\xa4\xa4\xa4U\xabV\xd10\x02\x0b\x05\xbc\x01#\x00\x00\xf0\x18j\xbb5M{\xe2\x89\'V\xadZ\xc5\\\xe6{\xa9\x05\x9f\xfc\xc8\xc4\xf9K\xe7\xdal\xaa\xc3QI\x81A\xd7t{\x88="*\xe2\xad\xd7\xff\xf1\xcc\x9cg\xab\xaa\xaai\x94 \xcb2e\x8a\xd2\xd3\xd3W\xadZ\xd5\xb5kW\xca\x11af\xd8\x83\x10\x00\x00\xc0\x03\xcc2\xff\xdc\xdc\xdc\xa9S\xa7\xe6\xe4\xe4P\xd2\x86\xbe\xa9\xebz\xa7\xce\x1d\x97\xbd\xf6\xe7\xd4Q#\xca\xcb*\x1a\xcc\xeer\x83\x1b\x86\xd1\xa1\xf3%_~\x9a\xfb\xf4\xf4\x05\xff_\xee\xd7\xb2"s\x83s\xceif\x18\x0b\x05\xbc\x04\xf7\x11\x00\xdc\xe5Z\xe6\x9f\x9c\x9c\x9c\x93\x93Ce\xfe\x8c1\xda\xe6!ih\xe2\x96O6\x8d\x189\xbc\xb8\xa8\x84s\xde\xa0\xb6G\x92%EU\x8a\n\x8b\xfb\xc6\xf7y\xf7\xe3\x7fO~d\xa2\xa1\x1b\xf4cX(\xe0U\x18\x01\x00\x80[\xa8\x8d...~\xec\xb1\xc7\xd6\xaf_\xcf~\x99\xf6Q\x14e\xee\x9f\x9e\x982\xfd\x0f\x9aS\xab\xa9\xa9\xa1\xb4Os\xe8\xe7c\xda\xb7\xcb\xfc\xe7\x7f\xfe\xf4\xd4\xd2s\x85E4\x020\x07\x13X(\xe0Y\x08\x00\x00\xd0Ff}NVVVFF\x86k\x99?M\xdbv\xebq\xd5\xb2\xd7\x9e\x1b\xfc?I%E%\xacu\x95&lt;TAtI\xc7K~8\xfd\xc3\xacG\xe6\xec\xdf\x9dM\xbb\xc5a\xa1\x807 \x05\x04\x00m\xe1Z\xe6\x9f\x9a\x9a\x9a\x97\x97\xa7\xaa\xaaY\xe6\xaf\xeb\xfa\xf8\t\xe3\xb6\xee\x7f\xef\xb7I7\x17\x15\x16\xd1O\xb6\xe6\xd7J\x92\xa4\xaajIQI\xa7.\x9d\xfe\xf5\xc1Z,\x14\xf0*\x8c\x00\x00\xe0\xe2\x98e\xfe\xf9\xf9\xf9\xd3\xa6M\xcb\xca\xca2S4\xd4Io\x17\xd3\xee\x99\x95\x0b\xef\xba\xe7\xce\x9a\xea\xf3uuum\xeb\xa4\xd3H\xa2C\xa7\x0e{?\xde7\xfb\xe1\xa7\xb0P\xc0\x1b\x10\x00\x00\xe0"\x98Y\x97\xcc\xcc\xcc\xa9S\xa7\x16\x17\x17S\xa3o&amp;j\x12n\xee\xb7\xe2\xaf\xcf_\xdf\xf7\xba\x92\xa2\x12\xf7\xd3\xf4\x9aS\x8b\xb9\xa4]\xe1\xd9s\x0b\x1e_\xbc\xe5\xdd\x0f\x19c\xb2"\x1b\xfa\x85\xca"UU\x97-[6c\xc6\x0c\x86tP\x9b \x00\x00@k\xd1|\xaf\xc3\xe1\x987o\xde\xea\xd5\xabY\xa32\xff\x8c\'\x1f\xcdxj\xaa\xcdn\xaf\xac\xa8Tm\x9e9p\x10\x0b\x05\xbc\x07\x01\x00\xc4\x85\xc3\x08[\xcfL\xb3\xe4\xe4\xe4L\x9d:577\x97\xe6{\xa9X\xd3,\xf3\xbfmtjiI\x99\xa1\x1b\xb2\xe2\xc9\x84\x0c\x16\nx\tn\x13\x08\x8asnf-\xfc}-\x81\x8ej.eY^\xb5jURRRnn\xee\x85\xf9\xde\xfa\xd3\x1co\x1d\x9d\xb2u\xff{#F\x0e;WX\xc49\xf7l\xeb\xcf\xb0P\xc0k0\x02\x00\x11Q\xaba\x18FUUUTT\x14}\xe9\xef\x8b\nD\xae\xdb\xba\xcd\x981#33\xd3\x8c\x9af\x1e\xe6\xe9g\x9e|x\xe6\x94\xba\xba\xba\x9a\xea_)\xf3w\x1f\x16\nx\x16F\x00 \x16\xce\xb9\xd9g\x1c6lX||\xfc\x81\x03\x07(\x18`(\xd0\x00\x9d\xde\xae\xaajVVV\xff\xfe\xfd333UU\xa5\xb4\xbb\xa2(\xba\xa6\xf7\xee{\xfd\xa6\x9d\x99\x8f=\xf1\x88\xa3\xc2Q{\xbe\xd6\x07ATQ\x14\xcey\xd1\xb9\xe2q\xf7\x8e\xdd\xf2\xc9\xa6\xa4\xa1\x894\xff\xcc\xeak\x90\xb2\xb3\xb3\x07\x0e\x1c\xb8~\xfdz\x9a\x0c\xc0\x16r-C\x00\x00\x81\xb8nTy\xe3\x8d7\xee\xde\xbd\xfb\xf4\xe9\xd3C\x86\x0cY\xbcx\xb1y&gt;\xad\xbf\xaf1P\x98\xa7\xb7/Z\xb4(55\xf5\xcc\x993\xd4\xd7\xa6&amp;X\xd7\xf5IS\xee\xdb\x90\xf5v\xff\x01\t\xc5E%\xad/\xf3w\x1f\x16\nx\x10R@ \x8a&amp;7\xaa\xa4-\xcc\x18c)))k\xd7\xaeE%\tk\xe6\xf4v\xf6\xcb2\xff\xa5/.J\x9b0\xae\xa2\xac\xdc\xe9\xd4\xfcU|\x89\x85\x02\xee\xc3\x1d\x01\xeb\xa3\x1ek\xe3-\xe6\xa9\x88\xa5q\x96C\xe4\x99\xe1\xe6Nog\x8c\xd1\x80 ih\xe2{;3\xc7\xddwWQa\x91\xae\x1b~,\xbd\xa7\x17\xf1\\\xc1\xb9A\x83\x07\xe0D\x81\xb6\xc1\x08\x00,\xce\\\x1f\xb4f\xcd\x9a\xc7\x1f\x7f\xdc\xe1p\x98\xd3\x86\x17\xda5\x97\x85E\x8c\xb1\x193f,[\xb6\x8c\xaa\\D[X\xd4\xec\xe9\xed\xaa\xa2k:c,\xe3\xa9Gg\xcd\x9f\xc19\xaf\xaa\xac\n\x9cis,\x14h3\x04\x00\xb0\xb2\x967\xaa\xb4\xd9m\x91Q\x91\xa5\xc5\xa5\xf4%\x15\x8d\xe8\xba\x9e\x98\x98\xf8\xf7\xbf\xff\xfd\xdak\xaf\x15\xa7\x92\xa4\x85\xd3\xdbeY\xd2u\xe3\xaa\xeeW\xfei\xc5\xc2\xd4Q\xc3KK\xca\xe8l/\x7f_\xf2/`\xa1@\xdb\xe0.\x805QU\x0f\x95\x85\x0c\x1a4\xc8,\x0b1\xcf\'\xe9\xdd\xf7\xfaM\x1fgn\xfflk\xd2\xd0A\x94\xf7`\x8cQ\xc9cvv\xf6\xcd7\xdf\xbcf\xcd\x1aA*I\xccm\xddV\xadZ\xd5\xf8\xf4v]7n\x1f{\xdb{\xbb7\x8c\x18\xf9?E\x85\xc5\x92$\x05`\xeb\x89\x85\x02m\x83\x11\x00X\x90Y\xd7\xbfx\xf1\xe2%K\x96\xd0\x97\x9a\xa6Q\xb6\x8716~\xc2\xb8\x85/\xcc\x8f\x8a\x8a\xac\xad\xab\xb3\xdb\xed\x7f{i\xcd\x9f\xff\xb8\xcc\xccu\x98\xe9\xa0?\xfc\xe1\x0f+W\xae\xb4\xf0B\x81\xd6\x9d\xde\xfe\xf4\xa4\x87&amp;T9\xaajk}Q\xe8\xe9&amp;,\x14\xb8(\x08\x00`)-\xb4h\r6\xaa\xac\xae\xaeq\xd69%If\x8c_\xd2\xf1\x92Ov\xee\x17\xad\x92\x84\xca\xfc%I\xca\xcc\xcc\x9c1c\x86Y\xe8)I\x92$K\x86n\xfc&amp;\xa1\xef\xb3/=s\xe3\xc0\x84\xe2\xc2\x12Y\x96%98\xdaJ\x9c(\xd0z\xd6y7\x03\xb8\x96\xf9\xf7\xef\xdf?++\x8bz\xac\x94\xb3\xd64-\xe1\xe6~\xef\xed\xda\x90&gt;a\\yY\x05\xf5\xf4eY\x92e\xb9\xe8lQ\xc3J\x12\xc9\xe2\x95$\xd4\xff\xd5u}\xe6\xcc\x99\xe3\xc7\x8f?s\xe6\x0ceK.\x94\xc6\xea\xc6\xe4G&amp;\xbe\xfb\xf1\xbf\xfb\xc6\xf7)*,VT%XZ\x7f\x86\x85\x02\x17\x03#\x00\xb0\x88&amp;\xcb\xfc[\xbfQ\xa5k%\xc9\x9f\xe6&lt;[]Um\xa6\x0e\x1aW\x92\x04~&amp;\xa4\x05\xad9\xbd\xfd\x8f\xcf\xcfK\xbf\xef\xae\xb2\xd2\xf2\xa0\xee c\xa1\xc0\xafB\x00\x80\xa0\xd7\x9a\x16\xad5\x1bU^\xa8$\xe9t\xc9\xc1\x9c\xdc\xd9\x8f\xcc=\xf6\xf5qs\xc3\xcb\x06\x95$\xc1\xdb^\xb4P\x14Kq.ih\xe2\x8a\xd7\x9e\xbb\xb2\xc7\x95%E%\xd6\xa8\x98\xc4\x89\x02-\x08\xbew0\x80+\xd7\x85K\xc9\xc9\xc9999\xe6\xc2\xa5\x8b\xdd\xa8\xf2\xff*I\xfa\xf5\xdd\x90\xf5\xf6\xa4)\xf7\xe9\xba\xded%I\x90\xee\x1b\xd1\\\x02\x84\xe2\x9c,\xcb\xf3\x97\xcey{\xf3[\x9db;\x95\x14\x95\xd0\x828\x7f_\xb2\x07\xa86\xb5\xbc\xb4"**\xea\x8d\xf5\xaf=\xb7zIDD\xb8\xa1\x1b\x8a\xaa4\x97\x04\x13\xaaO\x8c\x11\x00\x04\xb1\x96\xcb\xfc\xdb\xbcQ\xa5\xae\xeb6\x9b\x1a\x1d\xd3n\xc3?6\xce\x9b\xb9\xa8\xbc\xac\xbcA%IJJ\xca\xea\xd5\xab{\xf6\xec\x19,\x0b\x8b~\xb5\xcc\xbf\r\xa7\xb7\x07\x17,\x14h\x92\x10O\x12\xac\xa7Ue\xfem\xdd\xa8RQ\x14]7\x8a\n\x8b\xc6\xddw\xd7{;3i\xcbIJ\x92\xd0\x83fee\r\x1c8\x90\xf6\x8d`\xf5\xcdk\xc0r=\xbd\x9d\xca\xfc\xcd\xdd\xfc\xa9\xcc?\xbdM\xa7\xb7\x07\x17,\x14h\x12F\x00\x10|ZY\xe6\x1f\xdd.\xaa\xbc\xac\xc2\x9d\t[M\xd3""#$IZ\xf1\xcc\xaa\x97_x\x855\x9aX\x0e\xf0}#\x1a\x9f\xde\xce~Y\x14\x1b\x19\x151\xff\xd9\xb9\x93\xa6\xdcWYY\xe5\xacs\x06\xe0S\xf08,\x14p\x85\x00\x00\xc1\xe4\xe2\xca\xfck\x9d\x8a\xean\x8bF\xc5\xf2\x97th\xff\xe1\xfb\xdb\x9exd\xee\xb9\xc2\xa2\x0b\xabd\xebK\xcb\x07\x0c\x18\xf0\xea\xab\xaf&amp;$$\x04Z{a\xe61Z&lt;\xbd\xfd\xb9\xeb\xfa\\WZR\x1aPW\xeemX(`\xb2\xe0X\x0f\xac\xea\xa2\xcb\xfc\xddn\xfd\x19c\xd42\x9e+,\x1a1r\xd8\xd6\xfd\xef\xdd::\xc5\xb5\xf5WU5\'\'\'999\xd0\xf6\x8d\xa0.\xad\xc3\xe1\xc8\xc8\xc8\x18?~|qq\xf1/\xca\xfc\r#\xe3\xc9G\xff\xfd\xd1?{\xf4\xecQRl\x91j\x9f\xd6\xc3B\x01\x13F\x00\xfeD\x8d\x85\x85\xfb\x17\x1e\xe4f\x99\xbf\xfb4M\x0b\x0b\x0f\xb3\xdb\xed\x7f}\xf1o\xcf.x\xc1\x9cl0/\xe0\xee\xbb\xef\xfe\xcb_\xfe\xd2\xa1C\x07\xff.\x14p-\x8a}\xf0\xc1\x07\x9b;\xbd\xfd\xd6\xd1\xa9e^8\xbd=\xb8`\xa1\x00\x02\x80\x7f\x98\x9fR\xfa;cL\xa8.\xd8E\xf1T\x99\xbf\xfb\xa8\x15h\x7fILN\xf6\x17s3\x16\x98\x0b\x05X}{q\xed\xb5\xd7\xfe\xfd\xef\x7fOLL\xf4W{a\xe6+V\xaf^=o\xde\xbc\xc6e\xfe\xb7\x8eNY\xbcl\xc1\xe5W^VZR&amp;Z\xc7\xbf9"/\x14\xb0Z@\x0b\n\x94VV\x14\xe5\xfd\xf7\xdf\x7f\xe9\xa5\x97(\x9f\x10 \xa9\x83@\xe3\xc12\x7f\xf7Q\x85LqQI\xff\x01\xfd6n\x7f\'}\xc28Z(@W\xa2\xaaj^^^rr\xb2_\xf6\x8d\xa0\xb3\x8e\x15E\xf9\xf9\xe7\x9f\xc7\x8f\x1f\x9f\x91\x91\xe1p8(3FQJ\x92\xa4\xf9K\xe7\xbc\xf1\xcek\x1d;w,-)\xb3L\x99\xbf\xfbD^(\x80\x11\x80\xaf5Ne\x8c\x1f?~\xe5\xca\x95\x97^zi\xb0\xef1\xe0q^*\xf3w\x9f\xae\xd1Y\x02\x11o\xfd\xed\x9fK\x9e\xfes\xa5\xa3\xca&lt;\x81\xc4/\x07L\x9a\xf3\xbdYYY\x93\'O\xa6m\xdd(\xfcP\x13\xd6\xbb\xef\xf5\x7f~\xf9\x99\x01\x897\x95\x96\x941+\xa62\xdc\'\xe6B\x01\x04\x00\xdfi\xf2\xa8U\xea\xa3Y`\x8f\x01\xcfjq\xe1R@\xb4h\xf4j\xb6\xbf\xa4\xfd\x89\xa3\'f=&lt;\'\xf7\xf3\xaf\x9a\xdb7\x82y\xb9\xbd0\xab`\x97,Y\xb2x\xf1b\xc6\x98yz;\xc5\x00O\x15\xc5\x8a@\xd3\xb4\xa8\xa8H\xa7\xd3\xb9d\xdesk_[\xc7\xea\xfb\x1ctK\x19c\x0b\x17.\x9c?\x7f&gt;}i\x81\x9b\x89\x00\xe0#\xae{\xb0\xcc\x9e=\xbb\xbc\xbc\xdc|K\xb9\xbe\xb7\x16-Z\xc4\\\xea\xdc\xc5\xe4\xb32\x7f\x8f\\jdd\x84S\xd3\x96\xfe\xb2\xbdh\xbcP\xc0\xab\xafi~~\xfe\xe4\xc9\x93\x9b&lt;\xbd\xdd\xb3E\xb1"h\xfdB\x01\x7f_\xa9\x07 \x00\xf8B\xb3G\xad*\n\xab\xdf\x98\x97\x05\xe7\x1e\x03\x9e\xe5\xfb2\x7f\xf7\xd1\xb4\xb3_\x16\x16\x19\x86\xa1\xeb\xfa\xbb\xef\xbe\xfb\xe8\xa3\x8f\x9ae\xfe\xe6\xe3&amp;\rM|f\xf9\x1f{\xdfp}qQ\x89Pe\xfe\xeek\xcdB\x81W^ye\xec\xd8\xb1\x8a\xa2\x04\xf5x\x1d\x01\xc0\xbbZHe\xb0_\xd6\xff\x98\xa9\x83\x0e\x1d:\xbc\xfa\xea\xab\xe9\xe9\xe9\xccB\xa9\xc6\xd6h\xe9|\x92\xff[\xb8\xf4\xfc\xf5}\xaf+\t\xb0\x16\xcd/\x0b\x8b\xe8\xf7\xac[\xb7n\xd2\xa4I\xac\xbeKA\xbb;0\xc62\x9e|t\xd6\x82\x80;\xbd=\xb8P\xe1\xaf\xa2\xc8+\x97\xbc\xfc\x97\xe5\xaf\x99\xb7\xd7\x1c\xde\xbd\xf5\xd6[\x13\'N\x0c\xea\xd2 Q\x1a\x17\xbfh\xbc\x07\x8b\xebQ\xab\x9c\xf3\xb1\xf7\xdc\x99\xf1\xe4\xa3\xf4ws\x9dNqqq\x83*\x0e\x7f?\x0f_\xf8\x95\xf3I\x0c#\xe3\xc9G3?\xfag\x8f\x9e\xdd\x8b\x0b\x8b\x03ml\xe4\x97\x85Et\x07\xfa\xf7\xef\x1f\x1a\x1aJ\xb7\x8e\xbe\xd3\xf3\xba\x9eo\xfeg\xcd\xbcg\xe7\xd4T\xd7\xf8xn\xdcbTU\xad=_[]U3\xef\xd99\xefl\xfdG\xcf\xebz\xb2\xfa\xda3Y\x96CCC\xfb\xf7\xef\xcf\x82\xbc\x80\x1b\x01\xc0+\xa8&amp;\xaf\xf1\x0eSt\xea\xac\xa1\x1b\x11\x11\xe1\xcf\xad^\xfa\xca\x9b\xab\xe6?;\xf7\xcd\x8dot\xea\xdc\xd1L\x1cS\xd5\xe3\xea\xd5\xab\x93\x93\x93sss\xa9\x9c\xc3\xc2\x035\xea&gt;7y\xf6\x96Y\xe6\xff\xe6\x7f\xde\x98\xff\xec\x1c]7\xaa+\xab\xbd\xb1\xc8\xcb#\\\xdb\x8b\xf5\x1f\xfe\xf3\xaa\xeeW\xea\x9aNE\xab\xae\x95\xac_}\xf5\x95G^S\x8a1}\xfa\xf4\x89\x8f\x8f\xa7\xe2\x02\n\x96\xe9\xf7\xddu\xd7\xd81g\xcf\x9c\r\xcc\xd3\xdb\x83\x0b\xbd\x15\x0b\xfe[\x90\x922&lt;\xfd\xbe\xbb\xa8\xa3F\x83\xf8\xf8\xf8\xf8&gt;}\xfa\x04\xfb\x18=\x88/=`\xb5\xbcc\x81\xae\xe9\xbfI\xe8\x9b\xb9\xed\xed\xc9\x8fL(-.+&lt;[8\xe2\xf6\x86{\x0cP\x1e&lt;777\x00\xf7\x18\xf0\xac\x80*\xf3w\x1f\xb5\x17\xe7\n\xce\r\x1c&lt;\xe0\xfd\xdd\x1bo\x1b\x9dJe\xe3\xae\xaf\xe9\x90!CV\xaf^\xed\x91\xd7\x94n\xd4]w\xdd\xc5\x183\x93?\x9b\xdf\xddz\xb6\xf4\xac\xddn\xf7\xc83\x02\xc6\x98=\xc4^Tzn\xf3\xbb[\x19c\xf4j\xb2\xfa\xdb\x1e\xe0\x1b\xc1\xfe\xaa\x80\xfe8\x05\xa3_MeL~d\xe2\xbb\x1fg\x9aG\xad\xdal\xb6\xd2\x92\xb2\x8e\x9d;\xbe\xf1\xcek\xf3\x97\xce174\xa6\x7f\xe2p8\x1e|\xf0\xc1{\xee\xb9\xc7\xdc\xcb\xc5\xdf\xcf\xcf\x93Z&gt;\x9f$x\x17.\xa96\xb5\xa2\xb4"*:\xea\xf5\xb7_Y\xf4\xc2\x82\xf0\x88p3\x1d\xd4\xe4\xfe&lt;m~ \xea{\xdeq\xc7\x1d!!!\xba\xaeSc\x94w&lt;\xff\xe7\x9f\xce\x84\x84\x84Xx\xd4\xe8K\x9c\xf3\x90\x90\x90\xff\xfet&amp;\xefx&gt;\xab\x9fx\x0f\t\t\xb9\xe3\x8e;X\xf0Wl\x07\xf7\xd5\x07\x94V\xa62\xfe\xfc\xd23\x9a\xa6U\xbaL\xcdQ\xea\xc0Q\xe1x\xec\x89G6\xed\xcc\xec\xdd\xf7z\xfa\'f\xea`\xfd\xfa\xf5\x83\x06\r\xca\xce\xce\xa6\xdeq\xb0w:\x08Mz{c7\xff@\xa0\xa8J]]\x9d\xa3\xc21u\xd6C\x1b\xb3\xde\xe9\xdd\xf7z:\x83\x9e\xfa\x8f4:\x1c4h\x909:l\x1b\xda\xe0\xe1\x9ak\xae\x89\x8b\x8b\xa3\xf1\xa5\xa2(\xe7k\xce\x1f\xd8\xfbYhx\xa8%\x87\x8c\xbe\xa7\xebzhx\xe8\x81\xbd\x9f\x9d\xaf9O5?\x9c\xf3\xb8\xb8\xb8k\xae\xb9\x86\xee\xb9\xbf/\xd0-\xc1}\xf5\x81\xe3WS\x19IC\x13\xb7|\xb2i\xc4\xc8\xe1\xc5E%\x94It\xfd\xe7\x81\xbc\xc7\x807p\xce\x9dN\xe7\xc2\x85\x0b]\xcf\'a\xf5At\xfc\x84q\x1b\xb7\xbf\xd3\x7f@?\xaa_\x0c\xd2\xcf\x185\xc7\x85\x05\x85}\xfb\xf5\xd9\xb8\xfd\x9d\xf1\xf5\xaf)\xab/\x0b\xce\xcb\xcbKMM]\xb8p\xa1\xd3\xe9lso\x9dF\x9cC\x87\x0ee.\xb3\x91\xdb&gt;\xc82t]\x92\x82\xf2\xbe\x05\x1aI\x92\r]\xdf\xf6AV\xfd\x97\x12cl\xe8\xd0\xa1\x16\xf8\x182\x04\x00\x8fh\xfdQ\xab\xa5%\xa5-\xa42TU\xad(s\xd8l\xb6\x97\xd6,\x7fn\xf5\x92\xc8\xa8\x08\xd7\xd4\x81\xa6i3g\xceLMM\xb5\xc0\x9e$\x14\xdb2335M\xb3\xd9lT\xeb\xc99\x8fi\x1f\xf3\xf2\xff[\xb9\xf2o/\xd8\xec\xb6\x8a2G\xd0u\xfc\x1b\xb3\xd9l\x8e\x8aJ\x9b\xdd\xb6\xf2o/\xbc\xfc\xffV\xc6\xb4\x8f\xa1\xe7NO\x9cn\x02\xab/\x08n\x03z/\x8d\x1b7\x8e\xe6\x84\xa9\xcf\xf1\xc5\xa7\x07\xbf;\xf5}h(\xb2@\xee\xe2\x9c\x87\x86\x86|w\xea\xfb/&gt;=\xc8\xea\xcf\xa1\x93ey\xdc\xb8q,\xc8\xeb\x7f\x08\x02\x80[\xcc\x83\t\xb3\xb2\xb2\x1a\xa52d]\xd7\xbb\xf5\xb8j\xfd\x87\xff\x9c\xf6\xd4\xa3U\x95U\xb5\xb5\xbf\x9e\xca\xa0-\xa8JK\xca&amp;M\x99\xb0y\xef\xbb\t7\xf73S\x07\x8c1z sb\x99\x1e\xc8\'O\xd4\xc3\x0c\xc3\xb0\xd9lS\xa6La.\xb3j\x9dc;m\xd8\xf6\xaf\xbb\'\xa5yp7\xff@\xa0(\x8a\xae\xe9\xe5e\x15wOJ\xdb\xb0\xed_\x9dc;\xb1\xfa9[\xce\xf9\x94)Sl6[\x9b_Gzo\xf4\xeb\xd7\xef\x9ak\xae1s\x86U\x95U\xfbve\x87G\x84Y\xa0\x8b\xea_\xba\xae\x87G\x84\xed\xdb\x95]UYe~\xb4\xaf\xb9\xe6\x9a~\xfd\xfa5\x1e\xc7\x07#\x04\x80\xb6s-\xf3OMM\xf5\xd4Q\xab\xf4\x19.).\xe9qM\xf7\xccm\xff\x9a\xfc\xc8DJ\x1d\x98\xa3\n*-\x9d9sf\xf0\x1e^J\xb7b\xe4\xc8\x91v\xbb\xddl\xa4\x1c\x8eJEU\x1d\x15\x95T\n\xe5\xd7\x0b\xf40zF\x8e\x8aJEU\x1d\x8eJ\xfa\xa6\xae\xebv\xbb}\xe4\xc8\x91\xcc\xbd\xb9D\xfa=\xa3G\x8fv\xfd=\xdb6o\xd7\x91\x05r\x9b$\xc9\xba\xaeo\xdb\xbc\x9d\xbe\xa4\xdb;z\xf4h\xd7\xf7mP\xc3\xfb\xa3-\xcc2\xff\xfc\xfc|*\xf37\xb7u\xa3\xd4\x7fdT\xc4s\xab\x97\xbc\xb4f\xb9=\xc4\xee\xa8hK*CU\xd5\xea\xaa\x1a]\xd3\x9f{y\xc9\xea\xb5/\xd2B\x01\n0\xf4X\xabV\xadJNN\xce\xcf\xcf\x0f\xc6\x85\x02\x94\xaf0{R\x94.\xaf\xa9\xae\xd9\xb1\xf5\xe3\xc8\xe8\xc8 \x1d\xd6\xb4\xcc0\x8c\xc8\xe8\xc8\x1d[?\xae\xa9\xae1\xe7\x12\xcd\x9e\xbb;\x01\xc0\xacJD\x16\xc8\xb3\x9a\xcb\xff\x98u\xb7\xfe\xbe@\x0f@\x00h\x0b\xb3\x90c\xe0\xc0\x81\x94\x8d\xa1m \xe5\xfa\x83\t7\xef}w\xd2\x94\t\xa5%e\x94\xc0i\xdb\xa3\xc8\x8a\xcc9/:W&lt;\xee\xde\xb1[&gt;\xd9\x9444\x91r\xe5\xac~\xb7\xaf\xec\xec\xec\x81\x03\x07\x9ay\'\x8f&gt;E\xaf\xa3\xcfRZZ\x1as\xa9a\xcf\xd9\xff\xb9\xd3\xe9\xb4d\xbfU\x92d\xa7\xd3\x99\xb3\xffs\xe6\x92\xf5JKK3w\x90n3d\x81\xbc\xc4\xf2\xf9\x1f\x86\x00p\xb1\xa8\x96\xff\xcc\x993\xd3\xa7O\xf7\xc1Q\xab\xcd\xee1\xa04\xdcc\xe0\xcc\x993\x14\x84&lt;\xf5L\xbd\x8d\xeeLrr2USP#\x98s\xe0\xcb\xef\xad\xd8o\xa5\xbe\xe4\xf7\xa7\xbe\xcf9\xf0%\xab\xaf%\x97e999\x99y\xa2/\x89,\x907X&gt;\xff\xc3\x10\x00.\x16}n\xb7m\xdb\xf6\xf2\xcb/\xd34,%\xfdu]\xef\xd8\xb9\xe3\x9b\xffyc\xde\xb3s\x0c\xda\xb1\xc0s\x15,M\xec1P\xff\xa0\x92$\xd9l\xb65k\xd6l\xdb\xb6-\xb8\xea\xd2(d\x9a\xf5\xd4\xd6\xee\xb76\xeeK\xba\xd6\xef\xbb\xdf\x97l.\x0b\xf4\xed\xa9\xefC\xc3\xac\x16M}\x83s\x1e\x1a\x16\xf2\xad\xa5\xf3?\x0c\x01\xe0b\xd1g\xf5\xd6[om\xdf\xbe\xbdy\xe2\x12cl\xc4\xc8a\x1fe\xbf?b\xe4\xb0"\xef\xecX@y\xff\xc2\x82s\x03\x7f7\xe0\xfd=\xff\x191r\x98\xf9\xd0\x9a\xa6\xc5\xc4\xc4\xdcz\xeb\xad,\xd8\xce\x97\xa7\x15\x95"\xf4[\x9b\xebK\xd2\n^\xf7\x7f\x7fsY\xa0\xfd\xbb\x0f\x84\x85[-\x9a\xfa\x86\xae\xeba\xe1a\xfbw\x1f\xb0p\xfe\x87!\x00\\,z\x1ft\xe9\xd2e\xd0\xa0A\x94\xf4\xa7\xd9\xbc\xeb\xe3\xae\xebqM\x8f\xa2s\xc5^\xdd\xb1\xc0fSK\x8aK.\xbf\xf2\xd2\xeb\xe3\xaes}\xf4\xc4\xc4\xc4.]\xba\xd0\'\xdfK\x0f\xed\r\x82\xcc^\xfaf.\x91\xb2@c\xc6\x8ca\x8c\x99{e\xd3\x94Cp\xbd+\x02D\x83\x1bH1{\xcc\x981V\xca\xff0\x04\x806\xa0v\x8af/\xcd/\xb7o\xddQ^V\xe6\x83\x1d\xb8\xecv{EY\xc5\xf6\xad;\x98\xcbFTt1AW&lt;#\xc8\xec\xa5o\xe6\x12\xa9\xc1JMMe\xf5s\x0c\x8c\xb1\xfd\xbb\xb3\xcf\xfe|\xd6n\xb7[&amp;\x9a\xfa\x06\xe7\xdcn\xb7\x9f\xfd\xf9\xec\xfe\xdd\xd9\x8c1s\x8e\x8an\xaf\x95\x02*\x02\xc0E\xa3O\xec\xf0\xe1\xc3\xc3\xc3\xc3\xcd\r\x1bN\xe5}\x9bw\xfc\x9b\xb0\xb0P\xaf\xb6\xc2\x86a\x84\x85\x85\xe6\x1d\xff\xe6T\xde\xb7\xf5\xab\r\xf4\xf0\xf0\xf0\xe1\xc3\x87\xb3`\xcb\xff\x10\x11f/}3\x97H\xbf\xb6_\xbf~4\x16\xa4\xef\x9c+,\xca\xc9\xfe"&lt;",\xe8:\x07\xfee\x18FxDXN\xf6\x17\xe7\n\x8b\xcc\x13\xd6\xbat\xe9\xd2\xaf_?\x16\xfc\x1b\xc0\xb9\xb2\xce3\xf1\x19\xea\xc1\xc5\xc6\xc6\xf6\xed\xdb\x97\xd5o\xf9RWW\xb7+kO\xa8\xf7\x03@hX\xe8\xae\xac=uuu\xe6Yt}\xfb\xf6\x8d\x8d\x8d\r\xba\xfc\x0fi)\x0bd\x89\xd9K\x9aK\xf4A-9\x15\x05\xb4k\xd7\x8ez\xa9\xe6\xdb#k\xf3v\xc9B\r\x96\xcfH\xb2\x9c\xb5y;\xab\xff\x803\xc6RSS\xdb\xb5kg\x1e\xbcc\rxg\xb4\x05\x15b\x9a\xfb\x81P;\xb5}\xcb\x0eZ\xe3\xe3\xbd\xc7\xa5\xd5R\xdb\xb7\xec`.\xb5\xe4\xe3\xc6\x8ds=f2\xb84\x97\x05\xfad\xe7~k\xcc^\xd2\\\xe2\';\xf7\xfbl.\xd1\xcc\x07\xd2\xdd\xdb\xb7\x0bY\xa0\x8bc\xe6\x7f\xf6\xed\xfaE\xfe\xc7\xcc\xfaZ\t\x02@[\x98\xfb\xb0\xd3(\x9eZ\xae\xa3\x87\x8f\x9f8z\xd2{Y \xca\xff\x9c8z\xf2\xe8\xe1\xe3\xd4\x8eP\xfe$\xd8\xf7%o2\x0b\xb4s\xdbn\x1e\x9cc\x9a\x06$I\xe2\x86\xb1s\xdbn\xfa\xd2\xab\xb5\xe4\xf4\xcb\x93\x92\x92\x90\x05rGs\xf9\x9f\xa4\xa4$\x16\xcc\x1f\xb4&amp;Y\xea\xc9\xf8\x8c\xb9\x93ABB\x82\xb9\x93\x81\xd3\xe9\xdc\x95\xb5\xd7{Y\xa0\xfa\xfc\xcf^\xa7\xd3i\xee%\x90\x90\x90\xe0\xfe^\x02\xfeef\x81h\x1cC\x1d\xd5\xc3\xb9_\x17\x16\x9c\x0b\xf6~+\xf5%\x0b\x0b\xce\x1d\xce\xfd\x9a\xd5\xaf"T\x14\xc5K\xb5\xe4\x94\x05\x8a\x8e\x8eF\x16\xc8MM\xe6\x7f\xa2\xa3\xa3-\x96\xffa\x08\x00m\xd6 \x93\xeb\x83,P\x93\xf9\x1f3{\xee\x8dG\xf4\x8d\x063\x19\x14P\x0b\xcf\x9e\xb3@\xbf\xd5\xecK\x16\x9e=G\x01\xbb\xc1\xec\x91\x97\x1e\x17Y\xa06\x13*\xff\xc3\x10\x00\xda\xac\xf9,P^X\xb8\xe7\x9b-\xc30\xc2\xc2\xc3N\x1c\xcd\xb3X\xfe\x87\xd5\xf7[]k\x99\xac\xd4om\xdc\x974\xeb\xc7\xbc\xd1\x97D\x16\xc8MB\xe5\x7f\x18\x02@\x9b5\x97\x05\xda\xf9\xd1\xae\x90\xd0\x10o\x04\x80\x90\xd0\x90\x9d\x1f\xed\xb2X\xfe\xc7Uzz:\xb3P\xbf\xb5\xb9\xbe$=M/i.\x0b\xb4\xed\x83\xed\x16\xcb]x\x8f$I\xdb&gt;\x10"\xff\xc3\x10\x00\xdc\xd1d\x16\xe8\x93]\xfb\x9duu\x1eo\x91eYv\xd6\xd5}\xb2k?\xb3V\xfe\x87X\xb2\xdf\xea\xdf\xbed\x83,P\xf6\xdeO\x8b\n\x8bl6[\x90FS\xdf\xe0\x9c\xdbl\xb6\xa2\xc2\xa2\xec\xbd\x9f2\x01\xf2?\x0c\x01\xc0\x1df\x16\x88vt\xa1\xf7\xca\xb1\xafO\xfc\xf0\xdd\x8f!!\x9e\xaca\xe7\x9c\x87\x84\x84\xfc\xf0\xdd\x8f\xc7\xbe&gt;\xc1\xea?\xd5!!!\x16\xc8\xff\x10\xab\xce^\xfae.\xd1\x8c\xa6\x97^z)e&amp;eY.*,:v\xe4\xa4\xb7\xd7\xa9\x04;\xaa\xb38v\xe4$\x9d\xe0D\xb9\xd6K/\xbd\xd4\xaa\xf9\x1f\x86\x00\xe0\x0e\xca\xc3\x98{:R\r\xbb\xa3\xc2\xb1o\xa7\x87w2\xb8\xb0\x97\xc0\xcelG\x85\xc3\xdcK\xd2\xdcG\xd3J\xefK\xcb\xcc^\xfaq.\xd1\x8c\xa67\xddt\x13\xab\xdf\xc7\xc60\x8c\x1d[&gt;\xb6\x87`\x04\xd0\x12\xce\xb9=\xc4\xb6c\xcb\xc74\xb8\xa7 }\xd3M7Y5\xff\xc3\x10\x00\xdcD\xbbC\x0f\x1d:\x94ys\'\x83&amp;\xf7\x12\x18:thp\xed\xff\xdc2\x8be\x81\xfc\x9b\xff\xa1V\xfe\xce;\xef4/\x861\xb6s\xdb\xee\xb2\x922\x9b\xcd\xe6\xd5\x87\x0ej6\x9b\xad\xac\xa4\x8c\x16m\x98o9\xba\x8dV\r\x9c\x08\x00n1\xd7\xe2zo?\xcb\xe6\xf6\x924\xd7!\xbb\xff\x10\x81\xc0z\xb3\x97~\x9cK4\x1f.**\x8a\xb6\xab\x92e\xf9\xbb\xd3\xdf\x1f\xfa\xf2p\xb8%\xd6W{\x83\xae\xeb\xe1\xe1a\x87\xbe&lt;\xfc\xdd\xe9\xefip\xaf\xebzTT\x94\xf9\x86\xf4\xf7\x05z\x05\x02\x80[|\xb0\x9f\xa5\x08\xe7\xd2\xb9\xb2\xc0\xec\xa5\xdf\xe7\x12\xcdM\xcb\x07\x0f\x1e\xcc\xea\x0f\x93\xe0\x9c\xef\xd8\xba\xd3\x86,P38\xe7\xb6\x10\xdb\x8e\xad;\xcd\x8d\xd6\x19c\x83\x07\x0f\x0e\xc6\x8d\xd6[\x0f\x01\xc0]\xde\xde\xcfR\x84s\xe9\x88\x99\x05\xea\xda\xb5kP\xcf^69\x97\xd8\xb5kW_\xce%6\xb9i9\xb2@-h2\xff\x13\xa4\x1b\xad\xb7\x1e\x02\x80\xbb\xbcz\xaa\x89o\xce\x12\t\x10f\x16h\xc4\x88\x11\xac\xbe\xdf\x1a\x8c\xb3\x97\r\xe6\x12/\x9c\x197b\x84/\xe7\x12ih\x98\x92\x92\x82,Pk4\x97\xffIIIa\xd6\xcd\xff0\x04\x00\xf7\xb5\x94\x05\x8at\xf7\x93\xa6\xebzx\xa4@\xf9\x1fj\xe5o\xb9\xe5\x16V\xbfs\x0e\x0b\xc2~k\x83\xbed\x83\'\xe5\x9bk@\x16\xe8\xa2\x88\x99\xffa\x08\x00\x1e\xd1t\x16\xe8\x83\xedu\xb5u\xd4\x95h3\xcey]m\x1d\xcd%2K\xe7\x7f\x88\xb9YB\xf0\xf6[\x9b\xebK\xfa\xfe\xd0\x9e\xe6\xb2@\xa5\xc5\xa5A\x14M}\xc3f\xb3\x95\x16\x97\x8a\x96\xffa\x08\x00\x1e\xd1d\x16(\xf7\x8bCe\xa5\xe5\x9dc;EEG\xb5\x8b\x89n\xc3\x7fQ\xd1Q\x9dc;\x95\x95\x96\xe7~q\x88Y=\xffC\xccty\xf0\xf6[\x9b\xebK\x9a\x13\x1b&gt;\xbb\x92\xc6Y I\x92\xbe;\xfd\xfd\xd1\xc3\xc7\xc3\xc2\x83iN\xc5\xdb\x0c\xc3\x08\x0b\x0f=z\xf8\xf8w\xa7\xbf7\x0f\xda\x13!\xff\xc3\x18S\xfd}\x01V\xe0\x9a\x05\xca\xcb\xcb\xa3\xcf\xbc\xa3\xc2\xb1\xfe\xad\r\xf1\xfdo\xa8\xaa\xaan\xdb\xbc\x9fa\x18\x11\x11\xe1\x87\x0e\x1evT8$I\xa2\xc6\xf1\xdak\xaf\xb5j\xfe\x87P\x90KKK\xdb\xbau+s\xe9\xb7&gt;Q23(j\x81\x1a\xe4\x7f\xa8\xc57\xfb\x92\xbe\\\xb5\xe7\x9a\x05\xda\xbau+MGk\x9a\xf6y\xf6\x97\x89\xc9\x83\x0c\xc3a\xa5%\x84\xee0\x0c\xc3f\xb7\x7f\x9e\xfd%\xe7\\UU\n\x00f\xfe\xc7\xdaw\t\x01\xc03\x0c\xc3\xb0\xdb\xed\x89\x89\x89\x14\x004Mc\x8c=;\xffy\x0f&gt;\x04m\x97\x9f\x98\x98H\xf9\x1f\xab\x06\x00\xd7~\xab\xc3\xe1\xa0Z \xca\x02%\x0e\x19XQ\xe1\x08\xe4\'\xae\xebzttT\xf6\xdeO\xcd\xfc\x8fa\x18~\xecK\x9aKF(\x9aR\xf8\xdc\xb6y\xfb#\x8f?\x18\xc8\xb7\xd1\xc7\x14E9_SC\x85vf\x0f\x83\xd6\xd9X&gt;\x00X\xf9\xb9\xf9\x1e%g\xcc\xc1\xb5\xec!\xf4\xdb\xe8\xd7\xd2CXXP\xcf^\x06\xda\\"]\xc0\xa0A\x83\xecv;\xa5\x10%I:v\xf8\xf8\x89#^&lt;\xba.\xb8\x18t\xd0\xde\x91\x93\xc7\xea7Z\xa7\xce\xdc\xa0A\x83\x98E\xf7\xffqe\xf1\xa7\xe73\xae\xa9^I\x92TU\xa5\xa2\x1d\x8fP\x14EUUI\x92\\\x93\xe3\xfe~\xc6^\xd4|\r{y\x80\xcf^\xdal\xb6\xb2\x92\xf2\xc0\x99K\x94\xfdqt]p1,z\xd0^+Y\xfc\xe9\xf9\x0c\xd5\xb0GEE\r\x1b6L\xd7uM\xd3\xdc)\xfei\x8c~\xe1\xb0a\xc3hB\xcf\x923\xc0\xa6\xe6j\xd8s??\x14\xc8\'\xc5\xeb\xba\x1e\x16\x1e\x96\xfb\xf9\xa1\x80\xaa%or\xd3r\xaf\x1e]\x17\\\xacz\xd0^+a\x0e\xc0\xc3\xa6L\x99\xf2\xd3O?y\xfc\xddC\xbfp\xca\x94)\x1e\xfc\x9d\x01\xab\xb9\xd9\xcb\x03{?\xbd%59`\xb3@\x9cs{\x88\xfd\xc0\xdeOi\x8a&gt;@\xe6\x12\xe5\xfaM\xcb\xe7\xcd\x9b\xe7t:\x19c\xd2\x85\xa3\xebN^\x1fw]uu\x8d\xe5;\xb9-0\x0c#&lt;&lt;\xec\xf8\x91\x13\xe6A{\x8c1k\x1c\xb4\xd7J\x08\x00\x1eC\xfd\xa9\xa4\xa4\xa4]\xbbv\xf9\xe0\x81\xac\xad\xc9\xd9\xcb\xfd{\x0e\xd4TU\x07\xec\xd3W\x14\xa5\xa6\xaaz\xff\x9e\x03,\x90\xe6\x12]\xb3@\x9f}\xf6\x19e&amp;)\x0b\xd4\xef\xa6\xf8\xca\xca*\x11\x9a\xb9\xe6\xb8\xe6\x7f\xcc\xfa\x1fq\xf2?\x0c) \x8f\xa3\xc2\x0f/\t\xd8\xce\xaf\xc759{\xf9\xf5\xa1\xa3\'\x8e\xe6\x05\xe6\xec\xe5\x85\xb9\xc4\xa3y_\x1f:\x1ahs\x89\xc8\x025G\xf0\xfc\x0fC\x00\xf08*[\xf4\x12k\xa7\xfe]59{\xa99\x9d\xbb\xb2\xf6\x04\xe6\xece}_r\x8f\x16xs\x89f\x16\x88\n\x88)\x9a\x1e=|\xfc\xc4\xd1\xbc\xb0\xf0\xe0;k\xc1S\x0c\xc3\x08\x0b\x0f;q4\xcf\xcc\xff\xe8\xba.T\xfe\x87!\x00@\xc0\n\xae~k \xf7%\x9b\xab\x05\xda\xf9\xd1\xae\x90\xd0\x10\xbf_\x9e\xbf\x18\x86\x11\x12\x1a\xb2\xf3\xa3]b\xd6\xff\x10!\x9e$\x04\xa3\xe6\xfb\xad\x01W\xc3^\x9f\xff9\x19\xb0}\xc9&amp;\xa3\xe9\'\xbb\xf6;\xeb\xea\x02\xe1\xf2\xfcB\x96eg]\xdd\'\xbb\xf6\xb3\xc0\x8b\xd9&gt;#\xe8k\x0f\x81\xaf\xb9~k\x00\xd6\xb0\x1b\x01_KN\xd70j\xd4(3\x9a2\xc6\x8e}}\xe2\x87\xef~\x0c\t\xf1\xcc\xd1u\xc1\x85s\x1e\x12\x12\xf2\xc3w?\x1e\xfb\xfa\x04\xab?\x80\xc8n\xb7\x8f\x1a5\x8a\x05F\xcc\xf6\rQ\x9e\'\x04\xa3`\xc9\x02\x05r\xfe\x87PL\xea\xde\xbd{\xf7\xee\xdd\xe9\n\x15EqT8\xf6\xed\xf4\xd8\xd1u\xc1E\xa7\x83\xf6vf;*\x1cT\x19\xe5z\x7f\x10\x00\x00\xfc/(f/\x83e.\xb1\xc9\xab\xf2\xe0\xd1u\xc1\xa5\xc9\x83\xf6\xccw\x9a_/\xcd\xa7\x84{\xe1!\x88\x04\xc5\xece\xb0\xcc%z\xf5\xe8\xba\xe0"\xd4A{-\x0b\x94w\'@\x93\x9a\x9b\xbd\xac=_k\x18\x86\x16\x00\x0c\xc3\xa8=_\x1b\xf8s\x89-\x1d]\'X\x16\xe8B\xfeG\x98\x83\xf6Z\x80\x95\xc0\x10\xd0\xcc\xd9K\xd7\x9d\x0c\x8e}}\xa2\xf8\\q\x8f\xee\xdd\xcf;\xcfK~\xedbs\xc3\x08\xb5\x85\x9e\xfe\xf6\xdbc_\x9fp\xddK 0\xe7\x12\xf5\xfa\xa3\xeb\x96-[F#\x15\xc6\xd8\xb6\xcd\xdb\'&lt;\xf8{\xa1\xb2@\x8d\xf3?\x86a\xd0A{\x9a\xa6\xa9\xaa@\xad\xa2$\xd4\xd0\x0f\x82\x11\xe7\xdc\xe9t\xdep\xc3\r\'O\x9e\xa4f\x8bs~G\xda\xed={]}\xbe\xa6\xd6\xbf\x8d\xaca\x18\xa1a!\xf9\'O}\xb0a\x8byhO\xaf^\xbd\x0e\x1f&gt;l\xb3\xd9\x02-\x99@\xc7H\xe4\xe4\xe4\xd0\xfad\xba\x93\x11\x91\x11\xdb?\xdb\xd2\xf5\xb2\xaeuuu\x81v\xc1\xde\xc09\xb7\xdb\xedg\xfe{f\xc4oo\xaf\xaa\xac\xa2W\x8d1v\xe0\xc0\x81\x01\x03\x06X\xf8\xa4\x8d&amp;\t\x14\xeb H\x99\xb3\x97\xd4o\xd54\x8d1\xf6\xc1\x86-\xfe\xbe\xae\x86({`\x18\x06\xcd%\x06`_\xb2\xf1\xd1u\xb2,S\x16\xe8\xfe\x87\'\xd4\xd4\xd4\x04\xda\x05{C\x83\xfc\x0f\xed\xddb\xf9\x83\xf6\x9a#\xd0\xb8\x0f\x82T\x93Yu:#!@\x98\xadF\xe0\xcf%\x9aY &amp;j-P\x93\xf5?\x94\xff\x11j"\x84\x08\xf1\x92CP3\xfb\xad={\xf6\x94e\xd9n\xb7\xab\xaa\x1aP\xcd+\x1d\x01d\xb7\xdbeY\xee\xd9\xb3g \xf7%\xcdhj\xeeX\xc7\x18\xfb\xe2\xd3\x83\xa7\xbf\xf9.4\xcc\xfa\xb5@\x9c\xf3\xd0\xb0\x90\xd3\xdf|\xe7Z\xff#IR \xc7l\xaf\xb2\xfe\x88\x0f,\x80\xfa\xad#G\x8e\\\xb9r\xa5\xbf\xaf\xe5W\x8c\x1c920\xf3?\xc4\x8c\xa6\xbdz\xf5:q\xe2\x84\x99\x05:\x9c\xfb\xf55\xd7\xf68_s&gt;0\xe3\x96\xa7\xd0\xa6\x1d\x87s\xbfv\xcd\xff\\w\xddu\x81\x1c\xb3\xbd*\x10\xdf\xa3\x00\r\xd08\xfd\xd1G\x1f\x8d\x8e\x8e6\x8bA\x03\r]\xd8\x84\t\x13X\xe0\xd5\xff\xb8\xa2h\x9a\x9a\x9aJ\x01\x80\xbe\xb9k\xdb\xee\xb1\xf7\xdc\xe9\xd7\xeb\xf2\x15I\xda\xb5m7c\xcc\x9c\xb4OMM\r\xe4\x98\xedU\x01\xfaY\x02\x00/\xa1B\x97-[\xb6\x8c\x1a5\xca\xac\xaa\xea\xd8\xb9\xe3\xc7\x9f\x7f\x18\x19\x15\xa9i\x9aU3!\x9csUU+\x1d\x95\xc3n\xbe\xad\xa8\xb0\xc8\x0c\x00\x9b7o\xbe\xfd\xf6\xdbE\xab\xff!\xc2E&lt;\x08^t`\x93\xbf\xaf\xe2W\xd0\xc2"\x7f_EK\xa8\xd7?d\xc8\x90.]\xba\x14\x14\x14\xd0\t\x16E\x85E9\xd9_\x8c\xba\xeb\xb6\xb2\xd2r\xab\xb6\x83\x86a\x84G\x84\xed\xdc\xb6\xbb\xa8\xb0\x88"\x9fa\x18]\xbat\x192d\x08\x0b\xecA\x9b\xf7 \x00@\xd0\xa0\xb9V\x7f_E\xd0\x93$\x89N\xabOMM}\xf3\xcd7\xa9\xb97\x0c#k\xf3\xf6;\xd2n\xf7\xf7\xd5y\x97$\xcbY\x9b\xb7\xb3\xfa\xe6^\xd3\xb4\xd4\xd4\xd4\xa8\xa8(1\xbb\xff\x0cU@\x00\xc2JKKc\xf5;!3\xc6\xf6\xed\xca&gt;\xfb\xf3Y\xbb\xddn\xc9\xb40\xad\xff:\xfb\xf3\xd9}\xbb\xb2\x19c\xe6\x9e\xd8t\x13\x84\x85\x00\x00 \x1c\xea\xff&amp;%%u\xe9\xd2\x85\xdaAY\x96\xcf\x15\x16\xe5d\x7f\x11\x1e\x11(\xdb\xacz\x16\xe5\x7fr\xb2\xbf8WXDO\x9f\xf2?IIIL\xd4\xfc\x0fC\x00\x00\x10\x10e\x81\xa2\xa3\xa3SSS\x19c\xb4\x89)c,k\xf3v\xff\xee\xad\xe4U\xae\xf9\x1fJ\xf8\xa4\xa6\xa6FGG\xeb\xba\x1e\xe0\xd36\xdec\xd9\x17\x1b\x00~\x95 Y \xe4\x7f\x9a\x83\x00\x00 \xa2\xe6\xb2@\x9fY1\x0bD\xf9\x9f\xcf\x90\xffiD\xdcg\x0e 23\x0b\x94\x92\x92\xc2\\\xb2@;\xb6\xec\x90d\x89\x1b\xdcR\x0c.\xc9\xd2\x8e-;\x98K\xfe\'%%E\xf0\xfc\x0fC\x19(\x80\xe0\xd2\xd3\xd3\xd7\xad[gv\xf9\x0f~\xfeUeEeXx\x98\xc1\r\x89Y\xa1e\xe4\x8c\xdb\xed\xf6\xca\x8a\xca\x83\x9f\x7f\xc5\x18\xa3g*IRzz\xba\xbf/\xcd\xff\x10\x00\x00\x04E]\xfe\x81\x03\x07\xc6\xc4\xc4\x94\x96\x96\xd2\xca\xd8\xefO\xff\x90\xbd\xe7\xd3\x9b\x06\xf6\xaftT\xc9\x8a\x152\x04\x86nDFE|\xf1\xe9\xc1\xefO\xff@\xdbup\xce\xdb\xb7o?p\xe0@&amp;v\xfe\x87a+\x08\x00\x91\xd1^\x98\xb7\xdf~\xfb\x87\x1f~\xa8(\nM\x05\x87\x85\x85\xdaCB87\x98%F\x00\x8cqI\x92\xebjkkj\xce3\xc6\xe8i\xdev\xdbm[\xb6l\xe1\x9c\x0b\x1e\x000\x02\x00\x10\x97a\x18\xaa\xaa\xa6\xa7\xa7\x7f\xf8\xe1\x87\xe67kj\xceS[ia\xe9\xe9\xe94\x0b"x\x00\xc0\x08\x00@\\\x9csI\x92\n\n\nz\xf5\xea\xe5p8(Cb\xd5IQzj\x9c\xf3\xa8\xa8\xa8\x93\'Ov\xe9\xd2\xc5\xc2O\xb6\x950\x02\x00\x10\x17\xf5\x82\xbbt\xe9\x92\x98\x98\xf8\xd1G\x1fQw\xd0\xc2\x9dBzj\x89\x89\x89]\xbat\x11v\xff\x1fW\x08\x00\x00\xc0&amp;N\x9c\xf8\xd9g\x9f\xb9\x1e\xbaiI\xf4\x04\'N\x9c\xe8\xef\x0b\t\x14H\x01\x01\x00c\x8c\x95\x96\x96\xfa\xfb\x12|\xa4}\xfb\xf6\xfe\xbe\x84@\x81\x00\x00\x00 (\xa4\x80\x00\x801K\xa7\xfe\x1b\x10|\xe2\xd7\x15F\x00\x00\x00\x82\x12\xba\x06\x16\x00@d\x08\x00\x00\x00\x82B\x00\x00\x00\x10\x14\x02\x00\x00\x80\xa0\x10\x00\x00\x00\x04\x85\x00\x00\x00 (\x04\x00\x00\x00A!\x00\x00\x00\x08\n\x01\x00\x00@P\x08\x00\x00\x00\x82B\x00\x00\x00\x10\x14\x02\x00\x00\x80\xa0\x10\x00\x00\x00\x04\x85\x00\x00\x00 (\x04\x00\x00\x00A!\x00\x00\x00\x08\n\x01\x00\x00@P\x08\x00\x00\x00\x82B\x00\x00\x00\x10\x14\x02\x00\x00\x80\xa0T\x7f_\x00\x00\xf8\x0e\xe7\xdc0\x0c\x7f_E\x80\x92eY\x92$\x7f_\x85OI\x9cs\x7f_\x03\x00\x00\xf8\x01F\x00\x00B\xe0\x9cK\x92TZZz\xe8\xd0!\x7f_K\x80\x8a\x8f\x8fo\xdf\xbe=\xdd(\x7f_\x8b\x8f \x00\x00\x08\xc10\x0cEQ\x0e\x1e&lt;8|\xf8p\x7f_K\x80\xda\xb1c\xc7\xb0a\xc3\xe8F\xf9\xfbZ|\x04\x01\x00@ \xaa\xaa\xca\xb2,\xcb2f\x02\\\xd1\rQU\xe1\xdaC\xe1\x9e0\x80\xc8\xccI`\xfaS\x92$Y\x16\xb7\x14\xd00\x0cs\x12\xd4\xf5\xef\xe2@\x00\x00\x10\x17\xe7\\\xd7u\x7f_\x05\xf8\r\x02\x00\x80\x88$I\xe2\x9cG\xb7\x8b\x8e\x8b\xef\xadk\x860\xb3\x9e\x17p\xce\x14U&gt;r\xe8XEy\x858S\xbe\x8d!\x00\x00\x88H\x96e]\xd7\xfb\xc6\xf7\xfe`\xcf\xbb\x95\x8eJY\x11+\x11d\xe8FdT\xe4\x1d\xc9c\xb3\xf7~&amp;\xcb\xb2\x80\xc9\x1f\x82\x00\x00 .M\xd3+++++\xabD\x9b\t0\x0c\x83IL\xd3DO\x7f!\x00\x00\x88\x8b&amp;\x81\x89\xbf\xaf\xc5\xd7\x04\\\xf7\xdb\x98p\xaf:\x00\x00\x10\x04\x00\x00\x00A!\x00\x00\x00\x08\n\x01\x00\x00@P\x98\x04\x86\xc0e\x8d\xed\n\x04\x9c_\x85`\x81\x00\x00\x81\x0bM\'\x80W!\x00@ \xa2-yg\xcd\x9a\xf5\xd5W_)\x8a\x12\x8c\xdb\x15\xd0e\xf7\xeb\xd7o\xc5\x8a\x15B\xed0\x0cA\x04\x01\x00\x02\x11\xb5\x98\xd9\xd9\xd9999\xfe\xbe\x16\xb7TWW\xb3\xfa\xa7\xe3\xefk\x01h\x08\x01\x00\x02Wdd\xa4\xa2(A=\x02\x88\x8c\x8c\xf4\xf7\x85\x004\x0b\x01\x00\x02\x97a\x18\xd4\xf4\xd3\x9f\xb2,1\x16\xf8\xfdhn\x18\x176\x96\xd1u\xdd\x1a\xf3\xd8`U\x08\x00\x104\x0c\x833&amp;\xe8\xa6]\x00\xde\x80\x00\x00A\x80\xf6.\x9e\xb3\xf8\x89\x84\x01\xf1U\x95\xd5\x81Y\x1dd\x18FDdxn\xce\xa1\xe7\x16.C\xc6\x1f\x82\x02\x02\x00\x04\x01\n\x00\t7\xc7\xa7\xa4\x0c/\xaf,W\xd4@&lt;\xb2U\xd7\xf4v\x91\xedh\x88\x82\x00\x00A\x01\x01\x00\x82FUUuyUyy\xb9C\t\xc8\xcd\xebu\xdd`\x12\xab\xaa\xaa\xf6\xf7\x85\x00\xb4\x16\x02\x00\x04\rY\x96\x15EQ\x14YQ\x02q\x04\xc0\x18S\x14%0\xd3S\x00M\xc2\x9b\x15\x00@P\x08\x00\x00\x00\x82B\x00\x00\x00\x10\x14\xe6\x00&lt;\x83s\xee\xcb%?8\xcd\x0e\x00\xdc\x87\x00\xe0\x19\x92$\x05\xec\xcc$\x00@\x93\x10\x00\xdcE\xfb|\x95\x96\x96\x1e:t\xc8g\x0f\x1a\x1f\x1f\xdf\xbe}{l1\x06\x00\xee@\x00p\x97a\x18\x8a\xa2\x1c&lt;xp\xf8\xf0\xe1&gt;{\xd0\x1d;v\x0c\x1b6\x8c\x1e\xdag\x0f\n\x00\x16\x83\x00\xe0\x19\xaa\xaa\xca\xb2,\xcb\xb2\xb7g\x02\xe8!T\x15/\x1c\x00\xb8\x0b\xed\x88g\x98\x93\xc0\xf4\xa7$I\x9e]\x10d\x18\x06\xe7\xbc\xf1\xdf\x01\x00\xda\x0c\x01\xc0+8\xe7\xc1\xb8\x85=\x00\x08\x05\x01\xc0\xc3h\xdb\xb2\xe8v\xd1q\xf1\xbdu\xcdp\x7f\x8e\x96s\xa6\xa8\xf2\x91C\xc7*\xca+0\xe5\x0b\x00\x1e\x84\x00\xe0a\xb2,\xeb\xba\xde7\xbe\xf7\x07{\xde\xadtT\xcano[f\xe8FdT\xe4\x1d\xc9c\xb3\xf7~&amp;\xcb2\x92?\x00\xe0)\x08\x00^\xa1izeeeee\x95\xfb3\x01\x86a0\x89i\x1a\x12J\x00\xe0a\x08\x00^A\x93\xc0\xc4\xfd\xdf\x86u\xbf\x00\xe0\r\xd8\x0b\x08\x00@P\x08\x00\x00\x00\x82B\x00\x00\x00\x10\x14\x02\x00\x00\x80\xa0\x10\x00\x00\x00\x04\x85\x00\x00\x00 (\x04\x00\x00\x00A!\x00\x00\x00\x08\n\x01\x00\x00@P\x08\x00\x00\x00\x82B\x00\x00\x00\x10\x14\x02\x00\x00\x80\xa0\x10\x00\x00\x00\x04\x85\x00\x00\x00 (\x04\x00\x00\x00A!\x00\x00\x00\x08\n\x01\x00\x00@P\x08\x00\x00\x00\x82B\x00\x00\x00\x10\x14\x02\x00\x00\x80\xa0\x10\x00\x00\x00\x04\xa5\xfa\xfb\x02\xac\x89sn\x18\x86a\x18\xee\xff*\xfa=\x9cs\xf7\x7f\x15\x00\x80+\x04\x00\xafPU%22\x92q&amp;+\xee\x8e\xb1\x0c\xdd\x88\x8c\x8cTU\xc5#\x17\x06\x00`B\x00\xf00\xea\xf5\x7f}\xe8\xd8\xa8\xe4\xb1\xbafH\x92\xbb\xbf\x90s\xa6\xa8\xf2\x91C\xc7\xe8\x97K\xee\xffF\x00\x00\xc6\x18\x02\x80\xc7Q\xae\xa6\xa2\xbc\xe2\xc0\xde\xcf\xbc\xf1\xcb\x11\x00\x00\xc0S\x10\x00\xbcB\x92$Y\xf6\xe4\x04;\xa6\x01\x00\xc0\xe3\x10\x00&lt;\x83Z|\xd7F\xdf\xb3\xed\xb5$I\xd4\xf7\xa7\x87\xc08\x00\x00\xdc\x87\x00\xe0\x19\x9a\xa6y\xaa\xec\xa7e\xf4\x10\x9a\xa6y\xfb\x81\x00\xc0\xf2\x10\x00\xdcE]\xf2\xfe\xfd\xfb\xef\xda\xb5\xcbg\x0f\x1a\x1f\x1fo&gt;4\x00@\xdb \x00\xb8\x8b\xb21\xed\xdb\xb7\x1f:t\xa8_\x1e\x1a\x00\xa0m\x10\x00&lt;\x83V~\xf9\xec\xe1dYF\xeb\x0f\x00nB\x00\xf0\x0cI\x92\x14\x05k\xb5\x00 \x98 \x89\x0c\x00 (\x04\x00\x00\x00A!\x00\x00\x00\x08\ns\x00\x104\x0c\xc3\xd0u]\xd7}7\xd9~Qt\xdd\xd0u\xdd\x97\xb5\x00\x00nB\x00\x80\xa0\x11\x11\x11\xde.\xa2\x1d\xe3L\t\xc8\xbdQuMo\x17\xd1.""\xdc\xdf\x17\x02\xd0Z\x08\x00\x10\x04h_\x8d\xdc\xcf\x0f1\x89UUV\x07\xe6\n8\xc30""\xc3s??\xc4\xb0m\x1f\x04\t\x04\x00\x08\x02\x14\x00\x9e[\xb8\xcc\xdf\x17\xd2Z\xd8\xb9\x0f\x82\x02\x02\x00\x04\rY\x96\x18\x0b\xfcn57\x0c\xb4\xfe\x10\x1c\x10\x00 p\xc9\xb2\xac(J\xb0\xad\xb0\x93\xe8z\xe9\xb2\x033[\x05@\x10\x00 pUVV\xea\xba\xae\xeb\xba\xbf/\xa4-\xe8\xb2+++\xfd}!\x00\xcdB\x00\x80@D3\xa8\x89\x89\x89\xe1\xe1\xe1\x8a\xa2\x04c\x0c\xa0\xcb\xee\xd7\xaf\x1f\xc3\xb6}\x10\xa8\x10\x00 \x10Q\x8b\xb9b\xc5\n\x7f_\x88g \x00@`B\x00\x80\xc0e\x8dEU\x98\x06\x80\x80\x85\x00\x00\x81\x0bM\'\x80W\xe1\x03\x06\x00 (\x04\x00\x00\x00A!\x00\x00\x00\x08\n\x01\x00\x00@P\x98\x04\x06\x10\x17\x9dem\x8dj\xab\x8bB\xcf\x1</t>
        </is>
      </c>
    </row>
    <row r="347">
      <c r="A347" s="1" t="n">
        <v>345</v>
      </c>
      <c r="B347" t="inlineStr">
        <is>
          <t>triangle</t>
        </is>
      </c>
      <c r="C347" t="inlineStr">
        <is>
          <t>What is the missing number of the part denoted with a question mark?</t>
        </is>
      </c>
      <c r="D347" t="inlineStr">
        <is>
          <t>['7', '5', '0', '3']</t>
        </is>
      </c>
      <c r="E347" t="inlineStr">
        <is>
          <t>7</t>
        </is>
      </c>
      <c r="F347" t="inlineStr">
        <is>
          <t>There are three groups of numbers with a triangle arrangement in the image. The first group is [4, 2, 8], the second group is [9, 5, 45], and the third group is [6, '?', 42].</t>
        </is>
      </c>
      <c r="G347" t="inlineStr">
        <is>
          <t>We observe that the number 8 is the product of 2 and 4. Similarly, the number 45 is the product of 5 and 9. Hence, the pattern is that the rightmost number in each group is the product of the other two numbers.</t>
        </is>
      </c>
      <c r="H347" t="inlineStr">
        <is>
          <t>Based on the pattern that the rightmost number in each group is the product of the other two numbers, the missing number of the group [6, '?', 42] should be 7.</t>
        </is>
      </c>
      <c r="I347" t="inlineStr">
        <is>
          <t>b'\x89PNG\r\n\x1a\n\x00\x00\x00\rIHDR\x00\x00\x02\x00\x00\x00\x02\x00\x08\x02\x00\x00\x00{\x1aC\xad\x00\x00\xbagIDATx\x9c\xec\x9dwx\x14\xd5\xd7\xc7\xcf\x9d\x99\x9d-)\xbb\x9bF\x0f\x84\x12j(\x81\xd0C\xef6\x94\x0e\xa2t\x14, \x02\x82H\x13D\x10\x04\x05, M\x11\x90\xae\xa0\x10\xba\xd2\t\xa1%\xf4\xd0B\t\xe9\xdb\xeb\xcc\xbd\xef\x1f\x17\xf6\xcd\x0f,d\x13\xc2\x86\xdc\xcf\xe3\xe3Cfgg\xef\x969\xdfs\xcf=\xf7\x1cD\x08\x01\x06\x83\xc1`\x14?\xb8g=\x00\x06\x83\xc1`&lt;\x1b\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98\x000\x18\x0cF1\x85\t\x00\x83\xc1`\x14S\x84g=\x00\xc6S\x87\x10B\xffO\xff\xe1\x01=\xe4\x19\x8d\x8b\xc1`&lt;c\xd0#F\x81\xf1|@\x08\xc1\x18\x13B\x10B&lt;\xcf?\xe1\x99\x1c\xc71=`0\x8a\x0fL\x00\x9e+\x08!\xb2,s\x1c\xc7q\xff\x1f\xdc\x93e\xd9l6\xdf\xbf\x7f?55\x15\x00\x01&lt;\xf8\xc6+W\xae\x1c\x10\x10\xa0\xd3\xe9r_A\x96e\x00`J\xc0`\x14\x07\x98\x00&lt;\'`\x8c1\xc6\x82\xf0 \xa6\x97\x9d\x9d}\xe6\xcc\x99\x83\x07\x0f\x1e;v\xec\xce\x9d;\xf7\xd3\xd2L&amp;\x93\xcb\xe9\xcc\xfd\x94\x80\xc0@\x95RY\xa9R\xa5\xb2e\xcb6o\xde\xbci\xd3\xa65k\xd6\xd4h4\xf4QI\x92x\x9eg2\xc0`&lt;\xc70\x01(\xf2\xd0\x18\x0e\x8d\xf3\x98\xcd\xe6\xad[\xb7n\xda\xbc\xf9\xe8\x91\xa3\xe9\xe9iy\xbdTDDD\xeb\xd6\xad{\xf7\xee\xdd\xa6M\x1bzA:\x9f`2\xc0`&lt;\x970\x01(\xc2\xe46\xfdIII\xabV\xadZ\xbfaC\xca\xad[\x9e\x13\x02\x02\x03+V\xa9^\xa2t\x99\xcaUk\xfa\xf9\xf9W\xadU\x07\xcb\x12]\xfd\x95\xdc\xee\x0b\x89\xa7\x1cv\xfb\xe5\xf3g\xef\xdf\xbb{\xeb\xfaUg\xae\xf9A\xdd\xbau\xfb\xf5\xeb\xd7\xbf\x7f\xff\x12%J\x00\x80,\xcb\xff\xbe\x90\xc0`0\x8a"L\x00\x8a*\x18c\x1a\xe8\xbf{\xf7\xee\xe4\xc9\x93\xd7\xae]k\xb7\xdb\xe9C\xa5\xcb\x867\x8em\xd3\xb2}\xa7j\xb5\xea\x95)WA\xa9\x12\x05\x010\x01Y\xfa\x9f+\x08\n\x00\x02\x92\x04V\x8b9\xe5Fr\xe2\xe9\x84\xfdq\xdbN\x1e=h4\xe4\xd0\x13J\x96,5r\xe4\x88q\xe3\xc6\x89\xa2\x881f)C\x0c\xc6s\x06\x13\x80"\x89$I\x82 \xb8\xdd\xee\xef\xbe\xfb\xee\xb3\xcf&gt;\xbb\x7f\xff&gt;\x00\x88\xa2\x18\xd3\xace\x9f\x01o\xd5o\xdc&lt;\xacd\x18\xc6\xe0t\xba\\N\xe7\x83$\x1f\x80\xdc\xe6\x9b\x00x\x0er\xbc\xa0T*\x95*A\x92\xe0\xce\xadk\x87\xf6\xedZ\xb7\xf2\xfb\x8bIg\xe9\x99QQQ\xb3g\xcf\xee\xdc\xb93\xb0\xa9\x00\x83\xf1|\xc1\x04\xa0\xe8A\xad\xff\xd5\xabW\x07\x0e\x1cx\xf8\xf0az\xb0\xcb\xab\xbd\x86\xbd?\xaej\x8d\xda\x82B\xb0Ymn\xb7\x0b\xe0\xc9\xd3:\t\xc6\x84\x10\x8c\x00\x89*\x95F\xa34\x9bm\tG\xff\xfa\xfa\xf3\xa9g\x13\x8e\xd33\x86\x0c\x19\xf2\xe5\x97_\x06\x04\x04\xd0W\x7fjo\x8e\xc1`\x14\x1eL\x00\x8a\x12t3\x17\xc7q\xeb\xd7\xaf\x1f9rdff&amp;\x00\xd4\x8en\xf8\xfe\x84i\xcdZw$\x84\xd8\xac\x16z\x82\xd7\xb1\x1aB\x08\xc62\xc7\xf1\x01\x81\x01V\x8be\xdb\xc6\xb5\x0bgOM\xbf\x7f\x0f\x00\xa2\xa3\xa3\x7f\xf8\xe1\x87z\xf5\xea1\r`0\x9e\x0f\x98\x00\x14\x19&lt;\xd6\x7f\xda\xb4iS\xa7N\xa5\x07\xdf\xfe\xe0\xe3\xb7&gt;\xf8X\xe3\xa76\x1a\x8ct\'WA\xbd\x1c\x8d\xf6hu\xfe\xb7o\xde\x9a\xf9\xf1\x07\xbb\xb6m\x06\x80\xa0\xa0\xa0o\xbf\xfd\xb6g\xcf\x9eL\x03\x18\x8c\xe7\x00&amp;\x00E\x03O\xc2\xcf\xb0a\xc3\x96.]\n\x00\xa1%J\xce\x98\xbf\xb4\xc3K/\x1ar,O/4/In\xb5\xdaO\x14\x15?,\x9c;\xff\xb3In\x97\x0b\x00\x96,Y2t\xe8P\xa6\x01\x0cFQ\x87\t@\x11\x80\xee\xef\x15\x04\xc1c\xfdk\xd4\x8e\xfe\xf6\xe7-\xa5\xcb\x86\x1br\x0cO{\xbb\x16\xc6\x18\x00\x82\x82\x03\x0f\xed?0\xf2\x8d\xd7L\x86\x1c`\x1a\xc0`&lt;\x170\x01(\x02P;\xfb\xd6[o}\xff\xfd\xf7\x00P\xa3v\xf4\xf2\x8d;\xb4\xba \x8b\xc5,\x08\x8a\xc2\x19\x83\xdb\xed\x0e\t\xd5\x9f8|xX\xef\x17MF\x03\x00\xac\\\xb9\xf2\xcd7\xdfd\x1a\xc0`\x14]\x98\x00\xf8:\xd4\xc2.Y\xb2d\xf8\xf0\xe1\xf0\xd0\xfa\x07huv\xab\x8d/\\\xcb+\xb9\xdd\xfa\x10\xfd\xc9#\x0f4\xc0\xcf\xcf\xef\xc0\x81\x03\r\x1a4\xf0\xecH`0\x18E\x0b&amp;\x00&gt;\r\xb5\xad\xc7\x8f\x1fo\xda\xb4)\xc6\xb8J\xb5\x9a?\xfd\xb6/@\xab\xb3\xdb\xec\xcf$\x1f_r\xbb\x83B\xf4\'\x0e\x1f\x1e\xdc\xa3\xa3\xcdj\x8d\x88\xa8\x98\x90p\x92\x96\x93c{\xc4\x18\x8c"\x07s\xdc|\x17\xaa\xcdYYY}\xfb\xf6%\x84h4~\x9f/^\x19\x14\x12b\xb3\xda\x9e\xd5n,A\xa1\xc8\xca\xcci\xd2\xb2\xd9\xb8\xa9_\x00\xc0\x8d\x1b\xd7\x87\r\x1bF\x17\xa8\x9f\xc9x\x18\x0cF~`\x02\xe0\xbbP\xf7\x7f\xcc\x981\xd7\xaf_\'\x84\x8c\x9d\xf6Et\xc3\x06\x86\x1c\xe3\xb3\x8d\xb9+\x14\x8a\xcc4C\xffao\xbf\xdc\xe3u\x00\xd8\xb8q\xe3O?\xfd\xc4\xf3&lt;\xad#\xcd`0\x8a\x10,\x04\xe4\xa3\xd0\xcc\xce\x83\x07\x0f\xb6n\xddZ\x96\xe5\x0e/\xbe\xf6\xdd\x9aM\xd9\x99\x86B\x8e\xfb\xff-\x84\x10\x9e\xe7\xdd.\xd7km\xea\xdfI\xb9\x19\x16\x16v\xe1\xc2\x05\xadV\xcb\x8a\x051\x18E\x0b6\x03\xf0Eh\x7f.\xa7\xd39z\xf4hY\x96uA\xc1\x13g\xce\xb7Z\x1d\xc87\xd6Z\x11Bn\x97K\xab\xd7}4c&gt;\xc6\xf8\xfe\xfd\xfb\x93\'O\xe68\x8e\x05\x82\x18\x8c\xa2\x85O\x18\x14\xc6#\xd0\xe0\xcf\xbau\xeb\x12\x12\x12\x00\xa0\xdf\xe0\x91\xe5+\x86;\xec\x8e\x82M\xb6!\x0f\xf1\xf4\x08{rxA0\x19Lm;\xbf\xd8\xa4E[\x00\xf8\xfe\xfb\xef/]\xba\xc44\x80\xc1(Z\xb0\x10\x90/Bw~\xd5\xa9S\xe7\xd2\xa5K\x11U\xaan\xdc}\x02\x10\x00&amp;Pp\x01\x16B\x88B\xa1 \x00\xe8a7\xb1\xbc^\x01c\xac\xd1h._H\xea\xd3\xa5\xb9\xddf\x1d2d\xc8\xd2\xa5KY\xb9P\x06\xa3\x08\xc1f\x00&gt;\x87,\xcb\x08\xa1\x83\x07\x0f^\xbat\tc\xfcJ\x8f\xfe:\xbd\xbf\xe4\x96\n\xd0\xfa\x03!\x82B\x91\x93\x95i\xc8\xca\xcc\xc9\xca\xb4\xdbm^\xc4\xee9\x8e\xb3Z\xad\xb5\xea\xd6\x8di\x1a\x0b\x00\xbf\xfd\xf6[ff&amp;\xc7q\xcc\xa5`0\x8a\nL\x00|\x94\x1f~\xf8\x01c\x1c\x1c\x1a\xf6R\xf7~\x16\xb3\xa3\x00\xddjI\x92\x02\xf5\x01?~\xff\xd5\x0b\xcdj\xbd\xda\xa6\xfe\x0b\xcd\xa3~Y\xb9$@\xab\x91%\xe9\xbf\x9f\xfc\xbf \x00,\xe3\xbe\x83Fr\x1c\x9f\x9e\x9e\xbee\xcb\x16\x84\x10K\x07b0\x8a\nL\x00|\x0b\x9a`\x93\x9a\x9a\xba}\xfbv\x00h\xde\xbac\xf9\x8a\xe1\x0e\x87\xa3\xa0\xb2kdY\x0e\x08\x0cH8v\xfc\xabY\x93\xcd&amp;cvf\x86\xd9h\xf0n\x06\x00\x00\x1c\xcf[\xad\xf6&amp;\xb1m*T\xaa\x8c\x10Z\xbe|9\xdb\x15\xcc`\x14!\xd8\xbd\xea[P\xf7y\xd7\xae]&amp;\x93\t\x00\xdav~Y\x96IAY\x7fB\x88 \xf0\x0e\xbb\xfd\x93\xd1\xc3\xdc.\x17\xc7\xf3\xbc  \x848\xce\xfb\xe9\x85$\xb9\x03\xb4\x9a\xd8\xb6\x9d\t!g\xce\x9cINNfK\xc1\x0cFQ\x81\t\x80oAm\xfd\x9f\x7f\xfe\t\x00%K\x97m\xd0\xa4\x85\xddV`\xc9?\xb2,\x07\xea\xfc\xbf\x9c1\xe9\xf2\xf9s\x1c\xc7A&gt;\xb2\x80&lt;p\x08\xb9\xdd\xb8m\xa7\x97y\x9ew8\x1cG\x8e\x1c\x85\x87\x05D\x19\x0c\x86\x8f\xc3\x04\xc0\xb7\xe08\xce\xedv\x1f?~\x1c\x00j\xd6\xa9\x1fZ"\xcc\xe5r\x15\xc8\x0c@\x96$\x9d^\xb7\xe7\xf7?~Z\xf25\xe2\xb8z1M#k\xd4\xf6"\xee\xff\x08\x88\xe3\x1cvG\xd5\x9a\xb5\xc3J\x95\x06\x80\xbf\xfe\xfa\x0bX] \x06\xa3\x88\xc0\x04\xc0\x87\xc0\x18#\x84\x92\x93\x93\xaf]\xbb\x0e\x00\r\x9a\xc4\xf2&lt;@A$\xd5\x10BD\xa523=}\xea\xd8\x11\x00@0\x1e\xfa\xfe\xb8\x02\xb92B\xc8\xedv\xeb\x83\x83\xa3\xea\xc6\x00\xc0\xb1cG\x1d\x8e\x02\xde\xaf\xc0`0\x9e\x12\xecF\xf5!h\x02\xe5\xcd\x9b7\x9dN\x07\x00T\x8a\xac.I\x05\xe3Mc\x8c5~\xea\x99\x13G\xdd\xbb}\x8b\x10\xd2\xb5\xf7\x9bM[\xb6\xa3\x9d~\xf3\x0f!D\xa1\x80\x8aU\xaa\x01@j\xea}\x93\xc9\x84\x10\xdb_\xc2`\x14\x01\x98\x00\xf8\x10\xd4h\x9e9s\x16\x00\x02\xb5\xdar\x15*\xba\x0b"\xfe#K\x92&gt;H\xbb\xf1\xe7U\xdb7\xadE\x08\x95*\x1b&gt;q\xc6\\\xb3\xc9\xe8\x96\xdc\x050h\x00\x0e!I\x82*\xd5k\x01\x80\xc9d\xbc|\xf92\xb0e\x00\x06\xa3(\xc0\x04\xc0\xe7\xb0Z\xad\x00\xc0\xf3\x82\xbf\x7f\x00\xc68\x9f\xfb\xbf0\xc6j\x8d\xe6F\xf2\xb5\xcf\'}@wiM\xfd\xe2\x9b\x90\x12!v\x9b\x8d\x14\x9c\x8d&amp;\x04\x02\xb5:\xfarv\xbb\xbd\xa0.\xcb`0\x9e*L\x00|\x08\x1a:OH8\t\x00\xe5*T\xd4\xea\x83%I\xca\xff\x0c\x80\x17\xf8\xc9c\xde6\xe4dc\x8c\xdf\x1c\xfe~\xbb./\x98\x0c\xd6\x87[v\x0b \xbeDk\xc3\x95\r\x8f\x08\x08\xd4\x02@|\xfcIx8\x9ba0\x18\xbe\x0c\x13\x00\x9f\xc3\xedv\x03\x80\x7f@\xa0R\xa5\xcag E\x92$}p\xe0\xf2E_\x1e9\xb0\x1b\x00\xaa\xd5\xaa\xf3\xc1\'3\x8d\x06s\x01\x97\xebA\x08c\x1c\x10\x18(\x8a"&lt;\x1c?\x83\xc1\xf0}\x98\x00\xf8\x1c\xd4\xe5\xc7\xb2\x9cO\'\x1ac9  \xe0L|\xc2\xd7\x9fO\xe18^T\xaa&gt;\x9d\xbfD\xa9R\xc9\xb2\\\x90e\x85&lt;/\xf7p\xc0,\x07\x94\xc1(*0\x01\xf09\xa8\x01\xcdg\x00\x85\x10\xc2q\xbc\xcb\xe5\xfcd\xf4p\x87\xc3\x8e\xb1\xfc\xee\xb8)\xf5\x1b74\x9b\n\xda\xfd\xf7\xbc\xe2\xc3\x7f0\x01`0\x8a\nL\x00|\x0eI\x92\x00@\x10\x04\x8e\xf3\xde\x92\xca\xb2\xac\xd5\xfb\x7f5k\xca\xf9\xb3\t\x00\xd0\xb8E\x9b\xa1\xef}h\xc82=\xa5v\x92\x84\x10A\x10\x10\xe2\xe0\xe1\xf8\x19\x0c\x86\xef\xc3\x04\xc0\x87\xa0!\x94\xe0\xe0`\x00HK\xbdg2\x1ay\x9e\xf7"\x10$K\xb2V\xa7=\xb0k\xf7\x8ao\xbe\xe48.P\xa7\x9f&gt;\xef;I\xc6Oia\x96\xb6\x16\xb8\x9fz\xd7f\xb3\xc0\xc3\xf13\x18\x0c\xdf\x87\t\x80\x0fA\rt\xcd\x9a\xb5\x00 3\xfd\xbe\xddj\xf1"\\C\x08Q\xaa\xc4\x9c\xec\xec)c\xde\xa2\x9d^&amp;|\xfae\xa5\xc8*v\x9b\x8d{J\xadZ\x08\xe1\x05!+3\xc3n\xb3\x01@\xed\xdaQ\xc0\x02A\x0cFQ\x80\t\x80\xcf\xa1\xd7\xeb\x00\xc0\xe5tff\xa4\xf1\x82\x90\xd7\x82\r\x84\x10Q)~&gt;i\xcc\xed\x9b\xd7\x01\xe0\x95^\xfd{\xbe1\xc0h0\x8b\xa2\xc8\xfd/\x9e\xa7 \x848\x0e\x1e9\x98\x87W\x04\xe08H\xbb{\x1b\x00DQ\xf4\xf7\xf7\x07&amp;\x00\x0cFQ\xe0\xa9D\x84\x19\xdeA\x8df\x9d:u\x00\xc0f\xb3\xde\xbd\x9dR\xabn\xb4\x9d\x90\'7\xa5\x18\xcb~\xfe\x01\xf1G\x0emY\xb7\x8a\xe3y,\xcbI\xa7O\xbe\x14\x1bM\xbb\x8c\xe5~!\xc9\xed\xb6\xdblt\xedv\xfd\x8fK\x0e\xec\xdaN+Q\xcf\x98\xbf\xa4F\x9d\xfav\x9b\xf5\xc9\xc5\x80\x10\xc2\xf3p\xf3\xda\x15\x00\x08\x08\x08\xacR\xa5\n0\x01`0\x8a\x02L\x00|\x08j4#""\x02\x02\x02\xcdf\xd3\x85\xb3\t]\xbav\xc5\x84\xe4\xc1-\'\xc0q\x9c\xc5l\xe2x\x9eC\x088\xee\xda\x95\x8b\xff\xf9\xa4\x8c\xb4\xfb\x19i\xf7\xe9\xbfmVK^\xe7\x01\x1c\xc79\x1c\xf2\x85\xc43\x00P\xb1b\x84\x9f\x9f\x1f!\x05\xd6\xc3\x80\xc1`&lt;=X\x08\xc8\x87\xa0\xbbs\xcb\x95+W\xbdzu\x008u\xe2\xb0\xcbE\xbc\x0b\xcb`Y\x96$\xc9\x8b}dy]&amp;&amp;\x84\x88\xa2\x98\x99v\xff\xf2\xf9s\x00\xd0\xbcys\x85B\xc1\xbaB2\x18E\x026\x03\xf0-dY\x16\x04\xa1I\x93&amp;\'N\x1c\xbf\x98x\xe6\xce\xad\x1b%K\x97u\xb9\x9cO\xe8P#\x8es\xd8\xed\xd5\xa3\xea.Y\xf7;\xa0\xbf7\xe7\x84\x10A!\x18\xb2\xb3?~\x7f\x88\xc3n\x07 \xaf\xf4\xec\xdf\xf3\xcd\x81f\x83\x85\xe3\xf9J\x91\xd5\x9d\xce&lt;t\xa0\xc4\x18\xab\xd4\xca3\'\x8f\xe5dg\x02@ll\x0b`\xf1\x1f\x06\xa3\x88\xc0\x04\xc0\xb7\xa0\xa6\xb3]\xbb\xb6_}\xb5\xc0h\xc89|`\xf7\xebC\x86;\xec6\xfe\xc9\xf2\xf7\x11B\x92$\xe9\x83\x82[u\xe8\xf2O\xe7\x10\x02\n\x11\xd2S3={\x02"*Wm\xdf\xa5uV\x86\xcc\x0b\xbc\xddn\xc7y,@\x848\xb4\xe7\xf7\xad\x84\x10\xadV\xdb\xa8QCxX\xd4\xe8\x99\xf0x\xaa+S#\x06\xe3\x9f`\x02\xe0[P\xd3\xd9\xb2e\xcb2e\xca\xde\xbbww\xdf\xce_\xfb\r\x1e\x9e\xa7\xca\rT\x03\xccF\xe3?\x9d@\x08\x11D\xd1b6zl\xa5\xd3\xe90\x1ae\xb3\xd1\xc0\x0b\x02\xe2\xb8\'\xb7\x984\xfe\x93\x95\x9eu\xf4\xd0&gt;\x84P\x8b\x16-J\x97.]\xc8}\xe11\xc6\xb4\xb1%B\x08!\xf4\xf8K{N\x00\x00\x8e\xe3\xe8i\x856&lt;\x06\xc3\x97ak\x00\xbe\x055\xdf\x01\x01\x01\xbd{\xf7"\x84\x9c8\xfc\xd7\xb9\x84\x04\x8dF\x93\xa7h&gt;B\x88\xe3\xf9\x7f\xf9\x8f\xe7y\x8e\xe3\xd1\xff\xc3\xf1\x0f\x1f\xca\x93q\xc4\xb2\xac\xf1S\xef\xfcmCz\xea=B\xc8\xb0a\xc3\xa0\xb0\xea\x80\xca\xb2,I\x12!\x84\xe3hs{\x81\xe7y\x8e\xe3\xecv{NN\x8e\xc1`0\x18\x0c999F\xa3\xd1s\x82 \x08T\x00dY\x96\xf3]j\x89\xc1x\x0e`3\x00\x9f\x83\xfa\xb0\x03\x07\x0e\xfc\xfa\xeb\x85v\x9bu\xeb/?No\xfc\x95\xd5\x92\x87\xbc\xcc\'Dr\xbb\t\xc1\x00\x80\xb1\x97k\xb6\x88\xe3$\to\\\xbd\x0c!T\xa9R\xa5\xb6m\xdbR\x8b\\\xa0\xc3\xfc\x1f\x08!t\x86\xe1\xd9"w\xfb\xf6\xed\x93\'O&amp;&amp;&amp;\x9e;w\xceh4^\xbbv\xcdl\xb6 \x04\x04\x00\x08\xf0\x02_\xa3zu\x95J\xd5\xa0A\x83\x8a\x15+5j\xd4\xb0J\x95*\x9e\xd8\x17\xcd\x8ee\r,\x19\xc5\x16&amp;\x00&gt;\x07\xc7q\x18\xe3\x9a5k\xc6\xc66\xdf\xbf\x7f\xff\xef[~\x19\xf0\xf6\xe8\xd0\x12%\xddnw\x01\xc6.\x10B\xba\xa0`\xab\xd5\n@\xd4j\x8d7\x05\'d9P\x1b\xb8\xe7\xf7\xdf.\x9c;M\x08\xe9\xdf\xbf\xbfZ\xad\x96$\xe9\xe9\x95\x1b\xc2\x18\xf3&lt;OM\xff\x91#G\xb6l\xd9r\xe8\xd0\xa1\x0b\x17.\x98L\xa6\x7fyb\xda\xfd\xfb\x00\xb0c\xc7\x0e\x00P*\x95U\xaaD\xc6\xc44x\xe5\x95W:u\xea\xa4T*\x81\xc9\x00\xa3\x18\xc3z\xb7\xfa"\xb2,\xf3&lt;\x7f\xe0\xc0\x81\xd6\xad[\x03\xc0\xcb=\xfa}\xb5|uf\x86\xa1\x00m+!\xc4b6\xd1m\xc6\xa2J\xa5R\xa9\xbd\xf8%p\x1c\xd7\xb5U\xbd\x1b\xc9WBBB\x92\x92\x92BCC\x9fR\x84\x9d~ \x00\x90\x96\x96\xf6\xdbo\xbf\xad\xfa\xf1\xc7\xc3\x87\x0e\xe5&gt;A\xa7\x0f\n+Y:\xb4D\xc9\x90\xb0R\xe1\x15"\xdcn\t\x00xA0\xe4d\xdd\xb8z\xd9b6\xddI\xb9\x91\x9d\x99\x91\xfb)5j\xd6\xec\xd9\xa3G\xaf^\xbd\xaaU\xab\x06\x00\x92$\xf1y\x8c\x801\x18E\x1d&amp;\x00&gt;\n5y={\xf6\xdc\xb0a\x83\xa8T\xae\xda\xb2/\xbaa#\xb3\xd9\x9b\xea@\xff\x04/\x08\xd4\xda\xd1\x92Ayz\xae\xe4v\x07\x87\xe9\xbf\x9f?o\xf6\xe4\x0f\x11Bs\xe7\xce\xfd\xe0\x83\x0f\xe8rk\xc1\x96\x9b\xa6\xeb\xb7\x1c\xc7\x19\x8d\xc6\xf9\xf3\xe7/Y\xb2$55\x95&gt;$*\x95\xb5\xea\xd6o\x1c\xdb\xa6n\x83&amp;\x91\xd5k\x05ju\xfe\x81\x81\x08\x81\xa0\x00B\xe0\xe1[\x03Y\x02\x87\xc3a4d\xdf\xbey\xfd\xdc\xa9\xe3\xf1G\xfe:y\xf4\xa0\xd1\x90C/\xa2\xd1hz\xf7\xee=~\xfc\xf8\xc8\xc8H\xfaQ\xb0\xa9\x00\xa3\xf8\xc0\x04\xc0G\xc1\x18#\x84n\xdc\xb8Q\xaf^=\x93\xc9T\xbdV\xdd\r\xbb\x8f\xb8\xddr\x01n\xb2\xf5|\xf5\x08A\x9ezCbYV\xfb\xf9\xddL\xbe\xda\xa3CC\xbb\xcd\x861\xaeV\xad\xda\xd8\xb1c\xdfx\xe3\rA\x10\xa8\x96\x14\x88\x19\xf58\xfe\xeb\xd6\xad\x9b6m\xda\xa5K\x97\xe8\xf1\xaa5\xa2^\xee\xd9\xafY\xab\x8eU\xaa\xd7PkD\xc9\rN\x87S\x96%Y\x92\xc8\xff\xaeB#\x04\x08!\x0eq\xbcB!\x8a\xa2(r\x92\x1bRn&amp;\x1f?\xf4\xe7\x1f[\x7f9\xbc\x7f7=M\x1f\x14\xf4\xc1\xe8\xd1\xe3\xc6\x8d\x13E\xd1\xf3\xa2\x0c\xc6s\x0f\x13\x00\xdf\x85Z\xa2Y\xb3fM\x9c8\x11\x00\xfa\x0e\x1a1\xf3\xab\xc5\x99\xe99\x82B\xf1\x0cGE\x08A\x00\x82B\xe8\xf3B\x8b\xa4\xd3\'=y5\x00\xd0\xa4I\x93i\xd3\xa6\xb5o\xdf\x1e\n"\xa2B\x97\x13\xee\xdd\xbb7d\xc8\x10\x1a\xc1\x07\x80&amp;-\xda\xf4\x1b\xf2N\xe3\xd86\xc1!Z\xbbMr8\xec\xb2,s\x08!\xda&lt;\xe1\x9f_\x8e\xce$\x08\xc6\x08!\xa5J\xa5\xf6S:\xed\xd2\xe9\xf8\xc3\x1b\x7f^\xb1u\xdd*z\x13\xd4\xaaU\xeb\xbb\xef\xbek\xd6\xac\x19U_\x16\x0eb&lt;\xf70\x01\xf0i\xe8\xfad\xa7N\x9dv\xef\xde\r\x00s\xbf[\xdd\xa3\x7f\xbf\xb4\xd4l\x85(&gt;\xab!I\x92\xbbDI\xfdG\xef\x8c\\\xb3\xfc\x1b\x00\xf8\xf4\xd3O\xbbt\xe9\xf2\xd1G\x1f\xd1\x11\x02@\xdf\xbe}\'L\x98P\xabV-xh\xc4\xf3\xfa\x12\x9e\xb0O\\\\\xdc\xa0\xc1\x83\xef\xdd\xbd\x0b\x00\x11\x95#\x07\xbf\xf3\xe1\xab}\xdeT*E\xb3\xc9*In\xef\xcb\x97\x12\x82e\x19q\x9c\xbf\x7f\x80\xa0@\x07v\xc7-\xfdj\xf6\xb1\x83\xfb\x01@T*g\x7f\xfe\xf9\xa8Q\xa3\x80\x85\x83\x18\xc5\x00&amp;\x00&gt;\r\xb5Aiii\xb5k\xd7IOO\xd3\xea\xf4\xdf\xaf\xdd\xd6\xa0i\xb3\x9c\xccg3\x0f\x90$)4L\xb7l\xf1\xa2\x19\x1f\xbdK\x08\xb4k\xd7n\xd7\xae]\xd4S^\xb7n\xdd\xacY\xb3\xce\x9d;\x07\x00\x1a\x8df\xcc\x981c\xc6\x8c\xd1j\xb5y]\x18\xf0X\xff\x05\x0b\x16\x8c\x1e=\x9a\x1e\xec;h\xc4\xa8\x89\xd3B\xc2Br\xb2M\x84`\x9e\xe7\xf3\x14\xb3\xfa\'0\x96\t&amp;\x81:\x9d,K?-Y\xf4\xf5\xe7S,f\x13\x00\x0c\x1a4h\xc1\x82\x05\x01\x01\x01L\x03\x18\xcf7L\x00|\x1d\x1a\x08:z\xf4h\xf3\xe6\xcd1\xc6\x81Z\xdd\x92u\xdb\x1b4m\x96\x9d\x99\xa3(L\r D\x92\xa4\xd0\x12\xfa\xe5\x8b\x17O\x1f\xff\x0e\x00DDD\xc4\xc7\xc7\x07\x05\x05\xd1\x80\t\xc7q.\x97k\xce\x9c9\xdf|\xf3\r]\xa7\xad^\xbd\xfa\xd8\xb1c\x07\x0e\x1c\x08O\x9cj\xe9\xc9\xf5\x1c6l\xd8\xd2\xa5K\x01@\xab\x0f\x9a&lt;\xfb\xeb\xd7\xfa\xf43\x19m.\x97\xebi\xe4\x98\xd2\xb1\x05\x87\x04&amp;\x1c\x8f\xff\xf8\xfd\xa1\x97\x92\xce\x02@\xc3\x86\rw\xee\xdc\xa9\xd7\xeb\x99\x060\x9ec\x98\x00\x14\x01\xa8\x06,]\xba\x94n\xb5\xa5\x1a\xd0(\xb6YFZ!i\x00\xc6\x18\x08\t-\xa1\xfda\xe1\x03\xeb\x1f\x14\x14\x14\x17\x17\xd7\xa0A\x03\x8f}\xf4\xac\x9d\xde\xbbw\xef\x93O&gt;Y\xb9r%]\rn\xdf\xbe\xfd\xf8\xf1\xe3\xdb\xb6m\x0b\xff\xb50\xe0\xf1\xfd=\xd6\xbfF\xed\xe8/\x97\xac\xaeR\xbdzv\x96\xe1i\xe7hJnw\x80Vk\xb5\x98\xa6\x8f{\xef\xd7\xf5?\x01@LLL\\\\\x1c\xd3\x00\xc6s\x0c\x13\x80\xa2\x01\r\xa6{4@\xab\xd3\xcf\xf9\xf6\xc7\x0e/\xbe\x98\x93m&amp;\x04s\xdcS\xccZ\x91$I\xa5R)U\xca\xa5_}\xf1\xc5\xb4\xf1\x00\x10\x14\x14\xb4s\xe7\xce\x98\x98\x98G\x12f\x08!\xb4\x9a)\x00\xec\xdd\xbbw\xf6\xec\xd9ta\x80\xe3\xb8\x01\x03\x06xR-\xff)\xcd\x86\x1e\xcfm\xfd\x97o\xdc\xa1\x0f\x0e1\x19\x8c\x85\x13\xef\x92eI\x14\x95j\x8dz\xdc\x88\x81[\xd6\xae\x84\x87\x1a\xa0\xd3\xe9\x80\x15\x95c&lt;\x8f0\x01(2&lt;\xa2\x01\x00\xf0\xf6\x07\x1f\xbf\xf7\xd14\x02\xc4j6\xf3\x82P\xe0\x16\nc\x8c\xb1\xac\x0f\xd2\xa7\xdf\xbf?\xf5\xc3\x91\xbb\xb6o\x06\x80\xe0\xe0\xe0\x1d;v\xc4\xc4\xc4\xfc\xd3\x02\xaf\'\x8c\x03\x00+V\xac\xf8\xe2\x8b/.^\xbcH\x9f\xf8\xee\xbb\xef\x8e\x1a5\x8a.\x0c\xc0\xff\xa6\x8a\xd2\xaby\xe2\xfe\xd4\xfa\x07hu6\xab\xed)m-\xfe[0\xc6\x1c\x87\xfc\xfc\xfd\xc7\x8f\x1cD5\xa0{\xf7\xee\x1b6lxz;\x9c\x19\x8cg\x08\x13\x80\xa2\x045Cqqq\xaf\xbf\xfezff&amp;\x004m\xd9\xee\xe3\xcf\x16\xd4\xacS\xd3h\xb0\xb9\\\xae\x82\x8a\x93\x10\x8ce\x8c5\x1a?\xb5F\xb1\xe7\x8f\xed3\'\x8e\xbeu=\x19\x00\x1a6l\xb8z\xf5\xea*U\xaa\xfcg\xb2\xbc\'\xe8o4\x1a\x17,X\xb0p\xe1\xc2\xac\xac,\x00\xa8^\xbd\xfa\xe4\xc9\x93{\xf7\xeeM\xcf\xf1d\x91\xf2&lt;\xbf{\xf7\xee\x0e\x1d:\x00@\x8d\xa8z\xcb7\xed\x0c\xd0\xea\xec6{\xe1\xa7\xe4\x13\x8c\x11\x87\xfc\xfd\x03\xc6\x8d\x18\xb0e\xdd*\x00\x98:u\xea\x94)S\x98\x060\x9e?\x98\x00\x141\xa8\xad\xbcz\xf5\xea\xc0\x81\x03\x0f\x1f&gt;\x0c\x00Z\x9d\xfe\xf5\xa1\xef\xbc&gt;\xe4\xdd\x92\xa5C\xcd&amp;\x87\xd3\xe9\xc8W~$\xc6\x00\xa0\xd6h\xfc\xfc\x14\xe7\xcf&amp;\xfe\xb0p\xde\xaf\xeb\x7f\xa2\x07\x87\x0c\x192o\xde\xbc\xc0\xc0\xc0\'\xdf*\xe59\xf3\xca\x95+s\xe6\xccY\xb1b\x05\xbdT\x87\x0e\x1d\xa6O\x9f\xde\xa8Q#\x00p\xbb\xdd&lt;\xcf\xa7\xa7\xa7\xd7\xad[/-\xed~\xa0N\xbf~\xe7\x91\x88\xca\x91&amp;\x93\xe9Y\x19\\:\x83Q(\x14\xbd;7K&lt;}\x12!\x14\x17\x17\xd7\xbe}{\xb6G\x8c\xf1\x9c\xc1\x04\xa0\xe8A\xcd\x90\xdb\xed\x1e7n\xdc\xb7\xdf~\xebt:\x01 \xa2r\xd5\x81#F\xb5l\xdf\xa5\\\x85p\x97\x93\xd8mVY\x92\xe0a\xe2\xcd\xbfL\x0b\xc8\xc3-R\x00\xa0P(5~j\x84\xe0bRR\xdc\xaf\x1b~Z\xba\x90\x96L(Q\xa2\xc4\x8c\x193\x86\x0c\x19\x02y\xcf\x8e\x7fda\xe0\x93O&gt;9z\xf4(\x00\xa8T\xaa\xbe}\xfbN\x9f&gt;\xbdL\x992\x00\xd0\xa9S\xa7\xb8\xb88\x84\xd0\x17\xdf\xfe\xf4j\xdf~Y\x19\x85\x9b\xe3\xf4\x18\xb2,k4\x9a[\xd7\x93{wnf4\xe4\x94(Q\xf2\xe2\xc5\x0bZ\xad\x96m\x10c&lt;O0\x01(\x92x\xac\xf0\xf1\xe3\xc7\'M\x9a\xb4g\xcf\x1ez&lt;\xacd\xa9\x17\xbb\xf5m\xdd\xf1\xc5Zu\x1bhu\xfe\xb2\x0cN\xa7K\x96$I\x92\x80\x10\x9c\xbbF\x02\x00\xe2\x10\x02$(\x14\x82B!*\x05\x04\x90v?\xfd\xd4\xb1\x83\xbb\x7f\xdf\xbak\xdbf\xbb\xdd\x06\x00\x08\xa1\x81\x03\x07~\xfa\xe9\xa7\xb4\xd3\x8b\xd7\xe6\x8f\x96\x1b\x12\x04A\x92\xa4\x9f~\xfai\xca\x94)\xb7o\xdf\x06\x80\x92%K\x8e\x1f?&gt;44\xf4\xf5\xd7_\x07\x80\x9eo\x0c\x9d\xfd\xcd\x92\xcc\xf4\x82,{\xe75\x92[\n\x0e\xd5m\xf8\xe9\xc7\xf1#\xdf\x04\x80w\xdeyg\xe1\xc2\x85l\x12\xc0x\x9e`\x02PT\xc9\xbd\xd6\xba|\xf9\xf2\x05\x0b\x16$&amp;&amp;z\x1e\x8d\xac^\xabI\x8b6u\x1b6\xad\x19\x15\xad\xd5\x07\xe9\x82\x82\x11\x82\xdc.5!\xe0v\x83,K9Y\x19\x99\xe9\xf7\x93\xce\x9c&lt;u\xfc\xe8\xb1\x83\xfb\xee\xde\xbe\xe59\xa7C\x87\x0e\xe3\xc6\x8d\xa3\x19\x9c\x05b\xf8&lt;\x17IOO_\xb4h\xd1\xbcy\xf3l\xb6\x072\x83\x10*\x13^a\xd3\xdex\xa5RE\xd7\x0f\xf2\xf9Z\x05\x82,\xcb:\xbdv\xc4\xeb\xddvm\xdf\xacP(\x8e\x1e=Z\xbf~}\x96\x15\xcaxn`\x02P\xb4\xf1x\xe5.\x97k\xe7\xce\x9d\xcbW\xac\xd8\xbdk\x17\xb5\xaa\x14\xff\x80@}Pp\xb9\n\x155~\xfeUk\xd6\x96e\x19\x08\x00\x02\xc9-]J:\xe3t:n]\xbbb0\xe4\xb8\x9cN\xcfSJ\x95.\xfd\xe2\x8b/\x0ex\xf3\xcd\xa6M\x9bB\xae\xa5\xda\x02\x19p\xee\x88PRR\xd2\xec\xd9\xb3\xb7l\xd9\xe2t\xb9$\xb7\xfb\xd3/\x97\xf4\x1b24+\xb3@\xdc\x7f\x02\xe4\xdfJ\x03=!\x18c\x8dF}\xf5\xd2\x85\xee\xed\x1a\xb9\\\xce\x96-[\x1d8\xb0\x9f\t\x00\xe3\xb9\x81\t\xc0\xf3@n\xf7\xfc\xf2\xe5\xcb\xdb\xb6o\xdf\x15\x17w\xf6\xec\xd9\xf4\xf4\xf4\'\xbfHDDDtt\xf4\x8b/\xbe\xd8\xa5K\x97\xb0\xb00\xf8\xdfIF\xc1B\x08\x91$I\xa1PX,\x96J\x95*edf\xc64\x8e]\xb9e\x97\xdd\xee\xc8\x87m%\xb2\x8c\x01\x08B\x1cU\xac\x87e\xae\t\xed\x7f\xe9\xddE%I\n\n\xd6}&gt;i\xfc\xd2\x85s\x10B\xfb\xf6\xedk\xd5\xaa\x15\x0b\x041\x9e\x0f\x98\x00&lt;\'Pc\x9d\xbb\xdcBvv\xf6\xe9\xd3\xa7\x8f\x1d?~-\xf9\xda\xed\xdb\xb7\xd3\xd2\xee\xa7\xa6\xdeG\x08\xccf\x8b$I\x82\xc0\xd7\xad[\xd7?  \xaaV\xad\xf2\xe5\xcb7m\xda\xb4f\xcd\x9a\x1a\x8d\x86&gt;\xb7\x10\x9adI\x92\xc4q\xdc\x0f?\xfc0|\xf8p\x00X\xb8rc\xe7\xae\xdd\x0c\xd9\x06\xde+\xf7\x1f\xcb2\xc7\xf3~\xfe\xfe&lt;\x0f.\xa7\xecp\xd81\xc6J\xa5R\xa9Rr\x1c\xd8m.\x87\xc3\xcb\x8cR\xda\xf8&gt;\xfd~\xeaK\xb1QV\x8b\xa5o\xdf\xbe?\xff\xfc3\x13\x00\xc6\xf3\x01\x13\x80\xe7\r\xea\xf6&gt;\x9e\t\x8a16\x18\x0c\x1c\xc7\xbd\xfa\xea\xab\x07\x0e\x1ch\xd5\xaa\xd5\xfe\xfd\xfb\x1fy.m\x95^8\x8d\xb1h&gt;h\xd3\xa6MO\x9c8Q)\xb2\xfa/;\x0fs\xb4\x93K\xde\x91e9 0\xd0f\xb3\x1e=\xb0\xf7\xd0\xfe\xb8+\x17\x93L\x86\x1c\x19c??\xff2\xe1\x15\xa2\x1b5k\xd5\xe1\x85\x88J\x95\xcc&amp;\x8bw\xdd\x14dY\xd6\xea\x02?\x1c\xfe\xe6\xaf\xeb\x7f\n\x0c\x0c\xbct\xe9R\xa9R\xa5\n\xb01\x03\x83\xf1\xacx\xf6\xb9\x16\x8c\x82\xc5c\xfa\xe9\x9c\x80\xda)\xea\xce\x07\x05\x05\x01\x00M\xafT(\x144\x1cO\x9fEO(4\xaf\x96z\xd0\xc7\x8f\x1f?y\xf2$!\xe4\xe5\x1e\xaf\x07\x85\xea\xbcK\xfe\x91e9P\xa7=\xb4w\xd7\xdc\xe9\x1f]8w\xfa\x91G\xcf\x9d:\xb1c\xeb\xfa\x85\xb3\xa7\xbe1\xf4\xdd\xb7\xc6|,\xb9\xddt\x9e\x94\xa7\x97@\x00\x18\x93\x1e\xaf\x0f\xde\xb6q\x8d\xc9dZ\xb3f\xcd\x981c&lt;+\x19\x0cF\xd1\x85\xade=\xb7 \x84x\x9e\x17\x04\x81\xe7y\x8e\xe3\xa8\xb9\xa79\xff@\xfb\xba \xc4q\x9c \x08\xf4\x9c\xc2\xf4g\xe9\x186n\xdc(\xcb\xb2\xa8T\xc6\xb6\xedd\xb7I|\xde#N\xb2,\x07j\xb5\x7fl\xfeeH\xcf\xce\x17\xce\x9d\xe6\xa8\x80!\x14\x14\x12\x1a\x12VR\xa9R\xd1\xd3L\x86\x9cE_L\xffh\xe4@Q\xf4fo\x01\xc7\xf36\xab\xbdF\x9d\xe8\n\x95*\x03\xc0\xa6M\x9b\xe8\xc2\xb8\x17\x97b0|\n\xf6#..\xa0\x87&lt;\xeb\x81\x00\x00\xf0&lt;/\xcb\xf2\x9f\x7f\xfe\t\x005\xebDG\xd6\xa8\xe5\xb0\xdbQ\x1eM*!D\xa5R\xa5\xdc\xb86i\xd4PL\x88\xa0P\x10\x8c\xfb\x0cz{}\xdc\x91\xad\x07No=pj\xf3\xbe\x84\x8fg-\x08\x0e\t\x03\x00QTn\xdf\xb4f\xfdO\xcb\x02\xb5\x01\x9ey\xcf\x93#In\x9d&gt;\xa0e\xfb\x17\x00 11\xe9\xfe\xfd\xfbTS\xf3z\x1d\x06\xc3\xa7`\x02\xc0(lh\x10\xe6\xfe\xfd\xfb\x97/_\x06\x80&amp;\xb1m5\x1a\x85\x17F\x19\xcb\xb2\xc6O\xb9m\xe3\x1a\x8b\xd9\xacP($\xb7{\xec\xd49_|\xfbM\xad\xba\rt\xfa\xe0@\xad\xae|\xc5\xca\xc3G\xbd\xff\xc3\x86\x1d\x81Z\x1d]s\xde\xf0\xd3\x0f\x0e\xbb\xd3\x0b\xe7\x9dCH\x92H\xd3\x96\xed\x10B\x16\x8b9&gt;\xfe$&lt;\\\xc6`0\x8a.L\x00\x18\x85\ru\x9c\x8f\x1d;f2\x998\x8e\xab\x1b\xd3\xc4\xed&amp;\\\xde\xa7&amp;\x08!Y\x86\xf3\xe7N!\x84\xdc.W\xe9r\xe5{\x0f\x18\x9e\x91f\xb1Y\xad\x92\xe4\x96$\xc9\xe5t\xa4\xde\xc9\x8cn\x14\xdd\xf1\xa5\xee\x18\xcb\x18\xe3\xdb7\xafg\xa6\xa7)\x14b^\x9dw\xc4qN\x873\xb2z\xad\xe0\x90P\x00\xd8\xb7o_^G\xcb`\xf8 L\x00\x18\x85\r5\xbeII\xe7\x01\xc0? \xa0r\xd5\x1a.\xa7+\xaf\xf1\x1f\x00\x00\x04\x18\x83\xc3f\xa3\x17,U\xa6\x9cR\xa9\xa2\x1b\x17\x1e\x86\xbb8\x9e\x17\xdcn\\\xb6B\x04\x00\xd0\xedrN\x97\x03q\xde\x88\x8d\xcb\xe5\n+Y&amp;&lt;\xa22\x00\\\xbcx\x01X\x87\x00F\xd1\x87\t\x00\xa3\xb0\xa1\x11\x98\xc4\xc4s\x00P\xb2t9\x9d&gt;H\x92$/\x8c)!\xc0\xf3\x10\x14\x1cJ\x9f\x9b\x99v\xdf\xedr!\x84\x00\xfe\xdf\xbb\xc7\x84p\x1c\x97\x96z\x8f\xfe\xe9\x1f\x10\x10\x10\xa0\xc3y\x0f7\x01\x00!D!r\xe5+U\x01\x80k\xd7\xae\x99\xcdf\x84X\x165\xa3h\xc3\x04\x80\xf1l0\x18\x0c\x00\xa0\x0f\x0e\xf1\x0b\x08\xf4b\x01\x00\x00\x00\x08 \xa8\xdf$\x96\x10"(\x14\xb7n$\xef\x8d\xfb-$,\xc0\xedr\xd3\xe2\xa6n\xb7\xdb?  \xf5N\xda\xde?\xb6r\x1cO\x08\xa9\xd7\xb0ih\x89\xb0\x87:\x91\xc7\x17#D\x10\xa0d\xa9\xb2\x00`4\x9a|\xa7`\x11\x83\xe15L\x00\x18\x85\nM?5\x9b\xcd\xd7\xaf_\x07\x80\x92\xa5\xcbq\x1c\xf1\xce\x8f\xe68\xdej\xb2u\xee\xda\xa3l\xf9\x08\xc9\xed\x16\x04a\xfa\xd8wvm\xdb\x19Z2H!*1\xc6A!z\xab\xd98\xf6\xed\xd7\xd3R\xef\x02\x02\x85B\x1c&gt;j\x82\xe4\x96\xbc\xab\x11\x84\x10\x92$(Q\xba,\x00X,\xe6\xe4\xe4dx\x18\xceb0\x8a(L\x00\x18\x85\rB\xc8\xedv\x1b\x0c&amp;\x00\x08\xafPQ\xa1\xf02\x90\x82\x10\x92$\xb7V\xa7\x9b\xf9\xd5\x0f\n\x85(I\x92\xc9\x983\xac\xf7\x0b\x9f\x8c~7\xed\xde\x1d\xa5R\xb9m\xc3\xba\x1e\xed\x9b\x1c9\xb0\x07\x00\x08\xc63\xbeZR\xa7~\x8c\xd5j\xf5.\x85\x1f\x01`\x0c\xe1\x15*\x02\x80\xcb\xe5\xa23\x18&amp;\x00\x8c"\r\xdb\xca\xc8x\x06 \x84\x04\x81\x07\x00\xb7\xdb\x9d\x1f\x13\xca\xf1\xbc\xd9dn\xd2\xb2\xcd\xb7k~\x1d\xfbV\xff\x9c\xacL\x00X\xbdt\xd1\xb6\r?\x97.\x1b~1\xe9,=\xadL\xb9\nS\xe7~\xd3\xbacgC\x8e1\x9f\xbb\x9d\xddn7\xfd\x07\xdb\x06\xccx\x0e`3\x00\xc6\xb3\xa1\xa0|gA\x10\x0c\xd99-\xdat\x8a;q\x89n\xd4\x12E\xa5\xd1\x90s1\xe9\xac \x08\x1c\xc7\xbd\xdc\xf3\xf5\xdd\tWZw\xec\x9c\x95\x99]\x80\xb5.\x98\xef\xcfx\x0e`\x02\xc0x6P\x03\x9a\x7f?Z\x96e\xb5Z\xe3t:vo\xdfr7\xe5\x06\xc7\xf3.\xd7\x83\xde\x06\x92$!\x8e;y\xf4\xe0\xa29\xd33\xd33\xb5:\x9d\xb7\xab\xcd\xff\x8fg\xc0L\x00\x18\xcf\x01L\x00\x18\xcf\x00\x84\x10\xb5\xa4\x86\x9c,\x8c\xbd/\xab\x891V\xaaT&amp;c\xce;ov\xfb\xf8\xfd\xa1\xc9\x97/\xc8\x92\x14V\xb2\xd4\xdbc&amp;vx\xa9\x1b\xc7q\xb2$\xdd\xbb}\xeb\x9b\xb93^\x7f\xb9\xd5\xd9\x84\xe3\x81Z\xad,K\xf9\x186\x18\xb2\xb3\x00\x00!\x8e\x85\x80\x18\xcf\x01L\x00\x18\x85\n\xed\xd3\xa2\xd5j\xabW\xaf\x06\x00\xc9\x97/H\x92\x97\x15\x8a\x08!\n\x85\xc2j6\r\xe9\xd5\xe5\xcf\xdd\x7f\xd0*\xa7o\x0c\x7f\x7f\xeb\x81S\xe3\xa6\xce\\\xb8r\xe3\x86\xdd\xc7:\xbc\xf8\x1a\x00\x08\x82\x90|\xe9\xfc\xc0\xd7:\x9c8\xfcg@`\xa0w\xfb\x000!\n\x05$_\xbe\x00\x00z\xbd\xbeF\x8d\x1a\xf0pO\x03\x83QDa?_\xc63\x00!\xa4V\xab\x01\xc0f\xb5:\x1d^v\x01#\x04\xab5\xea\x99\x13G_&lt;wZ\x14\x95\xb2,\xcf\xfc\xea\x87O\xbf\\\xe0\x17\xa0\xcd\xcc0\x98M\xc6\xeaQ\xd1\xdf\xac\xde4c\xc1R\xc4q\x82Ba\xb3Z&gt;\x1c\xfezfz\xbaB\xccs)\x08xPy\x82\x98MF\x00\x10EQ\xa1\xf0\xa6\xb0(\x83\xe1S0\x01`\x146\xb4\x86Z\x9d:u\x01\xe0\xf6\xcdk\x86\xecLA\x10\xf2j\x911\xc6j\x8d\xdf\xb9S\'\xb7oZ#(\x14.\x97\xf3\x8d\xe1\xef\xf5\x1f68\xed~\x8e,I\xb4\xc0\xb5\xddf\xc9\xc9\xcey\xf3\xad!\x93\xe7,\x92\xdcn\x85B\xbc\x7f\xef\xce\xbaUK\xfc\x02\xd4^L\x02\x10Bn7\xbaz)\t\x00\xaaT\xa9\x1c\x18\x18\xe8Ek\x01\x06\xc3\xa7`\x02\xc0x6T\xa9R\x19\x00,f\xf3\x9d\x94\x9b^Tg#\x18\xabT\xc2\xf1C\xfb1\xc6X\x96E\xa5\xb2\xd7\x9b\xc3MFW\xee\xc6\x06\x1c\xc7\x0b\xbc\x90\x96j\xec\xd1op\xad\xba\r\xdcn\x17B\xe8\xe8\x9f{\\\xce&lt;W\xf3\'\x84\x08\x82`\xcc\xc9\xbcw\xfb\x16\x00T\xacX\x91\xd5\x81`&lt;\x070\x01`\x146\xd4\xf86o\xde\\\xa9T\xb9\xdd\xae3\xf1GE%\xe7Eie\x02p\xff\xde\x1d\x00\xc0\x18\x87\x86\x95\n\n\t\xfd\x9b\x9aB\x08\x01\x00/\xa0\xeaQu\x01\x80\x10\x92\x9d\x95a\xb3Z9\x9e\xcfS\xfbIB\x88R\xa5\xbav\xe5\xe2\xbd;)\x00\xd0\xbauk`\x89@\x8c\xa2\x0f\x13\x00FaC[\xa9T\xa8P\xa1b\xc5\x8a\x00p\xe2\xc8\x9f\x92\xe4e"\x10B\x0f~\xc0.\x97\x03\xcb\x18\xfe\xce \x13B\x00\x90\xddf\xa5\x7f\n\x82\x82\xe7yB\x08\xe4\xe5\x051\xc6\xa2\xc8\x9d&lt;zH\x96e\xa5R\xd5\xb8qc`+\xc0\x8c\xa2\x0f\xfb\x053\x9e\x01\x18cQ\x14\x1b7n\x04\x00\t\xc7\x0e\xa5\\\xbf\xaeR\xa9\xbcp\xa8\xcb\x94+\x0f\x00\x82\xa0\xc8LO\xbb\x98t&amp; P\xe3v\xb9H.$\xc9\xadT*\x8d\x06c\xc2\xb1C\xb4Bt\x99r\xe55\xfe~\xb2,C^\x14\x80\xe7y\xbb\xcd\xb5w\xe7\xaf\x08\xa1J\x95*FDD\x10B\x98\x000\x8a:\xec\x17\xfc&lt;C\xfb\x00K\x92$I\x92,\xcb\x18c\xda&amp;\x9e&gt;\xe49N{\x05\x17\xfe\xf0\xbau\xeb\x06\x00f\x93\xf1\xe8\xc1}\x1a?e\x9e\x16f9\x8es\xda\xa5\x98\xa6-=\x9b{\xe7N\x1d\x9f\x99\x9e\x11Z2X\x14E\x9e\x17x\x9eW(\x14Z\x9d^\xe3\xa7\x9e;m|\xea\xdd\xdbt\xa5\xa1m\xe7W\xf2\xda\x0e\x80`\xacV\xab\x93/_\xbc\x94x\x86\x10\xd2\xa5K\x17Q\x14\xf3\xbf\xa7\x8c\xc1x\xe60\x01x\xde\xf0\x18}\x9a\xa3B\xfb\xc2\xd3\xac\x18Z\x1a\x81\xee`\xa2\x07EQ\xe4y\x9e.\x9cz\x9eU\x08\x83\xa4Q\xa06m\xdaT\xa9R\x05!\xb4}\xd3\x1a\x87=o=a\x10\xc7\xd9\xed\xd6Zu\xeb\xbd\xd0\xad\x8f$\xb9\x15\xa2\xf2B\xe2\xe9&gt;]Z\xae_\xb5\xf2\xce\xed\x9b6\xab\xd9n\xb3e\xa4\xa7\x1d\xd8\xf5\xfb\x80W;\xae[\xf9\xbd\xa8T\xba\\\xce\x1a\xb5\xa3_\xec\xd6\xdbl\xb2\xf2|\x1e^\x0bc,*\x85?\xb6\xfe\xe2t:EQ\x1c0`\x00\xb0\xf8\x0f\xe3\xb9\x80e2&lt;?P\xd3\x9f{\x87jVV\xd6\xf9\xf3\xe7\xaf]\xbbv\xfb\xf6\xed\x94\x94\x94\x9b\xb7nq\x08\x9d&gt;}:\'\'G\xaf\xd7\xf7\xef\xdf_\xab\xd5\xd5\xae\x1dU\xb6l\xd9\x9a5kj4\x1a\xcfu0\xc6\x1c\xc7=\xd5\x1cGI\x92\x04A\x98&lt;y\xf2\xa7\x9f~\x8a\x10\xfa\xe9\xd7\x031\xcd\x9a[Lf\xee\x89\xcb\xf5\x10Bx\x81w\xd8\xedo\xf5y\xe9t\xfcQ\xcfq\xb5\xc6O\xab\xd3s&lt;o1\x9bL\x86\x1c\x00\xe08\x0ec\x1c^\xa1\xe2\xd2\xf5\x7f\x94-\x1f\xe1\xb0\xe7a\xe7\x01!\x84\xe7y\x87\xdd\xfeb\xf3Z\x99\xe9i\xad[\xb7\xde\xbbw/\xfd|\xf2\xfa\x96\x19\x0c_\x83\t\xc0\xf3\x00\r\xec\xd0`\x08\xc6\xf8\xf8\xf1\xe3\xbbv\xed:|\xf8\xf0\x99\xb3g3\xd2\xd3\x9f\xe4\n\x11\x11\x11\xd1\xf5\xeb\xc76o\xde\xa1C\x87\xea\xd5\xab\xd3\x83\xb2,?=\x19p\xbb\xdd\n\x85"##\xa3J\x95*F\xa3\xf1\x95\x9e\xaf\xcf\xff\xe1\xa7\xacLC\x9eJ,`\x8cE\xa5\xd2i\xb7}\xfd\xf9\xd4MkVX-\xe6\xbf=M\xa1\x10\xbb\xbc\xda\xeb\x83Of\x86\x95(e\xb5Z\xf3T\x12N\x92\xa4\xe0\x10\xdd\xea\xa5\xdfO\x19\xf3\x16\x01X\xb3fM\x9f&gt;}\xa8z=\xf9E\x18\x0c\xdf\x84\t@\xd1\x86z\xeb\xd4\xa2\xdd\xb9sg\xdd\xbau?\xff\xfc\xf3\x993gr\x9f\x83\x10\x04\x05\x87\xaa\xd4\x9a\xf2\x15+\xd3e\x00\x00\x90e\xf9\xd6\xf5\xab\x92\xdbm\xc8\xc9\xce}\xb2R\xa9l\xd5\xaaU\xbf~\xfd^y\xe5\x95\xc0\xc0@zf\x01\x16\xd1\x84\x87\x1b\xc18\x8es\xb9\\K\x96,\x99:u\xaa\xd9b\x91$i\xe9\xba?b\xdb\xb63\x19\xcdyz9\x8c\xb1 \x08~\xfe\x9a\xe4\xcb\x97\x0f\xed\x8f;{\xf2\xf8\x9d[7,\x163\xc6X\xad\xd6\x94,]\xa6vt\xc3\xd8\xb6\x9dk\xd6\xa9\xe7t8]N\xc7\x93\xcf0\xe0a\xfa\xbf\xc9\x90\xd3\xb5u\xfd\xac\x8c\xb4*U\xaa\x9c={V\x14E\xba\x9e\x9c\xe7w\xce`\xf8\x18L\x00\x8a0\x1e\xd3\x9c\x94\x944\x7f\xfe\xfc-[\xb6\xe4\xe4\xe4\xd0\x87\x94Je\xf5\xa8\xba\xb5\xa3\x1bE7lZ\xa2t\x99\xb2\xe5+\n\x82"($\x94~\xdd\x08\x01\x96qVf\xba\xcb\xe5L\xb9~\xf5N\xca\xcd\xd3\'\x8e$\x9dI\xb8r!\xd1\xf3k\x08\x0f/?p\xe0\x80\x11#F\x84\x85\x85\xd1\x8c\x9a\xfc\x07=r\xcb\xd5\x8e\x1d;&gt;\xfa\xe8\xa3s\xe7\xce\xd1\x87\x10@\xbdF\xcd\xd6\xfc\xfe\xa7\xd5\x92\xe7\x86-\xf4\xb2*\xb5Z\xad\x161\x01\x97\xd3\xedt8\x08!\nQT\xa9T&lt;\x0fN\xa7d\xb7ZQ\xdeg3\x92\xdb\x1dZB\xff\xe9G\xe3\x96-\xfa\x02\x00\xd6\xaf_\xdf\xa3G\x8f\x02WD\x06\xe3Y\xc1\x04\xa0H\xe2\xb1\xa4F\xa3q\xee\xdc\xb9\xf3\xe6\xcd\xb3\xdb\xed\xf4\xa1\xe8F\xcd\xdat|1\xb6m\xa7\xcaUk\xa84"\x96A\x96\xb1\xcb\xe5"\x98H\x92+w\xee\xa3B!"\x84D\xa5\x92\x17\x00\x01\x98\x8c\x96\xa43\'\xf7\xc7m\xfbk\xcf\x8e\xe4\xcb\x17\xe99e\xcb\x96\x9d&gt;}\xfa\xc0\x81\x03!\x7fS\x81\xdc\xeb\x13III\xe3\xc7\x8f\xff\xe3\x8f?\xe8C={\xf6,S\xa6\xcc\xfc\xf9\xf3\x01\xe0\xa3O\xe7\xbd\xf5\xc1\x07\x19\xf7s\x84\xbcW\xda!\x84Nn\x10\xc7q\x08q\x08\x01\xc6\x98`L\x80 \xc4y\xa1^\xb2$\x05j\x03O\x9d8\xf6F\xd76n\x97\xab}\xfb\xf6qqq\xcc\xfa3\x9e\'\x98\x00\x14=&lt;+\x90\xeb\xd7\xaf\x9f&lt;y\xf2\xe5\xcb\x97\x01@\xa9Tuz\xa5\xfb\x8b\xdd\xfa4k\xddA\xa9\x14\x9cN\xc9a\xb7cY\x06\x84&lt;\xf1\x8aG\xfc\xdf\x87\xf9\xa041\x14\xf1&lt;\xaf\xd6\xf8\x89"\xca\xc96\xec\xda\xbeu\xfb\xc65\x87\x0f\xec\xa6g\xb6m\xdbv\xce\x9c9\xd1\xd1\xd1\xde\xad\nx\x8cfzz\xfa\xcc\x993\x97.]J\xe5\xaav\xed\xda\x9f\x7f\xfey\xe7\xce\x9d\t!\xd5\xaaU\xbbz\xf5\xaa\xc6\xcf\xff\xc7\xad\xfbj\xd6\xadg1\x99\xf9|\x05\xd9\t\x10\xf0\xae\xf7\xef\x83\xe7\x13\xcc\xf3\xbc$\xb9\xfbt\x8e\xbdz\xe9&lt;\xc7\xf1\xe7\xcf\'EFF\xb2\xf4\x7f\xc6\xf3\x04\x13\x80"\x065\xa6\x92$\x8d\x1d;v\xc1\x82\x05\xf4`\xd3\x96\xed\xde\x197\xa5I\x8b\xe6.\x17\xb1\x9a\xcd\x18c\xc4y\xe3\xf3\xd2\x15\x02\x85B\xe1\x1f\xe0\x871\xf9u\xfd\xea%\x0bf_\xbdt\x1e\x00\xb4Z\xed\xdc\xb9s\x87\x0c\x19\x92\xa7p\x90\'\xdc\xefv\xbbW\xaf^=u\xea\xd4\x94\x94\x14\x00(U\xaa\xd4\x84\t\x13\x86\x0f\x1f.\x8a\xa2$I&lt;\xcf\x1f?~&lt;66V\x92\xa4*\xd5j\xfe\x12w\x98\x17\x14\x92[z\x86\xa6V\x96\xa4\xa0\x10\xdd\xa8\xc1\xfd\x7f\xdb\xb0\x1a\x00\xe6\xcf\x9f?j\xd4(\xe6\xfe3\x9e3\x98\x00\x14%\xa8\x01JMM\xed\xd1\xa3\xc7\xe1\xc3\x87\x01 \xacd\xe9\xb1Sf\xbf\xd2\xab\x9f,\x13\x8b\xd9\xc4!\x94\xa7E\xce\x7f\x80\xc8\xb2\x8c\x10\x17\xa8\r\xb4Z\xac\xdf/\x98\xb5l\xe1\\\xdafk\xf8\xf0\xe1\x8b\x16-\x12\x04\xe1?\xf3 s\xc7|v\xef\xde=e\xca\x94\xa3G\x8f\x02\x80J\xa5\x1a6l\xd8\xc7\x1f\x7f\x1c\x16\x16\xe6yG\xf4\xff\x0b\x16,\x18=z4\x00\xbc\xd8\xad\xef\xfc\x1f~\xb6\x98\xcc\x84\x90&lt;m\x0e(($I\n+\xa1[\xf2\xd5W3\'\x8e\x02\x80\xee\xdd\xbbo\xd8\xb0\x81Y\x7f\xc6\xf3\x07\x13\x80"\x03M=\x8c\x8f\x8f\xef\xda\xb5\xeb\xbd{\xf7\x00\xa0i\xcbv3\xbf\xfe!\xbcByC\xb6\x11\x10p\\\x01\x9b\'Y\x96x^\xd0\x07\xf9\x1f\xdaw`\xe2\xfbCSn$\x03@\xb3f\xcd\xb6m\xdb\xa6\xd7\xeb\xffE\x03&lt;Y\x92III\xb3f\xcdZ\xb3f\r=\xde\xa1C\x87\xe9\xd3\xa77j\xd4\x08\x1e\xcb1\xa5O\x190`\xc0\xaaU\xab\x00\xe0\xd5&gt;\x03f/^n\xb5X\x0b?\xe3^\x92\xa4\xd00\xdd\xf2\xc5\x8b\xa7\x8f\x7f\x07\x00\xa2\xa2\xa2\xfe\xfc\xf3O\xadV\xcb2\x7f\x18\xcf\x1fL\x00\x8a\x06\xd4\xfd\x8c\x8f\x8f\xef\xd4\xa9Svv6\x00\xbc\xf5\xc1\xc7\xef\x7f4M\xc6\xb2\xddf{z9\xe9\x84\x10Y\x92\xb4z}V\xc6\xfd\xc9cF\xee\xde\xbe\x19\x00bbb\xe2\xe2\xe2\xfeV\x03&lt;f===}\xd1\xa2E\xf3\xe6\xcd\xb3\xd9l\x00P\xbbv\xed\t\x13&amp;\xf4\xee\xdd\x1b\xfea{\x01\x8d,9\x1c\x8eV\xadZ\xc5\xc7\xc7\xc3C\r\xb0Ym4F\xf4\x94\xde\xe0#c\xc0\x18\x87\x84i\x97/z`\xfd\x83\x82\x82\x0e\x1c8\x10\x15\x15\xc5\xdc\x7f\xc6s\t\x13\x80"\x00\xb5\xb3\xb9\xad\xff\xe4\xd9\x8b\x86\xbe72=\xcd\x04\x85R\x93@\x96$Q\xa5\xd2hTc\xdf\x1e\xb8e\xedJ\x00\x88\x89\x89\xd9\xb1c\x87^\xaf\xf7\xf8\xc5\xb97\xa3\xadX\xb1b\xca\x94)\xb7o\xdf\x06\x80R\xa5J\x8d\x181b\xdc\xb8q\xa2(z\x96\x04\xfe\xe5m\xe6\xe4\xe4t\xec\xd8\xd1\xa3\x013\xe6\x7f\x87\x10g\xb5Z\x9f\xf6\xc6+Y\x96\x15\n\x85\x7f\xa0f\xc5\xe2\x853&amp;\xbc\x07\x00AAA;w\xee\x8c\x89\x89a\xd6\x9f\xf1\xbc\xc2\x04\xc0\xd7\xa1%}222\xa2\xa2\xa2\xd2\xd3\xd3\x01`\xf2\xecE\x83F\x8e\xccH\xcb\xe1\x05\xa1\xd0\x82\x12\x18c\x0e!\xbf\x00\xff\xf1#\x07Q\rh\xd7\xae\xdd\xee\xdd\xbb\xa9;\xef\t\xf7\xef\xdd\xbbw\xf6\xec\xd9\xbbw\xef\x06\x00\x95J\xd5\xb7o\xdf\xe9\xd3\xa7\x97)S\x06\x9e,\x8b\xf4q\r\xa8\xd3\xa0\xf1\xe7\x0b\x97U\xadY#;\xcb\x88\x10z\x1ajGg9\x81:\x9d\xd9d\xf8l\xe2\x07\x9b\xd7\xae\x04\x00\xbd^\x1f\x17\x17\x17\x13\x13\xc36\xfd2\x9ecXB\x9bOC\x03#\x18\xe3\xae]\xbb\xa6\xa7\xa7s\x1c7y\xf6\xc2A#Gf\xa4\x1b\x04\x85\xa20C\xd2\xb4|\x9b\xd5b\x9d\xbdx\xf9\xab}\x06\x00\xc0\x9e={F\x8f\x1eMk\xeb\x0b\x82p\xe5\xca\x95\xc1\x83\x07w\xe8\xd0\x81Z\xffv\xed\xda\x1d8p`\xd9\xb2ee\xca\x94\x91$\xc939\xf8\xcfW\xc1\x18S\xe3\xdb\xb3gO\x008{\xf2X</t>
        </is>
      </c>
    </row>
    <row r="348">
      <c r="A348" s="1" t="n">
        <v>346</v>
      </c>
      <c r="B348" t="inlineStr">
        <is>
          <t>size_grid</t>
        </is>
      </c>
      <c r="C348" t="inlineStr">
        <is>
          <t>What is the size of the missing part denoted with a question mark?</t>
        </is>
      </c>
      <c r="D348" t="inlineStr">
        <is>
          <t>['small', 'large', 'medium']</t>
        </is>
      </c>
      <c r="E348" t="inlineStr">
        <is>
          <t>small</t>
        </is>
      </c>
      <c r="F348" t="inlineStr">
        <is>
          <t>There are circles arranged in a grid formation with varying sizes in the image. The sizes in the first row are ['medium', 'small', 'medium'], the sizes in the second row are ['small', 'large', 'small'], and the sizes in the third row are ['medium', '?', 'medium'].</t>
        </is>
      </c>
      <c r="G348" t="inlineStr">
        <is>
          <t>We observe that the circles at the corners are medium size, while the circles directly adjacent to the center are small size. Only the center circle is large size. Hence, the pattern is that the circles alternate in size depending on if they are at the corner or adjacent to the center.</t>
        </is>
      </c>
      <c r="H348" t="inlineStr">
        <is>
          <t>Based on the pattern that the circles alternate in size depending on if they are at the corner or adjacent to the center, the size of the missing part that is adjacent to the center should be small.</t>
        </is>
      </c>
      <c r="I348" t="inlineStr">
        <is>
          <t>b'\x89PNG\r\n\x1a\n\x00\x00\x00\rIHDR\x00\x00\x02\x00\x00\x00\x02\x00\x08\x02\x00\x00\x00{\x1aC\xad\x00\x00O\xa0IDATx\x9c\xed\xddyx\x14U\xba?\xf0\xf7TUw\xa7\xb3w\x16Ve\'\x01B\x80D\x02(\x88\xa0\x08FA\x9c\x11A\x07\x14\x83\x80\xfep\x0b\xca\xcc\x80\xcb(\xea\x9dQ\xc1\xc1\x99+\x88\x89\x82\x8a\x0e\\\x1d\x1d\x04\xb9\x12\x08\xe0\xb0\x8aH\xc0\x04\x12\t\x01\x04B\x16\x96,t\xd6\xee:u~\x7f\x1c\xe9\x9bq\x07\x92\xf4R\xdf\xcf\xe3s\x9f;\xa1\x93Tw\xde:\xdfsN\x9d:\xc5\x84\x10\x04\x00\x00\xe6\xa3x\xfb\x00\x00\x00\xc0;\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cd\xdb\x07`.\xa2\x89\xef\xfd\x13k\xc2+\xc7\x06\xd0\xd2P\xff\xbe\x86\xfd\xf0/\x01\xcdN\x08a\x18\x06\x11\xa9\xaa\xfa\x8b/\xe6\x9c\x0b!\x14EQ\x14\x8c\xcf \x10\xa0\xfe}\x16\x02\xa0e\x19\x86!\x84\xf0\xd4=\xe7\xfc\xd4\xa9SG\x8e\x1c9~\xfc\xf8\x89\x13\xc7\x19cB\x10\x91\x88\x8ct$&amp;&amp;\xb6k\xd7\xaeK\x97.v\xbb\xbd\xe9\xf7*\x8a\x82&gt;\x11\xf8)\xd4\xbf\x8fC\x00\xb4\x14\xc30&lt;\xe3\xd9\xf2\xf2\xf2\x1d;v\xac[\xb7n\xcf\x9e/\x8f\x1f?q\xfe\xfc\xf9\x1f\xfd\x16\x9b\xcd\xda\xb1c\xc7\xe4\xe4\xe4[n\x19;d\xc8\x90^\xbdz\xc9\xafs\xce\x7fM\xd7\t\xc0w\xa0\xfe\xfd\x02\x02\xa0\xf9\xc9\x01\xaf,\xd9\xdc\xdc\xdc\xc5\x8b_\xfb\xf4\xd3u%%%\xdf{Yll4\tC\x101\xa6TW;].W\xd3\x7f\r\t\t\xbe\xf1\xc6\x1bg\xcdz\xf0\xfa\xeb\xafWUU\x8e\xa01(\x06\xdf\x87\xfa\xf7#\x08\x80ff\x18\x86,\xd3\x03\x07\x0e\xfc\xf1\x8f\x7f\xcc\xce\xce\xf6Tv\xe7N\x1d\x06\x0eLH\xee\x1f?\xb0\x7f/\x87#\xbcG\xf7Nd\x18DD\xaaVVR^z\xa6"/\xffhn^\xe1\x9e\xbd\x07\xf3\x0e\x14z~`\xff\xfe\xfd\xff\xf2\x97\xbf\xa4\xa6\xa6\x12\xbaB\xe0\xf3P\xff\xfe\x05\x01\xd0\x9ct]\xd74\xcd\xe9t&gt;\xf9\xe4\x93o\xbe\x99Y_\xdf@D\xc1\xf6\xa0;n\x1f\xfd\xdb\xdbF\x8d\x18\x96\x1c\xde6\x86H%\xd2\xc90\xa8\xd1E$\'7\x05Y4\xd24"\x95Hp\xa7s\xf7\xde\x83\xab\xd7ny\x7f\xe5\xba\x92\xd23\xf2\'\xa7\xa6\xa6\xbe\xfa\xea\xabqqq\xf2Wx\xef-\x02\xfc$\xd4\xbf\xdfA\x004\x1bY\x9a9993f\xcc\xc8\xc9\xc9!"{\x90\xed\xaeI\xa9\xb3\x1f\xbe\xbb\xefU}\x89\x04\xd5\xd5q\x97[\x08b\x8c\x11#\xa5\xc9\xa5-\xb9.N\x08\xc1\x18\xa9\xaaJ!vRl\xe5\'O.\xcd\xfc\xe0\x8d\xcc\x0fK\xcb\xce\x12QLL\xcc\xe2\xc5\x8b\'N\x9c\xd8tv\x15\xc0G\xa0\xfe\xfd\x11\x02\xa0y\xc8\xea_\xb6l\xd9\xec\xd9\xb3\xe55\xae\x9bF]\xb3\xf0\xe59\tI\t\xe4v\xf1\x9a:b\xf4+\xd73\x08"a\x18\x86ahAAd\x0f&gt;]\\\xfa\xc2\x9f\x97.^\xba\xca\x10\x82\x88\xd2\xd3\xd3\x17-Z\x84s\xe0\xf25\xad||\x92\x97\t\xf5\xef\xa7\x10\x00\xcd@V\x7fff\xe6\xcc\x993\x89\xc8f\xb5\xbc\xf8\xfc\xa3\xe9\x8f\xa5\x11\t\xee\xace\n\xbb\xb4\x8bWB\x08\xce\xb9&lt;\r\xb2\xd6f\xdf7\xf3O\xa7\xca\xce\x12\xd1\x8c\x1932228\xe7X!w\xb1\x0c\xc3\xf0\xb4\x1dM\xff(\xf2\xba%\x96\x9f_\x1a\xd4\xbf\xffB\x00\\\xae\xefU\x7fTd\xd8\x9a\x8f_\x1b:\xf2\x1a\xa3\xba\x8a\x84P\xd4\xcbmM\x84\x10\x9c\x1b\x9a#\xa2\xf4D\xc9\xf8\xdb\x1e\xda\xb3/\x9f.\x9c\x03\xba\xae\xab\xaa\x8as\xe0\xd7\xe0\x9c\xd3\x7f\xde\x88T]]-\xc3\x80\x88"##=_o\xba\x88\x05~\x11\xea\xdf\xaf!\x00.\x8b\\\x96\xf0\xce;\xef\xdc{\xef\xbdD\xd4\'\xbe\xeb{+\x16$\xa5$\xea\x15\x95\x9a\xa59/U\xe9n]\x0b\x0b\xad\xac\xac\x9e6\xed\x89\xd5\xeb\xfeMD\xf7\xdf\x7f\xff\xd2\xa5KqM\xec\x175m\xd0\x8b\x8b\x8b\xb3\xb3\xb3\xb7o\xdfv\xec\xd8\xb7\x05\x05\xf9\xba\xae3b\x82\xa8G\x8f\xee\x1d;^1t\xe8\xd01c\xc6\xf4\xee\xdd\x9b.lZ\x80\xd1\xc0\xcfC\xfd\xfb;\x04\xc0\xa5\x93+\xde\xf2\xf2\xf2\xae\xbezHmm]\xb4#|\xcb\x86e\x89\x03\xfb\xe9\x15\xe74\x8b\xa5\xd9\x7f\x1d\xd7\xb9\x1abohp\r\x1fq\xf7\x9e}\x05D\xb4l\xd9\xb2\xb4\xb44\xac\x8d\xfb\x19\x9e\x0fg\xd3\xa6M\xef\xbe\xfb\xee\xda\xb5k+++\x7f\xe6\xf56\x9b\xed\xba\xeb\xae\x9b&lt;y\xf2=\xf7\xdcCXw\xf8\xb3P\xff\x01\x00\x01p\x89d\xbf\xb2\xae\xaen\xd8\xb0\xa1\xb9\xb9y\x9a\xa6n\xcbzk\xc8\xf5W\xeb\x15\x15\x9a\xd5B-\xf3\xa1\x1a\x9c+A\xb6\xca\xea\x9a\x81C&amp;\x1d;^\x12\x1c\x1c\xbcs\xe7\xce~\xfd\xfay\x16_CS\xb2i())y\xfa\xe9\xa7\x97/_\xee)\xf5\xce\x9d:\xf4\xec\xd9\xb9o\xaf\xae\x8e\xa8H\xe2\xdc\xed\xd6\xbf\xca-,..;p\xb0\x88.\xfc\xe5F\x8d\x1a\xf5\xc2\x0b/\x0c\x1e&lt;\x18\xd7\x1b\x7f\x14\xea?0 \x00.\x91l\\\x1ez\xe8\xa1\xc5\x8b\x17\x13\xd1\xa2\xbf&lt;\x96&gt;w\x96\xbb\xe2\xac\xa5YG\xbe?\xf2{u\xaeF\x86\xef\xfe|\xf7\xf01\xd3]n=))\xe9\x8b/\xbe\xd04\r\x8d\xd4\xf7\xc8\xc9\x81\xac\xac\xac\xfb\xee\x9bv\xeaT\t\x11\xd9\x83l\xbf\x9bt\xf3]w\xde\x9c\xd2?&gt;\xbc},\x91"\x17\x9e\x13\x11\t]w\xd6\xe4\x1c8\xbc&gt;k\xfb\xd2\x8c\x0fK\xcb\xce\x10\x91\xd5j}\xe9\xa5\x97\xd2\xd3\xd3\x91\x01?\x84\xfa\x0f\x0c\x08\x80K!{\x1c\x87\x0e\x1dJLL\xd4u\xfd\x86\x11)\x1b7\xbe\xad\xd7\xd4h\xad\xd2\r\xd1\xdd\xba\x16\x15;\x7f\xde\x8b\xcf\xbe\x98IDo\xbf\xfd\xf6\xd4\xa9S1\x10nJ~\x1a\x9e+\x93D4\xed\x9e\xdb\x1e{\xf4\xee\x84\xe4\xbeD\x06\xd5\xd5\x1b.\xdd\x10\x82H\xc8{\x91\x14\xc6\x14U\xa1`;\xa9\xd6\xf2\x93\xc5K3?\xfc\xdb\xdfWTV;\xe9\xc2\xf5Fd@S\xa8\xff\x80\x81\x00\xb8\x14\xb29HMM\xcd\xca\xca\n\n\xb2~\xbdsU\\b\x9cQSw\xf9k\x1e~\r!\x84\xc1\x98\xc1\x94~W\xfd\xb6\xb0\xe8D\xdb\xb6msss\xa3\xa3\xa3\t\xeb\xd9\x89\xe8\x07\xad\x7f\xb4#b\xc9\x7f?5q\xf2o\xc8]\xcfk\xeb\x88\x98\xa2\xfcHS~a\xf9\xb9\xd0lV\n\x8e\xc8\xd9\xb3w\xc6\xf4\xa7rr\x0fQ\x93u\x87hb$\xd4\x7f\xc0\xc0\xc4\xd9E\x93\xd5_PP\xb0i\xd3&amp;"\x9a\xf4\xdb\xd1qI}\xb9\xb3\xb6u\xaa\x9f\x88\x18cB\xe7\x96\xd0\xd0y\xb3\xef5\x0c\xa3\xb4\xb4t\xf5\xea\xd5\x8c1\xb9\xd2\xd1\xe4d3\x9d\x9d\x9d\xedY\x95\xf8\xd9\x9a%\x13\'\xff\xd6]q\xd6\xa8\xabWUUU\x7f|\xf18#R\x14E\xd3T\xa1\xeb\xees\xe5\xc9\x03\x13\xb27.KI\xeaMD\x99\x99\x99\xf3\xe7\xcfWUU\xd7\xf5\xd6~?\xbe\x07\xf5\x1fH0\x02\xb8h\xb2\x89\x999sfff\xa6\xdd\x1e\xb4o\xc7\xfbq}\xe3D]}k^\x86\x12D\x82\x91\xdb\xa0\xe4\xc1w\x14\x1c\xfa6!\xa1\xcf\xbe}\xfb\xb1&amp;Z\xee\x19y\xfa\xf4\xe9\xa4\xa4\x01ee\xe5Q\x8e\xf0\xf5k^O\x196\xd0}\xae\xc2b\xbd\xb8u)\\\xd7\xd5\x90\xe0\xca*\xe7\xe8\x9b\xa6\x7f\xb5\xaf\x801\xb6a\xc3\x86Q\xa3Fa\x1c\x80\xfa\x0f$\x18\x01\\\x1c\xf9t\x8b\xf2\xf2\xf2O&gt;\xf9\x841\x9a0\xfe\xfa\xf8\xa4D\xa3\xa6\xae\x95\x17!0"\xc3\xcdm\xe1\xe1\x8f?4E\x08\x91\x9f_\xf0\xef\x7f\xff\x1b\x9d \xb9r\x7f\xde\xdc\xb9ee\xe5\x9a\xa6f\xfc\xfd\xc9\x94aC.\xa1\xf5\'"U\xd3xm\xbd#&amp;\xf2\x83\xf7\x16\xc6DG\x12\x89\x87\x1ez\xc8\xe5r1f\xea&gt;\x13\xea?\xc0 \x00.\x8e\xac\xb0]\xbbv\x9d&gt;}Z\x08\xba\xf3\xf61B\x18\xe4\x8d~\x87\xaa*\xa2\xa1\xee\x96\x9b\xae\x8d\x8c\x083\x0cc\xed\xda5\xf4\x9f\xfb\xdb\x98\x8d\xec\x99n\xdd\xbau\xc5{\xef\x11\xd1\xe4\x89\xa9\xb7O\x99\xe0\xae8s\t\xad\xbf\xa4j\xaa\xbb\xd2\xd9\xb5O\xfc\xc2\x17\x1e\x15\x82\x0e\x1d:\xb4p\xe1BEQ\xe48\xc3\x9cP\xff\x01\x06\x01pq\xe4\x18\xf3\xd3O?e\x8c]\xd1\xb1\xed\xb0k\x93Y}\x9d\xa2x\xe1\x04`\x8c\x89\x06W\xdb\xaeW\x0c\x1f\x9aLD\x9b6mv\xb9\\&amp;\x9f\x9d \xa2\xa5K\x97r\xcem6\xeb\xbc9i\x86\xabV\xbd\xbc\x89i\xcd\xaaqg\xd5\x9d\xbf\x1b\xd7+\xae\x0bcl\xd9\xb2e\xf5\xf5\xf5\x8a\xa2\x98\xb6\xa1A\xfd\x07\x18\x04\xc0\xc5Q\x14\xc5\xe5r\xed\xdc\xb9S\x08q\xf5\xa0\xc4\xf0\xb6\xb1\xdc\xe5\xf6\xd6\xcc\xa3!\x04)\xda\x8d#\x07\x11QQ\xd1\xe1c\xc7\x8e1\xc6\xcc\xd9?\x95S\x13\xa5\xa5\xa5\xff\xbbn\x1dcl\xca\xa4\xd4\xf8\xa4\xbe\x97?1\xcd\x88H\xe7\xb6\xf0\xb0\'\x1eO#\xa2#G\x8el\xde\xbc\xd9\xb4\x1f2\xa1\xfe\x03\x0e\x02\xe0"\xc8\xf5\x0f%%%\xc5\xc5\'\x89(\xb9\x7f/"\xd5\x8b}A\xc6\x18\t}@\xbfxEQ\x1a\x1a\x1asss\xc9\xac\xa3`95\xb1q\xe3\xc6\xea\xf3\xe7\x85\x10\xf7\xdcu\x8b\x10\xc6\x85\xe7\x8d\\\x16EUD}\xdd\xf8\xb1#\xa2\x1c\x11\xc4\xd8\xc7\x1f\x7ft\xf9?\xd3O\xa1\xfe\x03\x0f\x02\xe0"\xc8\xda:q\xe2\x84\xd3YCD\x03\x12\xe3\x88\xb8\x17\x17\x1e(\n\xa3FW\\\x8f\xce\x11\xe1aDTXx\x88\xccz\x02\xc8\xbf\xc2\xe6\xcd\x9b\x88\xa8K\xe7\x0e\xfd\xfa\xf7\xa2\xfa\xfaf\x99\x9a`\x8c\t\x97;\xb4M\xcc\xf0\xa1I$\xc4\xae\x9d\xbb\x1a\x1a\x1a\xcc\xb9\xf1\x00\xea?\xf0\x98\xb1\x8e/\xd3\xb1cG\x89\xc8b\xb1\xc4\xc48\xc8\xe0\xde]x&amp;\xb8\x11\x1c\x16\x1c\x19\x19JD\xc7\x8e\x1d#\xb3\xde\x0b#\x17\xe7\x1c=z\x8c\x88\xbaw\xbb2\xb2}\x8cp\xeb\xcd\xf5Q\x18\x86P4[Rb\x1c\x11\x95\x95\x979\x9dN3\xaf\x05B\xfd\x07\x12\x04\xc0E\x90\xe7|QQ\x11\x119"\xc3{v\xefD\x8d./\x16\x1ccL\xe8zh\x8c\xa3g\xf7NDTTt\x84Ly\x02\xc8\xd5\x9f\xd5\xd5\xd5EE\x87\x89(\xb1Ow\x12j36\xd0\x8c1"=\xa1O\x0f"\xaa\xae&gt;_PP@\x17\xee90\x15\xd4\x7f\xe0A\x00\\4\xab\xd5J\x17vC\xf4\xf6\xb1\x10\x11\xd1\x85#\x91\x07fZB\x08\xb7\xdbMD1Q\x11\xc4\x94\xe6\xee\xa0\x8b\x98\xe8\x08"2\x0c\xc3\xe4\xf7\x03\xa3\xfe\x03\t\x02\xe0\xd2\xf9\xce$\x80\xef\x1c\x89w\xc9\xa9y\xce[\xa4a\xf2\xfcXs^\x00\xf8!\xdf\xa9:\xdf9\x12\xbf\x83R\xbeh\xb2\x03\xa8(\xcc\xa2i\xe4\x0b\x95\xa7(\x16M\xa3\x0b\x07fZ\xf2\x11\xb2D\xe4v\xeb-\xf1wq\xbb\xbf\xfbxM~\xbb)\xea?\x90 \x00.Ztt\x0c\x11\xd5\xd4\xd4\x9d&lt;UNV\x8b\x17{\x1fB\x08\xa6\xaa\xf5U\xce\xe2\x92\xd3D$7D4!yI6&lt;&lt;\xbc[\xb7\xeeD\xb4/\xef\x101\xde\x8cw\'\t!\x88\xb4\xfd\xb9\x87\x88(&lt;&lt;\xacg\xcf\x9ed\xe2\xb9f\xd4\x7f A\x00\\\x04y\xce\xf7\xed\xdb\x97\x88j\xeb\xeaK\xcb\xce\x90\xa6y\xb7\x0f\xc4T\xa5\xe1|MI\xe9Y"\xea\xdb7\x81Lyq\x92\x88\x0c\xc3\xd04\xadS\xa7NDt\xfcDYCu\rk\xbe\xcd)\x19#\x12\xbc\xf0\xc8\t"\x8arD\xc5\xc4\xc4\x90)\x03\x00\xf5\x1fx\x10\x00\x17A\x9e\x00\xed\xda\xb5\xb5\xdb\x83\x88\xe8\xd0\xe1\xe3D\xcd\xb9\xda\xe4b\t!\xc8f\xf9\xf6diMm-\x11]q\xc5\x95\xde:\x12\xaf\x93\x7f\x85a\xc3\x86\x11Q\xfe7G\x0b\xf2\n\xc9n\xe7\xcd\xd1\x16\x08!\x14\x8b\xd6PY\xb5a\xf3n\xc6XRrRpp0\xe7\xde\\\xff\xee-\xa8\xff\xc0\x83\x00\xb8\x08\xf2\x04\xe8\xda\xb5[\xdb\xb6m\x89h\xef\xfeo\x88\x84\x17\xdb\x01\xc3\x10\xa4X\xf3\x0e\x1cv\xb9\xdc\x9a\xa6%\'\'\x93Y/Q\xcaw}\xd3M7Y\xadV\xc30\xd6~\xb6\x95\xa9V2\x9a\xa1m2\x0c\xc1\xec\xc1_\xec\xda_ZvF\x081n\xdc\xadd\xd6\xab\x8e\xa8\xff\xc0\x83\x0f\xeb"\xc8\xfdf\xedv{RR2cl\xd7\x97y.\xa7S\xd1\xbc\xb6\xff\x14cD$\xb6l\xdfKD\x1d:t0\xf3\xdc\xb4\xdc\xa43&gt;&gt;~\xd8\xb0a\x8c\xb1\xd72&gt;8{\xb2\x98\xd9\x9ae\x86Z\x90a&lt;\xbf\xe0-]\xe7mbc\xc7\x8e\x1dKD\xe6\xdct\x0c\xf5\x1fx\x10\x00\x17G6(\xe3\xc6\x8d\x15B\x14\x16\x1d\xdf\xf7e\x1e\xd9\xed-\xb4\xee\xf0\x17\x8fD\xb1Z\xce\x97\x9f\xce\xde\xf2%\x11\x8d\x1c9"44\xd4\x9cS\x13\x92\xdc\xa9f\xfa\xf4\xe9B\x883g+\x17\xbf\xbeR\t\x8e\xd4\xdd\x97\xb52\x84\xeb\\\x8d\x8c\xd8\xbaq\xc7\x96\xad_\x11\xd1\xf8\xdbn\x8b\x8d\x8d5\xf3\x87\x8c\xfa\x0f0\x08\x80\x8b#\x07\x98\xd7^;&lt;$$\x84s\xfe\xd1\xda-L\xb5yeB\xc0\xe0\x82\x05\x07o\xdf\x96S|\xaa\x9c\x88F\x8f\x1eCf\x9d\x9a\x904M3\x0c\xe3\x8e;\xee\x18&gt;|8#z\xf5\xf5\x95y{\xbe\xb28"\xf8\xa5\xae\x0e4\x0c\x83\xd9,u\x95\xe7\x1f\x9d\xbb\x901\x16\x15\xe5\x98?\x7f\xbe\xbc\xeb\xb8y\x8f\xdc\x8f\xa0\xfe\x03\x8cyK\xf9\xd2(\x8a\xc29\xef\xd1\xa3\xc7\xc8\x91#\x89h\xc5\xaau\xe7N\x9eT\x83\xac\xad_yL!\xd2\xf9\xa2%\xef3\xc6\xda\xb7o\x7f\xeb\xad\xb7\x92Y\xa7&amp;\x9a\xd24m\xd1\xa2E\xaa\xa6VU9\xa7\xa4=Qy\xa6R\r\t\xe6\xfaE\xaf\xdc7\x0cC0E\t\x0e\x9e\xf5\xe0\xfc\xfd\xb9\x85\x86a&lt;\xf7\xdc\xf3\xed\xdb\xb7\x97\xe3\x8c\x968r\xbf\x80\xfa\x0f0\x08\x80K\x94\x9e\x9e\xae0VV~\xee\xb5\xd7W2{h+\x8f\x8297XX\xe8\xe7Y\xdb\xb2\xb7|)\x84\x981c&amp;\xc6\xbft\xa1yJNN^\xb0`!\x11\xe5\x1e,\x1a\x93:\xbd\xb2\xd2\xa9F\x84\xb9\xdd\xee_\xdfDq]W,\x165,d\xe6\xbds\xdfY\xb9\x8e\x88&amp;L\x98\xf0\xe0\x83\x0f\xea\xba\x8e&amp;FB\xfd\x07\x06\xf3njx9\xe4M\xa7\xfd\xfb\xf7+(\xf8&amp;&amp;:\xf2\xd0\xd7\xab#\x1c\xe1\xac\xf9\xb6\x9f\xfcE\x9cs5"\xfc\xfa\x11w\x7f\xbem\xaf\xd5j\xcd\xcf\xcf\xef\xd6\xad\x9ba\x18f\x9e\x9d\xf0h\xfa\xd4r"JI\xee\xf3\xfe\x8a\x05=\xfb\xc4\x93\xb3\x8a\xeb\\Q\x95\x9f\xfa3\tA\x86\xc1\x191%2\xc2YY\x9d\xfe\xc8\x0b\xcb\xde[CD)))YYY\x11\x11\x11\x8c141\x84\xfa\x0f \xf8\xbc.\x85\xbc\xedh\xd1\xa2W\xe5\xf5\xc6\xa7\x9f}Mi\xc5N\x10\xd7\xb9\x1a\xe9\xf8\xf0\xdd\xd5\x9fo\xdb+\x84\x983gN\xb7n\xdd8\xe7\xa8~I\xae\x08\xca\xc8\xc8\x981c\x06\x11\xed\xc9\xc9\x1f:|\xf2\xf2\x8c\x7f\xb8\x0cR\x1d\x0e\xa6irC7\xce9\xe7\x86\xfcO\xfe/\xa6052\\\t\x0b\xde\xb8~\xeb\xc8\xeb\xa76m\xfd\x1d\x0e\x07a\x85\xc9\x05\xa8\xff\x80\x81\x11\xc0%\x92\xdd\x8d1\xa3Go\xd8\xb8\x911\x96\xb5\xfa\xb5\x1bo\xbdA\xaf\xa8\xd2,ZK\xff^f\xb3\x9e.;\xd7o\xd0\x1d\xa7\xcfT\xb4i\x13[P\xf0\r\x9a\xa7\xef\x11B\xc8\xab\xb5\xcf&gt;;\x7f\xfe\xfcg\xe5\x17\x13\x13z\xce~d\xca\xad\xb7\x8c\x88n\x1fC\x8a\x8dH\'\xf2\x14\xbfF\xc4\xeb*\xaav\xec\xfe\xfa\x95E\xefdm\xdc)\xbf:q\xe2\xc4\xa5K\x97:\x1c\x0e\xf4.\xbf\x07\xf5\x1f\x18\x10\x00\x97H^\x0c&lt;z\xf4\xe8\xa0A)\x15\x15\x95\xed\xdaD\x7f\xbd\xe7\xc36\xedcyM\x9d\xdab+\xa3\x85!\x0c\x85\xa9\xa1!\xa3o\x98\xbaq\xcb\x97D\xf4\xe1\x87\x1fN\x980ANz\xb4\xd0/\xf5S\x9e\x0c\xc8\xca\xca\x9a3g\xce\x81\x03\x07\xe4\xd7\xdb\xc4F]3\xa4\xff\x80\x01\xbd\x13\xe3\xbb:\xa2#\x88\x1bn\xb7\xbe\'\xf7\xd0\xd1\xa3\'\xb7l\xfd\xea\xd8\xb1b\xf9\xb2v\xed\xda&gt;\xf1\xc4\x93\x0f?\xfc0]h\xec\xbc\xf6N|\x12\xea?0 \x00.\x9d,\xbb\x8f&gt;\xfah\xc2\x84\tD4(\xb9O\xd6g\x99\x91\x11a\xbc\xbe\xbe%\xca\xd1S\xfd3\xd3\xe6e\xbe\xb3\x9a\x88\xd2\xd3\xd3\x17-Z\x84\xea\xff\x19\xba\xaek\x9a\xe6r\xb9^~\xf9\xe5\x95+\xff\x91\x9f_\xf0\x8b\xdf\xd2\xbe}\xfb\xb1c\xc7&gt;\xf3\xcc3\x1d;v\x94\xcd\x1c\xba\x96?\n\xf5\x1f\x00\x10\x00\x97E\xb6/\xb3g\xcf~\xf5\xd5W\x89\xe8\xb6[\xae{\xf7\xfdW\xc2l\x16^\xdf\xd0\xbc\xfd \x83\x1bBU\xd4\xd0\x90\xff\xfa\xd3\xdf\x9fz\xe1u"\xba\xfa\xea\xab\xb7m\xdbFD\x8a\xf2\x93W5\x81.\xb4SD\xd4\xd8\xd8\xb8~\xfd\xfa5k\xd6\xec\xd9\xf3eii\xe9\xd9\xb3\xe7&lt;\xaf\t\x0f\x0f\x8f\x89\x89NJJ\x1e;v\xec\xcd7\xdf\xdc\xa6M\x9b\xa6\xdf\x08?\x05\xf5\xef\xef\x10\x00\x97E.\x87\xd04\xcd\xb3\xe6dPr\x9f\xcf\xd6eD\xb5\x8d\xd6+\xabUMm\x96\xd2\xd4u]\xb3\xdb\xc9f\xf5\xf4}RRR\xd6\xaf_\x8f\xa9\xcf_I&gt;\xbe\xca\xd3\x9as\xce+++\xf3\xf3\xf39\xe7\x8c\x91\x10\xd4\xa3G\x8f\x98\x98\x18\xbb\xdd\xeey\x01\x9a\x95_\x03\xf5\xef\xef\x10\x00\x97\xcb3\xd7\xec9\x07\xe2\xbawZ\x96\xf9\xfc\xd0\x91C\xc9Y\xa5\xeb\\U\xd5K.Q\xce\xe5\xaa\xc4\xc8\xd2\xe3\'\xd2\xee{*k\xd3\x17\xd4d]\n\xe6\xa6/\x8a\xe7)\x86?\xd5\xaf\xe7\x9c\x0b!T\xb5y\x9a-\x93@\xfd\xfb5\x04@3\xf0t0\x1fx\xe0\x817\xdex\x83\x88lV\xeb\xbc\xdfO\x9b7w\x8654\x94j\x9c\xba\x9b\xab?\xbd\xfc\xfc\xa7~ cL\t\x0f%A\xab\xde_;\xe7\x8f\x0bO\x95\x9e!\xa2\xa1C\x87\xae]\xbb\x16\xd5\x7f9d\xcd7\xdd8\x9e]\xe0\xbd\x83\xf2c\xa8\x7f\xff\x85\x00h\x1e\x9es\xe0\xcd7\xdf\xfc\xfd\x9c9U\xd5\xd5D\x94\x98\xd0c\xf6#wO\x9et\x8b5"\x9c\x1a\xea\x8c\x06\x97!\x04cL&gt;\xac\xaa\xe9\xf9\xf0]\x93$\x840\x04#R\xad\x16\n\t&amp;\xce7n\xd8\xbe\xf0\xafoo\xc8\xde%_\x96\x9e\x9e\xbe`\xc1\x02\xb9\xe9\r\xaa\x1f|\x07\xea\xdfO!\x00\x9a\x93\xbcl\x98\x93\x93\xf3\xe0\x83\xb3\xbe\xf8b\xb7\xfcb\xbf\xbeq\x0f\xcf\xba\xeb\xa6\x1b\x87^\xd1\xfd\nb\x1a\t\x9d\x1a]\xc4\r\xc3\xad\x93&lt;\x05\x04)\x9aJ\xaaBV+\xa9\x1a\x11\x9d/?\xf3\xf9\x8e\x9c%KWy\x16\xa4w\xec\xd8\xf1\xaf\x7f\xfd\xeb\xc4\x89\x13I&gt;\t\x0f}U\xf0=\xa8\x7f\xbf\x83\x00hf\xf2\x1c\xd0u\xfd\xddw\xdf}\xf6\x99gN\x16\x7f\xb7\xae\xdc\xe1\x88\xb8\xee\xda\xabF\x0c\x1f\x98\x94\x18\xd7\'\xaeKH\x88\xdd\x1e\xe3 !H\x10)\n\xafv\x9e\xaf\xa9+\xfa\xf6\xd4\xc1\x82#\xdbw\xee\xdb\xb4\xe5\xcbo\x8f\x9f\x92\xdfh\xb7\xdb\x1f\x7f\xfc\xf1\x87\x1f~\xb8M\x9b6\xb88\t&gt;\x0e\xf5\xef_\x10\x00\xcd\xcf3&gt;=}\xfa\xf4\'\x9f|\xb2d\xc9\x92\xfd\xfb\xf77}AtTdxxH\xf7\xee\x9d\xc80H\x10ijY\xc9\xe9\xf23\x15g\xceT6\xb97\x95:w\xee\x94\x966m\xd2\xa4I\xbdz\xf5"\xacJ\x04?\x81\xfa\xf7#\x08\x80\x16\xd1t\xdd!\xe7|\xd3\xa6M\xeb\xd7\x7f\x96\x9d\xbd\xa9\xb0\xf0Pc\xa3\xeb\xe7\xbf\xb7[\xb7\xae#F\x8c\x1c1b\xc4\xf8\xf1\xe3\xc3\xc3\xc3\t\xab\x12\xc1\xdf\xa0\xfe\xfd\x05\x02\xa0\x05\xfdp\xf9yaaaAA\xc1\x81\x03\x07N\x9c8~\xfc\xf8\tY\xd3B\x88\xc8\xc8\xc8\xc4\xc4\xc4N\x9d:%$$$$$\x04\x07\x07{\xbe\x851\x86\xeb]\xe0\x8fP\xff\xbe\x0f\x01\xd0\xe2\xe4i \x84\xd0\xb4_\xbbO\x16\x16\xa4C\xc0@\xfd\xfb2\x04@\xeb\x11M|o\xd5\xb9\xfc"\x11\xc9\xfe\x0e\xea\x1e\x02\x0f\xea\xdf\x07!\x00\x00\x00L\n\x93k\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9a\xb7\x0f\x00\xa0\xb5\t!~\xf4\xeb\x8c\xb1V&gt;\x12\x00\xefB\x00@ \x13M\x10\x91\xa2(\x9e\xff\xfbC\x86ax\xfe/k\xa2\x15\x8f\x17\xa0U\xb1\x9f\xea\r\x01\xf8)\xd9\xdc\x1b\x86\xc1\x18SU\xf5\x87/0\x0c\xa3\xba\xba\x9a\xb1\xef\x8a_\xfe?AAAv\xbb\xfdG_,\x7f\x94\xa2(\x08\x03\x080\x08\x00\x08\x10\xb2\xd1\x17Bh\xda\xff\x8dk9\xe7%%%EEEyy\xb9g\xcf\x9e\xdd\xb3\xe7+]\xd7\xcb\xcb\xca\xca\xca\xcb\x181A\xb2\xf8\x19\x91\x08\r\t\xed\xd1\xb3\x87\x10\x94\x98\x98\x18\x13\x133p\xe0\xc0+\xaf\xbc\xb2s\xe7\xce\xc1\xc1\xc1M\x7f\x1a\x11!\t ` \x00\xc0\xef\t!8\xe7\x9ev\x9fs^XX\x98\x95\x95\xb5}\xfb\xf6\xc2\xc2\xc2\xe3\xc7\xbf=\x7f\xdey\t?\xd6f\xb3v\xe8\xd0!&gt;&gt;~\xc8\x90\xabG\x8f\x1e\xdd\xbf\x7f\x7fO\x18\xe8\xba\xae(\xcaOM%\x01\xf8\x0b\x04\x00\xf81\xd9%\x97\xf3&lt;\x9c\xf3\xdd\xbbw\xaf^\xbd\xfa\xb3\xcf&gt;;|\xb8\xb0\xb1\xd1\xd5\xf4\x95aa!!!\xc1}\xe2\xba(\x9a\x1a\x11\x16\xd2\xaf_\x9c\xe0\x86\xec\xc6\x0b!\x98f9\xfem\xf1\x89\xe22\xa6\xaaEE\'\xce\x9f\xaf9WQ\xf5\xbd\xdf\xd5\xb5k\x97\x91#\xaf\x1f?~\xfc\x88\x11#\xc2\xc3\xc3\xe9\xc2\x98\x03\x03\x02\xf0_\x08\x00\xf0K\x9csO\xcb[\\\\\xbcj\xd5\xaa\xf7\xdf\x7f\x7f\xff\xfe\xfd\xff\xf7\n\xc6\xbat\xeexUR\xef\xe4\xfe\xf1\x03\x07\xf4\xea\x1d\xdf-&lt;"4"\xd6A\x8aJ\n#\xb2\x105\xad|F\xa4\x93\xc1\x89\xb1\xfa\xb3\x95\xb5\xb5\xf5\x07\x0b\xbf\xdd\x97[\x98w\xe0\xf0\x9e\xbd\x07\x0f\x17\x1dohh\xf4\xbc\xb4s\xe7\xce\x13\'N\x9c2eJ\xbf~\xfd&lt;\x07\xf3\xa3\x17\x1b\x00|\x1c\x02\x00\xfc\x8c\x9c\xe8\x97\r\xee\xce\x9d;\xdfz\xeb\xad\x7f\xfd\xeb\xe3\xca\xca*\xf9\xaf\x0eG\xf8\xc0\xe4\x8417\x0c\x19~\xed\xc0\x84^]\x82c\xa2\x884"\x9d\x1a]\xc4\r\xc3\xed&amp;"!H\x08\x83\xa8i\xb7]|\xb7\xe0G\x90b\xd1HU\xc8f%\xa6\x11\t~\xdeYx\xe4\xe4\xee=\xb9\x9ffm\xdf\xbb7\xff\xdb\xe3\xa7\xe47X\xad\xd6\x11#F\xcc\x9a5+55\xd5j\xb5\xca\xd1\x00b\x00\xfc\x0b\x02\x00\xfcF\xd3\xb9\xfeM\x9b6\xbd\xfc\xf2\xcb\x1b6l\xf0\xfc\xeb\xb0k\x92\xc6\x8f\x1by\xe7\x841Wt\xbb\x82\x14\x0b\x19n\xaao\xe4n]\x08\xe1Y\xcf\xf9k\xe6j\xe4\x19a\x18B\x08\xc1\x18\xa9\x9aJ6\x1bY\xacD\x86\xb3\xbcb\xf5\xba-\x1f\xaf\xde\xbcq\xf3\xae\xda\xdaz\xf9\xfa~\x89\x89\xe9\xb3g\xa7\xa5\xa5\xd1\x7f\x8eK\x00|\x1f\x02\x00\xfc\x83\x9cm\'\xa2\xc2\xc2\xc2\x97^z\xe9\xed\xe5\xcb\r!\x88\xc8n\x0f\xfa\xdd\xc4\xd4i\xf7\xfe\xe6\x9a\xab\xfb\x93\xcdN\x8d\xf5FC\xa3a\x08\xa60\xa59V\xf1\xcb\xe1\x82!\x04#R\xad\x16\n\x0e!a|s\xa0\xf0\x7f&gt;\xcc\xcax\xf3\xc3\x92\xd23\xf2e\xa3F\x8d\x9a;w\xee\r7\xdc@\x98\x11\x02\xff\x81\x00\x00?\xa0\xeb\xba\xa6i.\x97\xeb\xe5\x97_^\xb4\xe8\xaf\x15\x15\x95D\x14\xe5\x88\x98\x96\xf6\x9b\xa9w\xdd\xd2w`\x7f2\xdc\xa2\xa6\x8esCU[\xb0\x03\xfe\xdd\xed\x05DJ\x88\x9d,\xf6\xf2\xe3\'V\xac\xfal\xd9\xf2\x8f\n\x0e\x1d#"\xc6XZZ\xda\xf3\xcf?\xdf\xa1C\x07\x0c\x05\xc0/ \x00\xc0\xa7\xc9\xfbr\x15E\xd9\xb1c\xc7\x03\x0f&lt;p\xe0\xc0\x01"\xb2\xdblw\xdd\x99\xfa\x87\xc7\xa6\xc5\xf7K w-\xaf\xadg\xc4\x14\xb5\xf5\x16e\x1a\x86a\x18B\x0b\xb2\x92=\xbc\xfat\xd9\xab\xaf\xbd\xf7F\xe6\x87\xa5eg\x89\xa8]\xbb\xb6\xcf?\xff\xc2\xf4\xe9\xd3\tC\x01\xf0y\x08\x00\xf0]\x9e\x06\xf4\xd9g\x9f}\xf1\xc5\xbf\xc8\x95\x9d\xa3F\x0e~\xe1\xb9\x87\x07\x0f\x1bL\xaez\xbd\xa6NQ\xbd\xb6\x1e_\x08\xc1u\xae\xd9\xac\x14\x12^r\xf4\xd8\xd3\xf3\x17\xbf\xbd\xe2\x1391u\xe7\x9dw\xbe\xf6\xdak\xd1\xd1\xd1r\xec\xe2\x95\xc3\x03\xf8E\x08\x00\xf0Q\xb2\xf5/--MKK\xcb\xca\xca""Gd\xd8\xfc?=\xf8\xf0CSHa\xfc\xbc\x93\xf9\xc6\xadX\xdf]\x9a\xb6\x07QPH\xd6\xda\xecG\x1f\x7f\xf1\xd0\xe1\xe3D\x14\x17\x17\xb7l\xd9\xb2\xa1C\x87b\x1c\x00&gt;\x0b\x01\x00\xbeHv\x9cw\xec\xd81q\xe2\xc4\x92\x92\x12"\x1av\xf5\x80\xb72\x9f\x8fK\xe8eTW\x91\x10\xad9\xe1\xf3k\x08!874GD\xf5\xb9\xaa9s^z\xf3\xed\x7f\x11\x91\xcdf\xfd\xdb\xdf\xfe~\xff\xfd\xf7\xe3\x92\x00\xf8&amp;\xdf:\x8b\x00\xe8B\xeb\x9f\x99\x999r\xe4H\xd9\xfa\xa7?4y\xcb\xc6\xe5qq]\xf4\xcas\x8a\xd2\xaa\xd3\xfd\xbf\x12cL\xd3T^Y\x1da\xb7f.\x7f1\xf3\xf5g#\xc3C\x1b\x1b]\x0f&lt;\xf0\xc0\x03\x0f&lt;\xa0\xaa\xaa\xbc}\xc1\xdb\x87\t\xf0\x1f0\x02\x00\xdf\xe2i\xfdg\xce\x9cID\x11a!\x7f]\xf8\x87i3\xa7\x08g\xa5\xe0\x86\x0f6\xfd\xdf#\x840\xb8\xa1:\xa2\xbf\xdc\xbe\xfb\xee{\xe7\x16\x1e9ID3f\xcc\xc8\xc8\xc8\xc08\x00|\r\x02\x00|\xc8\xf7Z\xffhG\xf8gk^O\x196X\xaf8\xabj\xaa\x1f5\x9d\xba[\xd7"\xc3+NW\xa4\xde2\xf3\xcb\x9c|B\x06\x80O\xf2\xf5\xfe\x14\x98\xc7\xf7Z\xffA\xc9}v\xedX\x99rM\x92^qV\xb3h\xfe\xd5hj\x16\x8dW;\xa3\x1ca\xd9\xd9oO\x9br+\x11\xc9\xf7\x85\xb9 \xf0)\x18\x01\x80O\xf8a\xeb\xbf\xfe\x7f3\x1d\xb1\x91\xbc\xda\xa9\xfa\xed2J\x83\x1b\x8a\xd5B\xf6\xa0\x99i\xf32\xdfYM\x17\xc6\x01\xf2\t3\xfe\x15i\x10\x90\x10\x00\xe0}r\xa1\xa4\xa7\xf5OI\xea\x9d\xf5\xd9\x9b\x0eG\x18\xaf\xadW5\xff^@i\x18\x86P\x1454\xe4{\x19\x80\xb5\xa1\xe0\x0b\x10\x00\xe0e\xb2)\xdc\xb5k\xd7\xb0a\xc3\x0c\xc3\x88\x8a\x0c\xffj\xe7\xca\xae\xf1]xu\x8d\xbf\xb7\xfe\x920\x0c\xa1\xaa\xccb\x19z\xed\xefv\xed9@D\x8b\x16-JOO\xc7=b\xe0u\x08\x00\xf0&amp;9\x19r\xfa\xf4\xe9\xfe\xfd\xfb\x95\x97\x9f\x0e\t\xb6o\xc9\xcaL\xb9&amp;\x99W;\x03\xa3\xf5\x97\x0c\xc3 \x8b\xa5\xcaY7\xf2\xfa{r\xf3\x8f\x10\xd1\x86\r\x1bn\xbc\xf1F\x8c\x03\xc0\xbbp\x11\x18\xbcIn\xf5s\xf7\xddw\x97\x97\x9f&amp;\xa2\xc5\x7f\xfdc\xca\xb0!z\xd5\xf9@j\xfd\x89HQ\x14\xd1\xe8\x8a\x8au\xbc\xf7\xf6\x8bQ\x8ep"\xba\xe7\x9e\xbb\xcb\xcb\xcb\x15E\x91\x9f\x00\x80W \x00\xc0k\xe4\x1c\xc8s\xcf=\xb7q\xe3F"J\xff\x7fwN\xbd\xffnw\xc5Y\xcd\x12\x80\x13#\xaa\xa6\xeaU\xe7\x13S\x922\xfe\xfe\x14\x11\x95\x95\x95\xdf}\xf7\xdd\x8ca\x08\x0e\xde\x84\xfa\x03\xef\x90\xfb\xfb\x7f\xf1\xc5\x17\xc3\x87\x0fw\xbb\xddC\x06\xf6\xdd\xbe\xf5=\xe1\xd6U\x12\x01\xbc&lt;F\xd7u\xcd\x11={\xd6\xd3\xaf\xbe\xbe\x8a.\\\x0c\xc0D\x10x\x0b\x02\x00\xbc@n\xac\xcf9OLL,,,\x0c\x0b\x0b\xd9\xbfkU\xb7\xb8.Fm\xbd\xef\xdf\xeb{9\x84\x10\x06c\xa4i\x83\xae\x9e\x94\xf3u\xa1\xa6)\x07\x0e\x1c\x8c\x8b\x8b\x13B\xf8\xc2\xc6v`6\xa89\xf0\x02\xf9\xf8\xdc\x85\x0b\x17\x16\x16\x16\x12\xd1\x8b\xcf&lt;\xd8-\xa1\x97\xee\xac\r\xec\xd6\x9f\x88\x18c\xc4\r\xd5bys\xf1\x9fl6\x0b\xe7\xc6#\x8f&lt;\x82\x89 \xf0\x96\x00?\xdf\xc0\x07\xc9\xc9\x9f#G\x8e\xbc\xfc\xf2\xcbD4|h\xd2\xacG\xa7\xf2\xea\xca\x80\x9c\xfa\xff!UUt\xa73i\xe8\xe09\x0fM\x16Bl\xd8\xb0\xe1\xc3\x0f?TU\x95s\xee\xedC\x03\xd3A\xd7\x03Z\x9b\x9c\xf2\x9e:u\xea\xbb\xef\xbe\x1b\x14d\xdb\xb1\xf1\xad\xe4!\x03\x8c\x9a\xba\x80\xef\xfe{\x08!\x0cU\xad\xadk\x18x\xf5\x9dG\x8e\x9d\xec\xd1\xa3g^^\x9e\xa6i\xb8=\x18Z\x99YN9\xf0\x11\xb2\xf5\xdf\xbau\xeb\xfb\xef\xbfOD\x93~3*y\xd8\x10\xee\xac1O\xebOD\x8c1\xe1r\x87\xc7\xc6&gt;\xf5\xfbi\x86!\n\x0b\x0b\x17.\\\x88%\xa1\xd0\xfa0\x02\x80V%\xdb\xb8Q\xa3Fm\xd9\xb2%:*\xe2\x8b\x7f\xaf\xe8\xd6\xb3\x0b54*\x8a\xb9z\xbe\x82H\x10\xb9\x89\r\x1fy\xcf\x9e\x9c\xfc\xa8\xa8\xa8\xfc\xfc\xfc\xd8\xd8X\x92\xd7\t\x00Z\x85\x89\xba]\xe0ur3\xe4\x9c\x9c\x9c\xcf?\xff\x9c\x88\xd2&amp;\x8f\xeb\xd1\xb7\xafQ[g\xb6\xd6\x9f\x88\x18\x91\xd0\xb9-,t\xfe\xbc\x99B\x88s\xe7\xce\xbd\xf7\xde{\x8c1\\\t\x80\xd6\x84\x00\x80\xd6\xb6d\xc9\x12!DP\x90u\xda=\xe3\x85\xabF1\xeb\x12xES\x8d\x1a\xe7\xf0\x1b\xae\xee\x15\xdf\x851\xb6l\xd9\xb2\xfa\xfazUU1(\x87V\x83\x00\xf0\x02q\x81\xdc\x1a\xde$\'\xbc\x10B&gt;\xe4\xfd\x9f\xff\xfc\x90\x88\xee\x9apS\xef\x81\xfd\x8d\xbaz\x13v\xff%F$\xdc&lt;82r\xde\xec{\x85\x10\x07\x0f\x1e\xdc\xb4i\x13c\xcc$W\x02D\x13\xde&gt;\x16\xf3B\x00\xb4\x12\xd9\xdc\xeb\xba\xce9g\x17\xc8\x87C\xc9e\xe0\xf2\x9f\x02\xf8d\x90\x93\x1b+W\xaet:kTU\x9d5}\x820\xdcD&amp;m\xfd%EUD]\xcd\xed\xbf\x1d}E\xc7\xb6\x8c\xb1\xcc\xcc\x0c\n\xe8k\x00\x9eS\xc0\xf3D\x04O\xfds\xceu]7I\xf8\xf9\x0e\x04@\x8b\x93\x8d\xbbl\xee5M\x937\xfd;\x9d\xce\xf2\xf2\xf2\x93\'O\x96\x95\x959\x9dN\xc6\x98\xfc\xa7\x00\x9e\x05VU\xd5\xe5r\xbd\xf3\xf6\xdb\x8c\xb1AW%$\x0f\xe9/j\xeaT3-\xfe\xf9!\xc6\x18ot\x87\xc4\xc6\xdcu\xfbh!\xc4\xa6M\x9b\x0e\x1f&gt;\x1c\x90\xcb\x818\xe7\xf2\n\x90\xacsEQ\xaa\xab\xab+++\xab\xaa\xaa\xaa\xaa\xaa\x18c\xaa\xaaj\x9a\xa6(\x8a\x0c\x03o\x1f\xafY\x98\xe2\xd6\x1b/\x12B\xc8\xc6\x9d\x88rrr\xb6l\xd9\xb2k\xd7\xae\xa2\xa2\xa2\xb2\xb2\xb2\xba\xba:yJ\x84\x84\x84\\y\xe5\x95\xc9\xc9\xc9\xe3\xc6\x8dKMM\x95\xf7\x04\x05\xd8\xe60\xf2\x1d\xed\xdb\x97\x93w\xe0\x80\x10\xe2\xf6[G*\xb6`\xbd\xaeA\t\xac]?/\x01c\x8c\x0c\xf7\xed\xe3ox\xe5\xb5\xf7kk\xebV\xaf^\xfd\xfb\xdf\xff^\xde+\xe7\xedCk\x1er\xec+\xeb\xb9\xb8\xb88;;{\xfb\xf6m\xc7\x8e}[P\x90\xaf\xeb:#&amp;\x88z\xf4\xe8\xde\xb1\xe3\x15C\x87\x0e\x1d3fL\xef\xde\xbd\xe5\x85\x10l\x8f\xd1\n\xb0\x0c\xb4\x05\xc9\xd6\xbf\xa4\xa4d\xc5\x8a\x15\xabV\xad\xda\xbf\x7f\xff/~\xcbUW]\xf5\xe7?\xffy\xf4\xe8\xd1\x01\x96\x01r\xe3\xcf?\xfe\xf1\x0f/\xbf\xbc \xca\x11q\xe0\xcb\x0f\xda_\xd9V4\xba\x03x\xba\xe3\xd73\x84 \x9b\xed\xba\x91\xf7\xec\xf8\xe2\xebk\xae\xbez\xeb\xb6mD\x14\x18m\x9f\xa7\x8c7m\xda\xf4\xee\xbb\xef\xae]\xbb\xb6\xb2\xb2\xf2g^o\xb3\xd9\xae\xbb\xee\xba\xc9\x93\'\xdfs\xcf=M\xbf\x1dZ\x08\x02\xa0\xa5\xc8\xda}\xff\xfd\xf7\x1fy\xe4\x91\x8a\x8a\n\xf9E\x8b\xc5"\x07\xb9\x9e\xcb\xbfrj\x88.\\\x13\x93\x83\xdf\xc0\xdb$R\x08\xa1\xeb\xee\x01\x03\x92\xf2\xf3\xf3\xaf\xbf.e\xd3\xe6w\x0cgM`\xb4q\x97O\xd7\xb9\xe6\x88\x9a\xff\xe4\x82g\xff\x9c\x11\x14\x14\xf4\xf5\xd7_\xc7\xc5\xc5\x05\xc0 @\x16pII\xc9\xd3O?\xbd|\xf9rOS\xd3\xb9S\x87\x9e=;\xf7\xed\xd5\xd5\x11\x15I\x9c\xbb\xdd\xfaW\xb9\x85\xc5\xc5e\x07\x0e\x16\x11}\xf7\x9aQ\xa3F\xbd\xf0\xc2\x0b\x83\x07\x0f\xc6\xf3\x93[\x14\xa6\x80Z\xd6\x15W\\QQQa\xb5Ze\xa3\xefv\xbb\x7f\xf8\x1a\xd9\xe8\xcb\x12\x97-\xfe\xec\xd9\xb3;t\xe80q\xe2\xc4\xc0\xc8\x80\x0b\x9b\xff\x1c=z\xf4\x08\x11\xdd4\xea\x1aR4\xc3\x10~\xde\xbe5\x1b\xc6\x18\x19\xae\xd1#\x87\xbc\xf0\xd2[\r\r\r;v\xec\x08\x80\x00\x90c\xbe\xac\xac\xac\xfb\xee\x9bv\xeaT\t\x11\xd9\x83l\xbf\x9bt\xf3]w\xde\x9c\xd2?&gt;\xbc},\x91B\xa4~\xd7\xe2\x0b]w\xd6\xe4\x1c8\xbc&gt;k\xfb\xd2\x8c\x0fK\xcb\xcedggo\xdd\xba\xf5\xa5\x97^JOO\x97WD\x90\x01-\x01#\x80\x16$\xcf\xe1\xd4\xd4\xd4\xf5\xeb\xd7\xcb\xaf\xb4m\xdbv\xf8\xf0\xe1C\x86\x0c\x89\x8b\x8b\x8b\x8c\x8c\xd44\xad\xa6\xa6\xe6\xe0\xc1\x83k\xd6\xac\xd9\xbcy\xb3|\x8d\x1c"\xc4\xc4\xc4\x14\x14\x14DEE\x91\xff\x97\xbel\x0b^}u\xd1\xec\xd9\x8fi\xaa\xba{\xcb;\xc9C\x93\xf8\xf9Z\x93_\x01\xf6\x10B0U\xa9kp\xf5I\xfe\xed\xf1\x13\xa5\xbf\xf9\xcdm\x1f\x7f\xfc/\xbf\xce~y\xf0\x99\x99\x993g\xce\x94_\x99v\xcfm\x8f=zwBr_"\x83\xea\xea\r\x97n\x08y74#"\x851EU(\xd8N\xaa\xb5\xfcd\xf1\xd2\xcc\x0f\xff\xf6\xf7\x15\x95\xd5N"\x9a1cFFF\x06\xc6\x01-\x04\x01\xd0\x82\xe45\xde\x8d\x1b7\x8e\x193\xe6\x86\x1bn\xb8\xf7\xde{SSS\xa3\xa3\xa3\x7f\xf4\xc5\xabV\xad\x9a6mZcc\xa3\\/\xaf\xeb\xfa\xdf\xfe\xf6\xb7G\x1ey$\x00\x1e\x1d.\x9b\x83\twL\xf8\xe8\x9f\x1fu\xbe\xb2\xfd\xc1\xbd\xff\x0c\t\x0e\x12\xdc\xc0\xf9\xec\xc1\xb9\xa1F\x84\xdd~\xdb\xac\x8f\xd7l\xe9\xd2\xb9\xf3\xc1\xfc\xfc\xe0\xe0`9C\xe8\xedC\xbbh\xdfk\xfd\xa3\x1d\x11K\xfe\xfb\xa9\x89\x93\x7fC\xeez^[G\xc4\xe4\xe2\xe7\xef}\x97 \x12\x86a\x18B\xb3Y)8"g\xcf\xde\x19\xd3\x9f\xca\xc9=D\x172\xc0\xaf\x13\xd1g\xa1\x0b\xd6\x82\xe4\xb2\xce\x11#F\xec\xdd\xbb7;;{\xca\x94)\xd1\xd1\xd1r\xbd3oB\xd7u]\xd7\xef\xbc\xf3\xce\x05\x0b\x16\xc8A\x83&lt;\xf3\xd7\xad[G\x01q1PQ\x14\x97\xcb\xf5MA\x01\x11\xa5\\\x95\x10\x12\x13\xc5\xdd\xdc\x1f\x9b\xb6\x96#\x84 \xa6\x8e\x18v\x15\x11\x95\x9f.?y\xf2\xe4w_\xf47\xb2\x99\xce\xce\xce\x96\xad\x7fTd\xd8gk\x96L\x9c\xfc[w\xc5Y\xa3\xae^UUUU~\xf4O\xcf\x88\x14E\xd14U\xe8\xba\xfb\\y\xf2\xc0\x84\xec\x8d\xcbR\x92z\x13Qff\xe6\xfc\xf9\xf3e\xaf\xa8\xb5\xdfO\xa0\xf3\xfb\xc6\xc5\xf7Y\xad\xd6\xe4\xe4dy\x81W\xf6\xee\xe5Rh\x0f\xb9\xfc\x99s\x9e\x96\x96\xd6\xb6m[yI@\x08QTT\xe4r\xb9d\x1ex\xfbM\\:9x/--=q\xe2\x04\x11]5\xa0\x171\xcd\xaf\xdfQK`\x8c\x91\xd0\x93\xfa\xf7R\x14\xa5\xbe\xbe!77\x97\xfc0\x00\xe4\xdf\xba\xac\xac\xec\xee\xbb\xa7\x10Q\x94#|\xfd\xda\xa5)\xc3\x06\xba\xcf\x9d\xb6X\xb4_\xd9\x95a\x8cY\xac\x16^u\xde\x11\x19\x96\xb5\xfe\xcd\x81I\xbd\x89h\xfe\xfc\xf9\xd9\xd9\xd9\x9a\xa6\xe1\x16\x81\xe6\x85\x00h\r\xf2\xc4\x90\x03\x82\x1f}\x81\xa2(\x8a\xa2\x04\x07\x07\xf7\xe8\xd1\x83.L\xfaWWW\xd7\xd7\xd7\xb7\xea\x81\xb6\x00\xd9\x8a\x1d;v\xcc\xe9\xac!\xa2\x01\xfd\xe2\x89\xd0\xfd\xff&gt;Ea\xd4\xe8\x8a\xef\xd192"\x8c\x88\xbe\xf9\xa6\x80\xfc0\x00\xe4\xca\xfdys\xe7\x96\x95\x95k\x9a\x9a\xf1\xf7\'S\x86\rq\x9f\xab\xb0X-\x17\xfb\xa3TM\xe3\xb5\xf5\x8e\x98\xc8\x0f\xde[\x18\x13\x1dI$\x1ez\xe8!\x97\xcb\x85\xa7\xa75/\x04@k\xf85}\x1fY\xd6M[F\xb9QD\x0b\x1eV\xab\x90\xef+//\x97\x88"\xc2\xc3\x12zw\xa3\xc6\xc6\x00x_\xcdK&gt;!\xc0\xd1!\xb6g\x8fND\x94\x97w\x80\xfc\xed\xe2\xbf\xe7I\x0f+\xde{\x8f\x88&amp;OL\xbd}\xca\x04w\xc5\x99Kh\xfd%US\xdd\x95\xce\xae}\xe2\x17\xbe\xf0\xa8\x10t\xe8\xd0!&lt;5\xa1\xd9!\x00|\x82\xec:\xb9\xdd\xeeS\xa7Ny\xbe\xe8p8\x82\x83\x83\xbdxT\xcd\xa8\xac\xac\x8c\x88\x82\x83\x83""\xc2\x88s\xbfj\xd9Z\x89\x10B\xb3Y\xa3\xa3"\x88\xa8\xbc\xbc\xdcO\xaf\x00/]\xba\x94sn\xb3Y\xe7\xcdI3\\\x97\xbb\xd0K\xb3j\xdcYu\xe7\xef\xc6\xf5\x8a\xfb\xbf\rS\xfd}R\xd4\xa7 \x00|\x82\xec\xd4\xec\xd9\xb3\xe7\xdbo\xbf\x95\xc3\x05\xc6X\xaf^\xbd\xe4\xa4\xa7?6\x04\x1e\xf2\xed\xe4\xe4\xec#\xa2^\xf1]Bc\x1d\x86[\xf7\xebw\xd4B\x0cC\x10\xd3\xae\xea\xdf\x8b\x88\n\x0b\x0fUUU\xf9QK\xe7\xd9\xea\xf5\x7f\xd7\xadc\x8cM\x99\x94\x1a\x9f\xd4W\xd4\xd5_\xe6\x12\x06FD:\xb7\x85\x87=\xf1x\x1a\x11\x1d9rd\xf3\xe6\xcd\xe6\xd90\xb5\x15 \x00\xbc\xcfS\xcds\xe7\xce\x95\'\xbc\xbc+\xf8\xf6\xdbo\'?\x9c\x08\xfeQ\xdfMp\x05\xc4\xa2\xa6\x96\xc4\xe4\xe6\xd8\x9e\xcds\xfc\x85\xbc6\xbbq\xe3\xc6\xea\xf3\xe7\x85\x10\xf7\xdcu\x8b\x10F\xb3l\xf5\xaa\xa8\x8a\xa8\xaf\x1b?vD\x94#\x82\x18\xfb\xf8\xe3\x8f.\xffg\x82\x07\xceF/\x93\xad\xbf\xaa\xaa\xb3f\xcd\xda\xb6m\x9b\x9c\xf7\xe7\x9c\xc7\xc7\xc7\xdfq\xc7\x1d\xb2c\xe5\xedc\xbc,\x8c\xb1\x86\x86\x86\x92S\xa7\x88\xc8\x11\x19N\xc4\x02!\xd0Z\x8apD\x86\x13Qmm\xad\x9c\x0c\xf4\x97\xf8\x97C\xba\xcd\x9b7\x11Q\x97\xce\x1d\xfa\xf5\xefE\xf5\xcd\xf3\xa4\x07yu$\xb4M\xcc\xf0\xa1I$\xc4\xae\x9d\xbb\x1a\x1a\x1a\xd0\x8dh.\xf8\x1c\xbdI\xde)\xc6\x18\x9b1c\xc6\xeb\xaf\xbf\xeei\xeb\x19co\xbc\xf1\x86\xddn\x97\xcb\x87\xbc{\x90\x97CNd\xd7\xd5\xd5\x15\x9f*&amp;\xa2\xa4~q\xa4X\x84\xe1\x1f\x8dZ+c\x8c\x11\xf1\xa4\xfe\xf1DT[[W\\\\L~\x15\x00B\x88\xa3G\x8f\x11Q\xf7nWF\xb6\x8f\x11\xcd7\xd1g\x18B\xd1lI\x89qDTV\xfe\xdd\xf6\xe9\xfe\xf2\xc9\xf88\x04\x80\xd7\xc8U\x13\x95\x95\x95\xe3\xc6\x8d{\xf3\xcd75\xed\xbb\xd5\xf1\x9c\xf3\x8c\x8c\x8c\xeb\xae\xbb.`n}d\x8cY,\x16"\xd2uL\xdd\xfe\x02\xcfG$?1\xbf \x970TWW\x17\x15\x1d&amp;\xa2\xc4&gt;\xddI4\xe7\x83-\x19cDzB\x9f\x1eDT]}\xbe\xa0\xa0\x80\x9aL\x9c\xc2\xe5\xf0\xef=\x06\xfc\x97l\xdc\x0b\n\n&amp;L\x98\x90\x9f\x9f/[\x7f9\xf3\xfb\xf6\xdboO\x9d:5\x00v\x80h\xea\xc2"Wo\x1f\x87\xcf\xf3|D~\xd7\xc3\x15B\xc8\xbd\x0ec\xa2"\x88)\xcd}\xf8"&amp;:\x82.&lt;S\xacy\x7f\xb4\x99\x05N\x13\xe3GdC\xff\xc5\x17_\x8c\x1b7\xee\xec\xd9\xb3\xb2\xf5\xe7\x9c\xc7\xc4\xc4\xbc\xf7\xde{c\xc6\x8c\t\xb0\xd6\x1fLBN\xcds\xde"}s\xcf\x8f\xc5\x05\x80f\x84V\xa6\xb5\xc9\xdd~\n\n\nn\xb9\xe5\x96\x8a\x8a\n9\xc9\xc39\x1f0`\xc0\xaaU\xab\xe2\xe3\xe3\x03\xb2\xf5\x97\xd3\xc1~\xd7\xabm}\x9e\x8f\xc8\xef\xae\xfdx\x9ef\xe1v\xeb\xd4\x02\x7fh\xb7\xfb\xbb\x8e?v\x83hF\xc8\xd2V%O\xef\xc6\xc6\xc6\xc9\x93\'WTT\xc8\x86^\xd7\xf5\xd1\xa3G\x7f\xfe\xf9\xe7\x81\xda\xfa\x0b!t\xae\x13\x91\xd5\x7f\xe6\xb5\xbd\xc5\xf3\x11\xf9\xd1D\x87\xbc$\x1b\x1e\x1e\xde\xad[w"\xda\x97w\x88\x18o\x96%@\x92\x10\x82H\xdb\x9f{\x88\x88\xc2\xc3\xc3z\xf6\xecI~\x18\x90\xbe\t\x01\xd0\xaa\xe4\xb2\x9f\x7f\xfc\xe3\x1f\xfb\xf6\xed\xd34\xcd0\x0c\xce\xf9\xa8Q\xa3\xd6\xacY\x13\x11\x11\xc19\x0f\xc8\xd6\xdfb\xb1D\x84G\x10Q\xd1\xb1\x93$\xfc\xfb\xbe\xb6\x16\xa6\x14\x1d;ID\x16\x8b%""\x82\xfc\xa7\x993\x0cC\xd3\xb4N\x9d:\x11\xd1\xf1\x13e\r\xd55\xac\xf9\x1e\xf6\xc0\x18\x91\xe0\x85GN\x10Q\x94#*&amp;&amp;\x86\xfc\xe7\x93\xf1q\x08\x80V%\xa7/W\xacX!\x9fn!\x84\xe8\xd4\xa9\xd3\x07\x1f|`\xb3\xd9\x02f\xcdOS\xf2=\x86\x85\x85\xc5\xc5\xc5\x13\xd1\x91c\xa7H\xe88s\x7f\x94\x10\x82H9r\xb4\x98\x88\x1c\x8e\xc8\xb8\xb88\xf2\x9ffN\x0em\x87\r\x1bFD\xf9\xdf\x1c-\xc8+$\xbb\x9d7\xc7B\x1d!\x84b\xd1\x1a*\xab6l\xde\xcd\x18KJN\n\x0e\x0e\xf6\xf7\xdb\xe3}\x07\x02\xa0\xf5\xc8\xd5rN\xa7\xf3\xe0\xc1\x83\x9e;~\xff\xf0\x87?8\x1c\x0e\xb7\xdb\x1dx\xad\x7fS.\x97\x8b\x88\x82\x82\xac\xc4Pr?\xc7\x1ed#"\xf9\xa0\x08o\x1f\xcbE\x90=\x9b\x9bn\xba\xc9j\xb5\x1a\x86\xb1\xf6\xb3\xadL\xb5Rs\xdc\xf0a\x18\x82\xd9\x83\xbf\xd8\xb5\xbf\xb4\xec\x8c\x10b\xdc\xb8[\t\x17\x93\x9a\x0f\xce\xc6\xd6#\xab\xb6\xbc\xbc\xbc\xb2\xb2\x92\x88t]WU\xf5\x86\x1bn\x08\x80\xdb}\x7f\x86\\\xaf\xdd\xbf\x7f\x7f"*,:Ys\xb6\x92ix\x1e\xc0\x8f\x90\x8f\x04\xd8\x97WHD=z\xf4\x0c\x0f\x0f\xf7\xa3\xfd\xe0\xe4&amp;\x9d\xf1\xf1\xf1\xc3\x86\rc\x8c\xbd\x96\xf1\xc1\xd9\x93\xc5\xccfi\x8e?\xb4 \xc3x~\xc1[\xba\xce\xdb\xc4\xc6\x8e\x1d;\x96.&lt;:\x1b.\x1f\x02\xa0\xb5\xd5\xd7\xd7\xcbe\xa0\x8c\xb1\x88\x88\x</t>
        </is>
      </c>
    </row>
    <row r="349">
      <c r="A349" s="1" t="n">
        <v>347</v>
      </c>
      <c r="B349" t="inlineStr">
        <is>
          <t>shape_size_hexagon</t>
        </is>
      </c>
      <c r="C349" t="inlineStr">
        <is>
          <t>What is the size of the missing shape denoted with a question mark if it is a hexagon?</t>
        </is>
      </c>
      <c r="D349" t="inlineStr">
        <is>
          <t>['small', 'large', 'medium']</t>
        </is>
      </c>
      <c r="E349" t="inlineStr">
        <is>
          <t>large</t>
        </is>
      </c>
      <c r="F349" t="inlineStr">
        <is>
          <t>There are 7 shapes with different sizes in the image, of which there is a missing hexagon in the center. The other shapes are arranged around the center, which are ['hexagon', 'triangle', 'square', 'hexagon', 'triangle', 'square'] in anti-clockwise order. Their corresponding sizes are ['large', 'small', 'medium', 'large', 'small', 'medium'].</t>
        </is>
      </c>
      <c r="G349" t="inlineStr">
        <is>
          <t>We observe that the hexagons are large size, the triangles are small size, and the squares are medium size. Hence, the pattern is that each shape appears with a distinct size.</t>
        </is>
      </c>
      <c r="H349" t="inlineStr">
        <is>
          <t>Based on the pattern that each shape appears with a distinct size, the size of the missing hexagon should be large.</t>
        </is>
      </c>
      <c r="I349" t="inlineStr">
        <is>
          <t>b'\x89PNG\r\n\x1a\n\x00\x00\x00\rIHDR\x00\x00\x02\x00\x00\x00\x02\x00\x08\x02\x00\x00\x00{\x1aC\xad\x00\x009\xc1IDATx\x9c\xed\xddy|T\xd5\xdd?\xf0\xb3\xdc\x19H\xc8\n\x88\xb8!\x12\x01\x15\xa45h\xa5* &gt;\x02\xd6\xda\x8a\x15\xa9\x08\x02&gt;\x8fU\x8b\x88A\x16\xc3#\xc1\xb2\xb8\x95\x00\x01\x976\xda*;}\x00\x7f?\xe9O\xdb\x1a\x95\xb5Z\xb4%\xbc\x14\\B\x0c\xf8X\xfb2RH2I \xc9\xcc=\xe7\xfc\xfe8\xe4\x1a\xc3\x96ef\xee\x9d{&gt;\xefW_\xbc*\x10rf&amp;\xdf\xfb\xb9g\xb9\xe7P\xa5\x14\x01\x00\x00\xf30\xb7\x1b\x00\x00\x00\xee@\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b7\x1b\x00\x00\xdf\xa1\x94r\xbb\t\xb1B)u\xbb\t\xf0\x1d\xd4\xc7?m\x00\x00p\x1a\xe8\x01\x00x\x88R\xaa\xba\xbaZJI\xa9\x7fn\xce\xf4kIJJ\xea\xd8\xb1\xa3\xdbm\x81\xef@\x00\x00x\x82R\x8aR\x1a\n\x85\xae\xb8\xe2\x8aP(\xe4vs\xa2\x89s.\x84x\xf4\xd1G\x1f}\xf4Q\xdb\xb6-\x0b\x97\x1d\xaf\xc0\'\x01\xe0!J\xa9#G\x8e\xd4\xd4\xd4\xb8\xdd\x90\xe8;v\xec\x98\xdbM\x80\xe6\x10\x00\x00\xde\x12\x08\x04(\xa5\xce\x10PBO\x9c\xea\x97`Y\x96m\xdb\x9cs\xb7\x9b\x03\xcd!\x00\x00\xbcE)\xa5\xaf\x9bM\x7fMh\xaa\x91\xdb\r\x81\xe6\x10\x00\x00\xdeE)MK\xed\xc4(M\xb8k\'\xa5\xb4\xae\xae\xa1\xbe\xa1\xc1\xed\x86\xc0\xe9 \x00\x00\xbcH\x0f\x01\xa5\xa5v*.\xfaCf\xe7t\x11\xb1\x13h,\xc8\xb6\xed`\xd7\xceO?\xb9\xfc\xd7\xcf\xad\xc0\x94\xaf\x97\xe1\xb3\x01\xf0.Ji\x97\xce\xe9\xe9]2I$B\x12\'\x00\x84m\xf3\xae\x9d\x93\x93\x92\xdcn\x08\x9c\x01\x02\x00\xc0\xd3"\x11[E"v\xa2\xf5\x00X$"\x84t\xbb!p\x06\x08\x00\xa3I)\x19\xc3~P\x9eF\x9bp\xbb--\x95h\xed5\x17\x8a\xdf\\J)\\\xfd\x01L\x86\xfa7\x94~\xeet\xd7\xae]\xe1p\x18\xeb\xf3\x00\xcc\x84\x000\x91\xbe\xe2WWW\x8f\x1c9r\xfb\xf6\xed\x94R!\x84\xdb\x8d\x02\x80xC\x00\x98H\xef5\x96\x97\x97W]]\x9d\x97\x97g\xdb\xb6\x9f\xb6\x1e\x03\x80\x16B\x00\x18GO\xfc\x96\x94\x94\xbc\xf0\xc2\x0b\x96e\xbd\xff\xfe\xfb\x85\x85\x85\x8c1)\xb1f\x03\xc0,\x08\x00\xe3\xe8\xd1\xff\xa9S\xa7\xda\xb6M\x08a\x8c\xe5\xe5\xe5UVV2\xc6\xd0\t\x000\n\x02\xc0,B\x08\xceyQQQQQ\x11\xe7\\\x0f\xfeTVV\xe6\xe5\xe5QJ\xd1\t\x000\n\x02\xc0 \xfa\xde\xdf\xb6\xed\xa9S\xa7:\x83\xfezD\xa8\xb0\xb0\xb0\xa4\xa4\x04\x03A\x00FA\x00\x18\xe4\xa4\xd7\xfa\x93\xa6\x02\x00\x98\x00\x01`\n\xfd\xd8W\xb3\xd1\x1e\xfd X\xb3q!,\t\x050\x04\x02\xc0\x14\xce\xd2Og\xbe\xb7\xe9\xa0\xbf33\x1c\x0e\x87\xd1\x0f\x000\x04\x02\xc0\x08\xce\xd2O\xbd\xe2S\x08\xa1\xaf\xf2w\x8d\x1a\xc99\xd7I\xc09/))\xc9\xcf\xcf\xc7L\x00\x80!\x10\x00Fh\xba\xf4\x93R\xaaG~\xbe\xdf\xbf\xef\xca\x95\xcf\xfe\xecG\xc3\x94Rz\xe4\x871\xb6x\xf1\xe2\xf2\xf2r\xac\x08\x020\x01\x02\xc0\xffN\x1c\xe2\xd7\xb7\xff\x8b\xe6N\xb3:vX\xf0\xdf\x0f\xa5\xa7\xa5\x12\xa5\x08!\x8c\xb1\x8a\x8a\x8a\xd9\xb3g\xe3\x99\x00\x00\x13 \x00|\xee\xc4E&gt;:\x03F\xdfr\xe3\x8d#\x86\xd6\xfd\xeb_}\xb3/\x7f\xf8\xde\xb1BJ\xce\x99m\xdb\x8c\xb1u\xeb\xd6\x15\x17\x17s\xce\xd1\t\x00\xf07\x04\x80\xcf5[\xfa\xa9\x94TJ\x05\x83\x81\x85\xb9S\x94\x94\xcc\xb2\xec\xca\xaa\x9c\x07\'e\xf5\xbc@\x08\xc9\x18\xa5\x94\x86\xc3\xe1\x9c\x9c\x1c!\x04:\x01\x00\xfe\x86\x00\xf0\xb3\x13\x97~2\xc6\xa5\x94\xd3\xef\xbf\xbb\xef\x15\xfd"5\xb5\x16\xe7"\x1c\xc9&lt;\xa7\xdb\x9c\x9c{\x95R\x8c2!\x84eY;w\xee\\\xb7n\x1d\x96\x84\x02\xf8\x1b\x02\xc0\xcf\x9a-\xfd$\x84(\xa5\xce\xee\xd6\xe5\x91\x07\'\xca\xda\xa3\x8csB\x88eY\x91#\x95w\xdf}\xfbuW_a\x0b\xc19\xd3_5o\xde\xbcP(\x84%\xa1\x00&gt;\x86\x00\xf0\xad\x13\x97~\xea\xf5\x9dO\xe6N\xe9z\xc1y\x91\xfa\x06\xe7\xc8&gt;\xa5\x08gl\xe9\xbc\x19\xc1`@)\xa2\x97\x84\x96\x95\x95\x15\x14\x14\xe8/t\xf7\x85\x00@\x8c \x00|\xeb\xc4\xa5\x9fR\xca\xec\x01\x97\xde5\xf6V\xbb\xaa\x8a[\xdf\x1e\x07\xcd9\x0bW\xd7\\9d\xd0\x9d\xb7\xde$\xa5\xb4\xac\xe3KB\x97.]ZVV\x86\xd9`\x00\xbfB\x00\xf8\xd3\xa9\x96~\xe6\xcf\x9d\xd6\xb1S\')d\xb3\xf3\xba)\xe7\xa2\xa6\xf6\xa9\xbc\x87;g\xa6\xeb\xcb=\xa54\x14\n\xcd\x9f?\x1f\xcf\x04\x00\xf8\x15\x02\xc0\x87N\xb3\xf4\xf3\xfa\x1b\x07G\xaaB\x9c\xf3f_\xc2(\x15\xf5\xf5\xe7^\xdcs\xda/\xc6I\xa98c:B\xd6\xae]\xbbs\xe7N\xcb\xb20\x10\x04\xe0?\x08\x00\x1f:\xcd\xd2O*%\xa1\xf4\xa4_\xc5\xb8eW\x86f\xe6\xdc\xdb\'\xebB!\xa5~\x16L\x08\x91\x93\x93\xd3\xd0\xd0\x80\xd9`\x00\xffA\x00\xf8\xcd\xe9\x97~\x86kj\xf5r\xa0\x13QJ\xa4\x10\x1dR\x92\x97-\x98\xa9\x94\xa2\xf4\xf8lpqq\xf1\x1f\xfe\xf0\x07l\x10\x04\xe0?\x08\x00\xbfi\xc9\xd2\xcfS\xe1\x9cGB57\xdd\xfc\x1f\xc3\x87\x0e\x12B\xea%\xa1\x8c\xb1\xdc\xdc\xdc\x8a\x8a\nt\x02\x00|\x06\x01\xe0+-_\xfay\x1aJ\x88e\x0bfY\x16W\xea\xf8tByy\xf9\x92%K\xd0\t\x00\xf0\x19\x04\x80\xaf\xb4|\xe9\xe7\xa90\xc6"\xb5\xc7.\xbd\xa2\xff}\xe3o\xd7C@BH\xc6\xd8\xa2E\x8bpf$\x80\xcf \x00\xfc\xa3\xb5K?O\x85q&amp;\x8f\x1d\x9b\x9f;%3#MO\x06\xe8\r\x82pf$\x80\xcf \x00|\xa2\rK?O\x85Rj\xd7\x87\xbb\x9c\xdf}\xde\xf4\x07\xf4\x98\x12\xce\x8c\x04\xf0%\x04\x80O\xb4m\xe9\xe7\xa90\xce\xedP\xcd\xfd\xf7\xdd\x95=\xe0R\xd9\xb8$\xb4\xe9\xe0\x12\xfa\x01\x00&gt;\x80\x00\xf0\x836/\xfd&lt;\x15\xbd$4\x98\xd41\x7f\xee4\xe7\xf4\xe0\xa6\xd3\xcb\x98\t\x00\xf0\x01\x04\x80\x1f\xb4g\xe9\xe7\xa9p\xce#U\xd5\xd7\xdf8x\xf4-7\xea! \x9d\x01yyy83\x12\xc0\x1f\x10\x00\t\xef\xb4K?\xcfm\xe1\xd2\xcf\x93\xd2\x0f\x83-\xcc\x9d\x12\x0c\x06\x88RN?\x03gF\x02\xf8\x03\x02 \xe1\x9d\xb8\xf4S\x08\xf1\xfd\xfe}\xef\x1c\xf3\xd3pE\x15\xa5L\xb6\x15%\xa4&gt;T\xdd\xf7{\x97\xe6\xfcb\x9c\x90\x92s\xae\xcf\x8c\\\xbf~\xfd\xee\xdd\xbb1\x10\x04\x90\xe8\xce\xbc0\x1c\xbc\xec\xc4\xf59\x8c\xb1@\xc0*\\\x94\x97\xdc\xfd,R\x15"m\x1a\xffq\x04\x14!J=17\xe7/[\xdf\xfb\xe8\x93R}fdCC\xc3\xf4\xe9\xd3\xb7m\xdb\x86\x00\x00Hh\x08\x80\x04v\xe2\xd2OB\xf4\x06&gt;,wA\x01YP\xd0\xda\xc5?\'%\xa5\x0ct\xecXS{T\x7fC)\x05\xe7|\xfb\xf6\xed\x1b7n\xbc\xe3\x8e;t\x02\xb5\xff\xbb\x00@\xfc!\x00\x12\x98~R\xf77\xbf\xf9MIII\xd3\xe5\xf9\x91\x88\xbd\xf5\xbd\x7f\xc4\xe2;\xea\x8c\xd1\xbf&gt;\xf6\xd8c\xb7\xdez+\xe7\\\xe7P,\xbe\x1d\x00\xc4\x14\xe6\x00\x12U\xb3\xa5\x9f\xcd\xa6d9g&lt;\xaa\x9a^\xe2\xa5\x94\x96e\x95\x96\x96\xe6\xe7\xe7\xe3\xbc0\x80\xc4\x85\x00HTz\xe9\xe7\xaf~\xf5\xab\xaa\xaa\xaa@ @\x08aM\xe8}\xdc\xa2HO/;\x08!\x96e\xe5\xe7\xe7\x1f&lt;x\x10\x19\x00\x90\xa0\x10\x00\t\xc9\xd9\xa9\x7f\xf9\xf2\xe5J\xa9p8\xdc\xe6\xa5&gt;mc\xdb\xb6m\xdb\x95\x95\x953f\xcc\x90RbI(@"\xc2\x1c@B\xd2\x032\x9d;w~\xe7\x9dw\\\\\x92O)u\xf6\x1dr\xa5\x01\x00\xd0\x1e\x08\x80\x84\xa4\x03\xa0g\xcf\x9e={\xf6t\xbb-\x00\x90\xa8\x10\x00\tL)\xe5\x85\xc1w\xdc\xfe\x03$(\x04@\x02\xa3\x94\xe2\xe2\x0b\x00m\x86I`\x00\x00C!\x00\x00\x00\x0c\x85\x00\x00\x000\x14\x02\x00\x00\xc0P\x08\x00\x00\x00C!\x00\x00\x00\x0c\x85\x00\x00\x000\x14\x02\x00\x00\xc0P\x08\x00\x00\x00C!\x00\x00\x00\x0c\x85\x00\x00\x000\x14\x02\x00\x00\xc0P\xd8\x0c\x0e\xc0\xd3\x84\x90\xfa\x7f\tt\xf0\xb2\x10R\x08!qL\x90\xe7!\x00\x00\xbc\x8bR\x9a\x91\x9e\xc23Ry\xd8&amp;\x89\x13\x00A\xdb&amp;)\xe9I\x1d:\xb8\xdd\x108\x03\x04\x00\x80wE"\xf6\x9f\xdfy7--E\x08\xe1v[ZA\x08\x11\xccH/)\xfb\x82\x10\xa2\x0f\x94v\xbbEpr\x08\x00\x00/\xd2\xc7|\xd6\x1e=6\xea\x9ein\xb7\xa5]\x84\x10\x96\x85\xeb\x8cG\xe1\x83\x01\xf04\xc6\x12u\xa5\x86R\xca\xad\xd3\xaa\xa1\x85\x10\x00\x00\xde\xc29\xe7\x9cSJ\x13\xfd\xea\xe9\x8c\xfcp\xce\x95R\x89\x9bd&gt;\x86\x00\x00\xf0\x10\xa5TUUUb\x8d\xf8\x9f\x91~9uuun7\x04\x9aC\x00\x00xH \x10\xb8\xf9\xe6\x9bkjj|\xd0\x03pp\xce\x85\x10\x97\\r\ti\xd2-\x00/\xf0\xcf\x0f\x19\x00\x00\xb4\nz\x00\x00\xde"\xa5t\xbb\t1A)\xc5\xed\xbf\xd7\xa0\x07\x00\x00`(\xcc\xcb\x03\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10\x00\x00\x00\x86B\x00\x00\x00\x18\n\x01\x00\x00`(\x04\x00\x00\x80\xa1,\xb7\x1b\xf0-\xa5\x94\x94\x92R\xeavCbK)\xc5\x18\xf3\xfd\xcb\x04h\x15\x94\xbf+\xa8R\xca\xed6\x00\x00\x80\x0b&lt;\xd1\x03\xd0\xc9\x7f\xe0\xc0\x81\xc9\x93\'\x0b!\x94R\xbe\x8c%J)\xa5\x94s\xfe\xc2\x0b/\xf4\xea\xd5K\xdf\x0b\xb8\xdd(\x00\x97\xa1\xfc\xdd\xa4&lt;\xc0\xb6m\xa5\xd4\x84\t\x13\xdc~3\xe2d\xc2\x84\t\xce\xab\x060\x1c\xca\xdfE\xee\x0f\x01\t!8\xe7;v\xec\xb8\xe1\x86\x1b\x18cRJw\xdb\x13k\xfa5n\xd9\xb2e\xc8\x90!\xfa\xb5\xbb\xdd"\x00\xd7\xa0\xfc\xddm\x8f\'\x02\x80R:l\xd8\xb0\x1d;vp\xce\x85\x10\x9e\xe8\x19\xc5\x86\x94R\xbf\xc6!C\x86l\xdd\xbaU)\xe5\xfaO\x00\x80\x8bP\xfe.\xb7\xc9\xcd\xeeGc?h\xc5\x8a\x15\x84\x10\xfd^xg~&lt;\x16\xf4\xab\xd3\xaft\xc5\x8a\x15\xca3=A\x80\xf8C\xf9\xbb^\xfen\xf6\x00t\x0b\xaa\xaa\xaa\xfa\xf5\xeb\xf7\xcd7\xdf\x10B\x18cB\x88Q7\r\x9b:\xf5?#\xd55\xbe\xb9\x17\x90R\x06\xd2R\x97/\x7f\xf9\xb5\xbfl\xe5\x9c\xeb~\xee\xd9g\x9f\xfd\xf1\xc7\x1fgdd\xe8\xd9!\xb7\xdb\x08\x10W(\x7f/\x94\xbf\x9b\xab\x80t\x87h\xc9\x92%\xe5\xe5\xe5\xfa}QJe\xa6\xa7\xfdv\xf1\xdc\xb3{\xf5 \ra\xe2\x9b\xcb\xa2R\xa4C\xf0\xb2\x0b\xcf\xdf\xfe\xb7\xdd\xa1\x9aZB\x08c\xac\xbc\xbc|\xc9\x92%\x0b\x17.\xf4\xc2P @\x9c\xa1\xfc\xbdP\xfe\xae\xf5\x00\xa4\x94\x8c\xb1\xd2\xd2\xd2\xfe\xfd\xfb\xeb~\x90\xce\xff\xe5\x0bg=\x94\xf3\x8b\xbaC\x87\xb9\xe5\x89%\xaa\xd1"l;\xa9[\xd7g\x0b^\x9a:\xe7\xd7\xfa\xc7\x9dRjY\xd6\xbe}\xfbz\xf7\xee\xad\xdf\r\xb7\xdb\x08\x10\'(\x7f\x8f\x94\xbfk\x01\xa0so\xcc\x981\x1b7n\xe4\x9c\xeb\xfe`\xef^=\xf6\xfe\xf55&amp;%!\xc4/\xe9\x7f\x9c~\x97%c\x97_7\xaa\xf4\xc0\x97\xba\xdf\'\x84\xb8\xe3\x8e;6l\xd8\x80N\x00\x18\x05\xe5\xef\x91\xf2w\'v\xf4\x0b\xde\xbe}\xbb\xfe\xf8\x85\x10\x94\x12\xa5\xd4\xb2\x053\x83\xc9IR\x08\x9f}\xfc\x84\x10J\x88\x14"\x98\x9c\xb4l\xc1L\xa5\x14\xa5\xc7\xdf\x84\x8d\x1b7n\xdf\xbe]\xbf\tn\xb7\x11 \x1eP\xfe\xde)\x7f\x17z\x00:\xed\xa5\x94\x83\x06\r*..\xd6S B\xc8\xe1C\x07\x15m~%RS\xeb\xe3\xc1\x10)e 5e\xc4\xad\xf7\xbc\xb5}\x17\xe7L)\xa2\x94\xca\xce\xce\xde\xb5k\x97\xde!\x04\xb3\xc1\xe0o(\x7fO\x95\xbf\x0b\xef\xb5\x1e\xf0*,,\xdc\xbd{\xb7~,B)bY|\xd9\x82Y\xca\x80\xbb`%\xc4\xb2\x05\xb3,\x8b+u\xfc\xad\xd8\xbd{waa\xa1\tO\xc1\x00\xa0\xfc=U\xfe\xf1\xee\x01\xe8oWUU\x95\x95\x95\x15\n\x85\x9c\xc9\x9f\xc9\x93\xc6&lt;\xff\xdc\xc2\xf0\x91*n\xf9|(\\\xd8"\xd8%\xe3\xc1)s^X\xb1\xc1\x99\x0eJOO/++\xcb\xc8\xc8 ~_\n\r&amp;C\xf9{\xad\xfc\xe3\xdd\x03\xd0/8//\xaf\xb2\xb2R\xbfT\xa5\xd4\xd9\xdd\xba\xcc\x9f\xfd\x90&lt;z\x8cq\xdf\xf6\xfe\x1c\x8c3y\xf4\xd8\xfc\xd9\x0f\x9d\xdd\xad\x8b\xae\x07Jieee^^\x1e\xa5\x14\x9d\x00\xf01\x94\xbf\xd7\xca?\xae\xef\xb8\xee\xf2\x94\x94\x94\xe8.\x8f~\xec[J\xf9d\xee\x94.\xe7w\x8f\xd47\x98p\xf3K)\x8d\xd47t9\xbf\xfb\x93\xb9S\xf4\x1b\xa2\xdf\x87\xc2\xc2\xc2\x92\x92\x12\x0c\x04\x81_\xa1\xfc\x89\xf7\xca?\xae\x01\xa0\x94\xa2\x94N\x9d:\xd5\xb6mJ\xa9~\xb5\xd9\x03.\xbdk\xec\xadvU\xc8g+\x7fO\x83[\x96]\x15\xbak\xec\xad\xd9\x03.\xd5?\x04\x94R\xdb\xb6\xa7N\x9dJ\xa9\xfb\xbb3\x01\xc4\x02\xca_\xf3T\xf9\xc7/\x00\xf4\xb2\xa7\xa2\xa2\xa2\xa2\xa2\xa2\xc6\xb5_T)\x95?wZ\xc7N\x9d\xa4\x90\xfeO\xffF\x94\x10)d\xc7N\x9d\xf2\xe7N\xd3Uq\xe2\x9b\xe3v\x1b\x01\xa2\t\xe5\xef\xf0T\xf9\xc7)p\xf4\xda/\xdb\xb6\x07\x0c\x18\xb0\x7f\xff~\xe79\x88\xd1\xb7\xdc\xb8a\xcd\xb3vu\r3\xef1()\x84\x95\x96:f\xfcC\x9b^\x7f\xdby\x16\xa6O\x9f&gt;\x1f}\xf4\x91eYX\x12\n\xbe\x81\xf2?\x91G\xca?N=\x00\xdd\xd3\xc9\xcf\xcf/))\xe1\x9c+%\x89R\xc1``a\xee\x14*\xa5\x7f6\xfdh\x15J\xa9\x94\x0bs\xa7\x04\x83\x01\xa2\x94R\x92s^RR\x92\x9f\x9f\x8f\x99\x00\xf0\x13\x94\xffIx\xa3\xfc\xe3\x11\x00z\xea\xbf\xbc\xbc|\xf1\xe2\xc5\x8d\x93\x1e\\H\xf9\xc8\xfd\xe3\xfb^\xd1/\xec\xebG?N\x831\x16\xae\xa9\xed{E\xbfG\xee\x1f/\xa4d\xec\xf8f\xe8\x8b\x17/.//\xc7\x8a \xf0\x07\x94\xffIy\xa4\xfc\xe3\xf1\xd6\xeb\xd5\xbe\xb3g\xcf\xae\xa8\xa8\xd0=\x1b)eV\xcf\x0b\x1e\x9dv\x9f]]k`\xef\xcf\xc18\xb7\xabk\x1f\x9dv_V\xcf\x0b\xa4\x94\x94\x12JiEE\xc5\xec\xd9\xb3\x19c\x98\r\x06\x1f@\xf9\x9f\x8a\x17\xca?\xe6\x01\xe0&lt;\xed\xb6~\xfdz\x9d\xff\x942\xa5\xd4\x9c\x9c{3\xba\x9f%\xc2a\x93G\xba)\xa5"\x1c\xce\xe8~\xd6\x9c\x9c{\x95R\x94\x1e_\x13\xb6~\xfdz\xe79I\xb7\xdb\x08\xd0v(\xff\xd3\xf0B\xf9\xc7|\x12XOp_\x7f\xfd\xf5z\xcf#B\x94\x10r\xf0\xa0\xec\xad\xaf\xaf\x92uuf\xf6\xfe\x9a\x91R\xb2\xa4\xa4a\xb7L\xd8\xb9\xab\x98sF\x08\x15B\x0c\x1d:t\xdb\xb6m\xd8%\x14\x12\x1a\xca\xff\x8c\xdc-\xff\xd8~\x00\xfa\x05l\xda\xb4\xa9\xc9\x8ew\x94s6\x7f\xe6/y\xc0\xc2\x10\x87\xa6\x94\xe2\x01k\xfe\xcc_:\x1f\xbf\xde+q\xd3\xa6MX\x12\n\x89\x0b\xe5\xdf\x12\xee\x96\x7f\x0c{\x00z\xcf\xbf\xda\xda\xda\xec\xec\xec\x83\x07\x0f:k\xbf\xc6\x8f\xfe\xf1\xea\x95\xcb\xc2\x87\x8f\x98\xf3\xe8\xc7\x19\t\xdb\x0ev\xedr\xf7\xc4\x87\xd7lz\xc3Y\x13v\xd1E\x17\x15\x17\x17\xa7\xa4\xa4\xe8GE\xdcn#@+\xa0\xfc[\xce\xc5\xf2\x8fa\x0f@GYAA\xc1\x81\x03\x07\x9cW\x95\x96\x9a2w\xc6\x03\xb2\xae\x8e2\x8cl|\x8b2.\xeb\xea\xe6\xcex -5E\xbfQ\x9c\xf3\x03\x07\x0e\x14\x14\x14\xa0\x13\x00\x89\x08\xe5\xdfr.\x96\x7f\xac\x02@\x1f\xf8YVV\xb6t\xe9R=\xf9\xc39\x93R\xce\x9c&lt;\xa1\xf7\xf7.\x8b\x1c=\xc6\x18ni\xbf\xc5\x18\x8d\x1c=\xd6\xfb{\x97\xcd\x9c&lt;AJ\xc9\xf9\xf1\xe9\xa0\xa5K\x97\x96\x95\x959\x07I\x03$\x04\x94\x7f\xab\xb8X\xfe\xb1\x1a\x02\xd2\xf9?q\xe2\xc4U\xabV\xe9\xfc\x97R^\xdc\xab\xc7\xbe\xbf\xbe\xc6\xf5\x1ex\xb1\xf8\xae\x89L\x7f\x0c\x82\xd2\xfe\xd7\x8d\xfa\xfc\xc0\x97\xba\xdf\'\x84\x980a\xc2\xca\x95+1\x1b\x0c\t\x04\xe5\xdfZn\x95\x7fLz\x00\xba\xb9;v\xecX\xbbv\xad\xb3\xef\x07!d\xe1\xac\xc9\x1dR;I\xdb\x87G\xbe\xb5\x1f%D\xda\xa2Cj\xa7\x85\xb3&amp;\x13\xbdDL\x08\xce\xf9\xda\xb5kw\xec\xd8\x81\x81 H\x14(\xff6p\xab\xfcc\xd2\x03\xd0\x1f\xf9\xb0a\xc3t\xd3\xf5\xda\xaf!?\x1c\xb8\xfd\xcd\xb5\x91P5\xc3\xf0\xdf\xa9I)\x02\xe9iCG\x8e\xdb\xf1\xb7\xdd\xce\xaa\x80!C\x86l\xdd\xbaU\x8f\x0c\xba\xdd@\x803@\xf9\xb7Y\xfc\xcb?\xfa=\x00\x1d\\\xabW\xafv\x82K)\x12\x0c\x06\xf2\x1f\x7fD\xd9B\xa1\xf3wZ\x8aPe\x8b\xfc\xc7\x1f\t\x06\x03J}{3\xb5z\xf5jt\x02\xc0\xfbP\xfe\xed\x11\xff\xf2\x8fr\x0f@OaWUU\xf5\xeb\xd7\xef\x9bo\xbe!\x84\xe8)\xa0\tw\xfcd\xe5\xca\x82\xf0\xbf\x0fc\xed\xd7\x19\t\xdb\x0e\x9e\xd5u\xe2\xc4\x9cU\x1b\xff\x9f3\xffs\xf6\xd9g\x7f\xfc\xf1\xc7\x19\x19\x19\xd8%\x14&lt;\x0b\xe5\xdf~q.\xff(\xf7\x00\xf4\x93\xdfK\x96,)//\xd7\x8f\xf9)\xa523\xd2\x9e\xca\xcb\x1155\x14#\x18-@9\x1755O\xe5\xe5df\xa4\xe9xf\x8c\x95\x97\x97/Y\xb2\x04\x9bC\x80\x97\xa1\xfc\xdb/\xce\xe5\x1f\xcd\x00\xd0k\xbfJKK\x17-Z\xa4\xdb\xaa\x7f\x9d7\xe3\x81s\xb3z\x88\xfa0\xc3\xadk\x0b0JE}\xf8\xdc\xac\x1e\xf3f&lt;\xe0\xbc\x87\x8c\xb1E\x8b\x16\x95\x96\x96bI(x\x13\xca?*\xe2\\\xfe\xd1\x1c\x02\xd2#Vc\xc6\x8c\xd9\xb8q\xa3\xf3\xe8G\xef^=\xf6\xfe\xf55&amp;%\xc1\xda\xaf\x16\xd3\x1f\x89d\xec\xf2\xebF\x95\x1e\xf8\xd2y\x8a\xf2\x8e;\xee\xd8\xb0a\x03\x96\x84\x82\x07\xa1\xfc\xa3%\x9e\xe5\x1f\xb5\x1e\x80\xb3\x85\x85\xfe\xf8\x85\x10\x94\x12\xa5\xd4\xb2\x053\x83\xc9IR`\xedW+PB\xa4\x10\xc1\xe4\xa4e\x0bf*\xa5(=\xfe\xf6n\xdc\xb8\xb1\xc9\xb6*\x00^\x81\xf2\x8f\xa2x\x96\x7ftz\x00:\xed\xa5\x94\x83\x06\r*..\xd6\x13\x15B\xc8\xe1C\x07\x15m~%b\xea\x99\x0f\xed$\xa5\x0c\xa4\xa6\x8c\xb8\xf5\x9e\xb7\xb6\xef\xe2\x9c)E\x94R\xd9\xd9\xd9\xbbv\xed\xd2\xcf\x89`6\xb8\xe5\xf4\xcf\xb9j\xd4\xecOi\x13n\xb4.\xb1\xa1\xfcc!&gt;\xe5\x1f\x9d\x0fF\x8fR\x15\x16\x16:\xdbX+E,\x8b/[0K\xe1^\xb5\x1d\x94\x10\xcb\x16\xcc\xb2,\xae\xd4\xb7[\xab\x17\x16\x16b6\xb8\x85\xa4\x94\xb6m\xeb\x95\xe9\x94R\xc6\x18\xe7\xdc:\x01\xe7\\\x17\x95\xfe\xfbxo[\x05\xe5\x1f#q(\xff(\xf4\x00\xf4\xbfPUU\x95\x95\x95\x15\n\x85\xf4\x01@B\x88\xc9\x93\xc6&lt;\xff\xdc\xc2\xf0\x91*na\xc0\xba\x8d\x84-\x82]2\x1e\x9c2\xe7\x85\x15\x1b\xf4\xfc\x0f\xa54==\xbd\xac\xac,##\x83\x10\x82;\xd6\x93\x92RJ)\xad\xef.:&lt;t\xe8\xd0\xbf\xfe\xf5\xaf\x7f\xff\xfb\xdf\x87\x0f\x1f\xae\xae\xae\x0e\x87\xc3J\xa9`0\x98\x9e\x9e\xde\xad[\xb7\xf3\xcf?\xbfG\x8f\x1e\xc9\xc9\xc9\xce\xbf@\x08\xc1\xad\xeb\x19\xa1\xfcc\'\x0e\xe5\x1f\x85\x00\xd0\xe3SS\xa6Ly\xfe\xf9\xe7\x9dV\x9e\xd55\xf3\xe3\x9d\xafef\xa4\xca\x88\x8d\x8bT\x9b)\xa5X\xc0\xaa\xac\xaa\xe97x\xd4\xbf\x0fW:\xd5\xf5\xe0\x83\x0f&gt;\xf7\xdcs\x98\rnF\x0fD\xe8;}\xfd;\x9f|\xf2\xc9\xce\x9d;\xff\xfa\xd7\xbf\xee\xdd\xbb\xf7\x8b/\xbe\x08\x85B\xa7\xfaZ\xcb\xb2\xce9\xe7\x9c\xef\x7f\xff\xfb\xc3\x87\x0f\xbf\xf9\xe6\x9b\xb3\xb2\xb2\x08!zO.\xfc\x00\x9f\x06\xca?v\xe2P\xfe\xed\r\x00\xfdy\xef\xdf\xbf\xbf\x7f\xff\xfe\xfa\xb6K\xcfQ\xfc~\xc9\xe3\xffy\xff\xf8\x86\xc3\x15\x16\x1e\xfdh\x1f\xdb\xb6;t\xed\xfcr\xe1\x9a\xffzd\x9e~o\x19c\x8c\xb1}\xfb\xf6\xf5\xe9\xd3G\xffL\xb8\xddFOhZ\x0f\x9f~\xfa\xe9\xab\xaf\xbe\xbay\xf3\xe6={\xf64\x9b1\xd3\x7f\xa7\xe9U\xc9\x19\xc2v~\'99\xf9\xa7?\xfd\xe9\x8c\x193\x06\x0e\x1cH\x1a\x878\xe2\xf1\x1a\x12\r\xca?\xd6b]\xfe\xed\r\x00]u#G\x8e,**r\xd6~]q\xf9%\xef\xbe\xb9\xd6\x92\x92\x10\xa4\x7f{)B\x08Q6c\xd7\x8e\x1c\xb7g\xefg\xce\x9a\xb0\x11#F\xbc\xf9\xe6\x9b\xe8\x04hJ)=\x82\xff\xc7?\xfe\xf1\xc5\x17_|\xeb\xad\xb7l\xdb\xd6\x7f\xa4\xafAR\xca\x93N\xff:\x9a\xce\x03\xeb\xaf\xb5,+\'\'g\xe1\xc2\x85\x1d:t@\x06\x9c\x14\xca?\xd6b]\xfe\xed\xfa\x99\xd6\xdf\xbe\xa8\xa8H\x7f\xfcz\xaaM)\x95?wZ\xc7N\x9d\xa4\x90\xf8\xf8\xdb\x8f\x12"\x85\xec\xd8\xa9S\xfe\xdci\xfa2w\xe2\xdb\xeev\x1b]\xa6/\xeb\xeb\xd6\xad\xbb\xea\xaa\xabn\xbb\xed\xb6?\xff\xf9\xcf\xb6m[\x96\xa5Gol\xdb\xd6\xf3\xba\xa7\xbf\xd7\xd1\x9d\x00!\x84m\xdb\x94R\xfd\xc6\xe6\xe7\xe7\x0f\x1f&gt;\\?\xd7\x8a\x99\xe1fP\xfeq\x10\xeb\xf2o{\x0f@\xa7\xbdm\xdb\x03\x06\x0c\xd8\xbf\x7f\xbf\x13M\xa3o\xb9q\xc3\x9ag\xed\xea\x1a\x86;\xd3\xe8\x91BXi\xa9c\xc6?\xb4\xe9\xf5\xb7\x9d[\xad&gt;}\xfa|\xf4\xd1G\x96e\x19\xbe~Q\xdf\x9e\x0f\x1f&gt;\xfc\xed\xb7\xdf\x0e\x06\x83B\x88S]\xeeO\xba\xd6\xf34kC-\xcb\x8aD"\x97_~\xf9\x96-[\xbat\xe9B0\xeb\xde\x08\xe5\x1fO\xb1+\xff\xb6\xf7\x00t\xd5\xe5\xe7\xe7\x97\x94\x94p\xce\x95\x92D\xa9`0\xb00w\n\x95\x12\x9d\xbf(\xa3\x94J\xb90wJ0\x18 J)%9\xe7%%%\xf9\xf9\xf9\xb89\xd5\xd7\xee\x05\x0b\x16p\xce\xf5\xa2\xcf\xa6Ws};\xaf\xeb\xc4\xb9\xcdoJ\xa7\x85^\t\xda\xec\x9f\x8dD"\x81@`\xef\xde\xbdc\xc7\x8e\xd5_\x1b\xa3\x03\x94\x12\x0e\xca?\xaebV\xfem\xec\x01\xe8oy\xe8\xd0\xa1~\xfd\xfaUUU9\xd3\xd3\xb9\x0f\xdd\xf3\xd4\xd3\xff\x1d&gt;\\\x81m\xff\xa2N\xd8v\xb0k\xe7\xd9\xb9O&gt;\xfd\xec+\xcer\x8b\x8c\x8c\x8c\x8f?\xfe\xb8[\xb7n\xc4\xec5\x8b\xfaz4d\xc8\x90\x9d;w:\xfdb=&lt;\xda\xb4\x8f\xdc\xb9s\xe7s\xcf=\xb7K\x97.\xa9\xa9\xa9\xc1`0\x12\x89\x84B\xa1\xaf\xbe\xfa\xea\xcb/\xbf\xd4\xe3\xfe\xfa\x8dmV\x14\x81@ \x12\x89,^\xbc\xf8\x91G\x1e\xc1\xa4\x0bA\xf9\xbb!F\xe5\xdf\xc6\x00\xd0ep\xcf=\xf7\xacX\xb1B\xe7\xbfR\xa4\xd7\x85\xe7\xffc\xcb\x86\x94\xa4\x8e\xa4\xf1\x0c \x88"\xa5\x14\xe1\xbc\xb6\xae\xfe\xca\x1b\xc6\x1c\xf8\xdf\xaf(%\x942!\xc4\xa4I\x93^y\xe5\x15\xc3/Lz\xd0\x7f\xf3\xe6\xcd\xa3F\x8d\xe2\x9c;\x13\xb9\x84\x90\xf4\xf4\xf4\xa1C\x87\x8e\x1c9\xf2\x07?\xf8A\xaf^\xbd233\x9b\xfdp644\x1c&lt;x\xf0\x9dw\xdey\xe5\x95Wv\xef\xdeM\x08\xd1}\x05\xe7/\xe8\xd2JOO\xff\xec\xb3\xcf\xce:\xeb,b\xfc@\x10\xca?\xfebT\xfem\t\r\xe7\x99\xb4\xf5\xeb\xd7\xeb\xe4\xa7\x94)\xa5\xe6\xe4\xdc\x9b\xd1\xfd,\x11\x0e\xe3\xe3\x8f\x05J\xa9\x08\x873\xba\x9f5\'\xe7^\xa5\x94\xfe\xf8\x19c\xeb\xd7\xafw\x9e\xc0t\xbb\x8d\xae\xb1,K)\xf5\xe3\x1f\xff\xb8\x7f\xff\xfez"\x97\x102x\xf0\xe0\xdf\xfe\xf6\xb7\xfb\xf6\xed\xdb\xbcy\xf3\xe4\xc9\x93\xaf\xbc\xf2\xca\xce\x9d;\xeb\xc5BM\xc7\x7f:t\xe8p\xc9%\x97&lt;\xf8\xe0\x83\xef\xbf\xff\xfe\xb2e\xcb\x82\xc1 \xf9\xee%^\xff\xc0WVV\xae\\\xb9R\x8ft\xbb\xf6:=\x00\xe5\xef\x8a\x18\x95\x7f[z\x00:m\xae\xbf\xfez\xbd3\x91&gt;\xf2m\xf0\xa0\xec\xad\xaf\xaf\x92uu&amp;\x0fD\xc4\x81\x94\x92%%\r\xbbe\xc2\xce]\xc5\xce\xa1qC\x87\x0e\xdd\xb6m\x1b:\x01\x96e\xbd\xf4\xd2KS\xa7N\x1d;v\xec\xbd\xf7\xde{\xcd5\xd7\xe8?\xd2K\xd4\x9dG\xbaN:\t\xac\xd7\xb0SJ_\x7f\xfd\xf5\x9f\xfd\xecgz"\xc1\xa9\x0e\xdd\xe9\x1e8p\xe0\x07\x1f|p\xe2\xbf`\x14\x94\xbf\x8b\xa2^\xfe\xad\xfe\xb4\xf4\xb7\xd9\xb4iS\x93}\xe9(\xe7l\xfe\xcc_\xf2\x80\x85)\xb2XSJ\xf1\x805\x7f\xe6/\x9d\x8f_\xef\xc2\xb8i\xd3&amp;\xc3\x97\x84\xea\xf5\xfew\xddu\xd7\x87\x1f~\xf8\xf2\xcb/_s\xcd5z\x99\x8a\x1e\xa1vV\x85\x9ex\xed\xd6O\x0e\xeb/\x0f\x87\xc3\xb7\xdcrKnnn\xb3\x85\xffzb`\xef\xde\xbd_~\xf9\xa5\xeeC\xc4\xf3\xa5y\x07\xca\xdf]Q/\xff\xd6\xf5\x00\xf4\x8dRmmmvv\xf6\xc1\x83\x07\x9d\xb5_\xe3G\xffx\xf5\xcae\xe1\xc3G0\xf9\x13\x07\xc2\xb6\x83]\xbb\xdc=\xf1\xe15\x9b\xdep\xd6\x84]t\xd1E\xc5\xc5\xc5)))\xd8\xba\x804\x9eK\xde\x86\xbbQ}e\xaf\xae\xae\xbe\xf8\xe2\x8b\x8f\x1c9\xd2t2@\xf7\xb2\xdfx\xe3\x8d\x9bo\xbe\xd9\xcc\xce\x16\xca\xdf\x0b\xa2[\xfe\xad\xab\x10\xfds_PPp\xe0\xc0\x01\xe7{\xa7\xa5\xa6\xcc\x9d\xf1\x80\xac\xab\xa3\xcc\xb8\x92p\x05e\\\xd6\xd5\xcd\x9d\xf1@Zj\x8a\xfe\x088\xe7\x07\x0e\x1c(((0\xbc\x13@\x1a/R\'\xae\xe9l!\xc6\x98R*##c\xc8\x90!\xa4q\x1d\x91\xf3G\x84\x90/\xbe\xf8\x824.&lt;5\r\xca\xdf\x0b\xa2[\xfe\xad(\x12]WeeeK\x97.\xd5\x93?\x9c3)\xe5\xcc\xc9\x13z\x7f\xef\xb2\xc8\xd1c\x8c\x99~\xe3\x19\x1f\x8c\xd1\xc8\xd1c\xbd\xbfw\xd9\xcc\xc9\x13\xa4\x94\x9c\x1f\x9f\x0eZ\xbatiYY\x99\xe1gF\xb6\xed\xc6\xbf)]T\xfd\xfb\xf7?\xe9\x9fVTT\xb4\xe7\x1fO\\(\x7f\x8f\x88n\xf9\xb7\xa2T\xf4\x83\xc8\xf3\xe7\xcf\x0f\x85B\x8d[\xa6\x88\x8b{\xf5\x98\xf9\xf0\xbdvE\x15z\x7f\xf1\xc4-\xcb\xae\xa8\x9a\xf9\xf0\xbd\x17\xf7\xeaa\xdb\xc77\xbb\x0f\x85B\xf3\xe7\xcfo\xb6\x84\x11\xda@o\xba{\xd2?\x8aD"qn\x8cG\xa0\xfc\xbd#\x8a\xe5\xdf\xd2\x00\xd0\xbd\xbf\x1d;v\xac]\xbb\xd6\xd9\xf7\x83\x10\xb2p\xd6\xe4\x0e\xa9\x9d\xa4\x8d#\xdf\xe2\x8a\x12"m\xd1!\xb5\xd3\xc2Y\x93\x89^"&amp;\x04\xe7|\xed\xda\xb5;v\xec\xc0@P\xfb\x9d\xeaB\xaf\x17\x89\x9a\x06\xe5\xef)Q,\xff\xd6\r\x01\xe5\xe5\xe55&gt;c\xc9\x84\x10C~8\xf0\xe7w\x8d\x8aT\x85p\xe6C\xfcq\x8bG\xaaB?\xbfk\xd4\x90\x1f\x0e\xd4\xfdqB\x88\x10"//\xcf\xe4!\xa0\xa8PJ}\xfd\xf5\xd7\'\xfd#\xbd#\x90\x81P\xfe\x9e\x12\xad\xf2oQ\x00\xe8xY\xbdz\xb5\x13/J\x91`0\x90\xff\xf8#\xca\x16\x8a \xfe\xdd\xa1\x08U\xb6\xc8\x7f\xfc\x91`0\xa0\xd4\xb7\xb7i\xabW\xafF\'\xa0\xcd\xf4:\x8a\x0f?\xfc\x90|w\xb2W\xd7U\xcf\x9e=\x89a\xcf\x01\xa0\xfc\xbd)*\xe5\x7f\xe6\x00\xd0c\x7f\x15\x15\x15\xb9\xb9\xb9z\x05\xb4\x9eg\xb8\xf3\xd6\x9b\xae\x1a2(RS\xcb\xf1\xe8\x87K8c\x91\x9a\xda\xab\x86\x0c\xba\xf3\xd6\x9b\x9c\xcf\x85R\x9a\x9b\x9b[QQ\x81\xc9\x806\xd0o\xe0?\xff\xf9\xcf\xbf\xff\xfd\xefM\xd7\xfb\xeb\xff\xdf\xb1c\xc7\xcb.\xbb\x8c\x98\x14\x00(\x7f\xcf\x8aJ\xf9\x9f\xf9\xc3\xd3O\xc4,Y\xb2D\xef\x8aN\x08QJef\xa4=\x95\x97#jj\xa8y\xab\xa1=\x85r.jj\x9e\xca\xcb\xc9\xccH\xd3\x9f7c\xac\xbc\xbc|\xc9\x92%\x86o\x0e\xd16\xba\x84\n\n\n\x8e\x1d;\xa6W:\xea\xdf\xd7\xdd\x82\x01\x03\x06\\p\xc1\x05\xca\xa4S\xd8P\xfe^\xd6\xfe\xf2?\xc3\xcf\xb1\x0e\x96\xd2\xd2\xd2E\x8b\x16\xe9\x7fQ\xff:o\xc6\x03\xe7f\xf5\x10\xf5af\xcc\xad\x9071JE}\xf8\xdc\xac\x1e\xf3f&lt;\xe0|:\x8c\xb1E\x8b\x16\x95\x96\x96\x1a\xbe$\xb4\xb5\xf4f\x12\xff\xf8\xc7?\x9e\x7f\xfey\xbd\xd2\xb1\xe9\x9f*\xa5\xc6\x8e\x1dk\xd4^@(\x7f\x8fk\x7f\xf9\x9f\xa1\x9b\xa0\xc7\x95\xc6\x8c\x19\xb3q\xe3F\xe7\xd1\x8f\xde\xbdz\xec\xfd\xebkLJB0\xfe\xe7&gt;\xfd\xf9I\xc6.\xbfnT\xe9\x81/\x9d\xe73\xef\xb8\xe3\x8e\r\x1b6\x98\xf9\xccj\x1b\xe87\xea\x9bo\xbe\xb9\xf6\xdak\xcb\xca\xca\x9a\xde@\xe9;\xdf\xae]\xbb~\xf6\xd9g\x19\x19\x19\xc4\x98! \x94\xbf\xf7\xb5\xb3\xfcO\xd7\x03p6\x9a\xd0\x1f\xbf\x10\x82R\xa2\x94Z\xb6`f09I\n\xac\xfd\xf2\x04J\x88\x14"\x98\x9c\xb4l\xc1L\xa5\x14\xa5\xc7?\xb8\x8d\x1b76\xd9\xb0\x05NG\xbfc\x87\x0e\x1d\xba\xf9\xe6\x9bO|\x9aF\x87\xc1\xfc\xf9\xf3333\xf5\x18\x91\x8bM\x8d\x1b\x94\x7fBhg\xf9\x9f\xb2\x07\xe0l\x918h\xd0\xa0\xe2\xe2b\xbd\x89\x96\x10r\xf8\xd0AE\x9b_\x89\xd4\xd4\x9a3\x0c\x9a\x10\xa4\x94\x81\xd4\x94\x11\xb7\xde\xf3\xd6\xf6]\x9c3\xa5\x88R*;;{\xd7\xae]\xa7\xda\x04\r4=\xf2\xf3\xc5\x17_\xfc\xe4\'?\xd9\xb7o_\xb3\x9a\xb1,\xcb\xb6\xed\x91#G\xfe\xf9\xcf\x7f\xd6C".65nP\xfe\x89\xa5\xcd\xe5\x7f\xcaOQ\x8f%\x15\x16\x16:\x9bM+E,\x8b/[0K\xe1\x8e\xd2\x93\x94\x10\xcb\x16\xcc\xb2,\xae\xd4\xb7\x9b\xb6\x17\x16\x16b6\xf84\xf4\xd5\xff\xef\x7f\xff\xfb\xd0\xa1C\xf7\xed\xdbgY\xd6\x89W\xff\xac\xac\xac\xd5\xabW\x13cF~\x08\xca?\x01\xb5\xad\xfcO\x1e\x00z\x9dCeee^^\x9e\xfez\xdd)\xbeo\xfc\xed\x97f\xf7\x8f\xd4\x1eC\xfe{\rc,R{\xec\xd2\xec\xfe\xf7\x8d\xbf\xdd\xf9\xbc\x18cyyy\x95\x95\x95z\x8f3\xb7\xdb\xe8-J)!\x84eY\xaf\xbe\xfa\xea\r7\xdc\xf0\xe5\x97_\xea#\x85\x9d\xbf\xa0\xaf\xfe\xe7\x9dw\xde\x1bo\xbcq\xd6Yg\x99\xb3\xf8\x07\xe5\x9fp\xda\\\xfe\'\xff \xf5@\xe7\xdc\xb9s+++\xf5]\x8f\x94\xb2[\xd7\xce\xf3gO\x91G\x8f1\x8e\x8f\xdf\x8b\x18g\xf2\xe8\xb1\xf9\xb3\xa7t\xeb\xdaYg&gt;\xa5\xb4\xb2\xb2r\xee\xdc\xb9&amp;oa\x7fR\xfa\'\x9cs\xfe\xc4\x13O\x8c\x1e=\xba\xb6\xb6\xb6\xd9\xb2\x1f\xe7\xde\x7f\xcb\x96-}\xfb\xf6\xd5\xfbm\xb9\xd8\xe0xB\xf9\'\xa2\xb6\x95\xffI&gt;K\x1d {\xf6\xecq\xba\x0f:@\x16\xffjz\x97\xf3\xce\x89\xd47\x98\xd3\x11N,\x94\xd2H}C\x97\xf3\xceY\xfc\xab\xe9\xfa&amp;\xce\xe9\xc8\xef\xd9\xb3\x07KB\x1d\xfam\xa9\xaf\xaf\x1f7n\xdc\x9c9s\xf4 i\xd37G_\xfd\xaf\xba\xea\xaam\xdb\xb6\xf5\xe9\xd3\xc7\xa8\x95T(\xff\x04\xd5\xb6\xf2?I\x00\xe8\xce\xc2\xe1\xc3\x87#\x91H\xe3\xe3d\x8a\x10R]SK\xa4\xa4X\xfa\xe5a\x94P"euM-!D\xcf\xe4QJ#\x91\xc8\xe1\xc3\x87\x89\xa9\xbb\xd87\xe3\x1c\xf0\xfb\xa3\x1f\xfdh\xdd\xbau\xfa0a\xe7\x9d\xd1\xdd\x02\xdb\xb6o\xbb\xed\xb6w\xdey\xe7\xfc\xf3\xcf7\xea\xeaOP\xfe\x89\xac\r\xe5\x7f\xf2U@\xbaHF\x8e\x1cYTT\xe4DGzZ\xca\xe7\xef\xbf\x91\x99\x99&amp;#6\xee\x02&lt;H)\xc5\x02Vee\xf5\xc5W\xff8T]K\x08\xd1\xc3\x1a#F\x8cx\xf3\xcd7\x9b\x9dqh&amp;\xfd\xd3\x1e\n\x85F\x8e\x1c\xf9\xc1\x07\x1f\x04\x02\x81\xa6\xbb~:\xd3e\xb3g\xcf~\xf2\xc9\'Ic!\xb8\xd5Z\xb7\xa0\xfc\x13Q\xdb\xca\xfft?\xdc\xcb\x97/\x0f\x06\x83\xfa\xf6\x881V\x15\xaa\x99\xfb\xf4s,9Y\n\x8c$x\x91\x14\x92%\'\xcf}\xfa\xb9\xaaP\rc\xc7\x97\x82\x05\x83\xc1\xe5\xcb\x97\xbb\xdd4O\xd0\xeb\x1a\x85\x10\xa3G\x8f&gt;\xf1\xea\xaf\xaft\xc9\xc9\xc9\xeb\xd7\xaf\x7f\xf2\xc9\'\xf5!\xc0\x06^\xfd\x1d(\xff\xc4\xd2\xb6\xf2?\xf9\xcf\xb7\x8e\x8e\xbe}\xfb\xce\x9c9\xb3\xe9\xa13/\xaey\xf5\xd3=\xfb\x02)\xc9\x18M\xf6\x1a)e %\xf9\xd3=\xfb^\\\xf3\xeaw\x0el\x9a9\xd3\xb49\xccS\xd1\xa3\xdb\xb3f\xcdz\xe7\x9dwN\xbc\xfa\x0b!\xce;\xef\xbc-[\xb6\xdcy\xe7\x9d\xb6m\x9b|\xb42\xca?\xe1\xb4\xb9\xfc\xcf\xf0 XUUU\xbf~\xfd\x0e\x1d:\xa4\x94b\x8c\x1e\x7f\x12\xe4\x8f+"\xd55\xb8\xa0x\x8a\x942\x90\x96:\xe2\xa7\x93\xf4\x93 R*Ji\xb7n\xdd&gt;\xfe\xf8\xe3\x8c\x8c\x0c&lt;\x08\xa6\x87\xf2\xdf}\xf7\xdd\xeb\xae\xbbN/\xf6w~\xf2\xf5\xd5\xbfO\x9f&gt;\x7f\xfa\xd3\x9f\xb2\xb2\xb2"\x91H \x10p\xb7\xb5\xaeC\xf9\'\x966\x97\xff)?E=\xff\xd3\xb9s\xe7\xa7\x9f~Z\x8f\x1f\t!9\xe7om\xdf\xf5?\xeb_\x0bd\xa4\t\x1b\xcf\x83x\x85\xb0E #\xed\x7f\xd6\xbf\xf6\xd6\xf6]\x9cs!\x8eo\x0b\xf5\xf4\xd3Ow\xee\xdcY\xcf\x05\xb9\xddF\x97\xe9w //\x8f4^\xdd\xf4\xef\xeb\xdb\xa5&gt;}\xfa\xbc\xf3\xce;YYY\xb6m\xe3\xeaOP\xfe\t\xa5=\xe5\x7f\xba\xcd\xe0t\x9dD"\x91k\xae\xb9\xa6\xb8\xb8\xd8\xd9\x0c6\xab\xe7\x05\xfb\xde}\x8d+E\x141\xfe\xc2\xe2&gt;\xa5\x08\xa1DP\xda\xff\xdaQe_\xfc\xd3Y\xb8\x9d\x9d\x9d\xfd\xde{\xef\x05\x02\x01\xdc\xfe\xebK\xd8\x9e={\x06\x0e\x1c\xd8t\xc5\xa7^\xe0\xd8\xa5K\x97\xf7\xde{\xafw\xef\xde\xfa\xa9`w\x9b\xea\x1d(\xff\x84\xd0\xce\xf2?]?N\xdf\x05t\xe8\xd0\xa1\xa0\xa0\x80s~\xfc8\x08\xc6&gt;?\xf8\xe5\xa2\x82\xdfY\x99\xe9B\xd8\xa7\xf9r\x88\x0f!l+3}Q\xc1\xef&gt;?\xf8%g\xccy\xc4\xa9\xa0\xa0\xa0C\x87\x0e\xb8\xfd\'\x8d\x87ym\xde\xbc\xf9\xc4y]\xa5\xd4\x8b/\xbe\xd8\xbbw\xefH$\x82\xab\x7fS(\xff\x84\xd0\xce\xf2?\xc3@\x9e^\x13=x\xf0\xe0q\xe3\xc6\xe9QT!%\xa3t\xe9Kk\xbf\xfe\xfc\x7f\x03I\x1d%\x96\x96\xbbJ*\x15H\xea\xf8\xf5\xe7\xff\xbb\xf4\xa5\xb5\x8cR!\xa5\x1e\xd1\x1e7n\xdc\xe0\xc1\x83m\xdb6j\r\xfb\xa9\xe8\x8b\xfe\xbb\xef\xbeK\x9a\xac\x86\xd6\xcb~F\x8c\x18q\xdbm\xb7a\xe4\xe7\xa4P\xfe\x1e\xd7\xfe\xf2?\xf3L\x8e\xee&amp;\xcf\x9d;7==]\x17\x0fe\xac\xa22\x94\xbb`)\xeb\x94\x8c\x9d\xa1\xdc\xa5\x84`\x9d\x92s\x17,\xad\xa8\x0c\xd1\xc6Nzzz\xfa\xdc\xb9s\r_\xc5\xe8\xd0\xefC8\x1c.++#\'&lt;\x0es\xff\xfd\xf7\xe3\xf9\xb8\xd3@\xf9{Y\xfb\xcb\xbfE\x01 \x84\xc8\xca\xca\x9a6m\x9alL\x18\xce\xf9\x9aW\xff\xb4\xed/\xdb\x82\x19\xe9\xd8n\xde-B\x88`F\xfa\xb6\xbfl[\xf3\xea\x9f\x9c\xcfEJ9m\xda\xb4\xac\xac,,\xfdl\xaa\xaa\xaa\xaa\xe9\xf3\x90\xfa\xd0\x8c\xa4\xa4\xa4\xab\xaf\xbeZw\x99\xddn\xa0G\xa1\xfc=+*\xe5\xdf\xa2\x83\x83\xf5\x134\xb5\xb5\xb5\xd9\xd9\xd9\x07\x0f\x1et6\x07\x1f&lt;({\xeb\xeb\xabd]\x1d.4\xae\x90R\xb2\xa4\xa4a\xb7L\xd8\xb9\xab\xd8\xd9\x04\xfc\xa2\x8b.*..NII1y%{Sz\x06\xf8\xf3\xcf?\xbf\xec\xb2\xcb\x9c\xed\r\xf42\x89\xde\xbd{\x7f\xf2\xc9\'z7\x08\xbcW\xa7\x82\xf2\xf7\xa6\xa8\x94\x7f\x8b&gt;9\xfd\x0f\xa5\xa7\xa7?\xf3\xcc3\xbaT\xf4\x9a\xb0\x9d\xbb\x8aW\xafy5\xd0%\xb3\xe9&amp;\xba\x10\x1f\xb6m\x07\xbad\xae^\xf3\xea\xce]\xc5z\xed\x97\xbe\xb4=\xf3\xcc3\xe9\xe9\xe9\xc4\xa4\xcd\xeb["\x1c\x0e7\xbdW\xd5oN\xe7\xce\x9dq\xf5?#\x94\xbf\x07E\xab\xfc[\x1a\xdd\xba\x8b1z\xf4\xe8\xa1C\x87\xea\xbe\x86R\x92R\xba\xb0\xe0wU\xe5\xff\xe6\xc1 \x06R\xe3I)\xc5\x83\xc1\xaa\xf2\x7f/,\xf8\x1d\xa5T\xa9\xe3}\xf3\xa1C\x87\x8e\x1e=\xda\xb4\xfd\xcbZB_\xb9\xd8wu\xe8\xd0\x81`\x8f\xbc\x16@\xf9{J\x14\xcb\xbf\x15}7\x9d0\x8b\x17/\xd6\xab\x8b\xa4T\x8c\xb1\xb2/\xfe\xf9\xcc\xd2\x17\xad\xb4\x14\x89\xa1\xc08\x92BXi)\xcf,}\xb1\xec\x8b\x7f2\xc6\xa4Tz\xc5\xde\xe2\xc5\x8bq?{Rz\x17 \xe7\xd7H$"\xa5&lt;v\xec\x98\xdb\xedJ\x18(\x7f\xef\x88b\xf9\xb7h\x0e\xc0\xa1\xb3\xe5\x9e{\xeeY\xb1b\x85\xde3\x9d3\xc6-\xfe\xd1\x96\x8d}/\xeb\x1d9\x8a\xa3\x82\xe2AJ\x19\xe8\x94\\\xf2I\xe9\x80\x1b\xee\x10\xb6\x10R\xea\xcfb\xd2\xa4I\xaf\xbc\xf2\nn\xff\x9b\xd1%q\xf4\xe8\xd1\x0f&gt;\xf8\xa0\xd9\x1f\xa5\xa7\xa7ggg#2[\x08\xe5\xef\x05\xd1-\xff\xd6\x05\x80~\xa0\xe6\xd0\xa1C\x97]vY(\x14\xd2\x93iB\x88\xd1\xb7\xdc\xb8a\xcd\xb3vu\r\xc3\xa5\'\xf6\xa4\x10VZ\xea\x98\xf1\x0fmz\xfdm=\xefO)MOO\xff\xe4\x93O\xbau\xebF\x1a\x97\xbd\x03D\x17\xca\xdf\x0b\xa2[\xfe\xad\xbbR\xe8E\xc1\xdd\xbbw_\xb0`A\xe3\x0e!\x82s\xbe\xe9\xf5\xb7\xb7\xbd\xbd3\x90\x91\x865a\xb1&amp;\x84\x08d\xa4m{{\xa7\xfe\xf8\xf5b/)\xe5\x82\x05\x0b\xbaw\xef\x8e\xb5\xff\xa7\xa2O\x00n\x06\xbbZ\xb6\n\xca\xdfuQ/\xff\xd6\xf5\x00H\xe3\x0e!R\xca\xfe\xfd\xfb\xef\xdf\xbf_\xf7\x9d\x95RW\\~\xc9\xdf\xdeZ\xcfl\x81\x1dBbG\xef\xfb!-\xfe\xc3\xe1c\xf7\xec\xfd\xccy\xf3\xfb\xf4\xe9\xb3o\xdf&gt;\xbd\xf0\x0b\xa3\x19\x10;(\x7f\x17\xc5\xa2\xfc[}\xb7\xa8\xe7\x82,\xcbZ\xbe|\xb9\x1e&lt;\xd5\xf7\x02\xc5\x1f}Z\xf8\xe2:+=\x15\xd3A\xb1#\x85\xb0\xd2S\x0b_\\W\xfc\xd1\xa7\xacq\xdf\x0f\xa5\xd4\xf2\xe5\xcb\xb1\x9c\x11\xe2\x00\xe5\xef\xa2X\x94\x7f\xab{\x00\x9a\xee\xfa5=4\x8eR\x9a\x9e\x96R\xba\xebu\x1c\x1a\x17#\xce\x91o\xbd\x07\xdd\x12\xaa\xaeuF`\xf5\x91o\x98\xfb=#}\xeb\xaa\xebD\xff\xd8\xeb=\xce\xdcnW\xe2A\xf9\xc7_\x8c\xca\xbf\x8d\xe3\xc5N\xf28\x87\xc6QJ+\xab\xaaqh\\\xec8G\xbeUVUSJ\x9b\x1e\xf9\x86{\xff3rvI\xb4,K\xffjY\x96\xde\x10\xc2\xed\xa6%\x1e\x94\x7f\xfc\xc5\xa8\xfc\xdb\x18\x00\xba\x03\x82C\xe3\xe2\xe6\xf4G\xbe\x99yvy\xcb\xe9\xf7\'\x12\x89l\xde\xbcy\xd6\xacY\x93&amp;Mz\xe8\xa1\x87~\xff\xfb\xdf\x1f:t\xc89\xf4\x1cZ\x0e\xe5\x1fg\xb1+\xff6\x0e\x01\x11\x1c\x1a\x17_8\xf1\xb1\xcdty|\xf8\xe1\x87\xf7\xdcs\xcf\x9e={\x9a\xfeQ\xb7n\xdd~\xfd\xeb_O\x9c8\x11\t\xdaZ(\xffx\x8a]\xf9\xb7\xfdC\xc2\xa1qq\x83\x13\x1f\xdbL\xbf9\x87\x0e\x1d\xfa\xd1\x8f~\xb4g\xcf\x1e\xeb\xbb\x0e\x1d:4i\xd2\xa4\xd7_\x7f]\xdfU\xb9\xdd\xd8D\x82\xf2\x8f\x9b\x98\x96\x7f\xdb{\x00\x04\x87\xc6\xc5\x05N|l\x0f}\xca\xe33\xcf&lt;\x93\x9b\x9b\x1b\x0c\x06\xc3\xe1p\xd3?\xd5\xa7\xc3\xff\xe0\x07?\xf8\xdb\xdf\xfe\x86G(Z\x0b\xe5\x1f\x07\xb1.\xffv\xfd\xc4\xe3\xd0\xb88\xc0\x89\x8f\xed\xa1\xdf\x9c\xed\xdb\xb7\x9ft\xbeW\x08\xa1\x94\xda\xbbw\xef\xd7_\x7f\xad\x9frr\xa3\x8d\x89\n\xe5\x1f\x07\xb1.\xff\xf6\xde\xf2\xe0\xd0\xb8\x98\xc2\x89\x8f\xed\xa4\xdf\x1f=H}\xe2\xf5]\xff\xce\xb1c\xc7\xca\xcb\xcb\t\xb6\x05m=\x94\x7fL\xc5\xa1\xfc\xa3\xd0\xe7\xc5\xa1q\xb1\x83\x13\x1f\xa3\xe24\x8bR\x9c&gt;5A\x00\xb4\t\xca?v\xe2P\xfe\xd1\t\x00\x1c\x1a\x17\x0b8\xf1\xb1\xfd\xf4\x95===\xfd\xa4C\xa5z\x10#\x10\x08dff\x12\x1c\xa1\xd3&amp;(\xff\x18\x89O\xf9G\xe7\n\xa2\xdb\x97\x93\x93\xd3\xabW\xaf\xc6\x96))\xe5\xdcE\xbf\x11x,\xb0\xad(\xa5"b\xcf]\xf4\x1b)%!\xc7\x1f\xfc\xeb\xd5\xabWNN\x0e\x9e\xfbm!\x1d\x00z\xcf\xe7\x13\x0bF\x1f\x11s\xe1\x85\x17\xf6\xe8\xd1\x03=\xaa6C\xf9\xc7B|\xca?:?\xf184.\xeap\xe2cT\xe8k\xfa\xa4I\x93(\xa5zE\x10m\xa4\x9f\x07\x96R\xde\x7f\xff\xfd\x81@\x007\xaam\x86\xf2\x8f\xba\xb8\x95\x7f\xbb\x96\x816\xa3s\xe9\xfa\xeb\xaf\xdf\xbe}\xbb&gt;4N)\xd2\xeb\xc2\xf3\xff\xb1eCJRG"\x04\xaeY-\xa4\x94"\x9c\xd7\xd6\xd5_y\xc3\x98\x03\xff\xfb\x15\xa5\x84R\xa6\x8f|\xdb\xb6m\x1bn\xff[E\xafR\x7f\xee\xb9\xe7\x1ez\xe8\xa1\x13\xfft\xec\xd8\xb1\xabV\xad\xc2F\xaa\xed\x87\xf2\x8f\x96x\x96\x7f4\xfb\xbc84.Zp\xe2c\x14\xe9\xa7f\xa6L\x99\xb2u\xeb\xd6Q\xa3F\x9d{\xee\xb9\x9d:u\xca\xcc\xcc\xbc\xf6\xdak_~\xf9\xe5u\xeb\xd69\xdd\x02\xb7[\x9a\xd8P\xfe\xd1\x12\xcf\xf2\x8ff\x0f\x80\xe0\xd0\xb8h\xc0\x89\x8f\xb1\xe0l\xf6PSSS]]\xdd\xa1C\x87\xae]\xbb\x92\xc6G\x85\xddn\x9dO\xa0\xfc\xdb/\xce\xe5\x1f\xe5\x00\xc0\xa1q\xed\x87\x13\x1fcD\x08\xa1g}\xf5\x7f\xea\xdd\xa1\x91\xa6Q\x84\xf2o\xbf8\x97\x7f\x94/%84\xae\x9dp\xe2c\xecp\xce\xf5\xcf\xa7s*\x00\xae\xfe\xd1\x85\xf2o\xa7\xf8\x97\x7f\x94{\x00\x04\x87\xc6\xb5\x03N|\x84D\x87\xf2o3W\xca?\xfa\xb7\x9384\xae\xcdp\xe2#$:\x94\x7f\x9b\xb9R\xfe\xd1\xef\x01h84\xae\xb5p\xe2#\xf8\x06\xca\xbf\xb5\xdc*\xffX\r(\xe3\xd0\xb8\xd6\xc2\x89\x8f\xe0\x1b(\xff\xd6r\xab\xfcc\x15\x0084\xaeUp\xe2#\xf8\t\xca\xbfU\\,\xffX\r\x01\x11\x1c\x1a\xd7\x1a8\xf1\x11|\x06\xe5\xdfr.\x96\x7f\x0c?\x03\x1c\x1a\xd7B8\xf1\x11\xfc\x07\xe5\xdfB\xee\x96\x7f\x0c{\x00\x04\x87\xc6\xb5\x00N|\x04\xbfB\xf9\x9f\x91\xeb\xe5\x1</t>
        </is>
      </c>
    </row>
    <row r="350">
      <c r="A350" s="1" t="n">
        <v>348</v>
      </c>
      <c r="B350" t="inlineStr">
        <is>
          <t>grid_number_color</t>
        </is>
      </c>
      <c r="C350" t="inlineStr">
        <is>
          <t>What is the missing color if the part denoted with the question mark has the number 7?</t>
        </is>
      </c>
      <c r="D350" t="inlineStr">
        <is>
          <t>['purple', 'red', 'yellow', 'green']</t>
        </is>
      </c>
      <c r="E350" t="inlineStr">
        <is>
          <t>purple</t>
        </is>
      </c>
      <c r="F350" t="inlineStr">
        <is>
          <t>There is a 3x3 colored grid of numbers. The first row has number-color pair [(7, 'purple'), (2, 'yellow'), (3, 'red')], the second row is [(3, 'red'), (7, 'purple'), (2, 'yellow')], and the third and final row is [(5, 'green'), (5, 'green'), (7, '?')].</t>
        </is>
      </c>
      <c r="G350" t="inlineStr">
        <is>
          <t>We observe that the grid cells with number 5 is green in color, the grid cells with number 2 is yellow in color, the grid cells with number 3 is red in color, and the grid cells with number 7 is purple in color. Thus, the pattern is that the grid cell with the same number will have the same color.</t>
        </is>
      </c>
      <c r="H350" t="inlineStr">
        <is>
          <t>Based on the pattern that the grid cell with the same number will have the same color, the missing color of the part with 7 should be purple.</t>
        </is>
      </c>
      <c r="I350" t="inlineStr">
        <is>
          <t>b'\x89PNG\r\n\x1a\n\x00\x00\x00\rIHDR\x00\x00\x02\x00\x00\x00\x02\x00\x08\x02\x00\x00\x00{\x1aC\xad\x00\x00|\xabIDATx\x9c\xed\xddw\x9c\x14E\xda\x07\xf0\xa7\xaa{\xf2\xcc\xe6\xbc\xcb\x92s\x0e\x92\x93\x92A\xc4\x88\x11\xf3\xa9gN\xa7\xa7\x9e\x01\xf55\xeb\x99#\x06PT\x04AEQ\x82\x82\x80\x80\xe4\x9csX6\xa7\xc9\xdd]\xf5\xbc\x7f\xb4\xec\xa1\xa2\x12fwg\x9c\xe7{|&gt;\xde\xa6\xd9\xde\xa9\xee\xfaU\xeaj\x86\x88@\x08!$\xfe\xf0\xfa&gt;\x00B\x08!\xf5\x83\x02\x80\x10B\xe2\x14\x05\x00!\x84\xc4)\n\x00B\x08\x89S\x14\x00\x84\x10\x12\xa7(\x00\x08!$NQ\x00\x10BH\x9c\xa2\x00 \x84\x908E\x01@\x08!q\x8a\x02\x80\x10B\xe2\x14\x05\x00!\x84\xc4)\n\x00B\x08\x89S\x14\x00\x84\x10\x12\xa7(\x00\x08!$NQ\x00\x10BH\x9c\xa2\x00 \x84\x908E\x01@\x08!q\x8a\x02\x80\x10B\xe2\x14\x05\x00!\x84\xc4)\n\x00B\x08\x89S\x14\x00\x84\x10\x12\xa7(\x00\x08!$NQ\x00\x10BH\x9cR\xeb\xfb\x00\xfe\x07\x11\x11\xb1\xbe\x8f\xe2o\x851\xc6\x18\xab\xfb\xdfKE\x19q\xf5R\x94f!RQF\x90Y\x88\xf5rU\x1e\x13\xab\xdf\xd2ED)%"r\xce9\xa7\xeeH\xad\x10B\xd4\xc1;,\xa5\x94R2\xc6\x14E\xa9\xbd\xdf\x12\xcf\x10Q\x08\xc1\x18\xe3\x9c\xd7^\rb\x867\x15e\xad\xaa\xb9$\xeb\xab\x89V\xa3\xde\x02\xc0\xac\xf7\x8f&gt;\xc3\x82\xa1@qQQiY\tc\xf5\x1cK\xb1\x8f\x01 g\xbci\xd3\xe6\x1e\x8f\x87\xb1\xff\xd5\xfbB\x88\xc8V\x1ffe\xc19;\xfa\xb7\xf8|\xc1\xed;v\x855\x1d\x18\x03*\xcaS`^\x0b\x89\x89\x9e\x86\xf9y.\xa7\xbd\xe6\xf3B\x08\x00\x88l\x05m\x06\x8c\xaa\xfeoT \xac\xeb\x15\x95\x95\xfb\x0e\x1d2\xbf\x1c\xc1\xdf\x15\x8f\x18\x03\x80\x86\xb9\xb9\xc9II6\x8b\xa5\xe6\xd3\x86a(\x8aR_1P\x0fU\xad\x94\x12\x00\xcc\xd6hEe\xf9\x92%\x8b\xe6\xce\x9d\xb7y\xd3\xb6C\x07\x8a\x02\xfe\xb0\xca]\x12e\x1d\x1f\xd2\xdf\x0f\x03f\x08\xdd\xee\xc4\x84DO\xa3&amp;\xb9={v\x1f:tX\xbb\xb6\x1d\xcd\xafF*\x06\x84\x105u\xd0\x96\xad\xbb\xbe\x9b=\xef\xe7\x9f\x97\x1c&gt;\xb8\xc3\xe7+WE\xa5\xc3\xc9A DKg76!\x80\xc2\xbc&gt;\xe0\xd6\xc4\x84\xa4\xec\x86\x8d[\xf5\xef?p\xc8\xe0\x01\xb99\x99p\xa4\xb5~\xea\x1d;3\xc5\xcd\xa2\x0c\x85\xc3+\xd6\xad\xfbv\xf6\xecu+W\x16\xef\xde\x1d\xf2z]\xe10\x03\xa0\xea\xff\x14\x99\xef\xa1\xdfj\xb5\'$d4n\xdc\xf1\xb4\xd3F\x0c\x1dzZ\xa7Nv\x9b\rj\xa1ev\xbcGU\x97\x01p\xf4y\xb6j\xd5\xf2\xb7\xde~\xeb\xc7\x1f\x96\xd9xF^V\xdb\xfc\x9cV\xd9\x99\r\xedv\x97\xc7\x95\x84(\xa3g\x8c,\x16!\x00\x03&amp;\xa4^YU\xe6\xf7W\x1f,\xdc\xb9\xe7\xc0\x86\x92\xca\x1d\x99\xb9\xae\xf3\xce\x1fs\xe5\x95\xd7$%&amp;\xc3\xaf\xab\xef\x13%\xa54\xeb\x9dP(&lt;\xf1\xa3\xcf\xa6}6\xb9\xbatS\xb7\xd6\xd6&gt;]3;\xb4\xca\xc8Js\xa7\xa5\xba\xc1\xaeR\xb5q\xaa\x10\x813Q\x1d.\xaf\x0e\xec&gt;X\xb9vs\xf1O\xabJ6\xee\x81f\xad\xfa\\y\xe55#G\x9c\x01\x00\xe6p\xcdI_25\xa7\xc1\xae}\xfb\xde\x9c0a\xfeW_y**:{&lt;\x9d23[fd\xb8m\xb6\x0c\xb7\x1b\xe8z\x8c\x08\xc4b\x9f\xcf\x1f\x0eo-.^W\\\xbc\xba\xba\xda\x9b\x944\xf0\xac\xb3\xfe\xf9\x8f\x7f4m\xd8\x10N\xed\x92&lt;9u\x17\x005U\xc6\xea\xd5+\xef\xbd\xf7\xde\x82}\x81\xa6y=\xbau\x1c\x92\x99\x9e\xa7(\xaaah\xba\x1e\x96(\x850\x80\x1a\x8d\x11\x80\x8c1E\xb1p\xaeX-VE\xb1\xf8\xfd\xde\xed{\xd6\xae\\\xf7\x9dW\xdbs\xc1E\xa3\xef\xb9\xe7&gt;\xa7\xc3i\x18\xc6\xd1]\xfe\xe3T\xf3S/\xbf\xfa\xce\xa4\xf7^j\x9d\xef\xbf\xe4\xac\xa6C\xfa6QS\xdd $\x84\x0c0$\x18BJ\xaa\xfe#\x83+\x1c\x14\x0eV\x05l*\x00V\x15T}1w\xfb\x8c9\x87\x8a}9\xf7?\xf0\xc8\x99\xa3\x86\xc2I\xd5\x1d5\x1d\x88\x83\x05\x05\xff~\xf0\xc1\xad\xdf\x7f\xdf\xdb\xe9&lt;\xbfm\xdb6\x99\x99\x0e\xabU\x13"d\x18BJ]J\x1a\xff\x89\x0c\xc6,\x9c+\x9c\xdbU\xd5\xaa(AM\xdbRT4m\xf3\xe6%~\x7f\x8bA\x83\x9ez\xec\xb1\x0699\xa7\x18\xe7\'|Du\x13\x00f\x95\x11\x08\x04n\xbd\xed\xa6\xd9\xdf,9\xbd\xfb\xe5\xdd;\x0f\xb5\xdb\x1d\x81\xa0O74@d\x8c\x1d\x99\x1a\xa7\xda?\x82\x10\x11\x10\x10\x109W\xec6\x87\xd5\xea8X\xb0\xfb\xbb\x05\xefW\x846?\xf1\xe4c\xe7\x9es\xbey\x02\x1c\xff\t\'\x85\xe0\x8a\xf2\xd3\x92\xe5\xb7\xde|S\xf3\xec\xe2\x87\xee8\xadM\xa7\x06\xa0K\xf0\x85\rC0`\x8c\x03\x8b\xa2e\x0e\x7f\x07\x08\x00\x085K\xab\x14\x8b\x02\t6\x10\xe2\x87\x05;\x1f}q\x8d3\xad\xd7\xdbo\xbf\x96\x97\x9bsBq^\xd3 {\xec\x99g&gt;|\xe9\xa5\x8b\xb2\xb2\xae\xe8\xdc9+!\xc1\x1b\x0e\x07u]"\xf2#\xd5\x10\x95d\x04\x99\xb5-"\x9a\xef\xb0\xc3b\xf1\xd8lE\xd5\xd5\x13\xd7\xac\xf9\xa4\xb0\xf0\xb2[o}\xe8\xde{\xe1\xa8\xd2\xa9mu\x11\x00\xe6y\xb9v\xdd\x9aq\x97]\x96`\xe9p\xc1\x99\xb78\x1dn\x9f\xbf\nQ2\xce\x19\x9d`u\x05QJ\x946\x8b\xc3\xe9to\xde\xb6\xe2\x93\x99O\\4n\xf8\x0b\xcf\xbf\x0c\xc7w\xc2\xd54\x18\x9fz\xe6\xe5Io?\xfa\xf4\xfd\x9dF\x8fn\x0fA\xdd\xf0\x859g\x9cS9\xd6\x11D\x90\x12\x19\x00O\xb4\x83\xc4\x97\xde^\xfa\xea\xe4\x92g^x\xf3\x9c1#\x8e3\x03\xcc\xeeByE\xc5EW\\\x81?\xff\xfc\xdc\xd0\xa1M\xd3\xd2*\x82AM\x08\xa5\xbe\xd7\xa5\xc4\x15D\x14\x88\x16EIq8v\x97\x95\xdd={6v\xef\xfe\xe9\xc4\x89\xa9))u3\x1cT\xeb\x01\xa0\xeb\xba\xc5b\xf9|\xc6\xd4\xeb\xaf\xb9\xf5\xec\xc1w\xf79mT\xa5\xb7L\n\x83sZaV?\x10Q\xa2p9\x13\x85\xa1\xbf\xfb\xc9\xc3\x9eL\xefw\xdf\xceq:\x9d\x7f\x9e\x015\xb5\xff\xf9c\xc7\xf9\x0e};\xf9\x8d1\xa9Y\x1e\xa3\xd4OU\x7f=\x92\x02\x19\x03\x96\xe1Y\xfb\xf3\xdeKo\x9as\xd1\xb5\x8f&lt;x\xff]\x7f\x99\x01\xe67l\xde\xbe}\xf4\xb0a\x17%&amp;\xdew\xc6\x19\xdeP(\xa0\xeb*\xad\xc3\xae?\x86\x94N\x8b\xc5c\xb7?5\x7f\xfe\xc7\x95\x953\xbf\xfb\xaem\xcb\x96\'7B{Bj7\x00\xcc?`\xea\xb4On\xb9\xe1\x81\x9b\xafx-3=\xaf\xaa\xbaLQ\xa2\xe8\xee\xb3\xb8%\xa5\xe0\\INL\xff\xec\xabW+\xc5\x8a\xb9s\xe6\xb9\\\xee?\xca\x80\x9a\xda\xff\xecs/\xcdw\xfc\xf4\xf2\xcb\xe7BUH\x84tE\xa5*\xa3\xfe\x19\xbaT\x93\xeca\xcd\x18u\xd1\x94&gt;\xa3\xee\x1b\xff\xd0\xbf\xfe\xa4\xe20\xdb\x95\x1b\xb6n=g\xc8\x90\xa7\xda\xb5;\xb3m\xdb\x82\xaa*\xc6\x18\xa7V\x7f}\x93\x88\x121\'1\xf1\xdbM\x9b\xfe\xb5q\xe3\x8c9s:\xb4n]\xdb\xfd\x80Z\x0c\x00\xf3\xd0\xa7\xcf\x98z\xe3?\xee\xbd\xfd\x9a\xb7\x13&lt;\xc9\x81\x80\x97j\xffh\x82B\x88\xb4\xd4\xeci3_\xaf\x12+\xbf\xfbn\xb6\xdd\xee\xf8\xfdZ\xb4\x9a\xe5\xe1\xe7\x8f\x1d\x97g]\xfc\xe2\xab\xe7\x89\xc2j\x0e\xc0\xa8\xe1\x1f5\x84\x90\x8a\xcd"-|\xe8y\x1f\x0f8\xfb\x81?\xea\x07\x98\x01\xbfy\xfb\xf61\x83\x07?\xd7\xbe\xfd\xa0\x96-\x0fWW[\xe9n\xafh\xa2\t\x91\x9d\x90\xf0\xc3\xb6mw\xae_\xff\xe5\xbcym[\xb6\xac\xd5\xf9\x80\xda\n\x00\xf3\xa07l\\\xd7\xbf\xcf\x90\xbb\xae\x9d\x98\x9a\x9c\x11\x08\xfah\xd8\'\n\t\xa1g\xa67x\xfb\xa3G\xd2\x1bUO\xff\xfc\xab\xdfW\x1c\xe6gn\xbf\xeb?\x87\xd7\xbf9\xe5\xf3\xab\xf4CUj=\xacW&amp;\x7fAJd\x16\x05-\xbc\xc3\xc0\xf7\x1ez\xe6\xb3\xb1\xe7\x8f\xfeM\xe3\xd1\\\x84\x1d\n\x85:w\xed\xfa`n\xeey\x9d;\x1f\xaa\xac\xa4\xda?\n\xe9B\xe4$&amp;\xceX\xb7\xee\xe1\x03\x07\xd6\xae^\xedt8jo]P\xad\x04\x8b9b\xe0\xf7\xfb/\xba\xf0\xe2\xf3\x86\xdd\x9b\x99\x9e\xe7\x0fx\xa9\xf6\x8fN\x8ab).=t\xe5\x85\xf7\xad^r\xf0\xc5\x97\x9eSU\xd5\xbc\xcb\xd4d\xb6\xfd\xbf\x9c9{\xde\x97/~\xfc\xf6\x85\xa2\xa8Z\xe5\xb4(&lt;\x1aq\xce\xa4fp\xc6\xbe\x98p\xd6\xdd\xb7_\xb3w\xdf\x01\xce\xb9y\xd3\xa5\xc9\xcc\x83\xcb\xaf\xbbn(\xc0\x05]\xbaP\xed\x1f\xb5,\x8ar\xa8\xaa\xea\xbc\xce\x9dGr&gt;\xee\xdak\x7fS\x8e\x91U+\x01`\xde\xedu\xdb\xed7y\xd46}\xbb\x9fI\xe3\xfeQ\x8e1\xee\x0fxo\xbc\xf2\xb9G\x1f~~\xfd\x86u\x9cs3\x03\x10\x911VT\\z\xebMW\x7f\xf6\xca0\xc5\xc2\x99\x81\xd4\xf8\x8fZ\x8a\xc2\ro\xb8Y\xc7\xdc\xc7nl|\xc9\xa5\x97\x1f\xbd\xa5\x8a\x19\xe4oO\x9a\xb4o\xe6\xcc\'F\x8c(\xa8\xaa\xa2\xda?\x9aY\x15\xa5\xa0\xaa\xea\xf1\xe1\xc3\x0f\xce\x9a\xf5\xe6\x07\x1f(\x8art\xb3,\x82"?\x04d\xde\xc8\xb0~\xc3\xda!\xa7\x9f\xfd\xc0\xcd\x9fJY+\xc7M"KH#91\xe3\x9by\x13C\x96\xb5\xb3\xbe\x99m\xb6\x16\xcd\xc1\x9f\x7f\xde|\xb7\xdb7\xe3\xd9\x17\xcf5\x0eU\xa8\x16\xaa5\xa2\x9d!\xa4\x9a\xe6\x1e8\xf2\x83\x7f\xdc\xf9\xee\xa5\x17\x9fk\xee1\x80\x88\x81`\xb0s\x87\x0eou\xea\xd4&gt;;\xdb\xa7i4\xeb\x1b\xe5$\xa2\xcbj\xddTXx\xdd\xaaU\xab7lp9\x9d\xb51\x10T+=\x00\xc6\xd8\x9dw\xde1\xa4\xf7\xd5N\x87\x9b\x02 &amp;(\\\xad\xac*\x19~\xfa\xa5\x1bW\x17\xcc\xfc\xfa\x0bEQ4MS\x14e\xc3\xc6\xad\x0b\xbe{\xef\xf1\xfb\x06\x89\x12/\xd5\xfe1\x813\x86!\xe3\xf5\x87\x07&gt;\xfe\xe8}\xa1P\x98sn\x18\x06\xe7\xfc\x91\xa7\x9e\xea-e\xaf\xc6\x8d\xab\xc2a\xaa\xfd\xa3\x1fg\xac:\x1c\xee\xd9\xa8Q_\xce\x1f~\xf2\xc9\x9a~y\x84\x7fKd_\xce\x9c\xfb]\xb3v\xd5\x9em\x15\xbdO\x1b\xe5\xf5U\xd2\xd0\x7f\xec`\x000\xb0\xe7%o\xbf\xf5\xce/\x1f3\xf6\xda\x1b\xef\\sv\xae-\xcd\x8d:\x05yl\xe0\x9cI_\xa8M\xcfF\x1d\x1a\xfa\xa6L\x9bi\xee\xea\\\xed\xf3\xcd\x9b:\xf5\xe6\x9e=+\x82AZ\xef\x1f+T\xce+\x02\x81\x9b\xbaw\xffa\xda\xb4*\xafWQ\x94\x88\x0f\xd8D&gt;\x00\x00\xe0\x95W^n\xd9\xb8\xaf\xdd\xee@\xda\xd73vp\xce\xfd\x81\xean\x1dN_\xbbj\xd7\x86\x8dk\xadVkIi\xf9\xe2\x1f\xa6]qAG\xac\n)\n\xd5\x1a\xb1\x831\xd4\xe5?.h5\xe1\xed\xd7\xa4D\xce\xf9\xc7\xd3\xa6\xe5UW\xb7\xce\xce\x0ej\x1a5\xfec\x05\x03\x08\xeaz\xeb\xec\xec\x06^\xef\xe4\xa9S\x19c\x11\xef\x04D\xf2\xaaFDUU\xab\xaa*\x17\xce_\xd6\xab\xeb\x08Z\xf9\x13s\xa4\x14nWB\x93\x9c\xd3\xde{\xef]\x00\xf8d\xca\x8cv\r\x8d\xf4f\x19"\xa4\xd3\x98A\x0cQ8\x03oh\xd0\x19-\x02\xe5\x9b\xd6\xac\xdb\x04\x00\x93\'M\xba\xa0uk]\x08\x9a\xc3\x8f-\x8c\xb1\xb0\x10c[\xb7\x9e\xf2\xd1Gpd\x17\xfd\x08\x8a\xe4\xcb\x99\xcd\xff%K\x16YXzVF\xbe\xae\x87#\xf8\xe2\xa4\x0e0\xc6CZ\xb0S\xbb\x81\xcb\x96\xaeB\xc0\x85\x0b\xbe?wh#\x14\xb4;w\xec\x11\x86d\t\x8e\xfe]&lt;\x0b\x16,\nh\xa1\xea\xed\xdb\xfb4l\xe8\r\x87\x15*\xca\x98\xa20\xe6\x0b\x87{5j\xe4\xdb\xbd\xfb\xc0\xe1\xc3\xe6|~\x04_?\xc2=\x00\x00\xf8n\xf6\xec\x869\x1d\x14j\xfb\xc7 \xc6X8\x1cl\xdc\xa0uYQ`\xc3\xa6\x8d\x85\x87\xb6\x0c\xe8\xd1\x80\xf95\x1a4\x8e9\x8c1\xd0\xc5\x90\xde\xb9kV.\xfd~\xe1\xa2&lt;!\xb2\x12\x13\xf5Z[NNj\x8f.eVbb\x9ea\xfc\xb0p!\x1cigGJ$\xafl\xf3\x86\x85\x8d\x1b\xb74j\xd0F7\xc2\xd4l\x8cER\n\x87\xc3\x9d\x9a\x987y\xf2\'\xe9\x1e=3;\x115\x1a7\x88=\x9c\x03\x04\xf5\xf6\xad2*K\xf7\xcd\xfcjV\xe7\xccL\xf3\xf9\xee\xf5}\\\xe4\xc4!\x02@\xdb\x94\x94\x95+V\xc0\x91vv\xa4D,\x00\xcc\xcd\xc2\x0c\xa1\x17\x16\x94e\xa65\xd0u\x8dn\x18\x8dQ\x8c\xb1\xac\xf4FS&gt;\xfb\xbcA\xa6\x05\\VA\xcd\xc6\x18\xc4\x18C]\xe4\xe5$\x89p\xe9\xbc\xd9\xf3\xdaeg\xe9B\xd0\xea\xcfX\xc4\x193\x84h\x91\x92\xb2k\xc7\x0e8\x91Gw\x1c\xd7\x8bG\xea\x85\xcc\\:\\P\xe0\xf7\x85]NO\xed\xdd\xbbLj\x9b\x942\xc1\x93ZVR\x94\x9ad\xa5\xc7\x81\xc4.\x94\xc8lV\xabE+-*H\xf3\xb8\r\xba$c\x96!e\x9a\xdb]RP`\xde\xd2\x11\xc1N@\x84\x07w\x8b\x8a\x0b9\xd8=\xeed!\x05=\xe9%\x161\xc6\xa442\xd3\x1b\xf9\xaa\xabZ4\xf6\xd4\xf7\xe1\x90\x93\'%\x82\xd3\x9a\x9d\xa6z\xab\xca\x1b%\'\x87\r\x83\x86\xf2b\x91\xb9\x10(?9Y\xab\xa8\x08\xebz\x94\xf6\x00L\xaa\xaa2\x06\xb4\xfc?\xd6Ii\x00c\x86AC\xc61\x0eQ"\x00\xe3\x86\x94T\xf7\xc7.\x06`H\xc9U5\xda\xb7\x82\xa8\xb3G\xcc\x93Z\xc6\x00\x91\xda\x8b\x7f\x13\x88T\x92\xb1\x8eA\xad\xcc\xe1\xd3\xfa&gt;B\x08\x89S\x14\x00\x84\x10\x12\xa7(\x00\x08!$NQ\x00\x10BH\x9c\xa2\x00 \x84\x908E\x01@\x08!q\x8a\x02\x80\x10B\xe2\x14\x05\x00!\x84\xc4)\n\x00B\x08\x89S\x14\x00\x84\x10\x12\xa7(\x00\x08!$NQ\x00\x10BH\x9c\xa2\x00 \x84\x908E\x01@\x08!q\x8a\x02\x80\x10B\xe2\x14\x05\x00!\x84\xc4)\n\x00B\x08\x89S\x14\x00\x84\x10\x12\xa7(\x00\x08!$NQ\x00\x10BH\x9c\xa2\x00 \x84\x908E\x01@\x08!q\x8a\x02\x80\x10B\xe2\x14\x05\x00!\x84\xc4)\n\x00B\x08\x89S\x14\x00\x84\x10\x12\xa7(\x00\x08!$NQ\x00\x10BH\x9c\xa2\x00 \x84\x908E\x01@\x08!q\x8a\x02\x80\x10B\xe2\x14\x05\x00!\x84\xc4)\xb5\xbe\x0f \xba "\xa2\x8c\xc8K1\xc6\x19c\x11y)\x12\x11\x88 \x11\x11\x91\x01\xe3\x1c\xcc\xd2\x91\x12\x11\x01\x019g\x9c\xca+\x16 \x00"JD\xc6\x18\x03\xa8)5\x89\x88\x00\x80\xc8\x18\x15\xe5\xf1\xa2\x00\xf8\x1fD\xb4\xa8VU\xb5\x01 \xc0\xa9\x9c@\x08\xc0t#d\x08\x9d\x9d\xd2\xeb\x90\xc8@D!QU\x15\xc5a\x01\x0b\x07\x81\xa0\t\xd0\x05\x00\xe3N\x15\xac\x1c\x18\x83\xa0!\x82\x06c\xc09\x15Y\x942\xf3[U\x14\x87\xc5b\xe5\\"\xeaRjB\x08D\xce\x98CU-\x9c3\xc6\xc2B\x04t\x1d\x01\x14\x8a\x81\xbfB\x01\xf0\x0bDTUKQ\xe9\xbe\xa2\xd2\xbd\x8c1\xb31q\x92\x18\x03\xc4\xdc\xac\xe6)\x89\xd9\x86\xd0\xa9\x1fP\x8f\x10AJ\xa9\xd8U\xd5i\xd1\xca\x82+V\x15\xfe\xb4\xbap\xdd\xd6\xb2C\x85~o@\xe7\x8c%\xb8-M\xf2\x13N\xeb\x901\xa4o^\xe3\x16)\x10\x16"h(\n\x15Yt1;\xe6NU\xb5\xabji0\xb8\xaa\xb0pMq\xf1\xf6\x8a\x8aC&gt;\x9fO\xd3t)U\xc6&lt;Vk\x83\x84\x84\xb6\xa9\xa9=sr\xda\xa7\xa5q\xc6\xaa5\x8d2\xe0\xcfQ\x00\xfc\x02Q\xda\xad\xce\xb5\x9b\x7f\xf8f\xfe[\x11y\xc1\x0b\xcf\xbc\xf7\xf4\x9e\x17\xeb\x810cJD^\x90\x9c()\x90\xabLIr\x1c\xdcY\xf1\xee\xd4\xad\x9f}\xb3k\xf3\xce\x8a\xdf\x7f\xdb\x0f\xcb\n&amp;|\xb65\xd1c=oX\x93\x87n\xeb\xd6\xb0I\x92\xa8\n)\nM\x8fE\x0bCJ\x87\xaa:TucY\xd9g\xdb\xb6}\xb7{\xf7\xce\xca\xcac\x7f\xeb\xa1C\x00`S\x94\xde\xb9\xb97w\xee|z\x83\x06U\x9a\x06\xa7\xd6\x9d\xff{\xa3\x00\xf8\x1f\x04T\x14\x15\x00\x18\xe3\'=\x13\xa0p\x15\x18\x93\xc2\xb0Y\x9d\x08\xa7\xd0\x8d \xa7\x06\x11y\x825\xe4\xd3\x9f{z\xd9\xcb\x137\x94\x94\x87\xcc\xcf7\xca\xf3\xb4k\x91\xd2$\xcf\x93\x94`\x95\x02\x0bJ\x83\x9bvT\xac\xd9XR\xe5\xd5\xde\x9b\xb6u\xe6\xf7{\xdf}f\xe0\xe8Q\xcdDe\x98\xfa\x01Q"\xcd\xe1\xd8QQ\xf1\xca\x9a5\xd3\xb7o\xf7\xe9\xba\xf9\xc9\x0c\xa7\xb3Err\xc3\x84\x84T\x87\xc3\xa6(\xba\x94\xc5\x81\xc0\xf6\x8a\x8a\x8d\xa5\xa5!\xc3\x98\xbf\x7f\xff\xfc\xfd\xfbo\xeb\xd2\xe5\xfe\x9e=\x83\x86q\x8aC\xba\x7fc\x14\x00\xbf\xe0\x9c\x87\xc2\xfen\xed\x877o\xdc\x95\x01;\x89\xba\x1b\xa5\xb4\xd9\x9c\x9f}\xf3\xcc\xae}k=\xae\xe4\xe6\x8d\xbb\x86\xb5\x10c\xd4\x90\xac\x07\x88\x08\x16e\xc9\xb2\x82;\x1e\xfdi\xf9\xfab\x00p9\xd4\xf3G6\x1d7\xa6y\x8f\x8e\x19\xee\x14\x07\xa8\x1c\xf8/\xf3\x89\x100\xd6m+\x7f\xe1\x9d\xb5\x93fl/\xa9\x08\x9d}\xdd\xec\x99o\xb3\x91#\x9b\x8a*\xca\x80\xfa\x87\x88o\xac[\xf7\xfc\x8a\x15\xa5\xc1 \x00\xb8\xad\xd6\x11\x8d\x1b\x9f\xd9\xa4I\xe7\xcc\xcc\x0c\xa7\xd3\xaa(\x1c\xc0\x1c\xb3\x95\x88!!vVTL\xde\xb2\xe5\xbd\r\x1bt)_Z\xbd\xda\xaf\xebO\r\x18P\x1d\x0e\xd3H\xec1Q\x00\xd4`R\x8aDOZJR\xd6I\xfc0"Z-\xf6\xc3\xc5\xbb\x0e\x15n\x07\x80\xae\xed\x87e\xa4\xe4{\xfd\xe5\x9c\xd3\xf8O=\x90\x12\x14\x87:\xe5\x8b\xedf\xed\x7f\xfe\xb0\xc6\x0f\xdd\xd1\xbd}\x87t\x90\x08AC\xfa4\x89h\xce\xf4\x9b+\x82:\xb6M\x9b\xf8\xd6\xf0\x01\xa7e_\xff\xe0"C\xc8\xcb\xee\xfaaC\xeb\xd4\x9c\x1c\xb7\x0c\x0b\x9a\x13\xae/\xe6,\xae\xdf0\x9e]\xbe\xbc&lt;\x14\xb2)\xca\x85\xadZ]\xdf\xb1c\xeb\x94\x14\t\x104\x8c\x80\xae\xfbu\xbdf\xba\x8e1\xc6\x01\x9a\'\'?;`\xc0\xd0F\x8d\xfe1{vU8&lt;a\xc3\x86nYY\x17\xb4lY\x19\x0e\xd3|\xc0\xefQ\x00\x1c\x8d\x19B7\x84v\x12?)\xa4PU\xcb\x0fK?\x0e\x85\x03\x16\xd5\xda\xab\xf3Y\x9a\x1e\xa2FG}\xe1\x9c\xa1_\x7f\xee\xc1&gt;{\n|\xa3\x064\xb8\xfe\xba\xce\xa0\tQ\x196\xbf\xc49\xe3\xbf\x1e\x12\x90\x01]\xf8\xb4\xabo\xe8\\\\\x1a\xbc\xef\x85\xe5\x15\xd5\xe1\xf1/\xad|\xfb\xe5\xc12$\xea\xe9/ \xc0\x00t)3\x9d\xce\x97\xce8\xe3\x8d\xb5k\x1f\xe8\xd9\xb3Onn\xd00*B!s\x91\xf5/k=\x7f}\x95\x05\r\xc3\xa7iC\x1b5ze\xd0\xa0\xcbg\xcdb\x8c=\xbbb\xc5\xf0\xc6\x8d\x15\xc6h \xe8\xf7h\x80\xe2W\x18cGN\xad\x13\xf8\x07\x8c\xd9,\xf6\xb2\x8a\x82\xd5\x1b\xe7\x02\xb0\xd6\xcdz7\xc8i\x15\xd6\x824\xfeS_\x18\x03&amp;\xd0\xc2\xd9W\x13F\\\x7fuG\xac\n\xc9\x80\xae(LQ\x8e\x1d\xca\x9c3U\xe1\xa28\xf0\xaf\x1b:\xb7n\x9a\xcc\x18|\xf6\xed\xee\xe2=U\x8a]9\x95\xe5`\xe4\x14)\x8cUk\xda\xc0\x06\r&gt;;\xeb\xac\xd3\xb2\xb3\xcb\x82\xc1\xa0a(\x9c\xffA1\x02\x00p\xc6,\x8aR\xe4\xf7\x8fl\xd2dH\xa3F\x88\xb8\xab\xb2rIA\x81\xdbb9\xa5\xa5}\x7fSTCE\x00Ji\xb3\xb9V\xac\xff\xce\x17\xa8\x04\x80\xbe\xdd\xceA@jl\xd43\x06(\x105)|\x1ac\xec/Gr\x18\x03\x14RI\xb4^2\xba)"T\xf9\xb4E\xab\n\xc1\xae\nI\xb5F=3\x10u)}\x9a\xa6p~\x9cwx1\x00\x898\xbaiS\xf3\xff\xaf,,T9\x97\x14\x00\xbfC\x01\x10\x01\nW\xfd\x81\xca\xa5\xab\xbfd\x8c\xe5\xe7\xb4n\xd9\xb4{(\xe4\xe7\xd4\xfc\xafo\x8c\x01c\xa0\x1c\xf7 &gt;\xe3\x0cu\xd9\xb3S&amp;\x000\x80\xf5[\xcb\x803\xa0\xa5\\\xf5\x8d\x01\x1c}\xc7\xefq\xfd\x08c\xba\x94\xcd\x92\x92\xcc\x91\x9f\xfd\xd5\xd5\xe6\x9d\xc3\xb5w\x901\x8a*\xa9S%\xa5\xb0\xdb]\xeb\xb7\xfeX\\\xb6\x1f\x11\xfbt;\xdbfqDj?\tR\x97\x18\x00\x13\x98\x95\xe6T\x15\x8e\x00E\xa5\xc1\xfa&gt;"r\xf2$\xa2\xcbb\xb1)\n\x00\xf8u\x9db\xfc\x98(\x00N\x15c\xcc0\xb4E+&gt;g\x8c%\'fujsF0\xec\xe7\x9c\xde\xd8\xd8\x84h\xb5ps\xf5\xa7!\xa8\xd2\x88a\xe6\x1c\xb2\x81\x08\x00vU\xa5\xc6\xff1Q=uJ$J\xbb\xcd\xb5}\xcf\xaa=\x07\xd6#b\xf7\x8e#\x13=\xe9B\xe8\xb4\xdc Vq\x16\x0c\x19\xba!\x01\xc0\xe3\xa25r1L\xe5\xbc\xc8\xef\xd7\x84`\x00y\x1e\x0fg\x0ch\x0e\xe0w(\x00N\r"\xe3\xca\xe2\x95\x9f#\xa2\xcd\xea\xec\xd1i\x94F\x8b\x7fb\x16"\x80\xc2\x0bK\x02R"\x00\xe4f\xb9\xeb\xfb\x88\xc8I\x12\x88\x16\xce\x97\x16\x14\x00\x00\x02t\xcd\xcc\x14\x88@s\x00\xbfCU\xd5\xc9C\x94V\xab\xe3\xe0\xe1m\x1b\xb7/\x06\x80\x0e\xad\x06dg4\xa1\xe5\xff\xb1\x0b\x11Qa\xeb\xb6\x95\x9b\x1f\xb6m\x96\x0c\x02i?\xd7\x98#\x11m\x8aR\x1c\x08|\xbec\x07c\xac\x81\xc7\xd3\'7\xd7\xaf\xeb\xb4G\xf4\xefQ\x00\x9c&lt;\xf3\xee\xdf\xa5\xab\xbe\xd4\xf50g\xbcO\xb7s\xa4\x10T\xfb\xc7.\xce\x19\xd3\xe4\xbc%\x87\x00 9\xd1\xd6\xad]:\x84\r\x9a\xcd\x89-\x02\x91\x01$\xd9l\xe3\x97,9\xe8\xf5"\xe2\xad]\xba\xa4:\x1c\xba\x10te\xfe\x1e\x8dr\x9e$\x04TUkYE\xc1\x8a\r\xdf1\xc6\x9a\xe4wj\xda\xb0SH\xf3\xd3\xf8O\x8c\x92\x12\x99S\xdd\xbe\xb9t\xd1\xca\xc3\x000\xa8Wnz~\x02m\x07\x14\x85\x8e1\x90\x8f\x88\x00\x12\x913\xe6\xb1Z\x01\xe0\xbeE\x8b&amp;o\xd9\x02\x00g6mzy\xdb\xb6U\xa1\x90BI~,\x14\x00\'\t\xa5\xb4;\\?.\x9b\xe2\xf3W\x00@\xdf\xd3\xceU\x15K\x18\x03\xd4\x01\x88QR\xa2jS\x9f\x7f\x7f}(,\x00\xe0\xe6K\xda\xd0\x9cat\xfa\xcd\x96&gt;\x0c@Q\x14\x95s\x0b\xe7\x9a\x10\xab\n\x0b\x9fY\xb1b\xfe\xfe\xfd\x000\xaaI\x93\xd7\x06\x0f\x0e\x0bA\xa3\xff\x7f\x84\x02\xe0$q\xae\x04\x02UKV\x7f\xc9\x18KOi\xd0\xbee\xbf`\xc8G[\xbf\xc5(!PM\xb0\xad\xff\xb9`\xe2\x8c\xed\x000\xaco\x83\x01\x03\x1bJ\xafF\xcd\xff(\x142\x0cs\x9c\xc7\xccg\x81\xe8\xd7\xf5C^\xef\xba\x92\x929{\xf7\x9a\x13\xbf\xe9N\xe7\xcd\x9d;_\xdf\xa1\x83&amp;\xa5!%\x8d\xfe\xff\x11\n\x80\x93!\xa5p9\x13\x7f^\xfbMQ\xe9^\x00\xe8\xd9\xf9,\x973\xc9\xe7\xaf\xa0\x00\x88E\x88\x00\n\x93\xba\xb8\xfe\xe1E\x9a.\xac\x16\xe5\xb9\x7f\xf7\xa0\xe6\x7f\x142\xef\xed\xbas\xc1\x82\xe5\x87\x0f\xab\x8c\tD\x000\xa4\xf4\xea\xbaO\xd3\x00@\xe5|D\xe3\xc6\xa3\x9b6\x1d\xd6\xa8Q\xaa\xc3Q\x1a\x0crz&gt;\xf0\x9f\xa2\x008\x19\x8c1C\xe8\x8bW|\xce\x809\x1c\t\xa7u\x18\x1e\x0e\x07\x18\r2\xc6&amp;CHK\xba\xf3\x9e\xfb\x16,[[\x0c\x00\xe3o\xe9\xd2\xae[\xb6(\x0f\xd2C\xc1\xa2\x10glGE\xc5A\xaf\xf7\x98_\xb5r.\x10\x0f\xf9|\xab\x8b\x8b;\xa6\xa7\xa79\x1c\xd5\x9af\xce\r\xd4\xf1q\xc6\n\n\x80\x13&amp;Q:l\xae\xed{V\xee\xda\xbf\x0e\x01\xbb\xb4\x1b\x9c\x9e\x92\xe7\x0bTR\xf3?\x16\x19\x86\xb4\xa4;\'\xbd\xbf\xfe\xd9w\xd7\x03\xc0\x99\x03\xf2\xff}\xdbi\xa22\xcc\xa9\xf6\x8f&gt;\xe6\x03\xdf\xef\xea\xd6\xad\xd0\xef\xaf\x19\x022\xf7\x89+\n\x04\xf6WWo)/\x9f\xb3w\xef\x9c\xbd{\x01\xa0UJ\xca\x15m\xdb\x8ek\xdb\x96\x01\x84\x85\xa0\x0c8&amp;\n\x80\x13\x87\xc8\xb9\xb2x\xc5\xe7\x88RU,\xbd\xbb\x8c\xd1\x85F\xab?c\x91aH5\xc51\x7f\xce\x9e\x7f&lt;\xb8\x08\x00\xda4M\xfa\xf0\xe5\xc1\xd2\x90\x9c6\x0e\x8bJ\xe6\xee\x0e\xa3\x9a4\xb1\xfc\xae\xb7\x8d\x00\xba\x94U\xe1\xf0\x8e\x8a\x8a\xef\xf6\xec\x99\xbcy\xf3\xd6\xf2\xf2\xfb\x16-\x9a\xb5g\xcfk\x83\x07\xa79\x1c!\xc3\xa0\x0c\xf8=j\xe6\x9c\x18D\xb4Y\x1d\x87\nwl\xd8\xb6\x08\x00Z6\xe9\xde0\xb7-m\xfd\x1f\x8b\x84!\xd5D\xdb\x865\x85\xe7\xdf4G\xd3Df\xaa\xe3\xcbwF$%\xdb!,\x18=\x05,Z1\x80jM+\r\x06\x7f\xf3\xaf&lt;\x18\xf4i\x9aMQ\xbaff&gt;\xda\xa7\xcf\xbc\xb1c\xcfl\xda\x14\x00\x16\x1d&lt;x\xd1\xcc\x99^M\xb3pN\xb3:\xbfG\xd5\xd6\x89A\x94\x16\x8b}\xc9\xea/5=\x04\x00}O;\x971F\x1b\x06\xc7\x1caH\xc5c\xdb\xb3\xabr\xd4\xd5\xb3\xca\xab\xc2n\xa7\xe5\x8b\xb7\x867k\x99*\xbc\x1a\xa7\x95?\xd1MaL\xe5\xfc7\xff\xccG\x05\x98+\x82J\x83\xc1\x0c\x97k\xe2\x88\x11\x17\xb6l\t\x00\x9b\xcb\xca\x1e\xfe\xe9\'\x97\xc5B\xcf\x03\xf8=\n\x80\x13\x80\x88\xaaj-\xaf&lt;\xbcb\xfd\xb7\x8c\xb1\xdc\xac\xe6\xad\x9b\xf5\n\x85}\xb4\xf7gl\x11\x02\x15\xb7\xb5\xa0\xc0;\xe2\x8a\xaf\x0f\x14\xfa\xad\x16&gt;\xf5\x95!=\xfb\xe6\x19\x95!E\xa5\xa2\x8ca\xe6c\x03T\xceC\x86\xe1\xd7\xf5g\x06\x0el\x91\x9c\xcc\x19\x9b\xb6}\xfb\x9a\xe2b\x97\xaaR\x06\xfc\x06\x9d\xee\'\x00Q\xdam\xae\x95\x1bf{}\xe5\x88\xd8\xa7\xeb9v\x9bKJ\xda\xfa?\x96\x08!\x15\xa7ZZ\x1a\x18q\xf9\xd7\xdb\xf6V)\x9cM~a\xd0\xf03\x9b\x19eA\x95j\xff\xbf\x0b\x851M\x88D\xab\xf5\xea\xf6\xed%\xa2!\xe5w{\xf7\xda)\x00~\x87\xce\xf8\x13\xc0\xb9\x12\x08z\x97\xac\xfa\x821\x96\xe0I\xeb\xdcv05\xffc\x8b\x14\xa88,\x95U\xe1\x11\x97\x7f\xbd~{9c0\xf1\xd9\xd3\xcf\x1f\xdb\xda(\rP\xed\xff7\xc3\x19\x0b\x1aF\xcf\xecl+\xe7\x00\xb0\xb6\xb8\xd8\x90\x92\xe6\xf6\x7f\x83N\xfa\xe3%\xa5p\xd8\xdc\x1b\xb7/,,\xd9\x83\x88\xdd;\x8cHN\xcc4\x0c\xda\xfa?fH\x89\xdc\xae\xf8\x02\xfa\x99W~\xb3rS)\x00Lxb\xc0\xa5\xe3\xdaQ\xed\xff\xb7\xc4\x183\xa4Ls8\x92\x1d\x0e\x00(\xf2\xfbC\xb4\x18\xf4w\xe8\xbc?^\x8c1!\x8dE\xcb?\x07`V\x8b\xbdg\xe7\xd1\x9a\x1e\xa2\xc5?\xb1BJd\x16%\xa4\xcb1W\xcf\xfaiM\x11\x00\xbc1\xbe\xdf\xd5Ww\xd4K\xa8\xf6\xff\xdbB\x00\x8b\xa2\x98=\x00M\x08!%U\xff\xbfA\xa7\xfeqA\x946\xabk\xe7\xbe5;\xf7\xad\x01\xc0v-\xfa\xe6f5\xd7\xb4 \xf5(c\x82\x94\xc8,\xdc\x00&lt;\xf7\xdao\x7f\xf8\xb9\x00\x00^|\xa0\xf7\r7t6J\x03\x16\xaa\xfd\xff\xbe\x18\x80&amp;DX\x08\x00\xb0*\x8aJ+A\x7f\x87\xce\xfe\xe3\x82\x88\x8a\xa2,^9\x1dQ2\xc6\xfav;WJA\x8f\n\x89\t(\x11\x14\x8e\n\xbf\xf0\x86\xd9\xdf.:\x00\x00\xcf\xfc\xab\xc7m\xb7v\xa3Y\xdf\xbf7D\xb4(Jq P\x1e\n\x01@\x96\xcbeS\x14\x9a\x04\xfe\r\xba\x13\xf8\xaf!\xa2\xd5\xe2((\xda\xb9~\xcb\x02\x06\xacq^\xfbf\x8d\xbb\x86h\xf3\x9fX\x80\x12Qa\xdc\xa6\\r\xe3\xec\x19\xf3\xf6\x02\xc0c\xb7u\xfb\xd7]\xdd\x8d\xb2\xa0J\xeb\xfd\xff\xd6\xcc\xe7\x82\xad(,4\xa4\x04\x80\x8e\xe9\xe9*\xe7H\x0f\x86\xfc5\xaa\xc2\xfe\x1a\xa2\xb4Z\xedKW\xcf\xd4\xf4\x10\x02\xf6\xe9v\xaeE\xb5"\xd2\xea\xcfh\x87\x88\x923\xee\xb0\\u\xfb\xbcO\xbe\xd9\x05\x00\xff\xb9\xb1\xcb\x7f\xee\xebeT\x84\x14\xba\xd77F\x9ct\x8b\x9d3\x162\x8c\x8f\xb7l1o\x0e\x18\x94\x9fO;\x02\xfd\x1e\x05\xc0_0\x9f\xfcUQU\xb8|\xdd7\x8c\xb1\xd4\xe4\x9c\x0e\xad\x07\x84\xc2~\xda\xfa-\xca!\xa2\x00\xa6\xb8\xad7\xfek\xfe\x073\xb6\x03\xc0=\xd7v|\xec\xc1&gt;FEHa4w\x133\xccm\x7f\x0c)\x8f?\t\x10@\x17"\xd3\xe9|s\xdd\xba\xf5%%\x080\xa0A\x83.YY\xf4X\xe0\xdf\xa3!\xa0\xbf`&gt;\xf9k\xf1\x8a\xe9\xd5\xbe2\x00\xe8\xd9i\xb4\xc7\x95B[\xffG9D\x90\x00j\xa2\xed\xce\x7f/x\xe3\xd3\xcd\x00p\xd3%m\x9e~\xa8O\xa8,\xa8\x00\x08v\x02\xcdJ\x85\xe2\xa2\xfep\xc6\x8a\xfc\xfe\x0c\xa73\xc9\xe1\xf0\xe9\xba&amp;\x84Dd\xe6\xda\xbb_\x97\n\x02\x00\xa24\x07l\x15%\xdd\xed\xfep\xf3\xe6\'\x96-3o\x0c~\xa0gO\x1a\xfd?&amp;\n\x80\xbf\xc0\xb9\x12\x0cy\x7fZ5\x9d1f\xb7\xb9\xbaw\x1a\x19\xd6\x02\xb4\xfa3\xca!\xa0\x92`\xbb\xff\x91E\xff\x9d\xb8\xc1b\xe1\xf7\\\xdb\xf1\xf1\xe7\xce\x00\xaffOs\x9c\xf0\x10\xb0_\x03M\xd2|\x7f\xdd3W\xf1?\xb4x\xf1\xe6\xf2\xf2+\xda\xb4\xe9\x95\x9b\x9b\xe7\xf1X9\xd7\xa5\xd4\xa54\xa4\x94\x88hV\xeb\x8c\x99\x15\xbdUQ,\x9c\x17\xfa\xfd/\xac\\\xf9\xca\xea\xd5\xe6\x13c\x9e\xea\xdf\xbfKFFE8\xacP\x90\xff\x0e\x05\xc0\x9f\x91R\xb8\x1c\x89\xab6\xce=\\\xbc\x1b\x00:\xb59#3\xad\xa1\xcfO[\xffG5!Q\xf1X_xi\xe5\x93o\xad\xb5\xa8&lt;\xd1mu9-\x8f\xfeg!\x13xB5\x00c\x0c\x11\xc7\x8el\xda\xa2E\n\x86\x05\xd5\x1eu\x8f1\xe6\xd5\xb4\xe5\x87\x0f/?|8\xc5n\xef\x9a\x99\xd9=;\xbbCzz\xc3\x84\x84d\xbb\xdd\xa9\xaa\xaa\xa2\x00\x80D\x0c\x1aFQ(\xb4\xab\xb2r\xe1\xc1\x83_\xef\xdau\xc0\xeb\x05\x00\xbb\xaa&gt;\xd5\xaf\xdf\xe5m\xdbR\xed\xffG(\x00\xfe\x0cc\xcc\x90\xfa\xfce\x9f\x98\x1f\xf6\xe9z\x8ea\xe84 \x10\x03\x18|\xbd`?\x00\xe8\x86,\xad\x08\xdd\xff\xfc\xf2\x93~\xa5VM\x93Z\xb4\xcf\x90A\x83\x9e\x0f\\\xc7\xcc\xbd\x1c\xc64o\xbe\xb7\xbazMqqy(4w\xdf\xbe\xb9\xfb\xf6\x01\x80\xcbbIs8\x12l6\x87\xaa\x9a\xcf{\xf1jZq \xe0\xd5\xb4\x9a\x1f?#?\xff\xfe\x9e=\xa9\xed\xff\xe7(\x00\xfe\x10\xa2\xb4Z\x1d\xfb\x0em..\xdb\xefv&amp;5m\xd8\xb9a^;\xda\xfa?6H\xc8\xcfv\xa7\xa78\x14\x05\xa4\x00E\xf9\xe5\x9e\x8d\x13\xaa\x068gRb\xa2\xc7\n\xb4\xdf_}\xe0\x8c\x05u}x\xe3\xc6g\xe4\xe7\xaf)*Zp\xe0\xc0\xb2\xc3\x87\xb7\x97\x97\x97\x04\x83~]\xf7\xeb\xfa\xef\x7fDa\xacQbb\xcf\xec\xecs\x9a7\xef\x97\x97\x07\x00\x15\xa1\x90B\xcb\xb5\xff\x18\x05\xc0\x1fb\x8c\x1b\x86\x96\x9e\xd2\xe0\xfe\x1b?\x06\x00\x8b\xc5n\x18aj\xfeG?\x853\x08\xeao&lt;\xdaO\x18\x12\xd8),$\x04\x00\x00\xbb]\x81\x80N\xcd\xffz\xc1\x18\xf3i\x1ac\xacGvv\xdf\xbc\xbc\x90a\x14\x07\x02\xfb\xbd\xdeC^oq P\xadia!\x10\xd1\xae(\t6[\x8e\xdb\xdd0!\xa1Qbb\xaa\xdd.\x10\xcd\xde\x00\xd5\xfe\x7f\x8e\x02\xe0\xcf \xa2\xd5b7+}\x94\x12i!A\xac@p8\xd4\xc8\xcc\xdcJ\xa4\x07\xfe\xd4#s\xe1\xa6O\xd7\xa5\xa6)\x8c\xa5:\x1c\xd9.\x97\x9a\x93c~\xde,\x19\xb3\x9c\x05\xa2.eX\x88\x8ap\x98\x1d\xf9A\xf2\xe7(\x00\xfe\x02\xa24\x17\x90\xd1\xc6\x0f\xb1\x05Ed\xaam\xaaF\xa2\x01g\xcc\xac\xd0u)5!\x10\x00\x7f\xb9*\x01jb\x801\x06\xc0\x18\xa3\x11\xff\xe3G\x01\xf0\xd7\xa8\xea\x8fET\t\xfc-\xb1\x9a\x1b\x00\xa8\x80#\x81\x06\xc8\x08!$NQ\x00\x10BH\x9c\xa2\x00 \x84\x908E\x01@\x08!q\x8a\x02\x80\x10B\xe2\x14\x05\x00!\x84\xc4)\n\x00B\x08\x89S\x14\x00\x84\x10\x12\xa7(\x00\x08!$NQ\x00\x10BH\x9c\xa2\x00 \x84\x908E\x01@\x08!q\x8a\x02\x80\x10B\xe2\x14\x05\x00!\x84\xc4)\n\x00B\x08\x89S\x14\x00\x84\x10\x12\xa7(\x00\x08!$NQ\x00\x10BH\x9c\xa2\x00 \x84\x908E\x01@\x08!q\x8a\x02\x80\x10B\xe2\x14\x05\x00!\x84\xc4)\n\x00B\x08\x89S\x14\x00\x84\x10\x12\xa7(\x00\x08!$NQ\x00\x10BH\x9c\xa2\x00 \x84\x908E\x01@\x08!q\x8a\x02\x80\x10B\xe2T\xe4\x03\x801\xc6\x80E\xfceI]b\x8c\x01\x00\xe7T\x8e1\x8f3\x06G\n\x94\xc4.V;E\x18\xe1\x00`\x8c\x1bB7\xa4A\'\\,c\x9a\x1e\xe2\x9c\xfb\x83F}\x1f\t9\x05\x0cPb0,8g!\x83.\xc9\x18\xc6\x18\x0b\x1b\x86\x01\x91oYG,\x00\xcc\xd3\xabi\xd3f\xaaUTU\x95*\x8a\x82\x80\x91zqRg\x10QU-\x87\x0bw%\xa5el\xddU\r\x8c\n1V)\ng\xfepa)\xa6f\xe6\xed*-\xb3\xa9*"\x95f\xecAD\x9b\xa2\xec.+K\xce\xcb\xb3\xdblB\x88\x08fy${\x00\x88\xe8t\xba\x92\x92=\xbe@\x95\xc2\x95\x08\xbe2\xa9c^\x7fE\xbb\xb6\xed\xaa\xfd\x12tI-\xc7X\xc5Y\xc0\x17R-\xeef-[\x14W{U\xce\xa9\xfa\x8fE\x08\xa0p^\xe6\xf7gegG\xfcb\x8cd\x0f@JiQ-\x8d\x1a\xe7\xee?\xb4\xc3b\xb1\x0357b\x12\x13B?X\xb8\xe3\xba\x7f\\\xbd\xbb\xc0\xd0+\x83\x8aB+\x05b\x0f"2\x9b\xbacw\xa9\xc5\x99}\xf6\xb9c\x96\x1f8`Q\x14\xea\x01\xc4"DT\x15e]qq\xbbN\x9d\xcc\x0f#\xf8\xe2\x11\xee\x01\x00@\xaf^=\xf6\x1c\xd8\xa0*\xd4\xdf\x8cI\xaa\xc5RVQl\x80w\xe4\x88\xe1RI\xdd\xb2\xb3\x04\xec\xaa\x94T\x941FJ@\xbbe\xd9\xba\xc3\xf9\x8d[\x9f9r\xd8V\x9f/\xac\xeb\x9c:s1\x883\x16\xd6\xb4\x1d\xc1`\xdf\xde\xbd\x01\x80\xf3HV\xda\x11}-\xce\x01`\xe4\x88Q\x87K7\xfb\x03\xde\xc8\x1e(\xa9\x03RJ\x87\xdd\xb5i\xdb\xcf\xcdZ\xe6%\'%\xb7\xe9\xd0\xe3\xcby\xbb\xc0e\xa3\x00\x88A\xc8\x00f-,\xe8\xdb\x7f`\x9b\xa6\xcd\xbd\xc9\xc9[\x8b\x8a\x1c\x16\x0b5\xcbb\x0b"\xda-\x96\xadEEU\x89\x89\xbd\xbau\x83(\x0f\x00)e\xf3\xe6\xad2s][w\xae\xb6\xdb\\t\xb6\xc5\x1a\xe4\x8c\xaf\xdb2\x7f\xcc\x98\xd1\x00p\xce\xd9g\xcd\xfe\xa9\x04\xfdaZ\x0f\x1a[\x10\x81\xdb-\xc5;\x8bw\x17:\xfa\xf7\xeb\t\x08\x9d\x07\x0c\xf8f\xdb6\xb7\xcd&amp;\xea\xfb\xd8\xc8\t\x11\x00\x1e\x9bm\xd6\xb6m\xed\xfb\xf6\xb5[\xadBD\xb8\x00#\xdcH\x97R\xaa\xaaz\xe9\xb8\x8b\x97\xae\xfe\xdafuHI\xe7[\xcc@D\xab\xc5v\xe8\xf0\x1e\xa1\x14_8\xf6\x12)\xe5\xa0\xd3\xfb\x08{\xcb\xe5Kv3\x0fu\x02b\x89\x90\x92%\xd8\'\x7f\xb1\xf1\xb4\xde\xa3\xb22\xd3\x80\xc1?\xaf\xbf~vaaP\xd3\xa8W\x1e[8@H\xd3f\x17\x16\xdep\xddu\xb5\xf4\xfa\x91\xa4(\n"^u\xe5\xb5\x15\x81\x1d\x07\nv\xdal\x0e\xea\x04\xc4\n)\x85\xc7\x9d&lt;\xe7\xc7\x8f\xcf9o\xa4\xc7\x93\xa0i\x1ac\xec\xeak\xff\xf9\xec;+\x99\xc3\x8a\x14\x00\xb1\x83+\x1c\xab\x83\x93\xbe:p\xe7\x1d\xb7\x02\x80\xa1\xeb=\xbbt\xf1\xb4o?s\xe3\xc6\x14\xa7S\xd0%\x19#\x04b\xb2\xd3\xf9\xf5\xa6M\xcev\xedzw\xeb&amp;\x84P\x94\x08\xaf\xae\x8c\xf8\x8d`LJ\xe9q{\xae\xb8z\xec\xcc\xb9\xef\xb8\x9c\t\xd4\t\x88\t\x88h\xb3\xda\x0f\x14\xec&lt;T\xb6\xf2\xc6\x7f\xde\x8c\x88V\xabUJy\xf1\xd8\xb3w\x96\xe6\xac\xfca\x9b\x92\xe8\xa0N@L\x10\x86\xe4)\xae\xd7&amp;\xfc\xdc\xa4\xdd\xc8vm[H)\x19\xe7\x80x\xd7\xbd\xf7\xbe\xbeq\xa3.\x04\r\xe7\xc5\n\x06`\x08\xf1\xda\xc6\x8dw\xddsO-\xfd\x8a\xc8\xf7\x08\xcd\x99\x80\xfb\xee\xfdOY`\xc3\x86-\xcb\xdc\xaeD)e\xc4\x7f\x0b\x89,)\x85\xc7\x93\xf2\xd1\xf4\xa7\xae\xfb\xe7\xb8\xfc\xfcFB\x08\xce9"\xba\xdd\xae\xfb\xff\xf3\xd8\r\x0f\xcd\x07\x8b"\xa8\xfe\x8fz\x88\xc8\x1c\x96\x8a\x83\x15O\xbd\xb7\xeb\xb9g\x9f4\xfb\xdf\x8a\xa2\x08)\xcf\x1c2$\xb5O\x9fW\x17-\xcaJH\xd0\xe9\x92\x8cz\xba\x94Y\t\t\xaf-^\x9c\xdc\xb3\xe7Y\xc3\x86\xd5F\xf3\x1fji/ D\xb4\xd9\xec/\xbe\xf4\xc2\xe4/\x1e3\x84\xc19\xa7\xbb\x82\xa3\x99\x10FRb\xda\xdc\x1f\xa7x\xd2\x03\xff\xba\xfb\xbe\x9aSMQ\x14!\xc4\xd8\xf3G\xe7\xb4&lt;\xf3\xff\x1e\x9fm\xc9J0tA\xfb&lt;E3C"\xf7\xd8\xaf\xb8u\xe6\r\xb7&lt;\xd4\xb8Q\x03)\xa5\xb9h\xc4\xec\x9a\xbf\xfe\xd2K\xef\x15\x14\xac=t\xc8c\xb3\xd1@P4\x13\x88\x1e\x9bm\xfd\xa1C\xef\x1e&lt;\xf8\xfa\xcb/KY[\xf7c\xd6\xca\x9c\x90Yq\x8c9\xeb\x9cqW\x8f~s\xd2})I\x192\xd2\x93\xd7$R\xa4\x14N\xa7\xe7\xe0\xe1\xdds~z\xfd\xe3\xc9\x93-\x16\x0bc\xff\xdbx\xca\xec\xcf}\xf8\xc1\x84\xf7f\xe9\x8b\xbf\xdd\xa4fx\x0c\x8d\x8a2J\xe9\x9a\xb0\xe4&amp;=\xfb\xc4\x9c\xa0\xb3\xcf\x7f\xee\xbf\xeb\xe86\xa3\xd9\x9fk\xda\xa8\xd1\xd3o\xbey\xf5\xcc\x99\nc*\xe7\x922 *!\xa2\xc2\xb9\xca\xf9U3g&gt;\xf9\xc6\x1b\xcd\x1a7F\xc4ZZU_[\x8b\x028\xe7\x86a&lt;\xf7\xec\x8b\xa9y\xe1)_\xbe\x9c\x96\x9a#\x84^K\xbf\x8b\x9c4)\x85\xd5j\xd7u\xed\xf5\x89w\xbc\xfc\xda\xb3-Z\xb42\x0c\xe3\xe8S\xcd\xec\xcf%&amp;z&amp;}\xf8\xf1\x15\xf7.\xd9\xbf\xb3XMr\x1a:\r D\x1d]\x13\x96\x9c\xc4\xef\xa6\xae~\xe7k\xed\xd3\x8f\'\xd6\xb4\xfdk(\x8ab\x18\xc6\xc5\xe7\x9e;\xe8\x9f\xff\xbc\xea\xb3\xcf\xd2\\.\x00\xa0\x0c\x886\x12\x11\x01\xd2]\xae\xab&gt;\xfbl\xe0\xf5\xd7_z\xfe\xf9\x86a\xd4\xc6\xe0\x8f\xa9\xb6\x02\x801f\xae\x08\x9a\xf5\xcdwUb\xd5\xb4\x99\xafe\xa47\x90R\xd0\xa2\xa0\xe8!\x84\xe1\xb0\xbb\xa5\x94O\xbf~\xd5\xa3O\xddq\xf1E\x97\x19\x86\xa1\xaa\xeao\xbe\xcd\xec\xcf\xf5\xe9u\xdaKo}&gt;\xec\xd2o\xf7\xef/S\xd3\xdd\xbaN\xfd\x80h\x81\x08\xba.,\xf9\xc9\xdf}\xb9\xee\xf6\xa7\xf7}7{^jJ\x12\x1ck\x0bhUU\r\xc3x\xf5\xd9g\xd3\xce;\xef\xb2O?\xcd\xf4xT\xcei,(z\x08D\x85\xf3,\x8fg\xdc\x94)\xc9g\x9f\xfd\xfa\xf3\xcf\x1f\xf3\x92\x8c\xa0Z\\\x16l\x9e\x7f.\x97k\xce\xdcy\x95\xc6\x8aw\'?\x9a\x98\x90\xaa\xaa\x16!i\x93\xe1z\x86\x88B\x18I\ti%e\x87\x9exe\xdcC\x8f\xdf|\xc3\xf57\xff\xc9\xa9f6\x1e\xcf\x1c9\xf8\x99W?\x1br\xc9\xac%?\xed\xb4d\'\n!i]P\xbd\x13B\x02\x03KN\xd2{\xaf/\xbc\xf3\xe9}\xb3f\xcfo\xd28\xdf\x9c\xc3?\xe6\xf7\x9bq\xfe\xfe\xeb\xaf\'\x8d\x19s\xce\xa4I\x9c\xf3\x04\x9b\x8d\xe6\x84\xa3\x81.e\x82\xcd\xa6r~\xce\x87\x1fzF\x8f\x9e\xf8\xe6\x9b\xb54\xf1{\xb4\xda\xbd/\xc4\x1cAv9]s\xe7~\x9f\xda\xb0\xf2\xc9W\xaf\n\x86\xfcI\t\xe9\x12\x85D:\xe7\xea\x01\x02\ni\xa8\xaa%5%\xfb\xc7e_\xbc5\xe5\xe6\xe7_y\xf0\xcfk\x7f\x93\xd9x\x1c=r\xf0+\x13\xbe\xbc\xea\x9e\xcd\xcf?7_\xc9\xf0p\xa7\xd50$\xf5\xea\xea\x85\x94(\x0c\xa9$;\xd1\xa6^\xfb\x8fioLW\xbf\x9d=\xbfI\xe3\x06\x7f^k0\xc68\xe7B\x88\xf7^\x7f\xbd\xc3\r7\x9c\xfe\xf1\xc7k\x0b\n\xf2\x12\x13\x01\xc0\xa0\x18\xa8\'\xe6;\x9f\x97\x98\xb8\xae\xa0\xe0\xf4\x8f?nw\xddu\x1f\xbc\xf1\x86\x99\xe2\xb5\xbd\x17/\xab\x83\xab\xb7f8\xf2\xb9\xe7\x9fz\xee\xe97\xfbu\xb9xp\xff\x8b\x00 \x10\xf4J)\x18\xab\xf5?\x92\x00\xa0D\x04D\xab\xc5\xe6r&amp;\x1e*\xdc=\xf5\xeb\x17mI\x15\x1f}\xf8a\xcb\x96\xad\x8f\xbf\x9bi~gII\xd9\xb8\xcb\xafF\xef\x92\xe7\x1e\x1c\xd0\xbe{C\xa8\x0e\x89\x80\x0e\x00\xb5\x7f\xba\x12@D!Qa\x8c\xb9m\xe0\xb0|\xfd\xe5\x86G^X}\xda\x80+_\x7f\xf5Y\xc6\xb8\x10\xf2xvoED)\xa5\xa2(_}\xf7\xdd\x1d\xd7]7\xca\xe5\xba{\xc0\x80\x14\x87\xa3"\x18\xd4\x84\xe0\x8c\xd1\xb6qu@"JD\xab\xa2$9\x1c\x95\xc1\xe0s\x0b\x17~\xed\xf3\xbd\xf0\xd6[cF\x8c\xa8\x9b\xda\x1f\xea&amp;\x00\xe0\xa8\x13n\xcd\x9aU\x0f?\xf2\xf0\xe65\x85\xfd\xba_\xd8\xb9m_\x97+1\x1c\x0e\x86\xb5`\xcd\xfdbT\x85D\n\x02\x98;r3\xc6T\xd5b\xb7\xb9\x18c\x05\x85{\x17,\x9dv\xa8|\xd5\xb8+\xcf\xbf\xff\xdf\x0f\x9ac;\'4\xc8X\xd3\xc0|\xf5\xb5\t\x13\xdf}\xe9\xb4\xd6\x81\xdb\xaf\xee\xd2\xa2m\x0e(\x1c|a\x196$" \xd0\x83A#\t\x01\x11\x811\x853f\xb7\x80\xdb\n\x01m\xf1\xb2=/LX[\x1ej~\xf7\xbd\x0f\x9c9r\x08"\x9e\xe8Z\x11\xb3\xe8\x0b\x8b\x8a\x1ex\xf4\xd15_|qAN\xce\xf9\x1d:d\'$hB\xf85M\x97\x12\x11\x19]\x92\x11\x85\x88h^\x92\x9c\xbb\xadV\xab\xaa\x1e\xae\xaa\xfa|\xfd\xfa\xa9\x05\x05\x9d\xc6\x8cy\xfc\xe1\x87\xb333k{\xdc\xffhu\x14\x00\xa6\x9a\xbac\xfa\x8c\xa9\x1fO\xfet\xdd\xaa\xdd\r2:vh\xd3\xbfa^+\xa7\xc3\xc5\x18\x97R\ni\xd0\xe9\x16!LU-\x80h\x08\xa3\xbc\xb2x\xcb\x8e\x15\x9bv,\x16\xbcx\xf4\xd9C\xffy\xc3\x8d\r\x1a4\x84\xa3:g\'\xa4\xa6\xae\xa9\xac\xaa~\xf9\xe57\xbf\xfd\xfa\xd3\xcc\x84\xe2\xb3\x06\xe5\x8d\x18\xd0$;/\x19l*\x00\x80!\x81f\x08"Ea\xa0p@\x84\x80\xb6}g\xc9\x97\xdf\xef\x9a\xbd\xb8Tq\xb59\xf7\xbcK\xaf\xbf\xee\n8\xea\xca:Q5?\xb8d\xf9\xf2w&amp;LX;gNg\x8beH\xa3F\xa75h\x90\xear)\x9c#\x80Nk\xb8#\xc7\xa2(\x0c@ \x96\xfb|+\x0e\x1c\x98\xbbo\xdf\xeap\xb8\xe3\xb0a\xff\xb8\xf6\xda&gt;\xdd\xbb\xc3)\x14\xe5\xc9\xa9\xd3\x00\x00\x00\xf3\xae`\xb3\xd2Y\xb3v\xd5\xa4I\x1f\xac\\\xbe\xb6\xb4(\x90\xe4\xca\xce\xc9h\xeav%e\xa65\x142\x92\xcf&lt;\x8bK\xc8\x18\xd7\xf4PA\xd1._\xa0\xaa\xb0d\x97\x0e\xd5\xcd[5\x189r\xf8\xf9\xe7_\x98\x9c\x94\x02GZ\x7f\xa7\xf2;j\xce\xd4P(\xfc\xf9\x8co\xa6O\x9fvp\xcf\xda\xf4\xc4p\xdb\xe6\t\xb9Y\xee\xd6\r\x93\x92\x92\xed` \xf5\x03N\x05"2U9x\xa8\xfa@\xb1o\xeb\xee\xaa\xed{\xfd\x01=\xb9e\x9b\x1e\x97\x8d\xbbt\xd0\xe9}\xe0\xa8\xbe\xf5\xa9\xfc\n!\x84y2\xec\xd9\xbf\xff\x83\xc9\x93\x97-\\X\xb9c{\x16c\xed\xd3R\x13m\xf6\xd6i\xa9\xd4\x9b\x8b\x08\x04\xdcZVV\x19\nm,-;\x8c\x98\xd4\xbcE\x8f\xfe\xfd\xaf\xbc\xf4\xd2&amp;\xf9\xf9\x00`.\xf7\xac\xeb\xaa\x0f\xeb\x83\xa6i\xe1\xb0V\xf3\xe1\xea\xf5k\xee\x7f\xf4\xc1\x86\xad\x9b1\xa7\xb5N\xff\xf8\xbf\xbb\xcc\xc6y\x83\xce\x1c\xf6\xfe\xe4\x89&gt;\xbf\xb7\xe6\xdd\x0e\x85BB\x88\x88\x94\xa3\x942\x14\n\x1dU\xacb\xca\xd4\x19\xe7^pqn\xc3&amp;\xf5\xfd\xa7\xff\xdd4h\xdc\xec\x9f7\xdf\xfe\xc3\xfcE5\xef\xb6\xae\xeb\xe1p8"\xe5\x88\x88\x86a\x1c]\x94\xfb\n\x0e?\xfd\xca\x9b-:\xf7\xb2$e\xd5\xf7\x9f\xfe\xb7bI\xccj\xde\xb9\xe7S/\xbf\xb1\xef\xd0\xe1\x9aw;\x14\n\x19\x86\x11\xa9\xa2&lt;!u\xdd\x03\xc0\xa3\x9a\x1b\xc5eeS\xa6O\xffi\xe1\xc2\x82\xcd[&lt;\x9a\x96\xadZ\x12,j\xe3\x04\x8f\x90\xd4l&lt;5\x08\x9c\xb1\xa0a\xec\xf2z\xfdR\x16J\xc9RS\xdb\xf7\xec1r\xf8\xf0!\x03\x06\x98\xdfr\xea=\xcd\xa3\xe7\xa9V\xafY\xf9\xc5\x17\xd3\x7f^\xba\xb2\xb2&lt;hW\x93lVO\xa2;\xcb\xe9H\x10RP\xe3\xf1T \xa0\xc2\xd5Joa0X\xe9\x0fW\x18\xe8\xcbi\x90\xda\xaf_\x9f\xf3\xcf\x1f\x9b\xdf\xa0\x11\x00\x98\x8f\x08?\xc5\xdbDk\xba\x83\xa1\xb0\xf6\xf9\xe73\x17,X\xb0k\xdb*\x87Z\xdd$\xc7\xe2r\xf2v\xcd\x12\x19c\x08H\x05y\xd2\x10\x80\x01C\xc4\x8d;\xab\xfc\x01\xb9\xbb@\x0f\x1a\tMZv\x198\xf0\xf4\xf3\xcf=\xd3n\xb7\xc1/\xa5\xa0@\xdd^/\xf53\x07\xb0f\xc3\x86\x89\x1f}\xb4p\xc6\x8c\xfc`pH\xc3\x86=\x1a4\xc8\xf6x\\6\x1b\xd0\xc8Od!\x1aRV\x05\x83\xdbKJ~\xd8\xb3gie\xa5\xda\xac\xd9e\xd7\\3\xee\xc2\x0bmV\xeb\xa9\xac4\xa8)\xca\x19_L\x9b0\xe1\xbdm\x9b\x0ee\xa7\xb4m\xdf\xaa_\x83\x9c\xe6\x1ew\x92\xaaZ\x18\xd4\xf1\x99\xfc\xb7\x86\x80\x00a-TU]\xb6{\xff\xc6\x8d\xdb\x16y\xc3\xfb\xfb\r\xe8r\xd5\xd5W\xf5\xe9\xdd\x1fN!\xcek&amp;\x81\x0e\x1d:\xfc\xfe\x07\x93\xbf\x9a\xf1QVb\xe9\xb0\xbeYC\xfa5l\x9e\x9f\xcc&lt;v\xa0\xe7\xfaE\x9c\x94\xe8\r\xed\xdc_1g\xf1\xbe9\x8b\x0b\x0fW\xa6\x8d&gt;\xe7\xb2\xab</t>
        </is>
      </c>
    </row>
    <row r="351">
      <c r="A351" s="1" t="n">
        <v>349</v>
      </c>
      <c r="B351" t="inlineStr">
        <is>
          <t>polygon_sides_number</t>
        </is>
      </c>
      <c r="C351" t="inlineStr">
        <is>
          <t>What is the missing number of the part denoted with a question mark?</t>
        </is>
      </c>
      <c r="D351" t="inlineStr">
        <is>
          <t>[5, 9, 7, 3]</t>
        </is>
      </c>
      <c r="E351" t="inlineStr">
        <is>
          <t>3</t>
        </is>
      </c>
      <c r="F351" t="inlineStr">
        <is>
          <t>There are 6 numbered polygons arranged in a triangle with number ['?'] in the top row, [8, 7] in the middle row, and [5, 4, 6] in the bottom row.</t>
        </is>
      </c>
      <c r="G351" t="inlineStr">
        <is>
          <t>We observe that the polygon with 8 sides has the number 8, the polygon with 5 sides has the number 5, the polygon with 4 sides has the number 4, the polygon with 6 sides has the number 6, and the polygon with 7 sides has the number 7. Thus, the pattern is that the number inside the polygon represents the number of sides the polygon has.</t>
        </is>
      </c>
      <c r="H351" t="inlineStr">
        <is>
          <t>Based on the pattern that the number inside the polygon represents the number of sides of the polygon, the missing number of the polygon with 3 sides should be 3.</t>
        </is>
      </c>
      <c r="I351" t="inlineStr">
        <is>
          <t>b'\x89PNG\r\n\x1a\n\x00\x00\x00\rIHDR\x00\x00\x02\x00\x00\x00\x02\x00\x08\x02\x00\x00\x00{\x1aC\xad\x00\x00\x90\xefIDATx\x9c\xed\xddwxSU\x1b\x00\xf0s\xce\xbd7I3\x9an@\x04\x04dC\x15PF\xd9\xa3,E\x01\xd9CD\xa6\x80\x08\xe2BP\xb6\x8a\xb2\x14PA\xa6\x0cY\xca\x16\xca\x1e\xb27\x94-S\x10\xe8H\xda\xa6I\x93\xdc{\xcf\xf9\xfe8\x10\xfb\x01*\x02\xcd|\x7f\x8f\xcf\xf7|\xa4i\xb94\xc9\xfb\x9e{\xc6\xfbb\xc6\x18\x02\x00\x00\x10z\x88\xaf/\x00\x00\x00\x80o@\x02\x00\x00\x80\x10\x05\t\x00\x00\x00B\x14$\x00\x00\x00\x08Q\x90\x00\x00\x00 DA\x02\x00\x00\x80\x10\x05\t\x00\x00\x00B\x14$\x00\x00\x00\x08Q\x90\x00\x00\x00 DA\x02\x00\x00\x80\x10\x05\t\x00\x00\x00B\x14$\x00\x00\x00\x08Q\x90\x00\x00\x00 DA\x02\x00\x00\x80\x10\x05\t\x00\x00\x00B\x14$\x00\x00\x00\x08Q\x90\x00\x00\x00 DA\x02\x00\x00\x80\x10\x05\t\x00\x00\x00B\x14$\x00\x00\x00\x08Q\x90\x00\x00\x00 DA\x02\x00\x00\x80\x10\x05\t\x00\x00\x00B\x14$\x00\x00\x00\x08Q\x90\x00\x00\x00 DA\x02\x00\x00\x80\x10\x05\t\x00\x04\x00J)c\xcc\xd7W\x01@\xb0\x81\x04\x00\xfc\x9d\xaa\xaa\x84\x10\x8c\xb1\xaa\xaa\x90\x06\x00x\x82 \x01\x00\xff\xa5\xaa*Bh\xe7\xce\x9d\xbdz\xf5JMM\x15\x04\x81\xa7\x01__\x17\x00A\x02\x12\x00\xf0w\x8c\xb1\x1f~\xf8\xa1B\x85\nS\xa6Lq\xbb\xdd\x82 PJ)\xa5\xbe\xbe.\x00\x02\x1e$\x00\xe0\xef0\xc6\x82 \xdc\xbe}{\xc0\x80\x01\x95+W^\xbf~=!\x84\x10\x023B\x00&lt;&amp;H\x00 \x00\xa8\xaa*\x08\x82 \x88\xc9\xc9\xc9\xcd\x9a5k\xd6\xacYrr2\x9f\x11R\x14\x05\xd2\x00\x00\x8f\x06\x12\x00\x08\x0c\x8c1UU\xf8\xff_\xbf~}\xe5\xca\x95\x07\x0c\x18\x90\x92\x92"\x8a",\x0c\x00\xf0h \x01\x80\xc0\xc0\x18\x8b/_\xf1\xa3\xf7\x86\x1b\rF\x84\x90,\xcbS\xa6L\xa9T\xa9\xd2\x9c9sdY\x86\x85\x01\x00\x1e\x01$\x00\x10\x18\x18cF\xa3\xe9\x93!#V,\xdd\xdc\xbaeG&gt;\xeds\xe3\xc6\x8d7\xdf|\xb3V\xadZ\x9b6m\xe2\x0b\x030#\x04\xc0\xc3\x83\x04\x00\x02\x06\xa5jJ\x8a\xb5X\xd1\x12S\'\xcdZ4w\xd5\xf3\xf1\x95\xf9\xe3\xfb\xf7\xefo\xd4\xa8Q\x87\x0e\x1d\x92\x93\x93\xf9\x8c\x90\xa2(\xbe\xbdT\x00\x02\x02$\x00\x10@\xb0(\x8aNgN\xba%\xbdN\xed\x86K\x17\xfe:n\xec\x94|q\xf9\x11B\x84\x90\xc5\x8b\x17W\xae\\\xf9\x93O&gt;\xc9\xcc\xcc\x14E\x91R\n\x0b\x03\x00\xfc3H\x00 \xc0\x10BDQ\xcc\xcc\xcc`\x8cu\xed\xd4s\xdd\x8a\x9d\xfd\xfb\x0c\x16\x04\x01!$\xcb\xca\x981c\xaaT\xa92g\xce\x1cB\x88 \x08\xaa\xaa\xc2\xc2\x00\x00\x7f\x07\x12\x00\x08H&lt;\xe2\xa7[\xd2"#\xa3\x86~4f\xdd\x8a\x9d/7k\xc5\x18E\x08\x9d?\x7f\xfe\xcd7\xdfl\xd8\xb0\xe1\x96-[\x04A\x80\x85\x01\x00\xfe\x0e$\x00\x10\xc0DQ\x94e\xd9bI/U\xb2\xec\xf4)?\xce\x9e\xbe\xa4\xc4\xb3\xa5\xf9\x97\xb6l\xd9\xd2\xb0a\xc3\xee\xdd\xbb\x9f?\x7f\x1e\xb6\x8a\x02\xf0@\x90\x00@`\xc3\x18\x8b\xa2\xe8p\xd8\xb3l\x99\x8d\x1a\xbe\xf4\xeb\x8a\x9d\xc3\x87~\x11\x1d\x15\xc3\xbf4{\xf6\xec\xaaU\xab\x8e\x181"33\x13\xb6\x8a\x02p\x0fH\x00 \x18\x10B\x08\x11\xb2\xb22)c}z\xbc\xb3q\xed\xde\xae\x9d{\x8a\xa2\x88\x10\xca\xc8\xc8\x189rd\xd5\xaaU\x17/^\x0c5$\x00\xc8\r\x12\x00\x08\x1e\x82  D-\x19\xe9\x11\x11\x91\x9f\x8f\xfez\xed\xcf\xdb\xeb\xd6n\xc8\xbft\xee\xdc\xb9\x0e\x1d:4j\xd4h\xff\xfe\xfdPC\x02\x00\x0e\x12\x00\x082X\x14DY\x9632\xac\xa5K\x97\x9f?kE\xee\x85\x81M\x9b6\xd5\xaaU\xab{\xf7\xee7n\xdc\x80\x85\x01\x00 \x01\x80 \xc4\x0b\x88:\x1c\xf6l\xbb\xadq\xc3\x97\xd7\xfe\xb2}\xf0;\x1fGE\xc5 \x84dY\x9e={v\xa5J\x95\xc6\x8c\x19\x03\xc5\xa5A\x88\x83\x04\x00\x82\x16\x9f\xf1\xcf\xcc\xca@\x08}\xf0\xee\xf0u+v\xb4i\xd5\x89/\x0c\xa4\xa4\xa4|\xf2\xc9\'P\\\x1a\x848H\x00 \xc8\t\x82\x80\x10KKO\x8d\x8b\xcd7u\xd2\xec\xa5\x0b\xd7\xd7L\xa8\xcb\xbft\x7fqiH\x03 \xa4@\x02\x00\xa1\x00\xf3\x13\x03i\xe9\xa9/T\xac\xb2x\xfe\xda)\x13g\x16}\xa68\xffZ\xee\xe2\xd2\xd0u\x12\x84\x14H\x00 T\xf0\x13\x03v\x87=++\xb3u\xab\xce+\x97n\x19\xf8\xf6G&amp;S8\xba[\\\x1a\xbaN\x82P\x03\t\x00\x84\x16^#\xc8bM\xd3\xeb\xf5\x1f\x7f0z\xe5\xd2\xcdmZ\xdd).\x9d\x92\x92rO\xd7I\xd8*\n\x82\x1b$\x00\x10\x8aDATU55\xf5v\xb1\xa2%\xa6L\x9c\xbdp\xce\xca\x84j\xb5\xf9\x97\xf8\xc2\xc0=\xc5\xa5!\r\x80\xa0\x04\t\x00\x84(&gt;#\xe4t\xe6\xa4[\xd3\xea\xd6N\\8w\xd5W\x9fM\xe5\x0b\x03\xb9\x8bKC\xd7I\x10\xc4 \x01\x80\x90F\x08\x11\x0513+\xc3\xe9\xccy\xbdS\xcfU\xcb\xb6\xe6*.-\x8f\x193\x86w\x9dT\x14E\x10\x04EQ`a\x00\x04\x13H\x00\x00 ^5:-=5,L\xcf\x8bK7o\xd6*w\xd7\xc9\x9a5kn\xd9\xb2E\x14EX\x18\x00\xc1\x04\x12\x00\x00w\x88\xa2\xa8\xaa\n/.\xfd\xed\xd7\xf3\x16\xccY\x91\xbb\xeb$\x14\x97\x06\xc1\x07\x12\x00\x00\x7f\xf1\x14\x97\xb6eg\xd5\xab\xd3(w\xd7IL\xee\x14\x97\x1e9r\xa4\xa7\xb84\xa4\x01\x10\xd0 \x01\x00p/\xbeU\xf4\x9e\xae\x93\xa2p\xa7\xb8\xf4\x88\x11#\xaaV\xad\x9a\xbb\xeb$\xcc\x08\x81\x00\x05\t\x00\x80\x07\xcb\xddur\xd8Gc\xd7\xfe\xbc\xbdN\xad\xbf\x8aK\xe7\xee:\t[EA\x80\x82\x04\x00\xc0?\xe15$\xd2-i\xa5K\x97_0{\xc5\x03\xbbN\xfe\xf9\xe7\x9f\xb00\x00\x02\x11$\x00\x00\xfe\x85ga \xdbn{`\xd7\xc9\x8a\x15+Bqi\x10\x88 \x01\x00\xf0Pxq\x88\xff\xef:\xd9\x8bO\x13y\x8aKC\xd7I\x10X \x01\x80P\xc1\x18S\xa9\xaa\xaa\x8a\xaa\xaa\x94Rv\x07\xdf\xcb\xa3&lt;d\xc8\xfe\xab\xeb\xa49r\xdc\xd8o\xee).}O\xd7IH\x03\xc0\xcfA\x02\x00\xc1OUUUUEQ\x0c7\x99\xa3\xa2b"""\x8dF\x93V\xab\x95$I\xa7\xd3\x9bL\xe6\xa8\xa8\x18\xb39\x82o\xe9A\xe8_C6\x16\x05QVd\x8b%\x8d\x17\x97\xfef\xc2\x0f\x0f\xec:\t\xc5\xa5\x81\x9f\xc30B\x01~KUUA\x10\xb6m\xdbV\xbf~}\x84P\xb5*5\x97-\xfc5\xdb\x9eM\xc8\xc3\x0e\\(\xa5\x84\x10\xa3\xc1\x881\xb9y\xfbF\xf2\xa9\xe3\'O\x1d\xbb|\xf9\xe2\xad\xdb\x7f:\x1cvUU%\x8d&amp;*2\xaaX\xd1\x92/T\xaaZ\xf5\xc5\x84\xd8\xd8|YY\x99\xfc\xbb\x1e\xf2\xe7#\x84\xcc\xe1\x11\xb6\xec\xac\xe9\xb3\xbe\x99;\x7f\x86\xc5\x92\xc6\xbf\x14\x17\x177l\xd8\xb0\xde\xbd{k4\x1a\xfe\xb4\x87\xbfl\x00\xbc\x03\x12\x00\xf0_\x8f\x99\x00(\xa5F\xa3\xc9\xe9\xcc\xd9\xb5{\xdb\xea\xb5\xcb\xf7\xec\xdb\x99\x92z\xfb\x1f\x9e\xfft\xc1\xc2];\xf7\xec\xf6z\x1f\x8c\x89\xdb\xedz\xf8x\xcd\xaf3\xc2\x1cy\xe9\xca\xef\x13\xbf\xfel\xc5\xea%\x8a\xa2\xf0/\x95/_\xfe\xcb/\xbfl\xda\xb4)\x7f\x1a!\x04c\xfc\x90?\x16\x80\xbc\x06C\x12\x10\x9c(\xa5\xfa0\xfd\xe6\xad\xeb[\xb5k\xf4f\xefv+\xd7,KI\xbdM\x08\xd1H\x1a\xadF\xab\xd1h$I#I\x92F\xa3\xd1h4\xa2(\x11B\xae\xdf\xb86v\xdc\'\xaf\xf7x-\xcb\x96\xa9\xd5j\x1f~3\xcf=]\'\x97-\\\x7fOq\xe9\xdc]\'\xe1\xc4\x00\xf0\x1f\x90\x00@pb\x8cI\x1a\x8d\xc5\x92~\xf2\xd41Q\x14%I\x12E\x89R\xea\x96\xdd.\xb7\xcb\xedv\xcb\xb2[\x96e\xb7\xdb\xedv\xbb\x15EF\x08c\x8c%Q\xda\xb3wg\xcf\xb7:\xf0\xf2\x9f\xff%R\xe7\xea:Y\xa9j\xee\xe2\xd2\xe8\xff\xbbN\xc2\x89\x01\xe0?`\n\x08\xf8\xaf\xc7^\x03`\x1a\x8d\xf6\xe5Vu\xcf\x9cI\xa6\x8c"\x84DQ,_\xf6\xb9\xf2\xe5\x9e/\xf4t\xe1p\x93\x19al\xcd\xb0\x9c9sr\xfb\xae\xcd6[\x16!\x84R*I\x92,\xcb\xef\xf4\xffp\xc8{#-\xd64A\x10\xff\xebeS\xaa"\x84\xa3"\xa3o\xdd\xbe9g\xfe\xf7\xb3\xe6~k\xb3ea\x8c\x19c\x05\x0b\x16\x1c=zt\xe7\xce\x9d%I\x82\x85\x01\xe0s\x90\x00\x80\xffz\xcc\x04\xa0\xaaJdd\xf4\x8f\x0b~\xf8p\xd8\x80R%\xcb\xb6h\xde\xa6a\xfd\xa6\xc5\x8b\x95\xd4\x87\xe9\x11F\x8c1\xc4\x10\xc6\x982z\xf5\xda\xe5\xe1\xa3?\xd8\xb8y\x1d!\x841\x86\x10\x8e\x8c\x8c\xdc\xb4n\xbf9\xdc\xac(\xca\xa3\xcd\xda+\x8a\xa2\xd1h\xcc\xe6\xc8\x93\xc9G\xbf\xffa\xf2\xb2_\x16y\xbeT\xb5j\xd5\xd1\xa3G\'&amp;&amp;\xf2\xa7\xf1\xa9\xa1G\xf8+\x00xL\x90\x00\x80\xffz\xfc;\x00A\x10\xb3\xb22\x0f\x1e\xde[\xbbf\x83\xa8\xc8\xe8\x9c\x1c\x87\xd3\xe5\xa4\x94O\xbf\xf0\x98\xcb\x18C\x06\x83\x011\xd4\xaa}\xa3#\xc7\x0e\x12" \xc4(\xa5\xd3\xa7\xceo\xde\xacUFf\x06?\xed\xf5\x08\x18c\xaa\xaa\xea\xf5\x860]\xd8\xd6\xedI_N\x1cu\xec\xc4a\xcfW\xdb\xb7o?t\xe8\xd0\xf2\xe5\xcb#\x84\x14E\x11\xc5\xff|\xab\x01\xc0c\x82\xdbO\x10\xc4\xb0\xa2(Fc\xf8\xcbM[\t\x82\x90fI\xcdq\xe6`\x8c\x05A\x14\x04Q\xb8C\x14E1;\xdb\xa6\xd5\xe9\xba\xbf\xd1\x97\x7f\x1b\xdf\xabs\xf6\xdciA\x10\xd9\xbf\x1f\x0b\xf8\xfb\xbf\xde\xd3u\xd2\x92V\xa7v\xc3\xdc\xc5\xa5\xef\xef:\xc9\xb3\xc5\x93\xf9w\x03\xf0p \x01\x80`\x861\xa6T\xcd\xcc\xca\xa0\x94\x8a\x82\xf8w\xb7\x0e\x82 \xba\\\xce\xe2\xc5K\n\x82\xc0\xef\x0f\x18c\x16k:c\x0c\xa3\xc7\x9d\x9c!\x84\x88\xa2xOq\xe9\xdc]\'+V\xac8g\xce\x1c\x8c1?\x89\x06\xa5\x84\x80\xd7@\x02\x00A\x8e\x07\xd6\x7f\x9fdgH \x02\xc6\x7f}"\x9e\xec\xac|\xee\xe2\xd2\xf7t\x9d\xfc\xf3\xcf?s\x17\x97\x86\xae\x93\xc0k \x01\x00\x80\x10B\x82(\xa4[\xd2\x14E\xe69\x00c\x1c\x19\x19\x8d1~\x9c)\xa0\xfb\xf1\xad\xa2\xf7w\x9d\xc4\xf8\xaf\xe2\xd2\xd0u\x12x\r$\x00\x00\x90\xaa\xaa:m\xd8\xf6\x1d\x1b\x11B\x02!\xbcT\\\xa9\x92eUUy\xfc)\xa0{\xdc\xd3ur\xf9O\x1b\x86\x0f\xfd"*\xf2\xaf\xe2\xd2U\xabV\x1d1b\x84\xa7\xeb$\xcc\x08\x81\xbc\x03\t\x00\x84:EQ\xcc\xe6\x88\xe3\'\x8f,\\&lt;\x97\xef\ne\x8cEE\xc5Ty\xa1\xba#\xc7\x91G\xfb\xf4=]\'UU\xbd[\\\xba\'\xdf\x08\x94\x91\x911r\xe4\xc8\xaaU\xabBqi\x90\xd7 \x01\x80\x90\xa6(\x8a\xc9hJM\xbd\xddo`7[v\x16\xc6\x98\x1f\x05\xe8\xda\xa9\xc7S\x05\x9ev\xbb]y\xbaC\x9f/\x0cX2\xd2#""?\x1f\xfd\xf5\xda\x9f\xb7\xd7\xad\xfdW\xd7\xc9{\x8aK\xc3\xc2\x00x\xe2 \x01\x80\xd0\xa5(rDD\xe4\xb5\xebW;t}\xe5\xdc\xf9\xd3\x84\x10\x82\x89\xa2(\xf1\xe5+\xf6\xe95(\xcb\x96I\xc8#\x9e\x00\xf8ODA\x94e9#\xc3Z\xbat\xf9\xf9\xb3\xfe\xaf\xebd\xee\xe2\xd2\xb00\x00\x9e8H\x00\xc0\xdfy\x86\xbdOv0\xae\xaaJtt\xec\xfe\x03\xbb[wlr\xee\xfciA\x10\x08&amp;\x8a\xaa&lt;S\xb8\xd8\xf4\xa9\x0b4\x92FUU\xaf\x1d\xd0\xe5[\x95x\xd7\xc9\xc6\r_^\xfb\xcb\xf6\xc1\xef|\x1c\x15\x19\x8d\x10\x92ey\xf6\xec\xd9\x95*U\x1a3f\x8c,\xcb\x8f|*\r\x80\xfbA\x02\x00\xfe\x8e\x8f|\x11B\x8a\xa2\xf0\x92&gt;\x8fO\xa5jTd\xccOK\xe7ux\xbd\xf9\xad[\x7f\n\x82\x80\x10VT\xa5l\xe9\n?\xfd\xb8\xfa\xa9\xa7\x9e\xce\xc9\xb3\xd9\xff\x7f\xc0g\xfc3\xb320\xc2\x83\x07\x0e[\xbbb\xc7\x9b]\xfbDDDJ\x92\xc4\xbbN&gt;\xff\xfc\xf33f\xccp:\x9d\xb02\x0c\x9e\x08H\x00\xc0\x7f\xf1\x10\\\xb6lY\xb39\x02!t\xf1\xf2\xf9\xb4\xd4T\x8dF\xf3\x98S\xe1\xaa\xaaF\x9a\xa3\xa6~?a\xd0\xfb\xbd]n\x97@\x04\xc6\x90\xaa*\xf5\xeb6^\xb2`m\x81\x02O\xdb\xed6\x1f\x0e\xb41\xc6\xb2"\xcbnw\x91\xc2E+U\xac\xaa\x0f3PJ\xf9\xfa\xf0\xe9\xd3\xa7\x0f\x1d:$\xcb2\xcauc\x04\xc0#\x83\xf2#\xc0\xdf=\xd9;\x00UU#""\x17\xfc4{\xcc\x17C\x05"0\xc4\x18b\x94\xd2\xde\xdd\x07|\xfc\xc1(EQ\x1c\x0e\xfb#T\x00}R\x14E\xe1\xb5\x83\xb6l\xdf0\xe5\xdb\xf1\xfb\x0e\xfc\xe6\xf9R\xd3\xa6M\'L\x98P\xa6L\x19_]\x1b\x08&gt;\x90\x00\x80\xbf{\x82k\x00\xbcK\xcc\xd9s\xa7&gt;\x1d\xfd\x1e\xc6\x84\x1f\xf2\xa2\x94\x0e\x1f\xfaE\xdf\xde\x83\xacV\x0bc\xccWc\x7f^\xf9.6&amp;\xee\xe4\xa9c\xf7T\x0f\xbd\xa7\xad\x18,\x03\x80\'\x05\x12\x00\x08!\x8c1\xadN7}\xe67999\xa2 RF)\xa5#\x86\x8d\xeb\xd7gpJ\xea-\x81\x08&gt;\xa9\xce\xcf\'\xf4#\xcc\x91\xb6\xec\xacq\x13F\xce\x98\xf5\x8d-\xdb\xc6\xfb\x07\xdc\xdfX\x18\xa2?x\x82 \x01\x80P\xc1\x18\x93$)%\xe5\xd6\xb6\x9d\x9b0\xc6\x08c\xaa\xd2\xd7Zt\xe8\xdb{Pj\xca-\x9fTc\xe6\x15@MF\x13\x11\x84\xe5+\x16N\xf9n\xc2\x85\xdf\xcf\xf2\xfb\x1cI\x92z\xf7\xee=l\xd8\xb0\xb8\xb88\x04\x03\x7f\x907 \x01\x80P\xc1\x18\xd3h\xb4g\xcf\x9dJM\xbd\x8d\x10RUE\x92\xa4^\xdd\xdfv8\x1c\x98x\xbf\x1f\x0bS\x14U\xa7\xd3EFD\xed\xde\xb7s\xe2\xd7c\x7f\xdb\xb3\xfd\xeeu\xa2\xa6M\x9b~\xf9\xe5\x97\xbcU\x00o%\x0f\xd1\x1f\xe4\x05H\x00 T0\xc6DQL\xb7\xa4!\x84DATT\xa5p\xa1\xa2E\n\x17u\xb9\x9c\xde9\xf0\xe5\xc1\x87\xf31\xd1\xb1\x97\xae\xfc\xfe\xd1\xb0wV\xac^\xa2(\n\xffR\xf9\xf2\xe5\x87\x0e\x1d\xda\xbe}{\x04\xa1\x1f\xe4=H\x00 \xb4\xe4\xe4\xe40\xc6\x14Ua\x8c\x85\x87\x9bu\xba0on\xf9\xff\xbf\xe9\xfe\x89#\xe7\xce\x9fa\xb1\xa4\xf1/\xc5\xc5\xc5\xbd\xfd\xf6\xdb\x1f|\xf0\x01L\xf7\x03\xaf\x81\x04\x00B\x08cL\x924\xe1\xe1fI\x94dE\x8e\x087{\xad\x17/c\x8cRj\xd0\x1b\x04Q\xf4L\xf7\xf3/I\x92\xd4\xa5K\x97Q\xa3F\x15,X\x10\xc1t?\xf0"H\x00 T\xf0Z\x0b\xd5\xab\xd6\xdc\xf2\xeb\x01\x84\x11bH\x10E\x97\xd3\x95\xf7\xc3\x7f\xa6\xa8\xaaN\xab\x0b\x0b\xd3\x9f&lt;y\xf4\xf3\xf1\xc3\xb7\xef\xdc\xec\xf9Zbb\xe2\xe8\xd1\xa3\xabV\xad\x8a\xee6\x88\x87\xe8\x0f\xbc\x06\x12\x00\x08!|#PTT4c\x0c!\x8cP\x9e\xb7\xe1UUU\x10\xc4\xa8\x88\x88?o^\x1f\xf5\xd9\x90EK\xe6\xf2s\xbc\xe8A\xd3\xfd\xd0\x17\x1ex\x19\xbc\xe1@hQU\xf5nI5\xa6\xaa\xf4\xa1\xbaE&gt;\x12&gt;\x8f\x1f\x1en\xceq8\xbe\x9f\xf9\xf5\xd4\xef\xc6\xa7[\xd2\xf8\xdfe6\x9b\xdf{\xef=\x98\xee\x07&gt;\x07\t\x00\x84\x10\xc6\x98V\xa3\xd5\x85\x85\xd9\xed\xd9\x18\x13s\xb8!\xdbn{\xe2U?\xefL\xf7\x1b\x8c\x04\x93\x8d\x9b\xd7}\xfe\xd5p\xcft?c\xec\xcd7\xdf\xfc\xf0\xc3\x0fK\x96,\x89`\xba\x1f\xf8\x1a$\x00\x10*\xf89\x80\xdb\xb7oN\xfd~\xc2\xb1\x13\x87\x08&amp;5k\xd4\xeb\xdbk`X\x98^Q\x94\'\x95\x03\x14E\xd1\xe9\x1e&lt;\xdd\xdf\xa0A\x83!C\x864h\xd0\x00\xc1t?\xf0\x0f\x90\x00@H`\x0ca\x8c\xddnW\xcf\xbe\x1d\x92O\x9f\xe0\x0f\x9e&lt;u\xec\xe2\xa5\xf3?|\xbbP\x91e\xf4\xd8\t\x80\x0f\xe7\xa3\xa3bn\xdc\xfc\xe3\x9e\xe9\xfeR\xa5J}\xf8\xe1\x87\xdd\xbau\xe3O\xe3m\x81\x1f\xf3\xaf\x03\xe0\xf1\xc1\xbb\x10\x84\x04\xc6\xa8\xc1`\xda\xb3wG\xf2\xe9\x13\xa2(RJ\xf9\x90\x7f\xf3\xd6\r\x17/](\xfa\xcc\xb3Ng\xce#o\x07\xe2M\xe4\xcd\xe6\x08\xbb=\xfb\xc7\x85?\x8c\xffzlJ\xca-~\xba8""b\xe0\xc0\x81\x03\x07\x0e4\x9b\xcd\xfci0\xea\x07\xfe\x03\x12\x00\x08\t\x8c1B\x885\xc3B\x08\xa1\x94z\x1a\xaa`\x8c\xadV\xcb\xb3\xc5\x1f1(\xf3b&gt;F\xa3\x89`\xb2m\xc7\xc6\xf1\x93\xc6\x1c;q\x18a\x84\x10b\x14\xa6\xfb\x81\xbf\x83\x04\x00B\x02\xc6\x98Q\x1aa\x8e\xe4\xcdU\x18c\x18c\x8c1b\xccl\x8ex\xb4\xcd\xa0|\xba\xdfl\x8e8\x99|l\xca\xb7_\xad\xf9\xf5\x97;_`\xa8j\xd5\xaac\xc7\x8e\x85\xe9~\xe0\xe7 \x01\x80\x90\x801q\xe48\x9e\x8b\xaf\xfcl\xf1\x92\xbf_&lt;\x8f\xee\xb6\x19\xa8]\xb3\xfe\xb3\xc5K\xe6\xfc\xc7\xf9\x1f\xcft\xff\xf5\x1b\xd7&amp;}\xf3\xf9\xf4Y\xdf\xc8\xb2\xcc\x0b8\x17,Xp\xf4\xe8\xd1]\xbat\x11EQQ\x14\xd8\xdd\x0f\xfc\x19\xbc5AH\xc0\x18\xa9\xaa\x1a\xa6\x0b\x9b&gt;u\xc1g_~z\xec\xc4aQ\x10j&amp;\xd4\x1b\xf2\xfeHUU1z\xd8\x15`&gt;}\x14\x11\x11i\xb7g\xcf[\xf8\xc3\xc4\xaf\xc7\xdeN\xb9\xc5\x93\x87$I\x1f|\xf0\xc1\xdbo\xbf\xed)\xe0\x0c\xa1\x1f\xf89x\x83\x82PA\x08\xc9q\xe6\x14+Zb\xce\xf4%\xa9\xe9)\x84\x08\xb11q.\x97\x93\x0f\xde\xff\xf5\xdb\xf9t?\xef\xd7\xb8u{\xd2\x97\x13G\x1d;q\x98\x7f\x89R\xda\xbe}\xfb\xa1C\x87\xf2\x02\xce0\xe7\x03\x02\x05$\x00\x10B\x08!Ng\x0eB\xc8\x1c\x1e\x81\x10\xb2\xd921&amp;\x0f\x13\xfd\x15E\xd1h4QQ1\'\x93\x8f\xde\xd3\xaf\xb1j\xd5\xaa\xa3G\x8fNLLDwC?\x0c\xfcA\xa0\x80w*\x08-|\xba\x86\xd7\xdf\x7f\x986\x00|\xdb~Lt\xec\xad\xdb7\xa7M\x9f8k\xee\xb76[V\xee\xe9\xfe\xce\x9d;K\x92\xc4\xb7\x15A\xe8\x07\x81\x05\xde\xaf \x14=\xcc\xa8\x9fRJ\x19\x8d\x08\x8ft\xcb\xee\x1f\x17\xfe\xf0\xed\x8cI\x97\xaf\\\xe4_\x82~\x8d 8@\x02\x00\xe0\x01\x14E\xe1\xd3\xfd[\xb6m\x986}\xe2\x9e};=_\xca\xdd\xaf\x11\xa6\xfbA@\x83\x04\x00\xc0\xff\xe1\xc3\xf9\xd8\x98\xb8\x93\xa7\x8e\xdd3\xdd_\xbe|\xf9/\xbf\xfc\xb2i\xd3\xa6\x08\n8\x83\xa0\x00o_\x00\xee\xf8\xbf~\x8d\x13F\xce\x98\xf5\x8d-\xdb\xc6\xa7\xfb\xe3\xe2\xe2\x86\r\x1b\xd6\xbbwo(\xe0\x0c\x82\t$\x00\x00\xeel\xf14\x19MD\x10&lt;\xfd\x1a\xf92\x01L\xf7\x83 \x06\t\x00\x848\xa6(\xaaN\xa7\x8b\x8c\x88\xda\xbdo\xe7\xc4\xaf\xc7\xfe\xb6g\xfb\x9d/\xb0\xff\x9b\xee\xe7s&gt;\x10\xfdA0\x81\x04\x00B\x17\x1f\xce\xc7D\xc7^\xba\xf2\xfbG\xc3\xdeY\xb1z\t\xdf\x1e\x8a\x1e\xd4\xaf\x11B?\x08&gt;\x90\x00@(\xfa\xbf\xe9\xfe\x89#\xe7\xce\x9fa\xb1\xa4\xf1/\xc5\xc5\xc5\xbd\xfd\xf6\xdb\xd0\xaf\x11\x84\x02H\x00 \xb4\xdc\xe9\xd7\xa87\x08\xa2\xe8\x99\xee\xe7_\x92$\xa9K\x97.\xa3F\x8d*X\xb0 \x82\xe9~\x10\x02 \x01\x80\xd0\xc1\x14U\xd5i\x1f\xdc\xaf111q\xf4\xe8\xd1U\xabVE\xb0\xbb\x1f\x84\x0cH\x00 $\xa8\xaa*\x08bTD\xc4\x9f7\xaf\xdf\xd3\xaf\xf1\xfe\xe9~\xd8\xdd\x0fB\x04\xbc\xd1A\x90\xe3\xf3\xf8\xe1\xe1\xe6\x1c\x87\xe3\xfb\x99_O\xfdn|\xba%\x8d\x97\x820\x9b\xcd\xef\xbd\xf7\x1eL\xf7\x83\x90\x05\t\x00\x04\xad;\xd3\xfd\x06#\xc1d\xe3\xe6u\x9f\x7f5\xdc3\xdd\xcf\x18\xf4k\x04\x00\x12\x00\x08R\xbc_\xe3\x03\xa7\xfb\x1b4h0d\xc8\x10\xe8\xd7\x08\x00$\x00\x10l&lt;\xfd\x1ao\xdc\xfc\xe3\x9e\xe9\xfeR\xa5J}\xf8\xe1\x87\xdd\xbauCw\xeb&lt;\xc3t?\x08e\xf0\xee\x07\xc1\x83R\xca\x183\x9b#\xec\xf6\xec\x1f\x17\xfe0\xfe\xeb\xb1))\xb70\xc1\x08\xa1\x88\x88\x88\x81\x03\x07\x0e\x1c8\xd0l6\xf3\xa7\xc1\xa8\x1f\x00H\x00 \x18\xf0b&gt;F\xa3\x89`\xb2m\xc7\xc6\xf1\x93\xc6\x1c;q\x987\xfae\x14\xa6\xfb\x01x0H\x00 \xe0\xf1\xe9~\xb39\xe2d\xf2\xb1)\xdf~\xb5\xe6\xd7_\xee|\x81\xa1\xaaU\xab\x8e\x1d;\x16\xa6\xfb\x01x H\x00 \x80y\xa6\xfb\xaf\xdf\xb86\xe9\x9b\xcf\xa7\xcf\xfa\x86wx\xf7\xf4k\xec\xd2\xa5\x8b(\x8a\x8a\xa2\xc0\xee~\x00\xee\x07\x1f\t\x10\x90(\xa5\x94\xd2\x88\x88H\xbb={\xde\xc2\x1f&amp;~=\xf6v\xca-\xde\xefW\x92\xa4\x0f&gt;\xf8\xe0\xed\xb7\xdf\xf6\x14p\x86\xd0\x0f\xc0\x03\xc1\x07\x03\x04\x18\xc6\x98\xa2(\x06\x831L\x17\xb6u{\xd2\x97\x13G\x1d;q\x98\x7f\x89R\xda\xbe}\xfb\xa1C\x87B\xbfF\x00\x1e\x06$\x00\x10HxL\x8f\x8d\xcd\x97|_\xbf\xc6\xaaU\xab\x8e\x1e=:11\xd1\xf34\x18\xf8\x03\xf0\xcf\xe0\x13\x02\x02\x07C1\xd1\xb1\x0e\x87\xfd\xeb\xa9\xe3f\xcd\xfb\xcef\xcb\xca=\xdd\xdf\xb9sgI\x92xE\x07\x08\xfd\x00&lt;\x0c\xf8\x9c\x80\xc0\x81\xd1\x8f\x8bf.\\&lt;\xe7\xd2\xe5\x0b\xfc\x01\xe8\xd7\x08\xc0\xe3\xc0\x8c1__\x03\x00\x0f\xc6\x18\xc3\x18[\xad\xd6\xe2\xc5\x8b[\xadV&gt;\xde\xf7|5w\xbfF&gt;\xe7\xc3K\xbc\x01\x00\x1e\x12\xf1\xf5\x05\x00\xf0P0\xc6\x9e\xd1}\xf9\xf2\xe5\x7f\xfd\xf5\xd7_\x7f\xfd\xb5|\xf9\xf2\xaa\xaa2\xc6DQ\x84\xe8\x0f\xc0\x7f\x05S@ \x00\x08\x82\xc07\xff\xc4\xc5\xc5\r\x1b6\xacw\xef\xdeP\xc0\x19\x80\xc7\x07\t\x00\xf8;\x8cqFF\x86(\x8a}\xfb\xf6\x1d:t(L\xf7\x03\xf0\xa4@\x02\x00\xfeN\x96\xe5\x96-[\x0e\x1b6,&gt;&gt;\x1e\xddm\xda\x05\xd1\x1f\x80\xc7\x07\x8b\xc0\xc0\xdfy\x06\xfb&lt;\xf4\xc3\\?\x00O\n$\x00\x10\x00\xf8t?\xaf\xf4\x00\x00xR \x01\x00\x00@\x88\x82!\x15\x00\x00\x84(H\x00\x00\x00\x10\xa2 \x01\x00\x00@\x88\x82\x04\x00\x00\x00!\n\x12\x00\x00\x00\x84(H\x00\x00\x00\x10\xa2 \x01\x00\x00@\x88\x82\x04\x00\x00\x00!\n\x12\x00\x00\x00\x84(H\x00\x00\x00\x10\xa2 \x01\x00\x00@\x88\x82\x04\x00\x00\x00!\n\x12\x00\x00\x00\x84(H\x00\x00\x00\x10\xa2\xa0#\x18x\x00\xc6\x18\xa5\x941\x96\xbb\x15;\x00 \xc8@?\x00\xf0\x7fx\xdc\xcf\x1d\xf4y2\x80V\\\xfe\x86R\x8a1\x86\x17\x05&lt;\x0e\x98\x02\x02\x08!\xc4\x18SU\xd5\xd3n\xd7\xedv\xafX\xb1b\xf0\xe0\xc1\xfb\xf6\xed\xe37\x01\x18cEQxg.\xe0s\x9e\x94\xac\xaa\xaa\xa2(\xaa\xaa\xc2H\x0e&lt;\x02\xb8\x03\x08u&lt;\xf4\x8b\xe2\x9d\xc9\xc0\xb3g\xcf.Y\xb2d\xc9\x92%g\xce\x9c\xe1\x8f$$$\xf4\xe8\xd1\xa3u\xeb\xd6&amp;\x93\t\xc1\r\x81\xaf\xf1y9\x84\xd0\xf5\xeb\xd7\x0b\x14(\x90\xfb^\x8dR\xea\xb9-\x80\x9b\x03\xf00 \x01\x84\xae\xdc\xb3=\xaa\xaan\xdd\xbau\xc1\x82\x05K\x97.u:\x9d\xf7?\xb9P\xa1B\xed\xda\xb5\xeb\xd2\xa5K||&lt;\x7f\x04Z\xb4{\x9f\xaa\xaa\xfc\xf5\x1a4h\xd0\x8c\x193\x8a\x16-Z\xb2d\xc9\xda\xb5kW\xacX\xb1B\x85\nQQQ\xf7&lt;\x99g\x0bx\x99\xc0\xdf\x81\x04\x10r\xee\x19\xc2\xdf\xbe}{\xfe\xfc\xf9\xf3\xe7/8q\xe2\xb8\xe79Z\xad\xb6N\xad\x86/V\xae\xb6&gt;i\xf5\x91c\x07=\x8fK\xa2T\xb7^\xdd\xfe\xfd\xfb7n\xdcX\xab\xd5"\x84TUE\x08A\x88\xf1\x02EQDQ\xb4X,\x1d;vLJJ\xc2\xf8\xff&gt;\xbc\xd1\xd1\xd1\xcf?\xff|\xf5\xea\xd5+U\xaa\xf4\xc2\x0b/&lt;\xf5\xd4S\x7fws@\x08L\xfc\x82; \x01\x84\x10\x1e\x05&lt;\xb3={\xf6\xec\x99;w\xee\x9a5kn\xdd\xba\xe5yN\x81\x02\x05\xdb\xb6\xea\xf4\xcaK\xadK\x95*+\n\xa2\xcb\xe5\xdc\xb9{\xeb/+\x97l\xde\xb6\xdef\xcb\xf2&lt;\xadt\xe9\xd2\xed\xdb\xb7\xef\xde\xbd\xfb\xd3O?\xcd\x1f\x81\x1b\x82\xbc\xe3\x99\xa6;x\xf0`\xa7N\x9d.\\\xb8 I\x92,\xcb&amp;Sx\xee\x17\xc5\xc3d4\x15*\\\xa8j\xd5\xaa\xf1\xf1\xf1\t\t\t\xe5\xcb\x97\xd7\xeb\xf5\xf7\xfc4t7m\xc3K\x16\xca \x01\x04\xbf{\x86\xfc6\x9bm\xf9\xf2\xe53g\xce\xdc\xb3g\x8f\xe79\x92$U\xabR\xb3\xe5+\xed\x1a\xd4k\x12\x17\x97\xcf\xe5r9\x1cv\x86\x98@\x88\xd1\x18N0\xb9t\xe5\xf7_7\xac\\\xbe\xe2\xa7\xf3\x17\xcex\xbe\xcbl6\xbf\xfa\xea\xab\x9d;w\xae_\xbf\xbeg*\t\xc6\x98O\x96g\xe4&gt;{\xf6\xec\x81\x03\x07\xdal6A \xaaJ\xdf\xe9\xf7A\x97N=\x92\x93\x8f\x9fH&gt;z\xea\xcc\x89\xe4S\xc7\xff\xbc\xf9\xc7\x03?\xcd\x85\x0b\x17.]\xbatBBBBBB\xe9\xd2\xa5\x0b\x15*\x94\xfb\xab0S\x14\xca \x01\x04\xb3{\xf6t\x9e8qb\xfe\xfc\xf9K\x96,\xf9\xe3\x8f?&lt;\xcf\x89\x8d\x8dkX\xafi\x97\x8e\xdd\xcb\x95}N\xa3\xd1dg\xdbd\xd9\x8d1\xf1\x04q\x95\xaa\x88!\x9dNg0\x98,\x96\xb4\x9d\xbfm]\xbeb\xd1\xce\xdf\xb6\xb8\\.\xcf\x0f\x89\x8f\x8f\xef\xdf\xbf\xff+\xaf\xbc\x92/_&gt;\x04\x0b\xc5O\x0e\x9f\xf4W\x14\xe5\xfd\xf7\xdf\x9f&lt;y\xb2 \x08\xaa\xaa\x9aL\xe1\x9f\x8f\x9a\xdc\xb6ug[V\x96V\xa7\x93$IQ\x94\xf4\xf4\xd4\x8b\x97/\xfc\xfe\xfb\xb9\x03\x87\xf6^\xb8x\xf6\xc2\xef\xe7\xec\xf6\xec\xfb\x7f\xa0\xd1h,[\xb6lBBB|||\xb5j\xd5\x8a\x14)\x92\xfb\xe6\x00\x96\x91C\r$\x80 \xc4\xe3/B\x88\x87~\x97\xcb\x95\x94\x944u\xea\xd4\xed\xdb\xb6\xcb\x8a\xecyZ\xe5\x8aU^k\xd1!\xb1A\xb3BO\x17q\xb9\x9c\x8e\x1c\x07c\x94\x10\xe1\x81\x1f{&gt;o I\x92\xc1`\xc4\x18\x1f?q\xf8\x97\x95K\xd6mX\xf1\xe7\xcd\x1b\x9e\xe7\xe4\xcf\x9f\xbfy\xf3\xe6\xfd\xfb\xf7\xcf\xbdP\x0c7\x04\x8f\x8cG\xff\x9b7o\xb6i\xd3f\xf7\xee\xdd\x1a\x8d\xc6\xedv\x97)Un\xc2\xb8\xef_\xa8T5%\xf5\xb6(\x8a\xfc\xc4\x1e\xc6X\x92$\xadV\'I\x12b\xc8\xe9\xcc\xb9v\xfd\xea\xa5\xcb\x17\x8e\x1e;x\xf0\xf0\xde\x0b\xbf\x9fKKO\xbd\xff\xe7k4\x9a\x02\x05\nT\xaaT\t\x96\x91C\x16$\x80\xa0\xf2\xaf{:\x11B&amp;Sx\xc3zM[\xb5hW\xbbF}\x8dF\xeb\xc8\xb1\xbb\\\xce\xdcC\xfe\x7f\xfe\xf9&lt;\xb5\x18\xf4\x06\xadNw\xfb\xf6\xad-\xdb6\xfc\xb2j\xf1o{\xb6{\x9e#IR\xbdz\xf5:w\xee\xdc\xb6m[\xbeP\xccoD \x88&lt;&lt;\xfe{\x16\x04a\xf7\xee\xddm\xda\xb4\xb9y\xf3&amp;\x8f\xfeM\x1b\xbf\xf2\xc5\xe8o\xa2\xa3c22\xac\x92$\xdd\xf3-\x1cB\x88\x10\xa2\xd5h5Z\xad(\x88N\x973==\xf5\xca\xd5\x8bG\x8f\x1f&gt;w\xfe\xd4\xb1\x13G\xae\\\xbd\xe8v\xbb\xef\xffKcbb\xca\x95+W\xb1b\xc5\xda\xb5k\x97.]\xbad\xc9\x92\xb0\x8c\x1c\xf4 \x01\x04\x89\x87\xd9\xd3Y\xb2D\x99\xd6-;4k\xd2\xa2\xd83\xcfRFm\xd9Y\x8c&gt;b\\\xa6\x94RF5\x92\xc6h\x0cw\xb9\x9c\x87\x0e\xef\xfby\xe5O\x9b\xb7\xaeOMK\xf1&lt;\xa7L\x992\xed\xda\xb5k\xd7\xae]\xe9\xd2\xa5\xf9#\x8a\xa2\xf03e\x8f\xfd\xcf\rf\x9e8;}\xfa\xf4\xfe\xfd\xfb+\x8aB\x08\xa1\x94\x0e\xfdp\xf4[\xbd\x069\x9dN\x97\xdb)\n\xffR\xc4\xc5S\xcc\x83\x10"I\x92F\xa3\xd5h4\x8c\xb1\xac\xac\xcc+W.^\xbarq\xff\xc1\xddg\xce\x9e&lt;\xff\xfbY\xab\xd5r\xff\xb7k4\x9ag\x9f}\xd6\xb3\x8c\\\xaaT)\xb3\xd9|\xff\x0f\x87\x9b\x83@\x07\t \xb0=\xcc\x9eN\x9dVW\xabf\xbd\xd6-;\xd5\xaeY?**\xc6n\xb79\x9dN\x84\x91@\x1e\xb7\xc8\x0fc\x8cR\x15\x13b\xd4\x1b%\x8d\xe6\xea\xd5\xcb\xab\xd6.[\xb1z\xe9\x99\xb3\xc9\x9e\xe7\x84\x85\x855j\xd4\xa8_\xbf~\xb0P\xfc0&lt;\x93\xfe\xfd\xfb\xf7\x9f&gt;}:\xdf\xedc\x0e7\x7f3aV\xe3\xc4\x97\xad\x19\x16\x84\xd0\x7f\xfd\xd5\xdd\xbd7\xa0\x08aA\x10\xb4Z\x9dF\xa3!\x98\xb8e\xf7\xcd[7.^:\x7f\xfaL\xf2\xc1\xc3{O\x9d&gt;\x91\x92z\xdb\xedv\xdd\xff\x13bcc+T\xa8P\xbbvmXF\x0e2\x90\x00\x02\xd5\x7f\xd9\xd3\xf9Z\xe9R\xe5\x11Fv{\xb6,\xcby1\x06\xa7\x942F\xb5Z\x9d\xc1`\xb4ee\xed;\xf8\xdb\x8aUK~MZ\x95\xfb\xfe#&gt;&gt;\xbeK\x97.]\xbat\x81\x85\xe2\xbf\xc3w\xfa_\xb8p\xa1[\xb7n\xbbw\xef\xd6j\xb5.\x97\xabB\xf9\xe7\xa7L\x9cU\xaaD\x19\x8b\xd5\xe2y\xb9\x1f\x07\x1f\xbc#\xc40&amp;\x1a\x8dF\xab\xd5\x89\xa2\xa8*\xaa\xc5\x9a~\xf3\xd6\xf5c\xc7\x0f\x9f=\x7f\xfa\xc8\xd1\x03\x17~?kw\xd8\xef\xffv\xa3\xd1X\xae\\\xb9\xb2e\xcb\xd6\xaaU\xab\\\xb9r\xf7\xef1E\x08\xc1k\x1a( \x01\x04\x98G\xde\xd3\x89\xf2\xfe\xb8\x16cL\xa5\xaa(\x88\x06\x83\x91\x10r\xfa\xcc\xc9\xb5\xebW\xac]\xf7\xcb\xef\x97\xce{\x9e\xc3\x17\x8a\xdfx\xe3\x8d\x84\x84\x04\xfe\x08\x9f\xe2\x08\xf1\x1b\x02&gt;D\'\x84$%%u\xec\xd8\xd1b\xb1\xf0\xb1\x7f\xeb\x96\x1dF\x0f\x1fo\xd0\x1bm\xd9Y\xa2(\xfd\xfb\x0fz\x94\xbf\x972\xc6\x10\xc6\x92(I\x92F\xab\xd1b\x82s\x1c\x8ek\xd7\xaf\\\xba\xfc\xfb\x91\xa3\x07\x8e\x9d8|\xe9\xf2\xef7\xfe\xfc\xe3\x81?\xa1p\xe1\xc2\x95+W\xaeT\xa9R\xf5\xea\xd5\x9f{\xee\xb9\x98\x98\x18\x94\xab^\x05\xf0s\x90\x00\x02\xc6\x13\xd9\xd3\xe9\x1d|\xe7\xa8^\xaf\xd7\xe9\xc2\xacV\xcb\xfa\xa4\xd5+V/\xd9w\xe07Y\xfek\x0f\xd2=%\x86B\xf9D\xb1\xa7\xc0\xc3\xe4\xc9\x93\x07\r\x1a\xc4\x8f\xf8\n\x82\xf0\xd1{#\xfb\xf4|\xc7\xe5r\xba\xddn/\x14\xe5\xce\xb5\x8c\xcc\x08\x11\xf82\xb2 \x08\x8a\xacX3\xd2/\xfc~\xf6\xd8\x89\xc3g\xcf\x9d:v\xfc\xf0\x9f\xb7\xaegg?`\x8fidd\xe4\xb3\xcf&gt;;i\xd2\xa4\x84\x84\x04\xbe\x88\x9d\xd7\xd7\x0c\x1e\x13$\x00\x7f\x97\x17{:\xbd\x83\xcf\x0b\x89\xa2d2\x85\xbb\xdd\xeeS\xa7\x8f\xcf_4k\xf3\xb6\xf5\xa9\xa9\x7f-\x14\xf3\x12C]\xbbv-_\xbe&lt;\x7f$\xd4N\x14\xf3i\x1f\x9b\xcd6p\xe0\xc0\xd9\xb3gk$\x8d[v\xc7\xc4\xc4};yn\xdd\xda\r\xd3-i\xe8\xbfO\xfa?\x11w\xdfx\x0cc"\x8a"_9`\x8ceff\xa4\xa6\xa5\x9c8y\xe4\xd4\x99\x13\xc7\x8e\x1f&gt;s6\x99\xafLx\xd4\xa9Sg\xfb\xf6\xed\xfc&gt;\xd5\xfb\x97\r\xfe\x13H\x00\xfe+\xaf\xf7tz\x8d\xaa*\x18\x13}\x98^\xab\xd5\xfdq\xfd\xea\xa6-\xbf\xfe\xbc\xf2\xa7\xc3G\x0fx\x9e\xa0\xd3\xe9\x1a7n\xfc\xe6\x9bo6i\xd2D\xa3\xd1\xa0\xbb7\x04A?\x84\xf4L\xfaw\xee\xdc\xf9\xc0\x81\x03|\xd2\xbf\xd2\xf3/~7\xe5\xc7\x82O\x15\xca\xcc\xccx"\x93\xfe\x8f\xef\x9eedI\xd2\xe8\xb4:A\x14\\.\xd7\xcd[7.^&lt;\x7f\xf6\xdc\xa9\xdd\xfbv\xec\xd8\xb5\x05c,\xcb\xf2\xb6m\xdb\xea\xd6\xad\xeb\xb9\xb3\x01~\x0b\x12\x80\xbf\xf3\xc2\x9eN\xef\xf0,\x14\xeb\xc3\x0cn\xb7\xebaJ\x0c\x05\xf1T\xb2g\xa7\xff\xd2\xa5K\xdfz\xeb-\xcf\xa4\x7f\x87\xb6]\xc7\x8e\x9c\x88\x10v:\x1d\xc2\xbf\xed\xf5\xf4\x95\xdc{L5\x1a\x8dV\xa3#\x84\xe8\xf5ao\xf4l\xbbr\xcd2\x84P\xdd\xbau\xb7m\xdb\x067\x01\xfe\x0f\x12\x80?\xe2/\x8a\xddn\xff\xfe\xfb\xef\xe7\xcf\x9f\x7f\xe2\xc4\t\xcf\x97\xf2nO\xa7w\xf0\xd8\x81\t6\x19\xc3\t&amp;W\xae^Z\xfa\xcb\x825\xeb~\xbex\xe9\x82\xe79f\xb3\xf9\x95W^\xe9\xd1\xa3G\xed\xda\xb5\x832\x07x\x86\xc6#G\x8e\x1c1b\x84g\xd2\x7f\xe4\xb0/\xbbw\xeb\x9b\x95\x95E\xa9\x1a(\xa1\x93\xdf\x19(\x8aj2\x9a\xce\x9e?\xfdJ\xebz\xbcq\x10\xdc\x04\x04\x04H\x00\xfe\x88\xcf\x0c\x8c\x1a5j\xf8\xf0\xe1\x9e\x07\xbd\xb6\xa7\xd3;&lt;%\x86\xf4z\x83\xc5\x92\xbek\xf7\xb6{J\x0c\x99\xcd\xe6\xf3\xe7\xcf\xc7\xc6\xc6\xa2\xe0\xdaV\xc8_\\\xab\xd5\xda\xa7O\x9f\xa5K\x97\xf2#\xbeE\n\x17\x1d\xff\xc5\xb7\xb5\x12\xeaY\xac\xe9\xfe|\x1b\xf7\x0f\x14E\x89\x8e\x8a~k@\xd7\x15\xab\x97"\xb8\t\x08\x10\x90\x00\xfc\x0e\x7fE\\.W\xb9r\xe5\xae]\xbb\xc6\x18{\xb1r\xf5v\xad\xbb\xd4\xaf\xdb(..\xbf\xd7\xf6tz\x07?J&amp;\x8awK\x0c\x1d?\xbcb\xf5\xd2e\xbf,t\xe48\\.\xe7\xf8\xf1\xe3\x07\x0f\x1e\xcc#\xa6\xaf\xaf\xf4\xc9\xe0\xff\x96\xa3G\x8fv\xef\xde\xfd\xe8\xd1\xa3|\xd2\xbffB\xddo&amp;\xcc\xca\x17\x97?#\xd3\x1a\xb8\xffRJ\xa9^\xaf?s\xf6\x14\xdc\x04\x04\x10H\x00~\x87\xc7\x88\x9f~\xfa\xa9c\xc7\x8e\x18\xe3\xa2\xcf\x14\xdf\xbcn\xbf\xc1`\xcc\xb2e\xfadO\xa7\x17xv:\xe9t\xba\xb8\xd8\xa8\xb9\xf3\xe7\xf4\x1f\xf4&amp;\xc6\xb8l\xd9\xb2\xc7\x8e\x1d\x0b\xdc\xbb\x9c\xdc&lt;\x93\xfe\x9e\xaa\xce\xa2(*\x8a\xd2\xed\xf5\xde#?\xf9J\x96\xdd.\x97\xd3o\'\xfd\x1f\xd2=7\x01\xf5\xea\xd5\xdb\xb2e\x0b_*\xf0\xf5\xa5\x81\x07\x83\x17\xc6\xef\x10B\x18c?\xfc\xf0\x03\x9f\x1a~\xb3\xeb[z\xbd\xe1v\xcaMUU\x05A\x0c\xca\xcf\x12\xef;/\x08\x82\xcb\xe5\xfc\xe3\xfa\xcd\x06\xf5\x9a\x14.T\x841v\xea\xd4\xe9\x1d;v\xf0\xd6\xe7\xbe\xbe\xc6\xc7\xc2\xab_\x08\x820h\xd0\xa0\xee\xdd\xbb;\x1c\x0e\x84\x90F\xd2|9v\xca\x97c\xa7\xda\xed\xd9n\xb7;\xd0\xa3?B\x88\x10\xe2r\xbbz\xf7xG\xa7\xd3!\x84v\xed\xdau\xf6\xecY\x8c1\xcf\xee\xc0\x0f\x05a4\th\xbc\x10\xd8\xe9\xd3\xa7w\xed\xda\xc5\x18\x8b\x8c\x8cj\xd4\xe0%\xbb#[\xa3\xd1\x06\xc1(\xf8_\x11"PJ\xa3"\xa3Z4o\x8b\x10B\x88M\x9c8\xd1\xc7\xd7\xf4\xd8x\t&lt;\x8b\xc5\xd2\xa4I\x93\xc9\x93\'k4ZUU\xcb\x94*\xb7\xfc\xa7\r\xafw\xee\x95\x92z;h*#\x11B\xecv{|\x85\x8a\xd5^\xac\x81\x10R\x14e\xdc\xb8q\xf7\xb4\xae\x04~%\x18\xdev\xc1\x84\'\x809s\xe6(\x8a\x82\x10jT\xbfY\xe1\xc2\xcf8\x9d\xceP\x88\xfe\x9c \x08v\x87\xa3}\x9b\xd7\xf5z\x03Bh\xdb\xb6\xed\x97.]\x12\x04!\x10G\x91\x9e\x93\x1c\x07\x0e\x1c\xa8V\xadZRR\x92F\xa3q\xbb]M\x1b\xbf\xb2x\xfe\xba\xf8\n\x95\xd2\xd2RDQ\x0c\xb2\x17\x97R\xfaF\x97&gt;\x08!B\xc8\xe2\xc5\x8b\xcf\x9d;\xc7\xab\x99\xfa\xfa\xba\xc0\x03@\x02\xf0#|/`ZZ\xda\xfc\xf9\xf3\xf9#\xaf\xb5\xea$\xcbr\x90\x05\x88\x7f\x861v:s\x9ey\xa6x\xfd:\x8d\x10B99\x8ey\xf3\xe6\xa1\xbbk\xe3\x01\xc4s~{\xe6\xcc\x99\r\x1b6\xbcp\xe1\x82 \x10\xb7\xdb=\xa0\xef\x073\xa6.0\x1a\x8d\x99Y\x19\xf7\xd4\xf4\x0f\x02\x82 \xd8lY\r\xea5\xae\xfab\x02c\xd4\xe5r}\xfe\xf9\xe7p\x13\xe0\xb7 \x01\xf8\x11&gt;S\xbcb\xc5\x8a\x94\x94\x14\x84P\xd5\x17kT}\xa1zv\xb6-\x047Q0J\xdb\xbe\xd6\x99\xeft\x9a&gt;}zvv6_\x1a\xf1\xf5u=,^\xd0BU\xd5&gt;}\xfa\xf4\xec\xd9\x93O\xfa\xeb\xf5\xc6\xa9\x93f\x0f\x1b2&amp;\xdb\x9e\xedv\xbb\xff\xb5\xa6\x7f\x80b\x8c\x11"\xf4\xed=\x981\xb8\t\xf0w\x90\x00\xfc\x08\xff\x90\xcc\x9c9\x93\x0f\xf9\xdb\xbe\xd6Y\xab\xd5\x85\xe0\xc7F\x10\x04[\xb6\xadN\xad\x06\xe5\xcb=\x87\x10\xba}\xfb\xf6\x9a5k\x02h)\xd8\xd3\xca\xb1n\xdd\xba\xd3\xa7O\xd7j\xb5\xaa\xaa\x96-]~\xc9\xfcum_\xeb\x9c\x92r;\xb8\xab\x9f\n\x82\x90e\xcb\xac_\'\x11n\x02\xfc_\xd0\xbe\x0b\x03\x0e\x1f3\x1e9r\xe4\xd0\xa1C\x8c\xb1\xb8\xd8|\r\xeb7\xb1eg\x85\xe0\xf0\x1f!\xa4\xaa\xaaV\xabk\xd3\xb2\x13\x8f\x1a3f\xcc\x08\x88#E|\xd2\x9f\xb7r\xac\\\xb92o\xe4\xebr\xb9^k\xd9\xe1\xe7\xc5\x1b\xcb\x97{.%\xf5v\xf0M\xfb\xdc\xef\xfe\x9b\x80\xb3g\xcf\xc2M\x80\x1f\xf2\xf7OT\xa8\x996m\x1a\xff\x90\xbc\xd4\xb4e\xfe|O\xb9\xdd\xee\x90Z\x00\xf0\x10\x04\xc1\xee\xc8n\xdc\xe8\xe5\xe8\xa8\x18\x84\xd0\xf6\xed\xdb\x0f\x1f&gt;\xec\xe77\x01|\x01_\x10\x84\xe9\xd3\xa7\xd7\xad[\xf7\xe6\xcd\x9b\x84\x10\xb7\xdb=\xf4\xc3\xd1\x93\xbf\x9a!IRvvV(D\x7f\xf4\x7f7\x015\x18\xa5.\x97k\xc2\x84\tp\x13\xe0\x87 \x01\xf8\x05\xbe\xfc{\xf3\xe6\xcde\xcb\x96!\x84t:]\x9bV\x9d\x9c\xae\x1c\xff\x1f\xf3\xe6\x11\x8c\xb1\xd3\xe9|\xa6p\xb1\x16\xcd\xdb\xf0G\xf8\xc1\x08\xdf^\xd5?\xe0mm\xb2\xb2\xb2z\xf6\xec\xd9\xa7O\x1f\x840B\xc8d4\xcd\xfba\xf9\xdbo\xbdo\xb7\xdbdY\x0e\x82\x9d\xfe\x0f\x8f1F\x04\xa1o\xefA\x08c\x8c\xf1\xca\x95+\xd3\xd3\xd3\x03k!\'\x14\x84h|\xf17|`\xfb\xd3O?\xd9\xedv\x84p\xf5\xaa\xb5*&gt;W\xd9n\xb7\x87l\x02@\x08\x11Br\x9c9-^i\xc7\'\xc1\xf8\xda\xb8\x7fF\x10OU\xe7\xc4\xc4\xc4\x993gj4\x1aE\x91+\x94\x7f~\xd5\xf2\xad\x8d\x1a6K\xb7\xa4\x05\xe5\xf9\xed\x7f&amp;\x08Bv\xb6-\xa1Z\xedbE\x9fE\x08\xa5\xa5\xa5M\x9d:\x15\x0e\x85\xf9\x9b\xd0zS\xfa-\xde\x07|\xf6\xec\xd9\x08!\x84X\xdb\xd6]\xfc/\xcay\x1b!\xc4\xe1\xb0?W\xa1b\x95\x17\x12\x10\xc2|w\xac\xbf\xcd\x02\xf1\x02\x0f\xa2(&amp;%%U\xabV\xed\xc0\x81\x03\x92$\xb9\xdd\xee\xb6\xafu^2\x7f]\xb1g\x9e\xb5X\xd3\x03\xb7\xbc\xcfcR\x14\xc5h4\xf5\xe8\xd6\x9fW\x83\x982e\n\xdc\x04\xf8\x1bH\x00\xbe\xc7w\x7f\xee\xd8\xb1\xe3\xd4\xa9\xd3\x08\xa1\xc2\x85\x8a\xd4\xa9\xd9 \xdbn\x0b\xb51\xe3\xfd\x18c\x92\xa4y\xa3Ko\x84\x98\xe7|\x9c\xff\xac\x8a\xf3R\xd5\x84\x90\xc9\x93\'7i\xd2\xc4j\xb5"\x8c(\xa5c\x86O\xf8f\xc2LI\x92\xb2\xed\xd9y\xd1\xc87P\x88\xa2h\xb3e\xb5z\xb5]\xd1g\x8a3\xc6\xd2\xd3\xd3\xe1&amp;\xc0\xdf\x84z\x88\xf1\x1f\x13\'ND\x88!\x84Z4o\x1b\x1d\x15\x13j\xe7\xbf\x1eH\x10\x04[vV\xad\x1au\xfd\xb04\x10o\x91\x95\x9a\x9a\xda\xbd{\xf7A\x83\x06I\x92\xc4\x18\x8b\x89\x8e\xfbi\xde\x9a\x1e\xdd\xfaY\xac\xe9P\x05\x13!$\xcb\xb29&lt;\xa2w\xf7\x01p\x13\xe0\x9f \x01\xf8\x18\xaf\x10y\xf1\xe2\xc5m\xdb\xb6#\x84\xf4zC\xfb6\xaf\xdb\x1dv\x88\x1d\x9c,\xcb\xd1Q\xb1~X\x1a\x88o\xdb\xfd\xee\xbb\xeff\xcf\x9e\xad\xd3\xe9dY\xae\xf8\xfc\x0b\xbf\xae\xd8\x91P\xbdv\xba%-8*\x98&gt;&gt;Q\x14\xb3\xb22[\xc2M\x80\xbf\x82\x04\xe0c\xfc\x93\xb0`\xc1\x82\x9c\x1c\x07B\xa8~\xddF\xcf&lt;S\xdc\xe9\xcc\x81\xf0\xc1\t\x82`w\xd8\xfd\xb64\x10\xdf\xbe\xe5r\xb9\x1a7|i\xc5\x92M11qYY\xfe\xd2\xc8\xd7O\xc8\xca\xbd7\x01~\xbb\x98\x1f\x82 \x01\xf8\x12\x0f\x1fN\xa7\x93/ob\x8c\xdb\xb4\xea\xc4(|0\xfe\xe2\xff\xa5\x81TUe\x8cU(\xf7\xbc\xc1`\xb4\xdb\xed!\xb5\xd7\xf3a\x88\xa2\x98\xf9\xff7\x01\x0b\x16,\xf0\x93y&lt;\x00\t\xc0\x97&lt;\xc5\x7f.^\xbc\x88\x10*^\xacDB\xb5\xda\xd9\xf6P,\xfe\xf3\xcf\xfc\xbf4\x90\xd3\x95\xc3\'\x85|}!\xfeH\xe17\x01=\xde\xe1\xcb\xe63g\xcet\xb9\\\xfe\xf6\n\x86&amp;x\xbf\xfa\xd2=\xbd_\xbav\xeem2\x86\xf3B\xd0\xc0\x83/\x05\xd7\xa9\xd5\xa0\\\xd9x\xc6\x98\x7f\x96\x06\xc28\x18:t\xe6\x11\xfe\n6k\xfcjtt\x0cB\xe8\xcc\x993K\x96,\x81\xca\x10\xfe\x00\x12\x80\xcf\xdc\xdf\xfb\xa5q\xc3\x97\xec\x8el\x18\xfe\xdf\x8fR\xa6\xd1h;\xb6\xeb\xc6\xff\x18(\xa5\x81\x00\x871v\xbb\xddq\xb1\xf9:\xb4\xe9\xcao\x02&gt;\xfb\xec3\x97\xcb\x05\xc5!|\x0e&gt;B&gt;\x03\xbd_\x1e\x1e!\xc4n\xcf~\xa9I\x8b\xb8\xd8|\x18\xe1\xed\xdb\xb7\x1f9r\x84\xd7[\xf6\xf5\xa5\x81\x87\xc2\x17\xf3\xbbv\xee\x15\x19\x11\x851&gt;w\xee\x1c\xdc\x04\xf8\x03H\x00\xbe\xe1\xb7\xbd_(\xa5\xaa\xaa*\xaa\xa2\xaa\x8a\xaa*w\xfe\x0fU};R\xc3\x18\xbb\xdc\xae|q\xf9^j\xda\x92!\x86\x10\x9a6m\x9a\x0f\xaf\xc7\x7f\xb0\'$\xaf\xaf\x93/\xe6\x17.\xfcL\xa7\x0e\xdd\xf8\xd0\x07n\x02\xfc\x01$\x00\xdf\xf0\xb7\xde/\x8c1UU\x10Baa\xfa\x88\x88\xc8\x98\xa8\xd8\xa8\xa8\x98\xa8\xc8\x98\x98\xa8\xd8\xa8\xc8\x18\xb3\xc9,I\x1a\x9e\x1b|ry\x08!B\x88\xd3\xe5l\xd3\xaa\x13o8\xbel\xd9\xb2\x9b7o\n\x82\x10\xca\xe1\x83\x10"=\t\xde\xd9\xb7\xca\xab\x03u\xed\x047\x01~\x04\xb6\xac\xf9F\xee\xde/\x8c1\xde\xfb%\xdb\x9e\xed\x93ymUU5\x1a\x8d\xd1\x10\x99m\xb7\x9d;\x7f\xea\xdc\xf93W\xaf]\xce\xcc\xcaP\x14%L\x17\x16\x13\x13W\xac\xe8\xb3\xa5K\x95+T\xb00\xc68+;\x0b!D\xb0\xb7\xaf\x937\x1c\xaf\xf8\\\xe5\xeaUkm\xdf\xb9\xd9n\xb7\xff\xf4\xd3O\xef\xbe\xfb.o\xba\xeb\xe5\x8b\xf1\x07|L\xedt:\x11\xe6G\xc8\x1f\xed\xa7 \xc4\x90 \x08\x06\x83\xf1I^\xdc\x03\xff*\x8c\x9dN\'\xbf\t\x98\xfa\xdd\x04~\x13\xd0\xb6m[\xadV\xcb\x17\x06\xf2\xfa\x02\xc0\xfdB\xf1\x93\xe3s\xbcH\xc0\xa1C\x87\xfc\xa1\xf7\x8b\xaa\xaafsDj\xea\xed\xd9\xf3\xbe_\xf3\xeb\xcfg\xce&amp;?p\x1bR\x849\xb2\xca\x8b\t\xed^\xeb\xdc\xb0A3UU\\.\'!&gt;\xb8Z\xc6P\xdb\xd7\xbal\xdb\xb1\t!4s\xe6\xcc\xb7\xdezK\xa7\xd3\x85`\xf8PU%22z\xfe\xa2Y_O\x1b\'\x10Q\xa5\x8f\xb8s\x8c`B\x19\x8d/_q\xfe\xac_\\nW^\xff\x1a=7\x01\x0b\x7f\x9a\x93\x99i=w\xee\xdc\x8a\x15+:t\xe8\xc0\xcb\xa9\xe6\xe9_\r\x1e\x08~\xe9&gt;sO\xef\x97\xb4\xf4T\xef\x7f\x06(U#""\xd7\xae_1\xfa\xb3\x8f\xff\xb8~\x95?(I\x12!\x841\xc4K\xb0!\x86\x14U\xc9\xc8\xb4n\xdc\xbcn\xe3\xe6u\x89\xf5\x9b\x8e\x1991\x7f\xbe\x02v\xbb\xb7\xebU\x10B\xb2\xed\xb6\xba\xb5\x1b\x16/V\xe2\xe2\xa5\x0bg\xce\x9c\xd9\xb2e\xcbK/\xbd\xc4\xcbix\xf3J\xfc\x01\xbf\x03\xc8\xca\xca|\xfc\x1fe\xb3e=\xfe\x0fy\x18\x7f\xdd\x04\xb4\xef6\xf5\xfb\t\x18\xe3\x193ft\xe8\xd0\x016t\xf9\n\xfc\xde\xbd\xcd\x7fz\xbf\xa8\xaaj6G\xce\x9e\xf7]\xaf\xbe\x9d\xfe\xb8~U\x14DA\x101\xc6\xb2,\xbb\\.\xb7\xdb\xe5v\xbb].\x97\xcb\xedRUU\x10DA\x10\x04A\xd8\xb4u}\xdbN\xcd\xae\xdf\xb8\x16\x16\xa6\xf7\xf2\xec-\xbf\xb6\xe8\xa8\x986\xad:\xf1?N\x9f&gt;\x9d\x9f\xa0\xf6\xe6e\xf8\x0fQ\x14EQ\xd4ju\xe2\x7f\xc4\x8f\xd4\xf1\xfee\xfc\xffxm)\x85\x10\x92\x93\x93\xd3\xa2y[\x8dF\x831\xde\xbe}\xfb\xf6\xed\xdbaC\x97\xaf\xc0\x1d\x80\xb7\xf19\xeb{z\xbfX3\xac^\x1e\xc3\xaa\xaa\x1an\n\xdf\xbec\xd3\xb0\x11\x83y\xee\xf1l\xf5\xa9^\xb5V\xb5*5\x9f.XH\x924\x19\x99\xd63gOm\xdb\xb1\xf1\xd6\xed?y\x98\x90D\xe9\xea\xb5\xcb\xfd\x06v[\xbeh\x83\xf7\x93\x96 \x08\xd9v\xdb\xcbM[~=\xed\xcb\x9c\x1c\xc7\x96-[\xce\x9c9S\xa6L\x99\x10&lt;\x16\xc0G\xd3\x8a\xa2&lt;\xfe\xc9\xc10]\x98(J^\x98\x02Bw\xdb&lt;\x94+[\xe1\xa5&amp;-V\xac^\x8a\x10\x1a9rd\xdd\xbauC6\x8b\xfb\x16$\x00o\xf3\x8f\xde/\x8c\x10\xe2r\xbb&gt;\xfb\xeaS\x84\x10\xaf\xce\xc8\x18+\xf4t\x91/\xc6|S\xabF=\x8dF\xc3G\xf7|t\x9d\x9a\x96\xf2\xf5\xb4/g\xce\x99F\x08\x91\x15Y\x14\xc5c\xc7\x0f/_\xf1S\xd7N=\xad\x19\x16o\xa6.\x1e\xf5\x8a\x15-\xd1\xb4Q\xf3_V-\xc9\xc9\xc9\x999s\xe6\x84\t\x13B-\x01\xf00\xda\xa0^\x93\xd8\xd88A\x10\xd9C\xdf\x8a\xa9\x94\x1a\x8d\xc6\x9f\x96\xcc</t>
        </is>
      </c>
    </row>
    <row r="352">
      <c r="A352" s="1" t="n">
        <v>350</v>
      </c>
      <c r="B352" t="inlineStr">
        <is>
          <t>rectangle_height_number</t>
        </is>
      </c>
      <c r="C352" t="inlineStr">
        <is>
          <t>What is the missing number of the part denoted with a question mark?</t>
        </is>
      </c>
      <c r="D352" t="inlineStr">
        <is>
          <t>[1, 2, 3, 4]</t>
        </is>
      </c>
      <c r="E352" t="inlineStr">
        <is>
          <t>1</t>
        </is>
      </c>
      <c r="F352" t="inlineStr">
        <is>
          <t>There are 7 rectangles in the image with varying lengths and numbers inside them. The numbers from left to right are [3, 2, 3, 2, 1, 1, '?']. The lengths from left to right are ['long', 'medium', 'long', 'medium', 'short', 'short', 'short'].</t>
        </is>
      </c>
      <c r="G352" t="inlineStr">
        <is>
          <t>We observe that the short rectangles are denoted as 1, the medium rectangles are denoted as 2, and the long rectangles are denoted as 3. Hence, the pattern is that the number in each rectangle corresponds to its length.</t>
        </is>
      </c>
      <c r="H352" t="inlineStr">
        <is>
          <t>Based on the pattern that the number in each rectangle corresponds to its length, the missing number of the rectangle with a question mark should be 1.</t>
        </is>
      </c>
      <c r="I352" t="inlineStr">
        <is>
          <t>b'\x89PNG\r\n\x1a\n\x00\x00\x00\rIHDR\x00\x00\x02\x00\x00\x00\x02\x00\x08\x02\x00\x00\x00{\x1aC\xad\x00\x00G|IDATx\x9c\xed\xddy|T\xd5\xf9?\xf0\xe7\x9cs\'\x99\xc923\xd9\x88\xb2\xb8 \x11Pd\xdf\x03\x88(\x8b\xb5E\xad\x88\x0b\xe0\x82\x10w\xbf\xa1\xad\xb6V[@k]\xc0Z[\xdbZv\xa4\xe2\x06\xd6V[Ap\x01D\xd9\\@L\x00\x11D%\x10\xb2\xce\x96df\xee=\xe7\xf7\xc7\x85\xfc(B\x08!\x93\xb9\x93\xfby\xbf\xfazU\'8\xf3\xe4a\xe6|\xce=\xf7\xcc\xbdL)E\x00\x00`?&lt;\xde\x05\x00\x00@| \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xd2\xe2]@\xa3(\xa5\x9a\xf0_1\xc6\x9a\xbd\x12{B\xff\x01Z%\x8b\x06\x80RJJ\xa9\x94b\x8c1\xc68o\xca\x91J\xb3&lt;\x89=\xa1\xff\x00v\xc0\x9a6\xb9\x8b\x11s\xc8 "!\xc4\xd1\x8f\xfb|&gt;)%c\x8d\xad\xd6\x9c{z\xbd\xde\xa3\x1f4\x07#\xce9f\xa6\'\x82\xfe\x03\xd8\x8aU\x02@)e\x18\x86\xa6\x1d&gt;"\t\x04\x02\x9b6m\xda\xb8q\xc3\xa7\x9f~VYYY\\\\\xac\x1bz\xe3\x9f\x8d\x11S\xa4:\x9d\xd7\xc9\xeb\xf5\xf6\xed\xdb\xb7w\xef\xde\xfd\xfb\xf7o\xd7\xae\x9d\xf9S]\xd79\xe7\x98\x90\x1e\r\xfd\x07\xb0!K\x04\x80a\x18\xe6\x943\x12\x89\xacX\xb1\xe2\x85\x17^\xd8\xb2e\xcb\xbe}\xfb\x9a\xf1%222\xfa\xf6\xed;~\xfc\xf8\xb1c\xc7\xb6i\xd3\x86\x88t]\x17B`6J\xe8?\x80]\xc59\x00\xccWg\x8c\xf9|\xbe\xb9s\xe7.Y\xb2d\xdb\xb6m\xf5?MKOk\x7fV\xbb\x9c\xdc\x9c\x8ey\xe7ffzu\xddh\xccx\xa1Hq\xc6\xa3\xd1h\xd1\x17\xc5\xd5U\xbe}{\xbe\xad\xaa\xac\xaa\xff\xe9\x99m\xcf\x9cp\xe3\x84)S\xa6t\xee\xdc\x99\x88\xa4\x94v\x9e\x8a\xa2\xff\x00v\x16\xcf\x00\xa8\x9fx.\\\xb8\xf0\xa9\xa7\x9e\xda\xb1c\x87\xf9x\xfb\x0e\xed\x06\x0f\x1f4b\xf4\xf0\x0b\xbaw\xcd=#\'5-M\x08!\x04?\xb5B\x95\x8aF\xf5p]\xb8\xfcP\xf9\xae\x1d_\xad{o\xfd\xda\xd5\xebv\x14\xed2\x7f\x98\x99\x99y\xef\xbd\xf7N\x9b6\xcd\xe3\xf1\xe8\xba^\xbf\xf4a+\xe8?\x80\xcd\xc5-\x00\xcc\xd1\xa7\xa4\xa4d\xf2\xe4\xc9+W\xae4\x1f\xecrA\xe7\xc9w\xdf&lt;f\xec\xe8\x9c6YJ\xa9\xba\xbap4\x12\x95\x86T\xa4N\xbdN\xc6\x19c\x9c9\x1c\x8edg\xb2\xa6i\x01\xbf\x7f\xc3\x87\x9b\xe6\xfei\xc1\xda\xf7&gt;4\xffD\xe7\xce\x9d\xe7\xcf\x9f\x9f\x9f\x9fo\x9e\xe1\xb4\xd5r\x04\xfa\x0f\x00\xf1\t\x00s\xd2\xb7r\xe5\xca\xc9\xb7M.\xd9_BD\x1d\xf3:\xde9m\xeaO\xae\xb9\xc2\x93\xe1\t\xfa\x83\xd1h\x94\x88\x9ae\xc7\x88RJJEJ\tM\xa4\xa6\xa5Ji\xacY\xfd\xe1\xf3\xcf\xccY\xbf\xe6c"JNNz\xe2\x89\'\x0b\x0b\x0bm5\x06\xa1\xff\x00@q\t\x00s\xf4\x99;wnAA\x81\xf9\xc8\xcd\x05\x13\x7f\xf1\xdbi9\xb99\xbe*\x9f\xa1\x1b\\\xc4j\xa7\xa0a\x18\x8c1\xb7\'\xdd\xd0\x8d\x05\x7f{a\xf6\xa3\xcf\x04\x03A"\x9a:u\xea\x9c9s\x0c\xc3\xb0\xc3&amp;E\xf4\x1f\x00L-\x1d\x00\xe6\xcaC\xfd\xe8\xe3\xcd\xf0\xfc\xee\x0f3\xae\x9d4\xce_\xed\x8fD"-\xb3\x16l\x0eCY9Y[&gt;\xfe\xe4\x17w\xfe\xb2\xe8\x8b\x1dtd\x0cj\xf5\xf3P\xf4\x1f\x00\xea\xb5h\x00\x1c3\xfa\xe4\xe4\xe6\xccY\xfa\x97\xa1\x97\xe4\x1f&lt;P\xaaiZ\x0b\x7f\xec\xa3\xd1\xa87\xc3[QVq\xcb\xb8\xa9\x9fm\xfe\x9c\x8e\x9a\x87\x1e\xf35\xa8V\x03\xfd\x07\x80\xa3\xb5\\\x00\x98\x1f\xec\xd5\xabW\x8f\x1c9\x92\x882\xb32\xff\xbdf\xd99\x1d\xcf\xa9\xae\xaav8\x1c-S\xc31t\xddHv&amp;\t!n\xfc\xf1M\x1f\xaf\xdbHD3f\xcc\x98&gt;}z\xab\xdc\x97\x82\xfe\x03\xc01Z(\x00\xcc\xed\xde\xa5\xa5\xa5=z\xf68Tz\xc8\xedq/Z&gt;\xb7\xdf\xa0\xbe\xbe*\x9f\xe6\x88\xe7G\xdd0\x8cdgr\xc0\x1f\x988\xf6\xd6\xed[\xbfd\x8c\xad\\\xb9r\xe4\xc8\x91\xadl\x1e\x8a\xfe\x03\xc0\x0f\xb5\xd0wp\xcc+\rL\x9a4\xa9\xf4`)\x11=\xfa\x87\xe9C/\xc9\xaf\xae\xaa\x8e\xef\xe8CDB\x88\xba\xda\xba\xec\x9c\xac\xe7\x16\xfd\xd1\x9b\xe1Q\xa4&amp;\xdd4\xe9\xe0\xc1\x83\x8c1\xf3\xaa8\xad\x03\xfa\x0f\x00?\xd4\x12\x01`\xce\xe6\x96.]\xbaj\xd5*"\xba\xe1\x96\xf1\xd7\xdf|\xed\xc1\x03\xa5\xf1Zy8\x86\xa6i\xd5U\xbe\xae\xdd:\xcfx\xea7\xa4\xa8\xf4`\xe9\x83\x0f&gt;\xc89\xb7\xc2E2\x9a\x05\xfa\x0f\x00\xc7\x15\xf3% \xa5\x94R\xaa\xba\xbaz\xc0\x80\x01{\xf6\xec9\xeb\x9c\x0eo\xad\xfbgrr\xb2\xb9\x15$\xa6/}J\x0c\xdd\xf0fyo\xbb\xf6\xf6\xb7\xff\xbd299y\xdd\xbau}\xfb\xf65\xaf^\x19\xef\xd2N\x0b\xfa\x0f\x00\'\x12\xf3O\x97\xb9\xb9{\xe1\xc2\x85\xbbw\xef\x96R\xde1mjNnv$\x12\xb1\xd4\xe8CD\x8c\xb3h$:\xed\xd7\xf7&amp;\'\'\x87\xc3\xe1\xe9\xd3\xa77\xfe\xea\xc7V\x86\xfe\x03\xc0\x89\xc46\x00\x94RB\x88\xda\xda\xda\x85\x0b\x172\xc6\xce\xcb\xebx\xf5uWVW\xfa,\xb8\xc7\x83s\x1e\x0c\x04\xbb\xf7\xbe\xe8\x8a\xab\xc7\x10\xd1\xda\xb5k\x8b\x8b\x8b\x85\x10\t\xbd\x12\x8d\xfe\x03@\x03b\x1b\x00\xe6\xf7zV\xaf^\xfd\xe5\x97_*\xa5\xa6\xdew\x9b\xc7\xeb\xd6\xf5S\xb8\xb2|K\xe2\x9c\x87\xc3\x91\x82\xff\x9b\x92\x92\xe2\n\x85B\xf3\xe6\xcd#\xa2\x84\x1e\x80\xd0\x7f\x00h@K,\xb0.Z\xb4\x881\x96{f\xee\x8f\xae\x1a\x1d\xf0\x07-\xbb\xbd\x8fs\x1e\n\x86\xba\xf7\xee6p\xe8\x00\xc6\xd8\xb2e\xcbjjj4MK\xf4\x85\x08\xf4\x1f\x00\x8e+\x86\x01`\xae?\xf8|\xbeM\x9b7)\xa5\x86^\x92\x9f\xd3&amp;;\x1a\x8dZm\xf5\xf9hJ)\xc6\xf8\xa8\x1f\x8fTJ\xed/\xd9\xbfu\xebVJ\xd8I(\xfa\x0f\x00\r\x8ba\x00\x98\x9f\xdb-[\xb6|\xff\xdd\xf7D4b\xccp\xebO\xe4\x84\x10u5\xb5\x83/\x1e\x98\xe6N3t\xe3\xed\x15o\xd3\x91\xbb\xa6$\x1c\xf4\x1f\x00\x1a\x16\xdb#\x00"\xda\xb4y\x13\x11\xa5\xa4\xa5\\\xd0\xbdk\xb86l\xf1]}\x8c\xb1p8\xd2\xbeC\xdbs;\x9eCD[6o!"\x8b\xd7|"\xe8?\x004,\x86\x1f-s\xa9\xe1\x93-\x9f\x10\xd1Ygw8\xb3m\xae\xc5\xd7\x1fLRJW\x8a\xeb\x82\x8b\xba\x10Qqqq0\x18L\xd0/%\xa1\xff\x00\xd0\xb0\xd8\x06\x80R\xaa\xac\xac\x8c\x88\xb2\xb23S\xd3R\r\xc3\x88\xdd\xcb5\x17\xa5\x14\x17\xe2\x8c\xb6g\x10Q\xb5\xaf\xba\xb6\xb66\xde\x155\x11\xfa\x0f\x00\r\x8bU\x00\x98\xdf\xe1\xf4\xf9|\xbbv\xed"\xa2\xbc.\x9dD\x82l\xe7`\x8c\x19\xba\xde\xa9\xcbyD\xe4\xf7\xf9\x8b\x8b\x8b)\x01\xcfC\xa2\xff\x00pR1\xff"XT\x8f\x12QFfF\x02\x1d\xc8+\xa5223\x88HJi\xd9]\xf3\x8d\x81\xfe\x03@\x03b~z\xcd\\tN\xb8\x8fq}\xc1\xd6_4o\x18\xfa\x0f\x00\'\xd2B\xfb+\x12\xeec\x9cp\x057,\xe1~\x9d\x84+\x18 \x11a\x83\x1d\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J\x8bw\x01\xb6\xa0\x94j\xc2\x7f\xc5\x18k\xf6J\xec\t\xfd\x078.\x04@L(\xa5\xa4\x94J)\xc6\x18c\x8c\xf3\xa6\x1ci5\xcb\x93\xd8\x13\xfa\x0f\xd0\x18\x08\x80\xe6d\x0e\x19D$\x84\x10B\xd4?\xee\xf3\xf9\xa4\x94\x8c\xb1FNE\xcd\xb9\xa7\xd7\xeb=\xfaI\xcc\xc1\x88s\x8e\x99\xe9\x89\xa0\xff\x00\xa7\x04\x01\xd0&lt;\x94R\x86ah\x9af\x0e\x19\x81@`\xd3\xa6M\x1b7n\xf8\xf4\xd3\xcf*++\x8b\x8b\x8buCo\xfc\xb31b\x8aT\xa7\xf3:y\xbd\xde\xbe}\xfb\xf6\xee\xdd\xbb\x7f\xff\xfe\xed\xda\xb53\x7f\xaa\xeb:\xe7\x1c\x13\xd2\xa3\xa1\xff\x00M\x80\x00h\x06\x86a\x08!4M\x8bD"+V\xacx\xe1\x85\x17\xb6l\xd9\xb2o\xdf\xbe\xd3|\xda\xf2\xb2r"Z\xb1b\x05\x11edd\xf4\xed\xdbw\xfc\xf8\xf1c\xc7\x8em\xd3\xa6\r\x11\xe9\xba.\x84\xc0l\x94\xd0\x7f\x80\xa6B\x00\x9c\x16sIA\x08\xe1\xf3\xf9\xe6\xce\x9d\xbbd\xc9\x92m\xdb\xb6\xd5\xff4-=\xad\xfdY\xedrrs:\xe6\x9d\x9b\x99\xe9\xd5u\xa31\xe3\x85"\xc5\x19\x8fF\xa3E_\x14WW\xf9\xf6\xed\xf9\xb6\xaa\xb2\xaa\xaa\xaaj\xd5\xaaU\xabV\xad\xfa\xed\xf4\xdfN\xb8q\xc2\x94)S:w\xeeLDRJ;OE\xd1\x7f\x80\xd3\x81\x00h:s\xe2ID\x0b\x17.|\xea\xa9\xa7v\xec\xd8a&gt;\xde\xbeC\xbb\xc1\xc3\x07\x8d\x18=\xfc\x82\xee]s\xcf\xc8IMK\x13B\x08\xc1Om\'\x8aR\xd1\xa8\x1e\xae\x0b\x97\x1f*\xdf\xb5\xe3\xabu\xef\xad_\xbbz\xdd\x8e\xa2]\x07J\x0e\xcc\x9e={\xc1\x82\x05\xf7\xde{\xef\xb4i\xd3&lt;\x1e\x8f\xae\xeb\x9af\xc7\xbfG\xf4\x1f\xe04\xe1\x8d\xdbD\xe6\xe8SRR2y\xf2\xe4\x95+W\x9a\x0fv\xb9\xa0\xf3\xe4\xbbo\x1e3vtN\x9b,\xa5T]]8\x1a\x89\x06|\x01E\xea\xd4w"2\xce\x18\xe3,\xbbMv\xbb\xb3\xda\x8d\xfc\xd1e\x01\xbf\x7f\xc3\x87\x9b\xe6\xfei\xc1\xda\xf7&gt;\xac\xac\xac\x9c9s\xe6\xcb/\xbf&lt;\x7f\xfe\xfc\xfc\xfc|\xf3\x0c\xa7\xad\x96#\xd0\x7f\x80\xd3\x87\x00h\ns\xd2\xb7r\xe5\xca\xc9\xb7M.\xd9_BD\x1d\xf3:\xde9m\xeaO\xae\xb9\xc2\x93\xe1\t\xfa\x83U\x95\xd5Dd\xee\x18\xe1\xe2\xb4\x96\x08\xa2\xd1h8\x1c!\xa5\x84&amp;.\x195\xfc\xe2\xcb\x86\xaeY\xfd\xe1\xf3\xcf\xccY\xbf\xe6\xe3\x9d;w^z\xe9\x88\'\x9ex\xb2\xb0\xb0\xd0\xdc\xfdb\x931\x08\xfd\x07h\x16X\xbe&lt;e\xe6\xe83w\xee\xdc1c\xc6\x98\xa3\xcf\xcd\x05\x13\xff\xf5\xfek\x93\xa6N`\x8cU\x95W\x99\x93\xd3\xe6:C\xc8\x18\x13\x82\x0bM\x10\x91\xdf\xe7\x0f\x05kF\x8c\xbe\xf8\xa5\xb7^\x98\xf1\xd4o\xd2\xd2\xd3\xc2\xe1\xc8\xb4i\xd3\n\n\n8\xe7\xe6&gt;\xc5\xd3\x7fE\x8bC\xff\x01\x9a\x0b\x02\xe0\xd4\x98{\r\xe7\xce\x9d[PP@D\xde\x0c\xcfs\x0b\x9fy\xea\xaf\x8f;\x9d\xce\x8a\xb2\n"\x12Z\x0cw\x86\x08!8\xe7\xbej\x7f(Ts\xd7\xcfo\x7f\xf5\xed\x17/\xb8\xa8\x0b\x11\x99\xf5\x08!\x94j\xc2ZG"A\xff\x01\x9a\x11\x02\xe0\x14\x98S\xcb\xfa\xd1\'\'7g\xe1\xb2\xb9\xd7\xdf&lt;\xbe\xac\xb4\xcc\x1c\x98Z\xa6\x0cs\x18:t\xf0P\xf7\xde\x17\xbd\xf4\xd6\x92^\xfdz\xd2\x911\xc8\x9c\x87\xb6L\x19-\x0f\xfd\x07h^\x08\x80\xc62G\x9f\xd5\xabW\x9b\xa3OfV\xe6?\xdf}\xa5\xdf\xa0\xbe\x07\x0f\x94:\x1c\x8e\x96_\xfcu8\x1c\xbej\x7fjz\xea\xeb\xab_\x194t\x00\x11\xcd\x9d;w\xe6\xcc\x99B\x08]?\x85/=%\n\xf4\x1f\xa0\xd9!\x00\x1aEJ)\x84(--\x9d8i"c\xcc\xe3\xf5\xcc\x7f\xf5\xf9s:\x9e\xe3\xab\xf29\x1c\x8exU\xa5i"\x12\x8eH)\xff\xf6\x8f?w\xebq!\x11\xcd\x9c9s\xd5\xaaU\x9a\xa6\x19\x86\x11\xaf\xaab\x01\xfd\x07\x88\x05\x04@c\x19\x861i\xd2\xa4\xd2\x83\xa5D\xf4\xe8\x1f\xa6\x0f\xbd$\xbf\xba\xaaZs\xc4y\x1b\x95\x10\xa2\xae\xb6.;\'\xeb\xb9E\x7f\xf4fx\x14\xa9I7M:x\xf0`\xeb\xdb\x8e\x92p\xfd\xc7Z\x10X\x1f\x02\xa0Q\x1c\x0e\xc7\xd2\xa5KW\xadZED7\xdc2\xfe\xfa\x9b\xaf5W\x1e\xe2]\x17\x11\x91\xa6i\xd5U\xbe\xae\xdd:\xcfx\xea7\xa4\xa8\xf4`\xe9\x83\x0f&gt;x\xf4U\xccZ\x81\x84\xeb?\xe7\x1cg\x83\xc1\xfa\x10\x00\'a~\x8c+**\x1ey\xe4\x11\xce\xf99\x1d\xcf\xfe\xf5\xef~\xe9\xab\xf2[\xea\xcb\x9f\x0e\x87\xa3\xa2\xacr\xfcM\xe3.\x1f;\x9a\x88^z\xe9\xa5M\x9b6\xd5_\x1a3\xa1%h\xff7o\xde\x8c\x13\xc2`}\x08\x80\x930O\xe8\xcd\x9f?\x7f\xf7\xee\xddR\xca;\xa6M\xcd\xc9\xcd\x8eD"V[ca\x9cE#\xd1i\xbf\xbe7999\x1c\x0eO\x9f&gt;\xfd\xf0\xd5\x8f\x13|\x1a\x9a\xf0\xfd\x07\xb00\x04\xc0I8\x1c\x0e)\xe5\xc2\x85\x0b\x19c\xe7\xe5u\xbc\xfa\xba+\xab+}\x96\x9a~\x9a8\xe7\xc1@\xb0{\xef\x8b\xae\xb8z\x0c\x11\xad]\xbb\xf6\xab\xaf\xbeJKKK\xf4Ih\xe2\xf6\xbf\xb8\xb8X\x08\x91\xe8\xfd\x87\xd6\r\x01p\x12n\xb7{\xdd\xbau;v\xecPJM\xbd\xef6\x8f\xd7m\xd9M~\x9c\xf3p8R\xf0\x7fSRR\\555\xf3\xe7\xcfw:\x9d\x89&gt;\x00%h\xffC\xa1\xd0\xbcy\xf3\x88(\xd1\xfb\x0f\xad\x1b\x02\xe0$\x18c\xe6\xf43\xf7\xcc\xdc\x1f]5:\xe0\x0fZ\xf6\xfc*\xe7&lt;\x14\x0cu\xef\xddm\xe0\xd0\x01\x8c\xb1\xd7\x96\xbdVZZ\x9a\x9c\x9c\x14\xef\xbaNK\xe2\xf6\x7f\xd9\xb2e555\x9a\xa6a!\x08,\x0b\x01p\x12\xfb\xf7\xef\xdf\xbcy\xb3Rj\xe8%\xf99m\xb2\xa3\xd1\xa8\xd5V\x9f\x8f\xa6\x94b\x8c\x8f\xfa\xf1H\xa5\xd4w\xdf~\xfb\xc9\'\x9f\xb8RR\xe2]\xd4iI\xdc\xfe\xef/\xd9\xbfu\xebV\xc2A\x00X\x18\x02\xa0!\x9a\xa6}\xfc\xf1\xc7\xbbv\xed"\xa2\x11c\x86[\x7f"\'\x84\xa8\xab\xa9\x1d|\xf1\xc0\xb4\xb4\xb4hT_\xb1bERR\x02\x1f\x01$p\xff\xddi\x86n\xbc\xbd\xe2m:\xb2\x91\t\xc0\x82\x10\x00\rIJJ\xda\xb2e\x8b\xae\xebN\x97\xf3\x82\xee]\xc3\xb5a\x8b\xdf\xfe\x891\x16\x0eG\xdawh{\xceyg\x13\xd1\xe6-\x9b\xf5\xa8ND\t\xba\x19(q\xfb\x7fn\xc7s\x88h\xcb\xe6-Dd\xf1\x9a\xc1\xce\xf0\xd6lH$\x12\xd9\xb2e\x0b\x11u8\xab\xfd\x99ms-\xbe\xfe`\x92R\xbaR\\\xe6U*\x8b\x8b\x8aKKK\x89(1\xc7\xff\xc4\xef\x7fqq0\x18\xc4\x97\xc2\xc0\xb2\x10\x00\r\x91RVUU\x11Qv\x9b\xcc\xd4\xb4\xd4\x84\xb8\xc0\x8bR\x8a\x0bqF\xdb3\x88(\x10\x08\xd4\xd5\xd5\xc5\xbb\xa2\xa6K\xf4\xfeW\xfb\xaakkk\xe3]\x11\xc0\t!\x00N\xc2\xdcr~~\xd7\xf3E\x82l\xe7`\x8c\x19\xba\x9e\xd7\xa5\x93\xf9\xcf\xd6\x9f27,A\xfb\xdf\xa9\xcbyD\xe4\xf7\xf9\x8b\x8b\x8b\t\xe7\x81\xc1\xaa\x10\x00\x8d\x92\x91\x99\x91@\x07\xf2J\xa9\x8c\xac\x0cjE\xa7\x1f\x13\xaf\xff\x99\x19D$\xa5\xb4\xec\xb7\x16\x00\x08\x01\xd0H\t\xf71N\xb8\x82\x1b\x96p\xbfN}\xc1\x89~\x04\x06\xad\x1b\x02\xa0Q\x12\xeec\x9cp\x057,\xe1~\x9d\x84+\x18\xec\t\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xd2\xe2]\x00\x00\x9c\x84R\xaa\t\xff\x15c\xac\xd9+i\x1a\xd4oY\x08\x00\x00\xcbQJI)\x95R\x8c1\xc6\x18\xe7M9Ro\x96\'i\x1a\xd4\xdf\\O\x12k\x08\x00\x00\xab0\x87\x0c"\x12B\x08!\xea\x1f\xf7\xf9|RJ\xc6X#\xa7\xa2\xe6\xdc\xd3\xeb\xf5\x1e\xfd$\xe6`\xc49\x8f\xdd\xcc\x14\xf5\x9b\xe2U\x7f\x13 \x00\x00\xe2O)e\x18\x86\xa6i\xe6\x90\x11\x08\x046m\xda\xb4q\xe3\x86O?\xfd\xac\xb2\xb2\xb2\xb8\xb8X7\xf4\xc6?\x1b#\xa6Hu:\xaf\x93\xd7\xeb\xed\xdb\xb7o\xef\xde\xbd\xfb\xf7\xef\xdf\xae];\xf3\xa7\xba\xaes\xce\x9bwB\x8a\xfa\xe3[\x7f\x93!\x00\x00\xe2\xcc0\x0c!\x84\xa6i\x91Hd\xc5\x8a\x15/\xbc\xf0\xc2\x96-[\xf6\xed\xdbw\x9aO[^VND+V\xac \xa2\x8c\x8c\x8c\xbe}\xfb\x8e\x1f?~\xec\xd8\xb1m\xda\xb4!"]\xd7\x85\x10\xcd2\x1bE\xfd\xf1\xad\xfft \x00\x00\xe2\xc6\\R\x10B\xf8|\xbe\xb9s\xe7.Y\xb2d\xdb\xb6m\xf5?MKOk\x7fV\xbb\x9c\xdc\x9c\x8ey\xe7ffzu\xddh\xccx\xa1Hq\xc6\xa3\xd1h\xd1\x17\xc5\xd5U\xbe}{\xbe\xad\xaa\xac\xaa\xaa\xaaZ\xb5j\xd5\xaaU\xab~;\xfd\xb7\x13n\x9c0e\xca\x94\xce\x9d;\x13\x91\x94\xf2t\xa6\xa2\xa8?\xbe\xf5\x9f&gt;\x04\x00@|\x98\x13O"Z\xb8p\xe1SO=\xb5c\xc7\x0e\xf3\xf1\xf6\x1d\xda\r\x1e&gt;h\xc4\xe8\xe1\x17t\xef\x9a{FNjZ\x9a\x10B\x08~j;Q\x94\x8aF\xf5p]\xb8\xfcP\xf9\xae\x1d_\xad{o\xfd\xda\xd5\xebv\x14\xed:Pr`\xf6\xec\xd9\x0b\x16,\xb8\xf7\xde{\xa7M\x9b\xe6\xf1xt]\xd7\xb4\xa6\x8c\x03\xa8?\xbe\xf57\x0b\x04\x00@\x1c\x98\xa3OII\xc9\xe4\xc9\x93W\xae\\i&gt;\xd8\xe5\x82\xce\x93\xef\xbey\xcc\xd8\xd19m\xb2\x94Ruu\xe1h$\x1a\xf0\x05\x14\xa9S\xdf\x89\xc88c\x8c\xb3\xec6\xd9\xed\xcej7\xf2G\x97\x05\xfc\xfe\r\x1fn\x9a\xfb\xa7\x05k\xdf\xfb\xb0\xb2\xb2r\xe6\xcc\x99/\xbf\xfc\xf2\xfc\xf9\xf3\xf3\xf3\xf3\xcd3\x9c\xa7\xb4\x1c\x81\xfa\xe3[\x7fsA\x00\x00\xb44s\xd2\xb7r\xe5\xca\xc9\xb7M.\xd9_BD\x1d\xf3:\xde9m\xeaO\xae\xb9\xc2\x93\xe1\t\xfa\x83U\x95\xd5Dd\xee\x18\xe1\xe2\xb4\x96\x08\xa2\xd1h8\x1c!\xa5\x84&amp;.\x195\xfc\xe2\xcb\x86\xaeY\xfd\xe1\xf3\xcf\xccY\xbf\xe6\xe3\x9d;w^z\xe9\x88\'\x9ex\xb2\xb0\xb0\xd0\xdc\xfd\xd2\xc81\x08\xf5\xc7\xb7\xfefd\x893\xd1\x00\xf6a\x8e&gt;s\xe7\xce\x1d3f\x8c9\xfa\xdc\\0\xf1_\xef\xbf6i\xea\x04\xc6XUy\x9599m\xae3\x84\x8c1!\xb8\xd0\x04\x11\xf9}\xfeP\xb0f\xc4\xe8\x8b_z\xeb\x85\x19O\xfd&amp;-=-\x1c\x8eL\x9b6\xad\xa0\xa0\x80sn\xeeSD\xfd\x16\xaf\xbfy!\x00\x00Z\x8e\xb9\xd7p\xee\xdc\xb9\x05\x05\x05D\xe4\xcd\xf0&lt;\xb7\xf0\x99\xa7\xfe\xfa\xb8\xd3\xe9\xac(\xab "\xa1\xc5pg\x88\x10\x82s\xee\xab\xf6\x87B5w\xfd\xfc\xf6W\xdf~\xf1\x82\x8b\xba\x10\x91Y\x8f\x10B\xa9\x93\xacu\xa0\xfe\xf8\xd6\xdf\xec\x10\x00\x00-\xc4\x9cZ\xd6\x8f&gt;9\xb99\x0b\x97\xcd\xbd\xfe\xe6\xf1e\xa5e\xe6\xc0\xd42e\x98\xc3\xd0\xa1\x83\x87\xba\xf7\xbe\xe8\xa5\xb7\x96\xf4\xea\xd7\x93\x8e\x8cA\xe6&lt;\x14\xf5[\xb3\xfeX@\x00\x00\xb4\x04s\xf4Y\xbdz\xb59\xfadfe\xfe\xf3\xddW\xfa\r\xea{\xf0@\xa9\xc3\xe1h\xf9\xc5_\x87\xc3\xe1\xab\xf6\xa7\xa6\xa7\xbe\xbe\xfa\x95AC\x07\x10\xd1\xdc\xb9sg\xce\x9c)\x84\xd0\xf5\xe3|\xe9\t\xf5\xc7\xb7\xfe\x18A\x00\x00\xc4\x9c\x94R\x08QZZ:q\xd2D\xc6\x98\xc7\xeb\x99\xff\xea\xf3\xe7t&lt;\xc7W\xe5s8\x1c\xf1\xaaJ\xd3D$\x1c\x91R\xfe\xed\x1f\x7f\xee\xd6\xe3B"\x9a9s\xe6\xaaU\xab4M3\x0c\xe3\xe8?\x89\xfac\xa1\xf1\xf5\xc7\x0e\x02\x00\xa0%\x18\x861i\xd2\xa4\xd2\x83\xa5D\xf4\xe8\x1f\xa6\x0f\xbd$\xbf\xba\xaaZs\xc4y\x1b\x9e\x10\xa2\xae\xb6.;\'\xeb\xb9E\x7f\xf4fx\x14\xa9I7M:x\xf0 c\xec\xe8\xb5\x08\xf3J\t\xa8\xbf\xd95\xb2\xfe\xd8A\x00\x00\xc4\x9c\xc3\xe1X\xbat\xe9\xaaU\xab\x88\xe8\x86[\xc6_\x7f\xf3\xb5\xe6\xcaC\xbc\xeb""\xd24\xad\xba\xca\xd7\xb5[\xe7\x19O\xfd\x86\x14\x95\x1e,}\xf0\xc1\x079\xe7\xf5g#\xcd\xc5\x13\xd4\x1f#\'\xad?\xa6\x10\x00\x001d~\x8c+**\x1ey\xe4\x11\xce\xf99\x1d\xcf\xfe\xf5\xef~\xe9\xab\xf2\xc7\xf1\xcb\x9f?\xe4p8*\xca*\xc7\xdf4\xee\xf2\xb1\xa3\x89\xe8\xa5\x97^\xda\xbcys\xfd\xc6D\xc6Xee%\xea\x8f\x9d\x06\xea\x8f\xf5K#\x00\x00b\xc8&lt;\xa17\x7f\xfe\xfc\xdd\xbbwK)\xef\x9865\'7;\x12\x89\xc4\xfd*`\xc7`\x9cE#\xd1i\xbf\xbe7999\x1c\x0eO\x9f&gt;\xdd\xbc\xfa\xb1a\x18\x9c\xf3\x85\x0b\x17\xa2\xfe\x98:Q\xfd\xb1~]\x04\x00@\x0c9\x1c\x0e)\xe5\xc2\x85\x0b\x19c\xe7\xe5u\xbc\xfa\xba+\xab+}\x96\x9a~\x9a8\xe7\xc1@\xb0{\xef\x8b\xae\xb8z\x0c\x11\xad]\xbb\xb6\xb8\xb8\xd8\xdc\xb0X[[\x8b\xfac\xedD\xf5\xc7\xfa \x00\x01\x00\x10Cn\xb7{\xdd\xbau;v\xecPJM\xbd\xef6\x8f\xd7\xdd\x92\x9b\xfcN\t\xe7&lt;\x1c\x8e\x14\xfc\xdf\x94\x94\x14W(\x14\x9a7\x7f\x9e\xf9\xe0\xea\xd5\xab\xbf\xfc\xf2K\xd4\x1fk\xc7\xd6?o\x1e\x11!\x00\x00\x12\x18c\xcc\x9c~\xe6\x9e\x99\xfb\xa3\xabF\x07\xfc\xc1\xa3\xef\x12e)\x9c\xf3P0\xd4\xbdw\xb7\x81C\x070\xc6\x96\xbd\xb6,\x18\x0c\x12\x11\xeao\x19\xc7\xd6\xbflYMM\x8d\xa6i1]\x08B\x00\x00\xc4\xd0\xfe\xfd\xfb7o\xde\xac\x94\x1azI~N\x9b\xech4j\xb5\xd5\xe7\xa3)\xa5\x18\xe3\xa3~&lt;R)\xb5\x7f\xff\xfe\xa2\xa2"]\xd77n\xdc\x88\xfa[\xc6\xff\xd4_\xb2\x7f\xeb\xd6\xad\x14\xe3\x83\x00\x04\x00@\xach\x9a\xf6\xf1\xc7\x1f\xef\xda\xb5\x8b\x88F\x8c\x19\xde\xd2\x17\xfa:uB\x88\xba\x9a\xda\xc1\x17\x0fLs\xa7\x19\x86\xb1v\xed\xda/\xbe\xf8\xa2\xa4\xa4\x84P\x7f\x8b\xf8\x9f\xfau\xe3\xed\x15o\xd3\x91\x8dd1\x82\x00\x00\x88\x95\xa4\xa4\xa4-[\xb6\xe8\xba\xeet9/\xe8\xde5\\\x1b\xb6\xc8\x9d`O\x841\x16\x0eG\xdawh{n\xc7s\x88h\xeb\xd6\xad\xeb\xd7\xaf\'\xa2\x94\xd4\x14\xd4\xdf\x02\x8e\xa9\x7f\xcb\xe6-D\x14\xd3\x9a-\xdd\x0e\x80\x84\x16\x89D\xb6l\xd9BD\x1d\xcej\x7ff\xdb\\\x8b\xaf?\x98\xa4\x94\xae\x14W\xd7\x8b:\x13\xd1\xb6m\xdb\xfe\xfb\xf6\x7f\x89\xa8\xc3\xd9\xa8\xbf\x85\x98\xf5\x9bW\t-..\x0e\x06\x831\xfdR\x98\xe5\xb6C\x01\xb4\x1aR\xca\xaa\xaa*"\xcan\x93\x99\x9a\x96\x1a\xf0\x07-&gt;\x03%"\xa5\x14\x17\xe2\x8c\xb6g\x10Qee\xa5!\r"\xca\xcaF\xfd-\xe4\xe8\xfa\xab}\xd5\xb5\xb5\xb5iii\xb1{9\x04\x00@\x0ci\x9a\xa6\xeb\xfa\xf9]\xcf\x171\xde\xce\xd1\\\x18c\x86\xae\xe7u\xe9DD\xa5\xa5\xa5\xe5\xe5\xe5D\x94\xd7\xa5\x13\xeao\x19f\xfd\x9d\xba\x9cGD~\x9f\xbf\xb8\xb88\'\'\xc7\xbc\x98],^\x0e\x01\x00\x10s\x19\x99\x19-vu\x97\xd3\xa7\x94\xca\xc8\xcc "]\xd7\xcd-(\xa8\xbf%\xd5\xd7/\xa5\x8c\xf5\xb7\x16\xac~@\x04\xd0\nX\xf6\xcbG\'b\x16\\\x7f\xa7r\xd4\xdf\xc2\xea\x0b\x8e\xf5I\x0b\x04\x00@\xccY\xff\xdc\xe31\x8e)\x18\xf5\xb7\xb0\x16+\x18\x01\x00\x00`S\x08\x00\x00\x00\x9bB\x00\x00\x00\xd8\x14\x02\x00\x00\xc0\xa6\x10\x00\x00\x006\x85\x00\x00\x00\xb0)\x04\x00\x00\x80M!\x00\x00\x00l\n\x01\x00\x00`S\x08\x00\x00\x00\x9bB\x00\x00\x00\xd8\x14\x02\x00\x00\xc0\xa6\x10\x00\x00\x006\x85\x00\x00\x00\xb0)\x04\x00\x00\x80M!\x00\x00\x00l\n\x01\x00\x00`S\tyO\xe0\x1f\xde\xdb3\xe1\xee\xf8s\xcc\xaf\x90X\xf5\xa3\xff`s\xad\xe6\xfd\x930\x01\xa0\x94\x92R\x92"\xce\xb9\xd0\x04\xe7\x9cq\xc6\x88\xa4R\xd2\x90\x86a\x98w\x7f\xe6\x9c[\xf6/\xe3\xf0\xaf@$\xb8\xd04\xcd,U)eH\xc3\xd0\riH\xc6\x18\x17\x16=&amp;C\xff-H\x1aR*i\xfe3#&amp;4\x11\xdfzNUb\xd5/\xa5TR\x11cB\xf0#\xef\x1fR\x8a\xa4\x94\x86a\x18\x86AD\x82\x0b\xb2\xe8\xdb\xff\xf8\x12 \x00\xcc\xbe\'%;\\)\xe9B\xf0\xba\xbap\xd0\x1f\xac\t\xd5\xd4\xd5\x85\x95R\xc9\xc9I\xae\x14W\xba\'\xdd\x95\xe2\x92\x86\xac\t\xd5D\xa3Q!\xac\xf5N2\x87\x9e\xa4\xa4\xa4\x94\xd4\x14\xc6(\x14\xaa\t\xf8\x0255\xb5z4\xeaHr\xa4\xa4\xa4z\xbc\xe9\xae\x14\x97\x1e\xd5\x83\xc1\x90\x92\xcaR\xc3\x10\xfaoAJ\x91\x94\x86\xdb\x9d\xeeHN"E\xc4HI\xe9\xf7\x05~xpfM\tT\xbfRJ\x1aRh"5-5))\xc9\xd0\xf5P\xa8\xc6\xef\xf3\xd7\xd5\xd6E\xa3QM\xd3\\).\xb7\xc7\xed\xf6\xb8\xa5\x94\xc1@\xd00\x0c\xab\xbd\xff\x1b`\xe9\x000[\xefJu\xb9\\\xce\x03%\xa5\xef\xaex\xff\xa3\xb5\x1b\x8b\xb6\x15\x1f,9\xe8\xab\xf6E\xa3:)%4--=\xed\x8c\xb6\xb9\x17v\xef:t\xc4\x90!\xc3\x07g\xe5d\xf9\xaa}d\x99\xe32C7\x9c)N\x97\xcbU\xf2}\xc9\x7f\xdfX\xf1\xe1\x07\xeb\x8b\xbf\xd8y\xb0\xe4`MM\x8daH!DZzZ\xdb\xf6g\xf6\xea\xdb\xe3\xd2\xcbG\x0c\x1a:\xc0\x91\xe4\x08\xf8\x03Vx\x0f\xa1\xff\xd6$\xa5\xe4\x8cefe\xbe\xf5\xfa\x7f?\xffd+\xe7\\I\x95\x9a\x962q\xca\x84\xe4\xe4$\xf3(\xc7\xca\x12\xa8~)errrJ\xaa\xcb\xef\x0b|\xb2\xf1\xd3\r\xeb6}\xfe\xc9\xd6}{\xbe-?T^[[\'\r\x83q\x9e\x92\xe2:\xa3\xdd\x19\xdd\xba_p\xe9\xe5#\x86]:\xc4\xedq\xfb}~+\xbf\x7f\x8ef\xdd\x00\x90R:\x1c\x8eToj\xf1\xf6\x1d//~\xf5\xad\xd7\xff[\xf2\xfd\x81\xe3\xfe\xc9` x\xb0\xe4\xe0\xe7[\xb6\xbe\xb8\xe0\xe5s\xce;\xbb\xe0\xde\xdb&amp;\xdcvC$\x1c\xd1u\x9d\xf3xN\xe5\xa4\x94\x8c\xb1\xcc\xec\x8c\xafv|\xfd\xc2\x9c\x7f\xfck\xd9[\x87\x0e\x1e\xfa\xe1\x1f\x0b\x05C\xa5\x07J?\xdb\xfc\xf9\x82\xbf-\xee7\xa8\xcf\xcf\x1e*\x1c&gt;rhu\x95/\xee\xc5\xa3\xff-_\xf3I\xe9\xba\xe1r9\xb9\xe0\x8f=\xf4\xc4\x9fg\xfd\xb5\xfe\xf1\xe4\xe4\xe4\xf17]\xebt&amp;+\xa5,\x12\xbd\xc7\x95@\xf5+\xa9RR]\xfb\xbf-y\xe3\xd57\xdfz\xfd?E_\xec8\xee\x1f\xab\t\xd5\x94\x97Ul\xff\xfc\xcb\x97_x\xed\xc2\x1e\x17\xdc\xff\xdb\x9f\x8d\xba\xe22_\xb5E\xdf?\xc7\xb0h\x00(\xa5\x9c.\xa7\xbf\xda\xff\xe4\x8c\xd9/.x\xb9&amp;TCD\\p!\x04#&amp;\x8f "\xce\xb9\x10\x9c\x88I%\x95T\xdf|\xbd\xef\xd7\x85\xbf]\xff\xc1G\x7f\x983Ksh\x86n\xc4\xeb\xcd\xa4\x94JIM1t\xe3\xcfO\xfd\xf5\xb9\xd9\xcf\x9b\x93b!\x84\xb9t(\xa521\xc68\xe7J)EJJ\xb9\xf9\xe3On\xf8\xf1\xa4_\xcd\xbc\xff\xde\x07\xee\xf2\xfb\xfc\xf1z\x0f\xa1\xff\xf1\xed\xff\x89\xe8\xba\xee\xcd\xf0\x94|\x7f\xf0\xfe\xbb\x1f\xfc\xe0\x9d5\x9c\xf3\xfa\x95\xe8\xcc\xec\x0c\x8b\x8c\x9b\rH\xa0\xfa\rC\xba=i\xaf\xbc\xb0\xec\x91_\xfd\xde|\xf3\x10\x91\xe6\xd08\xe3\xe6[EIED\x8c\xb1\xfa\x93aJ\xaa/\xb7\x16\xddr\xcd\x94\x87\x1e\xfb\xd5]?\xbf\xdd_\xe5\xb7\xfeZ\xa2\x15\x03@I\x95\xecL\xde\xbb\xfb\x9b\x89W\xddZ\xf2]\t\x11\tM0b\x86aD\x8dh\xfd\x1f\xe3\x9c\x13\xa9\xfa\x91\x88qF\x8a\x18gB\x88\xff\xbc\xb1"\x1a\xd5\xe7\xbc\xf4WC7\xe2\xf3+(\xa5i\xda\x9e\xaf\xf6&lt;&lt;m\xc6\xfa5\x1f\x9b\xbf\x02)RJE\xa3\xd1c\xfe\xb0y\xfa\xc8&lt;\x10\x16B(\xa5\x9e\x98&gt;K\xd3\xc4\xdd\xbf\xb8\xa3\xaa\xa2\xba\xe5\xcf\x8c\xa1\xff\xf1\xed\xffq)\xa9\x94R\xd99Y\x1f\xacZ\xfb\xf3;~\xf9\xfd\xb7\xfb5M\x18\x86\xd4u\xfd\xf0\xa9\xec8\xb5\xba\x91\x12\xb1~\xa5(\xa7M\x8e\xaf\xda\xe7p8\x88HJ\xa9G\xf5\xe3\xfc9\x83\xe8\xc8\x82\xa79\xe2?\xf6\xd0\x139m\xb2\xc7O\x1aW]Um\xf1\xb5 +\x06\x00c,\x1a\x8d\xb69#\xa7Mn\xf6\x81\xef\x0fh\x9a\xa6\xeb\xbayv(\xafK\xa7\xa1\x97\xe4\xf7\xe8\xdb\xbdm\xbb3SRS\x88\xc8\xef\xf3\xef*\xfe\xea\xed\x7f\xbf\xb3a\xddF""E\xba\xd4\x1d\x0e\xed\x9d\xff\xac^\xfc\xf7%\x05\xf7M\xa9\xaa\xac\x8a\xcb\xdf\x81\xe6\xd0~q\xe7\x83\x9fl\xfc\xd4\xe1p\xe8\x86NJ\x19\x864\x7f\x85!\x97\xe4_\xd8\xbdkNn\x8e\xc3\xa1\xf9}\x81/\xb7\x16\xbd\xf5\xcf\xff\xee\xdd\xfd\r\xe3\xcc0\x0cs\x0c}\xfc\xb7\xb3\xfa\xe7\xf7\xeb\xd9\xa7{(T\xd3\xc2\xf3P\xf4?\xbe\xfd\xff!\xc30\x92\x92\x92\\)\xae\xe7f?\xff\xfb\x87\x9f4\x0cCh\xc20\xa4\x05O\x99\x1eW"\xd6/\x04\x0f\x06\x82\x97^~\xc9\xd0\x11C\xd6\xbd\xf7\xa1\xf9`vNV\xbf\xc1}{\xf4\xe9~N\xc7\xb3=^\xb7\x10"\x14\xaa\xf9z\xd7\x9ew\xdf~\xff\xe3u\x1b\x88H\x19\xca\xdc]\xf6\xc8\xaf\x1e\x1br\xc9`o\xa6W\x8f\xea\x96:\xb29\x86\x15\x03\x80\x18\x19\x86\xe1\xf6\xb8\x9f\x9d\xff\x87\x9f\\\xfcS\x7f\xb5\x9f\x88F\x8c\x1e&gt;\xf9\xae[\xfa\x0f\xeek\x9em7\x0cC\x1a\x92\x88\xb8\xe0\xc3G^&lt;\xf9\xee[^Z\xf8\xca\xc3\xd3f\x98C\x95aH\xc6\xd8\xdf\x9f\x9dw\xcd\rW\';\x93\rC\xb6\xf0_\x81\xf9\xce\xfe\xed\xe3\x0fN\xb8\xf2\xd6\xda\x9aZ%\x95A\xaaW\xbf\x9ew\xfd\xec\xf6\x8b/\x1b\xea\xf6\xb8\xa5\x92\xd2\x90D\x8a1~\xf5uc\xef}\xe0\xce\xa7\x1f}\xf6\xef\x7f\x9a\xc79\x97R\x92 \xc30\xfe\xf4\xd4_\x16/\x9f\x17\x87\xcf\x08\xfa\x1f\xdf\xfe\xff/=\xaa\xbb\xbd\xe9\xbe\xea\xc0\xcf\xef\xf8\xe5\xbf^{\x93\x18\t!\xcc\xf9rRrR$\x1c\x89s}\'\x93\xb8\xf5\x9b\xef\xa2[\xef\x98\xb4\xee\xbd\x0f\x07\r\x1b8\xee\xc6\xab/\xbel\xe8\x99\xed\xce\x14B\x18\x86\xa1\x94T\x8a8cb\xec\xa8;\n\xa7\xbe\xf6\x8f\xe5\x0f\xde\xf7p8\x12QJq\xce++\xaa\xfe\xf9\xca\xbf\xee\xbd\xff\xae\xca\xf2*\x8b\x1cD\x1e\x97E\x97\xa88\xe7\x01\x7f\xa0\xf3\x05\xe7?\xf4\xe8/\xbbt\xeb\xbch\xf9\xdc\x17\xfe\xb9`\xf8\xc8aJ\xa9\xca\xf2\xca\xea\xaa\xea` XSSSSS\x13\x0c\x04++*\x03\xd5\x81\xa9wM\xfe\xf5\xef~)\xa5d\x9cI)\x89\xb1\x92\xef\x0fl\xd9\xf0\xa9+\xc5\xa5Z|_\x01\xe7\xbc&amp;T3p\xe8\xc0\xc7\x9f}\xd40\x0c\x97\xcb9\xfd\xc9\x87\x96\xaf|\xe9\x8a\xab\xc7(\xa5*\xca+\xab+\xab\xfd\xbe@\xc0\x17\xf4U\xfb\xca\xcb*\x94\xa2\xc7\x9e}d\xc2\xe4\x1b\xa4\x94Bp\xf3\xec\xe5\xba\xf7\xd6\x7f\xb5\xe3k\x97\xcb)[|\x10B\xff\xe3\xdb\xffzJ\xa9\xac\x9c\xac/&gt;\xfb\xf2\xa7#\xc7\xff\xeb\xb57\x85\x10\x82\x0bs\xcd\xea\xc1G\x1f\xc8\xeb\xdc\x89\x0e\xaf\xc5YTB\xd7/\x84\x08\x85B\xfd\xf3\xfb\xbd\xbe\xfa\x95\xa5o.\xbe\xf1\xd6\xeb\xbd\x19^_\xb5\xaf\xb2\xbc\xd2W\xed\x0b\xf8\x82\xc1@\xd0\xe7\x0bT\x94W\xf9\xaa}\xb7L\xbd\xe9\x81\x19?WRq\xce\x88\x881\xb6f\xd5\xbah$\xca\xb8u\xa7\xffd\xd9\x00 "M\xd3|U\xbe\xab\xaf\xbf\xf2\xf5U\xaf\x8c\xfc\xd1e\x01\x7f\xc0\xef\xf3\x13\x91\xd0\x84y*\xaf\x9e\xa6i\\\xf0\xd2C\x87n\xbc\xf5\xba\xb3;\x9e-\r\xc99\x17\x9c1\xc6\x8a\xb6\x17k\x0e-.\x1f`!DEy\xe5Oo\xb8\xea7\x8f\xffz\xf1\xeb\xf3\xef}\xe0\xeeH4Z]\xe5#"M\x13\xc2\xfc%\x04\x17Bh\x9a&amp;\r\xe9\xab\xf2\xdd\xf7\xc0]nO\xba\xb9R\xc18\x0b\xd7\x85\xb7}\xf6E\xb23\xb9\xe5\x07PB\xff\xe3\xdd\x7f"RJ9\x92\x1cK\x17\xbd2n\xd4\xf5\xbb\x8a\xbe2W\xd2\x0c\xc3HNN\xfe\xf3\xc2g\xee\x9cVP]U\x1d\x97\xc2\x1a)\xd1\xeb\'"%URRR\xdf\x01}\xc2u\xe1\xaa\x8a*]\xd7\x85\x10\x87?\x02\x82\x9b; \xcc\xb7SYy\xd9Oo\xb8*+\'\xcb|\xff(\xa5\xf6\xed\xfd\xd6W\xed\xd74a\xe5\x95.\xeb\x06\x80\xc9&lt;\x9bg\xee\xa9j`)\x991&amp;\r\x99\x96\x9e\xd6\xbb_\x0f:rB\xc6\x9c\xae\x92\x8a\xdbW\xf3\x84\xe0~\x9f\xff\x8e\xc2\xa9\x03\xf2\xfb\x95\x1e8\xc4\x18;\xd1\xaf\xc0\x05\x0f\x87\xc3m;\xb4\xed\xd1\xbb;\x11\x1d\xde\x1bA\xb4o\xcf\xb7\xe6i\xc9\x16\xad\xfb(\xe8\x7f\xbc\xfao\xf6\xf3\xdd\xb7\xdf\xffY\xc1\xfd\xb5\xb5u\x9cssi\xae\xfdY\xed\x96\xbe\xf5\xc2\xf57][z\xa04\x1c\x8e\x10\x91"+\x8e/\x89^\x7f=\xa5T(\x14b\x8c\tM\x9ch5\x9f1&amp;\xa5\xf4x&lt;g\x9f\xdb\x81\x88\xccw|0\x10\xac\xab\x0b3\xab\x1e\xdf\x98,]\x9cIJ\xd9\xc8\xb3\x88\x8c1o\x86\x97\x88\xea\x87\x9c\xb8\x9f~\xe1\x9c\xfb\xaa}55\xb5Z#\xd6\x015M\xb4;\xab-\x91Y?#\xa2` H\xe6\x17%\xe3\x07\xfd\x8fK\xff\xb9\xe0\xa1`h\xd8\xa5C.\xbet\xa8RJh\xc2\xd0\x8d\xfc\xe1\x83^_\xfdj\xff\xc1}+\xca+\x19\xe3\x877\xa5Xr\xfcL\xf4\xfa\x8f\xd6\x98E*\xa5\x88\x181\xc6\xe9\xc8\xdb\x85Y\xf8\xb2(\xf5\x12 \x00\x1a\xdbDFJ\xa9\x80?`\xfe\x9b"b\x8cr\xdad\x13\x8b\xf3\x1b\xcc\\0i\xe4\x1f&gt;\xe6Oj\x0e\x07\x11\xc5\xf7#\x82\xfe\xc7\xab\xffR\xaadg\xf23sg\xb5\xeb\xd0.\x1a\x89\xdez\xe7\xcdK\xfe\xb9 \xa7M\x96\xbf\xda\xefp8\x94\x92\x96\xfa\xd2\xec\x0f%z\xfd\xa7@\x91\x10\xbc&amp;TSz\xa0\x94\xcc0 \xf2x\xdd\xae\x14\xa74$\xb3\xf0\xe5\x81,\xb9\x0b\xa8I8\xe7\xb55\xb5\xdb\xb7\x16\x11\x91\x92\xca&lt;\x87\xdf\xf5\xa2\xaezT\xe7\xd6&gt;\x0fSOJUYQEd\x1e\x15+"\xca\xce\xc9RJY\xf9\rT\x0f\xfdov\x9c\xb3\xdaP\xed\x19ms\x9f\xfa\xcb\xef\xbf\xde\xf5\xf5\xed\xff7\xc5W\xe57\xa4a\xee*Q\x8a,&gt;yN\xf4\xfa\x1b\xcf0\x0cw\xba{\xdd\xfb\xeb\xf7\x7fWR\x7f\x12\xb8c\xa7s\xdd\x1ew\xc0\x1f\xb0\xecYnj5\x01\x10\x89Ds\xdad\xbd\xf3\xd6\xea\x9dE\xbb\xcc\xd3\xeeJQ\xfb\xb3\xdb\xf7\xee\xdf\xb3&amp;Tc\xf1\x13\xf1&amp;!D(\x18\xfaz\xe7\x1e"2\xbf\xa4JD\x9d\xce\xef\xa8\xeb\x06Y\xfe@\x12\xfd\x8fUU\x9a\xf0U\xfb\x07_&lt;p\xf8\xc8a\x95\x15U\xf5\xdf[\x8eW=\xa7*\xd1\xebo\x0c)\xa5\xd0\x84\x1e\xd5\x9f~\xf4\x8fJ)s\x15H)5\xf2\x8a\xcb\x84\x10J*+\xaf\xb3X\xb8\xb4\x1fP\xea\xf0\'\xb3\x9e\xb9!]\xd7\x8d\xac\xec\xcc\x92\xef\x0f\xcc\xfc\xd5cD\x8a\x113O\xdc\x15\xdcw[fV\xa6\xae\xeb\xd6\x9fAK)\x9d.\xe7\xae\xa2]{v\xefe\x8c\x99CPFVF\xd7\x8b\xba\xd4\xd5\xd5Yd\x06\x8d\xfe\xc7\x05\xe7\xbc\xae\xb6\xce&lt;\x0fo\xfd5\xe5\x1fJ\xf4\xfa\x1bf\xee\x1bNOO\xfb\xd5}\x0fm\xd9\xf0\x899\xd97\x0c\xe3\xdc\xf3\xce\x19;\xee\xc7\x01\x7f\x80[\xfb\x9b\xc0\x89\x14\x00\x9c\xb3\xfa\xad\x87B\x08\xcd\xa1\xb9R\\\x19\x99^o\x86\xe7\xa3\xb5\x1b\xae\xfb\xd1\xc4\xafw\xed\xe1\\p\xce\xa3\xd1\xe8\xc8+.\xbdi\xea\x04_\xb5\xcf\xe2_\xc56IC:\x9d\xc9//Yf\x18\x06\xe7\xdc\xdc90\xfc\xb2a\xed:\xb4\x8d\x84#\x16\xf9\xd8\xa0\xff\xf1\xd2\xf0\x16,\xebK\xf4\xfaO\xc4\xfc\x86\xb3#)\xe9\xbe)?\x7fy\xf1kB\x88\xfa\x1dM\x8f\xfea\x86\xdb\x93\xae\xebz\xbc\xdf;\'\x91HK@\xba\xae\xd7\xef\xc8\x90\x86\xac\xab\x0b\x1f*=T\xfc\xc5\x8e\x95o\xaez\xe7?\xab\x89Hsh\xe6\xbe\x821cG\xfdq\xee\xec\x1f^\xf5\xc5\x9a\xcc\rs[?\xfdb\xd9\x8b\xaf\x9b\xfb\xc9\xcc#\xe5ISo\x8cZ\xe9{\xe4\xe8?@=]\xd7\xd3\xdd\xe9U\x15U\xf7\xdd\xf6\xb35\xab\xd7\xd5o\x17\x96R&gt;\xf6\xc7G.\x1d3\xdc:\x17\x92j@\x02\x04\x80\xb9\x15=\xe0\x0f\xdc:\xae\xc0W\xedc\x9c)\xa5t\xdd\x08\x06\x82\xbe*\xdf\xd1\x1b\t\xf4\xa8~f\xbb3\xef\x9c6\xf5\xa6\x82\x89\xd1hT\x8f\xc6\xf9r\xc4\x8d\xc4\x181\xcef&lt;\xf0h]m\x9dy\x98l\x18\xc6\x95\xd7\xfex\xe0\x90\xfe\xd5U\xf1\x9fA\xa3\xff\xf1.\x10,G\xd7\ro\x86\xf7\xcb\xadEw\xdet\xef\xd7\xbb\xf6\x98s\x7f)%\xe7\xfc\xc9\xbf&lt;v\xd3\xd4\x89\x95\x15\x95\xd6\x1f\xfd)!\x02\x80\x88\x88\x91\x94r\xd7\x8e\xaf\xcc\xeb\x12\x1fM\x08A\x8c\x04\x17\xc3.\x1b:\xee\xc6\xab\xc6\x8c\x1d\xedI\xf7\x1c8p\x80\xd8\xe1\x0b@Z\x9c\xae\xeb9mr~\xff\xf0\x13\x1f\xad\xd9 \x840/\xaa\xec\xcd\xf4\xfer\xe6\xfdu\xb5a\xabL?\xd1\x7f\x80#\x0c\xdd\xf0z\xdd\x1b\xd6m\xbc\xed\xfa;\xaa+\x0f_\xefS\x1a\xd2\x9b\xe1\xf9\xe3\xdc\xd9c\xae\x1c]Y^\x99(\xf3\x86\x04\t\x00""JIM1\x17d\x8f\xec"8\xbc\x1ea\x9e\x8c\xdc\xf3\xd5\x9e\xd7_\xfa\xd7\x8e\xa2]\xc3/\x1d\xd6g`o]\xd7kkj-\xfe\xd7\xa0G\xf5\xec6Y/\xbf\xf0\xea\x1f\x9fxN\x08!\xa5\xe4\x82\x1b\xba1s\xd6o\xce=\xefl\xab\x1dB\xa2\xff\x00R\xca\xd4\xf4\xd4\xed\xdb\x8an\xbd\xb6\xa0\xfe\xce_\x86at\xb9\xb0\xf3_\x16?\xdb\xb5[\x97\x8a\xb2\nMK\x98q5\x01\x8e\xd0MJ\xa9\xa0?\xa8\xebz4\x1a\xd5\x0f3\x0e\xff\x9f!u\xdd\xd8\xf3\xd5\xdew\xfe\xb3\xfa\x8f\xbf\xff\xf3OG^Wp\xe3]\xdf|\xbd\xcf\xedq\x9b\x97\x9d\xb2&amp;=\xaagfg\xbc\xb7\xf2\x83\xfb\xef|\x90sf~\xe1\xd6\xd0\x8d\xdb\xee\xbeu\xfc\xa4qV\x1b}\xd0\x7f\x00R\xc49\x0f\xd7\x85\x0b\xa7\xfc\xc2\xef\xf3\x0bM(R\x86a\x0c\xbex\xd0k+\x97\xe6u9\xaf\xaa\xa2*\x81F\x7fJ\x88#\x00\xf3:3)\xa9)\x0b^\xfb{4\xaa3"E\xa4\xebz(\x10*;T\xbeo\xef\xb7\xdb?\xdf\xbe\xed\xb3\xed\xe6\x8a3\xe7\\\xd7\xf5\xb7\xff\xb5\xf2\xe3u\x1b\xff\xb2\xe8\xd9\xe1\x97\r\xf5Y\xf2\xfe\x9czT\xf7fz?\xd9\xf8\xd9\x1d\x13\xef\t\x87\xc3\x9c3!\xb8\xae\xebc\xc6\x8e\x9a\xfe\xe4C&gt;+-=\xa3\xff\x00&amp;C\x1a\x19\x99\x19\x0b\xff\xb6\xb8x\xfb\x0e\xa1\t%\x95\x94r\xd0\xb0\x81\x8b\x97\xcf\x13B\x04\xfd!\xcd\x91\x00#\xea\xd1\x12\xa3\\\xf3&lt;\xe4\xb0K\x87\x1c\xb5&amp;\xcb\xcc\xad\x1aD\xaa\xb6\xa6n\xcf\xee\xbd\xaf\xbc\xf0\xda\x82\xbf.6o0$\x04\xaf\xae\xac.\xb8\xf1\xae7\xde{-\xafK\xa7\xda\x9aZK\x9d\x8d\xd4u\xdd\x93\xe1)\xde\xbe\xe3\xd6k\x0b|\xd5~\xf3\xbex\xban\x0c\x1c\xd2\xff\xcf\x0b\xfe\x10\xae\x0b+\xa5,\xf5\xe5)\xf4\x1f\x80\x88\x18c\x91H\xe4\xdf\xcb\xdeb\x8c1\xc6\xa4\x92m\xdb\x9f\xf9\x97E\x7f\xd4\x1cZmMm"\x1e2Z\xe8c\xd90\xa5T\xc0\x17\xf4U\xfb\x8f\xfc\xcfW]U]Y^YY^\x15\xae\x0bw\xcc;\xf7\xb1?&gt;\xb2h\xd9\xdctw:c\xcc0\xa4\xa6i\xa1`\xe8\x91_=f\xa9\xa1\x87\x88t]w\xbb\xdd_\xef\xfa\xfa\xa6\xab\'\x97\x95\x96q\xce\x19g\xban\xf4\xe8\xd3}\xde\xcb\xcfs!\xe2~/\xf5\xe3B\xff\xc1\xe6\xcc\xab[\x97\x1f*\xffj\xc7n\xa5\x94y\x87\xd1)\xf7Ln\x7fV\xbbP0\x94\xa0\x87\x8c\x89\xf4F7\xaf\xde\xfe?4!4\xc18\xab\xab\xad;Xr\xf0GW\x8e\xf9\xf5\xef\x1e0\xefIb\x18:\xe7\xfc\xc3\xf7?\xfa|\xf3\xd6\x94\xd4\x14\x8b\\vJ\xd7u\xb7;\xfd\x9b\xbd\xfb&amp;^yk\xc9\xf7\x07\x84\x10\x8c3C7\xba\xf5\xb8p\xf1\xf2y\xa9i\xa9\xe1\xba\xb0eG\x1f\xf4\x1f\xecL)\xa5\t\xad\xb2\xbc\xd2\xef\x0b\x10\x91a\x18B\x88AC\x07\xd4\x84\xac\xbe\xd9\xa1\x01\xad\xe4\xbd\xce9w8\x1cee\xe5W^\xfb\x93v\x1d\xdaJC2\xc6\xcc\x1d\xeb\x1b\xd6ot:\x93\xa5\x8c\xff\x86D]7\xd2\xd3\xd3\xbe\xfb\xf6\xfbIW\xde\xfa\xdd\xbe\xef\xcd\r\x94\x86n\\\xd4\xb3\xdb\x927\x16x2&lt;\xb5\xb5\x89\xfaNB\xff\xc1\x0e\x18g\xb5\xb5as\xe8g\x8c\xa5\xb9\xd32\xb33\r\xc3H\xdc\xed\xc2\xad$\x00\x88\xc8\xfc\xfe\x8e\xdb\xe3\xee\xda\xad\x0b\xd1\xe1\x0bs\x13\xd1\xde\xdd\xdfH\xa9\xe2\xfe\x17d\xe8FZzj\xc9\xfe\x83\x13\xaf\xbc\xf5\x9b=\xfb\xeaG\x9f\x9e}z\xfc\xe3\xdf\x8b\xbc\x99^\xebo\x9al\x18\xfa\x0f\xad\x1e#2\x0c\xe3\xf0=\xb1\xa5\x0c\xd7\x86\xcd\x8d@\xf1\xae\xab\xe9\x12\xe3$p\xe3q\xce\xd2\xd2\xd3\x0e\xff\x8b""\n\x06C\xf1\xba\xa5_=\xc30R\xd2R\x0e\x1d&lt;4\xe9\xaa[\xf7|\xb5\xb7~\xf4\xe9\xd5\xaf\xe7\xe2\xd7\xe7\xa5\xbb\xd3[\xcd\xe8\x83\xfeCk\xc5\x18\x0b\x87#\xe7t&lt;k\xf1\xeb\xf3\xcd\xbdp\x0e\x87\x96\x92\xe22\x8fw\xe3]]\x13\xb5\xb2\x00`R\xaa` x\xf4C\xc9II\xf1\xbd\x9c\xb2a\x18)))\x15e\x15\x93\xae\x9a\xfc\xd5\x8e\xdd\xf5\xa3O\xef\xfe\xbd\x16/\x9f\x97\x96\x9e\xd6\x8aF\x1f\xf4\x1fZ-\xf3:Qi\xe9i\x97]~\x89\xf9\x88R\xaa&amp;T\x9b\xd0W\xb7nU\x01 \x04\x0f\x06B_\xef:|Iw\xce\x19c,\xf7\xcc6B\xf0x\xfd\x1d\x19\x86\xe1JqUWU\xdft\xf5\xe4\x1d_\xee\xac\x1f}\xfa\x0c\xe8\xb5x\xf9\xfc\xd4\xb4\xd4\xd6\xb4\xee\x8c\xfeC\xab\'\rYU\xe93\x0fj\x19g\x8e\xc3\xf7\x8cKT\x96\x0e\x00\xf3\xecJ#we\xe8\xba\xee\xf1z\xd6\xbd\xf7\xe17{\xf6\x99_\xec$\xe2J\xa9\x0b\xba_`\x182.sP\xc30\\.\x97\xdf\x17\x98t\xf5\xe4/\xb7\x15\x9b\xdb\x84\r\xdd\xe8;\xb0\xcf\xa2\xe5sSSS,&gt;\xfa\xa0\xff\x00\xc7\x90J\xa6\xbb\xd3\x92\x9d\xc9\x8cX4\x1a\t\x06Bd\x81{_7\x99\xa5\x03\xc0\x9b\xe1\x89D\xa2\xb55\xb5J*\xc6\xcd\xef^\x1c\xa7\xd1J)C7\x92\x9d\xc9\xba\xae?\xfd\xbbg\x95R\x9cs\xc6H)\xe5\xf1\xba\xfb\r\xec\x13\x97/"\x19\x86\xe1t:\x83\xc1\xd0-?\xbd\xed\x8b\xcf\xb6\x0b!\xa4!\x95R\xbd\xfa\xf5\x9c\xff\xea\xdf\x93\x93\x93\x83\x81\x90\xd0\x84\xae\x9f\xf0b\t\xec\xc8\x9du\x</t>
        </is>
      </c>
    </row>
    <row r="353">
      <c r="A353" s="1" t="n">
        <v>351</v>
      </c>
      <c r="B353" t="inlineStr">
        <is>
          <t>color_hexagon</t>
        </is>
      </c>
      <c r="C353" t="inlineStr">
        <is>
          <t>What is the missing color of the part denoted with a question mark?</t>
        </is>
      </c>
      <c r="D353" t="inlineStr">
        <is>
          <t>['green', 'blue', 'red', 'purple']</t>
        </is>
      </c>
      <c r="E353" t="inlineStr">
        <is>
          <t>purple</t>
        </is>
      </c>
      <c r="F353" t="inlineStr">
        <is>
          <t>There is a hexagon split into six parts with the colors ['blue', 'yellow', '?', 'blue', 'yellow', 'purple'] in an anti-clockwise order.</t>
        </is>
      </c>
      <c r="G353" t="inlineStr">
        <is>
          <t>We observe that a blue part is opposite another blue part, and a yellow part is opposite another yellow part. Thus, the pattern is that the colors in opposite parts are the same.</t>
        </is>
      </c>
      <c r="H353" t="inlineStr">
        <is>
          <t>Based on the pattern that spatially opposite parts have the same color, the missing color of the part which is opposite a purple part should be purple.</t>
        </is>
      </c>
      <c r="I353" t="inlineStr">
        <is>
          <t>b'\x89PNG\r\n\x1a\n\x00\x00\x00\rIHDR\x00\x00\x02\x00\x00\x00\x02\x00\x08\x02\x00\x00\x00{\x1aC\xad\x00\x00~\xb2IDATx\x9c\xed\xddy|\xd4\xd5\xbd?\xfe\xf3&gt;\xe73\x93I2\xc9L\xc2\x16\x16A@D \x02\x12\xf6\xc8*\x8bu)\xbd\x15d+\x85^\xadx\xd5jX\x94p5Z\x12\x11(\x8b)U+\xbd\xfdV\x10Y\x14\xec\xaf\xd8j\x15\xab\xc8.BP\x10\xeb\x12\x02\x8a\xa8\x110\x93\xc9$\xb3~\xce\xfb\xfc\xfe8a\xa4(\n$$3\xf3y?\x1f\xf7\x8f\xef\xf5~\xef\xed\x98L&gt;\xef\xf39\xe7}\xde/PJ1B\x08!\xd6\xc3\x1b\xfb\x03\x10B\x08i\x1c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94\xd1\xd8\x1f\x804&amp;\xa5\x94R\xaa\xb1?\x05i4\x00\x00\x00\x8d\xfd)H\xa3\x01\xfa\xfb\xb7,\xd34\r\x83V\x00Vg\x9a\xa6\x10\x82\xca\x805Q\x01\xb0(D\xe4\x9c\x7f\xf4\xd1Gw\xddu\x17\xe7\x1c\x11\x1b\xfb\x13\x91\x06e\x18\x86i\x9a\xb7\xdf~\xfb\xa4I\x93\x1a\xfb\xb3\x90FC\x0b@\xcb\xd1%?\x10\x08,]\xba\xd4\xedvo\xd9\xb2\xa5\xb1?\x11i4]\xbbv\xfd\xe2\x8b/\xae\xbf\xfe\xfa\xec\xecl\xa5\x14\xe7t(h-\xf4\x06`9RJ!\xc4\xaaU\xab\xa6M\x9b\x06\x00B\x88\xe8w\x00\xe8\xef\xdf\x02\x14*\xc6j\x7f\xe3B\x88p8&lt;e\xca\x94g\x9f}\x96\xb6\x04-\x88\n\x80\xb5\xe8S_\xaf\xd7\xdb\xb5k\xd7S\xa7N!"m\xfeX\x9c\xddn\x97Rn\xd9\xb2e\xd0\xa0Azq\xd0\xd8\x9f\x884\x1c*\xf8\xd6\x82\x88B\x88\x82\x82\x82\xf2\xf2r!\x04S\n\x801\xe0\n\xb1\xeb\xd0\xb1\xddGM\x0e\xd5TqN\x8f\x80\xc4\xa4P\xda\x1c\xa9_\x95\xbe\xbbc\xcdB\x85J)\x05\x00\xa6i"b^^\xde\xae]\xbbl6\x9b\xfe\x87\x8d\xfdII\x03\xa17\x00\x0bAD\x00\xf8\xe4\x93O\xb2\xb3\xb3\x11\xf1\xdb\x1eP\xe0L\xa133\xeb\xf6?\xeeLJu\xa1\x19a\xf4\x08HD\ne\x92\xd3\xbdv\xceMG\xf7o\x01.\x14J\xc6\x18c \x04\x97R\xae\\\xb9r\xea\xd4\xa9\xf4\x12`)T\x00,D\xffm\x8f\x1e=z\xf3\xe6\xcd6\x9b\x11\x89\x98}\xbb7/?\xe9\xff\xbc\xbc\x9a\x0b!My\xf5\x88\x89\xd7\xff\xe6\xf1@U\x05\x17Ft\x9b\x98$\x06\x94\xd2\x91\x9e\xf1\xc1\xbf\xd6\xff\xf3\x0f3\xf4\xd3\xdf\x10\xb6\x0em{~rt\xaf&gt;\xfbm\xde\xbc\xf9\x07\x1f|\xe0v\xbb\xe9r\x80u\xd0\xa1\x9fU\xe8\xa7\xff\xe6\xcd\x9b7o\xde,\x84P\x88\x9c\xc3\xff\xcd\x1f&lt;\xfb\xbf\xbb+\xc5\x80)\xe0\xfc\x83-/\x9c8\xf2~Rj:c\x0c\xb8\xa0\xffJ\xa0\xff\xe2\xc2f7\x83\xfe\xdd\x1b~\xcf\x18\xe3\x00\x8c\xb1+;\xf4\xbe}\xc2"gj\x86RJpQ^^\xbel\xd92\xea\t\xb6\x14*\x00\x96\x10\xdd\xed\xbd\xf7\xde{\x01\x98\x10`J\x9ct\xd3\x15\xdd\xfb\xb5\xfa\xf5/\xba]q\xb9\xcb4Qp\x8eRnyf\x1e\xd0\x19@\xc2A)\x1di\x19{^|\xa2\xb2\xfcS.\x0cD\xe4\\\xdc4\xfc\x7f\x9af\xb4\xbeq\xd8\x1dJ)}/d\xf1\xe2\xc5\xa5\xa5\xa5T\x03\xac\x83\n\x80%\xe8?\xef\x15+V|\xfc\xf1\xc7B\x08iJW\x9a\xfd\xb7\xf7\xf5\xc6\xaa\xb0#\xdd\xfeX^o\xc6\x98R\x08\x9c\x1f;\xb8\xa3l\xcf\xabIN\xd7\xe9\rb\x12\xff\x942\xec\xc9\x9e/\x8f\xbc\xfb\xca3\x00\xc0\x14S\n\x07\xf4\x1a\xd3\xfe\xb2\xab+*\xbf\xea\x7f\xcdO\xdb\xb4\xec,\x11uK\xe8\x83\x0f&gt;\x08@;\xc3VA\x05 \xf1\xe9\xb3\xdf\xf2\xf2\xf2\x82\x82\x02\xbd\xbb+Q\xcd\x98\x9a\xdd\xb1{s\x0c\x9a\xb2*&lt;n\\\x97!}[J\x89\x82\x03c\xf0\xd6\xaa\xc2H\xa0\x1a\xb8\xa0c\x80\xc4\x80(\xed\xc9\xa9\xdbW?\x16\xac\xae\xe4\\(%\x93\x1di7\x0e\xbb#\x1c\x0e*\xa5\x1c\xf6\x941#\xeefLI\x89B\x88\r\x1b6\xe8MB)i\x05\x90\xf8\xa8\x00$&gt;}\xc3s\xee\xdc\xb9\x1e\x8f\xc7f\x13\xa6);\\\x96\x9ew\xc75\xb22(\x0c\x0e\x8a)\x89K\xf3\x07\x18\x06GD.\xb8\xe7\xcb\xa3{^|\xc2\x91\x96\x81\xf4\x08\x88\x7f\n\xa5\xc3\xe9.\xdb\xfb\xfaG;6\x01\x17\xba\xf5\xeb\xfa!\xb7e\xb8\xb2"fH\x08\xa3&amp;X\xd5\xb5Sn\xf7.C\x11%\x00\x07\x80{\xef\xbd\xd74Mz\x0f\xb0\x02*\x00\tNo\xfe\x94\x94\x94\xac[\xb7N\x08\x81\x88J\xb1E\xb3\xfb\xba\x9a\xa7\xb0\xb0\x04`\\\x00\xfa\xc29\xb9m\xa6\x8f\xef\x82\xa880\x00x\xf7\x95g&lt;_\x94\x19v\x07\xa3G@\xdc\x03\x94\xe6\xee\x17\x96)D\x0e\x80\x88mZv\x1e\xda\xef\xd6@\xd0\xa7\x0f{\x801D9f\xc4\xdd\xc9\x0e\xa7\xee\x14\xf8\xf8\xe3\x8fW\xacXA\'\x01V@\x05 \xc1\xe9\xe3\xdfY\xb3f\x85B!!\xc04qH\xdf\x96c\xc7^%+\x82\xc2\xa8\xfd\xeds\xc1\xb1:\\4\xb3O\x86+IJ\xc9\x85\x08VWn\x7fn\xa1=%\r\xe9$ \x9e\xa14\x93]M\xde\xff\xd7\xba/&gt;\xdc\xcb\x85@D\xc6\xd4\x98\x11w\xdbl\x0eD\xa9;=\x01x0\\sY\xcb.\x83\xfa\x8cS\n\x99b\x00PPP\xe0\xf1x8\xe7\xf4\x12\x90\xd8\xa8\x00$2\xbd\xa0\xdb\xb0a\xc3\xd6\xad[\r\xc3\x90\xa6L\xb2\x8b\xa5\xf9\x03\x94\xc43\xfb\xbc\x01\x98\n\x9a\x19\xad\xd2\x8a\xee\xed\xad\x14c\n\x81\xf3Ov\xfd\xfd\xd8\xc1\x1d\xf6\x944E\xcb\xc08\xa5\x940\xec\xd5\x15\xe5{^\xfc\x03\x00\x00\x03\xa5\xb0G\x97a];\xe5\xfa\x83\xbe3\xef{s.j\x02\xde\xebr\'7\xcdh-\xa54\x84\xe1\xf1x\xf4\x89\x11\xbd\x04$6*\x00\tK\xaf\xddt_\x07c\x8cs&amp;QM\xbc\xb1c\xce\xb5m\xd0\x17\xe6\xfc?n\xfap\xc1\xd1\x17\x9a\xfe\xcb\xec\xce\xed\xdd(Qp.\xcd\xc8\xb6g\xe7\xd3\x8d\xb0\xf8\x85\xd2t\xa4e\xec\xfb\xdb\xd3\xde\xaf\x8f\x01\x17\x88(\x84\xed\xc6aw(u\xf63\x1d\x18\x982\xe2Nk&gt;r\xd04\xc5\xd4\x99=c\xb4\x11\x94\xd8\xa8\x00$,=\xf6g\xc9\x92%\xa5\xa5\xa56\x9baFd\xa6\xdb\xb1\xe0\x81\xfe\xe8\x0b\x838\xfb\xf7\x0e\xc0\x94\xa9\x8c\x14\xdb\xf2\x87\x06*\xc6\x14J.\xc4\x17\x1f\xbe\xf3\xc1\x9b/8\xd23Q\x9a\x8d\xf2\xaf@.\x9aB\xb4\xa7\xa4\x9d8\xf2\xfe{\xff\\\t\x9c\xeb\xd6\xcfa\xfd\'\xb4m\xdd5\x18\xaa\xe1p\xf6\x17@pQ\xed\xf7\x0c\xec5\xa6C\xdb\x9e\x12\xa5\x10\xe2\xf4\xad\x11:\nNdT\x00\x12\x93^\xc4\x95\x95\x95-Z\xb4\x88s\xce\x98B\xa5fM\xcb\xce\xea\xe8VA\x93\x7f\xdf=\x7f!@V\x85F\x8dn?*\xb7\x8dD\xc5\x811\x80\x9dk\x7f\xe7\xf7\x9c\x10\x86\x9dN\x83\xe3\x8d\xe2Bl[\xfdX\xc8\xef\x03\xe0J\xc94g\xe6\xf0\x81\x93\x83\xa1\x1a\xf8\xce\xd3\xbf\xf6\x7f\x811!\x8c\x1b\x86\xde\x0e\xc0uK\xe8\xe6\xcd\x9b7l\xd8@-\xa1\t\x8c\n@b\xd2g\xbf\x85\x85\x85UUU\x86!\xcc\x88\xec\xdc\xde=\xfb\xae^\xe8\t\xf2\xef,\xff\xa3\x801%\xd5\xf2\x82\\\xbbM\xe8\xcb\xa2\xde\x13\x9f\xef\xfd\xdb\xd3\x8e\xb4\x0cz\t\x88#J\xca$\xa7\xfbh\xc9\x9b\x87\xf7\xbc\n\\\xe8!\xe07\r\xbb3\xd3\xdd\xd24\xc3\xe7\x9a\xf3\xc3\x81\xfb\x03U\xd9\x9d\x07\xe5\\=\nQr\xe0\x00\xf0\xe0\x83\x0f\x86\xc3az\x0fHTT\x00\x12\x90&gt;\xfb\xdd\xb6m\xdb\x9a5k\x0cCHi*\xc6\x96?4\xd0\x9ejWR\xfd\xc0\x98/\xce\x01\xab\xc3\x9d\xafiq\xffm\xdd\x11\x15\x07\x05\x9c\xbf\xf7\xcf\x95_\x97\x1d\xb0%;\xbf\xbbwLb\x13\x08\x11\t\xd6l[\xbd\x80\x01p\x00D\xd9\xa1m\xcf\x819?\xab\xf1{\x7fx\xd67\x00\x0f\x85\xfdcF\xdc\x9d\x92\x9cnJ\xd30\x8c\xd2\xd2\xd2%K\x96\xd0I@\xa2\xa2\x02\x90\x98\xa4\x94\x05\x05\x05RJ\xceAJ5*\xb7\xcd\xa8\xd1\xedeUH\x88\x1f\x99\xf2\xa8[Bg\xfe\xbaGV\xb3\x14\xbd\x8f\x14\xf2\xfbv\xbfPls$S;P\\@i:\x9c\xee\x0f\xde\xdcp\xe2\xe8!\xce\xb9B\x04\xe07\x0c\xbd]\x08C\xfd\xd8y&gt;\x00D"\xa1\xe6M\xda\r\xe97^)\xa5P\x01\x87\xa5K\x97\x96\x97\x97SGPB\xa2\x02\x90hL\xd3\x14B\xac]\xbbv\xdb\xb6m\x86\xcd0Mi\x18|yA\xae\x92\xea|&amp;\xfc\xea\x96\xd0\xcc6\xe9\x0bg\xf6ATL!p\xf1\xf1\xce\x97\xca\xdey\xdd\xe1t\xd3\x80\xa0X\xa7\x94awT\x9d&lt;\xbes\xfdb\x00\x0e\x0cPaN\xf6\xc8\xec\xce\x83\xfc\x81\xaa\xef\x9e\xfd~\x17pQ\x13\xf0\x8e\x1a4\xb5i\xe6e\xa64\raTTT\xcc\x9d;\x97\xee\x04$$*\x00\tEO}\xa8\xaa\xaa\x9a7o\x1e\xe7\x00L!\xaa\xe9\xe3\xbbt\xee\xd1\x1c\xab\xcfn\xfd&lt;\x17np\xac\x0cN\x18{UN\xb7\xa6\x88(8(\xc4\xdd/,CiRPL\x8cC\x94\xf6d\xe7\xbeM+\xfc\x95\xa7\x80sDLv8\xaf\x1fr[8\x12&lt;\xd7\xd9\xefY\xf4\xc5`GR\xea\rCog\x8c\xa1D\xbd\x9e\xd8\xbf\x7f\xbf\xa8\xbdJF\x12\x07\x15\x80\x84\xa27m\x16-ZTVV&amp;\x84\x90&amp;f\xb8\x92\x8af\xf6Q\xfe\xc8\x0f\x9c\xfd\x9eE\x1f\x05\'\xa5\xda\x97\xe6\xf7W\x8a)\xa5[B\xf7\xbe\xff\xfa\x9a\xe44j\t\x8d]\n\xd1\x9e\xec,/}w\xff?\xfe\x1cm\xfd\x1c\xd4g\\\xdb\xd6]Ca\xff\xf9g\xbcp.\xfc\x81\xaa\xfe\xd7\xdc\xdc\xb1]O\x89\x92s\x1e\x0e\x87\xf3\xf2\xf2\xa4\x94\xf4\x12\x90`\xa8\x00$\x0e\xdd\xf8\xafO\xed\x84\x10J!*UtoNF\xab4\x0c\x9a\x17\xb4v\x17\x02dep\xc8\xb0vcG\xb7\x97\xb2\xb6%t\xc7\xba\xc5U\'\x8f\xd3\x80\xa0X\x06\\lyf\x9e4#\x00\x1cQ6\xc9hu]\xee/j\xfc\x95\x17\x9a\xf3\xac\xf4\x80\xa0\x91\xbf\xe1\\\x98\xa64\x0cc\xfb\xf6\xedk\xd7\xae\xa5\x96\xd0\x04C\x05 q\xe8\xd5\x99\xee\xdb\x13\x02\xa4\xc4\x9cnM\xa7O\xeb\x8eU\xa1\xf3_\xfeG\xe9\xaba\x8b\xf2\x07\xb8\xd2\xec\xba\xb4\xf8+O\xed\xdb\xb4\xc2\x9e\xec\xa4\x01A1H\xa1LJM/\xdb\xf3\xea\xb1\x83;t\xeb\'c\xea\xa6\xe1w\xba\x9cM\xa44\x81]\xd8\xde\x1d\x07\x1e\x0c\xd5\\\xd9\xbe\xcf\x80^ct\xf7\x17\x00\xcc\x9b7\xcf\xeb\xf5RKh"\xa1\x02\x90 t\xeb\xe7\xd6\xad[\xa37w\x94bK\xf3\xfb\x1b\xc9\xc6\x0f\xb7~\x9e\x0b\xe7 \xab\xc3\x1d\xb2\x9b\xcd\x98z5\xa2\x02\x86\xc0\xf9\xfe\x7f\xfc\xf9\xeb\xc3\x07h@P\xecQ\xc0E$\x14xkU!cL\xb7~vl\xd7\xb3_\xcf\x9b\xaa\x03\x17\xbc\xfc\xd7\x00x0T}\xe3\xb0;\x92\x1di\xfa%\xa0\xac\xac\xac\xb8\xb8\x98sN/\x01\t\x83\n@"\xd0\xd7\xbeB\xa1\xd0\xacY\xb3\x00@p\x90R\x8d\xbb\xbe\xc3\x90a\xedd\xe5\x8f\xb7~\x9e\x8b08V\x06\xf3\xee\xe8\xd9\xb1]\xba\x94J\x0f\x08\xda\xb9~\tpN\x03\x82b\nJ\x99\x94\x9a\xfe\xde+\xcfx\xbe&lt;\xaa\xa7~\na\x1b3\xf2\x1eD\xc9.p\xed\x1f\x05\x00\xa6\x19\xcepe\xfdd\xc8m\xec\xf4\x80\xa0\xc7\x1f\x7f\\\x1f/\xd1ipb\xa0\x02\x90\x08\xf4\x1f\xe7\xfa\xf5\xebKJJ\xf4\xf2\xdfn\x13\xf3g\xf6ax1k\xff(\x00\xa6\xc2\xd2\xd5"\xf5\x91\xbbz)U\xdb\x12Z\xfa\xf6??-y3\xc9\xe9V\xb4\x0c\x8c\x11J\x19v\x87\xef\xd4\x97\xbb7\x14G\xa7~\xf6\xea6\xa2s\x87\xbe\xdf;\xf6\xe7\xfc\x01\x17\x81\xa0op\xbfq\xcd\x9a\xb4\xd5\xaf\x98^\xaf\xb7\xb0\xb0\x90\xee\x04$\x0c*\x00qO/\xff=\x1eO~~&gt;\xe7\x1c@IT\xf7\xdf\xd6\xbdS\xf7\x16\xf2;S?/\x940\xb8\xac\x08L\x1a\xdfup\x9f\x96\xa6D\xc1\x19\x03\xd8\xb6z\x81\x19\n\x80\xa0\xcc\xc8\x98\x80(\xed)\xce\x9d\xeb\x96\x84j\xaa\x80\x0bD\x99\x92\x9c\xfe\xd3\x11w\x05\x83\xe7\x1c\xfbs\x9etK\xa8\xdd\x96\xfc\xf3\xd1\xf7\xb1\xd3\xdb\x8ck\xd6\xac\xd9\xbe}\xbba\x18\xb4\x11\x94\x00\xa8\x00\xc4=\xbd\xfc/(((//\x17\x82KSf5M\x99\xf9\xeb\x1eX\x13\xbe\x88\xb3\xdf\xef\xa1\x98\xb0\xf1\xa2\xfbzs\x0eJ!\xe7\xfc\xc4\xd1C\xef\xbe\xfc\x97\xa4T\x17eF6:=\xf5\xf3\xd8\xc1\x9d\x87\xdeX\x07\x9c\xeb\xb1?C\xfa\x8do\xde\xa4]\xc4\x0c\x9d\x7f\xeb\xe7\xb9p.\x02A_\xf7\xab\x86^\xd9\xa1\x0f"\x02p)e^^^(\x14\xa2\xd3\xe0\x04@\x05 \xbe\xe9\xa7\xbf\xce\xf0\x13\x82+\x85\xa8\xd8\xc2Y}3\xdb\xa4\xab\x0bl\xfd&lt;\x17\xdd\x12:xd\xfb)c:\xe9\x96P\x00\xbe{\xc3\xef}\xa7\xbe\xa0\x96\xd0X\xc0\x85\xb1\xed\xd9\xf9(%\x07\x8e(\x9b5i;j\xd0\xd4\x9a\x80\x17.\xea\xec\xf7\xbb\x14c\xa8\xe4-\xa3g\x08a\x93R\x1a\x86\xb1\x7f\xff\xfe\xf5\xeb\xd7\xd3\x80\xa0\x04@\x05 \xbe\xe9\xfd\x1f\x9d\xe2-\x047M\x1c\xdc\xa7\xe5\x94I]eE \x9a\xf8Xw \xb8\xaa\t/\x9c\xd3?\xd3\xed\x90\x12\xb9\x80P\x8dw\xe7\xba%6G\n\xb5\x846"%MG\x9a\xfb\x837\x9e\xff\xe2\xc3w8\xaf=\x98\xfd\xf9\xe8\xfb\x92\xec)\xd1\xc4\xc7\xba\xe3\xc0C!\x7f\xbb6\xdd\x86\xf5\x9f\xa03#9\xe7\xf9\xf9\xf9\x15\x15\x15\xf4\x12\x10\xef\xa8\x00\xc41\xbd\'\xbby\xf3\xe6\xcd\x9b7\x0b!P\xa2\xe0Pt_on\xf0\xfa\xdd\x9c\xe7\xc00`fup\xcf\x9a\x96\xad\x94\x02\xa6\x80\xf3Co\xac\xfb\xfa\xf0\x01{\xb2\x93ZB\x1b\x89\x02a\x84\xfd\xbe]\xcf/c\x8c\x01\x80Rxe\x87&gt;\xdd\xaf\x1a\x1a\xf8\xcf\xc4\xc7\xba\x03\xe0\xc1P\xcd\xf0\x81\x93\xd3\x9cM$J\xc1Eyy\xf9\xb2e\xcb\xe8% \xdeQ\x01\x88Wz\xed\x7f:\xb6\x89\t\x01\xa6\xc4\xc97_1xd{Y\x19\xbc\xe8\xd6\xcfs\xe1\x82\xa3\'8\xfb\xae\x9cN\x97\xbbL\x13\x05\xe7(\xe5\x96g\xe6\xd5\xd7&gt;\x03\xb9P(\xa5#-c\xcf\x8bOT\x96\x7f\xca\x85\xa1\xf3\x1bn\x19=\x03\x95\xac\xf759\x00D\xccp\xa6\xbb\xe5\x8d\xc3\xeeP\xaa\xb6%t\xf1\xe2\xc5\xa5\xa5\xa5T\x03\xe2\x1a\x15\x80xufp\xab\x10B\x9a\xd2\x95f\x7f\xf8\xde\xde*\x10\x81\xbau\xfe|/}1\xd8\xee\xb4\xcf\xcf\xeb\xcd\x18S\n\x81\xf3c\x07w\x94\xedy5\xc9\xe9\xa2)\xa1\rM)\xc3\x9e\xec\xf9\xf2\xc8\xbb\xaf&lt;\x03\x00z\xec\xcf\x80^c\xda\xb6\xee\x1a\n\xf9\xeb\xd2\xfay.\x82\x0b\x7f\xa0\xaa_\xcf\x9b\xda\xb4\xec,\x11\x85\x10:n\x9av\x81\xe2\x1a\x15\x80\xb8\x84\x88\x00P^^^PP\x00\x00\x00L\xa2\x9a15\xbbc\xf7\xe6\xb2:R\xc7\xd6\xcfs\x11\x06Hop\xdc\xb8.C\xfa\xb6\x94\x12\x05\x07\xc6\xe0\xadU\x85\x91@5pj\tmP\x88\xd2\x9e\x9c\xba}\xf5c\xc1\xeaJ\xce\x85R2\xd9\x91v\xe3\xb0;\xc2\xe1@\x1d[?\x7f\xf8?\xd4aO\x193\xe2n\xc6\x94\xce\x8c\xdc\xb0a\x83\xde~\xa4\x96\xd08E\x05 .\xe9\xb1\xcfs\xe7\xce\xf5x&lt;6\x9b0M\xd9\xe1\xb2\xf4\xbc;\xae\x91\x95\xc1z&lt;\xfb\xfd.`LI\\\x9a?\xc008"r\xc1=_\x1e\xdd\xf3\xe2\x13\x8e\xb4\x0cj\tm0\n\xa5\xc3\xe9.\xdb\xfb\xfaG;6\x01\x17J)\xa5\xd4\xf5Cn\xcbpe\xd5K\xeb\xe7\xb9p.j\x82U];\xe5v\xef2\x14Q\x02\xf0h\x03\x02\xbd\x07\xc4)*\x00\xf1Go\xfe\x94\x94\x94\xac[\xb7N_\xcaW\x8a-\x9a\xdd\xd7\xd5&lt;\x85\x85\xe5%\x9d\xd8\xcf9\xa0/\x9c\x93\xdbf\xfa\xf8.\x88\xba%\x14\xde}\xe5\x19\xcf\x17e\xd4\x12\xda\x80\x00\xa5\xb9\xfb\x85e\n\x91\x03 b\x9b\x96\x9d\x87\xf6\xbb5\x10\xf4]\xea#\x19}5l\xcc\x88\xbb\x93\x1dN\xdd\x83\xa0[\x90\xe9$ NQ\x01\x88?\xfa\xf8w\xd6\xacY\xa1PH\x080M\x1c\xd2\xb7\xe5\xd8\xb1W\xc9\x8aK\xbb\xfc\xd7tfd\xd1\xcc&gt;\x19\xae$)%\x17"X]\xb9\xfd\xb9\x85\xf6\x944j\tm\x00(\xcddW\x93\xf7\xff\xb5\xee\x8b\x0f\xf7\xf2\xda\x99&lt;j\xcc\x88\xbbm6G=\xb6~\x9e\x0b\x00\x0f\x86k.k\xd9eP\x9fq\xba%\x14\x00\n\n\n&lt;\x1e\x0fE\x86\xc5#*\x00qF/\xbb6l\xd8\xb0u\xebV\xc30\xa4)\x93\xecbi\xfe\x00%\xb1a\xd2\xbatfdF\xab\xb4\xa2{{+\xc5\x98B\xe0\xfc\x93]\x7f?vp\x07M\t\xbd\xe4\x94\x12\x86\xbd\xba\xa2|\xcf\x8b\x7f\x88\x8e\xfd\xe9\xd1eX\xd7N\xb9\xfe\xfan\xfd&lt;\x17\xceEM\xc0{]\xee\xe4\xa6\x19\xad\xa5\x94\x860&lt;\x1e\x8f&gt;\x8b\xa2\x97\x80\xb8C\x05 \x9e\xe8\x15\x96\xee\xbe`\x8cq\xce$\xaa\x897v\xcc\xb9\xb6\r\xd6y\xec\xcf\xf9\xe3\x82\xa3/4\xfd\x97\xd9\x9d\xdb\xbbQ\xa2\x9e\x12\xba\xed\xd9\xf9\\\x18t\x14|I\xa14\x1di\x19\xfb\xfe\xf6\xb4\xf7\xebc\xc0k\xa7~\xde8\xec\x0e=\xb2\xbfa\x00\x03SF\xdci\xcdG\x0e\x9a\xa6NO\t\xd5\xddh\xb4\x11\x14w\xa8\x00\xc4\x13\x1d\xcc\xb2d\xc9\x92\xd2\xd2R\x9b\xcd0#2\xd3\xedX\xf0@\x7f\xf4\x85\xa1^\xc6\xfe\x9c\x1f\xdd\x12j\xa4\xd8\x96?4P1\xa6PgF\xbe\xf3\xc1\x9b/8\xd2)3\xf2R\xd1c\x7fN\x1cy\xff\xbd\x7f\xae\x8c&amp;&gt;\x0e\xeb?\xa1m\xeb\xaeu\x9c\xfay\xa1\x04\x17\xd5~\xcf\xc0^c:\xb4\xed)Q\n!N\xdfG\xa1\xa3\xe08C\x05 n\xe8\xa5VYY\xd9\xa2E\x8b8\xe7\x8c)Tj\xd6\xb4\xec\xac\x8en\x154\x1bj\xf5_K\x08\x90U\xa1Q\xa3\xdb\x8f\xcam#\xb163r\xe7\xda\xdf\xf9=\'\x84a\xa7\xd3\xe0KCq!\xb6\xad~,\xe4\xf7\x01p\xa5d\x9a3s\xf8\xc0\xc9\xc1P]\xa7~^\xccGaL\x08\xe3\x86\xa1\xb7\x03p\xdd\x12\xbay\xf3\xe6h\x18Q\x03\x7f\x18r\xd1\xa8\x00\xc4\r}\xf6[XXXUUe\x18\xc2\x8c\xc8\xce\xed\xdd\xb3\xef\xea\x85\x9e`\xfdL\xfd\xbc@:;~yA\xae\xdd&amp;\xf45T\xef\x89\xcf\xf7\xfe\xediGZ\x06\xbd\x04\xd4;%e\x92\xd3}\xb4\xe4\xcd\xc3{^\xd5\x89\x8fJ\xa9\x9b\x86\xdd\x99\xe9ni\x9a\xe1K\xd7\xfay.\x1c\xb8?P\x95\xddyP\xce\xd5\xa3\x10%\x07\x0e\x00:\x8e\x94\xde\x03\xe2\x08\x15\x80\xf8\xa0\xcf~\xb7m\xdb\xb6f\xcd\x1a\xc3\x10R\x9a\x8a\xb1\xe5\x0f\r\xb4\xa7\xda/.\xf1\xb1\xee8\x07\xac\x0ew\xbe\xa6\xc5\xfd\xb7uGT\x1c\x14p\xfe\xde?W~]v\xc0\x96\xecl\xc8]i+\x00!"\xc1\x9am\xab\x170\x00\x9d\xf8\xd8\xa1m\xcf\x819?\xab\xf1{\x1b\xe6\xec\xf7{&gt;\x12\xf0P\xd8?f\xc4\xdd)\xc9\xe9\xa64\r\xc3(--]\xb2d\t\x9d\x04\xc4\x11*\x00qCJYPP \xa5\xe4\x1c\xa4T\xa3r\xdb\x8c\x1a\xdd^V]|\xe2c\xdd\xe9\x96\xd0\x99\xbf\xee\x91\xd5,E\xefP\x85\xfc\xbe\xdd/\x14\xdb\x1c\xc9\xd4\x0eT\x8fP\x9a\x0e\xa7\xfb\x8377\x9c8z\x88s\xae\x10\x01\xf8\rCo\x17\xc2P\x8dw\xea\x0e\x00\x91H\xa8y\x93vC\xfa\x8dWJ)T\xc0a\xe9\xd2\xa5\xe5\xe5\xe5\xd4\x11\x14/\xa8\x00\xc4\x01\xd34\x85\x10k\xd7\xae\xdd\xb6m\x9ba3LS\x1a\x06_^\x90\xab\xa4j\xb4g?c\xectKhf\x9b\xf4\x853\xfb \xd6fF~\xbc\xf3\xa5\xb2w^w8\xdd4 \xa8~(e\xd8\x1dU\'\x8f\xef\\\xbf\x18\x80\x03\x03T\x98\x93=2\xbb\xf3 \x7f\xa0\xaa!\xcf~\xbf\x0b\xb8\xa8\txG\r\x9a\xda4\xf32S\x9a\x860***\xe6\xce\x9dKw\x02\xe2\x05\x15\x80X\xa7\xa7&gt;TUU\xcd\x9b7\x8fs\x00\xa6\x10\xd5\xf4\xf1]:\xf7h\x8e\xd5\r\xd7\xfay.\xdc\xe0X\x19\x9c0\xf6\xaa\x9cnM\x11QpP\x88\xbb_X\x86\xd2d\x8d\xb23\x95p\x10\xa5=\xd9\xb9o\xd3\n\x7f\xe5)\xe0\x1c\x11\x93\x1d\xce\xeb\x87\xdc\x16\x8e\x04\x1b\xfe\xec\xf7,\xfab\xb0#)\xf5\x86\xa1\xb73\xc6P\xa2^\xa9\xec\xdf\xbf\x9f\x82\xe3\xe3\x02\x15\x80X\xa7\xb7V\x16-ZTVV&amp;\x84\x90&amp;f\xb8\x92\x8af\xf6Q\xfeH\xa3\x9c\xfd\x9eE\x1f\x05\'\xa5\xda\x97\xe6\xf7W\x8a)\xa5[B\xf7\xbe\xff\xfa\x9a\xe44j\t\xad+\x85hOv\x96\x97\xbe\xbb\xff\x1f\x7f\x8e\xb6~\x0e\xea3\xaem\xeb\xae\xa1\xb0\xbf\xe1\xcf~\xbf\x8bs\xe1\x0fT\xf5\xbf\xe6\xe6\x8e\xedzJ\x94\x9c\xf3p8\x9c\x97\x97\'\xa5\xa4\x97\x80\xd8\xd7\xf8O\x10\xf2\x03t\xe3\xbf&gt;[\x13B(\x85\xa8T\xd1\xbd9\x19\xad\xd2\xb0\x9e\x12\x1f\xebNgF\x0e\x19\xd6n\xec\xe8\xf6:3\x92\x01\xecX\xb7\xb8\xea\xe4q\x1a\x10Tw\xc0\xc5\x96g\xe6I3\x02\xc0\x11e\x93\x8cV\xd7\xe5\xfe\xa2\xc6_\xd9Xg\xbf\xdf\xa5\xf4\x80\xa0\x91\xbf\xe1\\\x98\xa64\x0cc\xfb\xf6\xedk\xd7\xae\xa5\x96\xd0\xd8G\x05 \xa6\xe95\x94\xee\xae\x13\x02\xa4\xc4\x9cnM\xa7O\xeb\x8eU\xa1XX\xfeG\xe9\xaba\x8b\xf2\x07\xb8\xd2\xec\xbah\xf9+O\xed\xdb\xb4\xc2\x9e\xec\xa4\x01A\x17M\xa1LJM/\xdb\xf3\xea\xb1\x83;t\xeb\'c\xea\xa6\xe1w\xba\x9cM\xa44\x81\xc5F\xfdg\x8c\x03\x0f\x86j\xael\xdfg@\xaf1\xba\xfb\x0b\x00\xe6\xcd\x9b\xe7\xf5z\xa9%4\xc6\xc5\xd0C\x84\x9cE\xb7~n\xdd\xba5z\xbfF)\xb64\xbf\xbf\x91l4V\xeb\xe7\xb9p\x0e\xb2:\xdc!\xbb\xd9\x8c\xa9W#*`\x08\x9c\xef\xff\xc7\x9f\xbf&gt;|\x80\x06\x04],\x05\\DB\x81\xb7V\x152\xc6t\xebg\xc7v=\xfb\xf5\xbc\xa9:\x10C\xcb\x7f\r\x80\x07C\xd57\x0e\xbb#\xd9\x91\xa6_\x02\xca\xca\xca\x8a\x8b\x8b9\xe7\xf4\x12\x10\xcb\xa8\x00\xc4(}\xed+\x14\n\xcd\x9a5\x0b\x00\x04\x07)\xd5\xb8\xeb;\x0c\x19\xd6NV6f\xeb\xe7\xb9\x08\x83ce0\xef\x8e\x9e\x1d\xdb\xa5K\xa9\xf4\x80\xa0\x9d\xeb\x97\x00\xe74 \xe8"\xa0\x94I\xa9\xe9\xef\xbd\xf2\x8c\xe7\xcb\xa3z\xea\xa7\x10\xb61#\xefA\x94,f\xd6\xfeQ\x00`\x9a\xe1\x0cW\xd6O\x86\xdc\xc6N\x0f\x08z\xfc\xf1\xc7\xf5\xc1\x15\x9d\x06\xc7,*\x001J\xff\t\xad_\xbf\xbe\xa4\xa4D/\xff\xed61\x7ff\x1f\x86\xb1\xb5\xf6\x8f\x02`*,]-R\x1f\xb9\xab\x97R\xb5-\xa1\xa5o\xff\xf3\xd3\x927\x93\x9cnE\xcb\xc0\x0b\xa2\x94aw\xf8N}\xb9{Cqt\xeag\xafn#:w\xe8\xdb\xc0c\x7f\xce\x1fp\x11\x08\xfa\x06\xf7\x1b\xd7\xacI[\xfd\xf2\xea\xf5z\x0b\x0b\x0b\xe9N@,\x8b\xc5o\x12\xd1\xcb\x7f\x8f\xc7\x93\x9f\x9f\xcf9\x07P\x12\xd5\xfd\xb7u\xef\xd4\xbd\x85l\xc0\xa9\x9f\x17J\x18\\V\x04&amp;\x8d\xef:\xb8OKS\xa2\xe0\x8c\x01l[\xbd\xc0\x0c\x05@Pf\xe4\x05@\x94\xf6\x14\xe7\xceuKB5U\xc0\x05\xa2LIN\xff\xe9\x88\xbb\x82\xc1F\x18\xfbs\x9etK\xa8\xdd\x96\xfc\xf3\xd1\xf7\xb1\xd3\x1b\x98k\xd6\xac\xd9\xbe}\xbba\x18\xb4\x11\x14\x9bb\xf4\xcbdqz\xf9_PPP^^.\x04\x97\xa6\xccj\x9a2\xf3\xd7=\xb0&amp;\x1cSg\xbf\xdfC1a\xe3E\xf7\xf5\xe6\x1c\x94B\xce\xf9\x89\xa3\x87\xde}\xf9/I\xa9.\xca\x8c&lt;Oz\xea\xe7\xb1\x83;\x0f\xbd\xb1\x0e8\xd7c\x7f\x86\xf4\x1b\xdf\xbcI\xbbK\x9a\xf8Xw\x9c\x8b@\xd0\xd7\xfd\xaa\xa1Wv\xe8\x83\x88\x00\\J\x99\x97\x97\x17\n\x85\xe8486\xc5\xf6\xd3\xc4\x92\xf4\xd3_\'\xed\t\xc1\x95BTl\xe1\xac\xbe\x99m\xd2U\xcc\xb4~\x9e\x8bn\t\x1d&lt;\xb2\xfd\x941\x9dtK(\x00\xdf\xbd\xe1\xf7\xbeS_PK\xe8\xf9\xe3\xc2\xd8\xf6\xec|\x94\x92\x03G\x94\xcd\x9a\xb4\x1d5hjM\xc0{\xa9\x13\x1f\xebN1\x86J\xde2z\x86\x106)\xa5a\x18\xfb\xf7\xef_\xbf~=\r\x08\x8aMT\x00b\x8e\xde\xff\xd1Y\xdbBp\xd3\xc4\xc1}ZN\x99\xd4UV\x04\x1a \xf1\xb1\xee@pU\x13^8\xa7\x7f\xa6\xdb!%r\x01\xa1\x1a\xef\xceuKl\x8e\x14j\t\xfdQJ\x9a\x8e4\xf7\x07o&lt;\xff\xc5\x87\xefp^{|\xfa\xf3\xd1\xf7%\xd9S\x1a \xf1\xb1\xee8\xf0P\xc8\xdf\xaeM\xb7a\xfd\'\xe8\xccH\xcey~~~EE\x05\xbd\x04\xc4\xa08x\xa0X\x8a\xde9\xdd\xbcy\xf3\xe6\xcd\x9b\x85\x10(Qp(\xba\xaf77x\xbcl\xa1s`\x180\xb3:\xb8gM\xcbVJ\x01S\xc0\xf9\xa17\xd6}}\xf8\x80=\xd9I-\xa1?H\x810\xc2~\xdf\xae\xe7\x971\xc6\x00@)\xbc\xb2C\x9f\xeeW\r\r4T\xe2c\xdd\x01\xf0`\xa8f\xf8\xc0\xc9i\xce&amp;\x12\xa5\xe0\xa2\xbc\xbc|\xd9\xb2e\xf4\x12\x10\x83\xa8\x00\xc4\x10\xbd\xf6?\x1d\xae\xc4\x84\x00S\xe2\xe4\x9b\xaf\x18&lt;\xb2\xbd\xac\x0c\xc6`\xeb\xe7\xb9p\xc1\xd1\x13\x9c}WN\xa7\xcb]\xa6\x89\x82s\x94r\xcb3\xf3b\x7f\x07\xa3q\xa1\x94\x8e\xb4\x8c=/&gt;QY\xfe)\x17\x86NY\xb8e\xf4\x0cT2N\xaa?czJ\xa8\x19\xcet\xb7\xbcq\xd8\x1dJ\xd5\xb6\x84.^\xbc\xb8\xb4\xb4\x94j@\xac\xa1\x02\x10C\xce\x8cW\x15BHS\xba\xd2\xec\x0f\xdf\xdb[\x05"\x10\xab\x9d?\xdfK_\x0c\xb6;\xed\xf3\xf3z3\xc6\x94B\xe0\xfc\xd8\xc1\x1de{^Mr\xbahJ\xe8\xf7S\xca\xb0\'{\xbe&lt;\xf2\xee+\xcf\x00\x80\x1e\xfb3\xa0\xd7\x98\xb6\xad\xbb\x86B\xfe\xd8l\xfd&lt;\x17\xc1\x85?P\xd5\xaf\xe7MmZv\x96\x88B\x08\x1ddM\xbb@\xb1&amp;\x9e\xbeU\x89\r\x11\x01\xa0\xbc\xbc\xbc\xa0\xa0\x00\x00\x00\x98D5cjv\xc7\xee\xcdeu$f[?\xcfE\x18 \xbd\xc1q\xe3\xba\x0c\xe9\xdbRJ\x14\x1c\x18\x83\xb7V\x15F\x02\xd5\xc0\xa9%\xf4{ J{r\xea\xf6\xd5\x8f\x05\xab+9\x17J\xc9dG\xda\x8d\xc3\xee\x08\x87\x031\xdb\xfa\xf9\x03\x10\xa5\xc3\x9e2f\xc4\xdd\x8c)\x9d\x19\xb9a\xc3\x06\xbd\xb1I-\xa1\xb1#\xfe\xbeX\x89J\x8f}\x9e;w\xae\xc7\xe3\xb1\xd9\x84i\xca\x0e\x97\xa5\xe7\xddq\x8d\xac\x0c\xc6\xc5\xd9\xefw\x01cJ\xe2\xd2\xfc\x01\x86\xc1\x11\x91\x0b\xee\xf9\xf2\xe8\x9e\x17\x9fp\xa4ePK\xe8Y\x14J\x87\xd3]\xb6\xf7\xf5\x8fvl\x02.\x94RJ\xa9\xeb\x87\xdc\x96\xe1\xca\x8a\xf1\xd6\xcfs\xe1\\\xd4\x04\xab\xbav\xca\xed\xdee(\xa2\x04\xe0\xd1\xd6\x06z\x0f\x88\x1dq\xf9dI&lt;z\xf3\xa7\xa4\xa4d\xdd\xbau\xfa\xea\xbcRl\xd1\xec\xbe\xae\xe6),,\xe3\xf0\xcf\x9f1\x9d\x19\xe9\x0b\xe7\xe4\xb6\x99&gt;\xbe\x0b\xa2n\t\x85w_y\xc6\xf3E\x19\xb5\x84~\x07\xa04w\xbf\xb0L!r\x00Dl\xd3\xb2\xf3\xd0~\xb7\x06\x82\xbe\xf8=8\xd1W\xc3\xc6\x8c\xb8;\xd9\xe1\xd4\xdd\r\xba\xb9\x99N\x02b\x07\x15\x80\x98\xa0\x8f\x7fg\xcd\x9a\x15\n\x85\x84\x00\xd3\xc4!}[\x8e\x1d{\x95\xac\x88\xd7\xe5\xbf\xa63#\x8bf\xf6\xc9p%I)\xb9\x10\xc1\xea\xca\xed\xcf-\xb4\xa7\xa4QKh\x14J3\xd9\xd5\xe4\xfd\x7f\xad\xfb\xe2\xc3\xbd\xbcvr\x8e\x1a3\xe2n\x9b\xcd\x11\x17\xad\x9f\xe7\x02\xc0\x83\xe1\x9a\xcbZv\x19\xd4g\x9cn\t\x05\x80\x82\x82\x02\x8f\xc7C\x91a1"\x8e\x1f.\tC/\x8e6l\xd8\xb0u\xebV\xc30\xa4)\x93\xecbi\xfe\x00%1N\xd7\xfeQ:32\xa3UZ\xd1\xbd\xbd\x95bL!p\xfe\xc9\xae\xbf\x1f;\xb8\x83\xa6\x84\xd6RJ\x18\xf6\xea\x8a\xf2=/\xfe!:\xf6\xa7G\x97a];\xe5\xfa\xe3\xa7\xf5\xf3\\8\x175\x01\xefu\xb9\x93\x9bf\xb4\x96R\x1a\xc2\xf0x&lt;\xfa\x94\x8b^\x02b\x01\x15\x80F\xa6\xd7A\xbaG\x821\xc69\x93\xa8&amp;\xde\xd81\xe7\xda6\x18\xc3c\x7f\xce\x1f\x17\x1c}\xa1\xe9\xbf\xcc\xee\xdc\xde\x8d\x12\xf5\x94\xd0m\xcf\xce\xe7\xc2\xa0\xa3`\xa6\x03\xdf\xd32\xf6\xfd\xedi\xef\xd7\xc7\x80\xd7N\xfd\xbcq\xd8\x1dz\xb0~\xbc\x03\x06\xa6\x8c\xb8\xd3\x9a\x8f\x1c4M\x9d\x9e\x12\xaa\xfb\xdch#(\x16P\x01hd:&gt;e\xc9\x92%\xa5\xa5\xa56\x9baFd\xa6\xdb\xb1\xe0\x81\xfe\xe8\x0bC\x8c\x8f\xfd9?\xba%\xd4H\xb1-\x7fh\xa0bL\xa1\xce\x8c|\xe7\x837_p\xa4[=3R\x8f\xfd9q\xe4\xfd\xf7\xfe\xb92\x9a\xf88\xac\xff\x84\xb6\xad\xbb\xc6\xec\xd4\xcf\x0b%\xb8\xa8\xf6{\x06\xf6\x1a\xd3\xa1mO\x89R\x08q\xfa\xa6\x0b\x1d\x057\xbeD\xf8\x86\xc5/\xbd *++[\xb4h\x11\xe7\x9c1\x85J\xcd\x9a\x96\x9d\xd5\xd1\xad\x82f\xfc\xaf\xfek\t\x01\xb2*4jt\xfbQ\xb9m$\xd6fF\xee\\\xfb;\xbf\xe7\x840\xec\xd6&gt;\rV\\\x88m\xab\x1f\x0b\xf9}\x00\\)\x99\xe6\xcc\x1c&gt;pr0\x14\xbbS?/\x82bL\x08\xe3\x86\xa1\xb7\x03p\xdd\x12\xbay\xf3\xe6h\xccQc\x7f:KK\x9c/Y&lt;\xd2g\xbf\x85\x85\x85UUU\x86!\xcc\x88\xec\xdc\xde=\xfb\xae^\xe8\t\xc6\xfa\xd4\xcf\x0b\xa4\xb3\xe3\x97\x17\xe4\xdamB_p\xf5\x9e\xf8|\xef\xdf\x9ev\xa4eX\xf6%@I\x99\xe4t\x1f-y\xf3\xf0\x9eWu\xe2\xa3R\xea\xa6awf\xba[\x9af8\x1e[?\xcf\x85\x03\xf7\x07\xaa\xb2;\x0f\xca\xb9z\x14\xa2\xe4\xc0\x01@\x07\x9d\xd2{@\xe3J\xa8\xa7L|\xd1g\xbf\xdb\xb6m[\xb3f\x8da\x08)M\xc5\xd8\xf2\x87\x06\xdaS\xed\xb1\x96\xf8Xw\x9c\x03V\x87;_\xd3\xe2\xfe\xdb\xba#*\x0e\n8\x7f\xef\x9f+\xbf.;`Kv&amp;\xc6~\xf7\x85\x02!"\xc1\x9am\xab\x170\x00\x9d\xf8\xd8\xa1m\xcf\x819?\xab\xf1{\xe3\xfd\xec\xf7\xbb\x00x(\xec\x1f3\xe2\xee\x94\xe4tS\x9a\x86a\x94\x96\x96.Y\xb2\x84N\x02\x1a\x17\x15\x80\xc6$\xa5,((\x90Rr\x0eR\xaaQ\xb9mF\x8dn/\xabb1\xf1\xb1\xeetK\xe8\xcc_\xf7\xc8j\x96\xa2\xf7\xbeB~\xdf\xee\x17\x8am\x8ed\x0b\xb6\x03\xa14\x1dN\xf7\x07on8q\xf4\x10\xe7\\!\x02\xf0\x1b\x86\xde.\x84\xa1\x12\xf1l\x1c\x00"\x91P\xf3&amp;\xed\x86\xf4\x1b\xaf\x94R\xa8\x80\xc3\xd2\xa5K\xcb\xcb\xcb\xa9#\xa8\x11Q\x01h\x1c\xa6i\n!\xd6\xae]\xbbm\xdb6\xc3f\x98\xa64\x0c\xbe\xbc WI\x95\x80\xcf~\xc6\xd8\xe9\x96\xd0\xcc6\xe9\x0bg\xf6A\xac\xcd\x8c\xfcx\xe7Ke\xef\xbc\xeep\xba\xad5 H)\xc3\xee\xa8:y|\xe7\xfa\xc5\x00\x1c\x18\xa0\xc2\x9c\xec\x91\xd9\x9d\x07\xf9\x03U\x89q\xf6\xfb]\xc0EM\xc0;j\xd0\xd4\xa6\x99\x97\x99\xd24\x84QQQ1w\xee\\\xba\x13\xd0\x88\x12\xf3\xab\x16\xe3\xf4\xd4\x87\xaa\xaa\xaay\xf3\xe6q\x0e\xc0\x14\xa2\x9a&gt;\xbeK\xe7\x1e\xcd\xb1:\x11Z?\xcf\x85\x1b\x1c+\x83\x13\xc6^\x95\xd3\xad)"\n\x0e\nq\xf7\x0b\xcbP\x9a,\xc1\xf6\xbc~\x10\xa2\xb4\';\xf7mZ\xe1\xaf&lt;\x05\x9c#b\xb2\xc3y\xfd\x90\xdb\xc2\x91`"\x9d\xfd\x9eE_\x0cv$\xa5\xde0\xf4v\xc6\x18J\xd4k\xa0\xfd\xfb\xf7Sp|cI\xd8o[,\xd3\x1b \x8b\x16-*++\x13BH\x133\\IE3\xfb(\x7f$\xc1\xce~\xcf\xa2\x8f\x82\x93R\xedK\xf3\xfb+\xc5\x94\xd2-\xa1{\xdf\x7f}Mr\x9aUZB\x15\xa2=\xd9Y^\xfa\xee\xfe\x7f\xfc9\xda\xfa9\xa8\xcf\xb8\xb6\xad\xbb\x86\xc2\xfeD:\xfb\xfd.\xce\x85?P\xd5\xff\x9a\x9b;\xb6\xeb)Qr\xce\xc3\xe1p^^\x9e\x94\x92^\x02\x1aE"?nb\x93n\xfc\xd7\'`B\x08\xa5\x10\x95*\xba7\'\xa3U\x1a\xc6|\xe2c\xdd\xe9\xcc\xc8!\xc3\xda\x8d\x1d\xdd^gF2\x80\x1d\xeb\x16W\x9d&lt;n\x9d\x01A\xc0\xc5\x96g\xe6I3\x02\xc0\x11e\x93\x8cV\xd7\xe5\xfe\xa2\xc6_\x99xg\xbf\xdf\xa5\xf4\x80\xa0\x91\xbf\xe1\\\x98\xa64\x0cc\xfb\xf6\xedk\xd7\xae\xa5\x96\xd0FA\x05\xa0\xa1\xe9\x95\x8e\xee\x81\x13\x02\xa4\xc4\x9cnM\xa7O\xeb\x8eU\xa1\xc4^\xfeG\xe9\xaba\x8b\xf2\x07\xb8\xd2\xec\xba\x1c\xfa+O\xed\xdb\xb4\xc2\x9e\xecL\xf8\x01A\neRjz\xd9\x9eW\x8f\x1d\xdc\xa1[?\x19S7\r\xbf\xd3\xe5l"\xa5\t,\xd1\xeb?c\x1cx0Tse\xfb&gt;\x03z\x8d\xd1\xdd_\x000o\xde&lt;\xaf\xd7K-\xa1\r\xcf\x12O\x9c\xd8\xa1[?\xb7n\xdd\x1a\xbd\x05\xa3\x14[\x9a\xdf\xdfH6\x12\xaf\xf5\xf3\\8\x07Y\x1d\xee\x90\xddl\xc6\xd4\xab\x11\x150\x04\xce\xf7\xff\xe3\xcf_\x1f&gt;\x90\xe8\x03\x82\x14p\x11\t\x05\xdeZU\xc8\x18\xd3\xad\x9f\x1d\xdb\xf5\xec\xd7\xf3\xa6\xea\x80%\x96\xff\x1a\x00\x0f\x86\xaao\x1cvG\xb2#M\xbf\x04\x94\x95\x95\x15\x17\x17s\xce\xe9%\xa0\x81Q\x01h8\xfa\xdaW(\x14\x9a5k\x16\x00\x08\x0eR\xaaq\xd7w\x182\xac\x9d\xacL\xcc\xd6\xcfs\x11\x06\xc7\xca`\xde\x1d=;\xb6K\x97R\xe9\x01A;\xd7/\x01\xce\x13x@\x10J\x99\x94\x9a\xfe\xde+\xcfx\xbe&lt;\xaa\xa7~\na\x1b3\xf2\x1eD\xc9,\xb0\xf6\x8f\x02\x00\xd3\x0cg\xb8\xb2~2\xe46vz@\xd0\xe3\x8f?\xae\x8f\xc4\xe84\xb8!Q\x01h8\xfa\x8b\xbe~\xfd\xfa\x92\x92\x12\xbd\xfc\xb7\xdb\xc4\xfc\x99}\x18Ze\xed\x1f\x05\xc0TX\xbaZ\xa4&gt;rW/\xa5j[BK\xdf\xfe\xe7\xa7%o&amp;9\xdd*!\x97\x81J\x19v\x87\xef\xd4\x97\xbb7\x14G\xa7~\xf6\xea6\xa2s\x87\xbe\t3\xf6\xe7\xfc\x01\x17\x81\xa0op\xbfq\xcd\x9a\xb4\xd5\xaf\xc5^\xaf\xb7\xb0\xb0\x90\xee\x0440k}\xed\x1a\x91^\xfe{&lt;\x9e\xfc\xfc|\xce9\x80\x92\xa8\xee\xbf\xad{\xa7\xee-dBL\xfd\xbcP\xc2\xe0\xb2"0i|\xd7\xc1}Z\x9a\x12\x05g\x0c`\xdb\xea\x05f(\x00"\x013#\x11\xa5=\xc5\xb9s\xdd\x92PM\x15p\x81(S\x92\xd3\x7f:\xe2\xae`0\xa1\xc6\xfe\x9c\'\xdd\x12j\xb7%\xff|\xf4}\xec\xf4\xd6\xe8\x9a5k\xb6o\xdfn\x18\x06m\x045\x18\xcb}\xf3\x1a\x8b^\xfe\x17\x14\x14\x94\x97\x97\x0b\xc1\xa5)\xb3\x9a\xa6\xcc\xfcu\x0f\xac\t[\xe4\xec\xf7{(&amp;l\xbc\xe8\xbe\xde\x9c\x83R\xc89?q\xf4\xd0\xbb/\xff%)\xd5\x95`\x99\x91z\xea\xe7\xb1\x83;\x0f\xbd\xb1\x0e8\xd7c\x7f\x86\xf4\x1b\xdf\xbcI\xbb8M|\xac;\xceE \xe8\xeb~\xd5\xd0+;\xf4AD\x00.\xa5\xcc\xcb\xcb\x0b\x85Bt\x1a\xdc`\xac\xfa\xe8iX\xfa\xe9\xaf\xf3\xf0\x84\xe0J!*\xb6pV\xdf\xcc6\xe9\xca\x02\xad\x9f\xe7\xa2[B\x07\x8fl?eL\'\xdd\x12\n\xc0wo\xf8\xbd\xef\xd4\x17\x89\xd7\x12\xca\x85\xb1\xed\xd9\xf9(%\x07\x8e(\x9b5i;j\xd0\xd4\x9a\x807~\x13\x1f\xebN1\x86J\xde2z\x86\x106)\xa5a\x18\xfb\xf7\xef_\xbf~=\r\x08j0T\x00\x1a\x82\xde\xff\xd1\x89\xd8Bp\xd3\xc4\xc1}ZN\x99\xd4UV\x04\xe2:\xf1\xb1\xee@pU\x13^8\xa7\x7f\xa6\xdb!%r\x01\xa1\x1a\xef\xceuKl\x8e\x94\x84i\tU\xd2t\xa4\xb9?x\xe3\xf9/&gt;|\x87\xf3\xdaC\xce\x9f\x8f\xbe/\xc9\x9e\x12\xd7\x89\x8fu\xc7\x81\x87B\xfevm\xba\r\xeb?AgFr\xce\xf3\xf3\xf3+**\xe8%\xa0aX\xfa\xe9\xd30\xf4\xfe\xe6\xe6\xcd\x9b7o\xde,\x84@\x89\x82C\xd1}\xbd\xb9\xc1\x13n\xa3\xfb\x82q`\x180\xb3:\xb8gM\xcbVJ\x01S\xc0\xf9\xa17\xd6}}\xf8\x80=\xd9\x99\x10-\xa1\n\x84\x11\xf6\xfbv=\xbf\x8c1\x06\x00J\xe1\x95\x1d\xfat\xbfjh \xfe\x13\x1f\xeb\x0e\x80\x07C5\xc3\x07NNs6\x91(\x05\x17\xe5\xe5\xe5\xcb\x96-\xa3\x97\x80\x86A\x05\xe0\xd2\xd2k\xff\xd3\x11HL\x080%N\xbe\xf9\x8a\xc1#\xdb\xcb\xca\xa0\xa5Z?\xcf\x85\x0b\x8e\x9e\xe0\xec\xbbr:]\xee2M\x14\x9c\xa3\x94[\x9e\x99\x97\x18{#(\xa5#-c\xcf\x8bOT\x96\x7f\xca\x85\xa1\xb3\x10n\x19=\x03\x95\xb4|\xf5gLO\t5\xc3\x99\xee\x967\x0e\xbbC\xa9\xda\x96\xd0\xc5\x8b\x17\x97\x96\x96R\rh\x00T\x00.\xad3CP\x85\x10\xd2\x94\xae4\xfb\xc3\xf7\xf6V\x81\x08X\xaf\xf3\xe7{\xe9\x8b\xc1v\xa7}~^o\xc6\x98R\x08\x9c\x1f;\xb8\xa3l\xcf\xabINW|O\tU\xca\xb0\'{\xbe&lt;\xf2\xee+\xcf\x00\x80\x1e\xfb3\xa0\xd7\x98\xb6\xad\xbb\x86B~\xab\xb5~\x9e\x8b\xe0\xc2\x1f\xa8\xea\xd7\xf3\xa66-;KD!\x84\x8e\xc8\xa6]\xa0\x06@_\xc1K\x08\x11\x01\xa0\xbc\xbc\xbc\xa0\xa0\x00\x00\x00\x98D5cjv\xc7\xee\xcdeu\xc4\x82\xad\x9f\xe7"\x0c\x90\xde\xe0\xb8q]\x86\xf4m)%\n\x0e\x8c\xc1[\xab\n#\x81j\xe0q\xdc\x12\x8a(\xed\xc9\xa9\xdbW?\x16\xac\xae\xe4\\(%\x93\x1di7\x0e\xbb#\x1c\x0eX\xb0\xf5\xf3\x07 J\x87=e\xcc\x88\xbb\x19S:3r\xc3\x86\rz\xcb\x94ZB/)\xfa\x16^Bz\xec\xf3\xdc\xb9s=\x1e\x8f\xcd&amp;LSv\xb8,=\xef\x8ekde\xd0\xe2g\xbf\xdf\x05\x8c)\x89K\xf3\x07\x18\x06GD.\xb8\xe7\xcb\xa3{^|\xc2\x91\x96\x11\xa7-\xa1\n\xa5\xc3\xe9.\xdb\xfb\xfaG;6\x01\x17J)\xa5\xd4\xf5Cn\xcbpeY\xb6\xf5\xf3\\8\x175\xc1\xaa\xae\x9dr\xbbw\x19\x8a(\x01x\xb4i\x82\xde\x03.)z\x0c]*z\xf3\xa7\xa4\xa4d\xdd\xbau\xfa\x82\xbbRl\xd1\xec\xbe\xae\xe6),,\xe9\xcf\xff,\x9c\x03\xfa\xc29\xb9m\xa6\x8f\xef\x82\xa8[B\xe1\xddW\x9e\xf1|Q\x16\xb7-\xa1\x80\xd2\xdc\xfd\xc22\x85\xc8\x01\x10\xb1M\xcb\xceC\xfb\xdd\x1a\x08\xfa\x12\xe3x\xa3~\xe9\xabacF\xdc\x9d\xecp\xea\xbe\t\xdd6M\'\x01\x97\x14\x15\x80KE\x1f\xff\xce\x9a5+\x14\n\t\x01\xa6\x89C\xfa\xb6\x1c;\xf6*YA\xcb\xff\xef\xa73#\x8bf\xf6\xc9p%I)\xb9\x10\xc1\xea\xca\xed\xcf-\xb4\xa7\xa4\xc5]K(J3\xd9\xd5\xe4\xfd\x7f\xad\xfb\xe2\xc3\xbd\xbcv\xbe\x8d\x1a3\xe2n\x9b\xcda\xf1\xd6\xcfs\x01\xe0\xc1p\xcde-\xbb\x0c\xea3N\xb7\x84\x02@AA\x81\xc7\xe3\xa1\xc8\xb0K\x87\x9eD\x97\x84^\xc2l\xd8\xb0a\xeb\xd6\xad\x86aHS&amp;\xd9\xc5\xd2\xfc\x01J"\xad\xfd\xcfEgFf\xb4J+\xba\xb7\xb7R\x8c)\x04\xce?\xd9\xf5\xf7c\x07w\xc4\xd9\x94P\xa5\x84a\xaf\xae(\xdf\xf3\xe2\x1f\xa2c\x7fzt\x19\xd6\xb5S\xae\x9fZ?\xcf\x8dsQ\x13\xf0^\x97;\xb9iFk)\xa5!\x0c\x8f\xc7\xa3\xcf\xcf\xe8%\xe0\x12\xa1\x02P\xff\xf4jEw20\xc68g\x12\xd5\xc4\x1b;\xe6\\\xdb\x06-9\xf6\xe7\xfcq\xc1\xd1\x17\x9a\xfe\xcb\xec\xce\xed\xdd(QO\t\xdd\xf6\xec|.\x8c8:\nFi:\xd22\xf6\xfd\xedi\xef\xd7\xc7\x80\xd7N\xfd\xbcq\xd8\x1dz\xfc=9\x17``\xca\x88;\xad\xf9\xc8A\xd3\xd4\xe9)\xa1\xba\x83\x8e6\x82.\x11*\x00\xf5O\x87\x9c,Y\xb2\xa4\xb4\xb4\xd4f3\xcc\x88\xcct;\x16&lt;\xd0\x1f}a\xb0\xec\xd8\x9f\xf3\xa3[B\x8d\x14\xdb\xf2\x87\x06*\xc6\x14\xea\xcc\xc8w&gt;x\xf3\x05Gz|dF\xea\xb1?\'\x8e\xbc\xff\xde?WF\x13\x1f\x87\xf5\x9f\xd0\xb6uW\x0bN\xfd\xbcP\x82\x8bj\xbfg`\xaf1\x1d\xda\xf6\x94(\x85\x10\xa7\xef\xd0\xd0Q\xf0%A_\xc7z\xa6\x97-eee\x8b\x16-\xe2\x9c3\xa6P\xa9Y\xd3\xb2\xb3:\xbaU\xd0\xa4\xd5\xff\x8f\x12\x02dUh\xd4\xe8\xf6\xa3r\xdbH\xac\xcd\x8c\xdc\xb9\xf6w~\xcf\ta\xd8\xe3\xe14Xq!\xb6\xad~,\xe4\xf7\x01p\xa5d\x9a3s\xf8\xc0\xc9\xc1\x90\x15\xa7~^\x04\xc5\x98\x10\xc6\rCo\x07\xe0\xba%t\xf3\xe6\xcd\xd1\x00\xa5\xc6\xfet\x89\x86\xbe\x91\xf5L\x9f\xfd\x16\x16\x16VUU\x19\x860#\xb2s{\xf7\xec\xbbz\xa1\'h\xdd\xa9\x9f\x17Hg\xc7//\xc8\xb5\xdb\x84\xbe:\xeb=\xf1\xf9\xde\xbf=\xedH\xcb\x88\xf1\x97\x00%e\x92\xd3}\xb4\xe4\xcd\xc3{^\xd5\x89\x8fJ\xa9\x9b\x86\xdd\x99\xe9ni\x9aaj\xfd&lt;\x1f\x1c\xb8?P\x95\xddyP\xce\xd5\xa3\x10%\x07\x0e\x00:B\x95\xde\x03\xea\x1d=\x92\xea\x93&gt;\xfb\xdd\xb6m\xdb\x9a5k\x0cCHi*\xc6\x96?4\xd0\x9ej\xb7N\xe2c\xddq\x0eX\x1d\xee|M\x8b\xfbo\xeb\x8e\xa88(\xe0\xfc\xbd\x7f\xae\xfc\xba\xec\x80-\xd9\x19\xcb;\xe9 D$X\xb3m\xf5\x02\x06\xa0\x13\x1f;\xb4\xed90\xe7g5~/\x9d\xfd\x9e?\x00\x1e\n\xfb\xc7\x8c\xb8;%9\xdd\x94\xa6a\x18\xa5\xa5\xa5K\x96,\xa1\x93\x80zG\x05\xa0\x9eI)\x0b\n\n\xa4\x94\x9c\x83\x94jTn\x9bQ\xa3\xdb\xcb*k%&gt;\xd6\x9dn\t\x9d\xf9\xeb\x1eY\xcdR\xf4\xaeZ\xc8\xef\xdb\xfdB\xb1\xcd\x91\x1c\xb3\xed@(M\x87\xd3\xfd\xc1\x9b\x1bN\x1c=\xc49W\x88\x00\xfc\x86\xa1\xb7\x0ba\xa8\xf89\xc1\x8e\x05\x00\x10\x89\x84\x9a7i7\xa4\xdfx\xa5\x94B\x05\x1c\x96.]Z^^N\x1dA\xf5\x8b\n@\xbd1MS\x08\xb1v\xed\xdam\xdb\xb6\x196\xc34\xa5a\xf0\xe5\x05\xb9J*z\xf6_(\xdd\x12\x9a\xd9&amp;}\xe1\xcc&gt;\x88\xb5\x99\x91\x1f\xef|\xa9\xec\x9d\xd7\x1dNw,\x0e\x08R\xca\xb0;\xaaN\x1e\xdf\xb9~1\x00\x07\x06\xa80\'{dv\xe7A\xfe@\x15\x9d\xfd^(\xe0\xa2&amp;\xe0\x1d5hj\xd3\xcc\xcbLi\x1a\xc2\xa8\xa8\xa8\x98;w.\xdd\t\xa8_\xf4\xbd\xac\x1fz\xeaCUU\xd5\xbcy\xf38\x07`\nQM\x1f\xdf\xa5s\x8f\xe6XM\xad\x9f\x17\x83\x1b\x1c+\x83\x13\xc6^\x95\xd3\xad)"\n\x0e\nq\xf7\x0b\xcbP\x9a,\xf6v\xd3\x10\xa5=\xd9\xb9o\xd3\n\x7f\xe5)\xe0\x1c\x11\x93\x1d\xce\xeb\x87\xdc\x16\x8e\x04\xe9\xec\xf7"\xe8\x8b\xc1\x8e\xa4\xd4\x1b\x86\xde\xce\x18C\x89zu\xb5\x7f\xff~\n\x8e\xafG\xf4\xd5\xac\x1fz\x9bb\xd1\xa2EeeeB\x08ib\x86+\xa9hf\x1f\xe5\x8f\xd0\xd9\xef\xc5\xd1G\xc1I\xa9\xf6\xa5\xf9\xfd\x95bJ\xe9\x96\xd0\xbd\xef\xbf\xbe&amp;9-\xb6ZB\x15\xa2=\xd9Y^\xfa\xee\xfe\x7f\xfc9\xda\xfa9\xa8\xcf\xb8\xb6\xad\xbb\x86\xc2~:\xfb\xbd8\x9c\x0b\x7f\xa0\xaa\xff57wl\xd7S\xa2\xe4\x9c\x87\xc3\xe1\xbc\xbc&lt;)%\xbd\x04\xd4\x17z6\xd5\x03\xdd\xf8\xaf\xcf\xa9\x84\x10J!*Uto</t>
        </is>
      </c>
    </row>
    <row r="354">
      <c r="A354" s="1" t="n">
        <v>352</v>
      </c>
      <c r="B354" t="inlineStr">
        <is>
          <t>circle_size_number</t>
        </is>
      </c>
      <c r="C354" t="inlineStr">
        <is>
          <t>What is the missing number of the part denoted with a question mark?</t>
        </is>
      </c>
      <c r="D354" t="inlineStr">
        <is>
          <t>[2, 5, 1, 4]</t>
        </is>
      </c>
      <c r="E354" t="inlineStr">
        <is>
          <t>2</t>
        </is>
      </c>
      <c r="F354" t="inlineStr">
        <is>
          <t>There are 6 numbered circles with varying sizes arranged in a ring with number ['?', 6, 4, 2, 6, 4] in a clockwise order.</t>
        </is>
      </c>
      <c r="G354" t="inlineStr">
        <is>
          <t>We observe that the size of the circle is related to the number in the circle. The circle with the largest value 6 seems to be the biggest and the circle with the smallest value 2 seems to be the smallest. Thus, the pattern is that the larger the number the larger the circle.</t>
        </is>
      </c>
      <c r="H354" t="inlineStr">
        <is>
          <t>Based on the pattern that the larger the number the larger the circle, the missing number of the circle denoted with a question mark should be 2.</t>
        </is>
      </c>
      <c r="I354" t="inlineStr">
        <is>
          <t>b'\x89PNG\r\n\x1a\n\x00\x00\x00\rIHDR\x00\x00\x02\x00\x00\x00\x02\x00\x08\x02\x00\x00\x00{\x1aC\xad\x00\x00\x99\x00IDATx\x9c\xed\xbdw\\T\xd7\xf3\xff\x7f\xef6\xca\xb2l\xa1\xa9\x88\x15EA\xa5\xaa(%vcE\xb1\x1bM\xd4\x98Dc\x8b\x1ak4\xddX\x13\xa3\xefD\x8dI\xec\xc6\xae\xd8\xbb\xd1\x88( \x8aJ\xc7\xde(\x0b\xecR\x16\xb6\xdc\xf2\xfbc\xbe\xee\x8f\x8f\x89\x8a\n\xec\xbd\xbb\xf3\xfc\xe3\xfd\xe0m\x96\xe5\xec\xdes\xe65gf\xce\x1c\x92eY\x02A\x10\x04\xb1=\x04\x96\x1e\x00\x82 \x08b\x19P\x00\x10\x04Al\x14\x14\x00\x04A\x10\x1b\x05\x05\x00A\x10\xc4FA\x01@\x10\x04\xb1QP\x00\x10\x04Al\x14\x14\x00\x04A\x10\x1b\x05\x05\x00A\x10\xc4FA\x01@\x10\x04\xb1QP\x00\x10\x04Al\x14\x14\x00\x04A\x10\x1b\x05\x05\x00A\x10\xc4FA\x01@\x10\x04\xb1QP\x00\x10\x04Al\x14\x14\x00\x04A\x10\x1b\x05\x05\x00A\x10\xc4FA\x01@\x10\x04\xb1QP\x00\x10\x04Al\x14\x14\x00\x04A\x10\x1b\x05\x05\x00A\x10\xc4FA\x01@\x10\x04\xb1QP\x00\x10\x04Al\x14\x14\x00\x04A\x10\x1b\x05\x05\x00A\x10\xc4FA\x01@\x10\x04\xb1QP\x00\x10\x04Al\x14\x14\x00\x04A\x10\x1b\x05\x05\x00A\x10\xc4FA\x01@\x10\x04\xb1QP\x00\x10\x04Al\x14\x14\x00\x04A\x10\x1b\x05\x05\x00A\x10\xc4FA\x01@\x10\x04\xb1QP\x00\x10\x04Al\x14\x14\x00\x04A\x10\x1b\x05\x05\x00A\x10\xc4FA\x01@\x10\x04\xb1QP\x00\x10\x04Al\x14\x14\x00\x04A\x10\x1b\x05\x05\x00A\x10\xc4FA\x01@\x10\x04\xb1QP\x00\x10\x04Al\x14\x14\x00\x04A\x10\x1b\x05\x05\x00A\x10\xc4FA\x01@\x10\x04\xb1QP\x00\x10\x04Al\x14\x14\x00\x04A\x10\x1b\x05\x05\x00A\x10\xc4FA\x01@\x10\x04\xb1QP\x00\x10\x04Al\x14\x91\xa5\x07\x80p\x05\x96e\xe1\x7f\xe1\x87\x7fC\x92$I\x92\xe6\x9fkod\x08\x82\xd4\x0c\xe4\x8bV;b\xc5\xb0\x95 \x08B \x10\x08\x04\xaf\xb7\x17d\x18\x06~\x1d\x94@ \x10\xa0$ \x08\xef@\x01\xb0\x15\xcc&amp;\xfbE\xe6^\xadV\x93$YRR\x92\x92\x92\xf2\xdc\x7f"I\x92a\x98F\x8d\x1ayzz2\x0c\xe3\xe2\xe2"\x14\n\xff\xfd\x0e4M\xc3\xfbW\xde+ \x08\xc2YP\x00\xac\x19\x96e\xc1\xee\x8bD\xff\'\xd6\xa7\xd1h\xee\xdd\xbbw\xf7\xee\xdd+W\xae\x14\x14\x14ddd\x18\x8dF\xadV\xcb\xb2,EQ..."\x91\x88a\x98\xcaF\\ \x10\xe4\xe7\xe7\x83x8::J\xa5ROO\xcf\xfa\xf5\xeb\x07\x04\x044i\xd2\xc4\xd7\xd7\xd7\xcd\xcd\xad\xf2\x9f\xa0i\x9a \x08\x92$_wo\x81 H\xad\x81\x02`\x85\x80\xdd\'\x08\xa2\xb2\x9f~\xfb\xf6\xed\xd8\xd8\xd8\xf3\xe7\xcf\xa7\xa6\xa6\xe6\xe5\xe5\xc9d2\xb9\\\xee\xe3\xe3\xe3\xee\xee\x1e\x10\x10 \x95J[\xb5jE\xd3\xb4H$\xf2\xf4\xf4\x14\n\x85\xcfM\x0c\x92$sssu:\x9dX,\xbe\x7f\xff~^^\xde\x9d;w\x1e&gt;|x\xfb\xf6\xed\x82\x82\x82\x92\x92\x12\x99L\xe6\xed\xed\x1d\x19\x19\x19\x19\x19\xd9\xbauk\xb1X\x0c\xbf\xc80\x0c\xc30o\x10eB\x10\xa4\xa6A\x01\xb0* \x08c\xf6\xf7KJJ\xce\x9f?\x7f\xf0\xe0\xc1k\xd7\xaeUTT\xd4\xabW\xcf\xcf\xcf/$$\xc4\xdf\xdf\xbfA\x83\x06\n\x85\x02\x8c2\xcb\xb24M\xeb\xf5z\xf8-\x83\xc1\xf0\x9fo.\x16\x8b\x05\x02\x01\xcb\xb2vvvb\xb1\xd8\xbc?(++{\xfc\xf8qJJ\xca\xb5k\xd7\xd2\xd2\xd2\xee\xdc\xb9C\x92\xa4\xb7\xb7w\xff\xfe\xfd;w\xee\xdc\xb0aC\xf3\xd8\x08\xcc\x16 \x08\x97@\x01\xb0\x06\xc0\xe57\xdb\xd6\xe2\xe2\xe2#G\x8e\xec\xdf\xbf\xff\xea\xd5\xabr\xb9&lt;,,\xacG\x8f\x1e\xed\xdb\xb7\xaf[\xb7.I\x92,\xcbVTT\x18\x8dF\x8a\xa2\xe0\xe9\x93\xcf\x80w{\x91\x816O\x15s\xf6\x18\x92\xc0B\xa1P"\x91\xd8\xdb\xdb\xc3\x86\xa3\xa8\xa8(%%\xe5\xc4\x89\x13\xb1\xb1\xb1\xb7o\xdfn\xd1\xa2E\xff\xfe\xfd\x07\x0e\x1chV\x02\x8a\xa2\x84B!\xca\x00\x82X\x1c\x14\x00~\x03\xa6\xdf\x1c\xea9w\xee\xdc\xce\x9d;O\x9e&lt;Y\xb7n\xdd\x81\x03\x07FDD\x04\x05\x05\xd9\xdb\xdbS\x14U^^n4\x1a\xc1dW\xbb\x1bnN6\x90$)\x12\x89\x1c\x1c\x1c\xec\xec\xecX\x96MMM\xbdt\xe9\xd2\xc1\x83\x07\x93\x93\x93\xdb\xb5k7l\xd8\xb0A\x83\x06I$\x12\x82 h\x9a\xc6\x0c\x01\x82X\x16\x14\x00\xbe\x02q\x1b\x88\xf6\xe8\xf5\xfa?\xff\xfcs\xc7\x8e\x1dO\x9e&lt;\xe9\xdd\xbb\xf7\xa8Q\xa3\x82\x82\x82\xec\xec\xec\xf4z}yy9M\xd3\xb5\\\x99\x03q\x7f\x92$\x1d\x1c\x1c\xa4R)A\x10\xe9\xe9\xe9\xfb\xf6\xed\xdb\xb5k\x17EQ\x83\x07\x0f\x9e0a\x82\xa7\xa7\'\x812\xf0\xd6\xc0\xfa\x85\x94\x8fy-\xbf\xe8\xfb\x84\x97\x11\xcf6y\xf02\xdc\x8a\xd92(\x00\xfc\xa3\xb2\xd7\x9f\x9b\x9b\xbbl\xd9\xb23g\xce\xa8T\xaa\xd1\xa3G\x0f\x180\xc0\xc5\xc5\xc5`0\x94\x95\x95q!\xf5jNG\x83\x12\xe8\xf5\xfa\xb3g\xcfn\xd8\xb0!++\xcb\xd7\xd7w\xde\xbcy\x01\x01\x01\x04A\x98%\xca\x82C\xe5\x11\xaf\xac\xe8}\xddw\x83g\x84\xf5\xbb6\x08\n\x00\xcf\xa0i\x1aL\x7f^^\xde\xb2e\xcbv\xef\xde\x1d\x1c\x1c&lt;s\xe6\xcc\x88\x88\x08\x96e\x8b\x8b\x8bM&amp;\x93\xc5\xed\xfe\xbf\x81\xfd\x8aP(tvv\x16\x89D\xd9\xd9\xd9\xabW\xaf\x8e\x89\x89i\xdf\xbe\xfd\x82\x05\x0b@\x0607\xf0\x12\xccF\xff\xb9\x8a^\x8a\xa24\x1aMZZ\x9aV\xab\xbd~\xfdzQQ\x11\xc30\xd7\xaf_\x87\x94\xfbs\xb4l\xd9\x12\xbe\xff\x8e\x1d;:88\x04\x06\x06\xcad2\'\'\xa7\xca\xaf1\x1f\xe6\xe0\xda\x14Bj\x02\x14\x00\xde`v\xd3(\x8a\x9a7o\xde\x8e\x1d;BBB\xe6\xcc\x99\xd3\xa1C\x07\x83\xc1PZZJ\xf0\xa1\xc6\x06\xfcM\x07\x07\x07\'\'\xa7{\xf7\xee\xfd\xf4\xd3O\x07\x0e\x1c\x08\r\r\xfd\xf9\xe7\x9f\xeb\xd7\xafOTR8\x84x&amp;\x9c\xcf\x99\xe3\xdb\xb7o\xc7\xc5\xc5\xc5\xc7\xc7_\xbf~\xbd\xb4\xb4\xb4\xbc\xbc\xdc\xc9\xc9I"\x914m\xdaT\xa1P\x10\x04\x11\x1a\x1a*\x16\x8b\x9f[\xdaB\xa1\xf0\xda\xb5k\xc5\xc5\xc5\x14E\xa5\xa4\xa4P\x14URR"\x14\n\x95Je\x8b\x16-\x02\x03\x03#""*\xd7\xef\x12\x04AQ\x14*\x81u\x83\x02\xc0\x0f(\x8a\x02\xd7o\xe3\xc6\x8d\x8b\x17/\xf6\xf5\xf55\x9b\xfe\x92\x92\x12\xde\xadR\xb0kf\x19X\xb9r\xe5\xb1c\xc7\x06\x0e\x1c\xb8x\xf1b\x91H\x84[\x01\x08\x9dU\xce\x8e\xdc\xbf\x7f\xff\xc2\x85\x0b\xe7\xcf\x9f\xbfy\xf3fYY\x99B\xa1\x80\x8a\xde\xd6\xad[{zz\xba\xb9\xb9I\xa5R\xf3\x8b_\xd2\xcd\t~\xa0i\x9a\xa2\xa8\x9c\x9c\x9c\xa2\xa2\xa2\x9b7o&amp;%%\xa5\xa4\xa4\x14\x14\x14\x08\x04\x82f\xcd\x9a\x85\x87\x87w\xea\xd4\t\xb6e\xc4\xbfj\xcc\x10k\x02\x05\x80\xeb\xc0\xda#\x08"==\xfd\xc3\x0f?,--\xfd\xe6\x9bo\xa2\xa3\xa3yj\xfa+\x032`oo/\x93\xc9\xae]\xbb6g\xce\x9c\x07\x0f\x1e,_\xbe&lt;**\x8a\xb0\xd5\xad\xc0se]\xf7\xee\xdd\x8b\x89\x899z\xf4hvvv\x83\x06\r\xc2\xc3\xc3\xc3\xc2\xc2\x02\x03\x03\xeb\xd6\xad\x0b\xcf\xdd`0\x98L&amp;\x93\xc9d\x8e\x11\x11U(\xe4\x85\xdf\x95H$"\x91\xc8\xde\xde\x1e^_TT\x94\x9a\x9a\x1a\x17\x17\x17\x17\x17w\xe3\xc6\r77\xb7\x1e=z\x0c\x1a4(((\x08~\x0b3\xf6\xd6\x07\n\x00\xa7\x01\xc7\x9fa\x989s\xe6\xec\xdb\xb7o\xf4\xe8\xd1\xb3g\xcfvpp(,,\xe4\xb5\xe9\xaf\x0c\xf4\x9fpvv\xb6\xb7\xb7\xff\xeb\xaf\xbf\xbe\xfc\xf2\xcb\x80\x80\x80\xd5\xabW\xd7\xabW\xcf\xa6\xb6\x02`\xc1\xc1\xf4\x1b\x0c\x86}\xfb\xf6\xad_\xbf\xfe\xd1\xa3G\xadZ\xb5\xea\xdb\xb7o\x97.]\x1a5j$\x14\n\xa1\xa2\x17,&gt;Y\x897\xf8\x8b\xe6\n\xa2\xe7\xeaw\t\x82\xc8\xcd\xcd\x8d\x8f\x8f?p\xe0@||\xbcD"\x19=z\xf4\xc8\x91#\xeb\xd5\xabG\xfcK\xa2\x10^\x83\x02\xc0Q\xcc\xcb,##c\xe8\xd0\xa1\xae\xae\xae\xbf\xfd\xf6[\xb3f\xcd4\x1a\x8dU\xba\xc6`\x86T*UYY\xd9\xec\xd9\xb3\xf7\xef\xdf\xbf~\xfd\xfa\x01\x03\x06\x10\x95\xf6@\xd6Je\xd3\x7f\xff\xfe\xfd\xd5\xabW\x9f8qB.\x97GGGGEE5o\xde\x9ceY\x9dNg0\x18\xcc\xa1\x98\x1a\x12Es\xfd\xaeX,\x96J\xa5"\x91H\xadV\x1f9rd\xef\xde\xbd\x99\x99\x99Pn\xd0\xae]\xbb\xe7\xc6\x8c\xf0\x17\x14\x00.b6\xf1\xabV\xadZ\xbcx\xf1W_}5q\xe2D\x9dNW^^\xfe\\\x11\x88\x95\x01\'\x1b\x14\n\xc5\xb9s\xe7&gt;\xf9\xe4\x93\xf0\xf0\xf0\r\x1b6\x90$iN\x81X\x19\x95\xbd\xe9\xe4\xe4\xe4\xef\xbf\xff&gt;999  `\xf2\xe4\xc9aaab\xb1\xb8\xac\xac\xac\xa2\xa2\xa2&amp;\xce\xee\xbdr`06\x89D\xe2\xec\xecL\x92dZZ\xda\xda\xb5k\xcf\x9c9\xa3T*\xe7\xcd\x9b\xd7\xaf_?\xa2RaB\xad\r\x0c\xa9^P\x008\x07\x18;\x9dN\xf7\xc1\x07\x1f\xa4\xa6\xa6\xee\xd8\xb1#  @\xadV[M\xcc\xe7\xe5\x98;\x92\x16\x17\x17\x8f\x193\xe6\xde\xbd{{\xf7\xee\xf5\xf1\xf1\xb1&gt;\r0\x7f"0\xfdW\xae\\\x89\x8e\x8e\x9e6mZ\xd3\xa6M\xcd\'9,\x1e\x013\x9f\xe4pttttt,,,\xdc\xb8q\xe3o\xbf\xfd\xe6\xe6\xe6f\x96\x01\x9b\x8a\xd4Y\x19\xd6oP\xf8\x05\x18\x85\xc4\xc4\xc4\x80\x80\x00\x89D\x92\x94\x94\xd4\xb2e\xcb\xfc\xfc|\x91Hd\x0b\xd6\x9f \x08\x88?\x14\x15\x15\x89D\xa2C\x87\x0e\x8d\x1e=:&lt;&lt;|\xd3\xa6M\x90\x0b\xb1\x0e\x7f\xc5\xdc\xa3;//o\xfa\xf4\xe9}\xfb\xf6\xad[\xb7\xee\xc5\x8b\x17W\xaf^\xed\xe1\xe1\xa1V\xab\xcb\xca\xca\x04\x02\x81H$\xb2\xb8U\x85^OB\xa1P\xaf\xd7\xab\xd5j\xa1P\xf8\xf9\xe7\x9f\'&amp;&amp;\x0e\x1a4h\xfa\xf4\xe9\xfd\xfa\xf5KNN\x86q\xfe\xe7\xc9\x03\x84\xe3\xd8\x84M\xe1\x0b`\xfd\x0f\x1c8\xd0\xbbw\xef\x193f\xfc\xf5\xd7_P\xe0_\xb94\xdbF\x80bP\xb5Z={\xf6\xec\x98\x98\x98\xaf\xbf\xfe\xfa\xeb\xaf\xbf\x86^\xa4\xe6~\x06&lt;\x05\x8a\xebI\x92\xfc\xe5\x97_\x82\x83\x83\xf3\xf2\xf2.]\xba\xf4\xbf\xff\xfd\xcf\xcd\xcdM\xadV\x1b\x8dFn\x8a=d\x89Y\x96U\xab\xd5\x04A\xcc\x9c9\xf3\xda\xb5kAAA}\xfa\xf4\x991cFii)$\xa8\xadC\xa1m\x07\x0c\x01q\x02s,x\xe5\xca\x95\x8b\x16-\xda\xb3gO\xe7\xce\x9d\xc1\xf1\xb7\xb8\x0fhYL&amp;\x93\x8b\x8b\x8bZ\xad\xee\xde\xbd{\xcb\x96-w\xef\xdeM\xf06-l\xee\xdf\x90\x96\x966f\xcc\x18\x9a\xa6\x7f\xfd\xf5\xd7\xd0\xd0P\x08\xf4\xf3+\x8aBQ\x94X,V(\x14\x0f\x1f&gt;\x9c;wnll\xec\xaaU\xab\x06\x0e\x1cH\xd8j\xfd.OA\x01\xb0&lt;f\xbb\xf0\xfe\xfb\xef_\xbat\xe9\xe2\xc5\x8b\xee\xee\xeeEEE6\xe8\xf8\xff\'\x14E\xd9\xdb\xdb;99EEE=z\xf4\xe8\xfc\xf9\xf3r\xb9\x9cwV\xc6&lt;\xe0\xef\xbf\xff~\xc3\x86\r\x13\'N\x9c6m\x1aA\x10\xc5\xc5\xc5\xfc2\xfdf*\x9f\xe6;p\xe0\xc0\xc2\x85\x0b\x83\x82\x82~\xf9\xe5\x17ggg\xebK\xd8X+\xfcs\xa3\xac\x0c\xf31\xcb!C\x86\xdc\xb9s\'..N\xa9Tj4\x1a\xb4\xfefD"\x91\xd1h,..&gt;p\xe0@\xbbv\xed\xda\xb7o\xaf\xd1h\x84B!\x8f\x82\xce\x90&amp;\xcd\xc9\xc9i\xdf\xbe\xfd\x993gN\x9e&lt;9k\xd6\xac\xd2\xd2\xd2\xd2\xd2R\xfen\xf2 (d4\x1a\xd5juTT\xd4\x95+W\xa4R\xa9\x9f\x9f\xdf\xf9\xf3\xe7E"\x11\xf4\x14\xb2\xf4\x18\x91W\x80\x02`I\xcc\x91\x9f\xe8\xe8\xe8\xd2\xd2\xd2K\x97.9::\xeat:\xf4\x9e\x9eC \x100\x0c\xa3\xd1h~\xfb\xed\xb7\x11#F\xb4k\xd7\x8e/\x1a\x00\x8f\x18\x12\xda\xfe\xfe\xfe]\xbbv\xfd\xfb\xef\xbf===\xcd\x17,[z\x80o\x0b\xc8@aa\xa1\xc9dZ\xbbv\xed\x8a\x15+\x86\x0c\x19\xf2\xed\xb7\xdf\xc2\xb6\x86\xfb\x0f\xc8\xc6\xc1\x10\x90\xc5\xa8l\xfd+**\x8e\x1f?\xae\xd1hx\x1a\xdd\xae\x1d\xa0B\xd4\xdd\xdd\xfd\xdbo\xbf\xdd\xbaukBB\x82R\xa9\xe4\xf27f\x1e\xdb\xf4\xe9\xd3w\xee\xdc\xb9a\xc3\x86^\xbdz\x15\x16\x16\x12\xd6X;o~:w\xee\xdc\x192d\x88\x8b\x8b\xcb\xde\xbd{\xf9\x18\xac\xb3)\xacm\x16\xf2\x05s{\xe4A\x83\x06\xa1\xf5\xaf"P!\x9a\x9f\x9f\xff\xe5\x97_\x8e\x1e=\x1a\xf6\x01\xb09\xb0\xf4\xd0\xfe\x03\xe8\xe2YVV\x16\x1d\x1d\x9d\x90\x90p\xed\xda\xb5\x1e=zX\x8d\xe3\xffo\xe0\xe9\xa8\xd5\xea\xbau\xeb&amp;&amp;&amp;6n\xdc\xb8}\xfb\xf6\x99\x99\x99P\x1dd\xe9\xd1!\xff\x8d\x15ND^\x00G^\x87\x0e\x1d\xaa\xd1h\xd0\xfa\xbf\x16f\r\x181bDHH\x08\xdce\xcf\xb5\x8d,\xa8\xbbV\xab\r\n\nb\x18\xe6\xd2\xa5KNNN\xb6\x90\xd8\x17\x89D\x15\x15\x15Z\xadv\xfd\xfa\xf5\x1f|\xf0APP\xd0\xe5\xcb\x97\xa1\xa8\xd7\xd2CC\xfe\x03\x0c\x01Y\x00\x93\xc9$\x16\x8b\x7f\xfc\xf1\xc7\x9f\x7f\xfe9%%\x85$I\xb8\xc5\xc5\xd2\xe3\xe2\x13\x14E\xb9\xb9\xb9\xc1I\xd4\xc3\x87\x0f\x9bL&amp;\xeedS\xc1\xfagee\xf5\xe9\xd3g\xd4\xa8Q_}\xf5\x95\xb5\x86}^\x849\x1ct\xf4\xe8\xd11c\xc6l\xd8\xb0\xa1_\xbf~X\x1a\xc4AleFr\x07(\xa0\xde\xbcy\xf3\xd2\xa5K\x13\x13\x13\xa1\x8e\xc2vLCu!\x14\n\x0b\x0b\x0b\x0f\x1f&gt;\xac\xd3\xe9\xc6\x8c\x19#\x16\x8b9\x92o\x84\x82\x9f\xabW\xaf\xfa\xf9\xf9\x8d\x1b7\xee\xab\xaf\xbeR\xab\xd5\xb6\xd6E\xd9\x1c\xac\xeb\xd3\xa7\xcf\xee\xdd\xbb\xa3\xa2\xa2~\xfd\xf5W\x91Hd2\x99,=4\xe4\xff\x80;\x80Z\x05\xe2&lt;W\xae\\\xe9\xd3\xa7\xcf\xe1\xc3\x87!\x8a\x8dn\xd1\x9b\xc10\x0c\xd8\xfd\x90\x90\x90i\xd3\xa6M\x9d:\xd5\xe2\xf9F\x18\xc0\xd5\xabW\xdb\xb7o\xbft\xe9\xd2\xcf?\xff&lt;??\xdf\xea\xc3&gt;/\xc1d2\xb9\xbb\xbb_\xbcx122\xf2\x97_~\x994i\x12l\x7f-=.\xe4\xff\x81\x02P{\xc0\x81\xaf\xe2\xe2\xe2f\xcd\x9a\xad^\xbdz\xe4\xc8\x91\xf9\xf9\xf9\x12\x89\x04\x1f\xc1\x1bC\xd3\xb4T*\xcd\xc9\xc9i\xd5\xaa\xd5\xa9S\xa7\xc2\xc3\xc3-\xa8\x01\xf0\xa7SRR\xfc\xfd\xfd\xd1\xfa\x9b\xa9\xac\x01\xeb\xd7\xaf\xff\xe8\xa3\x8fP\x03\xb8\x03\n@\xed\x011\xd0.]\xba4k\xd6\xec\xb7\xdf~C\xebP-\x80}\xd9\xb9s\xe7\x94)S\xb2\xb2\xb2\xe4ry\xcd\xb5\xcb\x7f\t\xb0\xb7+**j\xd3\xa6\xcd\xa4I\x93\xe6\xcd\x9b\x87\xcf\xd7\x0c&lt;\xa3\xbf\xff\xfe\xbbo\xdf\xbe\'O\x9e\xb4\xacN#\x95A\x01\xa8%\xc0\xfa\x7f\xff\xfd\xf7;w\xeeLNN...\xb6\xa9\xa0p\x8d\x02\xf6\xe5\xe3\x8f?\xbe}\xfb\xf6\xb9s\xe7j\xdf\xc1\x84\xbd]III\xfb\xf6\xedG\x8d\x1a\xb5p\xe1B\xb4\xfe\xcf\x01\xcf\xe8\xcc\x993C\x87\x0e=~\xfcx\xfb\xf6\xedQ\x03\xb8\x00\n@m\x00\xeeaBBB\xd7\xae]\x93\x93\x93\xeb\xd4\xa9\xa3\xd7\xebQ\x00\xaa\x11\x86a\x14\nE\x9b6m\xde\x7f\xff\xfd9s\xe6\xd4f\xc1\t\x1c\xe9\x10\x89D\x9d:uruu\xdd\xbbw/Z\xff\xff\xc4h4zxx\xac[\xb7n\xee\xdc\xb9w\xef\xdeU*\x95\xc4\x8b\xaf/Fj\x07L?\xd68\xe0\x1e\x96\x96\x96\x0e\x1f&gt;\xfc\xb7\xdf~k\xda\xb4\xa9Z\xad\xc6\xc4o\xb5\xa3\xd7\xebcbb:v\xec\xd8\xb5k\xd7\x90\x90\x90Z;W\x01\xd6\x7f\xdc\xb8q"\x91h\xcf\x9e=\x05\x05\x05\xf8p\xff\x13\x89D\x92\x9f\x9f?a\xc2\x84\xbc\xbc\xbc\xf0\xf0\xf0\x94\x94\x14\xe8\x81\x88\x1a`Ap\x07P\xe3\xc0Vw\xf4\xe8\xd1%%%\x07\x0f\x1eD\xeb_C\xc0\xc9\x80\xd5\xabW\xafZ\xb5*++\x8b \x88Z0.\xf0p\xb7n\xdd:{\xf6\xec\xb4\xb44,\xea}%4M\xbb\xba\xba\xf6\xec\xd9\xb3^\xbdz\x1b7n\xc4\xc3\x01\x96\x05\x05\xa0f\x01?\xf4\xf2\xe5\xcb\xd1\xd1\xd17n\xdc\xb0\xb7\xb7\xa7(\n]\x9e\x1a\x02\x8cKddd\xaf^\xbd\xe6\xcd\x9bW\xd3Qfx\xb8\xd9\xd9\xd9AAA\xc7\x8f\x1fo\xd7\xae]qq1\x9a\xb3\x97\x03W\xc9\xd34\xed\xe7\xe7\xb7l\xd9\xb2\xd1\xa3Gc2\xc0\x82\xa0\x00\xd4 \xe6\xeb\xab|||\xa6O\x9f&gt;i\xd2$t\xffk\x14\x86a\x1c\x1d\x1d333###\x93\x92\x92\xbc\xbd\xbd!\xc8P\x13\x7f\x0b\x1e.\xcb\xb2\xadZ\xb5\xfa\xe0\x83\x0f\xb0\xec\xa7\xeaP\x14%\x97\xcb\x13\x12\x12z\xf5\xea\x95\x94\x94\xd4\xacY\xb3\x9a{L\xc8\xcbA\x01\xa8A\xc0\xb5Y\xb2d\xc9\xae]\xbb\xae]\xbbVXX\x88\x9eNM\x03\xd5&amp;\x93\'O\xce\xcc\xcc&lt;}\xfat\xcdy\x97\x10\xbb\x981cFjj\xea\xc9\x93\'Q\xda_\x0bxL\x8b\x16-:x\xf0`BB\x02\x06\x82,\x05\n@M\x01\xb9_\xadV\xdb\xa8Q\xa3\x93\'O\x06\x06\x06\xeat:tsj\x07\xa1P\xd8\xacY\xb3-[\xb6\xf4\xec\xd9\xb3&amp;4\xc0|\xa2{\xd0\xa0A\xc9\xc9\xc9vvv\x18\xd9{] g\xf3\xce;\xef\xf4\xea\xd5k\xee\xdc\xb9\x18\x08\xb2\x08(\x005\x859\xf7+\x91H\xfe\xfc\xf3O\xf4\x10k\r\x9a\xa6U*\xd5\xf6\xed\xdb\x7f\xf8\xe1\x87\x1b7n@\x93\xb8j\xb4\xce\x10\xfca\x18\xc6\xd7\xd7\xf7\xcb/\xbf\x1c5j\x14V\xfe\xbc\x01\x0c\xc3\xd8\xd9\xd9\xe5\xe4\xe4\x84\x86\x86\xc6\xc6\xc6\xfa\xf8\xf8\x10\xb6\xd4/\x8f#\xe0\xd7]#\x80\x87\x98\x9a\x9az\xf0\xe0\xc1\x85\x0b\x17\x96\x95\x95\xa1wSk\x08\x85B\x8dF\xf3\xde{\xef\x91$\xf9\xfb\xef\xbfW\xfb\x85\x01p\x8d\xcf\xc2\x85\x0b\xeb\xd4\xa93j\xd4\xa8\xc2\xc2B\xb4\xfeo\x80@ \xa8\xa8\xa8h\xd6\xac\xd9\xc4\x89\x13\xc7\x8c\x19#\x10\x08\xd0\x19\xad}p\x07P#\x80\xfb\x1f\x15\x15U\xa7N\x9d\xdf~\xfb\r\xdd\xffZ\x86\xa6i\x85B\xb1\x7f\xff\xfe\x993g\xde\xb9s\xa7\x1a7\x01\xa0%YYY\x91\x91\x91\x97.]\xaaW\xaf\x1e\x9e\xe9{\x1b\x18\x86qvv\x0e\x0c\x0c\x9c9s\xe6\xd8\xb1c1\x10T\xcb\xa0\x00T?f\xf7?&lt;&lt;\xfc\xda\xb5knnnF\xa3\x11\x03\xc4\xb5\x0c\xc30r\xb9&lt;00p\xc2\x84\t\x93&amp;M\xaa.\xcbb\x96vOO\xcf5k\xd6`\xe5\xcf[B\xd3\xb4R\xa9&lt;p\xe0\xc0\xf4\xe9\xd3\xabW\xaa\x91\xaa\x80\x02P\xfd\x80\x8d\xe8\xdf\xbf\x7f\xdd\xbau\xd1\xfd\xb7\x14`Y\xf6\xee\xdd\xfb\xf9\xe7\x9fgee\xd9\xdb\xdb\x13o\xddx\x00\x9e\xec\xc9\x93\'?\xfc\xf0\xc3\xd4\xd4T\xc8\xf3W\xd3xm\x17\xc8\x06\xbf\xfb\xee\xbbm\xda\xb4Y\xb6l\x19n\x02j\x13\xdc\xbaV3P\xd1\xfc\xe4\xc9\x93\xa4\xa4\xa4\xd9\xb3gc\xf4\xdfR\xc0\x8d\x8c\xd1\xd1\xd1\xae\xae\xae\x87\x0f\x1f&amp;I\xf2\xed3\x01\xa0\x1f\xf3\xe6\xcd\x9b4i\x92\\.\xc7\xebM\xaa\x05\x81@\xa0\xd7\xeb\xbf\xfc\xf2\xcb\xf5\xeb\xd7\xab\xd5jL\x06\xd4&amp;(\x00\xd5\x0c\xc30$I\xaeX\xb1\xa2s\xe7\xceM\x9b6\xad\xa8\xa8\xc0\xfd\xac\xa5`\x18F$\x12M\x9a4\xe9\xc7\x1f\x7f$\xaa\xc3\xfd\x17\x08\x04\'N\x9c\xc8\xcd\xcd\xfd\xf4\xd3O\xb5Z-n\xec\xaa\x05\x81@PZZ\xda\xb1c\xc7\xf6\xed\xdb\xff\xf0\xc3\x0f\xd5"\xd5H\x15A\x01\xa8N\xc0\xfd\xaf\xa8\xa8\x88\x89\x89\x19;v\xac\xc1`\xc0\xf4\xa0\x05\x11\x89D%%%QQQ999\xd7\xaf_\x7f\xcbr \x92$Y\x96\x9d7o\xde\xd4\xa9S\xd1\xfd\xaf^`\x13\xf0\xf5\xd7_o\xde\xbc9//\x0f7\x01\xb5\x06\x9a\xa7\xea\x84\xa6i\x92$7o\xde\xec\xec\xec\x1c\x19\x19YVV\x86\x02`Y\x8cF\xa3\x9b\x9b[\xaf^\xbd\xbe\xff\xfe{\x82 \xde\xd8\xac\x80\xfb\x7f\xe9\xd2\xa5\xc2\xc2\xc2\t\x13&amp;\xa0\xfb_\xbd\xc0&amp;\xa0C\x87\x0e\xed\xda\xb5[\xb3f\rI\x92\x1c\xb9\xe1\xd9\xeaA\xf3T\x9d\x80\xb9\xff\xeb\xaf\xbfF\x8f\x1e-\x16\x8bq\'kq\xc0\xb5\x1c7n\\|||ii\xa9P(|\x1b\xd7r\xf9\xf2\xe5C\x87\x0eU(\x14\xe8\xfeW;$IR\x145e\xca\x94-[\xb6\xe8\xf5\xfa\xb7|RH\x15A\x01\xa86\xa0\xfa3--\xed\xf6\xed\xdb#F\x8c())\xc1\xf4\xaf\xc5\x11\x08\x04eeem\xdb\xb6\xad_\xbf\xfe\xb6m\xdb\x08\x82x\x03\xd7\x12\x1aX&gt;z\xf4(!!\xe1\xe3\x8f?\xc6\xc4~M \x14\n\x8b\x8b\x8b\xbbu\xeb&amp;\x93\xc9bbb0\x13P;\xa0\x00T\x1b0_\xb7o\xdf\x1e\x14\x14\xe4\xe9\xe9i0\x180\xfd\xcb\x11H\x92\x8c\x8e\x8e\xfe\xeb\xaf\xbf\x887j6\x00\x9a\xf1\xfb\xef\xbf\xb7m\xdb\xb6y\xf3\xe6\x98\xd8\xaf!\xa09\xc4\xfb\xef\xbf\xbfv\xedZ\x02/\x0b\xab\x15P\x00\xaa\r\xc81\x9e&lt;yr\xfc\xf8\xf1\xd8\x1a\x8c;\xc0&amp;`\xe4\xc8\x91999\x0f\x1f&gt;|\x83\x04\xa3P(4\x99L\x7f\xfd\xf5\x17&gt;\xd9\x1aE(\x14\x96\x94\x94\x8c\x181";;;--\xad\xda{x \xff\x06\x05\xa0z\x80\xf8OJJ\xca\xd3\xa7OCCC\xcb\xcb\xcb1\xfd\xcb\x11H\x924\x18\x0c\x9e\x9e\x9e\x1e\x1e\x1e\x07\x0e\x1c ^3\n\x04\x89\xfdK\x97.\xd14\x1d\x19\x19\t\x89\x84\x1a\x1b\xacMc~RAAA\xdb\xb7o\'\x9e\xed\xaa\x91\x9a\x03\x8dT\xf5\x003\xf5\xc0\x81\x03m\xda\xb4\xf1\xf0\xf0\xc0\xde\x0f\x9c\x82eY\x92${\xf7\xee}\xf0\xe0A\xe25c\x0b\xb0]\xd8\xb6m\xdb\x80\x01\x03\x14\n\x05EQ55J\xe4Y*x\xfc\xf8\xf1\xc7\x8f\x1f\xaf\xb5[\x9dm\x19\xfc~\xab\x07\x98\xa9\xe7\xce\x9d\xeb\xdf\xbf?\x9a~\xae!\x14\n+**\xfa\xf4\xe9s\xef\xde=\x8dF\xf3Z\x15&amp;B\xa1\xd0`0\xc4\xc5\xc5\r\x180\x00\x0fv\xd44B\xa1\xb0\xac\xac,22R\xa7\xd3\xa5\xa4\xa4`\x14\xa8\xa6\xc1\xd9\\\r\xc0\xf9/\xb5Z}\xe7\xce\x9d\x88\x88\x08\xab\x89\xff@\xe3{\x9a\xa6\xa9\xff\x0bM\xd3\xfcZ\x96$IVTT\xf8\xf8\xf88::\xc6\xc6\xc6\x12U\x8e-@\xfc\xe7\xe2\xc5\x8b\x04A\xb4k\xd7\xce\n\xae\xf4\xe1~\xff"\x93\xc9\xa4R\xa9\x02\x02\x02 i\xcf\xaf\x99\xc6;\xf8=\x9b9\x02\xcc\xd1\xb8\xb8\xb8\xbau\xeb\xb6l\xd9\xd2\n\xaaD\x18\x86\xa1(J \x10H\xa5R\x95J\xe5\xe6\xe6\xe6\xe6\xe6\xe6\xea\xea\n?\xa8T*\xa9Tj\xe91\xbe\x1e4M;88\x84\x87\x87\x9f9s\x86\xa8\xf2\x890x\xd9\xa1C\x87\x02\x03\x03\x1d\x1c\x1c\xf8~:\x89eY\xb1X,\x16\x8b\xb9,cP\x00\xda\xb5k\xd7s\xe7\xce\xe1]\xc15\r\x9ef\xac\x06\xc0L\xfc\xfd\xf7\xdf\x81\x81\x81"\x91\x88\xd7\xb1K\xf0\xfa\xa5R\xa9\xbd\xbd}aa\xe1\xb5k\xd7\xb2\xb2\xb2\x1e&lt;xPRRb2\x99$\x12\x89B\xa1\xf0\xf2\xf2j\xde\xbc\xb9\x8f\x8f\x0f\x8ft\x0e\xccJDD\xc4\x9a5k\xaanV\xa0d(11q\xca\x94)\xd0\xe5\xa9\xa6\xc7Y\xa3\x88\xc5\xe2\xc2\xc2B\x82 \xec\xed\xed\xed\xed\xed\xb9\xb9\x15\x10\x08\x04\xe5\xe5\xe5]\xbatY\xbat\xa9Z\xadvww\x87\x14\x8e\xa5\xc7e\x9d\xa0\x00T\x03`&amp;._\xbe&lt;q\xe2D^OV\x9a\xa6\xc5b\xb1B\xa1\xb8~\xfd\xfa_\x7f\xfdu\xfc\xf8\xf1\xf4\xf4\xf4\xff|\xa5H$JJJj\xda\xb4)_\xaeC\x81\x1eM!!!O\x9e&lt;\xc9\xcf\xcf\xf7\xf0\xf0x\xe5\x93\x02\x9d\xc8\xcf\xcf\xcf\xcb\xcb\x0b\t\t\xe1ud\x0fZ./X\xb0\xe0\x97_~!\x08b\xfe\xfc\xf9\xb3f\xcd\xe2\xe6M\x96P\x0b\xd4\xa0A\x03\xa5Ry\xe5\xca\x95\xfe\xfd\xfb\xc3\x15l\x96\x1e\x97u\xc2\xb9\xc7\xcf;\xc0Lh\xb5\xda\xc7\x8f\x1f\xb7n\xddZ\xaf\xd7\xf3T\x00h\x9avrr*))Y\xb8p\xe1\x86\r\x1bt:\x1dA\x10\xf6\xf6\xf6\xbe\xbe\xbe\x8d\x1b7vuu\x95H$\x06\x83\xa1\xa0\xa0\xe0\xde\xbd{w\xee\xdc1\x1a\x8d&lt;2\x88$I\x1a\x8dF///;;\xbb\x1b7n\xf4\xe8\xd1\xe3\x95f\x05^p\xe5\xca\x15\x17\x17\x97\xc6\x8d\x1b\x97\x94\x94\xf0\xe8\xf3V\x86\xa2(\xa5Ry\xec\xd8\xb1E\x8b\x16\xc1\xbfp&lt;J\xc90\x8cD"\t\x0e\x0e\x86\xaa\nn\xeeT\xac\x03\x14\x80\xb7\x05\x1c\xc9\xb4\xb44\x89D\xd2\xa4I\x13\x9e\x16\x8aP\x14%\x97\xcb322F\x8d\x1au\xeb\xd6-\x82 \x02\x02\x02\xc6\x8e\x1d\xdb\xa5K\x97\x06\r\x1a8::\n\x04\x02h\x87\xc90LEE\xc5\x83\x07\x0fT*\x15\xbf4\x80\xa6i\xa9T\xda\xb4i\xd3\xf8\xf8\xf8\x1e=z\xbc\xd2\xac\xc0\x0b\xce\x9c9\xd3\xaaU+\xe8\xec\xc4\xa3\x0fk\x86a\x18{{\xfb\xbc\xbc\xbcO?\xfdT(\x14\xcad\xb2\xe2\xe2b\x8e;\xd40\xd3:t\xe8\xb0v\xedZL\x03\xd4((\x00o\x0b\x98\x89\xf4\xf4\xf4\xc6\x8d\x1b+\x14\x8a\xc2\xc2B\x8e\xaf\xae\x7fC\xd3\xb4L&amp;\xcb\xc8\xc8\xe8\xd5\xab\xd7\xd3\xa7O\x1d\x1c\x1c\x16.\\\xf8\xe9\xa7\x9f:;;\x97\x97\x97\x1b\x0c\x06\xadVK&lt;\x93:\x82 \x84Ba\xe3\xc6\x8d)\x8a\xe2W\x85\x06&lt;\xa9\x80\x80\x80\xac\xac\xac\xaa\xbc\x1e\xec\xce\xd5\xabW\x87\x0f\x1fN\xf0\xb63\x01\xcb\xb2\x8e\x8e\x8ec\xc7\x8e}\xf0\xe0\xc1\xb8q\xe3n\xdf\xbe\xfd\xcf?\xffp\xfc\xb3\x90$\xa9\xd7\xeb[\xb7n\xfd\xf8\xf1\xe3\xe2\xe2b\x85B\xc1\xeb\xc8*\x97Ai}[\xc0\xac\xdc\xbcy\xb3I\x93&amp;\xe0\xb9XzD\xaf\x07\xcb\xb2\x12\x89\xa4\xb8\xb8x\xe8\xd0\xa1O\x9f&gt;\x85k\x14\xe7\xcd\x9b\xc70LAA\x01t4\x12\n\x85B\xa1P$\x12\xc1\x0f\x04A\xe8\xf5z~Y\x7f\xe2\x99_\xe9\xe7\xe7\x07\x02\xf0r\xbf\x12\x1cO\x9dN\xf7\xe4\xc9\x93\xc0\xc0@\x9evv2\x99L\xae\xae\xae\xbf\xfe\xfa\xeb\xbe}\xfb&lt;&lt;&lt;\xe6\xcd\x9bWZZj\xe9A\xbd\x1a\x81@`0\x18\x9a4i"\x91H\xd2\xd2\xd2\x88\xb7\xe8\xe3\x8d\xbc\x1c\x14\x80\xb7\x05\xecBFFF\x9b6m\xf8\xe8\xa70\x0c\xe3\xe4\xe44g\xce\x9c\xcc\xccL;;\xbb\x8d\x1b7\xf6\xee\xdd;//\x8feY\xb8\xa1\xfb?\x7f\x8b\x8f\xbbr\xf0+[\xb4h\xa1\xd5j\x8b\x8b\x8b_\xae\xd6\xf0\x9f\x9e&lt;ybgg\xe7\xed\xed\xcd\xc7\xd4\x0eM\xd3r\xb9&lt;!!a\xc1\x82\x05\x04A,\\\xb8\xb0A\x83\x06\xc5\xc5\xc5\x04\x1f\xec)EQ\n\x85\xa2I\x93&amp;P\x86\xc0\xfd\x01\xf3\x14\xfe-c\xae\x01\xf5\x85\x85\x85\x85u\xeb\xd6\xe5\xdd4\xa5i\xda\xd9\xd9\xf9\xec\xd9\xb3[\xb7n%\x08\xe2\xf3\xcf?\x8f\x8a\x8a\xca\xcb\xcb\x93H$\xbc\xb3w\xaf\x04\xda\x0c\xb8\xba\xba\x1a\x8dF\x9dN\xf7\xca\x12 \x82 \xb2\xb3\xb3\x1d\x1d\x1d\xdd\xdc\xdcx\xd7\x03\x0e\xf4\xbb\xa2\xa2b\xe2\xc4\x89\xa5\xa5\xa5\xbd{\xf7\xfe\xe4\x93O\n\n\n\xf82E\xc1\x97j\xd8\xb0aJJ\n\x81\x02Pc\xa0\x00\xbc\x15\x10(\xd0h4\x1a\x8d\xc6\xcf\xcf\xaf\xa2\xa2\x82w\xae1I\x92?\xfd\xf4\x13\xc30-[\xb6\x9c9s\xa6F\xa3\x11\x8b\xc5\x96\x1eT\x8d@\x92\xa4\xc9d\xaa[\xb7\xaeB\xa1\xb8q\xe3\x06Q\x85S\xa6\xd9\xd9\xd9^^^|\xbc\xa1\x90\xa6i\x85B1\x7f\xfe\xfck\xd7\xaeyyy\xfd\xf2\xcb/&amp;\x93\t\xceu[zhU\x02\xf6gM\x9b6}\xf4\xe8\x11\xc1\xdb\x04\x0c\xf7\xe1\x99\xb5\xe2&amp;F\xa3\x91eY{{{~\x85\xc5!\xf8s\xf5\xea\xd5s\xe7\xce\x11\x041y\xf2dhvf\xc5\x8b\r\xfcb\x89DR^^\xfe\xcaW\x12\x04q\xf7\xee]\x0f\x0f\x0f\xde\t\x00EQ...;w\xee\\\xb7n\x9dP(\\\xbdz\xb5\x97\x97\x17\x94~\xf2h\x8a\x92$\xd9\xa8Q\xa3\x87\x0f\x1f\x12(\x005\x06\n\xc0[\x01\xcb\xe9\xfa\xf5\xeb\n\x85\xa2~\xfd\xfa&amp;\x93\x89G3\x15\n\x04cbb\x8cFc\xbdz\xf5\xfa\xf7\xefo\xf5\xbd\x8e\xa1\xb4\xdf\xcf\xcf/..\x8exi`\x01\x9ecNNN\xa3F\x8d\xf8\x95\xdaa\x18\xc6\xd1\xd1\xf1\xce\x9d;\xd3\xa7OgYv\xda\xb4i\x03\x06\x0c(**\x12\x89DP\xc5k\xe9\x01V\t8\xb7Q\xb7n\xdd\x8a\x8a\n\x88\xd7\xf1K\x83\xf9\x02\n@5\x00msxw\x8b\xa9H$*))9}\xfa4I\x92\xdd\xbbw\xafW\xaf\x1eOk]^\x17\x91H\xf4\xca\xae\xce\xf0=\xdc\xbbw\xafY\xb3f\xb52\xa8\xeaD$\x12M\x9a4)77\xb7C\x87\x0e\xdf|\xf3\r4@\xb5\xf4\xa0^\x0f8\x0f\x0c\xe7\xef\xca\xca\xcalaZZ\x04\x14\x80j\x00zd\xf2\xcb\xfa\x83\xfb\x7f\xfb\xf6\xed\xf4\xf4t\x96e\xbbt\xe9\xf2\x9c\x9fkn\x05\n\xbd?\xf9\xe29V\x05x^Uy\xa5D"\xe1\xf8\xa1\xd9\xe7\x80\xe0\xcf\xb2e\xcbN\x9f&gt;\xadR\xa9 \x04\xc4\xd3.F\x02\x81\x00N\x1aZkR\x8a\x0b\xa0\x00\xbc\x15`\xf4\xe3\xe2\xe2|||\xf8\xb5\x03`Y\x16\x9a"\xe8\xf5z\x07\x07\x07\x7f\x7f\x7f8\xc3\xcc\xb2,\x9c\xf0\x12\x8b\xc5R\xa9T.\x97+\x14\n\x99LfooO\x10\x04\xef\x0e\x7f=\x07D\x12\x82\x83\x83\xaf_\xbfN\xbc\xb8\x98\x15\xb4P\xab\xd5\x16\x16\x16\xb6n\xdd\x9a/\x1a\x00\xa5\x93\xe7\xce\x9d\xfb\xe1\x87\x1f\x08\x82X\xbati\xeb\xd6\xadKKKyW\x98@&lt;\x0b\x01yzz\xcad28\x9a\xce\xa3\xc5\xc5#\xf0$p5`4\x1a\x95J%\xbf\xc2\x94`\xe3\xa0\xc6\xaea\xc3\x86\xf5\xeb\xd77\x1a\x8d4M\xdb\xd9\xd9)\x95J\xbd^\x9f\x93\x93\x93\x93\x93SRR\x02{\x05\x0f\x0f\x0fOOOWWW\xbd^\x0fm\xf1ya\x13\xff\x13\x95J\xf5\xcab\x180@\x06\x83A\xa9T\xf2"1\x0e\x8a^TT4q\xe2D\xbd^\xff\xfe\xfb\xef\x7f\xf8\xe1\x87\x85\x85\x85\xfcu\x9f!\x99!\x91H\x8a\x8a\x8a\x08\x14\x80\x9a\x01\x05\xa0\x1a\x80\x02sK\x8f\xe2\xf5 I\x92\xa6\xe9\xdb\xb7o\x13\x04\xd1\xa8Q#\x99L\xa6\xd5j]\\\\\xf2\xf2\xf26m\xda\x14\x13\x13s\xed\xda584\x04\xd8\xdb\xdb7o\xde\xbc[\xb7n\xef\xbd\xf7^@@@qq1\xbfR\xa3\x95\xa9\xa2A\'I\x12\x9e,/&gt;&amp;\xd4t}\xfa\xe9\xa7YYY\xbe\xbe\xbe+V\xac\xe0o\xf7:3\x0c\xc3@\xe1\x96\xa5\x07b\xb5\xe07[=\xf0\xc2FT\x06\xda#?}\xfa\x94 \x08(u\x97\xcb\xe5\xdb\xb6m\xfb\xfa\xeb\xaf\xef\xdf\xbfO\x10\x04\xf4\xb6svvfYV\xa3\xd1&lt;~\xfc\xf8\xe6\xcd\x9b7o\xde\\\xbf~\xfd\xe4\xc9\x93\x17,X\x00W\x83\xf1\xee\x83\x13\xaf\xf9\xb0x\xf1\x01M&amp;\x93\xbb\xbb\xfb\xfa\xf5\xeb\xb7o\xdf\xee\xe8\xe8\xb8v\xedZ\xb9\\^\\\\l\x1d\xa6\x13}\xff\x9a\xc3\x1a\xe6\x07\xf2\xba\xb0,\x0b\x97\xaf\xc2\xf5 nnn"\x91h\xf6\xec\xd9+W\xae$\x08b\xe0\xc0\x81C\x87\x0e\r\x08\x08pqq\x91H$,\xcbBD\xe8\xe2\xc5\x8b\xbf\xff\xfe{JJ\xca\x92%K\xd2\xd2\xd2\xb6m\xdb\x06\x89b^\x98H+\x06z\xf9\xdd\xb8qc\xce\x9c9\x04A,\\\xb8022R\xadV[\x87\xf5Gj\x14~\xef\x10\x917F \x10\xe8\xf5\xfa\x92\x92\x12\x82 \x9a6m\xbaz\xf5\xea\x95+W\xb6l\xd9\xf2\xc4\x89\x13{\xf6\xec\x192d\x88\x97\x97\x17\xf4@fY\xd6\xc1\xc1\xc1\xc7\xc7g\xca\x94)\x17/^\x1c?~&lt;A\x10\x87\x0e\x1d\x9a9s\xa6L&amp;\xe3uN\xd8\n\x00-\xa7iz\xe2\xc4\x89Z\xad\xb6w\xef\xde3g\xce,,,D\xeb\x8fT\x05\x14\x80j\x80_\xe9_\x00.\xde\xab\xa8\xa8 \x08\xe2\xe2\xc5\x8b\xd3\xa7O\xef\xd8\xb1\xe3\xb9s\xe7\xbau\xebVTT\xa4\xd1h\x0c\x06\x83\xd9\xb8\xd34]QQ\xa1V\xabI\x92\xfc\xfd\xf7\xdf\x87\r\x1bF\x10\xc4\xef\xbf\xff~\xe2\xc4\t\xb9\\\xce\x97\xee\x02f^+{\xc1\xf1\'K\xd3\xb4R\xa9\xfc\xea\xab\xaf._\xbe\\\xbf~\xfd_\x7f\xfd\xd5`0XzP\xd5\x06|\xf9\xb8\xc5\xac9P\x00\xaa\x01\x93\xc9\xc4\xafZ\x0b\xb0\x80F\xa3\x112\x9c\x9b6m\xf2\xf2\xf2\xda\xb5k\x97\\.\x07\xe7Q(\x14B\n\x14^O\x92$\x94c\x9bL\xa6\xd2\xd2\xd2e\xcb\x96\xd5\xad[\x97$\xc9U\xabVq\xdc&gt;\xfe\'\x12\x89\xa4*I{8\xfd \x16\x8b9\xfb\x19)\x8aR\xa9T111\xabV\xad\xaa\xdc\xf2\x81\xef\xb9_\x0067\xd0\xc1\xc9\xd2c\xb1Z\xaca\xa2X\x1cww\xf7\x07\x0f\x1e\xf0.\x1a\x0e\xe1\x1d\xf8y\xd1\xa2E\x9e\x9e\x9e\xa5\xa5\xa5/W2\xa1PXQQ\xd1\xa0A\x83\xf7\xde{\x8fe\xd9K\x97.\xa5\xa7\xa7;::\xf2(\x10D\x92\xe4\x9d;w\xe4r9\xf1b\xef\x1e\xb6t2\x99\xcc\xd9\xd9\xf9\xfe\xfd\xfbvvv\x1c\xd4\x00\x86a\x1c\x1c\x1c\x1e?~&lt;m\xda4\x9a\xa6\xa7M\x9b6p\xe0@h\xf9`\xe9\xa1U\x03,\xcb\xc2\x15\xf6\xe5\xe5\xe5\x8d\x1b7&amp;p\x1fP3\xa0\x00\xbc\x150)\xdb\xb6m\xfb\xe4\xc9\x13\xde\x95\xc4\xc0\x1d/,\xcb\xfa\xf8\xf8\xf4\xe9\xd3G\xab\xd5Ve\x1f#\x14\n\x8dFc\x8f\x1e=H\x92,//OJJ\xb2\xb7\xb7\xe7\xa0}\xfcO`\x9cYYYm\xda\xb4!^\x1a\xde\x81\x8b\xb4d2\xd9\xfd\xfb\xf7!\x13^{\xa3\xac2vvvS\xa6Ly\xf8\xf0!\x7f[&gt;\xbc\x04\x91H\x04\x02\xd0\xa8Q#\x02\x05\xa0f@\x01\xa8\x06\xf4z\xbdD"\xe1\xd1\xda\x83\xae\x90\x0e\x0e\x0e\x12\x89\x84 \x88\xe0\xe0`\x99LV\xc5P&gt;4ii\xda\xb4\xa9\x8b\x8b\x0bA\x10YYY\xbck\x96\xe9\xe0\xe0P\xc5@\xb9\xc9drpp\xe0\xe0\xa7\x83\x96\x0f\xabV\xad:|\xf8\xb0L&amp;\xfb\xe5\x97_\x08\x82\x80\xa3|\xd4K\x81_g\x18\xe6\xb9\x7f\xe7\xe0\x1e\x0e\xae\x86\'\x08\xc2h4Zz,V\x8b5\xec\x16-\x08x%...p\xc7\x08\x8fb\xafpn\xc8\xd9\xd9\xb9\xb8\xb8\xd8\xc1\xc1\xe1\xb5\xdc+\xa8;T\xa9T\x05\x05\x05j\xb5\x9aG\xb1/\x88\xedh4\x9a\x96-[\xbe\xfc\x95`\xf4[\xb7n\x9d\x94\x944|\xf8pNi\x00\\\xf5u\xe9\xd2\xa5\xaf\xbe\xfa\xca\xc1\xc1a\xd3\xa6MAAA\x14E999\xbd\xe8W \xeb#\x91H`\x8aJ\xa5R\x91H\x04\xe5\xbf\xf0\x02\x83\xc1\xf0\xcaKrj\x13\xa8=KIIqqqQ\xa9T\x0c\xc3\xf0hq\xf1\x08\x14\x80\xb7\x02\x16\x8c\x9f\x9f\x9fV\xab\xcd\xcb\xcb\xabS\xa7\x8e\xd1h\xe4\xce*z\x11p\xc0\xd5\xd9\xd9\xd9\xc3\xc3\xe3\xd1\xa3G\x1a\x8d\xe6u\x1d@\xa1P\x08\xde\x99\xc1`\xe0\x94q|9 \x00YYY#G\x8e$^\x1aU\x80\x0f%\x93\xc94\x1aM\xed\x8d\xaf\n\xc0\xc9\xd8\x92\x92\x92\xc9\x93\'WTTxzz^\xbbv-..\xee\x95\xb3\x0e.\xda\x85\xd3\xddG\x8e\x1c)...//\x87\xf4&gt;\xc30\x81\x81\x81\x03\x07\x0e\xe4N\xd7#\xf3\xc7\x14\x89DP\x8el\xe9\x11Y\'(\x00o\x0b\xccT\x07\x07\x07\xadV\xeb\xe9\xe9\xc9\x97\x06\t\x0c\xc3H\xa5\xd2f\xcd\x9a]\xbdz\xf5\xf1\xe3\xc7z\xbd\xfe\xb5&lt;,\x9a\xa6\xa16\xc3\xce\xce\x8e\x17\x9f\x17\x80{\xde\xe1"L\xe2\xa5\x02\x00\xff)  `\xcb\x96-\x9c\xda\xe2@\xcf\x9f;w\xee$\'\'\x13\x04\xf1\xf8\xf1\xe3E\x8b\x16\xbd\xee\x9b\x9c?\x7f\xfe\xfc\xf9\xf3\x95\xff\xa5o\xdf\xbe#G\x8e\xd4\xe9t\x1c\x89d\x82\x00\xdf\xbau\xabE\x8b\x16\x04\xe7\x8bq\xf9\x0b\n\xc0[\x01\xc1t\xe8\x97\x99\x95\x95\x15\x1c\x1c\xac\xd3\xe9,=\xa8*\x01B\x15\x1c\x1c\xbcc\xc7\x8e\xdb\xb7o\xe7\xe6\xe6V}\xfb\x02g\x08\xb4Z-A\x10...|\xc9\x01@aI~~\xbeV\xabm\xd5\xaa\x15Q\x85\xbc\xa2\xa7\xa7\xa7F\xa31\x99L\xdc\x89?@\x13\'\'\'\xa7n\xdd\xba\xc1\xfd\rU4\xd9\xb0\xed\x8b\x8f\x8f7\x18\x0c\xde\xde\xdeM\x9a4\x81\xc7\r\xe7\xc8:t\xe8\xc0\xb5\xcd+\xcb\xb2999u\xeb\xd6%P\x00j\x0c\x14\x80\xb7\x05\xa6\xa6\x97\x97\x17\xb4\xd0\xe1\xcbL\x85\x80@\xc7\x8e\x1d\xc5bqQQQRR\xd2\xa0A\x83\xf4z\xfd+\xad\t\xcb\xb2\x12\x89\xe4\xe9\xd3\xa7\xd0F\xa2I\x93&amp;|\xf9\xc80\xf2\xc7\x8f\x1f\xcbd\xb2W\xa6v\xc1\xe2\xfb\xf9\xf9\x15\x17\x17?}\xfa\xd4\xd5\xd5\x95#\xd7\xbdA]\xbc\x87\x87\xc7\x91#G^\xeb8\x9bH$*..n\xd3\xa6\xcd\x93\'O&gt;\xfa\xe8\xa3\xd9\xb3g\x97\x97\x97\x9bs\x00&amp;\x93\xa9\xac\xac\x8c;:\x07\x81\xa9\xcc\xcc\xcc&gt;}\xfa\x10X\x02Tc\xa0\x00\xbc-`G\x9a7o\x9e\x9e\x9en\xe9\xb1\xbc\x06\xe0\xc5\xb7i\xd3&amp;00011q\xcf\x9e=\x83\x07\x0f\xae\xca/2\x0ccgg\x97\x98\x98HQ\x94X,6_$P\xd3\x03~{ x\x92\x95\x95\xa5R\xa9\xa4R\xe9\xcb\xf3\x8a\x90-pqq\x11\n\x85\x99\x99\x99^^^\x9cr\x90Y\x96-++{\xad\xd7\x8bD\xa2\xb2\xb22\x98\xaep\xcc\xbb\xb4\xb4\xd4,\x00\x95\xcf\xfdY\x1c\x18\xadZ\xad\xce\xc9\xc9\x81\x10\x10w\xc6fe\xf0`\xddr\x1c\x98\x9a\x81\x81\x81YYY\xfc\xaaU\xa0i\xda\xd1\xd1q\xd4\xa8Q,\xcb\x1e;v,11\xd1\xc9\xc9\xa9\x8a\x8d\xf2\xf7\xee\xddK\x92\xa4\x9f\x9f\x9f\x9f\x9f\x1f_\x8e\x9e\xb2,\xcb\xb2\xec\x8d\x1b7\xa0\x04\xe8\x95yE\xb8\x08\xa1Q\xa3FIII"\x91\x88kyH\xc1\x1b\x01\xbf\x0b\xb9\xdf\xcap\xca\xc2\xb2,koo\x9f\x9d\x9dM\x10\x04\\\xc9\xc9\xa9\xe1Y\x13&lt;X\xb7\x1c\x07\xa6f\x8b\x16-rrr\xa0\x05#_B"B\xa1\xb0\xb8\xb8x\xf8\xf0\xe1\xde\xde\xde\x15\x15\x15_~\xf9\xa5H$zy_#\xa3\xd1\xe8\xea\xeaz\xe8\xd0\xa1K\x97.\xb1,\xfb\xde{\xef\xc9d2\xbe\xdc\x85\x00O\xea\xd6\xad[\xaf\xac\x01\x05\xe0{\x08\x0b\x0b\xbbq\xe3F\xcd\x8e\x0c\xf9\xbf\xc0^-99\xb9Y\xb3f\x8e\x8e\x8e\xbc;b\xc9#P\x00\xde\x16\x98\x9a\xe0\xa7dgg\xf3\xe8X,d\x05U*\xd5\xb7\xdf~K\x10\xc4\xe9\xd3\xa7\xe7\xcf\x9f\x0fI]\xb8\xe2\x18&gt;\x08\xfc\x00e?\xae\xae\xaeYYY\x9f\x7f\xfe9\xc30\xcd\x9a5\x1b3fLqq1G\xeaF^\x89H$\xd2j\xb5\x0f\x1e&lt;h\xd7\xae\x1d\xf1\xe2\xfb \xcd\xc0\x0b\xbav\xed\x9a\x9e\x9e^^^\xce\x97\x8fi\x05\xc0\xc4\x8b\x8d\x8d\x8d\x88\x88 \xf8\x93W\xe3#(\x00o\x0bTe8::6k\xd6,99\x99\x9b}c^\x84P(\xd4h4C\x87\x0e\x9d8q"A\x10\xcb\x97/\x9f2e\x8a@ puu\xb5\xb3\xb3\x03\x0b\x08m\xe0\x9c\x9d\x9d\xdd\xdd\xdd\xaf\\\xb9\xd2\xaf_\xbf\x87\x0f\x1f\x8aD\xa2_\x7f\xfd\xd5\xd9\xd9\x99G\x17f\xd9\xd9\xd9\xdd\xbd{W(\x14V\xb1\x04\xc8\\\tZQQ\x91\x91\x91\xc1\xcd#\xc1V\x89P(\xd4\xe9t\xa9\xa9\xa9]\xbat!\xaa \xd5\xc8\x1b\x83\xdfl5\x00v!"""66\x96\xe0\x9b\xc3"\x10\x08JJJ~\xfc\xf1\xc7\xd1\xa3G\x13\x04\xf1\xcb/\xbft\xee\xdc\xf9\xf7\xdf\x7f\x7f\xf0\xe0\x01\xd4\xbd0\x0cSXXx\xfe\xfc\xf9O&gt;\xf9\xa4{\xf7\xeeYYY\x12\x89\xe4\xcf?\xff\xec\xda\xb5+\x8f\xdc\x7f\x08+_\xbe|\x19\xae9\xabJT\x01\xa4\xdd\xd9\xd9\xb9q\xe3\xc6\x97/_\xb6\xb7\xb7\xe7Z\x1a\xe0\r\x10\n\x85\xd0b\xd3\xd2\x03y!p\x068++\xcb`0\x04\x04\x04\x10\x98\x00\xa8I\xb0\n\xa8\x1a\x00\x0f\xa5K\x97.\xfb\xf6\xed\xe3]\xac\x00\x82\xfe\x06\x83\xe1\xf7\xdf\x7fo\xd1\xa2\xc5\xd2\xa5K\xaf]\xbb\xf6\xc9\'\x9f\xd8\xdb\xdb\xd7\xaf_\xdf\xc9\xc9\xc9h4\xe6\xe7\xe7\x17\x14\x14\xc0\xeb\xdb\xb4i\xb3b\xc5\x8a\xae]\xbb\xf2\xeb\xd6\x118\xf7\x10\x1b\x1b\x1b\x16\x16FTY\xa4\xcdi\x80\xa3G\x8fN\x9a4\xa9f\x87X\xf3\xb0,[RRB\xd34\x97\xef\x0c\xa0i\xda\xc1\xc1\xe1\xc4\x89\x13\xf5\xeb\xd7\x07\xa9\xe6\xd7\x82\xe2\x17\xbcY\xc0\\\x06&lt;\x94\xa0\xa0 \xadV{\xfd\xfa\xf5\x90\x90\x10N\x95T\xbf\x12p\xf3u:\xdd\xbcy\xf3z\xf7\xee\xbdq\xe3\xc6\x93\'Ofee\xc1\x95\xf1\x80B\xa1\x08\x0e\x0e\x8e\x8e\x8e\x1e:t\xa8\xb3\xb33\xef\xda\x0e\x8b\xc5b\xadV\x1b\x1f\x1f?y\xf2d\xa2\xcaQ\x05x\xd9\x80\x01\x03\xb6o\xdf\x0e\x1f\x99_\xdb\xbb\xca@me\xe7\xce\x9d\x0b\x0b\x0b\x1b7n\xcc\xf1\xd8\xdd?\xff\xfc\x13\x15\x15E\xf0m?\xcd;\xf8w\x95\x157\x01?%**\xaam\xdb\xb6\x0b\x16,\xe0\xe9\x8d\xac\x14EI\xa5R\x07\x07\x87\x82\x82\x82{\xf7\xee\xe5\xe4\xe4\xe8t:\x89D\xa2T*\xbd\xbc\xbc\xbc\xbc\xbc\xec\xec\xecJJJ(\x8a\xe2\x97S\xc60\x8cL&amp;\xbb|\xf9\xf2\xc7\x1f\x7f|\xe3\xc6\x8d\xd7j_\x01a\x9f\xb6m\xdb~\xf1\xc5\x17\xfd\xfb\xf7\xd7j\xb5\xfc\xfa\xec\xcf\xe1\xe8\xe8\x08\x85\xbc\x9c:\xd6`\x06Nkk4\x9a\xce\x9d;\xff\xfd\xf7\xdf\r\x1a4\xe0Ko\x15\x9e\xc2?#\xc5M@G\xbbw\xef\xbee\xcb\x96\xb9s\xe7\xf2\xc8\xfd\xaf\x8cH$\xaa\xa8\xa8(//\x17\x8b\xc5\xad[\xb7\x0e\n\n\x82\xb5G\xd3\xb4\xd1h,//\x87\x8e\xa7\xbc\xb3\x80\xd0Xx\xff\xfe\xfd\xbe\xbe\xbe\xf6\xf6\xf6\xaf\x15U`\x18F$\x12\xf5\xec\xd9s\xdf\xbe}\xd1\xd1\xd1|w\x98\xe0\xf8\x18\xa7\x8e}U\x06\x9a\xd4\xfe\xf5\xd7_^^^\r\x1a4\xe0\xd7\xc1\x1a&gt;\x82_n\xf5\x00\x06%**\xea\xc9\x93\'\x0f\x1e&lt;\xe0W-Pe\xc0\xbe3\x0c\x03\xdd~4\x1a\x8dF\xa3)--5\x1a\x8d\xf0\x9f\xb8i8^\x0e\x14\xb6\xfe\xf3\xcf?p\x9b\xf1\xeb\xfe.A\x10#G\x8e&lt;s\xe6\xcc\x93\'O\xf8\xfbd\x01\x0e\x1e\xfbz\x0e\x96e\xff\xfc\xf3\xcf\xe8\xe8h\xa2\n\x87\xf5\x90\xb7\x04\x05\xa0z\x800\xba\x97\x97\x97\x8f\x8f\xcf\xd9\xb3g\xa1\xd3\x80\xa5\x07\xf5\xe6\xc0IQ\xe138n2^\x0eT\x95\xa4\xa7\xa7\x97\x95\x95\xf5\xec\xd9\x93x\xcd\xb2BhJ\xe3\xe7\xe7\xd7\xb0a\xc3\xa3G\x8f:99\xf1\xfa\xc9r\x19\xb8\x85-55\xf5\xe9\xd3\xa7C\x87\x0e%\x9e\xf9UH\xcd\x81\x02Pm\x80]\x180`\xc0\x1f\x7f\xfc\xc1k\'\xd1\xca\x80S\x1a\x1b6lh\xd1\xa2\x85R\xa9|\x83c\xa5\xd0\x0e\xfa\xc3\x0f?\xdc\xb4i\x13F$j\x0exR\x9b6m\xea\xd0\xa1C\x9d:u\xf0\x00p-\x80\xb3\xb9\xda\x00oe\xe8\xd0\xa1\xb9\xb9\xb9iii\x8e\x8e\x8e(\x03\\\x00.\xb2?}\xfa\xf4\xc7\x1f\x7f\xfc\xc6\xef\xc0\xb2\xec\x88\x11#\xee\xdf\xbf\x7f\xf1\xe2E\xdc\x04\xd4\x10p\x0b\xfc\x9e={\xa6L\x99\x82k\xa7v@\x01\xa86\xe0\xdcP\x9d:u\x02\x02\x02\xfe\xfc\xf3O\xe8ab\xe9A\xd9:p{\xe5\x993gJKK{\xf5\xea\xc5\xb2\xec\x1bD\x15 \xbe\xe7\xec\xec\x1c\x1d\x1d\xbdn\xdd:\xeb8\x11\xc65(\x8a\x92\xcb\xe5\x07\x0e\x1cpss\x8b\x88\x88x\xb3\'\x85\xbc.(\x00\xd5\x0c\xcb\xb2\x13&amp;L8x\xf0`\xe5^\xbb\x88\xa5\x80\xb2\xc2?\xfe\xf8#::\xfam:zB,b\xea\xd4\xa9\'O\x9e\xbcw\xef\x1e\xb6\x85\xa8v\x04\x02\x01M\xd3\xff\xfb\xdf\xff&amp;L\x98\x00\x8ak\xe9\x11\xd9\x04(\x00\xd5\t\xc4\nz\xf7\xee\xed\xe8\xe8x\xe8\xd0!8\xc7h\xe9A\xd9.\x90\xfe\xbd}\xfbvBB\xc2\xe7\x9f\x7fN\xbcEW\x190O\xcd\x9b7\xef\xd8\xb1\xe3\x92%K\xaa\xd27\x1b\xa9:4M+\x14\x8a}\xfb\xf6\x15\x15\x15\x8d\x1e=\x1a\xdd\xffZ\x03\x05\xa0\x9a\x01\xc7p\xfc\xf8\xf1[\xb6l\x01=\xb0\xf4\x88l\x17\xb8:\xf1\xaf\xbf\xfe\n\r\r\xf5\xf4\xf4|\xcb\xa4"\xf4\xccX\xbcx\xf1\xee\xdd\xbb\xef\xdd\xbb\xc7\xa3\xb6\xaf\xdc\x07\xbe\xdb\xef\xbf\xff~\xee\xdc\xb9\x10a\xc3\xf4o\xed\x80\'\x81\xab\x19\xf8&gt;u:]\xb3f\xcd\xf6\xee\xdd\x0b\xb7\x04c\xe9\x88E\x00#\xd2\xbau\xeb\x1d;v\x84\x87\x87\xbf}W\x19\xf3yoww\xf7\xdf\x7f\xff=??_,\x16W\xd3`m\x17\x9a\xa6U*\xd5\x9e={f\xcc\x98q\xef\xde=\xb8\x94\x02\x05\xa0v@\xc3T\xcd@\xf8\xd2\x</t>
        </is>
      </c>
    </row>
    <row r="355">
      <c r="A355" s="1" t="n">
        <v>353</v>
      </c>
      <c r="B355" t="inlineStr">
        <is>
          <t>shape_morph</t>
        </is>
      </c>
      <c r="C355" t="inlineStr">
        <is>
          <t>What is the missing shape of the part denoted with a question mark?</t>
        </is>
      </c>
      <c r="D355" t="inlineStr">
        <is>
          <t>['hexagon', 'circle', 'pentagon', 'square']</t>
        </is>
      </c>
      <c r="E355" t="inlineStr">
        <is>
          <t>hexagon</t>
        </is>
      </c>
      <c r="F355" t="inlineStr">
        <is>
          <t>There are eight shapes arranged in a grid. The top left shape is a triangle and the bottom right shape is a ?. The other shapes do not appear to regular shapes.</t>
        </is>
      </c>
      <c r="G355" t="inlineStr">
        <is>
          <t>We observe that from the top left to bottom right direction, the shapes look like a triangle but gradually change shape into something like a hexagon. Hence, the pattern is the the shapes are morphing between triangle and hexagon shapes.</t>
        </is>
      </c>
      <c r="H355" t="inlineStr">
        <is>
          <t>Based on the pattern that the shapes are morphing between triangle and hexagon shapes, the missing shape at the bottom right should be a hexagon.</t>
        </is>
      </c>
      <c r="I355" t="inlineStr">
        <is>
          <t>b'\x89PNG\r\n\x1a\n\x00\x00\x00\rIHDR\x00\x00\x02\x00\x00\x00\x02\x00\x08\x02\x00\x00\x00{\x1aC\xad\x00\x00\x9d\x04IDATx\x9c\xec\xddwXT\xc7\xda\x00\xf09m{\xa1\x17A\xa5\x83\x88\x05\x91\xaaX\x11\x05\x8d\r\x1b\xd1\xc4\xd8Q\xa3\xd1\xf4\xdc\x1bM11\xc6\x14M\xd4D\xb1\xc7^\x135\x8a\xbd\x8b\x82\x05\x10\x15\x05)*\xbd\xef\xb2}O\xf9\xfe\x98\xc8\xe7\xd5\xa8Xw\x97\x9d\xdf\xf3=\xdfs#\x0b\x1cN\x99w\xe6\x9d\x99\xf7`\x1c\xc7\x01\x04A\x10\xc4\xfa\xe0\xa6&gt;\x00\x04A\x10\xc44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80 \x08b\xa5P\x00@\x10\x04\xb1R(\x00 \x08\x82X)\x14\x00\x10\x04A\xac\x14\n\x00\x08\x82 V\n\x05\x00\x04A\x10+\x85\x02\x00\x82 \x88\x95B\x01\x00A\x10\xc4J\xa1\x00\xf0\xcc8\x8e3\xf5!X5t\xfeM\x8b\xe38t\t\x9a\r\x0c]\xcb\xe7\x00\x9f\x01\x1cG\xe1\xd3dh\x9a\xc6q\x1c]\x02Sa\x18\x86\xe38\x0c\xc3p\x1c\xc70\xcc\xd4\x87\x83&lt;\'\xf4\xfc&lt;\x1b\x96eKKK\xe1}O\xd34\n\x9f\xaf\x19&lt;\xff\x00\x00\x92$q\x1cgY\x96eYS\x1f\x94\xb5\x80w{]]]mm-A\x10$I\x12\x04\x81a\x18\xcb\xb24M\xc3\x90`\xeacD\x9e\r\n\x00\xcf\x80eY\x0c\xc3F\x8f\x1e=x\xf0\xe0\xdb\xb7o\x93$\x89a\x18\xc30\xa6&gt;.k\xc1\xb2,\x8e\xe3\xe3\xc7\x8f\xef\xdc\xb9\xf3\xcf?\xff|\xf3\xe6M8\x08\xe08\x0e\x05\xe3\xd7\x00\x9e\xe1\xf1\xe3\xc7{{{\x0f\x1d:t\xdd\xbau\xa7N\x9djhh\xc0q\xbc1\x18\xc0k\xc10\x0c\n\xcc\x16\x01\xa5\x80\x9e\x01l\x80z\xf5\xeau\xe2\xc4\t\x1b\x1b\x9b\xf7\xdf\x7f\xff\x93O&gt;\xe1\xf1x,\xcbr\x1cG\x10\x84\xa9\x0f\xb0\x99cY\x96a\x98\xa8\xa8\xa8K\x97.\x01\x00\xf8|~\\\\\xfc\x97_~\xd1\xa1C\x07\xf8\x01\x18\x8cQR\xe2U\x80\t\x9f\xf2\xf2r___\x95J\xd5\xf8\xef-\xdc\xdc|\xbc\xbdCCC\x87\r\x1b\xe6\xef\xefokk\xdb\xf8%8&gt;\x83\xc3e\x00\x00\xba(f\x08\x05\x80g\xd0\x18\x00N\x9f&gt;\r\xdb\x9a\xa0\xa0\xa0\x85\x0b\x17\xc6\xc5\xc5\xc1\xaf\x02\x00PV\xfa\x15\x81\rP}}\xbd\xa7\xa7gCC\x03A\x10\x06\x83\x01\x00 \x12\n\xbat\x8dNLL\xec\xd3\xa7\x8f\xbb\xbb;\xfc0\xc30(\x0c\xbc\\4M\x93$\xb9~\xfd\xfaw\xdey\x87\xcf\xe7\xeb\xf5\xfa&gt;QQ\xd9\xb9\xb9U\xb5\xb56bqMC\x03\x00@*\x93\x05\xb5m\x9b\x90\x90\x10\x1c\x1c\xec\xe7\xe7\xd7x9\x1a\x7f\x02\x86a\x8d\xf1\x001\x0b\x1c\xd2d0\xcb\xd9\xb3gO\x00\x00I\x92\xf6\xb66\xf0\x1c\x0e\x1b&gt;&lt;55\x15~\xc6h4\xc2\x01\x01\xf2r\xc1\x93\x9f\x9e\x9eN\x90$&lt;\xed\x14E\xc6DE\xf2(\n\xfe\xa7L&amp;{\xfb\xed\xb7\xf7\xec\xd9\xd3\xd0\xd0\x00\xbf\x85\xa6i\x9a\xa6\xd1\xe5x)\x18\x86a\x18\x06\xf6u\x00\x00\x11\x1d:l\xfaa\xa1\xa3\x9d\xdd\xe0\xde\xbd\xc3\xda\xb5\x03\x00\xb4tq\t\xf4\xf2jlX\xa4R\xe9\xc0\x81\x03\xe7\xcc\x99\xb3g\xcf\x9e\xea\xeaj\x98\xa3\x83X\x965\x1a\x8dF\xa3\x11^S\xc4\x84\xd0\x08\xe0\x19&lt;\x98\x02"\x08\x82a\x98V\xae\xae\xb5\n\x05\x8f j\x1b\x1aF\x8e\x1c\xf9\xf5\xd7_\xfb\xf9\xf9\x01\x00\x18\x86A\x19\xa1\x97\x0b\x9e\xd2c\xc7\x8e\xc5\xf5\xeb\xe7\xe1\xe6&amp;\xe4\xf3\x17|\xf0\xfe\xa1\xb3g\x7f\xd9\xb0\xf1\xa1O\xba\xb6h\xb1t\xc9\x92&gt;}\xfaH\xa5R\xf8/4M\xc3\x0c\xf5k?\xeaf\x82\xe38\x0c\xc3\x94J\xa5\xb7\xb7\xb7\x90$k\x15\x8aM\x0b\xbf\x1f\x14\x1f_TP\x80a\xd8\xde\x93\xa7R/_vqt8\x97\x91y1;;\xc8\xd7W*\x12\x9f\xcf\xcal\xfcv\x91X\xdc\xbaU\xab\x01\x03\x06\xc4\xc4\xc4\xb8\xbb\xbb\x07\x06\x066~\t\x86gp\x7f\xe8\x8c\xae\xd1kF\x9a\xfa\x00,\x15\xc30c\xde\x18@\xe0\xc4\xcd\xc2\xc2\xd2\xaa\xaa\x06\xadv\xdb\xb6m\x07\x0e\x1c\xf8\xf8\xe3\x8f?\xfe\xf8c\x1e\x8f\x07\xee\x07\x0cS\x1fi3\x01\x9b\x89\x1b7n\x10\x04\x11\xe4\xeb\xdb\xa9M\x9b\xb8\xee\xdd\xbbu\xea4\xbco\xdf\xb3\x19\x19\x7f\xfc\xb5\xe7F~&gt;\x00\x00\xc7\xf1v\x1e\x1e\t\t\t-[\xb6\x8c\x89\x89ILL\xec\xd9\xb3\'I\x92\x00\xad\x1c}\x01,\xcb\x12\x04q\xf3\xe6\xcd\x86\x86\x86\xc8\xc8H?\x8f\xd6\xc1\x81\x81:\x85\xc2\xd5\xc1\x01`\xd8\x8c\xb7\xdf\x9a1\xfaM\xb5Z}\xe5\xd6\xad\xac\x1b7\x08\x9c\xd8u\xf4(\x8e\xe3Q\x1d;\xd2\x0cs!+\xab\xa3\xafojffNN\xce\x0f?\xfc@\x10Dxxx\xf7\xee\xdd}}}ccc\xdd\xdc\xdc\x1e\xfcE4M\x03\x00\xd0ezm\xd0\x08\xe0\x19&lt;8\x02\x00\x00\xcc\x9b9\xe3\xf3\x993\xaedf\xbd\xff\xfd\xc2\xdbw\xef\xa8\xb5:\x12\xc7\xab\xeb\xeb\xdb\xb6m\xfb\xfd\xc2\x85\xf1qq\x18\x86\xa1\xbe\xe7\xcb\x02s\xd0S\xa7N\xdd\xb1eK\xaf\xc8H/7\xb7y3g\xe8\xf4z\x89H\x84\t\x04\xf5\xd5\xd5\x17\xaef\xef;q\xbc\xa2\xba\xa6\xb2\xb6\xf6\xcc\xe5\xcb\x8d\xdf\x18\x18\x18\x18\x1b\x1b\xfb\xd9g\x9f999\x01\x008\x8e\x833\x04\xa8\x89i:x\xf2?\xfe\xf8\xe3\x1f~\xf8\x01\x00\x10\x12\x18x~\xcbf\xbd\xc1\x00\xbf\xca\xb0,\x86a\x04\x8e\x8b\x85B@\x92\x9c\xd1X\xa5\xa8/\xbaW\xac\xd6\xe9\x92\xb7m72\x8cH\xc0\xdf\xb0w\x9fT"\xe9\x19\x16\xba\xf7\xf8\x89\xc6\x1f+\x93\xc9\xda\x06\x05\xf9\xfb\xf9\r\x1d:422\xd2\xd6\xd6\xb6q\xdc\x8cF\x06\xaf\x07\x1a\x01&lt;?\xb5F\x0b8\xd0\xd6\xdb\xfb\xe8\xda5\xdb\x0e\x1cX\xb6i\xf3\xb5\xdby\xad\\]so\xde\x1c\xfc\xc6\x1b\x9d\xc3\xc3\x17\xfd\xfcsDD\x04@\x19\xa1\x97\x016\x047rrx\x14U\xafTz\x84\x85\x11|&gt;\xab\xd3\xa94\x1aV\xa5\xe2QT\xbf\xe8\xae\xfdztW+\x1b\xbe\xf8mYu]]NA\x01\xfc\xc6\x1b7n\xe4\xdc\xb8q\xe4\xf0\xe1\xb8\xf8\xf8!C\x86DEE\xc1\x01\x01\x9a\xb4o:\x82 \x8cF\xe3\x9e={0\x000\x0c\x1b\xda\xa7\x0f%\x12it:\x92 \x00\x00\xe4\xfd{\xbbA\xadf9\x0e\xc70\x99P\xd49(\x08\x03\xa0{\xe7\xce,\xc7]\xcb\xcb\xeb\x13\x15UQS[p\xef\x9e\x80\xcf\xb7\x95\xcb\xbbw\xee\xbc\xf5\xc0\x81\x86\x86\x86\xc2[7\xcf\xa7\xa6\xae[\xb7N,\x16\xfbx{\xc7\xf7\xef\xff\xb8\x91\x01\x9a@~\x15\xd0\x08\xe0\x19&lt;4\x02\xf8\xcf\xe4\xc9\xdf~\xf4a]u5E\x92\x12\x89\xa4\xa2\xaa\xfa\xb7\xad[V\xed\xdc\x85\x01\xe0\xec\xe0@`\xe0\xd2\xf5\x9c\x193g\xcc\x993\xc7\xc1\xc1\x81\xe388\x8e6\xf5\x1fa\x91\xe0]\xaaR\xa9\xfc\xfc\xfd\x9d\xa4\xd2\xce\xed\x82\xc6\x0c\x18\xd0-4T\xa3\xd1\xc0\x16\x81\xe388\xd5K\x12\x84X*\xd5\xaa\xd5\xc7\xd3\xd2V\xef\xdc\x95~\xedZIE\xc5\xb4\xc4\xc4U;v\x18h\x1a\x00\x10\x15\x155d\xc8\x90\x01\x03\x06\x04\x04\x04\x80\xfb\x03\x024J{\x02x~\xce\x9d;\x17\x1d\x1d\r\x00\xe0ST\xea\x96\xcd\xed\xfc\xfc\xb4:\x1d\xfe\x98\x93\x06\'\x18\xe1\xff\xc60L(\x10\x10\x14\x05\x00\xa8\xad\xab+\xaf\xaa*\xab\xae\xb9\x90\x95\xb9\xf3\xd0a\x82 \xfc&lt;&lt;\xb6\xec\xdf/\xe0\xf3\x03\xbd\xbc\xae\xe4\xe4\xc0oy\xc2\xc8\x00^/\x00\x00\xbad/\x05\n\x00\xcf\xe0_\x03\x80\xa2\xb6\x96$\x08\x86ax\x14%\x10\x8b\xd33\xb3v\x1f9r\xfc\xc2\x05\x85J\x15\xdc\xa6\xcd\xce\x94\x14\x0f/\xaf\x0f&gt;\xfa(i\xca\x14x\xbf\xa2\x89\x81\xe7\x00\'!\x15\n\x85\xa7\xa7g]]\x1d\x00`\xdfo\xcb\x06\xf4\xea\xa5T*\x89GN&amp;l\xb0\xc4"\x11\xc0\xf1\xb2\xf2\xf2\x9c\x82\x82\xe4\x1d;\xb7\xa5\xa4&lt;\xf8\x19&gt;\x9f\x1f\x17\x1f\xff\xe5\x17\xff\xbf\x87\x00m\xe6x\x1c\x98\xff\x99?\x7f\xfe\xdc9s\x18\x8ek\xe7\xe3se\xd7N\x9d^\xdf\xf4\xf6\x97\xe58\x8ee\x01\x00\x14IR\x14E\x12\x04\xcbqz\x83\xa1F\xa18\x97\x91q\xfa\xe2\xc5\xbb\xe5\x15\xb7\n\n*kj\xfa\xf7\xe8\xbe\xf9\xef\xfd\x18\x869\xdb\xd9\x96\xd7\xd4\x82\'N \xc3\xbb\xe2U\xfc\xc9\xd6\x03\x05\x80g\xf0\x84\x00\x00`\'\x94e\xc5"\x11!\x10\\\xca\xcc\xfam\xf3\xe6\xbfO\x9d\xea\x11\x16z5\xe7fM}\xbdW@\xc0\xaf\xbf\xfc\x12\x16\x16\x86&amp;\x06\x9e\x03&lt;\xf3\xb7n\xdd\n\t\t\x89\x0e\x0en\x1f\x10\x904bx\x0b\'\'\xa3\xd1\xf8\xb8\xd3\xc8\xb0,\xe08\x1eE\t\x84\xc2\xd2\x8a\x8a\xb4\xabW\x97m\xder&gt;+K\xa3\xd56~\xe6\xd1=\x04h@\xf0(xB\xde\x1e;\xf6XJ\xca\xd47\x13\xdb\xf9\xf8\xc4EG\x1b\x1e\x7f\xe6\x9f\x0c\x0e\xd40\x00p\x1c\'\t\x82/\xe0\x03\x82\xd4i4W\xae_W\xeb\xf4\xe9W\xaf\xee&lt;t\x88 \x08?\x8f\xd6[\xf6\x1f\xe0\xf3\xf9\x1d\xfd\xfd\xd2\xaef\xc3\xef\x85\x13\xc8\xdd\xbau\xf3\xf3\xf3\x1b6l\x98T*E\xdd\xa9\x17\x84\x02\xc03xr\x00h\xfc\x0c\xcb\xb2R\x89\x18\x00p\xe0\xf4\x99\xb9K\x96\xf2y&lt;#M\x93\x18\x96v\xedZTT\xd4O?\xfd\x84&amp;\x06\x9e\x15&lt;W\x7f\xef\xdf?l\xc8\x90\xae\xa1\x9d\x85\x14o\xd57\xf3\xe4b1\xcd0On\x86`T\xe6\xf3x|\x91\x88\xd6\xeb\x8b\xca\xca\x8e\xa4\xa6.\xdb\xb4)\xa7\xa0\xb0wd\xc4\xa9\xf4\x8b\x06\xa3\x11\x00 \x93\xc9z\xf4\xe81a\xc2\x84\x81\x03\x076\xfeF\x806\x15\xdf\xefe744\xf8\xf9\xf9\x95\x97\x97\x0b\xf8\xfc\xf5\xf3\xe7\x0f\x8b\x8fS54&lt;:\xf6z\x8e\x1f\xfeO\xe2\x0e\xc7EB!\x86\xe3,\xcb\xc2\x91AjF\xc6\xf1\x0bi\r\x1a\r\x8ea\x1b\xf7\xfd\xcf\x042\t\x00\r@xx\xf8\x81\x03\x07\xec\xec\xecP\x0cx\x11\xe8\xc4\xbdd\xb0.\x8aZ\xa3Uk\xb4\x03z\xf6&lt;\xbe\xe1\x8f\xa8\xe0\x8e&gt;\xadZ\xde\xab\xacl\xe1\xe4\xc44(\xa3"#\xdf{\xef\xbd\xea\xeaj\x82 \x1a\x13\x9a\xc8\x93\xc1n\xca\xf5k\xd7p\x1c\x07\x1c\xe7\xdd\xb2\xa5\xbdL\xf6\xd4\xd6\x1f\x00\x80a\x18A\x10F\x9aV\xd6\xd7\xeb\xf4\xfa\xd6..SG\x8fN\xdd\xb4\xe9\xd4\xfau~\xad[\xc3\xd6\x1f\x00\xa0T*\xf7\xee\xdd;h\xd0\xa0\x98\x98\x98\r\x1b6(\x95J\x82 \xe08\xc0\xca\xab\x0c\xc1\xa9\xf23g\xceTTT\x90$I\xe0x\xc76\x01\x8c\xc1\xf0\xb8\xec\xff3\x81k\x87H\x82\x00\x18\xa6\xd2h\x94*\x95Z\xa3aY\xd6\xd1\xc6fD\\\xdc\xf2y_\xaf\x9b\xff\xed\x07\xe3\xde\xf9c\xc1ws\xa7Nusr\x16\xf0\xf962Yx\xa7`\x1c\xc7\xd3\xd2\xd2\xa6M\x9dj4\x1aaM\xc0\x17?\x18\xeb\x84V\x01\xbd\x12\xb0K\xa2T*\xf9\x14\xf5\xd3\x7f\xfeSPT4w\xc9\x92\xa2\xe2\x92\xca\xda\xda\x11qq\xcb~\xfd\xf5\xc0\xfe\xfd\xb3?\xf8`jR\x12\xdcP\x86z\x9aO\x06ON\xd6\xd5\xab\xb6Ri\x1boo\x0f77\x80\xe3MO\x01\xc30\x00\x00\xd0\x1b\x0c\x1a\x9d\x8e"\x89\xae!!\xc1m\xda\xbc\x19\xdf\xff\xf4\xe5\xcb{\x8f\x1f?\x9f\x95\x05\x00\xf0rw\xbf|\xe1\xc2\xb1c\xc7\xd0\x1e\x82\x87l\xdb\xb6\x8d\xe38\x9a\xa6{\x87\x87\xfbyy\xfd\xeb\xd4\xcb\x0bz\xf0\xdc\x1aiZ\xdf\xd0\xc0q\x1c\x81\xe3\xed|};\x06\x06\x02\x00j\xeb\xea\xa6\'&amp;\x96\xd7\xd6\xae\xdb\xbd\xeb\xf2\xf5\x1b\xef\x0c\x1e\xbcr\xdb\xb6\xa2\xbbwS\x0e\x1c\xb0\xb5\xb5E\xe3\x80\xe7\x83R@\xcf\xa0))\xa0\x87\xc0\x14\x04EQB\x1b\x9bK\x97/\xff\xb6y\xcb\xdf\xa7N\xf5\x0c\x0bK\xbfzUo0\xb4\xf2\xf6\x9e?\x7f~\xaf^\xbd\x00*_\xf3D\xf0\xcc\xf7\xec\xd9\xf3\xe4\xc9\x93\x00\x9e\xf9\x8f?R\xd4\xd4&lt;\xe1\xcc?\x19\xc3\xb2\x04L;P\x14\xa3\xd7\x1fJM\xdd\xb8w/\x81\x13\x1b\xf7\xed{\xf0c\x8f\xee!\xb0\xb6\xa5\\\xf0\xccGDF***|[\xb7\x8e\xef\xde}r\xe2(\x95B\xf1\xdaN\xc2\x83\x13\xc8$IR"Q\xf1\xbd{7\xf2\xf3\xbfZ\xf6[jV\x16\xe0\xb8\xd0\xd0\xd0\x93\'O\n\x04\x02\x80\x16\xf5&gt;;t\xbe^-\xd8\xf7d\x18\xa6\xbe\xb2\xb2S\x9b6\xab\xbe\xfej\xcd7\xdf\xdc*,\x8c\xe8\xd8\x91\xa4\xa8K\xe9\xe9\xbd{\xf7\x9e0aBIi)L8\xa0\x8c\xd0\xe3\xd04]W_\xdf\xde\xcfw\xda\x9b\x89a\xed\xda\x19\x1f\xbf\x06\xb1)`\x07V\xa5V+\xea\xea4Zm|t\xf4\xe6\x9f\x7f\xfax\xe2\x84qC\x87\x06z{7~\xec\xc6\x8d\x1b\xbf,^\xdc\xabg\xcf\x8f&gt;\xfa(55\xb5\xf1j\xbe\x84\xbf\xc7\x12p\x1c\x87\xe3xyyy\xce\x8d\x1bZ\xbd\xde\xcd\xc5\xb9gx\x18\xad\xd7\xbd\xcev\x16\xc70\x98\x8e\x83\x0b\x87\x1455\x8evv]CB\xfc&lt;Z\xc3/]\xbcxq\xfa\xf4\xe9\xb0*8\xea\xce&gt;+\x14\x00^\x07\x0c\xc3(\x92Tk4j\xadv@\xcf\x1e\'7m\x8c\xea\xd8A\xad\xd1\xd8\xd9\xda8;8\xacY\xb3&amp;\xa4S\xa7_\x7f\xfd\xd5h0\xc0\x8e\x95\xf541M\x01\x9b!eCC\xc9\xbd{z\x831\xf3F\x8e\x83\xad\r\xf12\x86Jp!\n\x8e\xe3J\x95JY\xafh\xe3\xe9\xb9\xe6\xbb\xf9\x97vl\xff\xfb\xf7\xdf\x86\xf4\xee\xed\xe6\xec\x0c\x00\x98\x9a\x98\x98\x97\x9b\xfb\xe3\x8f?v\xe9\xd2%**\xea\xf0\xe1\xc3p\xf2\xc6\x1a\xda\x1ax\x1f\x1e&gt;|X\xa9T\xde)-]\xb5}\xa7X \xe0X\x93\xfd\xe1\x18\x86\x91$i0\x18X\x86Y\xbbdIb|\\\x0bGGwW\xd7u\xeb\xd6M\x9e&lt;\xd9z\xae\xcbK\x84\x02\xc0\xeb\x03\x93\xc8J\xa5R\x80\xe3I#G\xee\xff\xfd\xf7\xd0\xa0 \x86aZ89\xd5\xd7\xd6\xbe\xf7\xde{m\x02\x03\x7f_\xbe\x1c\xaeFG\xefWj\x04\xcfCaa!\xc70"\xa1\xb0\xb2\xb6\xd6\xd9\xde\x01n\r}Y\xbf\x82\xc0q\x82 \xb4z\xbd\xb2\xbe\x9ee\xd9\xfe\xdd\xbb\xef^\xb6\xf4\xe2\xb6\xad\xc7\xd6\xac\xae\xa9\xaf\x87;\xc80\x0c;\x7f\xfe|\xdf\xbe}\x97.[\x06\xff\xb3\xd9\xc7i\xd8\xad^\xbbn\x9dD(\x14\xf0\xf9\xe3\x86\x0eqww\xd7\x1b\x0c\xa6MT\xe28\xce\x01\xa0,/_\xf1\xf5\xd7c\x07\r*.+\x93\x8a\xc5+W\xae\x8c\x8f\x8f\x87o\xa4A\x0fN\xd3\xa1\x00\xf0\xba\x11\x04A3\x8c\xde`\x08k\xdf\xee\xcf%K\xe6\xcd\x9c\xe9b\xef \x16\x89\xa4\x12I}U\xd57s\xe7DFF\x1e?~\xbc1#\x84\xeef\xb8\xc6\xe3\xf2\xa5Kz\xbd\xbe\x83\xbf\x7f\xc7\x80\x00\x17\x07{\xfay\xd7\xa1?\x01~\x7f\xaeX\xa9R)\x15\n[\x99\xacWd\xe4\xcf\x9f|\xbc\xfb\xd7_b"#\xe1\xaf\xf3tw\x9f\xff\xe5\x97]\xa3\xa3\xeb\xeb\xeb\t\x82\x80\xc5\xcb\x9a%\x98\xfd\xbfy\xf3\xe6\xe9\xd3\xa7UZ\xadN\xaf\x1f\x11\xd7\x8f5\x1a\x81\x19LS\xe1\x18\x86\x03\x80\x030g\xda\xd4\t\t\t2\x89\xc4\xde\xc6&amp;%%e\xca\x94)8\x8e\xa3\xa7\xa6\xe9P\x000\x01X\xd5D\xa5\xd1\x18\x0c\x86\xa41\xa3\xb7/\xfeyzb"\x89\xe3\x83bzc8q\x19M\x0c\xfc\x9b\xb2\xb22\x95V\xbb\xee\xaf\xbf\xca\xaa\xaa$b1\xf3*W\xfe\xc1\x01\x01\xcd0J\xa5\xd2^.\x1f\x12\x1b{x\xf5\xaackV\x0f\xec\xd9\xf3\xad7\xde`8.\xf5\xdc\xb9\x98\xde\xbd\xb323I\x92l\xaek\x10a\x1bz\xe7\xce\x1d&gt;E\xc5v\xed\xfaF\x8f\x1e\xed\xfd\xfc\x0cz\xfdKY\x00\xfa\xe2\xe0\n]\x86\xa6W|\xf9\x85\xbfGk!\x9f\x0f\xc7\x01III$IZ\xf9\xe2\xdd\xa6C\x01\xc0d\x08\x1c\xc70LQ[\xdb\xda\xd5u\xee\xb4\xa4[\x87\x0e\x06\xb7i\xa3\xd5\xe9l\xffwb\x00n\x1b\xb6\xe6\xb7\x9f\xc3\xaewUu\xb5\xa3\x8d\xcd\xf8\xe1\xc3\x12\xfa\xf4y\xc2\x06\xe0\x97\xfb{\xff\xd9C\xa0P\xa8T\xaa\xe8N\x9d\xf6\xac^%\x14\xf0\xb5:\x9d\xbf\xa7\xe7\xe5+W"\xbbt\xd9\xbd{7\xcc\x934\xbf\xab\x03\x1b\xd0\x93\'O2\x0c\xc3q\xec\xe0\xde\xbdm\xa4\xd2\xa6\xec\xbdxmp\x1cgXV\xab\xd3\x1dZ\xb5*\xb6K\x97\x06\xb5\x9a$\xc9\x15+V\xacX\xb1\x82\xa2\xa8\xe6wE^\x05\x14\x00L\x8c$\x08\xad^\xaf\xd5\xe9eB\xe1\xe4\x11#\x1e\x9c\x18P\xd4\xd5\xbd\xf7\xde{\x11\x91\x91{\xf6\xee\x85\xf3\x07\xd6\xd9\xaf\x81-\xce\xd5\xabW)\x8a\xbaWZ*\x12\n\t&gt;\xff\xb5=\xde0\x0c\xe08\xae\xd1\xe9\x14UU\x9fN\x99\xbc\xe2\xab/o\x15\x16\xf2y\xbc\xf8.]\x12\x12\x12&amp;O\x9e\x0c\xabT6\xb3\x81\x1a|\xe9\xe6\x9f\x7f\xfei0\x1a\x8f\x9cK\xcd)(\xe0\xbd\xe2\x81\xd7s\xc00\x8c\x03\x806\x1a\x97}\xfe\xdf\x0e\xfe~\xde-[\x8aE\xa2\xa4\xa4\xa4\xc5\x8b\x17\xc3\x04\x9d\x15&gt;/\xcf\x04\x05\x00\xd3\xc31\x0c\xc7q\xa3\xd1h\xf8\xdf\x89\x01\xa1@\xe0hgWRP0x\xd0\xa0\x84\x84\x84\x8b\x17/\x92$im\x13\x03p\xb7\x97V\xab\xbd}\xfb\xb6X(\xb2\x91H\xbd\xdc\xdd\x81)\xfa\xa1p\xc9P\x83\xb2aD\\\xdc\x96\x1f\x7f\x9c7s\xc6\xbd\x8ar\x01\x9f\xbfr\xe5\xca\xb8~\xfd\xea\xea\xea\x9a\xd3\x94\x00\xc30\x18\x86edd\xdc\xbe}\x1b\xc7q\x01\x8f\xf7\xf6\xa0\x81\x8c\xee\xb5.\x00m"\x1c\xc3\x8c4\xcd\xb0\xec\xe15k\xdc\x9d\x9dY\x96i\xe1\xe44{\xf6\xec\xf7\xdf\x7f\x1f\xe6\x82L}\x80f\xcd\xec.\xa7\xd5zxb\xe0\x97E\x93\x86\x0f\xa3H\x92\xc3\xf1Q\xf1\xf1G\x0f\x1e\x1c&lt;p\xe0\xbb3f\xc0\xf7\xa1[\xcf\xc4\x00\x0c\x00\x95\x95\x95j\x95\xca\xdf\xd3\x83$I;\x1b9\xcb\xb2\xa6\x9a\x8a\xc4q\\\xa3V\x8f\x1a\xd0\x7f\xfa\x9bo\xba;9\xbb:8\x88E\xa2\x83\x87\x0e\xc5\xc6\xc6^\xbf~\xbd\x99M\tl\xdb\xb6\r\xe6\x1e;\xf8\xfb\xb7\xf1\xf2zB\xfdg\xd3\x82\xd5 l\xa5\xd2\xf5\x0b\x16\xc4u\x8d.\xad\xac\x94K\xa5\x8b\x16-Z\xb9r%EQV\xf2\xa4&lt;\x1f\x14\x00\xcc\xcb\xffO\x0c\xb8\xb8\xcc\x9f5\xeb\xd0\xca\xe4\xc9\xc3\x86\xa5_\xbd\x1a\xde\xb1\xa3\x93\x8d\xcd\xde\x1d\xdb\x03\x03\x03\x97,Y\xc2X\xcd\xc4\x00\x1c\xeb\x14\x14\x14(\x95\xca\xa3\x17.\\\xbe~\xdd\xdd\xd9\x996\x1aM\xd8\x0e\xe18\xaeP(8\x96\xdd\xf5\xdb\xb2^\xe1\xe1j\x8d\xc6\xa7u\xeb+\x97/u\xe8\xd0a\xc5\x8a\x150\x17d\xe9\xd7\x05\x0e\xb0._\xb9\xe2hk\xdb\xbaE\x8b~\xd1\xd1\xa4@`n\xf9\x9f\x07\xe18\xae\xd5j[89|=\xe3\xdd\x9e\xe1a\xae\x0e\x0e8\x8eO\x9e&lt;y\xf5\xaaU\xf0m6\xa6&gt;@3\x85\x02\x809\x82\x13\x03\x1a\xad6\xc0\xc3\xe3\xeb\x0f\xde\xdf\xf8\xf3O\x04\x8e\xcb\xa5R\x0f\xf7\x96\xc5\xc5\xc53g\xce\x0c\x8f\x88\xb0\xaa\x89\x01\xbd^/\xe4\xf3\xc3;\xb4\xf7k\xdd\x9a\xe58\x93\xafD$\t\x82\xe3\xb8\x86\xfa\xfa\x95\xf3\xbe\xde\xf2\xe3\x0f\xe5UUB\x81\xd0\xc1\xc6&amp;)))))\t\xce\x19Xn\xc7\xb3\xb1\x02hnn\xae\x9b\x93\xd3\xd4Q\xa3\x12\xfa\xf5\xd5k\xb5/\xbd\xfe\xcf\xcbE\x10D\x83J\xed\xeb\xe1\xf1\xe7\x92%b\xa1\x90eY\x92$\'N\x9at\xf4\xe8Q\x8a\xa2P\x0c\xf8Wf}E\xad\x19\x9c\x18\xd0\x1a\x0c\xf555\x11AA\xbb\x7f\xfd\xe5\xeb\x19\xef\xde\xc8\xcf\xb7\xb7\xb1q\xb0\xb5-),|tb\xc0\xd4\x87\xfcJ\xc0\xd8\x96\x99\x99\t\x00 \t\xa2\xad\x8f\x8f\x93\x9d\xdd\xebY\x05\xf4d0e\xa7\xd6h\x86\xf7\xed\xbb\xf6\xbb\xf9\x8evv\xb5J\x05\x8e\xe3+V\xac\x181bD^^\x9e\xe5\x16\x8d`Y\x16\xc3\xb03g\xce\x94\x97\x95e\xde\xba\xf5\x9f\xc5\x8b\x85\x14e\x8e\xa9\x9fG\x108\xae\xd3\xeb\x85|\xfe\x81\xe4d7\'\'\x1c\xc3\xfaDE\x8d\x1c1b\xf5\xea\xd5\x14E\xa1\xf9\x80G\xa1\x00`\xd6p\x0c\xa3H\xb2\xa1A\xc5\xb2l\x97\xe0\xe0K;wLH\x18\xca\xa3(81p\xec\xe0\xc1Ao\xbc\xf1\xee\xcc\x99j\xb5\x1a\xee\x83\xb7\xf4\xcc\xc3\xa3\xfeY\x02\x94\x9d\r\xeb\x80:\xd9\xdb\x99\xcf`\xe7\x9f\x18\xa0\xd5\x0e\x8b\x8f?\xbafux\xfb\xf6\x8e\xb6\xb6\xadZ\xb4\xd8\xb1cGDD\x04,\x1aa\xb9\xe3\xb3\xed\xdb\xb7\xe38N\x91d\\\xd7\xae&gt;\x1e\x1e\xfagy\x05\x98\t\x118\xae\xd5j\x9d\x1c\x1d~\xfe\xf4\xd3\x1f&gt;\xfcP\xab\xd7\xd5\xd6\xd5M\x9c8q\xd5\xaaUhN\xf8Q(\x00X\x00\x82\xc0\x01\x00\x1a\xad\xd6\xcd\xd1\xf1\xc1\x89\x81\xd0\x0e\x1dZ:9\xee\xdb\xbe\xdd\xd7\xcf\xef\xcf?\xff\x84\x8b\x11i\x9anNa\x006:e\xa5\xa5\xa5\xd5\xd5K7n\xaa\xa9W\x90B!kNM*\x81\xe3\x8a\x9a\x9aV..g6m\x1c\xf3\xc6\x1bwKK=\xdd\xddu\x1aM\xdf\xbe}W\xae\\\t\xc7g\x16tE`%\x12\xb5Z}\xe4\xc8\x11\x96e\x8d4=\xa0G\x0f@\x10fu\xce\x9f\x8c$IE]\xdd\x887\x06t\r\xe9\x94}+\x17\xae\\\x9a4i\xd2\x85\x0b\x17H\x92D\xb9\xa0\x07\xa1\x00`1p\x1c\xd7\x19\x0c\xff?1\xf0\xd3\x8f|\x1e\xafA\xadquq\x0eps\x1b:th\xef\xde\xbd\xd3\xd2\xd2H\x92lf\xbb\xe1\x19\x86\xa9W(\x02\xbd\xbc\x92F\x8d\xea\x1c\x14D\x9b\xcdf\xd4F$Ij\xf5z\xb5J=\xef\xbd\x99\xeb\xbe\x9b_SW\xa7\xd1\xe9$b\xd1\xe4\xc9\x93\xc7\x8f\x1f_WW\x07\x03\xb3\xa9\x0f\xb3I\xe0m\xa3T*U*\xd5\xe0^\xbd&gt;\x187.\xaaS0m\x96\x0b@\x9f\x80$IEMM\x07\x7f\xff+\xbbvJ\x84\xc2V-ZHD\xa2\xfe\xfd\xfb_\xbcx\x11\xe5\x82\x1edI\x17\x15yhb\xe0\xcf\xa5K&gt;\x1c7\xceN&amp;g8\xceV.?~\xfcx\xb7\xe8\xe81c\xc6\\\xbcx\xb1y,\x15\x85u@kjj\x8a\n\n\x9c\xec\xeds\x8b\n[\xb9\xba`\xa6[\x03\xfa\x04\x04\x8es\x1c\xc7\xd0\xf4\xd8\x84\x84\xbf\x7f\xff\xadgx\x98\\"\xb1\x93\xcb\xd7\xae]\xdb\xbbw\xef\xcc\xccLK\xc9?\xc0\xc1\xca\xdf\x7f\xff\xadjh\xc8\xbcu\xab\xa2\xa6\xda\xcb\xcdM\xff\x92^\x01\xf6:\x91$\xa9\xd6hZ\xb9\xba\xfe\xbd\xfcw\x17{{\x95FS[[\xdb\xaf_\xbf\xbf\xfe\xfa\xcbR\xae\xc5k\x80\x02\x80\xe5\xf9gb@\xad6\xe8\xf5\xe3\x87\x0e\xd9\xbd\xe4W\xef\x96-\xe5b\xb1\x8dL&amp;\x11\x896m\xda4d\xd0\xc0wg\xcch\x06\x13\x03\xf0\xc8\xf3\xf3\xf35\x1a\x8dB\xa5\xaa\xae\xad\xb3\x93\xcb\x19\x861\xcf\xa6\x08N\t(jk\xa3CCw,Z\xe4\xe5\xde\xb2V\xa1\xf0l\xe9\x9e\x91\x91\xd1\xa3G\x8fs\xe7\xce\xc1]\x02f&gt;2\x83\x95-V\xadZ\xc5r\\QI\t\x060\xb1Db\xce\x0b@\x9f\x80 \x08\xb5V\x1b\x1d\x1e\xfe\xdd\xecY\xad\\]\xfd&lt;&lt;jkk\x13\x13\x13\xe1\xd2\tK\xef\x1e\xbd\x14(\x00X*\xb8&amp;O\xa9V34\xbdf\xc1w\xbf\xfc\xf7\xbf\xbd\xc2\xc3k\x15\x8a\xfe\xdd\xbb\xbb\xda\xdb\xef\xdb\xb1\xe3\xc1\x89\x01\x0b\xcd\x08\xc1c\xbev\xfd:\x8f$;\xb7\x0b\x1a\xd0\xa3\x87\xbd\\nV\xe5h\x1eE\x92\xa4R\xa9\x14\xf2\xf9\xc7\xffX?gjR\xe1\xbdb\xa1@\x00\x18\xa6G\x8f\x1e\xb3g\xcf\x86/}3\xdb\x90\x0c+\x80\xde\xbau+++\x8b$I\x92 \xc6\x0f\x1d\n,\xf0\xceiD\x12D}mm\xaf\xe8\xe8u\xf3\xbf-\xad\xac\xf4\xf3h\xad\xd3\xe9\xfa\xf5\xed{\xe9\xd2%\xcb]\xa6\xf5\x12\xa1\x00`\xd9`\xe6AY_?\xb0w\xaf\xe4/\xbf&lt;\xb2n-I\x10*\xb5\xf6\xa1\x89\x81\xc6\xf7\x9b\x9b\xfax\x9fGiI\x89J\xab]\xb9}\xc7\xa9\x8b\x17eR\xa9\xf9?\xb4p\x8f\x9eN\xa3\xf9z\xd6\xac\xbd\xbf-k\xef\xeb\xcb\xb0\xac\x9d\\\xb6x\xf1\xe2\xb8\xb88s\x9e\x12\x80\x91\xe9\xe0\xc1\x83z\xbd\x9e\xa6ig{\xfb\xb0vA\x1a\x8d\xc6\xccw\x00&lt;\x19E\x92\xca\xba\xba.\xc1\xc1{\x97-Sk\xb4\x18\x86\xd5\xd6\xd5\x8d\x1c9\x12V\xef0\xff\xdb\xe9\x95\xb2\xe0\xebjZ\x84\xd9\xbc\xbf\x17V+S*\x14B\x01?&amp;&lt;|\xfb\xe2E\x1f\x8d\xff\x9f\x89\x81\xe8\xe8\xe8\x193gVUU\x91$\xc9q\x9c\x05\xdd\xf1\x0f\xd7\x01\x8d}Mu@_\x1c\x86a\x00\xc3\x14uuo\xc4\xc6.\xfc\xe8C\x7fOO\x9d^/\x95H\x0e\x1e&lt;\x18\xd7\xaf_nn\xae9\x17\x8d\xc8/(h\xe1\xe8\xf8\xfe\xb8w&gt;\x998\x91GQ\x968v|\x08\xdc\x1f\xd0\xb3{\xb7_\xff\xfb\x1f\x0c\xc3\x02\xbc\xbc\n\n\n\xfa\xf4\xe9SVV\x06\xa3\xb5\xa9\x0f\xd0dP\x00xv\x1c\x07\x00\x80uh\xcdg6\x12\xbe4U\xa9T\x1a\r\x86\xc6\x89\x01\x99Xl#\x93\xc9\xc4\xe2\xa5K\x96\xb4\xef\xd0a\xed\xda\xb5\x8do\xb5\xb5\x88\x9b\xfe\xe1:\xa0\x82\xd7Z\x07\xf4\x05a\x00\x90$Y_]\x1d\x1d\x12rb\xfd\xba\xbeQ]\x1aT*_\x0f\x8f\xb4\xf4\xf4n\xdd\xbam\xdd\xba\xd5\x0c\x8bF\xc0\n\xa0G\x0e\x1f\xae\xac\xad=r.\xd5\xd3\xcd\xcd\xb2\x16\x80&gt;\x01A\x10\r55\xfd\xbav\xdd\xf8\xfd\x82\xea\xbaZ\xb9T\x9aq\xf9rHHHvv\xb6Eo\xdb~A(\x00&lt;3\x8c $Ba\xbfn\xd1\x1d\x03\x02^\xc5{\xa9\x9e\x1b\x06\xc0?/\xb4\xba?1\xb0\xe4\xf3\xcf\xbb\x04w\xd4\x1b\x0c\xee..\xf555\xe3\xc7\x8f\xef\xdd\xbb\xf7\xb6\xed\xdb\x1bk\x15\x98s\xe7\xce|\xea\x80\xbe\x08\x8a$\x1bT*\x02\xc3\xb6\xff\xb2x\xeb\x8f?\xde))\x89\n\x0en\xe5\xe8\x98\x98\x988u\xeaT\xb3*\x1a\xd1X\x01477\x97f\x98\xec\xdc\\[\x1b9\xceq\x96t\xba\x9f\x08\xc70\x96e\x13\x07\x0e\x9c7s\xa6\xa3\xad-N\x92eee\xa3G\x8f\x86\xb9 \xb3\x8a\xc4\xaf\r\n\x00\xcf\x00\xde"aaa\x02&gt;\x1f\xc7\x89\xac\x9b71\xa3\xd1\x0c\x97\xc75N\x0c\xbc\xd1\xab\xe7\x86\xef\xbf\xff\xe1\xc3\x0f\x05&lt;\x9eT,n\xe5\xea\x9ay\xf1b\xd2\xc4\x89\x83\x07\x0f6\xff\x89\x01s\xab\x03\xfa\xdc`\xe3\xd2\xa0R%\xc4\xc6n\xf9\xe9\xa7\xc4\xf8\xf8\x8b\xd7\xae\x11\x04\xb1|\xf9\xf2\xe1\xc3\x87\xd7\xd4\xd4\x98I&amp;\x1a\xf6\x06v\xed\xda\x85a\x18\x81\xe3\xe1\xed\xdaEv\xe8\xa0\xd1h,k\x07\xc0S)\xea\xeb\x93\xdey\'\xb1\x7f\x7f;\xb9\xcc\xdf\xd33;;\xbb_\xbf~uuu\xe0\xfe\x03nU\x9a\xd5\xa5}=DBau}\xfd\x81\x93\'O]\xbaD\x90\xa4yv\xa2\x1b\'\x06\x04\x14\x95\x948\xea\xf0\xeaUo\xf4\xea%\x12\n\xfd\xbd\xbd\xbbt\xea\xb4g\xcf\x9en\xdd\xba\xcd\x981\xc3\x9c\'\x06\xcc\xb0\x0e\xe8s\xc30\x0c\xc70\x8dV34&gt;\xaeWDD\xb7\x90\x10\x17{{;\xb9|\xe7\xce\x9d\xd1]\xbb\x1e&lt;x\xd0\x1c\x8aF\x10\x04\xa1\xd3\xe9\xfe\xda\xb3\x87eY\x86e\x07\xf6\xea\x85\xf3\xf9\x8cY\xde\xde\xcf\r&gt;\x17\r\xd5\xd5s\xa7O[6gNnQ\x11\x9f\xcfOOO\x8f\xe9\xd3\x07\x96V\xb4\xb6\x18\x80\x02\xc03\x83\xa5\xb2\x08\x1c\x97\x8a\xc5f\xbeB\x8e \x08\x86e\x95J\xa5\x9b\x93\xd3\xeao\xbf\xd9\xb9h\xd1\xc4a\t\x07\xcf\x9c\x91\xcbdR\x91h\xe9\xd2\xa5\x0fM\x0c\x98a03\xb7:\xa0/\x82 \x08Eu\xb5_\xebV\xa76o\x1a\xd4\xbb7\x9f\xa2f\xbd\xfdv\xce\xcd\x9bqqq\xabV\xae"I\x12\x98\xae\x13\n\xc7[j\xb5\xba\xaa\xa2"*\xb8c\xdf\xae]\xbb\x87vf-p\xff\xd7Sa\x00`\x00h5\x9aaqq\x8b?\xfdT\xaf\xd7S\x14U]R2j\xd4(\xb8@\xcb\xaab\x00\n\x00\xcf\x83\xe38\xc6Bj\xf1\xc3\xc6\xdd`0(\x15\x8a\x00/\xcf\xb7\x07\r\xda\xf9\xeb/\xdd:u\xd2\xfd\xdb\xc4\x80Y\xbdn\xac\xb1\x0e(\x86a|\x8a\x17\xe4\xebk&amp;u@_\x04I\x92Z\x9dN\xabV\x7f5}\xda\x89\xf5\xebN\xa5_\x04\x00\xc8\xa4\xd2I\x93\'\xbd;c\x06\xc30\xa6\x9a\x12\x807szzz\x83J\xa5\xd5\xe9C\xdb\x05\xb5\xf5\xf1\xd1YZ\x05\x88&amp;\xfa\xe7\xe5KJ\xe5\xcc\xb7\xc6\x8c\x88\x8b\x9b\x934\xc5\xc5\xc9i\xdb\xb6mqqq555\xc0\x9arA\xcd\xf0\xea"\x8f\x82a@\xa3\xd5ju\xba\xc1}\xfa\xac\xffn\xfe\x8f\xffL\x0cHZ\xba\xba^\xbd|9i\xc2\x84\x01o\xbcq\xf7\xee]\xf3\xa9!\x01\x1b\xfa\xeb7n\xf0)\xca\xde\xd6F&amp;\x91Xt\xf7\xbf\x11l\xe2EB\xa1w\xebV?|\xf4a\xaf\x88p\xb1@ \xe0\xf3vn\xda\xd4\xb5k\xd7\xcc\xccL\x13\xbeZr\xdb\xb6m\x0c\xc3d\xe4\xe4\x1c&gt;sV*\x91\x98\xc3m\xf0\x8a\xfc\xb3m[\xa9\xdc\xb6t\t\x9f\xe2\xa5_\xbd*\x16\x89\xd2\xd2\xd2F\x8d\x1a\x05\xf7B\x9bI7\xe8UC\x01\xc0\x8a\xe08\x8ec\x98\xb2\xbe^\xc0\xe3\xdd\x9f\x18\xe8!\x16\x08\xdc\\]\xa2:u\xba~\xe9\x92\x9f\x9f\xff\x8f?\xfe\x08kH\x98\xfa`\x01\x86a\x1c\xc7\xe5\xe6\xe6:\xd9\xdbk\xb4ZG[[\x8c$\x9b\xc7C\t7\x03k4\xda\xde]\xa2v\xfc\xbc\xa8\xb5[\x8bw\xdf\x1cmgg\x97\x96\x96\xd6\xbbw\xef\xd4\xd4T\x98\x0ezm`\x05\xd0\xfa\xfa\xfaC\x87\x0e\xc1\x96q\xf2\xc8\x11\x04\x8f\xd7&lt;\x16\x80&gt;\x01A\x92\r55\xd3\xc6\x8c\x9e\x93\x94\xa4\xd6h\xdc\x9c\x9d\x8f\x1e=:y\xf2d\xd8\r\xb2\x86\x18\x80\x02\x80\xd5i\x9c\x18h\xe1\xe0\x90\xfc\xd5W\x87W\xaf\x1a\xd8\xa3\xe7\xd1\xf3\xe7\x01I\xba;9~\xf4\xd1G\xa1\xa1\xa1\xabW\xaf\xd6\xe9t&amp;|\x00`\x198\x85B\x91\x97\x97\xa7P\xa9\xaaj\xeb|=Z\x03s\xad\x02\xf4\x1c\xe04\x92R\xa1\xa0(\xf2\xfc\xd6\xad\xa1AA7\x0b\n(\x8a\xaa\xad\xad\xed\xd6\xad\xdb\x8f?\xfe\xa8\xd3\xe9^["\x02\xfe\xa2\xac\xac\xac\xf2\xf2r\x00\x80D(\xec\x19\x16f\xb0\xf0\r\xc0M\x81\x01\x80a\x18\x85\xe3\x1fM\x18\xffy\xd2\x14\x01\x8f\x87\xe3\xf8\xca\x95+G\x8f\x1e\xad\xd1h\xaca\x1c\xd0\xcc/0\xf2|\x0c\x06\x83\xc1`\x00\xf7\x13\xf1\xc8kf4\x1aa\xd9zt\xfeM\x82eY\xb3]\x1e\xfdr\xa1\x00`u\x18\x86!p\\&amp;\x93\x95VWO\xfe\xe2\x8b\xd8\t\x13\xf7\x9e&lt;\x11\x13\x19\th\xba\xb8\xb2\xea\x87\x1f~\xb8x\xf1\xe2\xd4\xa9Se2\x19\xcc\x06\x98\xe4 a\x92D.\x97\xfb\xfa\xfa\xca%\x12G;\xdb\xbc\xa2;\x80 \x9aMs\x08\xd7\x11\xc8\xe4r\xa3\x91\x8e\x1c5\xea\xe2\xb5k\x01^^F\xa3\xd1\xce\xce\xee\xf4\xe9\xd3\x9f}\xf6\x99T*\xc5_W\xb9\x118\xd3\xdb\xa1C\x07\x17\x17\x17\x00\x80J\xab=\x91\x9e\xce\x13\x89,\xb4\x08h\xd3q\x00p\x1cgd\xd9\x1fV\xaf\xf9f\xf9\n\x9d\xc1\xc0\xb2\xec\xa4I\x93\xb6l\xd9b\xda\xfb\xff\xb5A\x01\xc0\x8a\xb0,\xcbr\x9c\xcc\xc6Fg0,\xdf\xb25v\xc2\xc4}\xc7O\xaau\xba\x92\xb2\xf2\xd4+W\xdav\xee\x9c\x9b{\xeb\xc3\x0f?\x14\x8b\xc5\xe6\xd0\xfd\x81\x0b\x13\xfd\xfc\xfc*kjDBaU]\x1dG\xd3\xcd\xe3q\x84\t.\x91Hx\xec\\\xea\xf0\xf7g\xdf))]\xbaySmmmxx\xf8\xb1c\xc7\xa2\xa2\xa2^\xf3\xf9\x87\xd3\xfe666}\xfb\xf6\x85y\x8f\xe4m\xdb\x99\xe6\xb8\x06\xf4!\x0cMK\xed\xed\x7f\xdb\xb8i\xde\xf2\xe5b\x91\xa8\xa4\xa2"&amp;&amp;&amp;99\x19\xae\x85k\xf6\xad?@\x01\xc0J\xc0\xad^"\xa1P(\x10\xfcu\xe4\xc8\xd8\xcf\xfe\xf3\xe1\x8f?\xea\x0c\x86\x06\xb5\xea^YY\xfb\x90\x90\xe5\xabW\xff\xbdo_\xabV\xad\xe0\xad\xff\x9a\'!\x1fw\xcc\x00\x80\xb6\x81\x81z\xa3\xb1\xa6\xae^\xa9R\x99\xf9\xae\x8b&amp;bY\x16\xae\xc8\xca\xbfs\xf7\xa3\x1f~&lt;~!M\xad\xd3\xe9\xf4\x86a\xa3G\x9f={\xb6c\xc7\x8e\x0c\xc3\x98\xea\xfc\x8f\x1c9\x92 \x88\xe06mb\xa3\xbb6\xa8T\xe6\xb0\x16\xe0\x15\x81qN.\x93\x8d|w\x86\xdeh\x08k\xdf^\xad\xd1\x84\x87\x87o\xdd\xba\x15n\xf4\xb1\x86\xd6\x1f\x00`\xfa\xe7\x1cy\xa5\xe0\x0ba\x04\x02\x01\x8f\xcf\xbf~+7-\xfb\xea\xe4\xb9_H$\x12\x01\x8fW\\^\xee\xe2\xea:\xff\xdbo\xc7\x8d\x1b\x07\x00\x80\x8b\xd0\xcd\xe7\x99\x87O`\xc7\x8e\x1d9\x8e\xd3\x1b\r\xd7\xf2\xf2*kkme2\x9a\xa6-\xf7\xe1\xa4iZ,\x12\x91|\xfe\x87?\xfc\xf8\xe7\x91##\xe3\xe33n\xe6(\x1b\x1aV&amp;\xaf\x9c8i"\xbcX&amp;\xb9\x040\x0b\x14\x16\x16&amp;\x95H\x84\x02\xfe\xc5\xeck\xd7o\xdf\x8e\x0c\x0eV\xab\xd5\xcdo+\x00l\xfd\xa5r\xf9\xaf\xeb\xd6oOI\xf9\x93\xa2\\\xed\xedG\x8e\x1c\xf9\xfb\xef\xbf\xdb\xda\xda\xc2\x97"\x98\xfa\x18_\x13\x14\x00\x9a3\x86a(\x92\x94H$\x85\xc5\xc5\xdf,_\x91\x9a\x91a+\x93\xf5\x8b\x8e\xde\x7f\xea\x14\x8f\xc7{\xf7\xddw\xe7\xce\x9d\xeb\xe8\xe8h\xc2v\xe7\xa9\xf8|\xbeV\xafO\xcb\xba\xda\xca\xd5\x15\xc70\x8b\x1e\x040\x0c#wp\xb8\x91ss\xea\x97_\xe6\xdf\xbb\xa77\x1a\x17\xff\xf1G\x9b\x80\x80\x9f\x17-\xea\xd7\xaf\x1fM\xd3\xb06\x9cI\x8e\r\xaez\x14\x8b\xc5\x8e\xce\xce\xa9\x19\x99\x00\x80n!!]\xc2\xc3Y\x95\xaa\x99\xb5\x85\x1c\x00\x1c\x00B\x91hgJ\xca\xac\x05\x0b\xf8|\xbe^\xafwps\xdb\xbau+\xb8\xffJ\x1cS\x1f\xe3\xebcE\x7f\xaaU\x819\x1f\x99\\\xae3\x1a\xef\xa7\xfb\x8fk\xb4\xda[\xf9\xf9\xe7\xae\\\x194h\xd0\xe9\xd3\xa7\x97,Y\xe2\xe8\xe8\x08;\xd4f\xd8\xfa\xc3n\xbe\x97\x97\x97L&amp;\x8b\x89\x88\x08i\xdb\xb6\xb8\xa2\x82\xa4(K\x8c\x00\x1c\xc7\xb1\x1c\'\x12\x8av\x1fH9~\xe1\xc2\xe9\xcb\x97\xcbkjj\x15\x8aa\xc3\x86\x9d9{\xb6_\xbf~0\xedc\xda\x91\r\xc30\x02\x81`\xf0\xa0A8\x8e\x138\xbe\xf7\xf8qV\xaf\',v\xb0\xf5\xaf\xe0s!up\xf8z\xd9o\xd3\xe7\xcd\xf3\xf3\xf0\xd0\xeb\xf5aaaG\x8f\x1caY\xd6\xdaZ\x7f\x80\x02@\xb3\xc4\xb0,\x86a2\x1b\x9b}\xc7O\xbc\xf5\xc9\'\x1f\xfd\x93\xeeW\xdf-+\xeb\x18\x1a\xba|\xd5\xaa\xbf\xfe\xfa+&lt;&lt;\xdc|\xd2\xfd\xff\n\xf6I\x9d\x9c\x9c\xc4\x12\xc9\xad\xc2"\x9a\xa6k\xeb\x158\x8e[\xdc \x00\xe6\xd6\xa4\x12\xc9\xae\xc3\x87\x13?\xf8`\xcb\x81\x03\xa1AA\x0c\xc3$%%\xed\xd8\xb1\xc3\xde\xde\x9ea\x18s\x08\xc00\xfc$$$\xc0\x15Ji\xd9\xd9\xe7\xb3\xb2D"Q3\xab\x8b \xb7\xb1Y\xben\xdd\x96\xfd\xfbk\x15\xca[\x85\x85\xed\xda\xb5;x\xf0\xa0\xad\xad-\xb8\x9f\x07\xb3*f\xfa\xf0#\xcf\x81\x03\x80e\x18\x82 db\xb1\xceh\x1c\xff\xe9g\xc7\xd3\xd2\x14*\x15\xff\xdf\xd2\xfd\xe6\xd9\xeb\x7f\x10\\\t*\x14\n}||\xf2sr\xeaU\r\x05\xc5\xc5\xbd\t\xc2\xb2\x96\xc6\x1biZ.\x95\xaa\xb4\xda\x11\xef\xcd\xdaq\xf8\xb0\xaf\x87GjF\x86\xb3\xb3\xf3\x96-[F\x8d\x1aeV\x17\x82 \x08\x8e\xe3\x82\x83\x83\xfd\xfc\xfc\xf2o\xdfn\xe3\xed]W\xaf`1\xcc\x92N\xf7\x13\xb1\x1cG\xe0\xf8\x96\xbd{\xe7\xfc\xfa\xab\x91fX\x9avuu\xdd\xb4i\x93\xad\xad\xad\x99\xc4\xe0\xd7\xcf\xea"^s\xc50\x0c\x8ea2\x99\x8c\xe2\xf1\xd6\xec\xfes\xe8\x8c\x99\xf9\xf7\xee)\xd5\xeaz\xa5R\xa9V\xbf;c\xc6\xd5\xac\xacq\xe3\xc6\xc1!\xb0\ts\xcd\xcf\x04\xb6\xf5\xed\xdb\xb77\x1a\x8d-[\xb4\xd0\xe8\xb4\x8c^o\x11G\x0e\x00\xe0\x00\xa0i\xda\xc6\xc1\xe1\xcc\xe5\xcb=\xc7\xbes(\xf5\x9cT"\xc9+*\n\x0f\x0b;}\xfa\xf4\xa8Q\xa3\xe0\xbc\x8bY\xfd9\x0c\xc3\xf0x\xbc&gt;\xb1\xb1Nvv}\xbaD\x15\x96\x94\x00\x86i\x1e\x8bA\x19\x86\x91\xda\xdb\x1f&lt;{v\xcc\'\x9f:\xd8\xda)\x1a\x1a\x82CB._\xbe\xdc\xae];\xb3\x9d\x00{\r\xd0\x08\xc0\xe2\xc1)\\\x99\\^SS\x9b\x9a\x9d\xbd\xf4\x8f\r\xb7\n\x8b\xe42\x89\x88\xc7\xafS(z\xf5\xea5\x7f\xfe\xfc\xf0\xf0p\x00\x00M\xd3$IZ\xd0\xbd\x0e\x03\x80\xa3\x83CU}\xfd\x9a\x1d;\xbb\x04\x07\xcf\x1e;V\xa7\xd7\x9b\xff* x\xe4r[\xdb}\x87\x0f\x7f\xfb\xfb\xf2[\x85\x85"\xa1\xa0\xb2\xa6\xb6_\xbf~\x9b7o\xb6\xb5\xb5\x85\xd7\xc2\xd4\x87\xf9\xef\xbc\xbd\xbcJ\xab\xaa~^\xbb\xce\xcd\xc9iB\xc2P\xf3?\xdbO\xc5\xb0\xac\x80\xcf?q\xea\xf4\xcco\xe7s\x1cw\xb3\xa0\xc0\xcb\xcb\xeb\xc8\x91#\xd6\xdc\xf7\x87\xcc\xa8\xf7\x81&lt;\x87\xc6t\xff\xdec\xc7\'\x7f\xf9e\x9fw\xc6\xd1\x0c#\x11\x0b\xcb\xca+n\x96\x94\xec\xde\xbd\xfb\xd8\xb1c\xe6\x9f\xee\x7f\xb2\x16nn\x12\xa1p\xd2\x88\xe1\xddCC\x95\r\r\xe6\xff\xb8\xc2\xa4\xbf@$\x9a\xbbx\xf1\xc0i\xd3\xaf\xe6\xe5\x118^\xabP\xce\x9a5+%%\x05.44\xcfk\x01\x87#\xfd\xfa\xf5\xe3\xf3\xf9$IV\xd4\xd4\xa4g_\x13Y\xf8\x96`#M\xcblm\xcfed\x0c\x9c&gt;],\x12r\x1cggk\xbbm\xdb6\xd4\xfa\x034\x02\xb0\\\x0c\xcb\x128\xde\x98\xee?\x91\x96V\xafR\xd9\xc9\xe5\xfbO\x9drsu\x19&lt;|\xf8\xf7\x0b\x16\x88\xc5b\xb8\xe4\xd9B\xefr\xd8\xf7\x0cj\xdb\xd6@\xd3\x97\xb2\xaf1\x0c3qX\x82\x9b\x93\x93\xc1\x8c\xdf\n@\xd3\xb4\\.\xaf\xa9\xab\xeb7y\xca\x99\xcb\x97=[\xba\x17\xde+\xe6\xc9\xe5\'O\x9e\xec\xd2\xa5\x0b\xdcddVi\x9f\x07\xc1\xd7\xa1\xf8\xfb\xfbw\xe8\xd0!==\x1d\x00\xb0f\xf7\xee\xee\xe1a\xa6&gt;\xae\xe7G3\x8c\x8d\x9d\xdd\xf13g\xc6\xfd\xf7\xf3\x16NN\xb9EE\x02\x81\xe0\xe0\xa1C\x9d;wF\xad?@\x01\xc0\x12\xb1\x1c\xc70\x8c\\*\xa5Yv\xcd\xee?w\x1e&gt;\xac\xd6j\x15ju\xbdR\xc9\xa3\xa8\xd1\xa3G\xbf\xf7\xde{\xa1\xa1\xa1\x00\x96\xfd!\x08\xb3m+\x9f\n6\x94\xde\xde\xde"\x91H.\x91\xe0\x04^\xabP\xb4ru\xe5\xcc\xf2\xc5\x90\xff\xa4}\xec\xec\xce\\\xb8\xf0\xc5\xb2e\x05\xc5\xf7\xec\xe4\xf2\xc2{\xc5\xc1\xc1\xc1k\xd6\xac\xe9\xd8\xb1\xa39\xa7}\x1a\xc1\xd1\xc9\xc4\x89\x13/]\xbc\xd8\xaaE\x0b\x0epj\x95\xcaB\xcb\x822\x0c#\x16\n\xcf\xa4\xa5}\xb6h\xf1\xdd\xb22\x00\x80\x9d\x9d\xdd\xea\xd5\xabCCC-\xe2Z\xbc\x06\xe8\x14X\x12\x96\xe3\x00\xc7\t\xf9|R$:\x7f\xe5\xca\xb7\xbf\xfd^p\xef\x9eL\xfa/\xe9~s\xdb\xd6\xfb|\xe0B {{{\x0f/\xaf\xca\x9a\x9anaaw\xcb\xca;\x04\x06\x02\xf3{7$\x1c\x90\xe1\x04\xb1~\xd7\xae\x99\xdf|\xabT\xab%b\x91J\xad\x197n\xdcO?\xfdd\xe6I\xff\x07\xc1\xa0;`\xc0\x00\x89T\xda\xd1\xdf\xdf\xd9\xde\xa1\xa0\xa4$\xd0\xcbK\xab\xd7[\xd6l0M\xd3\x12\xb1\xf8Ni\xe9\x80\xa4\xa96r\xb9D$\xe2\t\x04\x07\x0f\x1eD\xad\xff\x83\xd0Y\xb0\x18,\xcb\n\xf8|\x1c\xc7s\n\n\xb6\xa7\x1c\xdc\xf4\xf7\xdf^-[J\xc5\xa2\xb2\xf2\n#A\xec\xde\xbd{\xc8\x90!\x00\x00\x9a\xa6\x9bA\xd3\xff \x82 l\xe4\xf2\x93\x19\x197\n\n\xecd\xb2!\xf1q\xe6\xb6=\x95\xa6i\x91PH\xf1y\x1f.X\xf8\xd3\xbau\x9e\xee\xee4\xc3\xa8\xd4\x9a\xe4\xe4\xe4I\x93&amp;\x81\xfb\xddjS\x1ff\x93\xc0\xf1\xa2L&amp;\x93H$\x7f\x1d?\x0e\x00\xf0i\xd9\xb2}` \xab\xd5\xe2\x96sS\xd14-\xb7\xb7\xbf\x92\x95\xd5\xeb\x9dq*\xadV\xa9V\x03\x00\xce\x1f;\x16\x1a\x1aj4\x1a)\x8a2\xf5\x01\x9a\x0b\xb3z\x8e\x90\x7f\xc70,\x00@$\x14\x96TU\xfdg\xf1\xe2\xbe\x93&amp;\'\xef\xdc\x19\xd6\xbe\xfd\xc5\xac\xac{\x95Uo\x8c\x18\x91\x97\x9b;d\xc8\x10\xb8\x1c\x88$I\xb3M1?\x07\x98Wqm\xd1\xa2\x85\x83\xc3\xbbcF\xdb\xdb\xc8i\xad\xd6\xac\xba\xa2\x0c\xcb\xca\xed\xed\xef\x96\x97G\x8f\x1e\xb3q\xdf\xbeV-Z\x14\x16\x17\x0bD\xa2C\x87\x0eM\x9a4\x89\xa6iX\xfb\xd3\xd4\x87\xd9T\xb02\xa8X,\xee\xd3\xa7\x0f\x8e\xe3\x14I\xfe}\xf2\xa4e-\x06\xa5iZnk\xbb}\xdf\xdfg/_i\xe7\xef\x077\xb2\xad\\\xb92""\x82\xa6i\xd4\xfa?\xc8b\xeeK\xeb\xc4r\x9c\x91\xa6\xa5R\t\x8e\xe3\xe722:\x0f\x1b\xbez\xd7n\x83\xd1\x88\xb1\xec\xd6\x03\x07z\xf7\xeb\xb7g\xdf\xbe\xa5\xbf\xfe*\x16\x8b\xe1\x96"\x0bjh\x9a\xe8\x9f\xad\x00\xed\xda\xd554\xe4\xe4\xe7W\xd6\xd4\x9aO;\x04\'\xd8\xc5B\xe1\xce\x03\x07b\xc6OH\xbbz\xb5\xaa\xae\xeeni\xe9\xf0\xe1\xc3/\\\xb8\x10\x1b\x1bk\x0e\x05\x1e\x9e\xdb\x88\x11#X\x965\xd2t\xca\xd9\xb3\xb7\x8b\x8a\xf8|\xbeEl\xc1cXV(\x14VVU\xbf\xbf`\xc1G?\xfe(\xe4\x0b\xeclmW\xadZ5q\xe2D\x94\xf9y\x14:\x1df\xea\x7f\xd2\xfd\x19\x19_\xff\xbaD\xab\xd7\x07z{\x9f\xb9|\x19\x00\x10\x12\x12\xb2|\xed\xdaA\x03\x07\x02\x00`\x11\xb1\xe6\x94\xf3yPcMP\x00\x00\xcd0\xd7o\xdf6\x93\x9a\xa0\xb0\xf5\x97\x88\xc5\xdbRR&amp;\xcd\xfd\x82\xe38;\x99\xbc\xa2\xa6f\xca\x94)\xcb\x97/\x07\xf7g\xe0Mx\x84\xcf\r\xbe\x15=::\xda\xc5\xd5\xd5E&amp;\x1b\xd5\xbf\xbf\xd6h\xb4\x80\xb6\xff\xfez\x7f\xad^\x1f?yrIe%I\x92GRS\x8f\x1c9\x12\x13\x13\x832?\xff\xaa\xb9u\x18\x9b\x07\x9aa\x84|\xbeH(\xbcYT4\xf7\xa7\x9f\xc7\xbc\xff\x01\xc3\xb2\x8a\x86\x86\xa2\xe2{\xee\xee\xee\xbf\xfe\xfak\xda\x85\x0b\x83\x06\x0e\x84\xe5\xab,\xb7\x8f\xd9t\x8d5As\xef\xdc1\x87\x9a\xa04\xc3`\x18&amp;\xb5\xb1\x994gn\xe2\x87\x1f\xb98:ju\xda\xea\xfa\xfa\xe5\xcb\x97/_\xbe\x9ca\x18\x8b\xde\\\n\xab0I\xa5R??\xbf\x92\xca\xca\xdf\xb7n\xddu\xf0\x10_(4\xf3\xdd\x00\x0c\xc3H%\xe2\xbc\xa2\xa2!3f\xa8\xb5Z\x1c\xc7i\x9a^\xb5r%j\xfd\x9f\x00\x8d\x00\xcc\x0b\xc3\xb28\x86\xc9\xed\xec\xf2\x0b\x0b\x93\xb7m\xdb\xb8\xefo\x86e{\x86\x85\x1d8yR"\x93\r\x19&gt;\xe2\xbb\xf9\xf3\xa5R)\xb0\xe4\x0e\xe63y\xb0&amp;h\xb7\xe0`\xa9DR\\Qaokk4\xdd\x0b\xe2\xe1\xbb*5\x1aM\xc2\xb4\xe9\x1999b\</t>
        </is>
      </c>
    </row>
    <row r="356">
      <c r="A356" s="1" t="n">
        <v>354</v>
      </c>
      <c r="B356" t="inlineStr">
        <is>
          <t>circle_size_number</t>
        </is>
      </c>
      <c r="C356" t="inlineStr">
        <is>
          <t>What is the missing number of the part denoted with a question mark?</t>
        </is>
      </c>
      <c r="D356" t="inlineStr">
        <is>
          <t>[3, 6, 4, 1]</t>
        </is>
      </c>
      <c r="E356" t="inlineStr">
        <is>
          <t>1</t>
        </is>
      </c>
      <c r="F356" t="inlineStr">
        <is>
          <t>There are 6 numbered circles with varying sizes arranged in a ring with number [2, 1, 5, 2, '?', 5] in a clockwise order.</t>
        </is>
      </c>
      <c r="G356" t="inlineStr">
        <is>
          <t>We observe that the size of the circle is related to the number in the circle. The circle with the largest value 5 seems to be the biggest and the circle with the smallest value 1 seems to be the smallest. Thus, the pattern is that the larger the number the larger the circle.</t>
        </is>
      </c>
      <c r="H356" t="inlineStr">
        <is>
          <t>Based on the pattern that the larger the number the larger the circle, the missing number of the circle denoted with a question mark should be 1.</t>
        </is>
      </c>
      <c r="I356" t="inlineStr">
        <is>
          <t>b'\x89PNG\r\n\x1a\n\x00\x00\x00\rIHDR\x00\x00\x02\x00\x00\x00\x02\x00\x08\x02\x00\x00\x00{\x1aC\xad\x00\x00\x87fIDATx\x9c\xed\xbdw@S\xd7\xff\xff\x7fov \x10\x02\x04\x14\xc5\t"\x02\x02\x82\x13\x1cu\xd4\x8d\xb8\xb5\xce\xba\xb5\x8eZ\xbb\xec\xd2:j\xab}\xd7:\xeaj\xadu\xef\x85{o\xc5\xc5p\x00n\x9c\x8c\x10\x12\x12\x02$w\xfd\xfe8_\xf3\xe3\xa3\x1d\xd6\x06\xee\xb9\xc9\xeb\xf1\xd7\xfbm!\x9c\xdc{^\xaf\xe79\xaf\xd7\xeb\xbc\x0e\xc9q\x1c\x01\x00\x00\x00\xb8\x1e"\xbe\x07\x00\x00\x00\x00\xf0\x03\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02\x02\x00\x00\x00\xe0\xa2\x80\x00\x00\x00\x00\xb8( \x00\x00\x00\x00.\n\x08\x00\x00\x00\x80\x8b"\xe1{\x00\x00\x00\xfcW8\x8e#\x08\x82e\xd9\xf2\xff\xf7uH\x92\xb4\xff\x0fD\xe5\x0c\x0f\xc0\x16\xf2\xaf\xe6\n\x00\x00x\xc2\x95\x03\xf9q\x91\xe8-\xb7\xf2,\xcb"\xd9@\x1f\x02\x92\xe0j\x80\x00\x00\x80\x00\xe08\x8eeY\xe4\xf1\xc5b\xf1+\xff\xb5\xb0\xb0\xd0f\xb3]\xbf~\x9da\x18\x9a\xa6/\\\xb8@\xd3\xf4\xeb\x9f\x10\x13\x13\xa3\xd1h8\x8e\x0b\x0f\x0f\xf7\xf4\xf4\xd4j\xb5\xaf\xfc\x0c\xd2\x03\x10\x03\xd7\x01\x04\x00\x00\xf0\x059}\x82 \xca;}\xb3\xd9|\xef\xde\xbd\x1b7n\xa4\xa6\xa6fff\x16\x15\x15\x15\x14\x14p\x1c\xe7\xe5\xe5\x85\xe4!&lt;&lt;\\"\x91\x947m\x8e\xe3\xc4bqVV\x96\xd9l\x16\x8b\xc5EEE4M{yy\xb9\xb9\xb9EFF\x06\x07\x07GEEEDD\xf8\xf8\xf8\x94\xff\xd3,\xcb\x8aD\xa2\xb7\xde^\x00\xf8\x03\x02\x00\x00\xd8\x81\xd6\xfb\xe5c;\x16\x8b\xe5\xea\xd5\xab\xa7O\x9f\xbex\xf1\xe2\xd3\xa7O\xc5b\xb1\xbf\xbf\x7fPPPDD\x84\xbf\xbf\x7fxx\xb8\\.\xaf^\xbd:\xd2\x89\xd7\xb7\x08\x08\xfb\x02\xff\xc5\x8b\x176\x9b-33S\xa7\xd3\xa5\xa4\xa4&lt;~\xfc\xf8\xf1\xe3\xc7\x16\x8b\xc5\xcf\xcf\xafq\xe3\xc6m\xdb\xb6m\xd1\xa2\x85}\x7f\x80\x06\x03{\x02\xa7\x04\x04\x00\x000\x02\xf9h\x89\xe4\xffUg&lt;~\xfc\xf8\xf4\xe9\xd3\xfb\xf6\xedKIIQ\xab\xd5\r\x1a4\x88\x8f\x8fo\xde\xbcy``\xa0}\xb5\xce\xb2lii)\xc7qV\xab\xd5\xfe/\x7f\xfa\xe1\xf6\xc4\xafT*\x15\x89D\n\x85B,\x16\xa3\x7f)..~\xfe\xfc\xf9\xb5k\xd7\xce\x9c9\x93\x96\x96\x96\x97\x97W\xb7n\xdd\x84\x84\x846m\xdaDEE\xa1_g\x18\x86\xf8ku\x01\x84\x08\x08\x00\x00`\x01\xc30\xf6%\xbf\xc9d\xda\xbf\x7f\xff\xaaU\xab\xee\xde\xbd\x1b\x14\x14\xd4\xa5K\x97V\xadZEEE\xb9\xb9\xb9\x11\x04QRRb\xb3\xd9h\x9aF)\x01\x82 \xd0o\xbd\xf9\n\x1dY}\xf9L\xb2X,\x96\xc9dnnn$I\xd24\x9d\x99\x99y\xe1\xc2\x85C\x87\x0e\xa5\xa6\xa6j4\x9a!C\x86\xf4\xed\xdb\xb7f\xcd\x9a\x04l\x08\x9c\x0b\x10\x00\x00\xe0\x19\x86a\xec\xfe455u\xf9\xf2\xe5G\x8e\x1c\xa9Z\xb5j\xef\xde\xbd\xbbv\xedZ\xbf~}\x91HTVVVRRb\x17\x89\x8ap\xbe\xf6&lt;\xb3H$R*\x95Hl\x9e={v\xec\xd8\xb1\x1d;v\xa4\xa5\xa55n\xdcx\xc4\x88\x11\t\t\t\xaf\x0f\x1b\x10( \x00\x00\xc0\x1b\xe5}hRR\xd2\xa2E\x8b\x1e=z\xd4\xa9S\xa7\xa1C\x87FGG\xcb\xe5r\x8b\xc5\x82\xc2;\x95\x9c\x8cEb@\x10\x84L&amp;\xf3\xf4\xf4$\x08"33s\xd7\xae]\xeb\xd7\xaf\xf7\xf0\xf0\x18:t\xe8\xd8\xb1ce2\x19\x012 p@\x00\x00\x80\x07P2\x16\xf9\xcd={\xf6,Z\xb4(\'\'g\xc4\x88\x11\x83\x07\x0f\x0e\x08\x08\xb0Z\xad\xc5\xc5\xc5,\xcb\xdac\xf4|aW\x02\xa5R\xe9\xee\xeen6\x9b\x0f\x1e&lt;\xb8p\xe1\xc2\xd2\xd2\xd2\x11#F\x8c\x1b7N.\x97\x13\x04\xc10\x0c\xe4\x06\x84\x08\x08\x00\x00T*\xc8\xa5"w\xb9o\xdf\xbe\x9f~\xfa\x89a\x98\t\x13&amp;t\xed\xda\xd5\xc3\xc3\xc3d2Y\xadV\x0c\x8b/9\x8ec\x18F"\x91\xa8\xd5j\x86a.^\xbc\xf8\xf3\xcf??z\xf4h\xe4\xc8\x91\xe3\xc7\x8f\x97H$H\'p\x1b6\xf0\xf7\x80\x00\x00@\xe5a_)\xa7\xa5\xa5M\x9c8177w\xc6\x8c\x19\x03\x07\x0e\x14\x89D\xa86\x9f\xf7%\xff?\x82\xf2\x10\x1e\x1e\x1e2\x99\xec\xdc\xb9s\x9f~\xfa\xa9^\xaf\xff\xe1\x87\x1fz\xf6\xecI\x10\x04M\xd3\xf6\x12&amp;\x00\x7f@\x00\x00\xa02@\xf56"\x91\xc8d2M\x992\xe5\xd8\xb1c\x1f~\xf8\xe1\xa8Q\xa3\xd4juaa!:\xa8\xc5\xf7\x18\xff\x05\xa8\\U\xadV\x8bD\xa2\xbd{\xf7\xce\x9a5\xcb\xdd\xdd\xfd\xf7\xdf\x7f\xaf_\xbf&gt;\xfa\xaf\xb0\x15\x10\x04\xf0\x92\x00\xa0\xc2\xb1W\xef\xec\xde\xbd;&lt;&lt;\xdcf\xb3]\xbcx\xf1\xe3\x8f?&amp;\x08B\xaf\xd7\x8bD"ay\x7f\x82 D"\x91D"1\x9b\xcdEEE={\xf6\xbcp\xe1\xc2\xbb\xef\xbe\xdb\xbe}\xfb\xb9s\xe7"\xef\xffz/\n\x00C`\x07\x00\x00\x15\x0b\x8a\x8a\x98L\xa6\x11#Fdee\xcd\x993\'11\xb1\xb8\xb8\xb8\xb4\xb4\xd49\xa2%(\xae\xa5\xd1h\xd2\xd2\xd2&gt;\xfe\xf8\xe3\xfc\xfc\xfcm\xdb\xb6\xd5\xaf_\x1f\n\x84\xf0\x07v\x00\x00A\xbc\xccL2\x0c\x83\xba\x89\xfd)\xe8\xbf\xda\xbb\xd3\x00\xff\x88=qz\xfa\xf4\xe9\xb0\xb00\x7f\x7f\xff\xe4\xe4\xe4\x84\x84\x04\x9dNg\xb3\xd9\x9c\xc3\xfb\x13/\xcf\x06\xebt\xba\x90\x90\x90\xe3\xc7\x8f\x8f\x1f?\xbeM\x9b6\x8b\x16-B\xf9\x0ct~\x18\xc0\x13\xd8\x01\xb8(\xe5\xbbK\xbe]?a\x86a\xfe{;b\'\xc6\x9e\xef\x9d5k\xd6\x92%K\x96.]\xda\xbf\x7f\x7f\x83\xc1\xe0\xc4iR\x94\x18\xd0j\xb5iii\x03\x07\x0e\x0c\x0b\x0b[\xbbv\xad\xbb\xbb\xbb\x13\x7fe\xa1\x03\x02\xe0B\x94?\xea\xf9\x8a\xcb.,,4\x18\x0c7o\xde\x14\x89D\x0f\x1f&gt;|\xf8\xf0\xa1H$\xb2\xcf\r\x8e\xe3\xbc\xbd\xbdcbbX\x96\xadQ\xa3F\xf5\xea\xd5_\xef$L\xd34\xb4\x11\xb6\x83\\^QQQ\x9f&gt;}\xf4z\xfd\xf6\xed\xdb\xeb\xd6\xad\x9b\x9f\x9f/\x91H\x9c\xfe\xf9P\x14\x85JEG\x8d\x1au\xf5\xea\xd5M\x9b65n\xdc\x184\x00O@\x00\\\x82WZ\x8c\x11\x04\x91\x9f\x9f\x7f\xed\xda\xb5\xcb\x97/\xdf\xbau\xeb\xf9\xf3\xe7:\x9dN,\x16{yy\xd14\x1d\x10\x10\x10\x18\x18HQ\x14rU\x1c\xc7I$\x12\xa3\xd1x\xf7\xee]\x89DR\\\\l\xb5Z\xbd\xbc\xbc|||"""\xe2\xe2\xe2\xa2\xa2\xa2\xea\xd4\xa9c\xffd\xb4\xe5we%@\xce.33311\xb1u\xeb\xd6\xcb\x97/\xb7Z\xad\x16\x8b\xc5u&lt;\xa0=+\xb0|\xf9\xf2o\xbe\xf9f\xd5\xaaU={\xf6\xa4(J*\x95\xf2=4\xe0\xff\x00\x02\xe0\xcc\xbc\xd2\xb7\x8be\xd9\xf3\xe7\xcf\x1f9r\xe4\xe4\xc9\x93yyy\n\x85":::&lt;&lt;&lt;888,,\xcc\xc3\xc3\xa3j\xd5\xaa\xc8\xdd\xff\xe9\xa7\xd14-\x12\x89\xf4z\xbd\xc9d\xbas\xe7\xce\xa3G\x8fRRR\xd2\xd2\xd2\n\n\n\xbc\xbd\xbd\x1b5j\xd4\xa3G\x8f6m\xda\xa0\xce\x01\x84\xab6\t@\xde\xff\xe2\xc5\x8b\xdd\xbbw\x9f&gt;}\xfa\xc7\x1f\x7f\xac\xd7\xeb\t\xd7;!\xc5q\x1cM\xd3~~~\xa7N\x9d\xea\xdb\xb7\xef\x97_~9u\xeaT\xd7\x9c\x128\x03\x02\xe0\x9c\x94?nJ\x10\xc4\xe5\xcb\x97\x7f\xfd\xf5\xd73g\xce\x90$\xd9\xb8q\xe36m\xda\xb4i\xd3&amp;  \xc0\xdd\xdd\x9dx\xd9O\x98a\x18\x8a\xa2\x88\x97\x15\xeb\xaf\x7f&amp;\n\nI\xa5R\xb1X\xacP(\x90N\xd8l\xb6\x9c\x9c\x9c\x94\x94\x94\xa3G\x8f^\xb8p\xa1\xa8\xa8\xa8Q\xa3FC\x87\x0e\xed\xde\xbd;\xfa\x81\xf2M.\x9d\x1e\xe4\xfd\xd7\xad[7u\xea\xd4-[\xb6t\xe8\xd0!??\xdf\x95\x97\xbd\x14Ey{{\xe7\xe5\xe5\xb5n\xdd\xba{\xf7\xee\x0b\x17.,\xdf\x03\x03\xe0\x1d\x10\x00g\xc3^yB\x10\x84\xc9dZ\xb3f\xcd\x86\r\x1bJJJbcc\xfb\xf4\xe9\xd3\xb2eK///\x8e\xe3,\x16\x8b\xcdfC\xde\x99\xf87\xfd\x84_\xe9$,\x12\x89d2\x99R\xa9\x94H$eee)))\xbbw\xef&gt;y\xf2\xa4\xd5j\xed\xd0\xa1\xc3\x94)Sj\xd5\xaaE\xb8\x86\x0c\xa0\x10\xc7\xa2E\x8b&gt;\xfd\xf4\xd3\xc3\x87\x0f\xbf\xf3\xce;yyy\xa8c\x9a+C\xd3\xb4\x87\x87\x87\xd1hl\xd6\xacY\xe3\xc6\x8d\xb7o\xdf\x0e\xfb\x00|\x00\x01p\x1e\xca\xaf\xfa\x9f?\x7f\xfe\xe3\x8f?\xee\xdd\xbb\xb7F\x8d\x1ac\xc7\x8e\xed\xdc\xb93\x8a\xef\x17\x17\x17\xa3\xe0\xbe\x03-\x10)\x01\xfa\xd3\xee\xee\xeer\xb9\xbc\xac\xac,99y\xe9\xd2\xa5iiiQQQ\xd3\xa7O\x8f\x89\x89!\x9c:(\x84\xbc\xff\x8f?\xfe\xb8t\xe9\xd2\xd3\xa7OW\xaf^\xdd`0\xb8N\xd0\xff\xefa\x18F.\x97\xcb\xe5\xf2\x84\x84\x0477\xb7]\xbbv9\xf1L\x10\x16 \x00N\x82\xbd\xe80//o\xc1\x82\x05G\x8e\x1c\t\t\t\x99:uj\\\\\x1c\xc30f\xb3\x99\xa2\xa8Jh1\x86\xb2\xcdb\xb1X\xa5R\xc9d\xb2\x07\x0f\x1e,Z\xb4\xe8\xd4\xa9S\r\x1a4\x98&gt;}:\xba[\xca\xf9:G"\xef\xff\xf3\xcf?/\\\xb8099\xd9\xdb\xdb\xdbd2\x81\xf7/\x0f\xaaAP\xab\xd5\x9d:u\xf2\xf0\xf0\xd8\xbe}\xbb \x1a\x1f9= \x00\x82\xc7\xbe\xfa\xa6iz\xfe\xfc\xf9\xbf\xfc\xf2K\x9b6mf\xcd\x9aU\xb7n\xdd\xb2\xb2\xb2\xe2\xe2b\x82\x8fk\xfc\x90\x12(\x95J\x95Je0\x18\x16.\\\xb8z\xf5\xea\x8e\x1d;\xce\x9b7\xcf\xdf\xdf\xdf\x1e&gt;\xaa\xe4QU\x04(\xee\xbf|\xf9\xf2O&gt;\xf9\xe4\xde\xbd{\x1a\x8d\xc6l6\x83\xf7\x7f\x1d\x14\xfd\xf7\xf6\xf6n\xda\xb4i\x8d\x1a5\x90\x06\xc0\x83\xe2\x17g\xb0@W\x06\x19\x95X,NJJ\n\r\r={\xf6\xec\xce\x9d;7n\xdcX\xa5J\x15\x9dNg\xb1X\xc4b1/\xcbm\xd4+\xc6f\xb3\xe9t:\x92$g\xcd\x9au\xe1\xc2\x05\xa5R\xd9\xa8Q\xa3\xef\xbf\xff\x1e\xc5\xa0\x9c\xe0\x8c(J\xb7\x9c?\x7f\xfe\xe3\x8f?\xde\xbf\x7f\xbfV\xab\x05\xef\xffW\xa0"\x02\xb3\xd9\xbco\xdf\xbeK\x97.-X\xb0@"\x91\xa0\xba\x03\x80/`\x07 `\xd0\x02\xcal6O\x9e&lt;\xf9\xf8\xf1\xe3\x0b\x16,\xe8\xdf\xbf\xbf\xcdf3\x99LXm\xaeQ^\x1a\xed\x06\x92\x93\x93\'N\x9c(\x16\x8b\xd7\xae]+\xf4v1(\x96\x95\x9a\x9a\xda\xae]\xbbm\xdb\xb6\xb5o\xdf^\xa7\xd3\x81\xf7\xff{\x18\x86qss3\x99LM\x9a4\xf9\xfc\xf3\xcf\'L\x98\x00\xfb\x00\x1e\x81\x1d\x80 y\xa5\xc9\x8c\xcdf\xbb~\xfdz\xff\xfe\xfd\xf5z}qq1n\xc7MI\x92\xb4\xef\x06\x1a5j\x94\x9c\x9c\xdc\xa5K\x97w\xdeyg\xf1\xe2\xc5\xc2m\x17\x83\xda`\xe8\xf5\xfa\x84\x84\x849s\xe6\xb4o\xdf&gt;//\x0f\x1c\xd9?"\x16\x8b-\x16\x8b\xaf\xaf\xef\xbe}\xfb&gt;\xfb\xec\xb3\x8b\x17/\xda/\x93\x01*\x1f\xd8\x01\x08\x0f{\xb3u\xd4df\xc9\x92%\x03\x06\x0c@7I\xe1\xef\x80P=\xa8\x8f\x8fOZZ\xda{\xef\xbd\xd7\xa0A\x83?\xfe\xf8C\xa5R\t.3\x8c\xd6\xad111\xef\xbc\xf3\xce\x8f?\xfe\xe8\xe2\xf5\xfe\xff\x16\x8a\xa2|}}\x0f\x1e&lt;\xf8\xde{\xef\xdd\xbd{\x17\xa5\x85\x9c#\'$,@\x00\x04\x06r\x94EEE}\xfb\xf6-((@MfP#\x07\xacV\xfd\x7fO\xf9v1\xd7\xae]\xdb\xb4iSll\xac\x80B\x01h\xa8S\xa7N\xbd|\xf9\xf2\xc5\x8b\x17QO\x7f\xbe\x07%0(\x8a\xf2\xf3\xf3\xfb\xfc\xf3\xcf\x8f\x1d;v\xfd\xfau\x01\xbd}g\x02f\xad\x90@\xde?\'\'\xa7I\x93&amp;\x1a\x8d\xe6\xda\xb5k(\xd9\x8b[\xcc\xe7\x1f\x91J\xa5f\xb3\xd9j\xb5n\xda\xb4i\xf4\xe8\xd1\x1d;v&lt;}\xfa\xb4D"\x11\xc4-"(\xf8\xb6\x7f\xff\xfe\xb5k\xd7\xee\xdc\xb9\xd3l6\xf3="A"\x95J\xf5z\xfd\xbcy\xf3\xe4r\xf9\xd4\xa9S\x85\xf2\xf6\x9d\x0c\x10\x00\xc1\x80\xea\xa6/_\xbe\x1c\x14\x144|\xf8\xf0\xad[\xb7\x1a\x0c\x86\xb2\xb22\x81\xae\x9b\xc4b1\xc7q\xf9\xf9\xf9\x9f|\xf2\xc9\xf6\xed\xdb\xbbt\xe9\xb2h\xd1"\xfc\xcbBP\xfc-??\x7f\xd0\xa0A\x1b7n\xf4\xf3\xf3+++\x83\xe5\xff[S\\\\\xbcs\xe7\xce\xb5k\xd7\x1e8p@"\x91\x081\x1b$h \x04$\x0c\xd0\x06\xf9\xfc\xf9\xf3\x89\x89\x89\xbf\xfc\xf2K\xff\xfe\xfd\x05\x17\xf6\xf9+(\x8a\xf2\xf1\xf1\xc9\xc8\xc8\xe8\xd6\xad\xdb\xe4\xc9\x93\xa7M\x9b\x86s\xdbH$\xc3\xef\xbe\xfbntt\xf4\xfc\xf9\xf3!\xf4\xff\x1f\xa1i\xda\xc7\xc7\xe7\xe0\xc1\x83\xe3\xc7\x8f\xbf~\xfd\xba\x8f\x8f\x8fp\xab\xc2\x84\x08\x08\x80\x00@\x91\x9f\xf3\xe7\xcf\'$$l\xdd\xba\xd5\xf9Z\x8c\xd14\xad\xd1ht:]\xb3f\xcd&amp;M\x9a\xf4\xf1\xc7\x1f\xe3\x19\x11F\xa3Z\xb6l\xd9\xd2\xa5Ko\xdd\xbae0\x18`\xed\xff\xdfA\xc9\x80Q\xa3F\xe9\xf5\xfa\xdd\xbbw\xe3\xf9\xea\x9d\x15\x10\x00\xdcA\xde?99\xb9k\xd7\xae\xa8\xc1\xa4S\xb6\x18\xa3iZ\xa5R\xa1\x96a\x1f}\xf4\xd1\x94)Sp\xdb\x07\xa03w\xf9\xf9\xf9\xa1\xa1\xa1\x07\x0f\x1e\x8c\x8e\x8e6\x9b\xcd\xc2\xaa\\\xc2\x13TP+\x91H\xea\xd7\xaf\xbfr\xe5\xcan\xdd\xba\t\xae$L\xb8\x80\x00`\r\x8a8?x\xf0 $$d\xef\xde\xbd]\xbbvu\xb2\xb5\x7fyP\xdbH\x83\xc1\x10\x14\x14\xb4|\xf9\xf2\xa1C\x87b\xb5\x18D^\xa9S\xa7N5k\xd6\\\xb9r%\x9c\xf9r \x0c\xc3h4\x9am\xdb\xb6M\x9b6-33S\xa5RA \xa8r\x00\x01\xc0\x17\xd40\xc7h46o\xde|\xf8\xf0\xe1\xd3\xa7Owb\xef\x8f@\xb1\xa0s\xe7\xce\xf5\xed\xdbw\xdf\xbe}\xcd\x9b7\xb7\x1fz\xe0\x17\xe4\xfd\x8f\x1c92d\xc8\x90\x07\x0f\x1e0\x0c\x836\x04|\x8f\xcby\xa0iZ\xab\xd5v\xe8\xd0!&lt;&lt;|\xe1\xc2\x85Xi\xbf\x13\x03\x02\x80/\xc8\x06\xa2\xa3\xa3cbb~\xfb\xed7\xa7\xf7\xfe\x08\x14\x11\xde\xb2e\xcb\xb0a\xc3\x9e&gt;}\xaa\xd5jy?"\x84\x94\x98\xa6i\xd4\xdaz\xd0\xa0A\x85\x85\x85\x10\xa3p,\x1c\xc7\xc9d\xb2\xe7\xcf\x9f\xb7n\xdd\xfa\xf4\xe9\xd3\xf5\xea\xd5#\\\xef\x1a\xb5\xca\x07\x9e/\xa6\xd8\x8f\x1a)\x14\x8aU\xabV\x15\x14\x14\xb8\xc8\x82H*\x95\xe6\xe7\xe7\x0f\x180\xe0\xc3\x0f?\xec\xd2\xa5\x0bI\x92\xbc\xf7\t@\xbb\x90U\xabVq\x1c7h\xd0 \x83\xc1\x00\xde\xdf\xe1\x90$YRR\x12\x12\x12\xd2\xad[\xb7\x8f?\xfe\x18u\x8e\xe3{P\xce\x0f\xec\x00p\x04\x05\x1c\xf6\xef\xdf?t\xe8\xd0\xdb\xb7o\xabT*\x9b\xcd\xe6R\xab!\x96e\xbd\xbd\xbd\xe3\xe2\xe2\x9a6m\xcao@\x00-\xff\xadVkdd\xe4\xa2E\x8b\xda\xb5k\x87z\xed\xf12\x18\xe7\x06\xddG]\\\\\xdc\xa2E\x8b\xa4\xa4\xa4\x88\x88\x08\xde7\x7fN\x0f&lt;\\\xec@\xc1\xe5\xbc\xbc\xbc!C\x86\xb8\xf2Q#tDh\xdd\xbau\x07\x0f\x1e\xe4\xf1\x88\x90}\xf9_\xb7n\xdd\xce\x9d;\x17\x15\x15\x81\xf7\xaf H\x92\xb4Z\xad\x01\x01\x01c\xc6\x8c\xf9\xe6\x9boH\x12\x96\xa7\x15\x0e&lt;b\xec@\xcb\xffw\xdf}\xb7v\xed\xda+W\xaet\x91\xd0\xff\xeb\xa0\xac\xe0\xd6\xad[\'O\x9e\xfc\xe0\xc1\x03\xa5RY\xf9\x95!\xf6\xe5\x7fLL\xcc\x8a\x15+\x9a4ib\xb1X\\P\x8c+\x13\xd4\x1d6..n\xeb\xd6\xad\r\x1b6\x84M@\x85\x02O\x16/\x90\xf7_\xbbvmVV\xd6O?\xfd\xe4\xca\xf7\xcaJ$\x92\xfc\xfc\xfc\xfe\xfd\xfb\xb7h\xd1b\xdc\xb8qb\xb1\xb8\xf2\x93\x01h\xf9\xff\xeb\xaf\xbf\xaaT\xaaV\xadZ\x15\x17\x17\x833\xaah\xd0\xc9\xf0.]\xba|\xf5\xd5W\xb0\t\xa8h\xe0\xf9b\x04Zo\x16\x16\x16\x06\x05\x05\xed\xd8\xb1\xa3u\xeb\xd6.\x1ep\xe08N,\x16\xdbl\xb6\xfa\xf5\xebo\xde\xbc\xf9\xddw\xdf\xad\xe4#B\xe8\xba\xcdz\xf5\xea\xcd\x993\xa7o\xdf\xbeF\xa3\xd1\x95_G\xe5\x80\xca\x81rss\x9b5kv\xf1\xe2\xc5z\xf5\xeaaR\n\xec\x94\xc0c\xc5\x084\xd1\xbf\xfd\xf6\xdbv\xed\xda\xb5o\xdf\x1e\xdc\rI\x926\x9bM\xab\xd5\xce\x9c9s\xfa\xf4\xe9\x95\xbc\x03@W\x17\x1c8p@&amp;\x93\xf5\xee\xdd\x1br\xbf\x95\x03I\x92\xa5\xa5\xa5AAA\x1d;v\\\xbcx1A\x10\xb0H\xad8@\x00p\x01y\xff\xdb\xb7o\xaf[\xb7\xee\xa7\x9f~\x826\x03\x08\x89DRPP0q\xe2\xc4\xb2\xb2\xb2\xe5\xcb\x97\x8b\xc5\xe2J\xce\x06\xff\xf8\xe3\x8f\x83\x07\x0f\x96\xc9d\xd0\xa8\xb2\xd2\x10\x89Deee\xe3\xc6\x8d\xdb\xbd{\xb7\xd9l\x86\x92\xd0\x8a\x03\x04\x00\x17PG\x94/\xbe\xf8b\xf0\xe0\xc15k\xd6,++\x83\x83\xa6v\x18\x86\xf9\xf6\xdbo\xe7\xcf\x9fo\xb5Z+\'.\xcc\xb2\xacX,\xce\xc8\xc8\xb8\x7f\xff\xfe\x88\x11#`\xf9_\x99\x88D\xa2\xe2\xe2\xe2\x96-[\x06\x06\x06n\xd8\xb0A\xa0\x97\x86\n\x02\x10\x00,@\xcb\xff\xf4\xf4\xf4\xac\xac\xac\xd9\xb3gC\xf0\xa7&lt;b\xb1\xd8`0\xf4\xe9\xd3\',,l\xd5\xaaU"\x91\xa8\x12bA\xe8Ol\xda\xb4\xa9Q\xa3FU\xabVE\xc2S\xd1\x7f\x14(\x0f\xc7q\xbdz\xf5\xda\xbcy3\x01G\x82+\x0cx\xacX\x80\x96\xff_}\xf5U\xd7\xae]\xbd\xbd\xbdm6\x1b\xb8\x9b\xf2\x90$I\xd3\xf4\x84\t\x13~\xfc\xf1Gt*\xa2\xa27\x01b\xb1\x98\xa2\xa8m\xdb\xb6\x8d\x193\x86\xa6ix\x1d\x95\x0c\xda\x04\x0c\x1a4\xe8\xe1\xc3\x87\x19\x19\x19\x95\xa3\xfa.\x08\x08\x00\xff\xa0h\xc3\xdd\xbbw/]\xba4a\xc2\x84\xe2\xe2b\x97-\xfd\xfc+\xd05\xc8\x1d:tP\xab\xd5\xeb\xd7\xaf\xaf\xe8\x98\x00J\xff\x9e;w\xae\xb4\xb4\x14U\x7f\xc2\x86\xac\x92!I\xb2\xac\xac\xacZ\xb5jaaa\xeb\xd7\xaf\'^\xee\xc9\x00\xc7\x02\x02\xc0?h1\xbbx\xf1\xe2\x8e\x1d;\x06\x05\x05\x95\x96\x96\xc2z\xf3uX\x96\x95\xcb\xe5\x93\'O^\xb1bEE\x1f\x0eBod\xef\xde\xbd\xadZ\xb5\xf2\xf2\xf2\xc2\xfc\x96Jg\x05%{\xfa\xf4\xe9s\xfc\xf8q\x02\xa2@\x15\x03&lt;S\x9eA\xbe\xac\xa8\xa8h\xd7\xae]\xe3\xc6\x8ds\xcd\xae\x0fo\x82D"1\x1a\x8d={\xf6\xd4\xe9tg\xcf\x9e\x15\x89D\x15\xb7\t@\x01\x87K\x97.\xf5\xe9\xd3\x07\xe2?|\x81\xa2@\x1d;v,**z\xf2\xe4\t\xd4\x02U\x04\xe0kx\x06u\xfe9p\xe0@\xed\xda\xb5\xe3\xe3\xe3\xf9=k\x8a\xce=1\x0cC\xff_X\x96\xc5\xc1\xf6\xd0\x19\xd1&gt;}\xfa\xac[\xb7\x8e\xa8\xb0\xf2p\x94\x90\xcf\xc8\xc8x\xf6\xecY\xf3\xe6\xcdKJJ\x04!\xc9\xdc\xbf\x87\xef!\xff\x03\xa85P``\xa0V\xab\xdd\xbbw/A\x10P\x0b\xe4p \xd6\xcc3hu\xb9|\xf9\xf2\xae]\xbb\xf2u\xf0\x1d\xf9}\x82 \xa4R\xa9B\xa1\x90J\xa5\xc8\xe5\xa1\xd44\xc7q\x14E\x95\x96\x96\xdal6~\xaf\xa1\x17\x89DV\xab\xb5W\xaf^\xfd\xfa\xf53\x99L\x9e\x9e\x9eh\x84\x8e\xfd+H\x00\x8e\x1f?\x1e\x19\x19\xe9\xef\xef\xaf\xd7\xeb\xf1O\x00\xa0+\x15\xff\xd5\xafp\x1c\x87\xbf?E\xef\xb7S\xa7N\'O\x9e\x9c4i\x12l\xc5\x1c\x0e\x08\x00\x9f\xa0\xf8\xcf\xf3\xe7\xcf\xef\xdc\xb9\xb3r\xe5\xca\x92\x92\x12^|\x8dH$\xf2\xf4\xf4\x14\x89Dyyy\xa9\xa9\xa9w\xef\xde}\xf6\xec\x99\xd9l\xa6i\xda\xcd\xcd-   44\xb4a\xc3\x86\xfe\xfe\xfef\xb3\x19\xc9@\xe5\x0f\x12\x8d\xd3b\xb14n\xdc\xd8\xd3\xd3\xf3\xf0\xe1\xc3\xfd\xfa\xf5C\xf9s\xc7\xfe\x15\xe4e\xce\x9c9\x13\x1f\x1f/\x88^4\xa8D\xcah4\xfe\xab\xdf\x12\x89D\x1e\x1e\x1e\x153"\x87!\x12\x89l6[\xabV\xad6m\xdad\xb5Z\x9d\xef*l\xde\x01\x01\xe0\x13\x86a$\x12\xc9\xee\xdd\xbbk\xd7\xae]\xbf~\xfd\xca\xbfg\n)\x10\xc30\xfb\xf6\xed\xdb\xbd{\xf7\xf9\xf3\xe7\x1f=z\xf4\xa7?\x19\x14\x14\xd4\xb7o\xdf\x0f&gt;\xf8@\xab\xd5\xf2x*\x8aa\x18\xb9\\\xde\xb9s\xe7M\x9b6\xf5\xeb\xd7\xaf"\xfe\x04\xdagdee}\xf8\xe1\x87\xf8_\xc3\xc00\x8c\x97\x97WRR\xd2\x88\x11#\xde\xf0\xa5\xa0\x0cG\xadZ\xb5\x0e\x1f&gt;,\x95Jq\xbe\xdbR$\x12\x95\x94\x94DDD0\x0c\x93\x95\x95\x15\x19\x19\t}\x81\x1c\x0b\x08\x00\x9f \xc3;v\xecX\xf7\xee\xdd+?\xc7\x85Z\xad\x95\x95\x95%&amp;&amp;&amp;\'\'\xa3\x7f\x94H$u\xea\xd4\xa9^\xbd\xba\x97\x97\x97H$2\x99L\xd9\xd9\xd9w\xef\xde\xbd\x7f\xff\xfe\xbcy\xf3\xb6o\xdf\xbez\xf5\xea\xe6\xcd\x9b\xf3\xd5\xa5\x0e-\t\x13\x13\x13\xc7\x8c\x19SVV&amp;\x97\xcb\x1d\xfb\xf9\xc8\xbfdff\xb2,\x1b\x11\x11\x81\x7f\x02\x00\xbd\xc4\x17/^\x14\x15\x15\xfd\xab_\xc4?\xae\x85\xa0i\xda\xd7\xd7788\xf8\xe4\xc9\x93 \x00\x0e\x07\x04\x807\x90\xe9\x16\x17\x17\xa7\xa6\xa6~\xfa\xe9\xa7V\xab\xb5\x92g6I\x92(\xad\xaa\xd5j\t\x82h\xdf\xbe}\xb7n\xdd\xe2\xe3\xe3k\xd6\xac\xe9\xe1\xe1\x81\x1c\x04\xcb\xb2&amp;\x93)##c\xd5\xaaU\x9b6m\xba\x7f\xff~BB\xc2\xf1\xe3\xc7\xc3\xc2\xc2xq\x8ehI\x18\x19\x19i\xb3\xd9\xae]\xbb\x16\x1f\x1f\xefX\x8f\x8048%%\xa5j\xd5\xaa\x1a\x8dF(\t\x80\xc2\xc2B\x92$k\xd7\xae=w\xee\xdc7\xf9y\x8e\xe3\xdc\xdd\xdd\xc5bqE$Q\x1c\x0bz#\x11\x11\x11)))|\x8f\xc5\t\x01\x01\xe0\rd{)))\x9e\x9e\x9e\xd1\xd1\xd1\xbc\xdc4\x824`\xc6\x8c\x19c\xc7\x8e\xed\xd0\xa1\x83T*-++\xb3Z\xad\xc5\xc5\xc5\xc8\xf0Pv\xb1I\x93&amp;\xadZ\xb5z\xe7\x9dw&gt;\xf8\xe0\x83\xa2\xa2\xa2I\x93&amp;\x9d8q\x82/\xc7AQ\x94V\xabm\xd2\xa4\xc9\xb1c\xc7*H\x00\xae^\xbd\x1a\x1e\x1eN\x08\xa7\x0f\xa5^\xaf\xe78\xaez\xf5\xea\x03\x06\x0c\xa0(\xeaM\x1e\x08\xcb\xb2\xc5\xc5\xc5\x950\xb6\xff\x08\xba\x14\xbaQ\xa3F\'N\x9c\x80\xe5\xbf\xc3\x01\x01\xe0\r4\x9bO\x9f&gt;]\xadZ5\xa5R\xc9K\x06X$\x12\x95\x96\x96\xd6\xaf_?""\xc2l6\xa3!\x91$Y\xde\xcc\x90\xa70\x99L#G\x8e\xcc\xce\xce\x9e3gNrr\xf2\xf1\xe3\xc7\xf9\xbd\x1f1""\xe2\xd4\xa9S\xc4\xcb0\x9a\xa3@_\xfc\xf6\xed\xdbC\x86\x0c!I\x12\xf3\xd51\xf1\xf2\xfe\xac\x82\x82\x02\x82 \xbc\xbc\xbc\xacV\xeb\x9b7\x92\xc2\x7fsC\xbc\x9c\xa2\r\x1a4\xd0\xeb\xf5f\xb3Y\xadV\xe3\xbfk\x11\x10 \xa7\xbc\x81&amp;qZZZ\xabV\xadx\xac6Ag\xeeM&amp;\x93H$\x92H$\xaf_\xbbH\x92\xa4X,\x16\x8b\xc5&amp;\x93i\xcc\x981\xfe\xfe\xfe$I\x1e=zT*\x95\xf22f{eHNN\x8ec\xe3f\xc8\xb3X,\x96\xc2\xc2\xc2z\xf5\xea\t\xa2\x01\\y\x01\xf0\xf5\xf5\x95J\xa5\xe27\x86\xef\xb1\xbf\x11h\x93Z\xa5J\x15\x85B\xf1\xe0\xc1\x03B8\xdb2A\x00\x02\xc0\x1b\xc8\x91=x\xf0 ::\x9a\xa6i\x1e\xf7\xb6"\x91\xe8\x1f\xdd\x01\x1a\xad\xbf\xbf\x7ftt4\xc7qYYY|U\xc8\xa0\x0bC\x82\x83\x83)\x8az\xfc\xf81\n\x118\xf6\xc3\xcdfs\xf5\xea\xd5\x05\xd1\x92\x0f\x9d\x962\x18\x0c\x04A\xf8\xf8\xf88\xe5qY\x86a\xbc\xbd\xbd\x15\n\xc5\xd3\xa7O\t\x10\x00\x87\x02\x02\xc0\x0fh\xb1i2\x99\x8a\x8a\x8a\x82\x83\x83\x85\xd2\xfd_"\x91\x04\x04\x04\x10\x04a4\x1a\xf9\xeaZ\x81\xca\xde\xb5Z\xad\x87\x87\xc7\x9d;w\x08\xc7y\x04\xf49\xb7n\xdd\xf2\xf2\xf2\xf2\xf3\xf3\xc3\xbf\t\x04\xaa\xe2---E\x87\x00|||\x9c\xd29\xa2/U\xaf^\xbd\xb4\xb44\x02\x04\xc0\xa1\x80\x00\xf0\x03\x9a\xc4\x19\x19\x19\x9e\x9e\x9eU\xaaT\xa1(\ns_c\x07\x87,\x1c*\xa0\n\x0e\x0eNMM%\x1c-\x00\xe8\x94\x83\xbb\xbb\xbb \xdaO\x8a\xc5\xe2\x92\x92\x12\xb4\x03\xf0\xf5\xf5u\xca\xf88\xd29\x0f\x0f\x0f\xbd^\xcf\xf7X\x9c\r\xfe\x8d\xd95A\xbe&amp;//O\xa9T\xba\xbb\xbb\xe3\x7f(\x1f\xc1\xb2laa!A\x10\x1e\x1e\x1e2\x99\x8c/\x17\x89\xdc\x9cV\xab}\xf1\xe2\x85c?\x96 \x88\xd4\xd4\xd4z\xf5\xea\t\xe2\x0c0\x12B\x93\xc9d\xb1X\x08\x82\xf0\xf1\xf1\x11\x84h\xfd[\xd0\xbbh\xd8\xb0!\xda\xf0\xe1\xb0\x04q\x1a\xe0Q\xf2\x03r.\xc9\xc9\xc9aaa\x82\xf05\x04A\x88\xc5b\xb3\xd9\x9c\x99\x99I\x92dPP\x90\\.\xe7\xcb\xdd\xa0\'\x16\x1b\x1b{\xeb\xd6-\xc2\xd1\x1e!??\xdf\xcb\xcbK@/\x05\x85\xe3\x08\x82\xf0\xf2\xf2B7\x19\xf0=\xa8\nA\xab\xd5\xa2\xc5\x07\xe0@@\x00\xf8\x049PAX,M\xd3*\x95\xea\xd2\xa5Kw\xee\xdc\xe18\xaeM\x9b6\xfc\xb6\x10@\xb5\xaa4M;\xfc\x93\xe5r\xb9\xcdfs\xf8\xc7V\x04h\x07`0\x188\x8eS(\x14H\x00\xf8\x1eT\x85\x80r\xddR\xa9\x94\xef\x818\x1b \x00\xfc\x80\\\xa7\xd1h\xf4\xf1\xf1\xe1{,\xff\x0c\xea\xb9F\xd3\xf4\xdc\xb9sY\x96\r\t\t\xe9\xd4\xa9\x93\xd9l\xe6\xab\x94\x10\xe5\x81\xbd\xbc\xbcl6\x9b\x03\xd3\'\xe8sn\xdd\xba\xd5\xa8Q#\xa1\x04\xd3E"\x11\x8a\x8c\xbb\xbb\xbb{xx\xd8l6\xe6%\xecKP\x7fo\x86a\x04\xb1\xa7y\x1dT\x9a\x15\x1e\x1e\xae\xd7\xeb\x8dF\xa3P6g\x82\x00\x0e\x82\xf1\x03r.\xb7o\xdf\x9e:u*\xe6\xbe\x06\xad\xf4\xbd\xbd\xbd\'L\x98p\xf1\xe2E\x82 \xbe\xfd\xf6[\xb5Z\xcd\xe3\xcd\xf5\xe8\xecBXXXaa\xa1\xc1`\xf0\xf3\xf3s\xc83D\x9f`0\x18\x04\xa1\xca\xc4\xcb\xec(:\x04\xa0V\xab\xbd\xbd\xbd\xd5j5\xf1\xb2\xd5\xb3\xddK\xa2\xaa\x7f\x86aJJJ\xd0\xe1\x06a\x85\xd1\x91\xdek4\x1a\xab\xd5\x8ajsA\x00\x1c\x05\x08\x00\x9f\xa0e5\xdf\xa3\xf8;\x18\x86\x91\xc9d\n\x85b\xe2\xc4\x89\xcb\x97/\'\x08\xe2\xa3\x8f&gt;\xea\xd3\xa7\x8f\xc1`\xe0\xfd$\x11\x8aw;\\;%\x12\t\xe6/\xe5\x15P# \xb5Z\xfd\xe2\xc5\x8b\x13\'Ndee=y\xf2$??\xdfb\xb1\xa0\xd7\xe7\xe3\xe3S\xb3f\xcd\x86\r\x1b6i\xd2\xa4f\xcd\x9a6\x9bMp\xf7N#\r\x10\xc4\xd9la!\xa4I\xe0|`\xbe\xf6\xa7i\xda\xd3\xd3\xb3\xa8\xa8h\xd8\xb0a{\xf6\xec!\x08b\xe2\xc4\x89\xdf\x7f\xff=\x8f\x1d \xcaSA\x8f\x0e\xf3\x97R\x1et\x08\xee\xe1\xc3\x87\x1c\xc7\xdd\xbd{7**\xea\xef\xa5\xcb\xdf\xdf\xbfs\xe7\xce\x1f|\xf0A\xa3F\x8d\x0c\x06\x83\xb0\xfc\xa9\x80\x86* @\x00\x80?\x87\xa6ioo\xef\xeb\xd7\xaf\x8f\x1c9\x12\x15\xdb\xcc\x9e={\xfa\xf4\xe9\xff\xb6\xed0Pq\xa0uqLL\xcc\xf6\xed\xdb-\x16\x8bF\xa3\t\x0e\x0e\xaeS\xa7N\xb5j\xd5\xbc\xbc\xbc\x14\n\x05\xea\xe3\xf4\xe2\xc5\x8b\xdb\xb7o\xa7\xa7\xa7\xe7\xe5\xe5\xfd\xf1\xc7\x1f\xdb\xb7o\xff\xe2\x8b/&gt;\xf9\xe4\x13\xb3\xd9, \xb5\x03*\x02\x10\x00\xe0O\xa0i\xda\xc7\xc7g\xcf\x9e=#F\x8c(**\xd2j\xb5K\x97.\xed\xd7\xaf\x9f^\xaf\x17\xd6\xb2\xd1\xb9A\xd7\xa6O\x9d:522\x92\xa6\xe9\x86\r\x1bz{{+\x95J\xb4?\xb3;w\x96eKKK\x1f&lt;x\xb0m\xdb\xb6_~\xf9\xc5h4~\xf9\xe5\x97\xcf\x9f?\xff\xf9\xe7\x9fM&amp;\x13\xbcMW\x06\x04\x80O\xf0\\\x7f1\x0c\xa3\xd1h\xf6\xed\xdb\x87z\x0bGEE\xad_\xbf\xbeA\x83\x06:\x9d\x0e\xab\xc0q\x05=:a\xe5\x18I\x924\x9b\xcd\xef\xbc\xf3\x8eH$*++\xb3\xd9leee\xaf\x8c\x1fe}\xeb\xd6\xad;g\xce\x9c^\xbdz\r\x1a4(++k\xd9\xb2e\xc1\xc1\xc1\x93\'O\xd6\xeb\xf5X\xbd\xd6\xbfB@/E@\x08\xa9\x18\xc0\xf9\x90J\xa5\x14E\xf1=\x8a\xff\x03\xcb\xb2\n\x85\xe2\xe1\xc3\x87#G\x8e\xa4(\xaaq\xe3\xc6\x07\x0f\x1e\x0c\x0e\x0e.((\xc0\xcaM\xa0&amp;\x91\x15\xb1\x1d\xa1(JXw\xcf\xa2}@QQ\x11z b\xb1X\xf2\x7f\x11\x8b\xc5\xa8n*///22r\xf7\xee\xddU\xaaT\x11\x89D3g\xce|\xf0\xe0\x81R\xa9\xc4\xdf\xb7r\x1c\x87n\xaft\xca\xa3\xce&lt;\x02\x02\xc0\x0fh\x1eGEE%\'\'c\xb5\xe4dY\xd6\xdd\xdd}\xe1\xc2\x85z\xbd\xbej\xd5\xaa\x1b6l\xd0h4&amp;\x93\t\xab38,\xcb*\x95\xca\xb4\xb44\xadV\x8b\xfa\x1f8D\x06\xd0[\xa8U\xab\xd6\xfd\xfb\xf71\xdc\x99\xfd\r\xa8\x9f\xeb\xdf\x8fY$\x12\xc9d\xb2\x82\x82\x82\xfa\xf5\xeb\x7f\xfb\xed\xb7,\xcb\x16\x15\x15\xad_\xbf^\xa5Ra~|\x8c\xe38\xb9\\\xfe\xf8\xf1cOOO\x0f\x0f\x0f&lt;\xf7\xcd\x02\x05\x04\x80g\xf0q\xfd\x04Ap\x1c\'\x93\xc9rss\x0f\x1e&lt;H\x10\xc4\xa4I\x93\xea\xd5\xabg2\x99\xb0Z\xfb#\x90j:\xf64\xb2]\x00\xee\xde\xbdK`\xf6j\x1c\x85L&amp;3\x18\x0c\xbd{\xf7\xae[\xb7.I\x92G\x8e\x1c\xb1X,8\xd4t\xfd\rhZ&gt;z\xf4\xc8\xd3\xd3\xd3\xcd\xcd\xcd)\xdf\x0b_\x80\x00\xf0\x89V\xab-**\xe2\xb7\xa7By\xd0R\xeb\xe1\xc3\x87O\x9f&gt;\x95\xcb\xe5\xdd\xbau\xb3X,\x18z\x7f\x84^\xaf\xf7\xf6\xf6v\xf8\xc7Z,\x16www\x87\x7f,&gt;\xa0CU-[\xb6\xe48\xee\xc1\x83\x079992\x99\x0cs\xaf\x8a.1F-\x8f\x00\x07\x02\x02\xc0\x0f\xc8\xe3GEE\xa1\xc5&amp;&gt;\x02 \x91Hrss9\x8e\xabU\xabV\xd5\xaaUqKQ P\x10\xe0\xe6\xcd\x9b\xf5\xea\xd5#^\xc6\xd3\xfe;\xe8-\xd4\xaf_\xff\xc9\x93\'N\xdcU\x8d \x08\x92$\xeb\xd7\xafO\x10DQQQ~~\xbeD"\xc1\\\x00\x08\x82\xb8{\xf7n\x9d:u\x08\'\xdd\x99\xf1\x05\x08\x00? \xe7\x12\x18\x18XVVVXX\x88\xcf\x1e\\$\x12\x99\xcdf\x89DR\xa5J\x15\xd4\x13\x1fC?\x88\xe2?999\xc8#8\x96:u\xea&lt;\x7f\xfe\xdc\x89\xab]\xd1\xd3\xd3h4\x04A\xd04]ZZ\x8ayg\x08\xa4\xf7\xd9\xd9\xd9U\xabV%@\x00\x1c\n\xd6/\xde\x89A\xce\xa5n\xdd\xbaeee\xb9\xb9\xb9|\xdd\xaf\xfb:\xa8\xac\x90\xa6\xe9\xb2\xb22l\x17\x86\xe8~\xca\xc7\x8f\x1f\x87\x87\x87\x13\x8e\xdb?\xa1\xcf\xa9V\xad\x9a\xcdfC\xc5\x91x~}\x87`\xefD+\x16\x8b1\xff\x9a\xe8\xc0s^^\x1e\xd2{g\x15f^\x00\x01\xe0\x074\xa7=&lt;&lt;|||233\x95J%\x0e\xf5m\xe8~\xc1\xe8\xe8\xe8\xcf&gt;\xfbl\xe4\xc8\x91x\xde\x8a\x8e*\x02_\xbcxa\xb1X\x1a4h@8\xee&gt;\x00\xf4ek\xd5\xaaU\\\\\x8cC\xb3\xa3\n\x02\xb5\x90C=D\x05\xd1D\x1amY\x9e&gt;}\x1a\x1c\x1c\xcc\xf7X\x9c\rL\xf3{\xae\x00\xcb\xb2\x12\x89\xa4~\xfd\xfaW\xaf^\xed\xdb\xb7/\x0e\xab0T-\x1e\x1d\x1d\x1d\x1f\x1fO\xd34\x9e\xc7D9\x8eS*\x95\xb7o\xdfV\xa9T\xfe\xfe\xfe\x0e,\nD\x8eF\xa5Ri4\x9a\xfb\xf7\xef\xd7\xa9S\x07O\t\xfc\x8f\xa0\xc5GFF\x06A\x10\xfe\xfe\xfe\x98\xdfH\x8a\xf4&gt;//\xcfb\xb1 \x01\xc0v\xa8B\x04v\x00&lt;\x13\x1b\x1b{\xe9\xd2%|J\x9b\xd1\xcd\x1b:\x9d\x0e5^\xe7{8\x7f\x02\x12\xces\xe7\xce\xd5\xaaUK"\x918v\xe7\xc4\xb2\xacL&amp;\xf3\xf3\xf3\xbb\x7f\xff\xbeS\x86\x80\x90?\xcd\xcf\xcf?\x7f\xfe&lt;I\x92\x91\x91\x91\xbe\xbe\xbe\xf8\x0b\x00\xba\xfb\x13\xe5\x00\xb0\x1d\xaa\x10\x01\x01\xe0\r\x14\xb8h\xd3\xa6M^^^aa!V\xd5\x96"\x91\x08[3C\xeb\xf4\x1b7n\xb4m\xdb\x96ptJ\x10}ZTT\xd4\xf5\xeb\xd79\x8e\xc3_\x00\xfe\xed\x08)\x8aR\xab\xd5\xdb\xb7o\x7f\xf2\xe4\t\xc7q={\xf6\xc4\xf6E#\xd0eg\xe9\xe9\xe9U\xaaT\xf1\xf0\xf0\xc0\xb3*A\xb8\x80\x00\xf0\x86H$\xe28.44\x94e\xd9\xcb\x97/\xabT*\x1c\xd2\x00h/\xe2\xe1\xe1\xe1\xe6\xe6\x86\xc3x^\x01\x9d\t\xca\xcb\xcb\xbby\xf3f\xbbv\xed\x08G_\x08\x8c\x9cK\xe3\xc6\x8d\xef\xdc\xb9\xc3\xb2,\xe6\xe51\x04AH$\x12t\xf9\xd7\x9b\xfc\xb0\xcdf\xd3h4YYYs\xe7\xce%\x08",,\xacG\x8f\x1e&amp;\x93\t\xe7l\x07\x9a\x90\xa9\xa9\xa9(\xe1\x8f\xe1\x9c\x144\xb8\xcfo\xe7\x06\xdd\xd7\x11\x1f\x1f\x7f\xec\xd81\x87G3\xde\x02t\x0e\x80\xe3\xb8\xb3g\xcf\xde\xbauK\xa9T\xf2;\x9e\xd7aY\xd6\xcd\xcd\xed\xd2\xa5K&gt;&gt;&gt;\r\x1a4@\xf9L\x07~&gt;\x12\x80F\x8d\x1a\x15\x14\x14`U\x9d\xf5\xa7p\x1cg4\x1a\xbd\xbc\xbcP\xc1\xae\xfd\xde\xc7W@\xff\x89eY\x7f\x7f\xff\xa7O\x9f\x0e\x180 //\x8f \x88\x05\x0b\x16\xb8\xbb\xbb\xe3\x9f\x01fY\xf6\xd6\xad[M\x9a4! \xfe\xe3h@\x00\xf8\x04\xcd\xe6N\x9d:\x1d&gt;|\xd8j\xb5\xe2\xb0\x10#Ir\xf8\xf0\xe1\x1d:t\x88\x8b\x8b\xfb\xe3\x8f?pk\x14\x83$j\xe7\xce\x9d\xb1\xb1\xb1"\x91\xc8\xe1cC\xdb\xb2Z\xb5j\xa9T\xaa\x94\x94\x14\x9c\x1b\x0fp\x1c\xe7\xe6\xe66y\xf2\xe4\xf1\xe3\xc7#\xb5\xd6j\xb5j\xb5Z.\x97K$\x12\x91H\x84\x1a\x04I\xa5R\x95J\xe5\xeb\xeb\xabP(6n\xdc\xd8\xae]\xbb\xf4\xf4t\x82 \x16,X\xd0\xb1cGL\xee\xf6\xf9+\xd0\x86/\'\'\xe7\xe9\xd3\xa7m\xda\xb4!\x1c\xbd\xe1\x03\xe0i\xf2\t\x9a\xcd]\xbat1\x18\x0c\xd7\xae]C\xeb8\xbe\x06\x83:\xaceff\xee\xdb\xb7O$\x12Q\x14\xf5\xc7\x1f\x7f\xe0v V*\x95\x1a\x8d\xc63g\xce\x0c\x1d:\x94\xa8\x98\xf5 \xc30b\xb18**\xea\xdc\xb9s8l\xcb\xfe\n\xa4\x85O\x9e&lt;\xf9\xed\xb7\xdf\xe2\xe2\xe2:u\xea4c\xc6\x8c\xc3\x87\x0f?z\xf4\xa8\xb8\xb8\x18-\xf9Q&gt;\xff\xd2\xa5K\xf3\xe7\xcfo\xdf\xbe\xfd\xe0\xc1\x83\x1f?~\xec\xe6\xe6\xb6d\xc9\x92\x8f&gt;\xfa\x08\xab\x13\x88\x7f\n\x12\xb9\xd4\xd4T\x0f\x0f\x8f\x1a5j\xe0S+\xe14`\x94xtAH\x92d\x18\xc6\xd3\xd33&gt;&gt;~\xc7\x8e\x1dqqq&amp;\x93\t\x875\x0e\x9ef\xc60\x8c\x97\x97\xd7\x81\x03\x07\x94Je\xf3\xe6\xcd9\x8e\xab\x08\xff\x85\xbe{\xdb\xb6m\x97/_N\xd34\x0e\xaf\xe3\xaf\xa0(j\xc2\x84\t\xff\xfb\xdf\xff\xb2\xb2\xb2\xce\x9d;w\xee\xdc9\x82 \x94J\xa5\xb7\xb7\xb7\x87\x87\x87X,\xb6Z\xadz\xbd\xde`0\xd8\x7f\xa5s\xe7\xce_\x7f\xfdu\xd3\xa6M\xf1\xf7\xfe\xc4\xcb\x8a\xafc\xc7\x8eEFF\xa2\x0b\xb4\xb1\xaa\x95p\x02\xf0\x9d\xdc.\xc5\x07\x1f|p\xfc\xf8q~\xa3@\xe8\x14Xhhh\xe7\xce\x9d\x19\x86\x11\x89DC\x86\x0c\xc1\xaa\x14\x12\xady\xb7m\xdb\xd6\xb7o_\x99LVA\xb1){u\xd6\xe3\xc7\x8f\x1f?~,\x97\xcb\xf1y\x02\xe5A\xefk\xf8\xf0\xe1g\xce\x9c\xd9\xb6m\xdb\xe8\xd1\xa3\xa3\xa3\xa3\xd5juii\xe9\xf3\xe7\xcf\xb3\xb2\xb2n\xdf\xbe}\xff\xfe}\x83\xc1\xe0\xee\xee\x1e\x15\x155i\xd2\xa4\x13\'N\xec\xde\xbd;::Z\xaf\xd7\xe3\xef\xfd\t\x82\x10\x89D4M\x9f9s\xa6S\xa7N\x04\xae\xeb\x12A\x83Q\'z\x97\x85\xe38\x8a\xa2BCC\xbf\xfb\xee\xbb\xde\xbd{\x1b\x8dF\xbe\x8c\x13\xd5\\[\xad\xd6+W\xae\xa8\xd5\xea\xe8\xe8h\xab\xd5\xca\xcbH^\x07\x85\x83\xf3\xf3\xf3\x9b5kv\xe6\xcc\x19T=UA\xcbs\xf4\xc9\xed\xda\xb5\x1b0`\xc0\xc8\x91#q^,3\x0c#\x91HT*\x95X,6\x99Lyyyyyy\x06\x83\xa1\xa4\xa4\x04\xdd\xed\xa3V\xab\x03\x02\x02\x02\x02\x02&lt;==)\x8a2\x9b\xcd\x84@"\xe9\xa8\x00\xf4\xc1\x83\x07}\xfa\xf4INN\xd6h4\x10\x02r8\xb0\x9f\xe2\x1fT\x0b4~\xfc\xf8U\xabV\xf5\xef\xdf\x9fGIF\xd7lI$\x92\x0e\x1d:0\x0cSRR\x82\x8f\xbd1\x0c\xa3R\xa9\xfe\xf7\xbf\xff\xc5\xc6\xc6\x86\x86\x86\xa2H}\x05\xfd-$\x00-[\xb6\xdc\xb9s\xe7\xe8\xd1\xa3q^$\x89\xc5b\x96e\x8dF#\xda\x1e\x05\x04\x04\xd4\xacY\xd3~9\x0c*\x01\xa2(\xcaf\xb3\x15\x14\x14\xa0\xcc0\xdfC~S\x18\x86qss\xdb\xb7o_@@\x80F\xa3\xa9\xd07\xee\xb2\xc0\x0e\x80\x7f\xd0+(((\x08\r\r\xdd\xb3gOll\xac\xc5b\xe1\xd1P\xed\x17\xad`\xe5,P9`DD\xc4\xea\xd5\xab;v\xec\xc8\xb2lE\x0b\x00:j\x802\x904M\xe3\xa3\x85\x7f\x83\xbd\xf4\xd3\xfe/\xe4Kx\x1c\xd5\xdb\xc10\x8c\xb7\xb7w\xb3f\xcd\x06\r\x1a4e\xca\x14H\x00T\x04\x18Y\xb8\xcb\x82\\\x9bV\xab\x1d4h\xd0\xb2e\xcb\x14\n\x05\xbf\x95\x97\xa8C$V\xde\x9f\xa6i//\xaf]\xbbvU\xadZ\xb5S\xa7N\x15\x94\xfe\xb5#\x12\x89X\x96\r\x0f\x0f\xaf]\xbb\xf6\xc1\x83\x0719\xa3\xf7&amp; \xd9\x16\x97\x03\xe7C\xdd\x7f\x03\xaa\xff\xc9\xc8\xc8\xc8\xcd\xcd\xed\xdf\xbf?A\x10\xb0\xfc\xaf\x0802rW\x06\x95\x9fO\x9f&gt;\xfd\xf2\xe5\xcb\x99\x99\x99\xee\xee\xee\xb03+\x8fX,.++[\xb6l\xd9\xb7\xdf~KTJGx\xb4\x07\x1a2d\xc8\xaf\xbf\xfeZ\xd1\x7f\x0bx\x1d\x14\xffY\xbdzuttt\x95*Up+Gv\x1a@\x00\xb0\x00m\x02\xaaT\xa9\xd2\xbd{\xf7)S\xa6\xe0\x7f&gt;\xb32\xa1i\xda\xdb\xdb\xfb\xe7\x9f\x7f\xe68\xaek\xd7\xae\x15\x1a\xfc\xb1\x83\xba\xe4\xf7\xee\xdd\xfb\xc5\x8b\x17YYY8\x9f\x08sJP\r\xeb\xd1\xa3GG\x8d\x1a\x05O\xbe\xe2\x00\x01\xc0\x05\x14v\xf8\xea\xab\xaf\xd2\xd2\xd2.^\xbc\x88\xfa^\xf1=(,\x90H$EEEK\x97.\xfd\xfe\xfb\xef\x89\xca\xba\x10\nIr\xd5\xaaU\x9b7o\xbex\xf1b777\x90\xe4J\x03\x1d\x8e\xd9\xb3gOYYY\xe7\xce\x9d\t\x88\xffT\x18 \x00\xb8\x80\x9a\\\xfa\xfa\xfa~\xf3\xcd7\x13&amp;LP(\x14\xb0\xf0!\x08\x82\xa2(\x8dF\xf3\xc5\x17_\xc4\xc4\xc4t\xec\xd8\xb12KA\xd0\x1b\x99&gt;}\xfa\xa1C\x87\n\x0b\x0be2Y\xe5\xfc]\x00U4\xfd\xfa\xeb\xaf\xe3\xc7\x8fG\xdd\xee\xf8\x1e\x91\xd3\x02\x02\x80\x11\xa8\xb9\xcd\x981c,\x16\xcb\x92%K|}}i\x9a\xe6{P|\xc2\xb2\xac\xa7\xa7gjj\xea\xfa\xf5\xeb\xe7\xcf\x9f_\xc9\xad\x80Qb\xa6Q\xa3FZ\xadv\xc5\x8a\x15\x9e\x9e\x9e.\xfe:*\x07tS\xde\xf9\xf3\xe7\xd3\xd2\xd2\x86\r\x1bV\xd1\t\x7f\x17\x07\x04\x00#P\xb9\x9eL&amp;\xdb\xb0a\xc3\x17_|\xf1\xf0\xe1CL\xae\x8a\xe4\x11\xa9T:d\xc8\x90/\xbf\xfc2$$\xc4\xe1\xbd?\xff\x11\xb4\t\x9b9s\xe6\xbau\xeb(\x8a\x02OT\t0\x0c\xa3P(\x96-[6h\xd0 \xadV\x0b\x17\x00T( \x00x\x81\xce\xbe7m\xdat\xf4\xe8\xd1C\x87\x0e\x15P\x01\xa2\xc3\xa1(\xca\xc7\xc7g\xc6\x8c\x19r\xb9\xfc\xb3\xcf&gt;\xa3i\xba\xf2\xfd/:f\xd5\xad[7oo\xefm\xdb\xb6\xa9\xd5j\x08GT(\xa8\xfa\xf3\xee\xdd\xbbW\xae\\\x99&gt;}z\xe5K\xbe\xab\x01\x0f\x17;\xc4b1\xc30\xf3\xe7\xcf/,,\x9c7o\x9eV\xab\xc5\xf9\xc6\xbe\n\x02\x15\xfe\x9f?\x7f~\xc9\x92%\x9b7o\xe6\xd1\x11\xa0M\xc0\xf4\xe9\xd3\x17.\\H@;\x9a\n\x86\xa6i\x95J\xf5\xe3\x8f?v\xed\xda\xb5J\x95*\xb0\xfc\xafh\xe0$0\x8e\xa0\x93\xa8\xf7\xee\xddk\xd4\xa8\xd1\xe1\xc3\x87\x9b6mj0\x18\\\xe7\x18$\xcb\xb2R\xa9\x94a\x98\x06\r\x1a\xcc\x9f?\x7f\xc8\x90!\xfc\xb6\x01@\xaf\xa3I\x93&amp;\x83\x07\x0f\x9e8q\xa2^\xafw\x9dwQ\x99\xa0\x86\xe4\x19\x19\x19\t\t\t\xa9\xa9\xa9~~~\x04(n\x05\x03\x02\x80)\xc8\xe5\xad_\xbf\xfe\x93O&gt;IOOW*\x95\x14E\xb9\xc8v\x98a\x18__\xdf\xf6\xed\xdb\x07\x06\x06\xaeY\xb3\x86\xf7\x1e\x00\xe8]\x1c:th\xe8\xd0\xa1\x8f\x1e=\xa2(\x8a\xc7\xc1814Mk\xb5\xda\xf6\xed\xdb\x87\x85\x85-Z\xb4\x08\x9a\xffT\x02 \x00\xf8\x82\x1c\xdf\xf0\xe1\xc3322\xae\\\xb9\xa2\xd7\xeb\x05\xda\xd4\xe5_AQ\x94\x9f\x9f\xdf\xa7\x9f~\xba{\xf7\xee{\xf7\xee\xa1\xc6\xd4\xbc\x7fk\xe4\x8c:u\xea\x14\x13\x133w\xee\\\x9dN\x07\x9b\x00\xc7\x82j\xffO\x9d:5v\xec\xd8\xd4\xd4T\xb5Z\xed\n\xb3\x9dw@\x00\xf0\x85\xe38\xd4\xec\xb7G\x8f\x1e,\xcb\xee\xdb\xb7\xcf\xe9\xfd\x8e\xcdf\xf3\xf7\xf7_\xb0`\xc1\x92%K\xd2\xd3\xd3\xf1\xf1\x02(\x18\x9d\x95\x95\x15\x1b\x1b{\xe3\xc6\x8d*U\xaa\x94\x95\x95\xb9\xc8\x86\xacr`Y\xd6\xcb\xcb+44\xf4\xc3\x0f?\x9c0a\x02,\xff+\x07\x10\x00\xacA\x9d\x1d\xadVkxx\xf8\xa0A\x83f\xcd\x9a\x95\x9f\x9f/\x95J\xf9\x1eW\x85\x80\xd6\xfeG\x8f\x1e\xed\xd9\xb3\xe7\x85\x0b\x17\xa2\xa2\xa2\xb0\xf2\x02h0\xd3\xa6M\xbbz\xf5\xea\x993g\x84r\xa7\x8a @\xc1\x9f\xaf\xbe\xfa\xea\xc8\x91#W\xae\\\xa9\x9cn\x1f\x00\x01U@\x98\x83\x16\xbfJ\xa5\xf2\xda\xb5k\x9b7o\x9e5k\x96\x9f\x9f\x1fEQ\xce\'\xdb6\x9b\xcd\xcf\xcf\xef\xd8\xb1c\x03\x06\x0c8v\xec\x18n\xde\x9fxyL\xef\x87\x1f~\xc8\xc9\xc9\xd9\xb0a\x83\x8f\x8f\x0f\x9c\x0bs\x08(\xf7{\xef\xde\xbd\x15+V\xac_\xbf\x1e\x93=\x9f\x8b\x00;\x00\x01\x80\xaaP\x0c\x06\x03*D\x991c\x06\xba\xdc\xc3i\xec\x04\xad\xfd\x8f\x1d;\xd6\xbf\x7f\xff\xa4\xa4\xa4\xf8\xf8x\xde\x13\xbf\x7f\n\xd2\xa4\xe3\xc7\x8f\x0f\x180\xe0\xce\x9d;R\xa9T(\xf7\x04\xe0\x0cZ\xfe\xb7l\xd92&gt;&gt;~\xde\xbcyx\xbezg\x05\x04@\x18 \xd7c0\x18\x9a7o\xde\xbau\xeb\xe5\xcb\x97\x9b\xcdf\'8\x9b\x8a.\x9f\xf1\xf5\xf5]\xb1b\xc5\x97_~\x99\x94\x94\x14\x17\x17\x87\xb3\x0b@c\xfb\xe8\xa3\x8fn\xdf\xbe}\xe4\xc8\x11\xa7\xcf\xcaT4H\xfb\xe7\xce\x9d\xbbw\xef\xde\xe4\xe4dt\x0b&lt;\xdf\x83r!@\x00\x04\x03\xd2\x80\xa2\xa2\xa2w\xdey\xa7z\xf5\xea\xdb\xb7o\xa7i\xba\xa4\xa4D\xb8\x06\x83R\xdc^^^s\xe7\xce]\xb4hQRRR\xb3f\xcdp\xf6\xfe\xc4K\xc5"\x08",,l\xd8\xb0a\xd3\xa7Ow\xe2\xacLEC\xd3\xb4Z\xad\xber\xe5J\xe7\xce\x9d\xaf_\xbf^\xaf^\xbd\x8a\xbb\xe7\x19\xf8S@\x00\x84\x84\xdd&lt;\xfa\xf6\xed\x9b\x92\x92r\xfc\xf8\xf1\xda\xb5k\xe7\xe7\xe7K$\x12\xc1\x05"(\x8a\xf2\xf4\xf4$\x08\xa2\x7f\xff\xfeYYY\xe8\xd6o\xcc\xbd?\xa2\xfc1\xbdC\x87\x0e5i\xd2\xa4\xa8\xa8\x08\xffa\xe3\x06\xea\xf2\xc60LXX\x18\x0e\xc7\xfd\\\x13\x10[!\x81\xee\x0c`Yv\xfb\xf6\xed#F\x8ch\xd2\xa4\xc9\xd6\xad[\xfd\xfc\x</t>
        </is>
      </c>
    </row>
    <row r="357">
      <c r="A357" s="1" t="n">
        <v>355</v>
      </c>
      <c r="B357" t="inlineStr">
        <is>
          <t>shape_size_grid</t>
        </is>
      </c>
      <c r="C357" t="inlineStr">
        <is>
          <t>What is the size of the missing part denoted by a question mark?</t>
        </is>
      </c>
      <c r="D357" t="inlineStr">
        <is>
          <t>['medium', 'large', 'small']</t>
        </is>
      </c>
      <c r="E357" t="inlineStr">
        <is>
          <t>medium</t>
        </is>
      </c>
      <c r="F357" t="inlineStr">
        <is>
          <t>There are 9 shapes arranged in a grid with different sizes in the image, of which there is 1 missing shape. The first row is ['large pentagon', 'large hexagon', 'large triangle'], the second row is ['medium pentagon', '?', 'medium triangle'], and the third row is ['small pentagon', 'small hexagon', 'small triangle'].</t>
        </is>
      </c>
      <c r="G357" t="inlineStr">
        <is>
          <t>We observe that the rows contain large shapes, medium shapes, and small shapes respectively. On the other hand, the columns contain pentagons, hexagons, and triangles respectively. Hence, the pattern is that the shapes within each column are the same, while each row progresses the size of the shapes.</t>
        </is>
      </c>
      <c r="H357" t="inlineStr">
        <is>
          <t>Based on the pattern that the shapes within each column are the same, while each row progresses the size of the shapes, the size of the missing hexagon should be medium.</t>
        </is>
      </c>
      <c r="I357" t="inlineStr">
        <is>
          <t>b'\x89PNG\r\n\x1a\n\x00\x00\x00\rIHDR\x00\x00\x02\x00\x00\x00\x02\x00\x08\x02\x00\x00\x00{\x1aC\xad\x00\x00u\x85IDATx\x9c\xed\x9dy\\\xd4\xd5\xfa\xc7\xcfw\x99a\x1d\x16q\xc167\xb0E\xb4\xc4\xca\x8bx\x15\xfb\x95P\xde\xf4\xaa\xa0v][\xd4\xd2\xc4]0$A4-\x01I\xbb\x96\xf7\xdau\xbb\x99\x81\xadf\t&amp;\xb9\xa1Y\xc1\xed\x9aV\x82\xb8t+\x11a\x98a\x06Y\xe6{\xbe\xdf\xdf\x1f\x8f\x9c&amp;pa\x19\x98\xe5\xfb\xbc_\xf7u_J2s\xe6\xcc\xf9&gt;\x9f\xe7&lt;\xe79\xcf\xc3)\x8aB\x10\x04A\x10\xf5\xc1\xdb{\x00\x08\x82 \x88}@\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f6\x84RJ)\xb5\xf7(\x10\xc4&gt;(\x8a"\xcb\xb2\xbdG\xa1j8EQ\xec=\x065\x02K_\x10\x04\xf83!\x84\xe38{\x0f\nA\x10u\x81;\x00; \xcb2\xc7q\x82 |\xfc\xf1\xc7\xaf\xbf\xfe:\xc7q\x1c\xc7\xe1V\x00Q\x0f\xb2,+\x8a\xf2\xddw\xdf\xbd\xff\xfe\xfb\x84\x10\\\xfc\xf6\x02w\x00\xed\r\xa5T\x10\x04I\x92\x16/^\x9c\x91\x91A\x08\x19?~|zz\xfam\xb7\xdd&amp;I\x92 \x08\xb8\x15@\\\x1eI\x92DQ\x8c\x8e\x8e&gt;x\xf0`II\t\xcf\xf3\xe0\x06\xd9{\\\xaa\x03w\x00\xed\x87\xa2(`\xfd\x0b\x0b\x0b#""222x\x9e\x17E\xf1\xbd\xf7\xde{\xf0\xc1\x07\xb3\xb3\xb3EQ\xe48\x0e\xa3\xa2\x88kC)\x15E\xf1\xc8\x91#\x1f\x7f\xfcqyy\xf9k\xaf\xbd\xc6\xf3&lt;.{\xbb\x80;\x80v\x02L?!d\xf3\xe6\xcd\x8b\x16-2\x1a\x8d\xa2(J\x92D\x08a\x7fX\xbe|\xf9\xb2e\xcb\xe0\xaf\xa2(\xday\xc4\x08\xd2\x06(\x8a\xa2(\x8a\xc5b\x194hPAA\x01\xcf\xf3~~~\xa7O\x9f\xee\xdc\xb93!\x84\xe7\xd1%mWp\xba\xdb\x03\x88\xed\x18\x8d\xc6\xe9\xd3\xa7O\x9f&gt;\xddh4B\x14H\x10\x04A\x14$*\xf1&lt;\xcf\xf3|rrrDDDQQ\x91(\x8a\x94R\xd4f\xc4\xf5\x90e\x99\xe7\xf9]\xbbv\x15\x14\x14\x08\x82\xc0\xf3\xbc^\xaf_\xbat)\xcf\xf3\xb8\xe0\xdb\x1f\xdc\x01\xb4-\xb0\xb1\xe5y&gt;//\xef\x99g\x9e),,\x14\x04\x81\xedv\xd9\xe4\xc3\x16\x18|\xff\x80\x80\x807\xdexc\xc2\x84\t\xc4j\xdf\x80 .\x00\xb8\xff\x06\x83\xa1O\x9f&gt;\xa5\xa5\xa5\xf0\x13\x8e\xe3DQ&lt;~\xfcxhh(\xc8\x83\xbd\x87\xa9"p\xae\xdb\x10I\xfa\x83k\x0f\xd6\x9fR\xca\xf1\x1c&lt;\tc&amp;\x8c\x9a\x1b\xf7"X\x7fA\xbc\xb6\'(//\x7f\xea\xa9\xa7\xa6O\x9fn2\x99`\xa3`\xef\xcf\x81 \xb6\x01\xec{zzzII\t\x1cw\x81\x00\xd4\xd5\xd5\xcd\x9b7\x0fw\xbd\xed\x0f\xee\x00\xda\x048\xef\x15E\xf1\xd2\xa5KO?\xfdtvv6\xa9w\xf3\x05Q\xa0\x12\xf5\xf2\xf2L\\\x930u\xc6DQ\x14\x0f~qx\xd1\xf3\xf1\x17\xcf\xff,\x08\xbc,+\xf0/)\xa5\xa1\xa1\xa1\x1b7n\x1c8p \xdbF\xd8\xf9S\xb5/\xaet*\xa8\xb6\xef\xee\xba@\xf6\xf3\xd9\xb3gCBB$I\x02\x1f\x08\xfe\x13\xec}\xb7o\xdf&gt;y\xf2d\xdc\xf5\xb6+\nbk(\xa5\xe0\xda\xbc\xf7\xde{]\xbbv%\x84\xc0\x89.\xc7q`\x08\xee\x0f\xed\xbb\xf7\xc8G\x97\xa5\x9f\x7f\xf8\xed\xbbS\xbf\x16\xfcZ}\xee?\x17N\xfce\xcc\x13\xf0\x8d\xf0\x02O\x08\x81g@\x14\xc5u\xeb\xd6\xc1\xcb\xb2gF\r\xc0\x04\xba\x0c.\xf6qZ\x06,\xe0\x98\x98\x18\xb6\xbcY\xea\'\xa4\x81\xf6\xea\xd5\xcb`0\xb0\xc7\x07i\x07p\x07`c\x1a\xa7\xf9C\xd8\x07\xfe\x9f\x10\xf2\xf4\x0bS\x96\xadZ\xaa\xd1\x88&amp;\x93\x19\x84\x81JT\xeb\xa6\xf5\xd2ym\xdb\xb4#%\xfe\x95\xaa\xaa\xab\xb0K\x80c1EQ\xc6\x8d\x1b\x97\x91\x91\xd1\xb5kW\x95\\\x14\x80@ARR\xd2\xe1\xc3\x87\xd9\xbc9#0\xf8!C\x86$%%\xa9&lt;\xba\r\x8f@NNNddd\x83\xef\x94\xe38EQ`\x13\x90\x94\x94\xb4|\xf9r\xcc\x82k7P\x00l\x86R_\xdd\xa1\xa0\xa0`\xd6\xacY\'N\x9c\x80\x07\x1e~H)\xed\xd4\xb9\xe3\xda7WG=9\xdch\xa8l\xb0\xcfUdE\x96\xe5\x80\xce\x1d\xbe=^\xf0\xd2\xdc\xc4\xff\x16|\xcf\x0b\xbc"+\xec\xc1\xe8\xda\xb5\xeb\x96-["##I\xbd}\xb4\xdb\xe7lc PPXXx\xcf=\xf7\xd8{,6\xe3\xa7\x9f~\xea\xdd\xbb\xb7\xa2(.\xfc\xc5\xdd\x04\xf0cdY\x0e\t\t),,\x04\x0fFQ\x94\xbe\xfdC\xc2#\xc2\xdeL\xff\x07dFp\x1c\xa7\xd3\xe9\xf2\xf3\xf3{\xf6\xec\xa9\xda\xb9jgp\x8am\x03\xa5\x14\xaa;l\xde\xbc9""\xe2\xc4\x89\x13\xa2(B\x14\x1b\xca&lt;\x0c\x1e\x16\xfe\xe9\xe1\x0f\x87\x8fx\xac\xbcL\xaf(J\x83(\'\xc7s\x82(\x94\x95\x96\xf7}\xa0\xcf\x07_\xbc\xf7\xf4\x0bSd*\xc3?\x03o\xe8\xd2\xa5KQQQIIIp\xb0\xec\xc2\'\xc3\x8a\xa2p\x1c\x17\x1b\x1bK\x08\xd1j\xb5\x82\x93\xa3\xd5j\t!\xb1\xb1\xb1\xe0\xe7\xda{v\xed\x03\xb8,\x9b6m:s\xe6\x0c\x9c\x84\xc1l\xcc[:g\xf9\xea\x84;\xbb\xdd!\xcb\x14\xc2AF\xa3q\xc5\x8a\x15j\x9e\xabv\x06\'\xda\x06\x80\x8d.//\x7f\xf1\xc5\x17w\xed\xdaE\xfe\x18\xf6\x11\x04a\xe9\x8a\xc53\xe6&gt;\'Y\xa4\xea\xea\xea\x9b\xefm\xe1\xdf\xfb\xf9\xfbf\xfe\xfb\xfd\x15q\xab\xae\x94\x96\xc1\x0e\x80m&amp;\xc2\xc3\xc3\xb7l\xd9\x12\x1c\x1cL)\x85\xc8i;}\xc8v\xe1:\x81\x02\x8e\xf0&lt;O\x9cq\x91rD\x96e\xa2\\[\x0c\xd9\xd9\xd9\xc3\x87\x0fW\xe1\t\'X\x18\x83\xc1\x00!~R\x9f\xe3\x105r\xf8?vn\xe49n\xf7\xce\x0f\xe7M_\xc4\x1e\x16BHnn\xee\x90!CT8W\xed\x0f\n@\xab`\xf99\xd9\xd9\xd9\xb1\xb1\xb1\xd6i\xfe\xb0\xca\xbb\xf7\xec\xb6\xf6\xcd5C\xfeo\xb0\xbeLO\x9a\x96\r\xa2(\n\xa5\xb4C\xc7\x0e?\x9f\xfby\xe1\x0b\xf1G\xbf\xcc\x03\xe7\xc8\xe5/\n@\xa0@\x92\xa4~\xfd\xfaA\xa0\xc05\x12\x81\xe0,\xa7w\xef\xde\'O\x9e\x84j\x1f.&amp;\xdb7\x07\x96\xe8\x8b/\xbe\xf8\xf7\xbf\xff\x1d\xac&lt;\xcf\xf3\x82(\xec=\xf2\xd1\xdd\xf7\xf56U\x9a\xfc\x03\xfcG\x0f\x8b\xf9\xfa\xf8\xb7\xb0\x92\xe1\xd4$77\x97\xd4\x9f\x15#m\x07\n@\xcbaGU\xc9\xc9\xc9III\xa4&gt;\x9b\x8d\x17x\x99\xca\x84\x90\xf1\x93\xa3_~5\xc1\xc7\xd7\xa7\xd2X\xd9\xdcC-I\x92&lt;&lt;=\x04\x81O_\xb9\xfe\x8d\xd47)\xa5p2,\xd4\x1f\xa0=\xf7\xdcs\xe9\xe9\xe9:\x9d\xceeN\xcc\xc0R\xbc\xf2\xca+\t\t\tp\x17\x9a\xe38A\x14^\xdd\xb0*\xf0\xb6.uu\x16g\xb1\x9b\x8a\xa2h\xb5\x9a\x92\xdf.\xc7\xcdI\xa0\x12e\xa1\xbcU\xabV\xbd\xf4\xd2K\xae\xa4\xd9\xb7\x84\x9d\xe8\x84\x84\x84\xc8\xb2\xcc\xce\xc3\x9e\x9f7=imb\xf9\x95r\x9e\xe7\xbd\xbc\xbd\xbe\xfd*\x7f\xc2\x13\x93%Ib\xff\x00RB]fm;,(\x00-A\xa9O\xf3/**\x9a3gNvv6\x0b\xd1\x80\x06\xf8\xfa\xf9\xa6\xa4/\x1f\xfb\xd4_\xab\xaf\xd6\xd4\xd5\xd5\xb5\xec\x81\x07\xff7\xa0S\xc0\xa1/\x8e,z&gt;\xce\xb5/\n\xc0G(--\xed\xd3\xa7\x8f\xc1`\x803@J\xe9\xcc\xb9\xcf\xad\xcdXm\xa828\x97\xd1\xa4\x94\xfay\xf9-\x9e\xb7t\xd3\xeb\x9b\x85\xfa\x13N\x15\x16\xbd\x01\xb5\x8b\x8c\x8c\xcc\xc9\xc9a\xf3\x10\xd0\xb1\xc3\xbe\xe3{\xfc\xfc\xfd,\x16\x0b\xc7q\x92$u\xea\xd2q\xe6\xdf^\xfc\xf0\xbd\x8f\x05A\x80\x8d`\xcf\x9e=\x0b\n\n\xbc\xbd\xbd\xd5\xb6ajgP\x00\x9a\r\xf3\xe0233g\xcd\x9aU^^\x0eF\x9f\x05jB\x1f\xee\x9f\xf6\xd6\xab\xf7\xf6\xbdG_\xa6o}\x98^\xb2H~\x1d|K/_I\\\x90\xfc\xe9\x07\x9f\x11B`\x87\x01\x8e\x92(\x8ak\xd7\xae\x9d7o\x1eq\xf2p\x10\x0c\xfe\xe9\xa7\x9f\xde\xbau+\xb3\x02wu\xbf\xf3\xd3#\x1f\xba\xb9\xb9\x81\xa5\xb0\xf7\x18\x9b\x81\xa2(\x1a\x8d\xa6\xb6\xb6\xf6/\x7f\x1e\xfd\xf3\x85\xff\xb1\x96\x0f\xd3\xa6M\xdb\xb2e\x8bS\x7fSM\x07&gt;fVV\xd6\xb8q\xe3\xacO\xc5V\xbf\x9e\xf2\xcc\xac\xa9eW\xca\xc1\xbbW\x14E\xa3\xd5\\)\xb9\x12\x19\xf6\x97\xcaJ\x13Q\xae\xf97/\xbd\xf4\xd2\xaaU\xabT2W\xf6\x02\x05\xa0y\xc0\x9e\xd4d2%$$l\xd8\xb0\x814J\xf3\x8f]2;6n\x96F\xab5W\x9aE\x8dmv\xaf.\x7fQ\x00\x1c\xc3\x82\x82\x82\xf0\xf0p\x8b\xc5\xc2\xe2\x00\xafnX5\xed\x85)e\xa5e\xce\x18\x07\x90$\xa9c\xe7\x8e[\xdf\xdc\x1e7\'\x81\xc5\xbe5\x1aM^^^hh\xa8\xcb\xa79\xb2\x13\x9d\x90\x90\x90\xb3g\xcf\xc2\x9a\x94e\xb9O\xbf\xfb&gt;\xca\xcdjp\xba#IR\xc7N\x01o\xac}3\xe5\xa5\xd5\xb0Q\xe0y^\x10\x84S\xa7N\x05\x07\x07\xbbv\xde\xb3}\xc1im*\x10\xc1\x14E\xf1\xc4\x89\x13\x11\x11\x11\x1b6l\x00S\xcb\xac\x7f\xa7\xce\x1d\xb7\xbe\xff\xcfe\xaf\xc4S*_5_\xb5\x95\xf5\'\x84\x08\xa2 Y\xa4\x8a\xb2\x8a\xa7_\x98\x92\xb9o\xe7\xfd\xa1}\xa9Dy\xe1\x9a\xf5\x17E133s\xc0\x80\x01\xce\xdbQ\x00R?\x17.\\X[[\x0b\xd9\xb4\x94\xd2\x87\xc2\x06\x8c\x9f\x1a\xa3/\xd3;\xa3\xf5\'\x84\x88\xa2\xa8/\xd3\x8f\x9f\x1a\xf3P\xd8\x00X$\x1c\xc7\xd5\xd6\xd6.\\\xb8P\ri\x8e`\xb5SSS\x8b\x8a\x8aX\xf0\x87\x17\xf8\x97V\xc6yz{6\xb8\xdc\'\x8a\xa2\xa1\xc28e\xe6\xa4\x1eA\xdd!%\x94\x10RWW\x97\x90\x90@\xacj&amp;"6\x07\x05\xa0I\x80\xfb\xc6\xf3|FF\xc6\xe0\xc1\x83\x0b\n\n\xd8)%h\xc0\xe3\xa3"\xf7\x1e\xfdh\xf8\x88G\xaf\x94\x96)\x8a\x02\xe5\x1cl\x88\x0b_\x14`\x81\x82C\x87\x0e\xb1\x8d\x14/\xf0s\xe3\xe7h4\xa2S?\xfc\x8a\xa2h4\xe2\xdc\xf89\xb0\x1e\xe0\x93\x1e:t(++Kp\xe6\x1b\xce\xb7\x04\xac\x7fIIIZZ\x1a\xc4s\xe0\xf3&gt;9f\xc4\xa3\x8f\x0f3\xe8\xafs\xa2C)\xf5\xf4\xf4X\xb6j\xa9\xa2\x10\xe6W5X\x15\x88\xcdq}O\xa4\x95(Ve\xdd\xe6\xcd\x9b\x97\x99\x99\xc9b\xfd,\x0e\xf3R\xca\x92\xe7\xe7\xcf\xa8\xab\xab\xab\xbez\x8b4\xff\xd6\xe3b\x17\x05\xe0\x82(\xa54$$\xa4\xa8\xa8\x08\x06L)\x1d\x15\xf3\xe4?v\xfe\x9d\x85\x89\x9d\x17\x08n\xcc\xf8\xdb\xec\x8f\xb3\xf6\xc0\xd9\x86,\xcb\xc1\xc1\xc1\xa7N\x9d\x12\x04\xc1\xf1\xbf\xa0\x96\x01\xabt\xda\xb4i\xdb\xb6mc\xee\xbf\x97\xb7\xd7G\xb9Y\xbd\x82{TW\xd7\\7\xa4#\xcb\xb2\xce\xc7{\xfc\x13\x93\xf3\x0e\x1ec\xe7@\xa1\xa1\xa1yyy\x1a\x8d\x06O\x83\xdb\x02\xdc\x01\xdc\x0cX\xb8\xa2(fgg\x0f\x180 33S\x14EX\x97\x82 P\x89\xde\xd7\xf7\xde\x0f\x0fd\xbe\xb8\xf8\x05S\xa5\xa9\xb6\xa6\xb6\x1d\xac\x15&lt;\x18eW\xca\xa3\'\x8e\xf9\xf4\xf0\x87\x83\x87\x85\xc3\xf93\xa9\xcfA\xca\xcb\xcb\x0b\x0b\x0b\xdb\xb5k\x17\x8bP\xb5\xf5\x90Z\x03\x84\xfb!P\xc0\xe6V\xe7\xa3\x8b\x8d\x9b]}\xb5\xda\x05"\xbf&lt;\xcfW_\xad\x8e\x8d\x9b\xad\xf3\xd1\xb1\x90]QQQjj\xaa`\xd5\x19\xc2\x95\x00\xeb\x7f\xf8\xf0\xe1\x1d;v\xb0\x132Y\x96\xa7\xce\x98\xd4/\xb4\xaf\xd9\\u\x93\xaf\x95R9q\xf5RX\t\xb0\x8d\xc8\xcf\xcf\xdf\xb5k\x17\xf6\x8cl#\x9c\xfe\x01k;\xc0\x83\x86\x02UQQQ\x97.]\x02_\x1bL0\xa5t\xea\x8cIY\xd9;\x07\x0c\x0c-/\xd3C\x80\xa8}\x06\x06\x9a\xa4/\xd3w\n\xec\xf4\xce\'[\x9c\xb7\xa3\x00&lt;\xe1\xc5\xc5\xc5\xaf\xbe\xfa*\x0b\x144\xd1R8\x0b&lt;\xcf\x9b\xcdU\xfdB\xfbN\x9d1\x89\x1dn\xf3&lt;\xff\xea\xab\xaf\x16\x17\x17\xbb\xaa]\xa3\x94&amp;&amp;&amp;Z\xdf\x88\xbc\xb3\xdb\x1d3\xe6&gt;k\xd0\x1bn\xe2$\xf1&lt;o6U\xdd?\xa0\xef\xf8)\xd10W\xb0B\xe2\xe3\xe3\xf5z\xbd\x1a\x0eN\xda\x1f\xa7\x7f\xc0\xda\x02\xe5\x8f\xdd\xdb\x93\x93\x93\xc1\xbeC\xb4\x9dR\xea\xeb\xe7\xfb\xc6\x96u\xafm\\\xad\xd5jZp\xc9\xcb&amp;\x88\xa2X[S{\xb5\xaa:\xe1\x95\xf8]\x9f\xfd\xbb[\x8f\xbb\xa8D\x05\xe1Z\xa1\x15\xa1QU"\x0744p\xf6\xbbb\xc5\x8a\xca\xcaJv\x9a\xd2\x14K\xe1\\\x88\xa2h\xd0\x1bf\xcc}\xf6\xcenw\xb0s\xa3\xca\xcaJ\x97,z\x03\x0f\xce\xce\x9d;Y%W\xf8\x8c\x8b\x12\xe7w\xee\xd2\xa9\xae\xae\xee\xe6a\x1cA\xe0\xaf\x9a\xab\x17,\x9b\xeb\xeb\xe7\xc3Ji\x95\x94\x94\xa4\xa7\xa7\xbb\xaaX\xda\x17\x14\x80\x86X\x97u{\xf8\xe1\x87\xf3\xf2\xf2XY7\xd0\x80\xc1\xc3\xc2?:\x90\x19=ilYi\x19\xa5\xb2\x1d\x93\x94A\x96\xae\x94\\\x194d\xe0G_f\xfde\xcc\x13\x94\xca\x8a\xa2p\xfc\xb53\xb4\x82\x82\x82\xc1\x83\x07gdd\xc0\xbft\xa8p\x10\x0b\x14\xbc\xf3\xce;-\xb0\x14N\x04t\xbc\xea\xdc\xa5\xd3\xa2\xc4\xf9\xa0y\xf0\xd9\xdfy\xe7\x1dg\xafw\xdd\x00\xf8tF\xa3199\x19\xbeM\xf8t\x0f\x87=\x18=q\xb4\xbe\xbc\xe2\x96\xa2\xceq\\MM\xcdmwt\x8d]2\x1b2ea\x13\xb0v\xedZ8"B\r\xb0-(\x00\x7f\xe0\x86\xdd\xdbE\x01\x9c\xe8\xd8\xb8\xd9\xef|\xb2\xb5Gp\x8f\xf2+\xe5\x90si\xef!\x13Q#\x1a+*u:\xdd?w\xbd\xb9f\xc3J//O\x99\xca\x82x-\xd4@)\x9d?\x7f\xfe\xf8\xf1\xe3/]\xba\x04\x9f\xc5q\\N\x08\x14\x80\xf9k\xae\xa5p.DQ\xd4\x97WDO\x1c\xfdp\xd8\x83\xecf\x93\xf5\xc7w\r`\xc9edd\x14\x17\x17C\x00GQ\x14\xadV\x1b\x9f\xb2\x98R\xb9\x89\x0f\x8b \n&amp;\xa3\xa9&gt;%T\x86\r\x13\xa4\x84\xba\xde\x86\xc9\xee\xa0\x00\\\x83\xa5\xf9\xe7\xe5\xe5=\xfc\xf0\xc3\x9b7o\x86CTY\x96\x05\x81\xa7\x12\xed\xd6\xe3\xaem\x1f\xbc\x9d\xb02\xae\xfaju;d\xfb4\x0b\xa7\xbb(\xd08P\xd0\x02K\xe1\\p\x1cG\xa9\x1c\x9f\xb2X\xab\xd5\xb2\x18\xe3\xe1\xc3\x87w\xee\xdc\xe9\x1a\x9b\x00\x88\xda\x9f;wn\xdd\xbau\xec\x9a\xba,\xcb#F?&gt;x\xd8 S\xa5\xa9\x89\':\x1c\xe1$\tRB\xe3\xad7LYYYPO\xc2\x05\xe6\xcaq@\x01 \xc4\xaa{{FFF\xe3\xee\xed\x94\xca\x7f\x19\xf3\xc4G_f\r\x1f\xf1\x7fe\xa5\xe5\xac\xb3\xa3C\xe1D\x17\x05\xae\x1b(h\x81\xa5p.x\x9e7U\x9a\x06\x0f\x1b4b\xf4\xe3`+a\x1e\x92\x93\x93\x8dF\xa3\x0b\xf8\xb6\xf0q\xe2\xe2\xe2\x8cF#\xfc\x84\xca\xd4\xcf\xdfwI\xd2BS\xa5\xb9Y\x91RA\x10\x8c\x86\xca\xa8Q\x91Q#\xaf\x15\xd0f]" \xe7\xcd\xd9\xe7\xcaqp\xc1\'\xadY\xc0muf\x1f\xe7\xcf\x9f\x0f\xf6\x11\xaao\xcaT\xf6\xf2\xf2\\\xb3a\xe5?w\xbd\xa9\xd3\xe9\xf4\xe5\x156\xbc\xdf\xdb\x16\x88\xa2h6WI\x12]\xb3~\xe5\x86-\xeb:u\xee\x08\x8e\x18S\xb8\xe4\xe4\xe4\x88\x88\x08\xc8\xb9\x04\xbf\xbb\xfd\x07\xd9 P\xa0(\x8a\xac\xc8-\xb3\x14\xce\x85 \x08\xa6J\xf3\x92\xa4\x85~\xfe\xbe\xb2rM\x9e\x8b\x8b\x8b\xe1\x90\xc6\xa9\x1d[v\xc7m\xf7\xee\xdd,\xd3I\x91\x95i\xcfO\xe9\x15\xdc\xa3\xa6\xba\xa6\xb9\xbb:\x8e\xe3$\x8b\xb4 a\xaeF\xab\x81\x8d,\xcf\xf3g\xce\x9c\xd9\xb4i\x13\x9e\x04\xd8\x10U\x0b\x00,\xa3\x06\x11\x12B\x08\\\xe5\xa5\x12\xbd?\xb4o\xe6\xbe\x9dO\xbf0\xa5\xa2\xacB\xb28GeZ\x07\xbf(\xd08Pp\xcdR\xccl\xa1\xa5p"8\x8e\xab\xa9\xae\xe9\x15\xdcc\xda\xcc)\x8a\xac\xb0\xcc\xd7u\xeb\xd6\x9d;w\xcey\xaf\x05\x80{n]\xe5\x02lt\x8f\xa0\xee\xb3\x16\xcc\xa8\xb8\xde\xbd\xdf[\xc2\xf3\xbc\xd9d\xee\x17\xda\xf7\xd9Y\xd3\xe0\x1c\x18\xce\x03\x12\x13\x13+**\xa0\nV[|\x16\xb5\xa1^\x01\xb8\xd1\x19\xe95\x9f\x94\xcaO\xbf0\xe5\x83/\xde\xeb\xfb@\x9f\xb2\xd2rA\x148\xdei\x0c\x93#_\x14h\x10(\x80\x03\x89\xee=\xbb\xcdZ8\xb3e\x96\xc2\xb9\x10\x04\xa1Bo\x98\xb5pf\xf7\x9e\xdd\xc0\xa2\x11B\x8cFc\\\\\x9c\xf3F6\xc0@\xef\xda\xb5+??\xdf\xba\xe3\xe3\xb2UK\xbd\xbc\xbd!\xbf\xab\x05/+\x08B\x95\xa9j\xfa\x9cg:u\xee\x083\xc3\xf3|EEEbb\xa2#\x9cc\xb9\x06j\x14\x00v\x04\xd78K\x92\x95u\xdb\xb0e\xdd\x9a\xf5+%\x89\x9a\xcdUN\xe1\xf87\xc6\x01/\n4\x0e\x14p\xf5\xbda\xbd}\xbc\xd9N\xc5\x85\x81\xf2\xf7\xde&gt;\xde\xf3\x96\xce\xb1&gt;\xe1\xdc\xbd{\xb7\x93\x16\xbd\x81O\xa1\xd7\xeb\xe3\xe3\xe3\xaf\xf9\x19\x82@)\r\x8f\x18\x14\xf9\xe4\xa3\x95\xc6\xca\x16\x8b:\xa4\x84\xdeq\xd7\xed\x0b\x12\xe6\x82\xc6\x80\xd3f\xdd[\xd8\xb6\x9fE\x85\xa8N\x00h\xd3\xba\xb7GO\x1cSv\xa5\xbcq\xf7v\xe7\xc2\xa1.\n4\x0e\x140K\x113i\x8c\xb1\xc2\xe8\xa4B\xdb\\DQ4V\x18c&amp;\x8d\t\x8f\x18d}\xc2\xc9\x8a\xa1:\xd7&gt;\x00LszzzII\t\x0c\x1e\x12\xcf\x12W/\xa5\xb4\xb5\x06\x1a\xaa\x84FO\x1c\xdd\xe7\xfe\xfb\xe0\x8d@Accc\x9dn\xa2\x1c\x13u\t\xc0\x8d\x02 \xec\xd2\xf9\xb2U\xf1;\xf7l\xeb\xd4\xa5\x13T!v\r\x87\xd4A.\n4\x0e\x140K!IN\xe6\xf6\xb6\x1eI\xa2.P\xf4\x06F~\xe6\xcc\x99\xb5k\xd7Z\x17\xf3\x18?%\xfa\xfe\x01}\xcd&amp;\x1b\x14\xf3\xa0\x94zy{\xc7\'-\xb2\xde0\xe5\xe4\xe4`J\xa8MP\x8b\x8a\xb2\xab\xbcyyy\xcf&lt;\xf3\xcc\x1f\xbb\xb7s\x94\xca-\xe8\xde\xee\\(\xb2"\xcbr@\xe7\x0e\xdf\x1e/xin\xe2\x7f\x0b\xbe\xe7\x05^\x91\xaf\xf9k\x92$u\xed\xdau\xcb\x96-\x91\x91\x91\xa4\xfe\xc1\xb6\xe5\xbb+\x8a\xa2(\x06\x83\xa1O\x9f&gt;\xa5\xa5\xa5J}\xc7\xc7\x89\xcfLH}k\x8d\xbe\xcc \x8aN\xbc\xd3j\x01\x92D;t\xf4[\xf4|\xfc;\xff\xda\xc5\xeaev\xee\xdc\xf9\xf4\xe9\xd3~~~\xceR\xf9\xf2\xba\x1d\x1fu&gt;\xde\xb9\x05\xd9~~~\xb6\xea\xe3F)\xf5\xf1\xd5=7\xe1\x85}\x9f\xe4\xb0*\xa1\xbd{\xf7&gt;u\xea\x14\xec\t\x9cb\xae\x1c\x13W3s\xd7\xa5A\x12daa!\xab\xe6\x0fi\xfe\xe3&amp;G\xef=\xfa\xd1\x9f\x06?\\VZ\xd6\x9ee\xdd\xda\x13\xfb^\x14h\x10(\x80\x9f\xf8\xfa\xf9,X6\xf7\xaa\xb9Z\xb0u\xfb\x04\xc7\xc7\x05\x8a\xde4v\xc6a\xe4\xb1Kf\xdfvG\xd7\x9a\x1a\x9b%tq\x1c\'S\x19SB\xdb\x02\x17\xdf\x01(\x8d\xba\xb7\x13B`\xd1\x80\xdb\xeb\xad\xf3Z\xf6\xca\xd2\xa93&amp;\x99\xcdU\x96:\x8bSG\xfc\x9bH\xfbw\x14\x00\xc7\xf0\xec\xd9\xb3!!!\x10b\x02\xf7?\xf1\x95\xa5\xb3\x16\xcd\xd4\x97\xb9Z\xe1\x87&amp;"IR\x87\x8e\xfe\x1bS7\xb1&gt;\x88\x90\xbeu\xea\xd4\xa9\xa0\xa0 \x07\xef\x19\t\x86X\x96\xe5\x90\x90\x90\xc2\xc2BX$\x8a\xa2\xdc\xd7\xef\xdeO\xbe\xdc-IT!\nGl\xe6\x98K\x92\x14\xd0)`\xf9\xa2\x15\x9b^\xdf\xcc\xe6\xca\xd7\xd7\xf7\x87\x1f~\xe8\xdc\xb93q\xc5-{\xfb\xe0\xca\xb3\xc6\x9e\xa8\xcc\xcc\xcc\xb0\xb0\xb0?\xa4\xf9\xf3\xbc$I\xa1\x0f\xf7\xdfs\xe8\x83\xa93&amp;W\xe8\rTRK\xef\xe9\xf6\xbf(\x00\xd1\xdb\x84\x84\x04(\xf1\xc6q\x9c,\xd3\x1eA\xdd\xa7\xcc\x9cd2\x9a\x04\x95\x05\x7f\x18\x7f,zC\x9d\xab\xe8\rl\xe9\xac\x13r`\xcc\xf1I\x8b&lt;&lt;=(\xa56\xb4\xfe\xe4\xda\x1d:\xd3\x8b\x8b_\xe8\xd6\xe3.V \xa8\xa2\xa2b\xe9\xd2\xa5x\'\xa05\xb8\xac\x00\x80Kk2\x99bcc\xc7\x8f\x1f_^^\xfe\x874\x7fY\x8e]2\xfb\xbd\xcf\xff\xdd3\xb8\xa7\xbe\\/8a#\xf5\xd6\xd0\x9e\x17\x05X\xa0\x80\xf5A\xe48NQ\xc8\xb2UK===$\xc9\xc6\x96\xc2\x89\xb0*z\xd3\xb0\x0f\xa2\x83\x9fp\x82\t.))ILL\xb4N\xfd\x8c\x1a9|X\xe4PC\x85\xd1\xe6\xbe\x14\xc7qu\xb5u\x9d\x03;\xcfZ0\x93\x9d\x06\xf3&lt;\xff\xee\xbb\xef\xb2\x9c\x02\xdb\xbe\xa3JptG\xa3\x05\x80}\x87\x1c\xc7\xe9\xd3\xa7\x17\x14\x14\xb0\xc2\x84,\xcd\x7f\xed\x9b\xab\x1f\x1f\x15e\xd0\x1bd*\xdb\xbc\x7f\xaf\x13\x01\x8fM@\xa7\x80C_\x1cY\xf4|\xdc\xc5\xf3?\x0b\x02/\xcb\xd7.\xddPJCCC7n\xdc8p\xe0@v\x8a\xde\xac\xd7o\x1c(\x80G7&lt;b\xd0{\x9f\xed0U\x9aq\xe7~\xdd&gt;\x88\x0e~\xc2\tB\xf5\xf4\xd3Oo\xdd\xba\x95\xc5\x0f\x05Q\xd8{\xe4\xa3{\xee\xeb]Uu\xb5\x8d\xbeVY\x96=&lt;=b"\x9f\xfa\xe6x&gt;\xab\xa8:t\xe8\xd0\x83\x07\x0f\xb2\x1a\xabH\xb3p\xb5\xc7\x8f\xa5\xf9o\xd8\xb0!""\xe2&amp;\xdd\xdb\xcb\xda\xa6{\xbbs\xd1\xd6\x17\x05\x1a\x04\n\xc0\xbai\xb4\x1a\x9b$\x89\xbb\x0c\xd0\x07\xd1YN8Y\xd2\xea\xbb\xef\xbe\x0b\xa1Tp\xb0\x9eyaj\xbf\xd0\xbe&amp;S\x1b\x8a\xba\xa2(\x1a\x8d87~\x0e&lt;\xb6\xec^!\xdb\\\xb6\xd1\xfb\xba0\xae\xb3\x03`\xe7\xbd\xbf\xfd\xf6\xdb\xfc\xf9\xf3333I\xfdy/KQh\xcf\xee\xed\xce\x05\x95\xa8\xd6M\xeb\xa5\xf3\xda\xb6iGJ\xfc+UUWY\xcb{\xb0J\xe3\xc6\x8d\xcb\xc8\xc8\xe8\xda\xb5+&lt;\xf0MqKai\x19\x0c\x86^\xbdz\x19\x0c\x06R\xbf\xabx~\xde\xf4\xe4\xb5\x89.\xd0\xf0\xddV@\xe3\xf8\xe5\x8bS\xde\xca\xf8\'\xcbN\xf6\xf3\xf3+..\xf6\xf3\xf3#\x848\xd4&amp;\x00\xccnDD\x04\\]\x86\xe5qW\xf7;?=\xf2\xa1\xbb\x87;\x95ZX\xf8\xa1\x89\xc0\\\xcd\xf8\xdb\xec\x8f\xb3\xf6\xb0pnpp\xf0\xa9S\xa7\xe0\xe2\x8eC\xcd\x95\xe3\xe3"\xfe\xafu\xf7\xf6\x07\x1f|\x10\xba\xb7[_7m\xff\xee\xed\xceE[t\x14hP\xbd\x8b\x10\xa2(J\xa7\xce\x1d\xa7\xcfy\xc6l\xaa\xc2\r;C\x10\x04\xb3\x93\x14\xbda\xa7\x14\xacp\x05&lt;e\xb3\x16\xcc\xec\x1c\xd8\xb9\xae\xb6\xcd\xfb\xb8\xf1&lt;_}\xb5:6n\xb6\xceG\xc7\x16gQQQjj\xaacn\x98\x1c\x1cW\x10\x00\x96\xb7\xde\xa0{;x\xaf\x94\xd2\xf1\x93\xa3w\xe7\xbc;``\xffv\xee\xde\xee\\\xd8\xf6\xa2\x00\xbb#\n\xa1\x0c\x96$\xbe a\xee\x1dw\xddn\xc3$q\x17\xc0Y\x8a\xde\x808A\x9e\x12\xfc\x154\xe0\xa1\xb0\x01\xe3\xa7\xc6\xc0\xe5\xf9\xb6\x1e\x03\xcf\xf3fsU\xbf\xd0\xbeSgL\xb2\xde\xdc\xa7\xa5\xa5\xc1\x15\x13\x07\x99+g\xc1\x15L!\xb8\x007\xea\xde\xbe\xfe_\xe9\xe9\xffxM\xa3\xd5T\x1aL\xe8\xf8\xdf\x92fu\x14\xb8\xc9\xeb4\xe8\xe0\x01V\xac\xcf\xfd\xf7EO\x1cmPM\xd9\x9f\xa6\xe3\x14Eo\xc0\xe0\xa6\xa6\xa6\xc2\xb7\x7f-/@\xe0\xe7\xc6\xcf\xd1h\xc4v\x1b\xa4(\x8a\x06\xbdaF\xec\xb3\xddz\xdc\xc5\x8e\xf7\xf4z=\xa6\x84\xb6\x00\xe7\x16\x00Y\x96-\x16\xcb{\xef\xbd\x17\x16\x16v\xa3\xee\xed\xe3\'G\x1b\r\x95T\xa2\xaa\xcd7o.M\xbc(\xf0\xde{\xefY,\x96\xeb:\\\x8d\xef\x88\xb2$q\xa8\x0f\xdc\xee\x9f\xc9\tp\xf0\xa27 K\xc5\xc5\xc5\xaf\xbe\xfa*\xecQ\xc0\xc7zr\xcc\x88\xc7\x9ex\xa4-R?o\x04\xdc\x96\xe8r[\x97\x06)\xa1;w\xeed)\x7f\xed3\x12\x17\xc0\x89\x05\x80%\x02O\x980\x81\xa5\xf9\xc3\x1e\x10\xd2\xfc\xa1{{\xd9\x95r\xb5\xa5\xf9\xb7\x9e\x1b]\x14\x00\xb7\x14.\nL\x980\x01\xf2@\x1a\xd8&amp;x&amp;\xeb\xea\xea\x98\xf7\xfa\xc7$q\xd7/\xfa\xdf2\x04A0T\x18\x86E\x0em\xdc\x07\x11.\xd0\xd9\xd7\xb7\x85\xc1\xacX\xb1\xa2\xb2\xb2\x92]\x1a\xf7\xd6y\xc7\xc6\xcd\xae\xbeZ\xdd\xceaUX\x9c\xe3\xa7\xc6&lt;\xf8\xa7\x010W\xb0\xe4\xe6\xcd\x9bg\xaf&gt;wN\x8a\x13\x0b\x00\xd8\xf4\x01\x03\x06\xb8\xbb\xbb\x83\x19\x82\x9f\x04\xdf\x13\xbc\xf5\xfd\xcd\t\xaf\xc4;`\xf7v\xe7\xc2\xba\xa3\xc0\xbb{w\x04\xdf\x13L\xea\x8bf\xf3&lt;\xef\xee\xee&gt;`\xc0\x00\xd2(G\x05\\\xc5\xd4\xd4\xd43g\xce\xb0,\x11\x8dV\xb3 a\xae\xec\xa2\r\xdfmE\xe3\xa27\x82 \x9c9s\xc6\xee\'\x9c\xac\x85\xfd;\xef\xbc\x03\x9e\x16/\xf0\xb2,?\xf7\xe2\xd3}\xfb\x87\xb4]\xe2\xffM\x80\xc9IX\x19\xa7\xd5jX\x06\xe0\x91#Gv\xee\xdc\xe9\x08\x1b&amp;g\xc1\x89\x05\xe0ZX\xb9O\x9f\x07\x1ex\x00\xa2\x93`n\xc6M\x1a;v\xcc\xe8\xcb\x97.s\x0e\xd9\xbd\xdd\xb9\x80\xb8\x7f\xc9\xaf%\x91\x91\x8f\x8d\x9b4\x16\x9e:\xd8e?\xf0\xc0\x03}\xfa\xf4iP7\x94\xdd\x11MKK\xb3&gt;\xfbm\x87$q\x17\x80\xe7y\x93\xc9\xdc/\xb4\xef3/L\xb5&gt;\rv\x84\x13NJibb"\x18V\x9e\xe7\xa9D\xbb\xf7\xec6k\xc1\xcc\x8ar\xfb\x94r\x12\x04\xa1\xd2X\x19&gt;,l\xc4\xe8\'\xe0\xf1\x87\xb5\x97\x9c\x9cl4\x1a\xed\xbear\x16\x9c\xfbi\x84\xe7a\xec\xd8\xb1\x84\x10\xf6\x95\xef\xf9`\xef\xe5\x8a\xcbZ\xad\xd6\xce\x83s!\xb4n\xda\xb2\x8a+{&gt;\xd8K\xeaC\x01\xa4~\xda\x1b\x98$\xb8\xc7\xb4t\xe9R\xbd^__\xf6G\xee\xd6\xe3.H\xc0\xc5\xe0\xcf-\xb9n\xd1\x1b\xfb\x9epB\xd0o\xe7\xce\x9d\x87\x0f\x1ff\':\x84\x10\xd6\xc7\xad\xfd\x87\x04\x08\x82`\xaa4/IZ\xe8\xe7\xef++\xd72\xd6\x8a\x8b\x8b\xe1\xde"n\x02\x9a\x82s\x0b\x00\xb8\x93#G\x8etss\xa3\x94\x821*\xfc\xb1\xe8\xb7_.\xb9\xb9\xb9\xa1\x0b`\x13\x14Eqss\xfb\xf5\x97K\x85?\x16\x11BdY\xa6\x94\xba\xb9\xb9\x8d\x1c9\x92\xfc\xb18D\x83;\xa2\xed\x9f$\xee\x028Z\xd1\x1bP\xf4\xca\xca\xca\xe4\xe4d\xeb\x13\x9d\x87\xc3\x1e\x8c\x99&lt;\xd6\xa8\xb7gB\x17\xc7q5\xd55\xbd\x82{L\x9b9E\x91\x15\xb6aZ\xb7n]qq1\x9e\x067\x05\xa7\x17\x00EQ\x82\x82\x82BBB`\xa5\n\x82PS]s\xec\xd0W\xee\x9e\xee\xe8\x02\xd8\x04J\xa9\xbb\xa7\xfb\xb1C_\xd5T\xd7\x08\x82\x00s\x1e\x12\x12\xd2\xb8d\xb1\xf2\xc7\xd6\x86\xed\x9f$\xee\x1a\xb0\x13\xce\x87\xc2~?\xe1\xb4n\xa5\xd9\x9e\x83\x01Q\x7f\xf5\xd5W\x8b\x8b\x8by\xab&gt;n\xf1)\x8b\xa9D\xed^\xc7O\x10\x84\n\xbda\xd6\xc2\x99\xdd{vc)\xa1F\xa3q\xc5\x8a\x15\x18\x05j\n\xce-\x00\xa4&gt;\x17h\xd8\xb0a\xc4\xea4r\xdf\'\xd92\xa5\x1c\xe7\xf4\x9f\xce\x11\xe08^\xa6t\xdf\'\xd9\xf5\x7f\xe5\x08!\xc3\x86\rk\xb0\xcbn|G\x94\xd8#I\xdc5p\x90\xa27\x10[\x87{\xb6\xf0\xbe\xac\xe3cxD\x98\xa9\xd2d\xf7\x13\x1dHK\xf3\xf6\xf1\x9e\xb7t\x0e!\xbfWT}\xe7\x9dwX\xc0\xca\xbe#tp\x9c\xdeD\x82=\x8a\x8e\x8e\x06\xf7\x046}\xdf\x1c\xcf\xbfP|\xd1\xdd\x1d\xa3@\xadEQ\x14ww\xb7\x0b\xc5\x17\xbf9\x9eO\x08\x81\x19\xe6y&gt;::\x9aX)\xee\x8d\xee\x88\xb6\x7f\x92\xb8k \x08\x82\xa1\xc2\xf8\xd8\x13\x8f&lt;9f\x04K\t%\x84@O\x05R?\xe1mM\x837\x85\x13\x1d\xe8\xe3f\xaet\x94b\x1e\xa2(\x1a\xf5\xc6\x98\xc9c\x1e\x0e{\x90\xd5\x04\xb5&gt;\xb2Fn\x82\xd3\x0b\x00&lt;\x1b\xfd\xfb\xf7\x0f\n\n\x82C3A\x10\xaa\xccUGr\xf3&lt;\xbd&lt;p\x05\xb4\x12J\xa9\xa7\x97\xc7\x91\xdc\xbc*s\x15\xc4"dY\x0e\n\n\xea\xdf\xbf?Xy\xf8g\r\xee\x88B\n\xa3\xceGg\x97$q\xd7\xe0&amp;Eo\xda\'\xba\xddx\xdb\x01\xd1?\x9bw|\xb4\x01\x1c\xa1\x92\x1c\x9f\xb2X\xab\xd5BJ($\xadBJ\xa8\x1d\x8f\xa9\x1d\x1fWx2)\xa5Z\xadv\xd4\xa8Q\xc4\xeaLr\xdf\x9e\x1c\x8aQ\xa0V\xc3q&lt;\xa5t\xdf\x9e\x1c\xf8+L\xef\xa8Q\xa3\xb4Z-\x13\xd7\xc6wD\xc1BM\x9d1\xa9_h_\xb3\xb9\n\x05\xa0\x05\xdc\xa8\xe8\x8du8\xbe\xed\xde\x1d\x8es$Ib\x07\x0f&lt;\xcf;l\x1f7\x9e\xe7M\x95\xa6\xc1\xc3\x06\x8d\x18\xfd8\xcc\x15\x8c?99\x19\xae\xada$\xe0F\xb8\xc2\x93\xc9\xb2\x121\nd[n\x14\xffay\xb7\xec\x9f\xb1;\xa2\xac\xef\xc2\x9d\xdd\xee\x981\xf7Y\x83\xde\x80g\xbf-\xe6Z\xd1\x9b\xb9\xcf\xde\xd9\xed\x0ev\xc2YYY\xd9\x0e\'\x9c\xac\x91\x03K=r\xf0&gt;n\x90\x12\x1a\x97\xb4\xd0\xd7\xcf\x07RB\xad\x9d\x12L\x07\xba\x11\xae \x00\x18\x05j#\x9a\x12\xffipG\x94\xa5~.J\x9c\xdf\xb9K\'\xa8a`\xef\xcf\xe1\xac@y\x83\xce]:-J\x9co] \xa8\xadO8\xc1zB=j\xeb\x8e\x1a\xe1\x11\x83"\x9f|\xb4\xd2\xe8\x88\xf79 %\xb4GP\xf7\xd8%\xb3!%\xd4:,\x89)\xa17\xc2\x15\x04\x80`\x14\xa8mhJ\xfc\x87\xfc\xf1\xc0\x8d%\x89GO\x1c\xad\xb7\xd3\x1dQWB\x14E}yE\xf4\xc4\xd1\xedy\xc2i\xdd\xc8\x01\xe4\xdc)\xfa\xb8AE\xd5)3\'\xf5\x08\xea.\xcb\xd7n\xabY\'&amp;\xd8{\x80\x8e\x88\x8b\x18\xc7\x1bE\x81\xce\x17_t\xf7\xc0(PKP\x14\xc5\xdd\xc3\xed\xfcM\xe3?`\x92\xac\xef\x88*\x8a\xa2\xd5j\xe3S\x16S,\xfbc#8\x8e\xa3\xf4\x86\'\x9c6\x97\x81\xc6\x8d\x1c\xc0}~v\xd6\xb4\xfe\x0f\xdeov\xecb\x1e\x94ROO\x8fe\xab\x96*\xca\xef)\xa1\rR\x93\x11k\x1c\xf7\xbbl\x167\x8a\x02\x1d\xfd\xf2\x98\x87\'F\x81Z\x02\xa5\xd4\xc3\xd3\xe3\xe8\x97\xc7n\x14\xff\x81\xa0\x84\xd1h\xb4\xbe#*\xcb\xf2\x88\xd1\x8f\x0f\x1e6\xc8\x11\x92\xc4]\x83\x9b\x9cp\xb6E\xd1\x9b\x06\x8d\x1c\xe0\xf5\x9d\xa5\x8f\x9b \x08\x95FS\xe4\x93\x8f\x86G\x0c\xb2\xae\xa8\xca.\'\xa2/\xd8\x00\xd7yD!\n4z\xf4hB\x08\xf4\xd3 \x84\x9c8\xfa5q\xb0\x96\xaa\xceB\x83\t\x04k&gt;z\xf4h\x16\xff\x81\xa4\x94\x8c\x8c\x0c\xb8v\xaf(\x8a\xac\xc8~\xfe\xbeK\x92\x16\x9a*\xcd\x0en)\x9c\x8bv+z\xd3\xb8\t\x813\xf6q\xa3TN\\\xbd\x14\xd2\x91Yy\x92]\xbbv\xe1ipc\\G\x00`iFEE\x91\xfaz5\x84\x90\xa3_\xe6]\xfe\xed2\xec\x9d\xed&lt;&gt;\xa7\x02"9\x97\x7f\xbb|\xf4\xcb&lt;B\x08\xab\xb3\x04\xd3\x0b\xbb\x01A\x10\xce\x9d;\xb7n\xdd\xba\xdf\x93\xc4ee\xda\xcc)\xbd\x82{\xd4T;\x87\xa5p\x16\xae[\xf4F\x10\x84u\xeb\xd6\x9d;w\xceV\'\x9c\x8d\x1b98c\x1f7\x9e\xe7\xcd\xa6\xaa\xfb\x07\xf4\x1d?%\x9aU\t\xe5y&gt;&gt;&gt;\x1e\n\x14\xa2)\xb0\xc6u\x04\x00\\\xd4\xfe\xfd\xfb\x07\x06\x06\xb2\xbe`WJ\xcbN\xe4}\xe3\xe9\xe5\x81\xca\xdf,dY\xf6\xf4\xf28\x91\xf7\xcd\x95\xd22\xd6\xfd#00\xb0\x7f\xff\xfe\xa4\xbe\x04\x13\xc7qqqqF\xa3\x91\xd4KB\xf7\x9e\xddf-\x9cY\xa1\xc7\x96/\xb6\xc7\xba\xe8\r\x049\t!F\xa31..\xceVF\xadA#\x87\xfa\xd4O\xe7\xeb\xe3&amp;\x08\xfcUs\xf5\x82es}\xfd|\xe0\xc1\x87\x12\xe5\xe9\xe9\xe9\xb8\th\x80\xeb\x08\x00\x9c\xf9\xf8\xfa\xfa\x82\x97\ne\xcb\x08!\xd9{r8\x0cF7\x1f\x8e\xe7\xb3\xf7\xe4\x10B\xa0\xc4\x1e!$**\xca\xd7\xd7\x17v\x03pGt\xf7\xee\xdd\xd6\xa9\x9f\xac&gt;0\xba\xff6\xc7\xba\xe8\x8duJ\xe8\xee\xdd\xbbmr\xc2\xd9\xb8\x91\x03\xbcf\xe4\x93\x8f9]\x1f7\x8e\xe3jjjn\xbb\xa3k\xec\x92\xd9l\x1f\xc3\xf3\xfc\xda\xb5k\x8b\x8a\x8aP\x03\xacqA\xcb\x18\x13\x13C\xac\xa2@Gr1\n\xd4&lt;X\xfc\xe7H\xee\x1f\xe2?0\xb1`},\x16\x0b\xbb#\n\x96b\xd0\xd0\xb0\x98Ic\x8cN\x12(pFDQ4V\x18c&amp;\x8d\x1944\xac\xc1\t\xa7\xc5bi\xe5&gt;\xc0\xba\x91\x03xNP\xcc#&gt;y\x91$Q\xa7StA\x14LFS}J\xe8\xb5\xb6\n\x90\x12\x8aQ k\\J\x00`\xe1\x0e\x1e&lt;\x18\xa3@\xad\xe1F\xf1\x9f\xc1\x83\x07\xc3?\xe0y\xfe\xed\xb7\xdffwDeYv\xf7p_\x91\xfa\xb2\xc5\x82EW\xda\x1c\x8bEZ\x91\xfa\xb2\xbb\x87;K\xcc\xcd\xcf\xcf\x7f\xfb\xed\xb7[\xe3\xd8\xc2\x96\xae\xa0\xa0`\xe7\xce\x9d&lt;\xcfC\x07\x18(\xe6\x11\xf2@\x1f\x07O\xfd\xbc.\x1c\xe1$\tRB\xe3\xad7LYYY\xec|\xdb\xdect\x08\x9c\xec{\xbd9\xf05\xfb\xf8\xf8`\x14\xa8\x95\\7\xfe\xe3\xe3\xe3\xc3\x1e\x9b_\x7f\xfd\x95\xfc1\xbd\xcal2;\x9d\x9f\xe8\x8cp\x1cg6\x99\xad\xffJ\xea\xbf\x8e\x16;\xb6p\xbd`\xde\xbcyps\x1bB@\xddz\xdc5#\xf6Y\x83][\xbe\xb4\x06A\x10\x8c\x86\xca\xa8Q\x91Q#\x87[o\x98X\x86+\xee\x03\x88\x8b\t\x00\x03\xa3@-\xe6\xe6\xf1\x1fR\x7f\xe5b\xde\xbcy\x81\x81\x81\x10\xfd\xe7y\xbe\xa6\xbafU\xc2\x1aQ#\x12\x9c\xe06E!\xa2F\\\x95\xb0\xa6\xa6\xba\x06r\x9d)\xa5\x81\x81\x81\xf3\xe6\xcd\xb3.\xce\xda,\xd8m\xbe#G\x8e\x88\xa2h\xdd\xc7\xad\xcbm]\x9c\xba\x98\x07\xc7q\x92EZ\x900W\xa3\xd5\xc0}f\xeb;n\x18\x12 \xae\'\x00\x18\x05j%7\x8f\xff\x80\xd1\x91e9  `\xcd\x9a5\xf0D\x81\x05\xf9\xe6x~\xd6\x8e\xf7};\xf8b\xf5\xdd6B\x92$\xdf\x0e\xbeY;\xde\xff\xe6x\xbeu}\xe65k\xd6\x04\x04\x04\xb0\xd4\xa0f\xd1\xe06\x1f+\xfb\xf3\xe0\x9f\\\xa1\x8f\x1b\xcf\xf3f\x93\xb9_h\xdfggM\x83p\x99u\x95\x0b\xac\x12J\\O\x00n\x14\x05\xda\xf7I\x8e\xf3:2\xed\x0c\xc7q\xfb&gt;\xb9~\xfc\x07\xe6\x10l\xc4\xe4\xc9\x93\x87\x0c\x19b\xdd\xae$c\xf5\x06s\xa5\xd9\xa9M\x86##\x8a\xa2\xb9\xd2\x9c\xb1z\x03\xb1j\xb93d\xc8\x90\xc9\x93\'\xb32A\xcd\xa5\xc1m&gt;\xe8\xf8\xa8\xd5j\x12V\xc6\xb1\xaf\xd5\xa9\x11\x04\xa1\xcaT5}\xce3\x9d:w\x84\x8f\xc3\xea\xdc\x81\xe0\xd9{\x80v\xc6\xd5\x04\x80\xd1 \n\x94w\xe8xYi\x99F\xa3q\x815\xddv(\x8a\xa2\xd1h\xcaJ\xcb\xf2\x0e\x1d\'\xd7\x8b\xffX\xc3\xf3|JJ\n\xd8\x1dY\x96\x05Q\xb8p\xee\xe2\xc6\xf4M\xfe\x01\xfe\xb8\t\xb09\x92$\xf9\x07\xf8oL\xdft\xe1\xdcEA\xbcv\xf3K\x10\x84\x94\x94\x94\x16\x9f\xd0\x82\xbf_\\\\\xbcn\xdd:\xd8\xc9\x89\xa2(\xcb\xf2\x88\xd1O\x84\x0f\x0b\xab4V:Q\xea\xe7\x8d\x80\x94\xd0;\xee\xba}A\xc2\\\xd8\x04\x80\xe6m\xda\xb4\xe9\xcc\x993\x18\x08rA\x01`Q\xa0\xdbn\xbb\rv|&lt;\xcf\x97\x95\x96\xfdp\xea\x0c\xe4N\xd8{\x80\x8e\x0b\xe4\xf3\xfcp\xeaLYi\x19\x8b\xf6\xdcv\xdbm,\xfe\xc3\xfe%s?\'N\x9cx\xcdpP\x99\xe7\xf9\xcdol\xf9\xfe?\xa7\xbc\xbc&lt;q\x9em\x88,\xcb^^\x9e\xdf\xff\xe7\xd4\xe67\xb6\xf0&lt;/S\x19\x82\xf5\x13\'Nd\x9b\xb0\x96\xbd,4r\x80\x9aB\x84\x10J\xa9\xeb\x15\xf3\x80*\xa1\xd1\x13G\xf7\xb9\xff&gt;\xd0\x00\xb8T\xc1.&lt;\xdb{\x80\xf6\xc4\x05\x05\x80E\x81\x1ez\xe8!R_\xc7F\x96\xe5\xfd\x9f~\xa1u\xc3\x1d\xc0\xcdP\x14E\xeb\xa6\xd9\xff\xe9\x17\xec9!\x84&lt;\xf4\xd0C\xd6\xf1\x1f\x06&lt;&lt;/\xbf\xfc\xb2\x8f\x8f\x0f;n1\x9b\xcc\xeb_\xfd\xbb\x87\'\x1e\xb7\xd8\x12Y\x96=&lt;=\xd6\xbf\xfaw\x96\x91)\xcb\xb2\x8f\x8f\xcf\xcb/\xbf\x0cA\xfc\x16\xbc&amp;\xc8\xf6\x91#GX#\x07\x88\x89\xbbd1\x0fJ\xa9\x97\xb7w|\xd2"\xeb\x94P\xeb\x92G\xf6\x1e\xa0\xddpA\x01 \xf5\xf9p\x7f\xfd\xeb_\xe1\xaf`\x8c\x0e\xec\xfb\xd2\xa07h4\x1a;\x0e\xcc\xc1\xd1h4\x06\xbd\xe1\xc0\xbe/I\xfd\xa4\x91\xfail,\x9c \xab\xbdz\xf5\x8a\x8b\x8b\x83`\x02\xe4\x8f\xef\xf9`\xef\xfe\xcfr\xfd\xfc}\xd5\xfc\\\xd9\x10\xf0\xca\xf7\x7f\x96\xbb\xe7\x83\xbdl\x92eY\x8e\x8b\x8b\xeb\xd5\xab\x17Hus_\x13\xec`mm\xed\xbcy\xf3\xa0\x887|\x9b\xaeZ\xccC\x10\x04C\x85aX\xe4PL\tm\x80k\n\x00;\xba\xd4\xe9tl}_8w\xf1\xbboOzbu\xe8\x1b\x00\xb5\xd4\xbf\xfb\xf6\xe4\x85s\x17\xc1\x19\xa4\x94\xeat:v\x9c\xde\xf8W \xa2\xbah\xd1\xa2\xe0\xe0`I\x92\xae9\xa7T~}\xcd\x06\x8b\x05\x0bB\xd8\x06\x8e\xe3,\x16\xe9\xf55\x1bdzm\x9b%IRpp\xf0\xa2E\x8b\xc0mo\xc1k\x82l\xec\xda\xb5\xab\xa0\xa0\xc0\xba\xec\x8f\x0b\x17\xf3\xe08N\xa62\xa6\x846\xc05\x05\x00\x82\xd7\x81\x81\x81C\x86\x0c!\x84\xf0&lt;\x0f\x16m\xff\xde\x03\x1a\x8c\x02\xdd\x00EQ4n\x9a\xfd{\x0f\xc0\xb3\x01\x96e\xc8\x90!\x90P{]\x8b\x00?\xd4j\xb5\xabV\xad"\xe4\xf7\x16\x1c\xdf\x1c\xcf\x7fo[V\x87\x8e\x1d\xf04\xb8\x95H\x92\xd4\xa1c\x87\xf7\xb6e\xb1\xd4O\x98\xf3U\xabVi\xb5Z\xd2\xa2R\xe7\xe0\xfc\xea\xf5\xfa\xf8\xf8\xf8\x06\x1d\x1f]\xb8\x98\x07\xcf\xf3&amp;\x93\xb9_h\xdfg^\x98\xcaRBy\x9eOLL,))QmF\x90k\n\x00\xa9\x8f`\xb0\xf4\x15\x8c\x02\xdd\x92\xeb\xc6\x7fX2\xd5\x8d~\x0blGLL\xcc\xd0\xa1C\xad7\xd7\x1b\xd37\x95\x96\x94j\xdd\xf0\xf2]\xcbQ\x14E\xeb\xa6--)\xdd\x98\xbe\xc9\xba\xec\xd2\xd0\xa1CcbbZs\xf6\xcb\xf3|zz:\x18&gt;p\x87EQL\\\xbdT\x92\\ys,\x08\x82\xa9\xd2\xf4\xe2\xe2\x17\xba\xf5\xb8\x8b\x15\x08\xaa\xa8\xa8X\xbat\xa9j\xef\x04\xb8\xac\x00\xc0\xb3\x11\x19\x19\x89Q\xa0\xa6p\xa3\xf8Odd$\xb9A\xfc\x87\x01F$--\xcd\xcd\xcd\x8d\xb5\xe0\xb8x\xfe\xe77\xd6\xbe\xa9\xf3\xd1\xe1T\xb7\x18J\xa9\xceG\xf7\xc6\xda7/\x9e\xff\x19&lt;VEQ\xdc\xdc\xdc\xd2\xd2\xd2Z|\xf6\x0b\xdfNQQ\xd1\xda\xb5k\xad;&gt;\x8e\x9f\x12}\xff\x80\xbefS\x95\xd3\x95\xfdi:\x1c\xc7\xd5\xd5\xd6u\x0e\xec&lt;k\xc1Lv\x1a\xcc\xf3\xfc\xbb\xef\xbe\xcb\n[\xd9{\x8c\xed\x8d+\x7f\xd9\x18\x05j:-\x88\xff0\xe0\xc9\x190`\xc0SO=%\xcb\xd72\x14y\x9e\xff\xd7\x9b\xdbN\x16|\xaf\xd3y\xab\xf0\xb9j=\xb2,\xebt\xde\'\x0b\xbe\xff\xd7\x9b\xdb\xac\x93\xf4\x9fz\xea\xa9\x01\x03\x06\xb4\xec\xec\x97\xd4\xc7\x7f\x12\x12\x12\xa0\xc6\x03&lt;&amp;\xbe~&gt;\x0b\x96\xcd\xbdj\xae\x16\x04\x975\x08\x80(\x8a\xfa2\xfd\xf8\xa91\x0f\x85\r\x00\xf1\x83\xc3pV\xda\xd6\xde\x03lo\\\xf9\xfb\xbeQ\x14\xa8\xa2\xbc\x02\xa3@\r\xd0h4\x15\xe5\x15\xcd\x8d\xff0\xc0\x8e\xac^\xbd\xda\xdf\xdf\x9fm\xae-u\x96\xf4U\xaf\xf3\x82J7\xd7\xadDQ\x14^\xe0\xd3W\xbdn\xa9\xb30K\xed\xef\xef\xbfz\xf5\xea\x96U} V\x1d\x1f\xb3\xb2\xb2\xacS?c\x97\xcc\xbe\xed\x8e\xae\xce\xd2\xf1\xb1\x95(\x8a\xa2\xd1\x88s\xe3\xe7\xf0\x02O\xea\xe7\xe4\xd0\xa1ClN\xec=\xc0v\xc5\x95\x05\xa0q\x14\x88\xe3\xb8\x0b\xe7.\x9e&gt;\xf9\xa3\x87\'\xde\x08\xfb\x1dY\x96=&lt;\xddO\x9f\xfc\xf1\xc2\xb9\x8b\xe0\x075=\xfe\x03\x80\x1d\t\x0c\x0cLIIa\xf7-\x05A\xd8\xf7I\xce\x97\xd9\x870%\xb4\xb9@\xea\xe7\x97\xd9\x87\xf6}\xf2\x87\xde\xbc)))\x81\x81\x81\xb0Kk\xeek\xc2\xfa\xb7\xbe\x00\x05\xaf\xd9#\xa8\xfb\x94\x99\x93LF\x93 \xbaT\xea\xe7\x8d\x10\x04\xc1Pa|\xec\x89G\x9e\x1c3\xc2\xba\x90\t\xdb\x15\xa9\xca_qe\x01h\x1c\x05\x82/\xfb\xeb\xbco5Z-\n\x00C\x96e\x8dV\xfbu\xde\xb7p\xcc\xd8\xac\xf8\x0f\x03\xac\xc9\xcc\x993\xef\xbe\xfbn\xd0\x00\xb08k\x92R\xab\xafV\x0b\x82\xa0`\xa5\xd0\xa6\xa1\x10E\x10\x84\xea\xab\xd5k\x92R\xad-\xf5\xddw\xdf=s\xe6\xcc\x16\x07\x7f\xe0\x17\xadK \xc0\x8b/[\x15\xef\xe9\xe9!I\x94#\xae\xef\xfe\x03&lt;\xcfW_\xad\x8e\x8d\x9b\xad\xf3\xd1\xb13\xf0\xa2\xa2\xa2\xd4\xd4T\xb5\x9d\x04\xb8\xb2\x00\x90\xfa\xf0Ett4\xfc\x15\xb4}\xdf\x9e\x9c\x9a\xeaj\x17\xbb\xea\xd2\x1a\x04A\xa8\xa9\xae\xde\xb7\'\x87X]\xf8\x82Ik\xfa\xc3\x00\xd6D\x14\xc5\xf5\xeb\xd7\x83\xe9\x07\x8bs\xfa\xbf?l}k\x87\x8f\x9f\x8e\xbat\x86\x89\r\xa1\x12\xf5\xf1\xd3m}k\xc7\xe9\xff\xfe`m\xa9\xd7\xaf_/\x8ab\xcb\x8e\x7f\xe1\xb7\xac\x8b\xa0\xc1\xc6"j\xe4\xf0\xa8Q\x91F\x83+\x94\xfdi:&lt;\xcf\x9b\xcdU\xfdB\xfbN\x9d1\x89M\x05\xcf\xf3iiijK\tuq\x01\x00_i\xd0\xa0AZ\xad\x16:(q\x1c\xf7\xc3\xc9\x1f\x7f:u\xc6\x03\xeb\x02\x11B \xfe\xe3\xe1\xfe\xd3\xa93?\x9c\xfc\x11\x96\xbe,\xcbZ\xadv\xd0\xa0A\xe4\x8f\xf5\x7fn\t&lt;H\xc3\x87\x0f\x1f&gt;|8K/\xe1y~\xfdk\x7f\xff\xed\x97K\xee\xee\xee\xaa\xda\\\xb7\x0cEQ\xdc\xdd\xdd\x7f\xfb\xe5\xd2\xfa\xd7\xfen\x9d\xa4o=\xab-xY\x96\xf3\xce\xca +\x8a\xa2\xd1j\x16$\xcc\x95TyeO\x14E\x83\xde0#\xf6\xd9n=\xee\x82\xdb\x15p7Bm)\xa1\xae/\x00\xb2,\x07\x05\x05\x85\x86\x86\xc2VZ\x10\x04\x8b\xc5\x92\x9b}\x08\x0b\xc3\x01P\x00.7\xfb\x90\xc5b\x81\xf8\x8f\xa2(\xa1\xa1\xa1AAA-\x8860_\x15\xda\xef\\+7o\xa8L_\xf9\xba\xa7\xb7\x07\xa58\xe1\xb7\x80R\xd9\xd3\xdb#}\xe5\xebFC%K\xd2\xd7j\xb5l_\xd5\x82\xd7d\x9d#\xe1\xd6+\xd3\xe6ggM\xeb\x17\xda\xd7\x19;&gt;\xb6\x1eh\x11\xdc\xe5\xb6.\rRBw\xee\xdc\xc9nG\xdb{\x8c\xed\x81\xeb\x7f\xf1\xb0\xfa\xc7\x8e\x1dK\xea\xcd\x13!$\xe7\xd3\xfd\x10\x98\xb6\xf7\xe8\xec\x0f\x84\x9bs&gt;\xddO\xea\x03\x05\x84\x90\xb1c\xc7\xb6,\x18\xca\xa2\xd5\x8b\x17/\xb6\xde\\\xbf\xb7}\xf7\x7f\xf3\xbf\xf7\xd6y\xa9\xe4\xb9j\x19\xb2,{\xeb\xbc\xfe\x9b\xff\xfd{\xdbw[[\xea\xc5\x8b\x17\xb3\x93\x95\x16\xbc,\xeb\x1d\x0f5\x1e`\x9f\xd7\xb1s\xc7\xe9s\x9e\xa92U\xa9\xf6)`)\xa1\x0f\xfe\xe9\xf7\x94\xd0\xba\xba:V\x1f\xc9\xde\x03l\x0f\\_\x00\xe0\x99\x199r\xa4V\xab\x85\x02\xf7\x1c\xc7\x9d&gt;\xf9\xe3O\xa71\nT\x1f\xff9}\xe6t}\xfc\x87R\xaa\xd5jG\x8e\x1cI\x9a\x19\xffa\x80\x06,X\xb0\x00\xf2U\xc0\xe2H\x92\x94\xb2t\xb5\xa8\x8e&lt;\x93\xd6 \x8aB\xca\xd2\xd5\xccRCn\xd5\x82\x05\x0bZl\xfdY3\xf4C\x87\x0eY\xa7~.\\6\xef\x8e\xbbnWI\xea\xe7\x8d\x80\xac\x87\x84\x95qZ\xad\x06\x92\xdf\xa0B\xea\xce\x9d;U\x92\x12\xaa\n\x01\xc0(\xd0\x8d\xb0m\xfc\x07\x00\xb3\xd5\xa1C\x875k\xd6X\xa7\x84\xe6\x1d&lt;\x96\xf5\xef\x0f|\xfd\xb1g\xe4\xf5\x91$\xc9\xd7\xdf7\xeb\xdf\x1f\xe4\x1d&lt;f\x9d\xfa\xb9f\xcd\x9a\x0e\x1d:\xb4\xe6\xec\xb7\xae\xae.!!\x81X\xf5\x11{(l\xc0\xdf\x9e\x1e\xa7/\xafp\xc9\xb2?MG\x10\x84Jce\xf8\xb0\xb0\x11\xa3\x9f\x80\</t>
        </is>
      </c>
    </row>
    <row r="358">
      <c r="A358" s="1" t="n">
        <v>356</v>
      </c>
      <c r="B358" t="inlineStr">
        <is>
          <t>color_number_hexagon</t>
        </is>
      </c>
      <c r="C358" t="inlineStr">
        <is>
          <t>What is the missing number of the part denoted with a question mark?</t>
        </is>
      </c>
      <c r="D358" t="inlineStr">
        <is>
          <t>['5', '0', '7', '6']</t>
        </is>
      </c>
      <c r="E358" t="inlineStr">
        <is>
          <t>6</t>
        </is>
      </c>
      <c r="F358" t="inlineStr">
        <is>
          <t>There is a hexagon split into six parts with the colors ['green', 'yellow', 'blue', 'green', 'blue', 'yellow'] in an anti-clockwise order. The parts are denoted with the numbers ['?', 6, 7, 9, 8, 9] respectively.</t>
        </is>
      </c>
      <c r="G358" t="inlineStr">
        <is>
          <t>We observe that the numbers in the blue parts add up to 15. Similarly, the numbers in the green parts also add up to 15. Thus, the pattern is that the numbers in the parts of the same color add up to 15.</t>
        </is>
      </c>
      <c r="H358" t="inlineStr">
        <is>
          <t>Based on the pattern that the numbers in the parts of the same color add up to 15, the missing number of the green part should be 6.</t>
        </is>
      </c>
      <c r="I358" t="inlineStr">
        <is>
          <t>b'\x89PNG\r\n\x1a\n\x00\x00\x00\rIHDR\x00\x00\x02\x00\x00\x00\x02\x00\x08\x02\x00\x00\x00{\x1aC\xad\x00\x00\x9a\xb5IDATx\x9c\xec\x9dg|\x94\xc5\xda\x87\xa7m/\xd9\x84P\x04\x15\xe9\x8a\x88\n\x16,\x80\x05\x11\xcbk\x05E\x94\xe29\xd6\xa3G\x11PAD\x9a \xa0\x14ET\x0e(H\tM\x10\x04A"\xc5\x00\x16\x90\xa2\x14\x01! \xd5\x00!\xc9f\xfb\xee\xcc=\xef\x87I\x96\x80\x8aD\xc8\x96\xec\\?&gt;\xbc\xf0\xca\xc9\xc3\xee\xf3\xcc=\xcf\xcc=\xd7\x1fK)\x91F\xa3\xd1hR\x0f\x12\xef\x0b\xd0h4\x1aM|\xd0\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xd1\x05@\xa3\xd1hR\x14]\x004\x1a\x8d&amp;Ea\xf1\xbe\x00M&lt;\x91RJ)\xe3}\x15\x9a\xb8\x811\xc6\x18\xc7\xfb*4q\x03\xeb\xe7?e\xe1\x9c3\xa6g\x00\xa9\x0e\xe7\x9cR\xaa\xcb@j\xa2\x0b@\x8a\x02\x00\x84\x90\x1d;v\xfc\xe7?\xff!\x84\x00@\xbc\xafH\x13S\x18c\x9c\xf3\'\x9ex\xa2S\xa7N\xf1\xbe\x16M\xdc\xd0\x13\xc0\x94C\x95\xfc@ 0r\xe4H\x97\xcb\xb5r\xe5\xcax_\x91&amp;n4n\xdc\xf8\xd0\xa1C\xed\xda\xb5k\xd2\xa4\x89\x94\x92\x10\xbd)\x98Z\xe87\x80\x94C\x08A)\xfd\xf4\xd3O\xbbu\xeb\x861\xa6\x94F\xef\x01\xfd\xfc\xa7\x02RB\xf4\xa1\xa7\x94\x86\xc3\xe1\xce\x9d;O\x992E/\t\xa6 \xba\x00\xa4\x16j\xd7\xd7\xedv7n\xdc8??\x1f\x00\xf4\xe2O\x8ac4\x1a\x85\x10+W\xael\xd9\xb2\xa5\x9a\x1c\xc4\xfb\x8a4\xb1C\x17\xfc\xd4\x02\x00(\xa5\xfd\xfa\xf5\xcb\xcb\xcb\xa3\x94"$U\x1f\x08\x00\xdc\xf6\xc0Mw?\xd2\xd6[\xec#T\xbf\x07TN$\x80\xd9j\xde\xfe\xd3\xaeO\xde\x9e\x0e\x12\x90\x94\x18c\xce9\x00t\xef\xde\xfd\xbb\xef\xbe3\x18\x0cRJ\xbd!\x9c:\xe87\x80\x14\x02\x000\xc6\xbf\xfe\xfak\x93&amp;M\x00 \xda\x03\x8a\t\x96 3\xabgL\xc9\xf9\xd0\x91f\xe3a\x8e\x89\x1e\x02*! \xc0\x9ef\x7f\xfe\xfeW\xd7}\xb3\x91P\x02\x02\x10B\x18#B\xa8\x10b\xf2\xe4\xc9]\xbbv\xd5/\x01)\x85.\x00)\x84z\xb6o\xbf\xfd\xf6\xec\xecl\x83\x81E"\xfc\x9a+.\xfa\xfdX\xf1\xc1\xc3\x05\x94R\xce\xc5\x9d\x0f\xb7y\xe5\x9d\xff\xba\x0b\x8a)\xa3H\xdf\x17\x95\t\x8c\x04\x17\xcet\xe7\x92\xd9\xcbF\xf4\x1aK(\x91\x00F\x03\xbb\xa9E\x83\xa5\xab\xb6\xab\xbd\x9fj\xd5\xaam\xdb\xb6\xcd\xe5r\xe9\xc3\x01\xa9\x83.\x00\xa9\x82\x1a\xfd\xb3\xb3\xb3o\xbf\xfdvJ)F\x08$l\xfc\xfa\xf5\x9co\x7f}\xf1\x8dY\x8cQ\x00\x89\t\xfep\xe1;\xf5.\xae\x1d\xf0\x07\xf5\x86p\xa5B"\x84\x11\xc6\xf8\x89\xdb_&lt;\xb4/O\x95\xff\xbbn\xbdl\xda\xc4g\x1a^\xdd;\xff\xb8\x971\x16\x89D\xfa\xf6\xed\xfb\xe6\x9bo\xea\x97\x80\xd4A?\xe4)\x81,]\xed}\xe1\x85\x170F\x94\x12.D\xa7\xfb\xaf\xb9\xfc\xfa\x8b\x9f\xeavS\xfd:\xd58\x17\x84\x12\xc1\xc5GoN\xd2{\x00\x95\x0f!\x843\xdd1\xe3\xc3\xb9\x87\xf6\xe5QF\x85\x10\x8c\xd1\xe1}\x1fp]XuX\xef\xfb\xa5\x94R\x02\xa5\xe4\xed\xb7\xdf\xde\xb5k\x97&gt;\x17\x92:\xe8G=%P\xc7\xbe\xc6\x8f\x1f\xbfs\xe7NJ\x99\xe0"\xcdi\xe9\xdf\xeb\x1e\xe1\xf6\x9b\xd3lC_\xbd\x0f!$\x01\x08%\x1b\xbf\xdd\xbc&amp;{\xad\xddi\x17B\x0f\x01\x95\x04)\xa5\xc9b&lt;\xb0\xe7\xf0\xe7\x9f.V\x8b;\x00\xf2\xe9\xc7Z^zu\xbd\xc8\xc1\xe3\x8f&gt;zc\xb3\xa6\xb5\xd5\xac?\x1c\x0e\xf7\xed\xdb\x17c\xbd0\x90*\xe8\x02P\xf9Q{\xbfyyy\xfd\xfa\xf5S\xab\xbb\x02\xa0\xfb\x13\xb7\xd6\xbf\xb2\x0e\x04#\xbc\xd8\xdf\xa1\xd3\x8d\xad\xaek(\x04PB\x10B\xe3\x87|\x1a\xf0\x05(%z\x1b\xa0r\x00\x02,V\xcb\xc4\x11S=E^\xca(\x00\xa4\xbb\xac\x83{\xdf\x0f\xfe\xb0\x94\xd2d3\x8f\xea\xd7^J\x04\x02(\xa5s\xe6\xcc\xc9\xce\xce\xa6\x94\n!\xe2}\xe1\x9a\nG\x17\x80\xca\x8f:\xe1\xd9\xa7O\x9f\xc2\xc2B\x83\x81q\xce\xeb\xd4\xce\xec\xfe\\;Q\xe8\xa5\x8c`)%\x17\xa3\xfaw`\x8c\n!(\xa3\x07\xf7\x1e\x9e\xf1\xe1\\g\xbaC\x0f\x01\x95\x00\x10\xe0p\xd9\xbf_\xfe\xe3\xca/\xd6\xa8\xbd_\x009\xa8\xe7=\xe9\xe7g@0l0P^\xe4k}[\xd3\xf6w5\xe3B\x10B0\xc6/\xbc\xf0\x02\xe7\\\xbf\x07\xa4\x02\xba\x00Tr\xd4\xe2\xcf\x86\r\x1bf\xcc\x98A)\x05\x00)\xd1\xf0\xd7\x1epUw\xc90\xc7\x18\x13J\x84\'\xd8\xbc\xd5%O?\xd6\x12@b\x840\xc6\x9f\x7f\xba\xf8\xc0\x9eCF\xb3Q\x0f\x01I\x0fF&lt;"\xa6\xbc;[\xdd\t\x00\xd0\xaci\xedg\x9ej#\xdc~B)B\x08c$\x85\x18\xfeF\x874\xa7\x05\x84\xa0\x94\xee\xdc\xb9s\xfc\xf8\xf1z\' \x15\xd0\x05\xa0\x92\xa3\xb6\x7f{\xf6\xec\x19\n\x85(%\x9c\x8bV\xd75\xec\xd0\xf1F^\xe0\xa1\xac\xa4\xd3\x83P\x0c\x9e\xe0\xe0\xde\xf7\xa7\xbb\xacB\x00e\xd4S\xe4\xfdx\xc44\x9b\xc3\nz\' \x99\x11\\\xb82\xd2\x16\xcfZ\xb6u\xfdvJ\xa9\x04\x90\x12\x8dz\xa3=\xb3\x18\xa5\x10\xaa\xd5\x93\x10\xc2=\xc1\xba\x97\xd7\xee\xfe\xc4\xad\x02\x00c\x841\xee\xd7\xaf_aa!!D\xcf\x00*7\xba\x00Tf\xd4\xce\xde\x9c9srrr\x18c\x82\x0b\xa3\x91\x8d\xea\xdf!\xfa\xf0+0\xc6\x10\x0c\xa7\x9f\x9f1\xa8\xd7=RJ\t@\x08\xc9Y\xfc\xdd\xc6o7[\x1dV=\rLR\xa4\x94\xcc\xc8\xf2\x8f\x14\xcc\xfcp.\xc6\x18\x13,\x04\xb4\xbf\xbby\xeb6My\x91\xafl\xa3\'eD\x14z\xbb?\xd7\xae\xdeEU\x05\x17\x8c\xb1\xc2\xc2B\xb5c\xa4\xbf\xfd\xca\x8d.\x00\x95\x165wS}\x1d\x08!B\xb0\x00x\xe4\xde\xab\x9b\xb7j,&lt;\x81S\xda\xfc\t\xa5\xc2\x1dx\xe6\xdf\xb76\xacW\x1d\x04\x10J"a&gt;a\xd8\x14J\xf5\x89\xb0dEp\xe1t9fO\x98\x7fx\xff\x11B\t\x08a4\xb2\xa1\xbd\xefC\x00\xa7\x1c\xf3\xc2\x18C\x98\xbb\xceK\x7f\xa3\xfb] \xa5\x94\'z\xc6\xf4BP\xe5F\x17\x80J\x8b\xd2\xfe\xbc\xf3\xce;\xbbv\xed2\x18\x0c&lt;\xc23\xd2m\xc3\xfa\xb5\x07O\x00\xff\xa1\xd3_-\x043\xabq\xec\xe0\x8e\x12!\t@)\xdd\xf2\xe3\xf6\xa5\x9f\xadH\xcbp\n\xaew\x83\x93\x0c\x00\xb0:\xac\xbb\xb6\xeeY0e\t!D\xb5~\xf6z\xfa\xb6\x06W\xd6\xe1\x7f(\xff\x08!\xc6(?\xeey\xf4\xb1V\xadZ4\xe0\\0FKO\x8d\xe8\xad\xe0\xca\x8c.\x00\x95\x13\xb5\xe3\x97\x9b\x9b;|\xf8pB\x08B\x12\xa4\xec\xf1d\x9b\x1a\xf5k@0L\xfe\xec\xa0?\xa5D\x14\x07\xda\xde\xd9\xec\xb6\xd6\x8d\x85\x00L0\xc6x\xd2\xa8\xac\xe3G\x0b\x99\x91\xe9Q \xc9\x90\x88R:q\xc4T\x9f\xc7O(\x16\x02\xaaWs\xf6x\xae\x1dx\x83\x7fy\xd0OJj\xa0\x83^\xbe\x97\x10\xacN\x8aegg\xcf\x993G\xb7\x84Vbt\x01\xa8\x9c\xa8\xbd\xdfA\x83\x06\x15\x17\x173Fy\x847\xacW\xfd\xe5\xeew\x89\xc2\xd3\xcb&gt;\xa5\x140\xf6\xcd\x8eF#\x03!(%y\x07\x8e\xce\x9e0?\xcd\xe5\xd0/\x01I\x84\x10\xc2\xe1\xb2\xaf]\xb9a\xcd\xd2\xb5\x84\x12\tRJ9\xac\xcf\x03U.\xa8\x02\xc1\xf0_y~(%\xbc\xc8\xd7\xba\xdd\x15\x8f=\xd8B\x08P-\xa1}\xfb\xf6\r\x87\xc3\xfa=\xa0\xb2\xa2\x0b@%D\xed\xfd\xaeZ\xb5j\xfa\xf4\xe9\xaa\xbb_"4vpG\xa3\xdd,\x858\x8d\xe7\x8b\x10"\xbc\x81F\xcd\xea\xf6z\xfa6\x00\xa9\xfed\xc1\x94%;\xb6\xe4Z\xec\x16\tz\x08H\x0e(\xa5~_p\xe2\x88\xa9\x18cJ\x88\x10\xd0\xaaE\x83.]Z\xf3\x02o\xb4\xf5\xebO\xc1\x94\x80/8\xbc_\xfb\x8ct\x1b\x8fp\xc6\xd8\xae]\xbb\xdey\xe7\x1d\xbd\x13PY\xd1\x05\xa0r"\x84\xe8\xd7\xaf\x9f\x10\x82\x10"\x04\xdc\xd6\xbaq\xdb;\xaf\x14n?\xfd;\xcf\x0f\xa1\x04\xbc\xc1\x1e\xcf\xb5\xab^\xcd\t\x00\x84\x12\x9f\xc7?\xed\xbd\xd9f\x8bY\x0f\x01I\x81\xe0\xc2\xe1\xb2g\xcf]\xb1{\xdb^5pSJ\x06\xbd|/a\x04\xfd\xdd,\x9e`\x0c\x81p\x8d\xfa5z&lt;\xd9\x06\xa4DH\x12\x82G\x8e\x1c\x99\x97\x97\xa7;\x82*%\xba\x00T68\xe7\x94\xd2\xac\xac\xacU\xabV1\x03\xe3\x9c3F\xc7\x0e\xee(\x85Dg\xd0\xd0\x831\x16\xc1p\x95\x0b\xaa\x0c\xeb}?\x80T\x82\xa0o\x16}\xfb\xdd\xb2u\x0e\x97]\x1f\x0bHp\xa4\x94F\xb3\xf1\xc8\xc1c\x93G\xcd\xc4\x18\x13\x82\x84\x80N\xf7_\xd3\xba\xdd\x15\xbc\xc8\xf7\xb7\xe5\x1f!D(\x11\x85\xde\x97\xbb\xdfU\xbfN\xb5H\x843\xc6\n\n\n\xfa\xf4\xe9\xa3\xcf\x04TJt\x01\xa8T(\xebCqq\xf1\xc0\x81\x03\t9\xa1\xfdjte\x1d\xe1=S\xc33eT\x14\xf9\x1ey\xe4\x86fMkG\x8f\x8fN}w6\xe7\xa7[&gt;\xd2$\x02 \xc0j\xb7\xcc\x99\xb8\xa00\xbf\x88R"\x04\xa49-o\xf4\xbc\x07\x02a|f\xdf&gt;\xc6XratX\x94"P\xf5\x92eeem\xdc\xb8Q\x9d$\xaf\xd8\x7f\x80&amp;\xb6\xe8\x02P\xa9P\xe3\xf5\xf0\xe1\xc3sss)\xa5\x82\x8bR\xedW\x88\xd03\x1d\xbb1BR@\xd4\x11\xa6ZB\xb7\xae\xdf\xfe\xe5\x8c\xaf\x9d\xe9z78q\x01\x00\xab\xdd\xb2\xe3\xa7]\xf3&gt;Y\xa4\x8a=\x80\xec\xfe\xc4\xad\xf5\xaf\xbcHx\x83\xe4\x8cS\xde\xd4\x0c@)\x029\x17\x94\x92p8\xdc\xbd{w!\x84~\t\xa8d\xe8\x02PyP\x935\xb5kG)\x91R\x82&lt;\xa1\xfd*\xd7\xe4\xbd\xa4!\xe4\xb6\xa6\xed\xefj&amp;\x04`\x820\xc6\x93G\xcd8r\xe8\x98\x16\x04%2\x84\x92\x0f\xdf\x9c\x14\x89pB\x89\x10\xa2\xac\xf5\xaf\x9c\xffKe\x14\x81\\0\xc6V\xaf^\x9d\x95\x95\xa5[B+\x19\xba\x00T\x1e\xd4\xb8\xac\xfa\xf6(\xa5B\x9c\xaa\xfd*\x17\';\xc2$\xa5\xa40\xbfh\xce\xc4\x05V\x9bE\xef\x04$  \xc0\xee\xb4\xad\xc9^\xbb\xf1\xdb\xcd\xca\xfay\x8a\xf5\xaf\\\xffk\x84\x9cP\x04*A\x10!x\xe0\xc0\x81n\xb7[\xb7\x84V&amp;t\x01\xa8$\xa8\xd6\xcf\x9c\x9c\x9c\xe8\xc9\x1d)\xe5)\xda\xafrQ\xd6\x11\xa6V~\t!\xf3&gt;Y\xb4s\xcbn-\x08J8$"\x8c\x04\xfd\xa1\xf1C&gt;E\x08\x95\xb4~\xfe\xc1\xfaW.\xca*\x029\x17\x94\xb2\xdc\xdc\xdc1c\xc6\x10B\xf4K@\xa5A\x17\x80\xca\x80:\xf6\x15\n\x85z\xf6\xec\x19m\xfd\xfeS\xedW\xb98\xc9\x11\xa6\x04A\x11&gt;y\xf4LBtVLb!\x84\xb0;l\xf3\xa7.&gt;\xb8\xf7\xb0z\xf9\xfbS\xeb_\xb98U\x11(\x81R2z\xf4h\xb5\xbd\xa4g\x00\x95\x03]\x00*\x03j\xefw\xe6\xcc\x99\x1b6lP\xd3\xff\xbf\xd2~\x95\x8b\xb2\x8e0)%\x02 \x94\xac\xf9\xea\x87\xb5+78\\v=\rL\x10T\xeb\xe7\xd1\xc3\xf9\xd3\xde\x9b\xa3Z?\xe1\xaf\xad\x7f\xe5\xa2\xac"PpA)u\xbb\xdd\x83\x06\r\xd2g\x02*\r\xba\x00$=j\xfa_XX\xd8\xbbwoB\x88J|&lt;\x8d\xf6\xab\\\x9c\xe4\x08\x13@\t\xc1\x18O\x1c15\x18\x08iQh\x82\x00\x02\xacv\xeb\xe4\xd13\xbc\xc5&gt;J\t\xe7p\x1a\xeb_\xb98E\x11\xa8\x04A\xd3\xa7O_\xbdz5cL\xcf\x00*\x01\xba\x00$=j\xfa\xdf\xaf_\xbf\xbc\xbc&lt;J\x89\xe0\xe2\xef\xb5_\xe5\xa2\x8c#L\xfd\xac\xdd\xdb\xf6~&gt;\xf9K\xbb\xd3\xa6\x87\x80\xb8\xa3\xac\x9f\x9b\xbe\xdb\xbcd\xf6rU\xec\xe5\xdfY\xff\xca\xc5\xa9\x8a@L\x84\x10\xdd\xbbw\x0f\x85Bz7\xb8\x12\xa0\x0b@r\xa3Fd\x95\xe1\x17m\xfd\xfc[\xedW\xb9\xf8\x83#\x0ca\x8c\xa7\x8d\x9ds\xf4p\xben\tM\x04(\xa5\x13\x86M\x11\\\x10J\x04\x17gf\xfd+\x17\')\x02\x19c\x1b7n\x9c9s\xa6\x16\x04U\x02t\x01Hn\xd4\xfa\x8fJ\xf1\xa6\x94r.\xceP\xfbU.Nr\x84q\xa0\x94x\x8b}\x93G\xcf\xb0X\xcd\xc9\xd5\x12*\xa5\x04\x00!@pq\x02.@@2\xaa\xee\x04\x17\x8e4\xc7\xd2\xcf\x96o\xf9q;Q\x89\x8fgf\xfd+\x17e\x15\x81\xa5-\xa1\xa4w\xef\xde\x05\x05\x05\xfa% \xd9\xd1\x05 \x89Q\xad\x9f\xd9\xd9\xd9\xd9\xd9\xd9\x94R\x10\xe5\xd0~\x95\x8b\xb2\x8e0\xf5\xc0\x13B\x96\xcc^\xbec\xf3n\xab\xdd\x92\xf8\xd3@)\xa5\x10\x00\x02(\xa3V\x9b\xc5\xe9\xb2\xbb2\xd3\\\x19ii\xe9NWF\x9a+3\xcd\xe1\xb2\x9b,F\xf5\x9f\xc5\xfbb\xcf\x18\x89(\xa3~\xaf\x7f\xca\x98Y\x08!Jp\xb9\xac\x7f\xe5\xa2\xac"P\xed\x06\xe7\xe5\xe5\x8d\x1a5J\xbf\x04$;\xba\x80\'+R\xb5\xe6\x014i\xd2\xe4\xd7_w\x1a\x0c\x86p8\xd2\xb9}\x8b)\x9f&gt;\xcf\xf3\x8b\xcf\xe1\xf4\xff\xc4\x8f\xc3X`|\xe9\r\xaf\xef\xde{\x94\x19\x18\x8f\xf0f74\x1d9c\x90\xcf\xe3?\xcb\xad\xe6\x8aC}D\x06\xa3\xc1b5K)\x0b\x8e\x16\x1e\xd8{\xf8\xf0o\xbf\x1f=\x9c\xef\xf5\xf8#\xe1\x08c\xcc\x91f\xabY\xfb\xbc\xba\x17_xa\xfd\xf3\x8d&amp;\xa3\xb7\xd8\x87$\xc2g,N\x88\x17\x82\x8b\xf4\xaa\xae\xff\xbd\xf5\xe9\x94wgSFU\x92\xf3\xd6\x15\xfd\x1b^z\x01\xf8\xcf\xd4\xfbt\xe6p.\x0c\x99\xce\xc9\xe3\xbf~\xbc\xc7\xa7\x8cQ)%\xa5l\xeb\xd6\xad\xf5\xeb\xd7W\x06\xaas\xfb\xe34\xb1A\x17\x80dEM\xff\xc7\x8d\x1b\xf7\xfc\xf3\xcf3\xc6$\x80\xddnZ\xbf\xb4_\xdd\x065d |\xe6\xe2\x97r\xfcD.X\x86c\xce\xf4\xd5\x0f=\xf3?J\x89D\x08\x04\x0c\x9e\xd8\xa7\xe5\xed\xd7y\xdc\xdes;\xe5&lt;\'H)\x8d&amp;\xa3\xc9b&lt;v8\xff\xc7\x9cM\xdf-\xfb\xf1\x97\x8d;\xf3\x8f\x14\xfc\xe9\x7f\xcc\x0c\xec\x92+\x1a\xdc\xd5\xf1\xb6[\xefk-\xa5\x0c\x87\xc2\x89&lt;\xa8I)\rFv\xfch\xd1Sw\xbe\xe4u\xab\xe6\x1f\xf1\\\xb7\x9b\xde\x1f\xfbo^\xf0\x0f\xc4\x0fg\xf0\x13\x11\x92\x08q\x82\xaf\xbf}\xc8\xa6-\xfb\xd4\x84\xa3C\x87\x0e\xb3g\xcfV\xb7\xe29\xff\x89\x9a\x18\xa0\x0b@R\xa2\xde\xbb\x8f\x1e=\xda\xb8q\xe3\xa2\xa2"\xc6h$\xc2\xfb\xf7\xb8{\xc0\xd0N\x91\xbc"f\xa8\xa8\xa7\x11@\xd24k\xeb\xdb\xdf\\\xf5\xfd\xaf\x06\x03\x8bD\xf8\xf9ujNX2ZJ\x89$B\x894i\x96R2F\x8f\x1c:\xb6x\xd6\xf2e\xf3s\xf2\xf3\x8e\xab?\xc7\x18\x13\xaaRrq\xf4\xbf\x04\x80\xe8f\xc6U\xad\xaexe\xc4\x7f3\xaa\xb9\x82\x81P\xc2\xd6\x00\xc1\x85\xabJ\xda\x80\xff\x8cX&gt;\x7f\x1530\x10"\xcdi\xc9\xfd\xe1\xad\xb4t\x1b\x8a\x94[\xfcp\xa6?T\x00s\xd9r\x96\xfe|S\x87\x91\x8cR\xd5\x18\xbat\xe9\xd2\xb6m\xdb\xea\x1a\x90\xa4$\xe8\xfd\xad9=\xea\xa5\xbbO\x9f&gt;\x85\x85\x85\x06\x03\xe3\x9c\x9f\x85\xf6\xab\x9c?9\xea\x08\x13\x822zp\xef\xe1\x19\x1f\xceu\xa6;\x12\xad%\x14@Zl\x96\xef\x97\xaf\x9f\xf9\xd1\xbc\xfc\xbc\xe3\x84\x12f`j\xedBp\x11\t\xf3H8\xa2~\xf1\x08\x97 \t!\x84\x10\xca\xe8\xfaU?\xbd\xdcy\x80\xbb\xc0c0\x1a\x12sz\x04\x02\x1c.\xfb\xf7\xcb\x7f\\\xf9\xc5\x1a\xa5\xfd\x01\xf8\x87\xd6\xbfrQV\x11\xc8\x85P\x99\x91\xaa\x01A\xef\x06\')\xba\x00$\x1f\xaa\xf5s\xc3\x86\r3f\xccP\x87\xf2\xcfF\xfbU.\xca:\xc2\x00$F\x08c\xfc\xf9\xa7\x8b\x0f\xec9\x94h-\xa1\x84`\xbf/p\xdb\x037e\xd6\xa8\xa2vDx\x84s.\x10B\x99\xd53.\xb9\xa2\xc1\xd5\xad\xaelq\xcbUM\xafi\\\xadf\xa6z\t@H\n.\x98\x81\xed\xdbu`T\x9f\x0f\x12\xb6\x00 \x8cxDLywv4\xad\xe1l\xac\x7f\xe5\xfb\xc9\')\x02\x05\xa5T\xb5 \xeb\xdd\xe0$E\xd7\xed\xe4C\xbdn\xdft\xd3M999F\xa3!\x1c\x8e\xb4\xba\xaea\xceW\xafs\xf7\x19E&gt;\x9d%RJd`\xeeB_\xbd\x16}\x8a\xdc\x01\xca(\x8f\xf06\xf7\xb5\x1a\xf0\xd1\xab\x85\xc7\x8a\xce\xf9\xe6\xf3\xd9 \x84pUI\x1b?\xf4\xd3ic\xe7 \x84\xea\\\\\xbb\xd5\x1d\xd7]\xd5\xf2\x8a\xf3/:\xcf\xee\xb41#C\x08\x83\x10\xdeb\xdf\xf6M\xbfN\x1a=c\xe7\xcf\xbb\xd5L\x96P\x02\x02FL\x1bpu\xcb+|\xde\xc4\xda\xe2\x16\\\xa4g\xba\xe6M\xferT\x9f\x0f(\xa5\x08I!\xe0\x9b\xcfz\xb6n{9/\xf2\xc6`\x1d\x86G\x84\xa1\x86k\xc0kY\x03G-2\x18\x18\xe7\xc2\xe5r\xe5\xe6\xe6\xba\\.\x84\x90\x8e\x0cJ.\x12\xe8\xce\xd6\x9c\tj\xf4\x9f3gNNN\x0ecLpq\xf6\xda\xafrq\xaa#\x0c\x80\x10\x92\xb3\xf8\xbb\x8d\xdfnN4K(!$\xe8\x0f\xb6}\xe0\xe6Vw\\\xf7\xe6\xc4\xd7&gt;\x98?\xe2\x89\x97\x1f\xbb\xb4Y#\x8b\xcd\x12\x0eG|\x1e\xbf\xcf\xe3\x0b\xfaCF\x93\xf1\xba6W\xbf;{\xe8\x15-\x9a\xa8\xb55\x8c0\xc6h\xe5\x17\xab\xa9\x81&amp;\xd4\x0cIJ\xc9\x8c,\xffH\xc1\xcc\x0f\xe7b\x8c1\xc1\xe7\xc4\xfaW.NR\x04r\xc1\x18+,,\xec\xd7\xaf\x9f\x16\x04%#\xba\x00$\x13j0\n\x87\xc3}\xfb\xf6E\x08\x11\x82\xc59\xd2~\x95\x8b\xb2\x8e0P\x96\xd00\x9f0lJ\xa2\xd9\x810\xc6\x910\xafz^\x95\x81\x1f\xbdz\xe3\xed\xd7J)\x8b\n\xdc~_@\x08\x811V\x8b\xfe\x98`\t\xb2\xa8\xa0\xd8d1&gt;\xd3\xb7\x9b\xda$\x90HJ\x89~\xdd\x92\xeb\xf7\x04\x12joSp\xe1t9fO\x98\x7fx\xff\x11B\t\x9c#\xeb_\xb9(\xab\x08\x04)\xa5\x04B\xc8\xf8\xf1\xe3w\xee\xdc\xa9\x17\x82\x92\x0e]\x00\x92\t\x95\xf9\xf5\xce;\xef\xec\xda\xb5\xcb`0\xf0\x08?W\xda\xafrq\x8a#LeFn\xf9q\xfb\xd2\xcfV\xa4e8\x13-3RJ\xe9\xf3\xfa\xbdn\x1fB\x88R\xaa\xb6.O\xfa/02\x18\x98\xdf\x1b\xa8\xdd\xe0\x82ZujJ)1\xc2\x08\xa1\xc2\xfc"\x9f\xd7Oh\xa2\x84\xa1+\xed\xcf\xae\xad{\x16LY\xa2\xda\x98\x00\xe4\xb9\xb2\xfe\x95\x8b\x93\x14\x81\\0F9\xe7/\xbc\xf0\x82\xde\nN:t\x01H\x1a\xd4\x8e_nn\xee\xf0\xe1\xc3\t!\x08I8\xa7\xda\xafrq\xaa#\x8c`\x8c\xf1\xa4QY\xc7\x8f\x162#K\xb4Q\x80\x10\xf2\xf7b\x1c\x89\x0cF\x83\xd3\xe5\x88\xfeA$\xc2A\x00N\x9c\xe6V\x89(\xa5\x13GL\xf5y\xfc\x84b!\xe0\x1c[\xff\xcaw1\'\x14\x81\xca\x12\x9a\x9d\x9d\x1d\r#\x8a\xf5\xc5h\xfe)\xba\x00$\rJ\xfb3h\xd0\xa0\xe2\xe2b\xc6(\x8f\xf0\n\xd0~\x95\xf3\x8a\xca8\xc2(%y\x07\x8e\xce\x9e0?\xcd\x95\x9c\xc1\xf1\x18q\xce\x03\xfe@\xf4\x0fLf#K\x98=\x00!\x84\xc3e_\xbbr\xc3\x9a\xa5k\t%\x12\xa4&lt;\xd7\xd6\xbfr\xf1\x07E \xc1\x18\xab8R\xfd\x1e\x90D\xe8\x02\x90\x1c\xa8\xbd\xdfU\xabVM\x9f&gt;]\xf5\xe0W\x84\xf6\xab\\\x94u\x84\x01\x94\x08\x82\x16LY\xb2cK\xae\xc5nI.\xb7\x9a\x94\x92\x19X\xe1\xb1\xa2\xc3\xbf\xe5\xa9?@\x08U\xa9\x96a\xb3[\x85\x80D\xe8l\xa1\x94\xfa}\xc1\x89#\xa6F\x13\xdf*\xc2\xfaW.NR\x04F8cl\xd7\xae]\xef\xbc\xf3\x8e\xde\tH"t\x01H\x1a\x84\x10\xfd\xfa\xf5\x13B\x10B*N\xfbU.\xca:\xc2\x00\x80P\xe2\xf3\xf8\xa7\xbd7\xdbl1\'\xd7\x10\xc0\xb9p\xa4\xd9\xbf\xfal\x85\xdf\x17 \x94\xa8C\xc2\x8d\x9b5\xb2\xd8,\x00\xf1\x7f\x9b\x11\\8\\\xf6\xec\xb9+vo\xdb\xab\x86\xd7\n\xb2\xfe\x95\x8b\xb2\x8a@\x90\x12!I\x08\x1e9rd^^\x9e\xee\x08J\x16t\x01H\x02\x94\xea9++k\xd5\xaaU\xcc\xc08\xe7\x8c\xd1\xb1\x83;J\xa1\x04-q\x03c,\x82\xe1*\x17T\x19\xd6\xfb~\x00)\x01\x08%\xdf,\xfa\xf6\xbbe\xeb\x1c.{\xb2\x98\xa2y\x84gd\xba\xd6}\xb3q\xe6G\x9f\xab\xa6 u\x14\xe0\xb6\x07n\n\x87\xe2\xb0\xbar\n*\xf1\xf1\xc8\xc1c\x93G\xcdT\x89\x8fB@\xa7\xfb\xafi\xdd\xee\n^\x14\x8b\x93\x1f\xa7\x81P"\n\xbd/w\xbf\xab~\x9dj\x91\x08g\x8c\x15\x14\x14\xf4\xe9\xd3\x87\x90D\xd99\xd7\x9c\x1e]\x00\x12\x1d\xd5\x99^\\\\&lt;p\xe0@B\xb0\xea\xfdx\xfa\xb1\x96\x8d\xae\xac#\xbc\xe7^\xfaX^(\xa3\xa2\xc8\xf7\xc8#74kZ;z0u\xea\xbb\xb39\x8f\xcf\xc2Ty\xe1\x9c\xa7g\xa6\xfd\xfc\xc3\xd6\xfe\xcf\x0c\x0f\x05BH"J\t\x00\xdc\xf5H\xdbK\x9b7\xf2\xfb\xe2\xff\t\x83\x00\xab\xdd2g\xe2\x82\xc2\xfc"J\x89\x10\x90\xe6\xb4\xbc\xd1\xf3\x1e\x08\x84q\xbc\xaf\rc,\xb90:,C_\xbd\x0f\x95v\xa9eeem\xdc\xb8Q\x07\xc7\'\x05\xba\x00$:jT\x1d&gt;|xnn.\xa5Tp\x91\xee\xb2\x0e\xee}?\xf8C\x84\xc6\x7f\x84\xc5\x08I\x01&amp;\x9byT\xbf\xf6R\x96\xb4\x84n]\xbf\xfd\xcb\x19_;\xd3\x13z7XJ\t\x0222\xd3s\x96|\xffJ\x97\x81\xee\x82bL0\xa1\x84sq\xc9\x15\r\x9ey\xad\xab\xdf\x13\xa8\x08\xa9j\xb9\x00\x00\xab\xdd\xb2\xe3\xa7]\xf3&gt;Y\xa4J\x11\x80\xec\xfe\xc4\xad\xf5\xaf\xbcHx\x83q\xbf&lt;T:\x03\xe8\xd0\xe9\xc6V\xd75\xe4\\PJ\xc2\xe1p\xf7\xee\xdd\x85\x10\xfa% \xf1\xd1\x05 \xa1QS*\xb5\xb7\x16M|\x8c\x81\xf6\xab\\\x94u\x84\t\x01\x98 \x8c\xf1\xe4Q3\x8e\x1c:\x96h\x82\xa0(RJ\x84\xb1\xc3e\xcf\xfapn\xbf\'\xde\xf2{\x03\x84`B\x88\xe0\xe2\xe2\xcb\x1b\x0c\xf9\xb8\xaf\xc1h\x10q\xda]?\x05B\xc9\x87oN\x8aD8\xa1D\x08\x11+\xeb_\xb9(\xa3\x08\xe4\x821\xb6z\xf5\xea\xac\xac,\xdd\x12\x9a\xf8$\xce=\xa4\xf9\x13\xd4\xe8\xa9\xba\xeb(\xa5B\xc4N\xfbU.Nv\x84IJIa~\xd1\x9c\x89\x0b\xac6K\x02\xee\x04H)\t\xc1f\xb3q\xf4k\x1f~0\xe8\x13\x84\x90\xb2?\x08.\xae\xb9\xa9\xd9\x88\xa9\xfd\x1d.G8\x18\xff&lt;\x00\x10`w\xda\xd6d\xaf\xdd\xf8\xedfe\xfd\x8c\x99\xf5\xaf\\\x94U\x04\x96fF\xe2\x81\x03\x07\xba\xddn\xdd\x12\x9a\xe0\xe8\x02\x90\xb8\xa8\xd6\xcf\x9c\x9c\x9c\xe8\xf9\x1a)\xe5\xa87\xda3\x8b1f\xe6\x9f3\x84\x10\xc2=\xc1\xba\x97\xd7\xee\xfe\xc4\xadj\xe5\x97\x102\xef\x93E;\xb7\xecN4A\x90\xc2d6\x8d\xe85v\xfe\x94%\x94R\x84\x91\x94\x08\x04\xdc\xdf\xed\xae!\x1f\xf75\x99M\xa1`(NG+\xca \x11a$\xe8\x0f\x8d\x1f\xf2)B\xa8\xa4\xf5\xf3\xba\x86\x1d:\xde\xc8\x0b&lt;\t%\xddC\x08\x11\x8a\xc1\x13\x1c\xdc\xfb\xfet\x97\x95sA)\xcb\xcd\xcd\x1d3f\x0c!D\xbf\x04$2\xf1\xbe\xcb5\x7f\x81:\xf6\x15\n\x85z\xf6\xec\x19m\xfd\x8e\xb1\xf6\xab\\\x9c\xe4\x08S\x82\xa0\x08\x9f&lt;z&amp;!$\xa1\x04AB\x80#\xcd&gt;y\xd4\x8c\xa5sW2F\x01@]\xde\x0b\x83\x9e\xea1\xf4Y\x15\x0f\x10\xf7\xb9?BH\x08aw\xd8\xe6O]|p\xefa\xf5\xf2\x17c\xeb_\xb98U\x11(\x81R2z\xf4h\xb5q\x95\x803\x00\x8d"\xfe7\xba\xe6OQ{\xbf3g\xce\xdc\xb0a\x83\x9a\xfe\xc7^\xfbU.\xca:\xc2\xa4\x94\x08\x80P\xb2\xe6\xab\x1f\xd6\xae\xdc\xe0p\xd9\x13d\x1a\x08\x00V\x9b\xf9\x97M\xbfN\xff`.\xa1\x04\x000F\x94\x92\xd7\xc7\xf6|\xf8\xa9{\x8b\x8e\x17K)\x13!\rX\xb5~\x1e=\x9c?\xed\xbd9\xaa\xf5\x13\xe2a\xfd+\x17e\x15\x81*8\xde\xedv\x0f\x1a4H\x9f\tHd\x12\xf1N\xd2\xa8\xe9\x7faaa\xef\xde\xbd\t!\x18#\x01\x10\x17\xedW\xb98\xc9\x11&amp;\x80\x12\x821\x9e8bj0\x10J\x10Q\xa8\x94\xd2`2,\x9c\xfe\x95(\xedR\x05\x90\xdd\x87&lt;\xdb\xee\xa1[\x8e\x1f-\xa4\xec\x0f\x9e\xb88\x01\x02\xacv\xeb\xe4\xd13\xbc\xc5*\xef\x17\xe2b\xfd+\x17\xa7(\x02\x95 h\xfa\xf4\xe9\xabW\xaff\x8c%\xc8\x0c@s\n\tz3\xa58j\xfa\xdf\xaf_\xbf\xbc\xbc&lt;J\x89\xe0"\x9e\xda\xafrQ\xc6\x11\xa6\xfe\x15\xbb\xb7\xed\xfd|\xf2\x97v\xa7-\xeeC\x80D\x882\xea)\xf4\xfe\xfc\xc36\x84\x11\xc6\x18@\xb6\xbe\xf3\xfa\xfb\xba\xb4+8R\xc8\x0c,\xbe\x97\x17EY?7}\xb7y\xc9\xec\xe5\xaa\xd8\xcb\xf8Y\xff\xca\xc5\xa9\x8a@L\x84\x10\xdd\xbbw\x0f\x85Bz781I\xec\xd1$%Q\xe3\xa6J\xda\x8b\xb6~\xc6Q\xfbU.\xfe\xe0\x08C\x18\xe3ic\xe7\x1c=\x9c\x1f\xff\x96P)\x19c\x85\xf9E\xf9G\x8e#\x89\xd4\xba\xc4\x1d\x0f\xb7\x89D\x12\xa2\xdd\xb3,\x94\xd2\t\xc3\xa6\x08.\x08%\x82\x8bx[\xff\xca\xc5I\x8a@\xc6\xd8\xc6\x8d\x1bg\xce\x9c\xa9\x05A\x89I\xe2\xdfO)\x87Z\xffQY\xdb\x94R\xceE\xdc\xb5_\xe5\xe2$G\x18\x07J\x89\xb7\xd87y\xf4\x0c\x8b\xd5\x1c\xe7\x96P\x89\x08%\xdeb\x1f\x0fsB\t\x92\xc8b5\xd7\xba\xa8F$\x1cI\x84u\x7f\x85\xe0\xc2\x91\xe6X\xfa\xd9\xf2-?n\'\x94J\x80\xb8[\xff\xcaEYE`iK(\xe9\xdd\xbbwAA\x81~\tH@t\x01H,T\xebgvvvvv6\xa5\x14DBh\xbf\xcaEYG\x98z\xe0\t!Kf/\xdf\xb1y\xb7\xd5n\x89\xe34P"\x891\x8eD"\x9c\x0b\x10\x00\x00\x9cs\xb3\xc5\x9c@\xe2R\x89(\xa3~\xaf\x7f\xca\x98Y\x08!Jp\x82X\xff\xcaEYE\xa0\xda\r\xce\xcb\xcb\x1b5j\x94~\tH@\x92\xe3\x96J\x11\xd4\xdc\xbf4\\\tQJ\xb8\x10\t\xa2\xfd*\x17e\x1da\xbct\x1d\xe3\xa37\'\xc5w\x05\x03c\x04\x006\xbb\xf5\xf2k/\xbd\xbcE\x93\xcb\xaf\xbd\xf4\xaaVW\xaa\x0c\xc88^UY\x84\x10\xcet\xc7\x8c\x0f\xe7\x1e\xda\x97G\x19U\xfb\xa8\x89`\xfd+\x17\')\x02K[B\xdf~\xfb\xed]\xbbv\xe9\x1a\x90h\xe8\x97\xb2\x04BM\xff\xc7\x8d\x1b\xf7\xfc\xf3\xcf3\xc6$\x80\xddnZ\xbf\xb4_\xdd\x065d \x9c\x08\xe2\x973Gp\xc12\x1cs\xa6\xaf~\xe8\x99\xffQJ$B `\xf0\xc4&gt;-o\xbf\xce\xe3\xf6\xc6\xb1\x98a\x82MfS\xc9o\xa4\x0c\x06C\t2\xb4J)\rFv\xfch\xd1Sw\xbe\xe4u\xab\xe6\x1f\xf1\\\xb7\x9b\xde\x1f\xfbo^\x90P\xe2\x87\xbfG\xd5+N\xf0\xf5\xb7\x0f\xd9\xb4e\x9f\xc1`\x08\x87#\x1d:t\x98={\xb6\xba\xc9\xe3}\x81\x9a\x12\x92\xe9\xae\xaa\xdc\x00\x00\xc68//\xaf_\xbf~\x18c\xd5\xfa\x99P\xda\xafrQ\xd6\x11&amp;\x04PB\x10B\xe3\x87|\x1a\xf0\x05(\x8d\xe7\xd10\t\xd2\xef\xf5\xfb=~\xbf\xc7\xef\xf7\x05\x12d\xf4G\x08\x81\x00\x8b\xd52q\xc4TO\x91\x972\n\x00\te\xfd+\x17\xa7(\x02A\x00\xa5t\xce\x9c9ja3\xee\xfd`\x9a(\xba\x00$\nJ\xfb\xdc\xa7O\x9f\xc2\xc2B\x83\x81q\xce\x13R\xfbU.\xca8\xc2\x84\xa0\x8c\x1e\xdc{x\xc6\x87s\x9d\xe9\x8e8\x0e\x01\xea\x95\x97\x19\x98\xc1hH\x9c3J \xc0\xe1\xb2\x7f\xbf\xfc\xc7\x95_\xacQ\xda\x1f\x80\x84\xb3\xfe\x95\x8b\xb2\x8a@.\x84\xca\x8cT\xad\rz78qH\xd2\x91\xa5\xb2\xa1Z?7l\xd80c\xc6\x0cut&gt;1\xb5_\xe5\xa2\xac#\x0c@b\x840\xc6\x9f\x7f\xba\xf8\xc0\x9eC\xf1j\t\x95R\x1a\x8c\x06\x9b\xc3\xea\xf7\x05\x8a\x8b&lt;&amp;\xb3\xd1b\xb3@"l\x02c\xc4#b\xca\xbb\xb3\xa3\x99\n\x89i\xfd+\x17\'+\x02\x05\xa5T57\xeb\x9d\x80\xc4A\x17\x80\x84@m\xff\xf6\xec\xd93\x14\n\xa9\xc5\xdf\x84\xd5~\x95\x8b\xb2\x8e0!\x802\xea)\xf2~&lt;b\x9a\xcda\x8d}K\xa8\x1a\xfd\xf3\xf3\x8e\x0f~\xee\x9d\xa7\xeex\xe9\x89v\xdd_\xe9&lt;p\xdb\x86\x1d\x16\xab)\xbe5@p\xe1\xcaH[&lt;k\xd9\xd6\xf5\xdb\xa9j\xfd\x94(1\xad\x7f\xe5\xa2\xac"P\xb5\x84b\x8c\xfb\xf5\xebWXX\xa8#\xc3\x12\x04]\x00\xe2\x8f\xda\x16\x9b3gNNN\x0ecLp\x91\xc8\xda\xafrq\xaa#\x0c\x80\x10\x92\xb3\xf8\xbb\x8d\xdfn\x8e\x97%\xf4\xad\x97\xc6\xacX\xb8&amp;\xffH\x81\xbb\xa0x\xe3\xb7\x9b\xfb\xfe\xeb\xcd\xa3\xbf\xe7\x1b\x8c,^\xe3\x91\x94\x92\x19Y\xfe\x91\x82\x99\x1f\xce\xc5\x18c\x82\x13\xdc\xfaW.NR\x04r\xc1\x18+,,T\xbb\\\xfa% \x11\xd0\x05 \xce\xa8q\'\x1c\x0e\xf7\xed\xdb\x17!D\x08\x16\t\xaf\xfd*\x17e\x1da\xa0,\xa1a&gt;a\xd8\x94\x18\xdb\x81$H\x93\xc9x \xf7\xd0\xb6\r;\t%\x98`\x8c130\x8f\xdb\xb7\xf1\xdb\xcd\x16\xab9^/\x01\x82\x0b\xa7\xcb1{\xc2\xfc\xc3\xfb\x8f\x10J \xe1\xad\x7f\xe5\xa2\xac"P\xb5\x84\x12B\xc6\x8f\x1f\xbfs\xe7N\xbd\x10\x94\x08$\xfd\xf8\x92\xec\xa8\xcc\xafw\xdeyg\xd7\xae]\x06\x83\x81Gx\xe2k\xbf\xca\xc5)\x8e0\x95\x19\xb9\xe5\xc7\xedK?[\x91\x96\xe1\x8cYf\xa4D\x92P\xe2\xf5\xf8\xa5\x04\x10\xa0\x92\xdf\xd5\x1b\x89\xa7\xc8\x8b0\x8eK\xa3\xbd\xd2\xfe\xec\xda\xbag\xc1\x94%\x84\x10\x15\xf8\x9c\xf8\xd6\xbfrq\x92"\x90\x0b\xc6h\xe9I\x17\xbd\x15\x1c\x7f*\xc3\x1d\x96\xbc\xa8\x1d\xbf\xdc\xdc\xdc\xe1\xc3\x87\x13B\x10\x92\x90$\xda\xafrq\xaa#\x8c`\x8c\xf1\xa4QY\xc7\x8f\x16\xb2X\xad\xbd`\x84\x85\x00\xa7\xcbN(%T\xf5\xa4`L\x08\x00\xa4g\xba$H\x84\xe2\xf1iKD)\x9d8b\xaa\xcf\xe3\'\x14\x0b\x01Ic\xfd+\x17e\x14\x81\xeat[vvv4\xe6(\xde\x17\x97\xd2T\xa2\x9b,\tQ{\xbf\x83\x06\r*..f\x8c\xf2\x08O*\xedW\xb98\xc9\x11F)\xc9;pt\xf6\x84\xf9i\xae\x18\x05\xc7c\x82\xc3\xc1\xf0\x85\xf5j5\xbf\xf1r\x10\x00 \xa5\x94&lt;\xc2\xabT\xcfh\xde\xf2\xf2\x80?\x0e\xf9\xefB\x08\x87\xcb\xbev\xe5\x865K\xd7\x12J\xd4KI\xb2X\xff\xca\xc5\x1f\x14\x81\x04c\xac\x82N\xf5{@|\xa9d\xa3L2\xa1\xf6~W\xadZ5}\xfat\xd5)\x9f\\\xda\xafrQ\xd6\x11\xa6V\xdb\t!\x0b\xa6,\xd9\xb1%\xd7b\xb7\xc4\xc8\xc6\x83\x11\xe7\xe2\xe5\x11\xcf\xb7}\xf0\xe6\xcc\x1a\x19i\x19\xce\xab[_9\xf4\x93\xd7\xd3\xab\xa4\xf1H\x1czm)\xa5~_p\xe2\x88\xa9\xd1\xc4\xb7\xe4\xb2\xfe\x95\x8b\x93\x14\x81\x11\xce\x18\xdb\xb5k\xd7;\xef\xbc\xa3w\x02\xe2\x8b.\xbfqC\xbd\xfc\xder\xcb-\xabV\xad2\x1a\r\xe1p\xe4\xb6\xd6\x8d\xb3\x17\xbc"&lt;\xc9w\xee\xf7L\x90R"\x03+,\xf4]\xda\xaa\xdf\xb1|\x0f\xa1\x94G\xf8-\xf7\xb4\x1c8\xbewQ~Ql\x86&lt;)%30\xa3\xc9X\x94_\xc4\x85H\xcft!\x89B\x81P\xecm\xa0\x82\x0bWf\xda\xbcI\x8bF\xbf\xf6\x11\xa5T\xed@,\x9f\xdd\xa3u\x9b\xcbx\xf2x\xdf\xca\x85\xe0\x82UM\x1b2`\xf6\xeb#\x16\x18\x0cL\x08\xe1r\xa5o\xdb\xb6\xadZ\xb5j\x08\xa1\xca\xb1\xe1\x91t\xe8\x0f=&gt;(\xd5sVV\xd6\xaaU\xab\x98\x81q\xce\x93Q\xfbU.Nr\x84\x81\x94\x00\x84\x92o\x16}\xfb\xdd\xb2u\x0e\x97=6\xc7\x020\xc6&lt;\xc2}\x1e\x9f\xc5fq\xa69B\xfeP0\x1e\xa3\xbfJ|&lt;r\xf0\xd8\xe4Q3U\xe2\xa3\x10\x90\x8c\xd6\xbfrQV\x11\x18\x89p\xc6XAAA\x9f&gt;}\xf4\x99\x808R9o\xb5\x04GY\x1f\x8a\x8b\x8b\x07\x0e\x1cH\x08V\xbd\x1fO?\xd6\xb2\xd1\x95u\x847X\x89\xa7BJ\x10\xf4\xc8#74kZ;z\xe4u\xea\xbb\xb39\x8f\xdd\x92\x17\xc6\x98\x10"\x84\xe0\x9cc\x82\xe3\xf2\xb2\x05\x02\xacv\xcb\x9c\x89\x0b\n\xf3\x8b(%B@\x9a\xd3\xf2F\xcf{ \x10\xc6\x95\xf7\xdb\xc7\x18K.\x8c\x0e\xcb\xd0W\xefC\xa5\xfdoYYY\x1b7n\xd4\xc1\xf1\xf1\xa2\xd2\xdem\x89\x8c\x1a\xfb\x86\x0f\x1f\x9e\x9b\x9bK)\x15\\$\xaf\xf6\xab\\\x9c\xe2\x08S-\xa1[\xd7o\xffr\xc6\xd7\xce\xf4\x18\xed\x06\x97\\\x89\xf2\xed\xc5\x03\x00\xb0\xda-;~\xda5\xef\x93E\xaa\xd8\x03\xc8\xe4\xb5\xfe\x95\x8b\xb2\x8a@\xce\x05\xa5$\x1c\x0ew\xef\xde]\x08\xa1_\x02\xe2\x82.\x00\xb1FM|\xd4\x0eX4\xf11\xa9\xb5_\xe5\xa2\xac#L\x08\xc0\x04a\x8c\'\x8f\x9aq\xe4\xd0\xb1\xf8gF\xc6\nB\xc9\x87oN\x8aD8\xa1D\x08\x91\xfc\xd6\xbfrQF\x11\xc8\x05cl\xf5\xea\xd5YYY\xba%4.\xa4\xc2\r\x97X\xa81N\xf5\xc0QJ\x85\xa8\x0c\xda\xafrq\xb2#LRJ\n\xf3\x8b\xe6L\\`\xb5Y\xe2\x9c\x19Y\xf1\x80\x00\xbb\xd3\xb6&amp;{\xed\xc6o7+\xebg%\xb0\xfe\x95\x8b\xb2\x8a\xc0\xd2\xccH&lt;p\xe0@\xb7\xdb\xad[Bc\x8f.\x001E\xb5~\xe6\xe4\xe4DO\xc1H)+\x81\xf6\xab\\\x94u\x84\xa9\x95_B\xc8\xbcO\x16\xed\xdc\xb2;^\x82\xa0\x18!\x11a$\xe8\x0f\x8d\x1f\xf2)B\xa8\xa4\xf5\xb3RX\xff\xcaEYE \xe7\x82R\x96\x9b\x9b;f\xcc\x18\xb57\x13\xef\xabK-t\x01\x88\x1d\xea\xd8W(\x14\xea\xd9\xb3g\xb4\xf5\xbb\xd2h\xbf\xca\xc5I\x8e0%\x08\x8a\xf0\xc9\xa3g\x12\x12\xcf\xac\x98\x8aF\x08aw\xd8\xe6O]|p\xefa\xf5\xf2Wi\xac\x7f\xe5\xe2TE\xa0\x04J\xc9\xe8\xd1\xa3\xd5\x96Xe\x9e\x01$\x1e\xba\x00\xc4\x0e\xb5\xf7;s\xe6\xcc\r\x1b6\xa8\xe9\x7fe\xd2~\x95\x8b\xb2\x8e0)%\x02 \x94\xac\xf9\xea\x87\xb5+78\\\xf6J9\rT\xad\x9fG\x0f\xe7O{o\x8ej\xfd\x84\xcae\xfd+\x17e\x15\x81*8\xde\xedv\x0f\x1a4H[BcLj\xddvqDM\xff\x0b\x0b\x0b{\xf7\xeeM\x08Q\x89\x8f\x89\xa0\xfd\x92R\x02H!\xa0\xec/eJ\xa8\xd0\x9f{\x92#L\x00%\x04c&lt;q\xc4\xd4` \x14cQhl\x00\x01V\xbbu\xf2\xe8\x19\xdeb\x95\xf7\x0b\xf1\xb2\xfe\x9d\xf2\x8d\xc7\xe0\xbb\xfe#\xa7(\x02\x95 h\xfa\xf4\xe9\xabW\xaff\x8cU\xca\x19@b\xa2\x0b@\x8cP\xd3\xff~\xfd\xfa\xe5\xe5\xe5QJ\x04\x17\xf1\xd5~\x01H\xce\x01@\x12F\xa9\xd5\xc8\xd2\xac\xccec\xe96\xe6\xb2\xb14+\xb5\x9b\x88\x91U\xf8E\x94q\x84\xa9\xcfg\xf7\xb6\xbd\x9fO\xfe\xd2\xee\xb4U\xb2!@Y?7}\xb7y\xc9\xec\xe5\xaa\xd8\xcb\x98[\xff\xa4D\\\x00\x80$\x06F\xed&amp;\xe6\xb2\xa9_\xd4n&amp;\x06\xaaJB,\x0b\xc1\xa9\x8a@L\x84\x10\xdd\xbbw\x0f\x85Bz78f\xe8\x0f:\x16\xa8\xc0\xf7_\x7f\xfd\xb5I\x93&amp;R\x02\xc6\x98s1it\xb7nO\xb5\xe1\xf9\xc51\xde\xfd\x03\x90HJj3!\xb3\x11\x05\xc3\xc5\xf9\x9eCyE\xc7\x8e{\x8a\xbd\xc1pX\x18\x0c\xc4f5\xb9\x9c\xd6Z5\\U3\x1d\x15=2\t.X\xa6\xb3k\xb7qS\xe6|o0P\xce\xc1\xe6\xb0N^\xfe\xbe\xc3e\x8f\x8b\x9f\xa7\x82\x00\x00\xbb\xd3\xfe\xdf\x07^\xdd\xf2\xe3vf`"\xc2\x1b\xd4\xab\xbee\xf5`*\x11\x96\x10\x83\x7f\xa6\x10\xc0\x18E\x0e\x0b\xe2\xbc\xe0p\xd1\xde\x83\xf9\xc7\xf2=\x81`\xc4l2T\xcdt\xd4\xbd03\xe3\xbct\xc4\x08*\x0ep\x011;\x8a\x0c\x00\xc4j\xfe\xf5\x97\x03Mo\x1d$8`B8\xe7\x93\'O\xee\xda\xb5\xabj\x97\x88\xcde\xa42\xba\x00\xc4\x02u7\xdf~\xfb\xed\xd9\xd9\xd9J\xfb\xd3\xaaE\x83\x95_\xbe\x06\xfe\x10\x8d\xed\xc1\x1f\xc1\x81\xd9\xcd\xc8@vn\xde\xf7\xf9\xe2\x9f\x96\xad\xfae\xdb\xaf\xbf\x1f;\xee\x11\x7f\xe8\xbfLsZV|\xd6\xb3\xd9U\xf5\xb8/H+l\x85\n\xa4\xc4Fv4\xcf}i\xeb7\n\x8b\xfc*\x0e\xf3\xeeNm_y\xfb\xbf\xee\x82X\x97\xc6\nBp\xe1Lw~5g\xd9[/\xbdK(\xc5H\n\x01K\xb3^l{w\xf3\xd8\x88\x1f\x84\x00\x96f\r\xba\xfds\xe6\xaf\x9b\xb9`\xfd\x8f?\xfdv\xec\xb8\xa7\xec\x7fP-\xd3\xd1\xa2Y\xddN\x0f^\xfb\xe0\xff5gV\x13/\x0e\xc4\xac\x06\xa8\x19@\xdf\xde\xd3\x87\x8e]b00!\xa0Z\xb5j\xdb\xb6ms\xb9\\q&lt;\xac\x97:\xe8%\xa0\nG\x8d\xfe\xd9\xd9\xd9\xd9\xd9\xd9\x94R\x10@)\x19\xf4\xf2\xbd\x84\x11\x14\xc3\xea\xabN\x9c\xb1*\xf6-[\xf7w\xea\xf6\xc1\xe5\xb7\x0c\xea3t\xde\xf25;\xf2\x8e\xba\x85\x00\xc6\x88\xc1@\x8d\x06f4P\x03\xa3\x94\x12wq\xc0\xef\x0f\xa3\n\xaeO\x04c\x08\x84k\xd4\xaf\xd1\xe3\xc96j.B\x08Y2{\xf9\x8e\xcd\xbb\xadvKe\xd8\x0f\x94\x882\xea\xf7\xfa\xa7\x8c\x99\x85\x10\xa2\x04\x0b\x01\xb7\xb5n\xdc\xf6\xce+EL\xa4o\x02\x80e\xd8\xbfZ\xb2\xe9\xea\xb6ovya\xd2\xe2\xe5[\x8e\x1d\xf7`\x8c\x18#\x06F\x19\xa3\x18\xe3\xa3\xf9\x9e/\xb2\x7f\xee\xf8\xf4\xff\xae\xbbc\xe8\xaa\x9c_X\x86\xfd\x8f\x13\x82\n\x82P\x02\xde`\x8f\xe7\xdaU\xaf\xe6T\xbb\xc1yyy\xa3F\x8d\xd2\x96\xd0\xd8\xa0\x0b@\xc5\xa2\xf6~K#\x90\x10\xa5\x84\x0b\x11{\xed\x97\x04\x89\x08\xa1V\xd3\x88\xe1\x0b\xae\xbd\xfd\xcd\x19\xf3\xd6\x86\xc2\xdc\xc0\xa8\xc9\xc8\xd45p\x0e\x91\x88\x08Gx8""\\\x08\x01\x18\xe3\xd8\\^YG\x18\xe7\x82P"\xb8\xf8\xe8\xcdI\x95#\x11A\x08\xe1Lw\xcc\xf8p\xee\xa1}y\x94Q\xb5\xdb\x193\xeb\x9f\x00`.\xdb\xc8\xb7\xbf\xb8\xa3\xe3\x98\xad;\x0eQJ\x18%\x06F\xa5D\x9cC\x84\x0b\xce\x85\x94RU\x02J\xc9\xfa\x9f\xf7\xddr\xff\xdb\xe3?\xc8\x8eY\r8I\x11X\xda\x12\xfa\xf6\xdbo\xef\xda\xb5K\xd7\x80\x18P\x19\x9e\xb1DF\xedm\xaa\x10TJ\x99\xe0"\xf6\xda/)\xa5\xa4\x041\xd2\xe5\xa9\xf1\xaf\x0e\xfe,\x10\x8c0J(%\x11.Ba.\x048\xec\xe6\x8b\x1b\xd4\xb8\xfe\xeaz7\xdf\xd0\xa8U\x8b\x86W6\xb9\xb0f\r\x97\x942\x12\x11\xa8\xe2\xdf\xc1Oq\x84)K\xe8\xc6o7\xaf\xc9^kw\xc6n*Z\x11H)M\x16\xe3\x81=\x87?\xfft\xb1Z\xce\x88\xa5\xf5Op`\xe9\xf6\x8f\xc6-\xed5p\x0e\xa5\x84\x10\x0c \xb9\x80\x08\x17\x08\xa1\x9a5\\\x9748\xaf\xf6\x05U\x18\xa3\xd1J@\t\x91\x08=\xf3\xca\xd4\x8f\xc7\x7f\xcd2\xec\x82\xc7\xe2\xc3/\xab\x08T\xaf\xcb*"[o\x05\xc7\x00\xfd\x11W j\xfer\xf4\xe8\xd1\xc6\x8d\x1b\x17\x15\x151F#\x11\xde\xbf\xc7\xdd\x03\x86v\x8a\xe4\x151C\x8c\x16\xb8\x05H\xe60w}\xe2\xa3)\x9f\xfd\xa06Z\t\xc6\x02\xc0\xe5\xb4t\xbc\xff\xda{\xef\xb8\xe2\xf2K\xce\xaf\x9aag\x16\x03\xa2\x14I\x89B\x11\xaf/\xb4sw^\xed\xf3\xabdVu@$\x16\xaaN\x00I\xd3\xac\xado\x7fs\xd5\xf7\xbf\x1a\x0c,\x12\xe1\xe7\xd7\xa99a\xc9h)%\x8aS\\\xe3\xd9#\xb8pUI\x1b\xf0\x9f\x11\xcb\xe7\xafb\x06\x06B\xa49-\xb9?\xbc\x95\x96nC\x15\xbc\xc5-@R\x9bi\xcbO{\xaf\xba}\x08\x80T!&lt;RJ\x93\x81=\xf7\xc4-\x8f&gt;\xd8\xa2A\xed\xaa\x16\x13\x0b\x0b8\x90W8o\xd1\xa6\xb7\xc7..,\x0e\x10\x82\xa5D\x04cB\xf0w_\xf6\xbe\xea\x9a\x06\xdc\x13\x8b\xfd\x00!\x80\xb9l9K\x7f\xbe\xa9\xc3HF\xa9j\x0c]\xbati\xdb\xb6m\xf5np\x85\xa2\x0b@\x05\xa2\xee\xdd\xc7\x1f\x7f|\xf2\xe4\xc9F\xa3!\x12\x89\\ta\xe6\xc6\x15\x03\x1cV#\x16\xb1\xe8\xfd@j\x1a\x98i\x7f\xe7\xad\xf9/\xbf9\xd7`\xa0\x91\x88P\xfe\xe1\x8e\xf7^=l\xe0C\xb5\x1b\x9c\x87\xb8@\xa1\x08\xe2\x00P\xd2\x05H\x08\xc6\x94 #Ca.9\xc4f\xf0\x05\x00b3o\\\xb7\xbb\xc5\xdd\xc3\x00\x00\x13"\xb8\xe8\xf2\xe2CO\xf5\xe9Zx,Fq1\xe7\x16\x10`O\xb3\xad\xfbfc\xef\xae\x83\x11F\x18!!`\xec\xe0\x8e\xcf\xbft\x17?^\xe1\xe2\x07\x00I\xed\xe6v\xf7\xbd\xbd4g\x1b\xa5D5\xfbW\xaf\xea\x9c7\xf9\xb9\xebo\xbd\x0c\xf9B(\xcc\x91\x94\x08#d\xa0\xc8f\xfeu\xf3\xbe\x07\xbb\xbc\xbfu\xe7a\x95\x96,\x04\\}\xf9E\xdfe\xbfN\xb8\x88M\xf1\x15\x02\x98\xd3\xda\xe1\xd1w?\xfbr\xa3\xc1`\xe0\x9c7l\xd8p\xeb\xd6\xad\xa5\xf1\xcd\xc99\x05Hx\xf4\x12PE\xa1\x16\x7f6l\xd80c\xc6\x0cu\xc0=\xf6\xda/\x01\x92\xda\xcd\xdb~\xcc\xed;|\x81:|\xa4F\xff~\xdd\xef\x9a1\xed\xbf\xb5keD\xf2\x8b\xb9\xdb\x0fa\x0e 1\xc6\xa4\xd4\x8f\x0f\\\x08_\x08b5\xfa\xa3\x93\x1da\x00\x12#\x841\xfe\xfc\xd3\xc5\x07\xf6\x1cJVK(F&lt;"\xa6\xbc;;\x9a|\x103\xeb\x9f\x1a\xfd7\xfc\xf0k\xf6\xaamj\xe5\x07cd`t\xce\xf8\xa7\xae\xbf\xf5\xb2\xd0\xef\x85\xc2\x1f\x02!\x00$\x08)\x02\x91p^Q\xc3\x8bk-\x9e\xd9\xbdF\xb54\x84\x90\x94\x92R\xf2\xe3\xcf\xbf}\xfe\xf9Z\xe2\xb4\xc4j3\xa0\xac"PPJw\xee\xdc9~\xfcx\xbd\x13P\xa1\xe8\x02PQ\xa8\xed\xdf\x9e={\x86B!\xd5\xdd\x18{\xed\x17\x96\x08S\xdcg\xc8\xbcp\x84#\x84\x08FB\xc0\x7f\xba\xb6\x1e\xf4V\'^\xe4\x17\xc1\x88\xda\xfa\xfb\xe3\x04K\x15\x83\x18\xcf\xba\xca:\xc2\x84\x00\xca\xa8\xa7\xc8\xfb\xf1\x88i6\x875\xe9,\xa1\x82\x0bWF\xda\xe2Y\xcb\xb6\xae\xdfN)U\xd6\xcf\x98Y\xff\x00$2\xb2\xd9\x8b6H\x89\x08\xc1\x94`\x00\xf9\xc8}\xd7\xb4lwE8\xaf\xc8hd\xd1Y\xb5\x92q\x1a\x8c,\\\xe8\xbd\xa0Q\xcdQ\xfd;\xa8\xea\x8b\x10\xc2\x18\x8f\x9d\xfc\r\n\xf3\xd8$\xa6\x95U\x04*K(\xc6\xb8_\xbf~\x85\x85\x85:2\xac\xe2\xd0\x05\xa0BP\x8b?s\xe6\xcc\xc9\xc9\xc9a\x8c\t.b\xaf\xfd\x12 \xa9\xc3\xb4\xe1\xfb_\x17-\xdbR2\xaf\x97\xa8q\xc3\xf3F\r\xed$\n}\x04\xa1D\xcb\x1e9\xd5\x11\x06@\x08\xc9Y\xfc\xdd\xc6o7\'\x97%TJ\xc9\x8c,\xffH\xc1\xcc\x0f\xe7b\x8c1\xc11\xb6\xfeQ\x8a\x91/\xb4\xea\x87]\x08!\tH-\xedu}\xe8:\x88\x88\xbf\xfa\xd2\r\x06&amp;\n\xbc\x0f?\xd8\xe2\xf2\xc6\xe7\x0b\x90H"\x84\xe4\xf7\xebswl=@-F\xb5\x85P\xe1\x97]V\x11\xc8\x05c\xac\xb0\xb0\xb0_\xbf~Z\x10T</t>
        </is>
      </c>
    </row>
    <row r="359">
      <c r="A359" s="1" t="n">
        <v>357</v>
      </c>
      <c r="B359" t="inlineStr">
        <is>
          <t>circle_size_number</t>
        </is>
      </c>
      <c r="C359" t="inlineStr">
        <is>
          <t>What is the missing number of the part denoted with a question mark?</t>
        </is>
      </c>
      <c r="D359" t="inlineStr">
        <is>
          <t>[1, 4, 5, 3]</t>
        </is>
      </c>
      <c r="E359" t="inlineStr">
        <is>
          <t>1</t>
        </is>
      </c>
      <c r="F359" t="inlineStr">
        <is>
          <t>There are 6 numbered circles with varying sizes arranged in a ring with number [1, 4, '?', 5, 5, 4] in a clockwise order.</t>
        </is>
      </c>
      <c r="G359" t="inlineStr">
        <is>
          <t>We observe that the size of the circle is related to the number in the circle. The circle with the largest value 5 seems to be the biggest and the circle with the smallest value 1 seems to be the smallest. Thus, the pattern is that the larger the number the larger the circle.</t>
        </is>
      </c>
      <c r="H359" t="inlineStr">
        <is>
          <t>Based on the pattern that the larger the number the larger the circle, the missing number of the circle denoted with a question mark should be 1.</t>
        </is>
      </c>
      <c r="I359" t="inlineStr">
        <is>
          <t>b'\x89PNG\r\n\x1a\n\x00\x00\x00\rIHDR\x00\x00\x02\x00\x00\x00\x02\x00\x08\x02\x00\x00\x00{\x1aC\xad\x00\x00\x9d\x85IDATx\x9c\xed\xbdw\\\x93\xe7\xf7\xff\x7fg\x87\x84\x84$,\x11\xb7\x82  Kp!\xce\xbaE\xdc\xda\xaa\xb5V\xadXw\xab\xd5V;\xac\xad\xd5\xda\xb7{\xd4\xda\xba\xad{\xe2@-N\x10D\x96"\xe0\xde\x83\x91\x1d\xc8\xba\xc7\xef\x8f\xf35?&gt;\xda\x81\n\xc9}\'\xd7\xf3\x8f\xf7\xa3o\xcc\xb8r\xdf\xd7}^\xe7:\xe7\\\xe7bQ\x14\x85!\x10\x08\x04\xc2\xf5`;z\x00\x08\x04\x02\x81p\x0c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ae\xa3\x07\x80p&lt;\x14Ea\x18F\x92d\xd5\xff\xfb:,\x16\xcb\xf6\x1f\x80}\x86\x87@ j\t\xd6?=\xed\x08g\x85\xaa\x02\xd8q6\xfb-\x17\x82$I\x82l\xc0\x87 I@ \x98\x05\x12\x00\x97\x80\xa2(\x92$\xc1\xe2s8\x9cW\xfeU\xa5RY,\x96\xec\xecl\x82 p\x1cOKK\xc3q\xfc\xf5O\x88\x8e\x8e\x96\xcb\xe5\x14E\x85\x86\x86J\xa5Roo\xefW^\x03z\x80\xc4\x00\x81`\nH\x00\x9c\x190\xfa\x18\x86U5\xfaz\xbd\xfe\xf6\xed\xdb\xd7\xae]\xcb\xcd\xcd-**\xd2j\xb5\xe5\xe5\xe5\x14E\xc9d2\x90\x87\xd0\xd0P.\x97[ubP\x14\xc5\xe1p\x8a\x8b\x8b\xf5z=\x87\xc3\xd1j\xb58\x8e\xcbd2\x91H\x14\x1e\x1e\x1e\x10\x10\x10\x11\x11\x11\x16\x16\xe6\xe9\xe9Y\xf5\xabI\x92d\xb3\xd9o\xbd\xbc@ \x10\xb5\r\x12\x00\'\x04\xfc\xfd\xaa\xb1\x9d\x8a\x8a\x8a\xac\xac\xacs\xe7\xce\xa5\xa7\xa7?~\xfc\x98\xc3\xe1\xf8\xfa\xfa6k\xd6,,,\xcc\xd7\xd7744T \x10\xd4\xabW\x0ft\xe2\xf5%\x02`s\xf0\x9f={f\xb1X\x8a\x8a\x8a\xca\xca\xcarrr\x1e&gt;|\xf8\xf0\xe1\xc3\x8a\x8a\n\x1f\x1f\x9f\x98\x98\x98.]\xba\xb4k\xd7\xce\xb6&gt;\x80\xc1\xa05A-Q5\x7fc{\x96\xffItmi\x1e\xb8\x17\xf02t_\\\x19$\x00N\x05\xd8h.\xf7\xff\xe5\xf6\x1f&gt;|x\xee\xdc\xb9\xa3G\x8f\xe6\xe4\xe4xxx\xb4h\xd1"..\xaem\xdb\xb6\xf5\xeb\xd7\xb7y\xeb$I\x1a\x8dF\x8a\xa2\xccf\xb3\xed/\x7f\xfb\xe1\xb6\xc4/\x8f\xc7c\xb3\xd9B\xa1\x90\xc3\xe1\xc0_\x0c\x06\xc3\xd3\xa7O\xaf^\xbdz\xfe\xfc\xf9\xbc\xbc\xbc\x92\x92\x92\xa6M\x9b&amp;$$t\xea\xd4)""\x02\xdeN\x10\x04\xf6\xcf\xea\x82\xa8&gt;\xb0\xb0\xa3(\xaaF\x16X\xb6D\x0e\x884\xd2\x03\x97\x02\t\x80\x93@\x10\x84\xcd\xe5\xd7\xe9t\xc9\xc9\xc9\x1b6l\xb8u\xebV\xb3f\xcdz\xf7\xee\x1d\x1f\x1f\x1f\x11\x11!\x12\x890\x0c\xab\xac\xac\xb4X,8\x8eCJ\x00{sO\x10\xe6L\xd5L2\x87\xc3\xe1\xf3\xf9"\x91\x88\xc5b\xe18^TT\x94\x96\x96v\xe2\xc4\x89\xdc\xdc\\\xb9\\&gt;j\xd4\xa8!C\x864l\xd8\x10C\x0b\x82\xb7\xc5f\xf4m\xea\x0e\xe08\xaeV\xab\x0b\x0b\x0b5\x1aMnn\xaeJ\xa5"I277\x17\xe4\xf6\x15\x82\x83\x83\xa5R)\x97\xcbm\xd7\xae\x9d\x9b\x9b[dd\xa4D"qww\xaf\xfa\x1a\x82 jJZ\x10\xf4\x07\t\x00\xe3!\x08\xc2fOsss\xd7\xad[\x97\x92\x92\xe2\xe7\xe77h\xd0\xa0&gt;}\xfa\x04\x05\x05\xb1\xd9l\x93\xc9TYYi\x13\x89\xda0\xbe\xb6&lt;3\x9b\xcdvss\x03\xb1y\xf2\xe4\xc9\xe9\xd3\xa7\xf7\xed\xdb\x97\x97\x97\x17\x13\x133v\xec\xd8\x84\x84\x84\xd7\x87\x8d\xf8\'(\x8a\x82\x0bU\xd5\x1c\xdf\xb9s\'===33377W\xaf\xd7WVV\xba\xbb\xbb\xf3\xf9\xfc\xa6M\x9b\xcad2\x0c\xc3\xda\xb4i\xc3\xe3\xf1^y\xb49\x1cNNN\x0e\xe4o\n\n\np\x1c\xd7\xe9t\x1c\x0eG.\x97\x07\x05\x05EFFv\xe8\xd0!,,\x8c\xc7\xe3\xd9\xde\x82\xe38R\x02\xe7\x06\t\x00\x83\xa9jC\x8f\x1c9\xb2b\xc5\x8a\xfb\xf7\xef\xf7\xec\xd9s\xf4\xe8\xd1\x91\x91\x91\x02\x81\xa0\xa2\xa2\x02\xc2;v~\x8cA\x0c0\x0c\xe3\xf3\xf9R\xa9\x14\xc3\xb0\xa2\xa2\xa2\x03\x07\x0el\xdb\xb6M"\x91\x8c\x1e=\xfa\x93O&gt;\xe1\xf3\xf9\x18\x92\x81\x7f\xe0\xf5,\xce\x83\x07\x0f\xce\x9f?\x7f\xee\xdc\xb9k\xd7\xae\x19\x0c\x06\x99L\x16\x12\x12\xd2\xaaU\xab\xb0\xb00\x7f\x7f\x7fooo\xb1Xl{\xf1\x7f\xee\xe4\x80r\xaf\xe7\xcf\x9f\xabT\xaak\xd7\xaeegg\x17\x14\x14\x94\x97\x97\xb3\xd9\xec\x80\x80\x80\xb8\xb8\xb8\xaa\xb1;\xb4hsb\x90\x000\x12\xb0\x0e\xf0@\x1e:th\xc5\x8a\x15\xcf\x9f?\x1f;v\xec\xc8\x91#\xeb\xd6\xadk6\x9b\r\x06\x03I\x92\xb6\x18\xbd\xa3\xb0)\x81\x9b\x9b\x9bX,\xd6\xeb\xf5\xc7\x8f\x1f_\xb6l\x99\xd1h\x1c;v\xec\xc4\x89\x13\x05\x02\x01\x86a\x04A\xa0\xdc\x00\x00W\xccv5\xee\xdf\xbf\x7f\xe8\xd0\xa1c\xc7\x8e\xdd\xbe}\xbbA\x83\x06qqq\xed\xdb\xb7\x8f\x8c\x8c\xf4\xf3\xf3\x03so6\x9b\xadV\xab\xd5j\xb5\xc5\x88\xb0\x7f\x8e\xe6\xbd\x92%\xe6\xf3\xf9\\.W(\x14\xc2\xebU*\xd5\x8d\x1b7\xd2\xd3\xd3\xd3\xd3\xd3\xf3\xf3\xf3\xbd\xbd\xbd\xbbw\xef&gt;h\xd0\xa0\xa8\xa8(xW\xd50#\xc29@\x02\xc00\xaa\x1a\x88\xa3G\x8f\xfe\xef\x7f\xff#\x08b\xd2\xa4I}\xfa\xf4\x91H$:\x9d\xcel6\xd3p\xd9\x0e\xa1\x0c.\x97\xeb\xe1\xe1A\x10Dzz\xfa\xf2\xe5\xcb\xef\xdf\xbf\xff\xf1\xc7\x1f\'%%q\xb9\\[\x1e\xd2\xd1#u\x18`\xc1\xe1\xce\x9a\xcd\xe6\xfd\xfb\xf7o\xd8\xb0\xe1\xf1\xe3\xc7\xa1\xa1\xa1}\xfb\xf6\xed\xd2\xa5K\xa3F\x8d8\x1c\x0e\x8e\xe3\x95\x95\x95`\xf1YUx\x8bo\xb4U\x10A"\x87\xcb\xe5\xba\xb9\xb9\x81$\xbfx\xf1"33\xf3\xe0\xc1\x83\x99\x99\x99|&gt;\x7f\xd4\xa8Q\xef\xbf\xff~\xdd\xbau\xb1\xd7$\n\xc1h\x90\x000\t\x9b\xa7\x9c\x97\x977y\xf2\xe4\x17/^|\xf3\xcd7#F\x8c`\xb3\xd9\x10\xdbu\xb8\xcb\xff\x9f\x80\x17)\x91H\xf8|\xfe\xc5\x8b\x17g\xcf\x9e\xadT*\x17/^&lt;`\xc0\x00\x0c\xc3p\x1c\x7f%\xc9\xe9\nT5\xfd\x0f\x1e&lt;X\xb9r\xe5\xc9\x93\'=&lt;&lt;\x06\x0e\x1c\xd8\xbf\x7f\xff\xc0\xc0@\x8a\xa2***\xccf\xb3-\x14SKw\xd9V\xe9\xcb\xe3\xf1\xc4b1\x97\xcb-++KNN\xde\xb7o\xdf\xcd\x9b7\xa3\xa3\xa3?\xfb\xec\xb3\xd8\xd8\xd8W\xc6\x8c`.H\x00\x98\x81\xad\xecO\xa7\xd3M\x9b6\xed\xf4\xe9\xd3\xd3\xa7O\x1f7n\x9c\x87\x87\x87J\xa5b\xdc\xa3\x08\x86\xc6\xc3\xc3\x83\xcdf\x1f&gt;|x\xc1\x82\x05b\xb1\xf8\x8f?\xfe\x08\n\n\x82\x7fu\x91\xa5@Uo://o\xe1\xc2\x85yyy\x11\x11\x11\x93\'On\xdf\xbe=\x8f\xc73\x18\x0cF\xa3\xd1\xfe\x9b\xaba\xbe\x91$\tY\x1c\x16\x8bUXX\xb8n\xdd\xba3g\xce\xc8\xe5\xf2\xb9s\xe7\xf6\xeb\xd7\x0f{Y1\xec"7\xcb)Aw\x8e\x01\xd8b\xaf\x07\x0f\x1e\x0c\r\r\xb5X,\xe9\xe9\xe9\x9f\x7f\xfe9\x86aJ\xa5\x92\xcdf3\xcb\xfac\x18\xc6f\xb3\xb9\\\xae^\xaf\xd7j\xb5\x03\x06\x0cHKK\xeb\xde\xbd{\xb7n\xdd~\xf8\xe1\x07\xb0\xfe\xaf\xf7\xa2p&gt;p\x1c\x87\n\xda\xbc\xbc\xbc\xc1\x83\x07\xf7\xed\xdb\xb7n\xdd\xba)))\xfb\xf6\xedk\xdb\xb6\xadN\xa7+++\xb3X,\\.\xd7\xfe\x0b;\x98o\\.\x97 \x08\xa5RY^^\xde\xa8Q\xa3U\xabV]\xbati\xe0\xc0\x813g\xcel\xd7\xae\xdd\xd1\xa3G!\xd8\x08%\xc5\xf6\x1c\x1e\xa2\xa6@+\x00\xba\x03Q\x11\x9dN7v\xec\xd8\xe2\xe2\xe2\x85\x0b\x17&amp;&amp;&amp;\x82c\xe8\x1c\xd1\x12\x88k\xc9\xe5\xf2\xbc\xbc\xbc\xcf?\xff\xbc\xb4\xb4t\xcf\x9e=AAAN\\ d\x0b\xdf\x97\x94\x94\xfc\xf4\xd3O{\xf7\xee\x1d0`\xc0\xcc\x993\x1b7n\x0cw\x96\xb6Y\x1c\x1e\x8f\'\x93\xc94\x1a\xcd\xef\xbf\xff\xben\xdd\xba\xe0\xe0\xe0\xef\xbf\xff\x1e\xea\x85P&amp;\x9f\x89\xd0k\x92!\xaabK\x9c\x9e;w.$$\xc4\xd7\xd77###!!\xc1\xe6\x18:z\x805\x03X\x8d\xb2\xb2\xb2\xe6\xcd\x9b\x9f9s&amp;))\xa9S\xa7N+V\xac\x00\xb7\xf7o741\x1a(\xaeg\xb1X\xabW\xaf\x8e\x8e\x8e.))IKK[\xb5j\x95\xb7\xb7\xb7\xed\xce\xd2\xcd\xfac\x18\x06Yb\x8a\xa2\xca\xca\xca0\x0c\xfb\xec\xb3\xcfrrr\xa2\xa2\xa2\xfa\xf4\xe93s\xe6Lh\x12\x85\x96\x02\x8c\x03\xad\x00h\x8a\xcd\x9fZ\xb0`\xc1\xaaU\xabV\xaf^=l\xd80\xb5Z\xed\xc4iRH\x0cx{{\xe7\xe5\xe5\x8d\x181"$$d\xcb\x96-b\xb1\xd8i~\xb2-\x91SXX8f\xcc\x18\x82 \xd6\xacY\xd3\xa6M\x1b\xf0\xfa\xe9\x9f\xc0\xaf\n\x8e\xe3\xb0\x1ax\xf4\xe8\xd1\x9c9s.]\xba\xb4b\xc5\n\xc8\xe4\xa3\xa5\x00\x83@\x02@G\xc0\xe4i\xb5\xda\xc1\x83\x07+\x95\xca\xbd{\xf76m\xda\xb4\xb4\xb4\x94\xcb\xe52\xc8F\xbc\x1dV\xab\x15JE\xc7\x8d\x1b\x97\x95\x95\xb5s\xe7\xce\x98\x98\x18\'\xd0\x00\x9bY\\\xb8p\xe1\x1f\x7f\xfc\x91\x94\x944m\xda4\x0c\xc3\xb4Z-\xb3L\xbf\rX\xa1\xba\xb9\xb9\xb9\xbb\xbb\x1f&lt;xp\xfe\xfc\xf9QQQ\xabW\xaf\x96J\xa5Np\xbf\\\x04\xda\xad4\x11\xf0\xf0\x14\x15\x15\xc5\xc6\xc66n\xdc8++\xcb\xcf\xcf\xaf\xac\xac\x8c\xc7\xe31\xd1L\xbc)&lt;\x1eO\xaf\xd7\x9b\xcd\xe6\x9d;w\xce\x9c9\xb3w\xef\xde\x07\x0f\x1e\xe4r\xb9V\xab\xd5\xd1C{{\xa0B\xf7\xf9\xf3\xe7\xad[\xb7&gt;s\xe6LJJ\xca\xacY\xb3\xf4z\xbd^\xafg\xae\xa8CP\xc8b\xb1\x94\x95\x95\xf5\xef\xdf?##C,\x16\x87\x84\x84\x9c;w\x0e\xb2\xc7\xc8\xb9\xa4?H\x00\xe8\x05X\xff\xf4\xf4\xf4\xb8\xb8\xb8\xf1\xe3\xc7o\xd8\xb0A\xa3\xd18M\xbe\xb7\x9ap8\x1c\x8a\xa2JKK\x93\x92\x92\xf6\xec\xd93~\xfc\xf8e\xcb\x96\xf1x&lt;&amp;\xda\x14(\xa6\xe4r\xb9G\x8e\x1c\t\x0f\x0f\xef\xda\xb5\xeb\xd9\xb3g\xfd\xfd\xfdKKKi\x98\xe9}\x0b@\x06\x94J\xa5\xd5j]\xb7n\xdd\xd2\xa5K\x87\x0c\x19\xb2`\xc1\x02gM\xe18\x19(\x04D#\xc0\xfao\xdd\xbau\xc6\x8c\x19\xbbv\xedz\xef\xbd\xf7JKK\xab6\xe7r5\xacV\xabB\xa1())\xe9\xd8\xb1c\xbf~\xfd\x96-[V\xb5\x07\x06\xfd\xb1mh\x80\x1b\xfa\xc7\x1f\x7f\xf4\xea\xd5K\xa9Tb\xceX;OQ\x14\x8e\xe3&gt;&gt;&gt;w\xef\xde\x1d2d\x88\xa7\xa7\xe7\xbe}\xfb \x9a\x87R\x02\xb4\xc5\xd9f!s\xb1Z\xad\\.w\xc5\x8a\x15\xe3\xc7\x8f\xdf\xb7o\xdf{\xef\xbdWRR\xe2\xca\xd6\x1f\xc30\x1e\x8f\xa7V\xab===/]\xbat\xf0\xe0\xc1!C\x86\xb0\xd9l\xdb1g4\x07\xcaX\r\x06\xc3\xc0\x81\x03\xaf\\\xb9\x92\x93\x93\xd3\xbd{w\xa7q\xfc_\x07\xf6\x0f\x97\x95\x95\xf9\xf9\xf9eee5n\xdc\xb8u\xeb\xd67o\xde\x84\xea G\x8f\x0e\xf1\xf78\xe1Dd"V\xab\x95\xc7\xe3-]\xbat\xd9\xb2e7o\xde\xec\xd0\xa1CYY\x19\xf4\xcbtq\xb8\\\xae\xc1`\x10\x8b\xc5\xb7n\xdd\xd2\xeb\xf5\x03\x07\x0e\xe4p8\xf4\xd7\x00p{5\x1aMTT\x14I\x92iii\xee\xee\xee*\x95\xca\xe9\x15\x9d\xcb\xe5\x1a\x8dF\x8dF\xb3a\xc3\x86\x0f?\xfc0**\xea\xf2\xe5\xcb\\.\x17i\x00=A\x02\xe0x\xc0\xfa/_\xbe|\xd5\xaaU\x97/_\xf6\xf3\xf3S\xab\xd5.\x15\xf4\xffw8\x1c\x8e\xc5b1\x1a\x8d\'O\x9e\xac\xac\xac\x1c2d\x08\x87\xc3\xa1s&gt;\x00\xac\xff\xad[\xb7bbb&gt;\xf8\xe0\x83C\x87\x0e)\x95Jg\xda\xba\xf1\xef\xc0.\x87\xd2\xd2\xd2\xb9s\xe7\xee\xd9\xb3\'!!\xe1\xe8\xd1\xa3H\x03\xe8\t\xca\x018\x18\x88\xfb\xaf[\xb7n\xd6\xacY\xb7o\xdf\x96\xcb\xe5P\x19\xe2\xe8q\xd1\x0e\x88\xfe+\x14\x8a\xd6\xad[7h\xd0`\xef\xde\xbd\xf4\xac5\x84Q]\xbdz\xb5m\xdb\xb6\x0b\x16,\x98;wnYY\x19C\x0b=\xdf\x11\xab\xd5\xea\xe3\xe3s\xf6\xec\xd9\xae]\xbb\xaeZ\xb5\xea\xd3O?\x05_\xc7\xd1\xe3B\xfc\xff\xa0\x15\x80#\x81\x8d\xbe\x97.]\xfa\xfc\xf3\xcf\x93\x93\x93\xbd\xbd\xbd\x91\xf5\xff\'\xd8l6EQz\xbd\xfe\xe8\xd1\xa3\x97/_\xfe\xf9\xe7\x9fiX\x1b\n7\xf4\xea\xd5\xab\xad[\xb7^\xb4h\xd1\xdc\xb9s]d\xf7\xc6\xdf\xc2\xe3\xf1JKK;w\xee|\xfe\xfc\xf9\xc9\x93\'\xafY\xb3\x86\xc7\xe3\xd1\xed\x96\xb98\xc8\xd68\x0c\x08\x14\xe4\xe6\xe6&amp;$$\x1c&gt;|\xb8S\xa7Neee\xc8\xfa\xff\x0bl6\xdbl6\xbb\xbb\xbb_\xbdz566V,\x16O\x9a4\x89&gt;\xeb\x00\xb8\xa1\x05\x05\x05\xad[\xb7^\xbcx1\xf45rq\x87\x174\xa0C\x87\x0e\x17.\\\x88\x8f\x8f\xe7\xf3\xf9\xe3\xc7\x8fG\xeb\x00\xfa\x80B@\x8e\x01\xba\x02\xa8\xd5\xea\x88\x88\x88\xb9s\xe7N\x9a4\xa9\xa4\xa4\x04e}\xab\x03\x8e\xe3r\xb9\xfc\xc6\x8d\x1bqqq)))\xed\xda\xb5\xa3C\xfbh\x18\x83J\xa5j\xd9\xb2\xe5\xa7\x9f~\n\xbe?2s\x80-\x16\xd4\xb7o\xdf\x94\x94\x94\xb8\xb88T\x1bJ\x13\x90\x008\x06\xf0[\xa3\xa3\xa3;w\xee\xbct\xe9Rd,\xde\x08\xab\xd5\xea\xe5\xe5u\xfc\xf8\xf1\xf7\xdf\x7f\xff\xd6\xad[\xbe\xbe\xbe\xd0c\xc7Q\xe3\x019\xd7\xe9t\xad[\xb7\x1e9r\xe4\xfc\xf9\xf3\xd1\r}\x05\xd0\x803g\xce\x0c\x1d:\xf4\xc4\x89\x13\xad[\xb7F\x1a@\x07\x90\x008\x00\xb0\xfe3f\xcc\xc8\xcc\xccLOO\x87\x9e\xfe\x8e\x1e\x14\xc3\x00\x832g\xce\x9c\xd3\xa7Oggg;0\x10dk\xda\xda\xa9S\'//\xaf}\xfb\xf6!\xeb\xff\xb7X,\x16__\xdf\xf5\xeb\xd7\xcf\x993\xe7\xde\xbd{r\xb9\x1c\xfb\xe7\xe3\x8b\x11\xf6\x01\t\x80\xbd\x01\xc7\'99y\xf4\xe8\xd17n\xdcpww\xb7X,H\x00\xde\x02\x92$\x15\nE\xfb\xf6\xed[\xb7n\xbdl\xd92Gi\x00|\xef\xd8\xb1c\x1f=zt\xfa\xf4i\x90sd\xd7\xfe\x16\x90\xed\xef\xbe\xfbn\xf7\xee\xdd\x05\x05\x05\xb0nC\xd7\xca\x81 \x01\xb0+P\xcbXVV\x16\x10\x10\xb0k\xd7\xae\xee\xdd\xbb\xabT*\x9a\xe40\x19\x07\x1cXh0\x18BBB\xb6m\xdb\xd6\xa7O\x1f\xfbG\x15\xe0\x1b\xb7m\xdb6{\xf6\xec\xc2\xc2Bh\x8e\x86\xe4\xfc_ \x08\xc2\xcb\xcb\xabG\x8f\x1eu\xeb\xd6\xdd\xb4i\x13}r\xf8\xae\t\x12\x00\xbb\x02]!\xbbw\xef\x1e\x19\x19\xb9d\xc9\x12\x14+xGp\x1c\xf7\xf4\xf4&lt;~\xfcxRRRvv\xb6\xa7\xa7\xa7==JH\xfc\xde\xbe};**\xea\xc4\x89\x13\xb1\xb1\xb1Z\xad\x16\x99\xb3\x7f\x07\xce\xaf&amp;\x08"$$d\xc9\x92%\xa3F\x8dB\xc9\x00\x07\x82\x04\xc0~\x80\xb3\xb3v\xed\xda\xd5\xabW\x17\x14\x14\xa8\xd5j\xe4*\xbe;\x10U\x187n\x9cR\xa9&lt;x\xf0\xa0\xdd&lt;Jh\xf3IQThh\xe8\x87\x1f~\x88\xca~\xaa\x0f\x8e\xe3\x1e\x1e\x1eW\xae\\\xe9\xd5\xabWvvv@@\x80cs\xf8\xae\x0c\x12\x00;\x01\xc1\x9f\xd2\xd2\xd2\xe0\xe0\xe0\xe3\xc7\x8fGFF\xc2)z\x8e\x1e\x17\xe3\xa1(\n:\x12\x07\x05\x05\xfd\xfa\xeb\xaf}\xfb\xf6\xb5\x8fG\tJ3s\xe6\xcc\x1b7n\xa4\xa4\xa4\xa0=\x1co\x04\xc8\xf6\x0f?\xfcp\xf8\xf0\xe1+W\xae\xa0@\x90\xa3@\x02`\'\xc0*\xf5\xec\xd9\xb3a\xc3\x86\xbf\xfe\xfa+\xb2\x175\x08A\x10r\xb9|\xcf\x9e=\x9f}\xf6YQQ\x91\xbb\xbb{m\x07\x82 \xf8\x93\x91\x911h\xd0\xa0\xbc\xbc&lt;\x81@\x80\xe38Jf\xbe\x118\x8e{{{w\xec\xd8\xb1W\xaf^s\xe6\xccA\x81 \x87\x80\x04\xc0\x1e\xc0\xe4NII\x195j\xd4\xdd\xbbw\t\x82\x80\x05\x81\xa3\xc7\xe5&lt;\x805y\xef\xbd\xf7BCCk\xbb"\x08\x82?$I\xb6h\xd1\xe2\xeb\xaf\xbf\x1e9rdyy9\x92\xf37\x85$I\x81@\xf0\xfc\xf9\xf36m\xda\\\xbat\xa9y\xf3\xe6\x983\x1e\x93@s\xd0\xe5\xaeu Fa\xb1Xf\xcc\x98\xf1\xcb/\xbf\xc0)\xe7\xc8\xfa\xd7,\x1c\x0e\xc7`0\xac^\xbd\xfa\xcf?\xff,..\x86c\x03j\xe9\xbbH\x92\xe4p8\xf3\xe7\xcf\xafS\xa7\xce\xc8\x91#\x95J%\xb2\xfeo\x01\x9b\xcd6\x1a\x8d\x01\x01\x01IIIc\xc6\x8c\x81^O\x8e\x1e\x94\xcb\x81\x04\xa0\xd6\x81p\xc1\x86\r\x1b(\x8a\xfa\xe0\x83\x0f\xd4j5Z\xea\xd68,\x16\xab\xb2\xb2\xb2y\xf3\xe6}\xfb\xf6\xfd\xfc\xf3\xcfk\xcf\x9a\xc0\xd2\xad\xb8\xb8\xf8\x8f?\xfe\xf8\xe3\x8f?*++\x91\x96\xbf5p\x96\xe47\xdf|SQQ\xb1i\xd3&amp;\xa8\x0er\xf4\xa0\\\x0b\x14\x02\xaa]\xa0I\x80\xd9l\x0e\x0f\x0f_\xb1bE\xd7\xae]u:\x1d\x12\x80\xda\x80\xa2(8=\xa6]\xbbvG\x8e\x1c\t\x0b\x0b\xab\x8d\xda\x12\x88\xe6\xf5\xef\xdf\xdf\xdf\xdf\x7f\xed\xda\xb5\xa8\xf2\xe7\x1d\x81\xfc\xcd\xc1\x83\x07g\xcc\x98q\xf7\xee]\xe8\x9c\x8a4\xd5n\xa0\x15@\xedbs\xff\x9b6m\xda\xabW/\xadV\x8b\xac\x7f-\xc1b\xb1\xccfs\xdd\xbau\'L\x98\xf0\xf5\xd7_\xb3X5\xef\xdc\xd8r9\xd9\xd9\xd9\x8b\x16-\xd2h4\xc8\xfa\xbf#\x1c\x0eG\xa5R\r\x1e&lt;8$$d\xde\xbcy\xb5\x1a\xbbC\xbc\x0eZ\x01\xd4"6\xf7?::z\xfd\xfa\xf5\xb1\xb1\xb1\x15\x15\x15(\xcdU\xab\xb0X,\x82 \xda\xb7o\xbf{\xf7\xee\x96-[\xd6\xec"\x00\xe4&lt;**j\xc8\x90!p\xd2\x0b\x8a\xfe\xbf;$I\x8a\xc5\xe2\x9c\x9c\x9c\xde\xbd{\xdf\xbe}\xdb\xcb\xcb\x0bC=\x82\xec\x052F\xb5\x08\xd8\x8b\xdf~\xfb\xcd\xdd\xdd=&gt;&gt;\xde`0 \xeb_\xdbX\xadVOO\xcf\xde\xbd{\xcf\x9b7\xaff\x17\x01p\xc8\xfb\xc9\x93\'_\xbcx1i\xd2$\x8dF\x83\xac\x7f\x8d\xc0f\xb3\xf5z}\xbbv\xedZ\xb7n\xfd\xe3\x8f?\xb2X,\xb4\x08\xb0\x1bh\x05P\x8b@\xbd```\xe0\xc2\x85\x0b\x87\x0c\x19\xa2\xd1hP\xfc\xa7\xb6\xa1(\x8a\xcf\xe7\xbfx\xf1\xa2M\x9b6\xe9\xe9\xe9\x81\x81\x815uZ\x00\xa4\x7f\xa3\xa2\xa2\x86\r\x1b6g\xce\x1c\xe4\xfe\xd7 \xb0\x08\xc8\xcd\xcd\xed\xd3\xa7OQQ\x91\x8f\x8f\x0f\x86\x16\x01v\x019\xa4\xb5\x05A\x10,\x16\xeb\xd8\xb1c|&gt;\x7f\xd0\xa0A(\xf7k\x1fX,\x96\xd1hl\xd6\xacY\x8f\x1e=V\xae\\\x89aX\x8d\xb88\xe0\xfe\xa7\xa5\xa5)\x95\xca\x89\x13\'"\xf7\xbff\x81E@\xdb\xb6mccc\xd7\xae]\x0bq&lt;G\x0f\xca%@\x02P\xbb,]\xbat\xe4\xc8\x91|&gt;\x1fMh\xbb\xc1f\xb3M&amp;\xd3\xc4\x89\x13\x0f\x1e&lt;\xa8\xd7\xebk\xb0$\xf4\xe7\x9f\x7f\x1e:t\xa8L&amp;C\x07\xdb\xd68,\x16\x0b\xc7\xf1)S\xa6l\xdd\xba\xd5d2q8\x1c\x14\x9c\xb0\x03H\x00j\x05\xd8+TXXx\xe7\xce\x9d\xb1c\xc7"\xf7\xdf\x9e\xb0\xd9l\x83\xc1\xd0\xa1C\x87\xfa\xf5\xebo\xdf\xbe\xfd\xdd\xddIh`\xf9\xf8\xf1\xe3+W\xaeL\x980\xc1`0\xa0\xbbY\xe3p8\x1c\xadV\xdb\xad[7\x89Dr\xe8\xd0!\x94\t\xb0\x0fH\x00j\x05\x98\xbb;w\xee\x8c\x8a\x8a\xf2\xf3\xf33\x9b\xcd(\xa0ig(\x8a\x1a8p\xe0\x9f\x7f\xfe\x89\xbds\x83\x01\xd0\x8f\xdf~\xfb-&amp;&amp;&amp;00\xd0h4\xa2\xbbY\x1b@s\x88\xd1\xa3G\xaf[\xb7\x0eC9\x00\xbb\x80\x04\xa0V\xe0p8V\xabu\xcf\x9e=\x13&amp;L@\x8d\x1f\xec\x0f,\x02&gt;\xf8\xe0\x83{\xf7\xee\x15\x16\x16\xbecu9\xdc\xcd\x9d;w\x8e\x1b7\x0e\xdd\xcd\xda\x83\xc3\xe1\xe8t\xba\x11#F\xdc\xbe}\xfb\xdd\xef\x1a\xa2: \x01\xa8y \xfd{\xf1\xe2E\xa3\xd1\x08\xd5\x9f(b`gX,\x96\xc9d\xf2\xf7\xf7\x87\xc3\xc2\xb0\x97k\xb2\xb7\x00\xeefZZ\x1aA\x10\xf1\xf1\xf1\xa8\x89w\xed\x01[\xf9\xfc\xfd\xfd\xa3\xa2\xa2v\xec\xd8\x81\xbd\xc3]CT\x13$\x005\x0f$\xaf\x0e\x1f&gt;\x1c\x1f\x1f\x8f\x12\x86\x8e\x026\x01\x0c\x1e&lt;\xf8\xcc\x993\xd8;D\x81\xe0nn\xdf\xbe=11Q&amp;\x93\xe18^\x93\xa3D\xfc_ \x15&lt;n\xdc\xb8\x13\'N\xd4T\xfd.\xe2_@\xd7\xb7\xe6\x81\xa5\xeb\xe5\xcb\x97\x07\x0f\x1e\x8c"\x06\x8e\x02\xa2@=z\xf4\xd0j\xb5\x8f\x1e=z\xebZ \x0e\x87c6\x9b\xd3\xd3\xd3\x13\x13\x13\xcdf32I\xb5\ntu\x8d\x8f\x8f\xaf\xa8\xa8(((@Q\xa0\xda\x06\xcd\xe6\x1a\x06\xdc\x96\xc2\xc2\xc2\'O\x9e\xb4m\xdb\xb6\xb2\xb2\x92\x11&amp;\x83zs\x1c=\xe4\xff\x00\xe2\t\xf5\xeb\xd7\xf7\xf6\xf6&gt;|\xf80\xf62\x97\xfbF\xd8\xa2y\x18\x869G\'\x0f\xfa\xdf;\xab\xd5\xaaP("""v\xee\xdc\x89\xa1(P-\xc3\xec\xd9LC`\xbe\x9e9s&amp;&lt;&lt;\xdc\xd7\xd7\xd7b\xb1\xd0\x7f\x05\xc0b\xb1xo\x08#\xb6A\xc1I\x0c={\xf6LMM\xc5\xde\xaa\xaa\x04l\xe5\x91#G"##\xdd\xdc\xdc\x98\xbe\x99\x83\xa2(\xb8}t\x961(\x00\xed\xda\xb5kjj*:+\xb8\xb6a\xc0c\xcc,\xc0\xca\x9c?\x7f&gt;..\xae6\x1aR\xd68\x10u\xd5h4o\xf4.6\x9b-\x91HjgD5\x06\x9b\xcd\xb6X,\xf1\xf1\xf1;w\xee4\x9b\xcd|&gt;\xff-&gt;\x81\xa2\xa8\xac\xac\xac)S\xa68\xc1!n&lt;\x1eO\xa9Tb\x18&amp;\x14\n\x85B!=\'\'\x9b\xcd\xae\xac\xac\xec\xd2\xa5\xcb\xe2\xc5\x8b\xcb\xca\xca|||@\xc8\x1d=.\xe7\x04\t@\r\xc3f\xb3\xcdfsqq\xf1\xf4\xe9\xd3-\x16\x0b\xcd\xfd\x17\x82 d2\xd9\x91#G\xc6\x8e\x1d[\xcd\xe2\x16\x08\xcb6j\xd4\xe8\xe4\xc9\x93&lt;\x1e\x8f\xcef\x11LIXX\x18A\x10\xc5\xc5\xc5\xe1\xe1\xe1o\x94W\x04\xf7\xb3\xb4\xb4\xb4\xa4\xa4\xa4U\xabVL\x89\xe6\xfd-pd\xe6\xbcy\xf3V\xaf^\x8da\xd8\x97_~9k\xd6,z\x9ed\t\xb1\xbb\x06\r\x1a\xc8\xe5\xf2\x8c\x8c\x8c\x84\x84\x04\xd8V\xe9\xe8q9\'\xb4\xbb\xfd\x8c\x06\xecKQQ\x11I\x92aaa\xf47\x19\xb0\xc7\xf5\xd9\xb3gZ\xad\xf6\x8d\xde\xc8\x94\x07\x12\xc7q//\xaf\x80\x80\x80\xd4\xd4\xd47\x15\x00\xb0;\x19\x19\x19\x9e\x9e\x9e\x8d\x1b7\xd6\xe9t4\xbf\x9b\xff\x04\x8e\xe3r\xb9\xfc\xf8\xf1\xe3?\xfc\xf0\x03\xfc\x85\xe6{\xd9H\x92\xe4\xf3\xf9\xd1\xd1\xd1\xa9\xa9\xa9\t\t\t\xf4\\\xa98\x07H\x00j\x12\x98\xa9999~~~r\xb9\\\xa9T\xd2\xdfP\xb2X,\x95J\xc5b\xb1\x1a7nl3\x10\xff\xfez\x8a\xa2\xc4b1tk\xa1\xb3\x1d\xc1^\xde\x91\xb0\xb0\xb0\x9c\x9c\x9c\xb7{\xef\x993gBCCa\xad\xc3D\x01 IR(\x14\x96\x94\x94L\x9a4\x89\xc3\xe1H$\x12\xfa\x9fJ\x04s\xacm\xdb\xb6\xeb\xd6\xadCi\x80Z\x05\t@M\x02&amp;#+++44\x14\xab\xa1&gt;\x94v@\xa9TR\x14U\xaf^\xbd\xe1\xc3\x87[\xad\xd6\xea&lt;o$I\x1a\x0c\x06;\x8c\xed\x1d\x81\x8cbTT\xd4_\x7f\xfd\xf5\xa6\x16\x1c^|\xf5\xea\xd5\xe1\xc3\x87c\x8c\xedL@Q\x94H$\xfa\xe8\xa3\x8f\x1e&gt;|8v\xec\xd8;w\xee\\\xb8p\x81\xe6\xbf\x05\xf6\xf1\x85\x85\x85=y\xf2D\xab\xd5\xcad2\xfa\xbb\x1a\x0c\x05\t@M\x02&amp;\xe3\xc6\x8d\x1b\xa3F\x8db\xc4\xd1\xa6\xd0(\xad\xbc\xbc\x1c\xc30\x99Lf6\x9b\xab\x7fh\x01\xcd\xbdH\x80\xcdf\x1b\x8d\xc6\x16-Z(\x95J\xbd^\xef\xe1\xe1QMS\x02\x8egEE\xc5\xd3\xa7O###\x19\xda\xcd\xc9j\xb5\xfa\xf8\xf8\xac\\\xb9r\xff\xfe\xfd\xbe\xbe\xbes\xe7\xce\x1d:t\xa8\xa3\x07\xf5\xdf@"\xadI\x93&amp;|&gt;\xbf\xb0\xb0\xb0]\xbbvH\x00j\t\xb4\xb6\xaa1`\x8eVTT\xa8T\xaa\xc0\xc0@F\x98\x8c\xaa\x02\xe0\xe5\xe5\xc5\xe3\xf18\xd5\xc6\xd1c\xaf\x16,\x16\xcbj\xb5\xd6\xa9SG(\x14\xde\xbd{\x17\xab\xf6\xb2\x0c^\xf6\xf4\xe9S\x81@\xd0\xacY3\x93\xc9D\xff\xbb\xf9\n\x04Axxx\\\xb9re\xde\xbcy\x18\x86\xcd\x9f?\xbfA\x83\x06\x90\xec\xa1\xff\xda\x14\xc7q\x99L\xd6\xa4I\x93\xa2\xa2"\x8c\t\x03f(H\x00j\x128\x8dD\xaf\xd7\xd7\xabW\x8f);\x00\xccf\xb3Z\xad\xc60\xcc\xd3\xd3\xb3\x06[\xe7\xd3\x07\x82 \x14\n\x85P(|\xfc\xf81\xf6\x86\x02p\xfb\xf6m\x91H\xe4\xed\xed\xcd\xb8\x1d\xdd\x14Eq\xb9\\\xa3\xd1\x98\x94\x94\xa4\xd7\xeb{\xf7\xee\xfd\xc9\'\x9f\x94\x97\x973\xe5\xfe\x82;\xd5\xb0a\xc3\x82\x82\x02\x0c\t@\xad\x81\x04\xa0\xc6\x809ZPP \x93\xc9|||\xe8o2 \xcaa4\x1aa\x13\x80\xa7\xa7\xa7S&gt;f\xf0\xa3\x02\x03\x03\xf3\xf2\xf2\xb074%\xb7o\xdf\xae_\xbf&gt;\x13u\x11\n|\xbf\xfc\xf2\xcb\x9c\x9c\x9c\xfa\xf5\xeb\xaf^\xbd\xdaj\xb5\x92$\xc9\x94\xbdl\x90\x07n\xda\xb4)\xc86\xcd\x1f%\xe6\x82\x04\xa0\xc6\x00\x1b\x01g\xbf\x88\xc5bFla\xe7p8\x95\x95\x95\xb0\x02\xf0\xf2\xf2r\xcaH+\xe8\x9cD"\x81=P\xd5\x7f\x17\x86a\xf7\xee\xdd\xf3\xf5\xf5e\x9c\x00\xe08\xee\xe9\xe9\xb9k\xd7\xae\xf5\xeb\xd7s8\x9c\x95+W\xd6\xaf_\x1fJ?\x191-\x01\x16\x8b\xd5\xa8Q\xa3G\x8f\x1eaH\x00j\r$\x005\x06\xd8\x88\xdc\xdc\xdc\xc0\xc0@F\xec\x01\x86M\x00:\x9d\xae\xa2\xa2\x02\xc30OOO\x06Y\x87\xea\x03\xf7\xa2e\xcb\x967o\xde\xc4\xaa\xdd\x16\x14,\xce\xf3\xe7\xcf\x1b5j\xc4,]$IR$\x12\xdd\xbd{w\xc6\x8c\x19\x14EM\x9b6-11Q\xa5Rq\xb9\\\x8a\xa2\x98r\x8bY,\x96\xc5b\xf1\xf3\xf33\x1a\x8d\x15\x15\x15\x8cx\xa0\x98\x08\x12\x80\x1a\xa6\xb4\xb4T&amp;\x931e\xber8\x1c\x8dFc2\x990\x0c\x93\xc9d\xd0\xfb\xcc\xd1\x83\xaa\x15\xbc\xbd\xbdU*U\xf5_\x0f\xd7\xe1\xfe\xfd\xfb\x01\x01\x01\xb56\xa8\xda\x82\xcb\xe5~\xfa\xe9\xa7/^\xbch\xdb\xb6\xedw\xdf}\xa7V\xab\x99\x92\xb4\xb7\x01\xd9)\xd8\x7fg0\x18\x9cuZ:\x1c$\x005\x8c@ \xb0X,\x8e\x1eE\xb5\x80\x15\x80Z\xad\xa6(J(\x14\x82\x008zP\xb5\x02X\x13\x1e\x8f\xf7\xa6o\xe4\xf3\xf94\xdf4\xfb\n\x10\xfcY\xb2d\xc9\xe9\xd3\xa7\x15\n\x05\x84\x80\xe8\xdc\xae\xe3_\x80VNl6\xfb-n\x1c\xa2\x9a \x01\xa81\xe0\x19+((\x88\x8a\x8abJ\xd0\x80\xcdfCd\\,\x16K$\x12\x8b\xc5B\xbc\x84|\tA\x108\x8e\x13\x04\xc1\x885\xcd\xeb@iVhh\xa8R\xa9\xd4h4\xd5Y\x9c\xc1\xed\xd3h4J\xa52,,\x8c)\x1a\x00\xa5\x93\xa9\xa9\xa9?\xfe\xf8#\x86a\x8b\x17/\x0e\x0b\x0b\xd3\xeb\xf5L\xdcI\x0b! \x7f\x7f\x7f\x89Dr\xfd\xfau\x0c\x15\x02\xd5\x0eh#X\x8d\x016B\xadV{zz:z,\xd5\x02\xb2\xa3\xb0\t\xc0\xc3\xc3C\xa1Pxxx\xc0\xdf\xab\x9a{\xa8\xfa\'\x08\xa2\xb2\xb2\x12670\xcb\xa0@\xbbS\xb9\\n6\x9b\xa16\xb7:\xa6\x04\x0c\x90\xd9l\x96\xcb\xe5\xf4/\xe8\xc20\x8c\xa2(\x81@\xa0R\xa9\x92\x92\x92L&amp;\xd3\xe8\xd1\xa3?\xfe\xf8c\xa5R\xc9\\\xf7\x19\x92\x19|&gt;\x1fbwH\x00j\x03$\x005\x0c\x97\xcbe\xd6\xa9\x81\xd0\x08\xc8\xc3\xc3\xe3\xd9\xb3g\x7f\xfd\xf5Wqq\xf1\xa3G\x8fJKK+**\x08\x82\xe0\xf3\xf9\x9e\x9e\x9e\r\x1b6l\xd9\xb2elll\xc3\x86\r-\x16\x8b\xc1`\xa0a\x17\xc9\x7f\x014\xe0M\xf7f\xc3\xeb\x19a\xfd1\x0c#I\xd2\xdd\xdd}\xd2\xa4I\xb7n\xddj\xd1\xa2\xc5\xd2\xa5K\x99\xdb\xbd\xce\x06I\x92\xb0\xa1\xc1\xd1\x03qZ\xd0\x95\xada\x98\x12\xfc\xc1^\xf6\xc9\xb9w\xef\x1eEQ\xb7n\xdd\x8a\x88\x88\xf8w\xe9\xf2\xf5\xf5\xed\xd5\xab\xd7\xa7\x9f~\x1a\x15\x15\xa5V\xab\x19\xd1\xeb\xc2\xc6[\x0f\x95\x11\xbf\x11Z&gt;l\xd8\xb0a\xc7\x8e\x1d"\x91h\xdd\xbau\x1e\x1e\x1eZ\xad\xd69L\'\xf2\xfdk\x0fg\x98\x1f\x88\xb7\x03\xdc\xdb\xe8\xe8\xe8\xbd{\xf7VTT\xc8\xe5\xf2\x80\x80\x80&amp;M\x9a\xf8\xfb\xfb\xcbd2\xa1P\x08\x1d\xdf\x9e={v\xe3\xc6\x8d\xfc\xfc\xfc\x92\x92\x92\xcd\x9b7\xef\xdd\xbb\x17\xba\xc9\xeb\xf5z\x06\xa9\x9d\x13C\x10\x84D"\xc9\xcf\xcf\xff\xe2\x8b/0\x0c\x9b?\x7f~|||YY\x99sX\x7fD\xad\x82\xa6\x88\xeb\x02\xc7\xa6\xcf\x981#&lt;&lt;\x1c\xc7\xf1\x96-[*\x14\n777(\x19\xb4\x19w\x92$\x8dF\xe3\xdd\xbbw\xf7\xec\xd9\xb3f\xcd\x1a\x8dF\xf3\xd5W_=}\xfat\xf9\xf2\xe5:\x9d\x0e\t\x80c\x81R.\x82 \x92\x92\x924\x1aM\xef\xde\xbd?\xfb\xec3\xa5R\x89\xac?\xa2:\xa0YR\xc30e\x07\x00\xc0b\xb1\xf4z}\xe7\xce\x9d\xd9l\xb6\xc9d\xb2X,&amp;\x93\xe9\x95\xf1C\xd6\xb7i\xd3\xa6\x0b\x17.\x1c8p\xe0\x07\x1f|P\\\\\xbcv\xed\xda\x80\x80\x80\xa9S\xa72\xc5\xd6\xbc\xf5M\xa1\xf9\xdd$\x08\xc2\xdb\xdb\xfb\xb3\xcf&gt;\xbb|\xf9r\xbdz\xf5\xd6\xacYc6\x9b\x1d=\xa8\x1a\x03.&gt;r2j\x0ff\xe7\x88h\x88\xd5j}\x8b\xb3g\x1d\x08\xac\x03\xb4Z\xad\xd5je\xb1X\x1c\x0e\x87\xfb\x7f\xe1p8\xd0\x9f\xbd\xa4\xa4$&lt;&lt;\xfc\xe0\xc1\x83u\xea\xd4a\xb3\xd9\xdf~\xfb\xed\xdd\xbbw\xdd\xdc\xdchn"\xb1\x97\x87\xa1CUk\xf5\xdf\x05\xaf\xe7\xf1x\xb4\xfd\x818\x8e+\x14\x8aC\x87\x0e\xadX\xb1\xa2j\xcb\x07\xa6\xe7~\x01X\xdc@?WG\x8f\xc5iq\x86\x89B\x13\xc0L4j\xd4\xe8\xce\x9d;\xcc\xf2Y\xd8l6&lt;i\xff\xfe\x1a&gt;\x9f_^^\x1e\x14\x14\xf4\xddw\xdf\x91$\xa9\xd5j\xb7m\xdb\xe6\xee\xeeN\xf3\xedcP\x1f\xf9\xf0\xe1C\xa9T*\x91H\xaa\x93\xb7\x80e\x9cD"\x91J\xa5\x0f\x1e&lt;\x10\x08\x044\xd4\x00\x92$\xdd\xdc\xdc\x9e&lt;y2m\xda4\x82 \xa6M\x9b6`\xc0\x00h\xf9\xe0\xe8\xa1\xd5\x00\xa0\xd9J\xa5\xb2\xb2\xb2\xb2q\xe3\xc6\x18Z\x07\xd4\x0eH\x00j\x0c\x9b\x00\xdc\xbau\x0b\xa3}\xe8\xe0\xed\xe0\xf3\xf9j\xb5z\xd0\xa0AM\x9b6e\xb1X)))\x15\x15\x154o3@Q\x14\x9f\xcf\xbf\x7f\xff\xbeT*\x15\x89D\xd5o\x07-\x12\x89$\x12\xc9\x83\x07\x0f\xf8|&gt;=\xef\xa6@ \x982e\xca\xa3G\x8f\x98\xdb\xf2\xe1_\xe0r\xb9 \x00\x8d\x1a5\xc2\x90\x00\xd4\x0eH\x00j\x98\x8a\x8a\n\xb1X\xec\xe8Q\xd4"\xb0\xa9\xaaC\x87\x0e\x14E\xdd\xbd{\xf7\xf9\xf3\xe7\xb4\xb5\x8f6\xe0\x10chy\xf4FX\xadVz\xc6\xb8\xa0\xe5\xc3\x8a\x15+\x8e\x1e=*\x91HV\xaf^\x8da\x18l\xe4\xc6\xff\x15x;I\x92\xaf\xfc\x9d\x86M\xe2\xe0hx\x0c\xc3\x98\xd2[\x85\x898\xc3j\x91&amp;\x80\x87\x12\x14\x14t\xfa\xf4i\'\xee\xaa\x86a\x18\x8b\xc5\n\n\n\xc20L\xab\xd5\x96\x96\x96\xd6\xabW\x8f\xfe\xc7\x9f\xdd\xbau\xabI\x93&amp;\xd8\x1b\x1e\x08\x13\x16\x16\x96\x9d\x9d=|\xf8pZi\x00\x1c\xf5\x95\x96\x96\xf6\xcd7\xdf\xb8\xb9\xb9m\xde\xbc9**\n\xc7qww\xf7\x7fz\x0b\x04\xbe\xf8|&gt;\xa4\x07\xc4b1\x97\xcb\xf5\xf6\xf6\xb6\xc5\x8b\xccf34\xdd\xb4\xd3o\xf8/(\x8arss+((\xf0\xf4\xf4T(\x14oz\x9e3\xa2\x9a \x01\xa8a\x9a4i\xf2\xf4\xe9Sfm\x92z# &gt;.\x97\xcb1\x0c\xc3q\x9c\xfe)G\xb0}\x0f\x1e&lt;\xf0\xf3\xf3\xc3\xdeP\x00$\x12\t\x1c\x96@\x1f`g\xacN\xa7\x9b&lt;y\xb2\xd1h\xf4\xf7\xf7\xcf\xc9\xc9IOO\xff\xcf\xf9\x06\x07\xed\xc2\x91\x90\xc9\xc9\xc9Z\xad\xb6\xb2\xb2\x12J\xbcH\x92\x8c\x8c\x8c\x1c0`\x00}\xba\x1e\xd9~&amp;\x97\xcb\x85\x04\xbe\xa3G\xe4\x9c \x01\xa81\xe0\xc9\xf1\xf7\xf7\xb7X,J\xa5\x92\xcf\xe7;\xf1:\x00\x1eH\xa8\x1a\xa2\x95w\xfc:\xb0\xe1\xb9\xa4\xa4\xa4k\xd7\xaeX\xb5C\xc9\xf0\xb2\x88\x88\x88\xad[\xb7\xd2\xaa\x9b&amp;\xe4\xb4\xef\xde\xbd\x0b\x07\x9c=y\xf2\xe4\x87\x1f~x\xd3\x0f9w\xee\xdc\xb9s\xe7\xaa\xfe\xa5o\xdf\xbe\xef\xbf\xff&gt;}2:0\xa9\xae_\xbf\x0ekM\x9a\xcf1\xe6\x82\x04\xa0\xc6\x00\x1b\xd1\xa8Q#\x83\xc1\xa0V\xab\xeb\xd6\xadK\xf3\xf2\x98\xb7\x03Z\xc8A\x0fQF4\x91\x86%\xcb\xe3\xc7\x8f\xdf\xa2\xb3\xbf\xbf\xbf\xbfZ\xad\xb6Z\xad\xf4Y\xe5\xb0X,\x82 \xdc\xdd\xdd\xbbu\xeb\x06\x91\xb7j\x9al\xd8\xf8\x9d\x99\x99i6\x9b\x9b5k\xd6\xa4I\x13h\x8d\x07\xfb\xc8\xda\xb6mK\xb7S\xac)\x8az\xfe\xfc\xf9\x1b\xad\xdb\x10o\n\x12\x80\x1a\x03\x0c\x8d\xbb\xbb\xbb\\.\xbfs\xe7N\x93&amp;M\xe8\x1f\x19\x7f\x0b\xc0\xa1.,,\xc40\xcc\xd7\xd7\xb7N\x9d:\xb0\x81\xc0\xd1\xe3\xfa{\xa0\x9a\xb0\xa4\xa4\xa4\xa2\xa2\x02\x04\xa0\x9aC\x05\x8b\x1f\x12\x12\xa2\xd5j\x9f={\xe6\xe5\xe5E\x93\x9f\tu\xf1\xbe\xbe\xbe\xc9\xc9\xc9\xd5\x1f\x0fDT\xb4Zm\xcb\x96-\x9f&gt;}:~\xfc\xf8\xd9\xb3gWVV\xdar\x00V\xab\xd5`0\xd0G\xe7 0u\xf3\xe6\xcd&gt;}\xfa`\xa8\x04\xa8\xd6@\x02P\x93@\xdd\x82\x8f\x8f\xcf\x9d;wz\xf7\xee\xed|n\x0b\xd8\xd3\xd2\xd2\xd2K\x97.\xb1X\xac\xf0\xf0p///\x8dFC\x93\xb8\xc1\xeb\xc0\x80\x9f={\x86a\x18\xf8\x92\xd5\x0f\x01Q\x14\xe5\xe9\xe9\xc9\xe1pn\xde\xbcY\xbf~}Z9\xc8\x14E\x19\x0c\x867z=\x97\xcb5\x18\x0c0\'\xcdf3I\x92z\xbd\xde&amp;\x00\xb4\xcaZ\xc1h\xcb\xca\xca\x9e?\x7f\x0e! \xfa\x8c\xcd\xc9\xa0\x8b\xe0;\x07\xf0tEDDdggS\x14E\x7f\x01x\xd3\x11Z\xadV\x0f\x0f\x8f\xbd{\xf7&gt;z\xf4\x88\xa2\xa8\x01\x03\x06\xd0\xfc\xc9\x84\xc3\xce\xf2\xf3\xf3\xeb\xd4\xa9#\x91H\xde(\x9aO\x92\xa4P(l\xd4\xa8Qvv6\x97\xcb\xa5[\x1e\x92\xfdV\xc0{!\xf7[\x15Z\xddG\xb8k\xb7o\xdf\xc60\xec\x8d\xd6m\x887\x05\t@M\x02\xd34&amp;&amp;\xe6\xe6\xcd\x9b\x8c(\\\xe3r\xb9p\xf8Wu^l\xb1X\xe4ryqq1d\x1dCBB\xfa\xf7\xef\xaf\xd3\xe9h\xeb\xfec/K\x80rssCCC\xb1\x97\xb9\xeb\xea\xbf\x17\xc3\xb0\xf6\xed\xdb\xe7\xe7\xe7\xd7\xd6\xf8\x10\x7f\x07$\xba\xf3\xf2\xf2\x02\x02\x02D"\x91\x13\x17S8\x1c\xba[(f\x01\xd34**\xaa\xbc\xbc\xfc\xc5\x8b\x17tn#\x83a\x18EQ\x1a\x8dF&amp;\x93\x89\xc5b\xd8\x19\x04\x07\x81\xbd\x02\xfc\x13I\x92\xbe\xbe\xbe\x8f\x1f?\x1e&gt;|xII\t\x86a?\xff\xfc\xb3X,\xa6\x7f\x06\x98$\xc9\x82\x82\x82\xd8\xd8X\xec\r\x1dI\xd0\xef\xae]\xbb\x16\x15\x15UVV\xd2Y\xe7\x9c\x0cxj.]\xba\xd4\xa1C\x07\x0ce\x80k\x13$\x005\t\x9b\xcd\xa6(\xaaQ\xa3F\xee\xee\xee999\xd5o&lt;`\x7f\xa0\xd5\xc1\xd4\xa9S\x93\x92\x92\n\n\n\xdc\xdc\xdc\xbc\xbd\xbd=&lt;&lt;\x04\x02\x01\x97\xcb\x85\xb0\x00\x87\xc3\xe1\xf1x\xee\xee\xee^^^B\xa1p\xc7\x8e\x1d]\xbbv\x05w\xf8\xe7\x9f\x7f\xee\xd1\xa3\x87V\xab\xa5\xb3Y\x84&amp;\x10\xcf\x9f?\x7f\xfc\xf8q\xa7N\x9d\xb0\x976\xbd\x9a\xd8*A\x8dFcqq1=\xb7\x04;%\x1c\x0e\xa7\xa2\xa2\xe2\xc6\x8d\x1b]\xbat\xc1\xde\xf0\xae!\xde\x08\x94\x04\xaea\x08\x82\xe0r\xb9\x11\x11\x11\x17/^\xec\xd7\xaf\x1fm\x03A\x90g{\xf4\xe8\xd1\xe1\xc3\x87\xb7n\xdd\xda\xbau\xeb\xce\x9d;\xb7j\xd5\xaaq\xe3\xc6\n\x85\x02\xb6\x8c\xe28n0\x18\x1e=z\x94\x99\x99y\xe8\xd0\xa1\x8c\x8c\x0c\x0c\xc3D"\xd1\xe2\xc5\x8b\'M\x9a\xa4R\xa9\xe8l\xfd\xb1\x97"w\xe1\xc2\x05\x89D\xd2\xa0A\x837=\xbe\x06\n.\xa5Ri\xe3\xc6\x8d/_\xbe\x1c\x19\x19I\x9f2\xf9\xb7\x06Nx\xa6sD\x05\xf6\x00\x17\x17\x17\x9b\xcd\xe6\x88\x88\x08\x0c%\x00j\x13$\x005\x0cL\xd6.]\xba\xac[\xb7\x0e\xc7qzZ\x7f\xc0j\xb5N\x9a4\xe9\x97_~)..\xbex\xf1\xe2\xc5\x8b\x171\x0csssS(\x14\x12\x89\x84\xc3\xe1\x98\xcdf\xa5RYu+l\xaf^\xbd\xe6\xcf\x9f\xdf\xbauk\xfa[\x7f\x0c\xc3H\x92\xe4r\xb9\xa7O\x9f\x0e\x0f\x0f\xe7p88\x8e\xbfi\xa7L[\x1a\xe0\xd8\xb1c\x9f~\xfai\xed\x0c\xd3~P\x14\xa5\xd3\xe9\x08\x82\xa0\xf3\x99\x01\x04A\xb8\xb9\xb9\x9d&lt;y\xb2^\xbdzR\xa9\x94 \x08\xfa\xcf4\xe6\x82\x04\xa0\x86\x01\x8b\xdf\xa9S\xa79s\xe6&lt;|\xf8\xd0\xd7\xd7\x97V\xe5\x836\xd8l\xb6\xd1h\x1c3fLBB\xc2\xf9\xf3\xe7O\x9f&gt;}\xf5\xea\xd5{\xf7\xeei\xb5\xda\xa7O\x9fV}\xa5X,\x0e\x08\x08\xe8\xd0\xa1Cbbb\xfb\xf6\xed)\x8ab\xca!0\xb0\x889\x7f\xfe&lt;\x9c\x95\xf8\x16w\x01\xeefbb\xe2\x8e\x1d;\xa0\xd32s\xa3@\xb0\xe6\xeb\xdc\xb9\xb3R\xa9l\xdc\xb81\xcd\x0f\xbb\xbfp\xe1B\xff\xfe\xfd1\x94\x00\xa8e\x98t|\x15S\x80\xb0O\xd7\xae]\x87\x0f\x1f\xfe\xf1\xc7\x1f\xd3\xd9Y\x86\x80\x95\xbb\xbb;\x87\xc3\xd1\xe9t%%%%%%j\xb5\xba\xb2\xb2\x12\x8a =&lt;&lt;\xea\xd6\xad[\xb7n]\xa9Tj\xb5Z\xf5z=\xc6\x90\x98,\x94\x12\xde\xbd{w\xf0\xe0\xc1\x19\x19\x19r\xb9\xfc\xedN0\x86\xc2\xa1\x98\x98\x98\xaf\xbe\xfa*!!\x81\xce\x9b\x1e\xaa\x83H$b\xb1X\x16\x8b\x85\x9e~\t\xec\xdbP\xab\xd5\x9d;w&gt;{\xf6\xec[\x04\xee\x10o\x04\x03\xfc8\xc6\x01\x02\xd0\xa1C\x87\xfd\xfb\xf7\x8f\x1f?\x9e\xce\x12\xcb\xe1pH\x92\xd4h4\xe0\x1e\xd6\xad[\xb7a\xc3\x86\xb6\x181\x94\x00Y\xadV\x8b\xc5R^^^\xb5\x90\x9c\xfe\x10\x04!\x12\x89\x8e\x1e=Z\xb7n]\xb9\\\xfe\xd6\x91\x04\x88#\xf5\xe8\xd1c\xff\xfe\xfd\x03\x07\x0e\xa4\xf3\xdd\xac\x0e\xb0}\x8cV\xdb\xbe\xaaB\x92\xa4\xbb\xbb\xfb\xce\x9d;\xeb\xd7\xaf\xdf\xa0A\x03\xda\xa6\xd0\x9c\x06tqk\x1e\x98\xb2\x83\x06\r\xca\xc9\xc9y\xfa\xf4)=\xcf\x93\xb2a;\x06\x12\xc30\x8b\xc5b0\x184\x1a\x8dZ\xadV\xab\xd5\x1a\x8dF\xaf\xd7C\xbc\x18J\x83\x1c=\xd87\x00\n@\x0f\x1d:\x94\x98\x98\x88\xbdC$\x01~\xf5\xfb\xef\xbf\x7f\xe6\xcc\x19\xfa\xdf\xcd\xff\x84\x86\xdb\xbe^\x81\xa2\xa8\xdf\x7f\xff}\xe0\xc0\x81\xd8\x1b\xee\xdb@\xbc\x05Lz\xa4\x99\x02\xb41\t\r\rm\xdc\xb8\xf1\xf1\xe3\xc7\xdd\xdd\xdd\x992\x8fa\x83(\xa7\n47\x16\xff\x04\xd4\xff\x14\x16\x16\xbex\xf1b\xd8\xb0a\x18\x86\xbdu\xdc\x06\xeefHHH\xc3\x86\r\x8f\x1d;\xc6\xa0\xbb\xc98\xe0\xae\xdd\xb8q\xe3\xd9\xb3gC\x87\x0e\xc5\xde\xe1\xae!\xaa\t\x12\x80Z\x01Z\x0e\x8c\x1a5\xea\xb7\xdf~s\xf4X\\\x11\x88\xff\xfc\xfe\xfb\xef\x91\x91\x91u\xea\xd4y\xc7\xad\xa4p7?\xfe\xf8\xe3\xcd\x9b73k\x19\xc4,\xe0\xaem\xde\xbc\xb9m\xdb\xb6\xef~\xd7\x10\xd5\x01\xcd\xe6Z\x01\xba\xe4\x0f\x1a4\xe8\xd9\xb3g\xc5\xc5\xc5t\xde\x11\xe6\x94@\r\xeb\xa9S\xa7\xc6\x8d\x1b\xf7\xeeW\x1e\xee\xe6\x88\x11#\x1e&lt;xp\xf1\xe2E\xb4\x08\xa8%\xe0\x14\xf8\xbd{\xf7N\x992\x05=/\xf6\x01\t@\xad\x00\x01h??\xbf\xb6m\xdb\xae\\\xb9\x12\xfa\x998zP\xae\x02\xec\xde:t\xe8\x90\xc9d\xea\xd5\xab\x17\xf6\xce\x91\x04\xb8\x9bR\xa9t\xe0\xc0\x81\xeb\xd7\xaf\x17\n\x85H\x00j\x1c\x1c\xc7=&lt;&lt;\x0e\x1e&lt;\xe8\xed\xed\r\'N\xa3\xf8\x8f\x1d@\x02P[@?\xe1\xb9s\xe7\x9e8qB\xa5R\xc1\xf1\xd6\x08;\x00\x15M\xbf\xfd\xf6[RR\x12t\xbb{\xf7\xcf\x84X\xc4\xd4\xa9SSRR\xee\xdf\xbf\x8f\xdaB\xd48l6\x9b \x88U\xabVM\x9c8\x11\x14\xd7\xd1#r\t\x90\x00\xd4\x16\xd0\x17(**\xca\xdb\xdb{\xfd\xfa\xf5R\xa9\x14\xc7qG\x0f\xca\xf9!IR"\x91\\\xbat)//\xef\xc3\x0f?\xac)G\x12\xccS```\xbbv\xed~\xfa\xe9\'www\xb4\xa4\xabA\x08\x82\x90\xc9d\xfb\xf7\xefW\xa9T\xa3F\x8dB\xee\xbf\xdd@\x02P\x8b\x80\x93\xf8\xed\xb7\xdfn\xdd\xba\xd5j\xb5\xa29m\x07\x08\x82\x10\n\x85k\xd7\xae\xfd\xe0\x83\x0f\xbc\xbd\xbdk\xf08_X\xd2-Z\xb4h\xcf\x9e=\xf7\xef\xdf\x17\n\x85h\x11PS\xc0\xb5]\xb8p\xe1\x9c9s \xc2\x86\xd2\xbf\xf6\x01\t@-\x02\xdb\xac\xfa\xf6\xed\xabP(\xf6\xec\xd9\xe3\xe1\xe1\x81\xdc\xc6Z\x05\xea\x08o\xdd\xbau\xe5\xca\x95\xb9s\xe7\xc2\xf1\xc55\xf5\xe1\xb6z\xd0\xf8\xf8\xf8\x1f\x7f\xfcQ"\x91\xa0%]\x8d@\x10\x84\\.\x07\xf7\x7f\xfc\xf8\xf1h\xf3\x97=A\x17\xbav\x01\'q\xee\xdc\xb9\xcb\x96-\xc3P_\xc3Z\x06\xc7qww\xf7\xa5K\x97\xf6\xe9\xd3\xa7N\x9d:5\xeeH\x82\xa3\xbax\xf1\xe2\xa3G\x8f\xde\xbcy\x13\x15w\xd5\x08\xd0\x9a\xe2\xc7\x1f\x7f\xfc\xe1\x87\x1f\xf8|&gt;\xea\xfd`O\x90\x00\xd4.\xb0\x08\xe8\xd7\xaf\x1f\x87\xc3Y\xb3f\x8d\\.Gnc-\x01]\x04\xae^\xbd\x9a\x9c\x9c\xfc\xe5\x97_\xd6\xac\xfb\x0f@&amp; ((h\xc4\x88\x11S\xa6LA\x99\x80w\x07\xc7qOO\xcf\x15+V\xb0X\xac1c\xc6\xa0\xde\x9fv\x065\x83\xabu`N\x9f8qb\xf4\xe8\xd1\xf7\xef\xdf\xb7Z\xad\x8e\x1e\x91s\x82\xe3\xb8\xb7\xb7w\xb7n\xddBBBV\xacXQK\xa6\x04\xfa#\xe9t\xba\xf0\xf0\xf0\x8d\x1b7v\xee\xdc\x99\xe6\xa7\xe2\xd0\x19\xa8\xd72\x1a\x8dQQQ{\xf7\xeem\xdb\xb6mm\xc86\xe2_@\x02`\x0f\xc0\x18\xf5\xec\xd93::\xfa\x87\x1f~(++cD;e\x06\x01\xb5\xffg\xcf\x9e\xfd\xe4\x93Orss=&lt;&lt;j\xaf\xdf\x19\xdc\xcd\xad[\xb7\xce\x9b7\xaf\xa8\xa8\xc8b\xb1\xd4\xc6\xb7\xb8\x02\xa0\xd9\x03\x07\x0e\x14\x89D\xdb\xb7oG\xee\xbf\xfdA\x02`\x0f \x18]\\\\\xdc\xaaU\xabk\xd7\xae\xd5\xa9S\xc7d2!O\xa7\x06!IR&amp;\x93\x05\x07\x07O\x9f&gt;}\xd2\xa4I\xb5mJ\xe0l\x99\x1e=zDGG\xff\xf8\xe3\x8f\xa5\xa5\xa5&lt;\x1e\xaf\xf6\xbe\xce)!\x08\xc2\xc3\xc3#55u\xdc\xb8q7n\xdc\x10\x8b\xc5\x0cm&lt;\xc5h\x90\x00\xd8\t0I\x9f}\xf6YVV\xd6\xf9\xf3\xe7\x95J%rvj\np$\xe7\xcd\x9b\x97\x92\x92r\xe5\xca\x15\x92$k\xfb\xda\xc26\xa5\x92\x92\x92\xc8\xc8\xc8c\xc7\x8e\x85\x86\x86\xea\xf5ztC\xab\x0fdz\xf9|~\xcb\x96-\x97/_\xde\xaf_?\xe4\xfe;\x04$\x00v\x02b\xc7\x14E\x05\x07\x07\x7f\xfd\xf5\xd7#G\x8e,//G\x81\xa0w\x87$I\x81@\xf0\xfc\xf9\xf3\xb6m\xdb^\xbat)((\xc8&gt;u\x84`\xb06o\xde\xfc\xddw\xdf\x15\x16\</t>
        </is>
      </c>
    </row>
    <row r="360">
      <c r="A360" s="1" t="n">
        <v>358</v>
      </c>
      <c r="B360" t="inlineStr">
        <is>
          <t>color_size_circle</t>
        </is>
      </c>
      <c r="C360" t="inlineStr">
        <is>
          <t>What is the missing color of the part denoted with a question mark?</t>
        </is>
      </c>
      <c r="D360" t="inlineStr">
        <is>
          <t>['light red', 'light yellow', 'light orange', 'dark yellow']</t>
        </is>
      </c>
      <c r="E360" t="inlineStr">
        <is>
          <t>light yellow</t>
        </is>
      </c>
      <c r="F360" t="inlineStr">
        <is>
          <t>There are circles of various sizes and colors in the image. The circles are ['medium', 'large', 'extra large', 'small'] size, and their colors are ['medium yellow', 'dark yellow', 'very dark yellow', '?'].</t>
        </is>
      </c>
      <c r="G360" t="inlineStr">
        <is>
          <t>We observe that the largest circle is very dark yellow color, and the smaller circles change color from dark yellow to medium yellow. Hence, the pattern is that the circles become lighter as they become smaller.</t>
        </is>
      </c>
      <c r="H360" t="inlineStr">
        <is>
          <t>Based on the pattern that the circles become lighter as they become smaller, the missing color of the smallest circle denoted with a question mark should be light yellow.</t>
        </is>
      </c>
      <c r="I360" t="inlineStr">
        <is>
          <t>b'\x89PNG\r\n\x1a\n\x00\x00\x00\rIHDR\x00\x00\x02\x00\x00\x00\x02\x00\x08\x02\x00\x00\x00{\x1aC\xad\x00\x00\xe7\xc8IDATx\x9c\xec\x9dwx\x1c\xc5\xf9\xc7\xdf\x99\xd9\xdd+\x92\xeetjnr\x91m\xc9\xbd`\\\xc0\xe0\x02\xc6\xf4\xde\x8bm\xc0\x94\x10Z(I\x80\x1fI\x80\x10\x12J\xc0\x84\x92P\x8d1\xbd\xf7fc\xdc\xb0q\xefU2\x96\x8b\xdc\xd4NWtewg\xde\xdf\x1fs&gt;\x84m\x08\x10l\xcdI\xfbyxx\xb4g\x95\xbd\xbd\x99\xf7;\xf3\xb6!\x88\x08\x0e\x0e\x0e\x0e\x0e\xad\x0f\xda\xdc7\xe0\xe0\xe0\xe0\xe0\xd0&lt;8\x02\xe0\xe0\xe0\xe0\xd0Jq\x04\xc0\xc1\xc1\xc1\xa1\x95\xe2\x08\x80\x83\x83\x83C+\xc5\x11\x00\x07\x07\x07\x87V\x8a#\x00\x0e\x0e\x0e\x0e\xad\x14G\x00\x1c\x1c\x1c\x1cZ)\x8e\x008888\xb4R\x1c\x01pppph\xa58\x02\xe0\xe0\xe0\xe0\xd0Jq\x04\xc0\xc1\xc1\xc1\xa1\x95\xe2\x08\x80\x83\x83\x83C+\xc5\x11\x00\x07\x07\x07\x87V\x8a#\x00\x0e\x0e\x0e\x0e\xad\x14G\x00\x1c\x1c\x1c\x1cZ)\x8e\x008888\xb4R\x1c\x01pppph\xa58\x02\xe0\xe0\xe0\xe0\xd0Jq\x04\xc0\xc1\xc1\xc1\xa1\x95\xe2\x08\x80\x83\x83\x83C+\xc5\x11\x00\x07\x07\x07\x87V\x8a#\x00\x0e\x0e\x0e\x0e\xad\x14G\x00\x1c\x1c\x1c\x1cZ)\x8e\x008888\xb4R\x1c\x01pppph\xa58\x02\xe0\xe0\xe0\xe0\xd0Jq\x04\xc0\xc1\xc1\xc1\xa1\x95\xe2\x08\x80\x83\x83\x83C+\xc5\x11\x00\x07\x07\x07\x87V\x8a#\x00\x0e\x0e\x0e\x0e\xad\x14G\x00\x1c\x1c\x1c\x1cZ)\x8e\x008888\xb4R\x1c\x01pppph\xa58\x02\xe0\xe0\xe0\xe0\xd0Jq\x04\xc0\xc1\xc1\xc1\xa1\x95\xe2\x08\x80\x83\x83\x83C+\xc5\x11\x00\x07\x07\x07\x87V\x8a#\x00\x0e\x0e\x0e\x0e\xad\x14G\x00\x1c\x1c\x1c\x1cZ)\x8e\x008888\xb4R\x1c\x01pppph\xa58\x02\xe0\xe0\xe0\xe0\xd0Jq\x04\xc0\xc1\xc1\xc1\xa1\x95\xe2\x08\x80\x83\x83\x83C+\xc5\x11\x00\x07\x07\x07\x87V\x8a#\x00\x0e\x0e\x0e\x0e\xad\x14G\x00\x1c\x1c\x1c\x1cZ)Zs\xdf\x80\x83\xc3!\x02\x11\x7f\xe2w\x12B\x0e\xea\x9d88(\x82#\x00\x0e\x19L\xda\xa6\x0b!\xf6y\x85\x10\xd2\xd4\x8e\xefs\xf9_\x7fmS\xb5hz\x99\xfe%\x94\xd2}^qp\xc88\xc8O_\x16984\x17r\x94J+/\xbf\x96\x06=m\x85\x7f\n\xc1`\x90\x90\xff2\xe0\xe57\x04\x02\x81\x9f\xfek\x85\x10i\x85\x90b \xef\xca\x11\x06\x07\xf5q\x04\xc0A9\xb0\t\x00@\x08a\x8c\x1d\xf0;9\xe7\xe1pX\x08\xb1v\xedZ\xce\xb9m\xdb\x8b\x16-\xb2,\x8b\x10\xb2u\xeb\xd6-[\xb6\xa4-~4\x1a\xdd\xb4i\xd3O\xbc\x81\xee\xdd\xbbggg\xc3^=\xe8\xd2\xa5K\xe7\xce\x9d\x11Q\xd7\xf5\xa1C\x87j\x9a\xc6\x18\xeb\xd3\xa7\x0f\xa5\xd4\xe7\xf3\xfd\xc8\xbd5\xd5\xaa\x9f\xb5\x05qp848\x02\xe0\xd0\xfc bzuO)\xdd\x7f]\xcf9\x8fD"\x15\x15\x15\xd1ht\xe5\xca\x95\xa1Ph\xe5\xca\x95\r\r\r{\xf6\xec\xd9\xb5k\x17\n\xd1\x10\n\x1d\xe2{\xce\xf5\xfb\t\xa5\xed\xda\xb5k\xd3\xa6Mnn\xee\x80\x01\x03\xfc~\xff\x80\x01\x03\xb2\xb3\xb3KKKsrr\xf6\x17\x06!\x84\x10"\xbdKp\xf4\xc0\xa1\xd9q\x04\xc0\xa1\x19h\xba\xc6\xdf\xdf\xe2\xc7\xe3\xf1\xda\xda\xdaM\x9b6\xadZ\xb5\xaa\xa6\xa6f\xf1\xe2\xc5\xdb\xb7o\xdf\xbd{w0\x18\xfc\xe1_I\x9a\xfc?\xf5G\x00~\xad\xb1M\xf6\xfb\xcd\xf0#\xbf&lt;\x10\x08\xb4m\xdb\xb6c\xc7\x8eC\x86\x0c),,\xec\xdf\xbf\x7f\xf7\xee\xdd\x0b\n\n&lt;\x1eO\xd3oK\xeb\x81\xb3?ph.\x1c\x01p8D\xc8e&gt;"\xee\xef\xd2\t\x85B\xe5\xe5\xe5UUU\xcb\x96-[\xb4h\xd1\xfa\xf5\xeb\xeb\xea\xeab\xb1\xd8\x81~M\xda\x16\x8b\xa6\xafz\\\xd4\xed\xa2B`\xb7b\x97?[\xb39\xe6\xe6\xb0\xfe\xa5\x1e\xbe\xf7\xbb4F\x0e\xef\xe5\xd54\xf2\xe3\xe3\x9d\x10\xb0m\\\xba&gt;f\xf3\xd4\xf71\n\xab*\xe2\r\x11\xae1\x12\x8a\xda\xdfV%)%\x89\xa4\x88\'\xc5\xf7\x7fTj\xd8\x81U\xc7\xeb\xf5\xe6\xe7\xe7\xf7\xea\xd5k\xe8\xd0\xa1\x83\x06\r*...++\xf3\xfb\xfdM\xbfG\xba\x8cd`\xc3\x11\x03\x87C\x83#\x00\x0e\x07\x91\x1f2\xfa\x9c\xf3\xf2\xf2\xf2\r\x1b6,[\xb6\xec\x9bo\xbeY\xb9remm\xed~?\xbd\xafIe\x8c\xf8\xb2XQ\x9e\xd6\xae\xd0\xe8P\xa0\x97\x14\xbb\xbc.:\xb0\x87\xd7\xe6\xd8\xad\xd8\xe5\xcbf\x9cCA\xae\xe6vQ\x81\xc8\x08\xa1z\x133\x8a 8\xfe\xa4-\x01\x01\xcaH\xd3\x15\xbf\xb0\x90#RB\x12IQ\xdb`3\x06\xe1(\xff\xb6*\xa91\xb2bc,\x96\x14\x95U\xc9\x1d\xb5\xd6\xae\x1a\xb3\xba\xde\x0e7r\xce\xf1\xbb\xdfu \xb9\x02\x80\x82\x82\x82\x01\x03\x06\x1cy\xe4\x91\x83\x06\r\xea\xd9\xb3gYY\xd9&gt;\xcf\xc7\x11\x03\x87C\x80#\x00\x0e\xbf&gt;\xd2\xe8\x03@S\xa3\x16\x8b\xc5\xd6\xacY3\x7f\xfe\xfcU\xabV-\\\xb8\xb0\xbc\xbc\xdc\xb6\xed\xf4\xbf\x12B\x10\xbfg+}Y\xac]\xa1\xde\xbe\xd0\xe8\xd1\xd9\xdd\xad\xd8\xd5\xab\xab\xbb0\xa0\xb7/4\xbcn\xe2\xcf\xd6(\x01\xa2\x11\x10(8\x00\x81\xa4\x99J\x04\xb5l\x14\x88\x04\x08\xee\x97\xf7\xff\xd3\r\xe9\xfe?(\x7f!%D\xd7\xa4\x07\x1f\\\x06\x05\x04\xca\x00(A\x1b\x05B(j\xc7\x12\xb8\xb3\xc6\xac\tZ\xeb7\'\xbe\xadJn\xdc\x9a\xd8Yc\xee\xaa\xb1\xc2\x8d|\xef/\x93\tB\xdfK3\xd54\xad\xac\xacl\xd8\xb0a\xfd\xfb\xf7\x1f&gt;|x\xdf\xbe}\xbd^o\xfa_9\xe7\xf2\xf9\xfc\xac\x94\'\x07\x87\x9f\x82#\x00\x0e\xbf\x0e\xe9\xc5~S\x9f&gt;\xe7|\xd9\xb2e\xf3\xe6\xcd\x9b;w\xee\x92%K\xb6m\xdb\x96\xfe~\x02\x80\xa95~\xca\xe2\x17\x04\xb4\x1e\x9d\xdd\x03\xca\xbc\xfdK\xbd%\x1d\\\xdd\x8a]y~\xcd\x97\xc5\x18\x03 D\xd8hq\xb4m\xe4\x02\xa5\x7fF\x8e\\i\xd6\xd3\x1e\xf4\x83\xbd\\\x96\x7f\x14\xf7f\xa36\xbd\x07\x8d\x11F\x89\xa6\x11\x9d\x11\xaa\x11@\xe4\x1c\xc2\x8d\xbc&gt;d\x7f[\x95\xac\xdc\x91\\U\x11[Y\x1e\xdb\xb85Q\x1bL+\x1f\x05\x00\x02\xa2\xe9$\xec\xd4\xa9\xd3\xe0\xc1\x83G\x8c\x18q\xd4QG\r\x1a4(-\xa2\xe9\x98\x81\xb3-p\xf8\xb5p\x04\xc0\xe1\x7f"m\xf75\xed\xbb\xa2\xc2\xaa\xaa\xaaE\x8b\x16}\xfc\xf1\xc7\x0b\x17,X\xb7~}\xfa\xf5\xbd\xcb\xfc\x94W\'\xe0\xd3\xfat\xf5\xf4/\xf3\xf4/\xf5\xf6\xea\xea\xee\xda\xc1U\x14\xd0\r\x83\x00\x00\xe7\x984\xd1\xe6h\xa7r)S\xcbpB\x00\xbe\xe7\x9eQ\x08\x04\x00\x04DHo&gt;\x08\x01\x8d\x11\x8d\x11\x97A\x18#\x00`\x9aX\x1d\xb46\xefH\xae\xdf\x9cXU\x11[U\x1e_\xbb9\x1e\x0cK= {\xf3N\xbf\x9b\x92\xbd{\xf5\x1av\xc4\x11\xa7\x9ez\xea\xd0\xa1C\x8b\x8b\x8b\xd3\xaf\xdb\xb6\xed(\x81\xc3\xff\x8e#\x00\x0e\xbf\x84\xfd\xed\xbe\\\xec\xcf\x9e=\xfb\xf3\xcf?_\xbcxQ8\x1c\x91\xaf\xef5\xfa\xa9e~\xc7\xb6\xc6\xa0\x9e\xde\xa3\x06\xe4\xf4/\xf5\xf4\xe8\xe2\xe9P\xa4\xeb:\x01\x00\xcb\xc2\xa4\x85\x96\x8dB\xc8\xdcy\xa0\xd2\xe47\xc7\xbb\xfb\x15\x91\xaa \xf6ZuJ\x89\xae\x11\x97N\xd2\xefzG\xb5\xb5qK|UE|\xde\xca\xc8\xb2\r\xb1\xed\xbb\xcd\xbd?J\x9b\x8a\x81\xcf\x973d\xc8\xd0\x13O&lt;q\xd4\xa8QM\xb7\x05\x8e\x128\xfc/8\x02\xe0\xf038\xa0\xdd_\xb8p\xe1{\xef\xbd\xf7\xe9\xa7\x9f\xae[\xb7\xae\xc9\xf7\xd2\xf4J\xbfc[cP\xcf\xac\xa3\x06d\x0f\xeb\x97\xd5\xb3\x8b\xa7 \xa0QF\xb8\x8d\x89\xa40-\x14\x88\x00@\t!\xe4\xa0;pT\x00\x11\x10!\xfd\xae\r\x9d\xb8]\x94iDp\xac\r\xda\x1b\xb6\xc4\x17\xaen\x9c\xb72\xbalC\xe3^1\x90\x91\xe4\xef\xc2\xc8\xbd{\xf7&gt;\xf9\xe4\x93\xcf:\xeb\xaca\xc3\x869J\xe0\xf0\xbf\xe0\x08\x80\xc3OB:\xa0\x7f\xdc\xee7]\xec\xe7d\xb1\xc3{y\x8f\x1b\xe6\x1f9(\xbbG\xe7\x94\xd1\xb7L\x910\x85e#bj\x8d\xef\x18+\xdc\xbb? \x04t\x8d\xb8\r\xaa\x1bT\x8a\xc1\xc6\xad\xf19\xcb\xa2_.\x0c-]\x1f\x8b\xa4\xc2\xc8\xdf\xdb\x16\xfc\x90\x12\x1c\xb0\x98\xce\xc1a\x7f\x1c\x01p\xf81\xe4\x92?\xbd\xae\xfc\xafv\xbfg\x89{h\x9f\xec\x13\x8f\xf2\x0f\xea\xe9\xedV\xec\xd24bY\x986\xfa\xadg\x99\xff\xcbHo\x0e\xbe\x13\x03\x9d\xd86~[\x95\\\xb6!\xf6\xf9\xbc\xd0\xa2\xb5\xd1\r\x95\t\x00\xf8\xafJ\xb0\xcf\x07\xe7\xe0p@\x1c\x01p802\xfb0\xbd\xae\\\xb7n\xdd\xa7\x9f~\xfa\xd2K/\xadZ\xb5J\xbeB\t\x11M\xec\xfe\x89\xc3\xfd\xa7\x8d\x0c\x1c\xde\xcb\xeb\xcfa\x88\x90H\x8aD\x12\x05\xa2c\xf4\x7f\x19i1\xa0\x84\xb8]\xc4\xed\xa2\x84@(\xc2\x97\xae\x8f}4\'\xf8\xf9\xfcPZ\t(I\xb9\xd1\x00\xa0\x7f\xff\xfe\xe3\xc7\x8f?\xf9\xe4\x93{\xf7\xee-_\xd9\xe7stph\x8a#\x00\x0e\xdfc\x9f\x95c8\x1c\xfe\xe0\x83\x0f^z\xe9\xa5\x993g\xca\xb4}J\x89\x10)\xbb\x7fD\xbf\xec\xd3G\xe5\x1e50\xbb\x7f\xa97\xd7\xaf\xd9\x96h\x8c\x0bY\x06\xe5,=\x7fE\x10A\xc6\xc6\x19#Y\x1e\xaa\xe9\xb4!d\xaf\xaa\x88\xcd[\x11\xfdpv\xc3\x82\xd5Q\x00\x00\xa0\x94\xa6B\xe8\x9a\xa6\x1ds\xcc1\xe3\xc7\x8f?\xe3\x8c3|&gt;\x1f8\x1b\x02\x87\x1f\xc0\x11\x00\x87\x142\xba\x9b^*\xce\x9f?\x7f\xca\x94)\x9f}\xf6YUU\x15\x00P\x02\x02\xa9\xb4\xfb\xbdJ&lt;\'\x0c\xf7\x9d62w\xf8\x80l\xb7\x9bY\xa6\x88\'\x84\xc5\x91\x12\xa0\xd4\xb1/\x07\x17!P \xe8\x8cx\xdcT7h"\xc1\xe7\xaf\x8c~4\xa7\xe1\x8b\xf9\xe1\xf5\x95q\x00Hi4\x02\x00\x14\x17\x17\x9ft\xd2I\x97]v\xd9\xf0\xe1\xc3\xe5\x8fs\xce\x9d\x9a2\x874\x8e\x008|\xcfK\x90^\xf2O\x9f&gt;]\xfe+\xa5L\x08\x0e\x00\x1d\x8a\x8c\x13\x8e\xf4\x8d;\xa5`PO\xaf\xdf\xa7\xd9\x96\x88\xc6\x04\x17H\tq\xec\xc9\xa1G\x08\x10\x88\x8c\x92l/\xd5t\x1a\n\xdb\xcb6\xc4^\xfe\xa4\xf6\x8bo\xc2;\xaaMh\xf2\xc1\x01\xc0\xd8\xb1c\x9bn\x08\x1c\xbf\x90\x83\xc4\x11\x80\xd6\xcb&gt;n\x81\r\x1b6\xbc\xf1\xc6\x1b\xcf=\xf7\x9c\\\xf2k\x8c\xda\x1c\x00\x84\xcb c\x87\xf9\xcf8&amp;\xf7\xd4\x11\x81\xb6\xf9\x9a\xcd\xb11.lg\xbd\xaf\x0crO\xa0I\xef\x10#\xbb\xeb\xec\x8f\xe7\x06?\x98\xd90}a(i"\x00\xd5\x18\xd8\\\x00@qq\xf1\x95W^y\xc1\x05\x17\xf4\xec\xd9\x13\x1c\xbf\x90\x83#\x00\xad\x139\xf3\xd3\x0b\xc0\xe9\xd3\xa7\xbf\xfc\xf2\xcbo\xbc\xf1F2\x99\x04\x00\xca\x98\xe0\x1c\x00\xca:\xbb\xcf\x1b\x9bw\xdeq\x81\xbe\xa5^F \x1a\x13\xa6%\x80\x00s\xec\xbe\x92p\x81\x80`\xe84\xdbK9\xc2\x9a\x8a\xd8[_\x06\xdf\x9a^_\xbe5\x01M&gt;V\x97\xcbu\xc1\x05\x17\x8c\x1b7n\xec\xd8\xb1\xa9\x1f\xe4\xdc\x91\x81\xd6\x89#\x00\xad\x8b\xa6\xa6\xdf4\xcd\xcf?\xff\xfc\x89\'\x9e\x90\xde\x1eJA\x08\x06\xc0\x19\x85\xd1\x83}\xd7\x9c[t\xcc\x90\x9c\xfc\x80\x96L`c\x82\x03:q\xdd\xcc \x151&amp;\x90\xe5f.7\xa9\x0b\xda3\x17G\x9ez\xbbz\xd6\x920\x17\x00\xc0(\xe5\xb2q\xde\xd8\xb1c\xaf\xbf\xfe\xfa\x13O&lt;\xd10\x0cpd\xa0U\xe2\x08@ka\x1f\xd3\xff\xca+\xaf&lt;\xf2\xc8#k\xd6\xac\x01\x00M\xa3\xb6\r\x00\xa2(O\xbf\xe4\xa4\xbc\x0b\x8e\xcf?\xac\x97W\xd7H\xa4\x91[6RJ\x9c\x15\x7f&amp;"\x10\x84@]#9Y\xcc\xb2q\xf9\xfa\xd8\x1b\xd3\xea^\xf9\xac\xbe\xba\xde\x02\xa0\x9a\x06\xb6-\x00\xa0o\xdf\xbe\xb7\xdcr\xcb%\x97\\\xe2\xc8@+\xc4\x11\x80\x96\xcf\x8f\x9a~f\xdb\x1c\x00zw\xf5\x8c;%\xff\xc2\xe3\xf3J:\xb9\x93\t\x11\x8b\x0bD\xa4\xcc1\x03\x19\x0f\x02\x08\x8e\x84\x10\xaf\x87\xba\xdc\xb4r[\xe2\xf5i\xf5/\x7fR\xb7ns\x1c\x9a\x0c\x00G\x06Z\'\x8e\x00\xb4d~\xc4\xf4\xeb\x1a\xb3l\x0e\x00c\x86\xfa.&gt;)\xff\xccc\x03y\xb9Zc\x94\'L\xe1d\xf5\xb4Hd\xd6\x90\xdb\xa0Y\xd9\xac\xbe\xc1~\xff\xab\xe0\xab\x9f\xd5\xcdX\x14\x86&amp;\x83\xc1\x91\x81\xd6\x86#\x00-\x16\xce\xf9\x01M\x7f:;p\xccP\xdf\xcd\x97\xb4=\xfeH\x9f\xae\x93p\x94[62g\xb2\xb7t\x10\x81\x0b\xd45\xe2\xcbf\x96\x85\xd3\xbe\tOze\xb7\x94\x81\xf4\xc0\xd8_\x06\x9c\x84\xd1\x96\x8a#\x00-\x90t\xb1\xcf\xbe\xa6\x9f1\xc1\xb9\xa1\x93s\x8f\xcb\xbb\xe8\xc4\xfc\x13\x8e\xf41JBQ.\x10\x99\xe3\xediM \x00\xe7H\t\xf1g3.\xf0\x8bo\xc2\xaf}^\xf7\xf6\x97\xf5\xa6\x85\xe9d\xa1\xa62\xb0O\x91\xa0C\x8b\xc1\x11\x80\x16E\xd3\x89\xfa\xfa\xeb\xaf\xdfw\xdf})\x87\x8f\xce,\x8b\xeb\x1a\xb9\xe8\xc4\xfc\x1b.j3\xb8\xb7\x97s\x08G9\x02:9\x9d\xad\x19.\x90\x00\xf1e3\xc6`\xc9\xba\xd8\xe3\xaf\xedy\xed\xf3:\xcbF9`\x00\xa0o\xdf\xbew\xdey\xe7\x85\x17^\x08N\x15qK\xc4\x11\x80\x16BSw\xff\x8c\x193\x1ex\xe0\x01\x99\xdc\xa9\xeb\x9ae\xd9\x00p\xdeqy\xb7Ol7\xa8\xa77ia4\xc6\x89\x93\xce\xef\xb0\x17.\x10\x11\xb2\xbd\xcc\xa5\x93e\x1bb\xf7O\xde\xf5\xd6\x97\xf5\xd0d\xf0\x8c\x1d;\xf6\xb6\xdbn\x1b3f\x0c8\x81\x81\x96\x85#\x00-\x81\xb4\x97v\xcd\x9a5\x93&amp;M\x9a&lt;y2\xec]\xf5\xc3^_\xff\t\xc3}\x02!\xd2\xc8\x9d\x18\xaf\xc3\x01\x91Q\xe2\x9c,F\t|1\xff\xbb\xd8@z M\x9c8\xf1\xe6\x9bo\xee\xdb\xb7/8\x81\x81\x96\x82#\x00\x99\x8d\x10\x02\x00(\xa5\xa1P\xe8\x9f\xff\xfc\xe7\x83\x0f&gt;h\x9af:\xaf\x7fH\x9f\xac\xbb\xaf\xe90v\x98\x8fQ\xd2\x10\xb5\t8\xcd\x1b\x1c\xfe\x0bB \x02\xe4fk\\\xe0\xf4\x85\xe1\xbb\x9f\xda\xb1xmc\xban\xc00\x8c?\xfe\xf1\x8f\xbf\xff\xfd\xef\xfd~\x7fz\xec5\xf7-;\xfcr\x1c\x01\xc8T\x9a\xfa|^\x7f\xfd\xf5\xbb\xee\xba\xab\xbc\xbc\x9c1\xe0\x82\x01\xf2^%\x9e\xdf]\xdc\xe6\xc2\x13\xf3|^\xd6\x10q|\xfd\x0e?\x0f\x19\x1b\xc8\xcda\xe1\x18\x7f\xfd\xf3\xfa\x7f\xbd\xbag}e\x1c\x08c\x94s\x0eeee\xf7\xdcsO:0\xe0x\x842\x17G\x002\x92\xa6&gt;\x9f?\xfe\xf1\x8f\x9f}\xf6\x19\xec\xf5\xd8\x16\xe4j\xd7\x9d_t\xf3\xb8\xb6\xfe\x1c\x16\x8ap\xce\x911gr:\xfc\x12\xe4\xe0\x91\x03i\xd2\xcb\xbb\x9f|\xb3\xba\xb6\xc1N\x07\x06N:\xe9\xa4\x07\x1f|\xd0\xf1\x08e4\x8e\x00d\x18\xe9\x85\x7fS\x9fO\xdaK;\xfe\xd4\xfc\xbf\\\xdd\xa1{\'w8l[\x1c5\xc7\xf4;\xfc\xcf\xd8\x1cuF|&gt;m\xd3\xb6\xc4_\x9f\xd9\xf1\xd2\xc7u\xb070\xd0\xd4#\xe4l\x052\x11G\x002\t\xdb\xb6\xe5\xb1\xec\x9f}\xf6\xd9M7\xdd\x94\xf2\xf9p\n \x06\xf7\xce\xba\xf7\xda\x0e\'\x1e\x95\x1b\x8b\xf3xR8y\xfd\x0e\xbf"\xb2n\xc0\xe3\xa2^\x0f\xfb|^\xc3\x9f\xff\xbdc\xc9\xba\xc6t\x83\xd1\xb2\xb2\xb2G\x1f}\xf4\xa4\x93N\x82&amp;C\xd4!#p\x04 3H/\xfcw\xee\xdcy\xeb\xad\xb7\xbe\xfe\xfa\xeb\xd0\xc4\xe7s\xc7\xc4vW\x9dS\x94\xe5\xa6\xc1\xb0\xedT\xf3:\x1c$d\x15q\xc0\xa75&amp;\xc4\xb3\xefT\xffc\xf2\xae\xa6\x1e\xa1\x0b/\xbc\xf0\xe1\x87\x1fn\xdf\xbe\xbd\xb3\x15\xc8 \x1c\x01\xc8\x00\xd2\xab\xaa\xd7_\x7f\xfd\xd6[o\xdd\xb9s\xa7\xa13\xd3\x12\x008\xfe\x94\xfc\xbf\xfc\xa6C\xf7\x8e\xeeP\xc4v\xdc\xfd\x0e\x87\x80\xbd\x81\x01m\xd3\xf6\xc4_\x9f\xde\xf1\xd2\'u\x00\xc4\xd0\xa9i\xf1\xf6\xed\xdb?\xfc\xf0\xc328\xecl\x052\x02G\x00\x94\xe6\x80\x0b\x7fM\xd3l\xdb\xee\xde\xd1\xf5\xf0\xad\x9dN\x1f\x1d\x88\xc5\x1c\x9f\x8f\xc3!\xe5;\x8f\x90\x97}8+x\xeb\xc3\xdb6mO\xcaa\t\xceV \xa3p\x04@]\xd2\x99\x15\xdf_\xf8s\xc6\xe0\xf7\x13\xda\xdd|I\x9b\xa2\x80^\xef\xf8|\x1c\x9a\t\xe9\x11\xca\xf3i\xd5Ak\xd2+{\xfe9u\x17\xe7 \x87h\xd3\xad\x80\x93 \xa42\x8e\x00\xa8\x08"r\xce5M\xab\xab\xab\xbb\xfe\xfa\xeb\x9b.\xfc\x07\xf7\xcez\xe4\xd6N#\x06\xe7D"\xb6i9y&gt;\x0e\xcd\x8c\xcd\xd1\xd0IN\x8e6wI\xe4\x96\x87\xb7-Y\xd7\xd8t+\xf0\xc4\x13O\xe4\xe7\xe7\xdb\xb6\xcd\x18s\xd6)\n\xe2\x08\x80r\xc8s\xba\x01\xe0\x8b/\xbe\xb8\xf1\xc6\x1b\xcb\xcb\xcbS\x0b\x7f\n\xb7]\xde\xfe\x8e\xcb\xdb\xb9]$\x14\xe1\xce\x84rP\x04D\xe0\x1c\xfd9,\x91\xc4\x7f\xbc\xb0\xeb\x81\x17vr\x91\xda\n\x94\x95\x95=\xf6\xd8c\'\x9cp\x024\x19\xd8\x0e\xea\xe0\x08\x80Z\xc8\xd0\x99m\xdb\x7f\xf8\xc3\x1f\x1e}\xf4Q\x000t\xcd\xb4\xe4\xc2\xbf\xe3\x88\xc3}\xa1\xb0\xcd\x85S\xd6\xeb\xa0\x1crX\xfa}\xda\xdc\xa5\xe1[\x1e\xde\xbed]\xa3\x1c\xba\x00p\xd3M7=\xf4\xd0Cr`;\x91a\xa5p\x04@\x15\xd2n\x9f\x8a\x8a\x8a\xcb/\xbf|\xde\xbcy\x86\xceL\x0b\x01\xc4u\x17\x14\xdd\x7fcG\xb7\xe1,\xfc\x1d\x94\xe6\xbb\xad\x80\x89\xb7?\xb6\xfd\xc97\xaa\x01\xa8\xa1\x13\xd3\xe2G\x1du\xd4\x0b/\xbcPZZ\xea\xb8\x83\x94\xc2\x11\x00%H\xef\x8e\xdf|\xf3\xcdk\xaf\xbd\xb6\xae\xae\xce\xe5\xd2\x93I\xabM\xbe\xfe\xcc\x9f\xba\x9c&gt;:\xe0dy:d\n\xe9&lt;\xd1\x0fg\x05\xaf\xfe\xdb\x96=u\x96\x1c\xcc\xf9\xf9\xf9\xff\xfe\xf7\xbf\xcf?\xff|p\xdcA\xca\xe0\x08@\xf3\xb3\xbf\xdbGc\xcc\xe6\xfc\xacc\x03\x8f\xdc\xd2\xa9s;\xc3I\xf5q\xc8,\xd2\tB[w\x99\xb7&lt;\xb2\xed\xbd\xaf\x82rH\x83\xe3\x0eR\x0cG\x00\x9a\x199\r\xbes\xfb\x18\xcc49\xa3p\xdf\xf5\x1do\x9d\xd0\xd6\xb2D,!\x9cT\x1f\x87L\xc4\xe6\xe8uS]\xa7\x0fO\xdd}\xe7\x13\xdb\xb9\x009\xbc\x9b\xba\x83\x1c\rh^\x1c\x01h6\xd2E^i\xb7\x8f\xdb\xa5\'\x92V\xd7b\xd7\xb3\x7f.9v\x98/\xd8`\x018\x87\xb78d0B\x00\x00\x06r\xf5\xaf\x16\x86\xaf\xba\xb7rsUR\x0e\xf2\xb4;\xc8)\x16k^\x1c\xeb\xd2&lt;\xc8\xe3U\x19c\xf7\xdcs\xf7\x05\x17\\PWW\xc7\x18K$\xad\xb3\x8e\r\xcc\x9d\xdck\xd4\xe19u\xf5\x16\xa5\x8e\xf5w\xc8l(\x05JI]\xbd5\xea\xf0\x9c\xb9\x93{\x9dul \x91\xb4\x18cuuu\x17\\p\xc1=\xf7\xdc-\x03\xc2\x9c\xf3\xe6\xbe\xd3V\x8a\xb3\x03h\x06\xe4\xce7\x18\x0c^s\xcd5o\xbe\xf9\xa6\xae3\xcb\x12\x8c\xe1}\xd7\x15\xdf:\xa1]2)\x12\xa6\xe3\xf6qhQ\xd8\x1c\xdd\x06u\xb9\xe8\xc3Sw\xdd\xf9d\x15\xe7D\xd7\xa9e\xf1\xf3\xcf?\xff\xa9\xa7\x9e\n\x04\x02\x8e;\xa8Yp\x04\xe0P#+\xe3+**.\xb9\xe4\x92\xc5\x8b\x17\xbb\xddF"a\xb6\xc9\xd7_\xb9\xaf\xeb\x98#\xfd\xc1\xa0\xe3\xf6qh\x99\xa4\xdcA\x01}\xc67\xa1K\xee\xdc\xbc\xa7\xce\x92\x83\x7f\xc8\x90!\xaf\xbc\xf2Jii\xa9\xd34\xe2\xd0\xe3\x08\xc0!E.s\xe6\xcd\x9bw\xfa\xe9\xa7\xd7\xd7\xd7\xcb\xf4\xb8a\xfd\xb2^\xfbG\xb7Nm]\ra[\xd3\x9c\x85\xbfCK\xc6\xb61\xd7\xa7m\xdb\x9d\xbc\xe8\x8eo\x17\xaen\x94S //\xef\xc3\x0f?&lt;\xea\xa8\xa3\x9c}\xc0!\xc6Yj\x1e"\xd2u^\xcf&gt;\xfb\xec\xe8\xd1\xa3\xeb\xeb\xeb\r\x9d%\x93\xd6\xc43\x0b\xbez\xbag\xdb|\xbd!\xe2X\x7f\x87\x96\x8f\xa6\x91\x86\x88\xdd6_\xff\xea\xe9\x9e\x13\xcf,H&amp;-Cg\xf5\xf5\xf5\xa3G\x8f~\xf6\xd9g5M\xe3\x9c;\xab\xd2C\x86\xb3\x038\x14\xa4\xcb^n\xbe\xf9\xe6G\x1f}\x941"\x04A\x14\xff\xfaC\xa7\x1b/n\x13\x8ap!\x90:\xdd\x1d~\r\xe4pF\x04\x04L_\xa6\xa1?!\xdbD|\xffg\xe4O\x10H%\xaa8\xe9*\xbf\nr\xc0\xfbs\xd8c\xaf\xee\xf9\xddC\xdb\x08\xa1\x94"\xe7x\xd3M7M\x9a4\t\x9cJ\xb1C\x85#\x00\x07\x1d9\x94m\xdb\xbe\xf6\xdak\x9f}\xf6Y\xd9 \xc5\x9f\xcd\xa6\xfe\xad\xeb\xe9#s\x83aN\x88cV~6\x88\x80\x00\xb8\xd7\xd2\x13\x00 @\t\xd15\x02\x00.\x83PJ\x00\x81j\x00\x84\xa4\xbeC\xa0m\xff\xf7\xd1\xaei\x04\xe8\xde\x1fA\x146\x00\x01!0i"\x00X6\x8a\xef\xffQB\x08q\x84\xe1\xe7\x83\x08\x88\x10\xf0\xb1\x0f\xe74L\xf8\xd3\xe6P\x94\xcb\xa9q\xd5UW\xfd\xfb\xdf\xff\xd64\xcd\xd1\x80C\x80#\x00\x07\x17\x19\xd7\n\x06\x83\xa7\x9dv\xda\xbcy\xf3R\x99\xfe\x1d\\S\xee\xed:\xe2\xf0\x9c\xda:Kw\xdc&gt;?\rD\x10\x88\x88@\x00\x08%\xbaF\x18\x05\x97N)\x05`\x04m\x14\x08\x89\xa4\xa8m\xb0\x19\x85\x8a\xed\xc9h\x8ck\x8c\xac,\x8f\x85\xa2\x1c\x00\x18%\xf5a{\xed\xb7\xf1\xff\xfa\x87\xfat\xf3\xe4\xf94.\x10\x00\xfc\xd9l@\x99\xd7\xe6\x98\xede\xa5\x1d]\\@A\xae\xe6vQJ\x80h\x048\n\x01IKp\x01\x96\x8d(\x10\x01\x08\x01J\x9c\xbc\xf6\x9f\x8aecA\xbe&gt;wi\xe4\xb2?o\xde\xbc#U%p\xd4QG}\xf4\xd1G\x81@\xc0\t\x0b\x1fl\x1c\x018\x88\xc8\xe1\xbbk\xd7\xae3\xce8c\xf1\xe2\xc5rp\x0f\xea\xe9\xfd\xf8\xb1\xb2\xc2\x80\xde\x10\xb1\x1d\xeb\xff#4\xb5\xf8\x8c\x11C\'.\x83R\x8d\x00\xc7\xa4\x85u\rv0lo\xdbcVV%w\xd5Y\x95;\x92;\xaa\xcdH\xa3\xd8\xb4=A)\t\x86\xed_\xfd~\x02&gt;M\x08\xec\xde\xd1\x9d\x93E;\x14\x19%\x1d\\\xed\xf2\xf5\x92bW\xa76F\xc0\xa7\xe5\xe7j.\x9d\x00#\xc2\xc6\xa4)L\x0b9w\xf4\xe0\'a\xd9\x98\x9b\xa3\xd5\x04\xadSo,_\xb6!&amp;\xa7\xc9\x90!C&gt;\xf8\xe0\x83v\xed\xda9\x1apPq\x04\xe0`!\xf3\x19\x16/^|\xc6\x19g\xec\xda\xb5\xcb\xed\xd2\x12I{\xdc\xc9\xf9\xff\xfacg\x8f\x8b8\r\x1e\x0e\x88@\x90\xebhF\x89\xcb .\x83RFP`8\xcaw\xd6X\x1b\xb6\xc4WU\xc47mKl\xde\x91\xac\xd8\x96\x88\xc6D&lt;)\x9a\xfb\x96\xc1\xe3\xa2\xd9^Z\xda\xc9\xdd\xb5\x83\xab{\'w\xffRO\xcf.\x9e\xf6\x85\xba/\x9b\x11J\x04\xc7\xa4)\x92&amp;r\x81r\xef\xe2\xc4z\xf6G6\x8d\x88\'\xf1w\x0fn}\xf9\xd3:9Y\xda\xb5k\xf7\xc1\x07\x1f\x0c\x192\xc4I\r:x8\x02pPH[\xff\x13N8!\x18\x0c\x1a\x86f\x9a\xf6\xa5\xa7\x15L\xbe\xbb$\x16\x17\xa6-\x9c\x86\xfei\x10A\x08D\x00\x8d\x11\xb7A].\x02\x04\xe2q\xb1e\xa7\xb9aK|\xc5\xc6\xd8\xca\x8a\xf8\xc6\xca\xf8\xb6\xddf,\xf1S\xcd\xbd\xd7\xad\xb9\xdc\x1a\nlW\xe8i\xdb6\x1b\xb8\x00\x80\xdc\x1cc@\xef\x02\xe4\xf8C\xebqD \x8c\xac\\W\xdb\x101\x01\x00\x18\xdd\xbd;\xba\xab&amp;N(I&amp;\xecX\xe2\xa7\xee*\xbcn\xda\xa9\xad\xd1\xa3\xc43\xa0\xd43\xb0\x87\xb7g\x17O\x97\xf6\x86\xc7C\x01!\x99\xc4\x84)l\x8e\x04\xc0\xe9\x80\xd0\x14.\xd0\xd0\xa8\xd7C\'\xde]\xf9\xe2G\xb5r\xca\x04\x02\x81/\xbe\xf8\xc2\xd1\x80\x83\x87#\x00\xbf&gt;\xe9d\xff\xd3N;-\x18\x0c\xea:\xb3,\xfe\x8f\x1b\x8bo\x1d\xdf.\x16\xe7B\x80\x13\xd9\x02\x00!@ RB\xdc.\xe26(a\xa4!l\x7f[\x95\\\xb2\xb6q\xcd\xa6\xd8\x82\xd5\x8dk7\xc7\xe3\xff\xcd\xe2\xfbs\x0c\x7f\x8e\xd1\xad\xb3?\x90c\xf4\xef\x95\xef\xcf\xd2\xa5\x89/\xed\xec\xcb\xf1\xb9\xd0\x16\xfe\x1c\x83\xfa\x0c\xe0\x08\x84\x00\x010\x18\xfc\xf8x\'\x00&amp;\x97\xf1e`D\x84\xcdP\xc4$\x1a\x8d\x84\x93\x15[\xc3R\x1eB\x8d\xd6\xaa\xf5u\xc1\x88\xf9\xed\xd6P(b\x86\xa4Z\xfc0\x1e7\xed\xd3\xd5sD\xbf\xac\xbe\xdd\xbd\x83\xfbdu+v\xe5\xfa4\xe4\x980E"\x89\xf2!8C\x02\x00\xe4\xd4\xf0z\xd8\xc3/\xed\xba\xe3\xb1*9q\x02\x81\xc0G\x1f}\xe4\x94\x08\x1c$\x1c\x01\xf8\x95\x91\xc3\xf4\xd9g\x9f\xbd\xf6\xdak\xb9mk\x1a\xb3l\xfe\xd8\x1f;\xdd0\xbe]\xb0\xcer\x12~\x84@\x81\xa03\xe2qS]\'\xb6\x8d\x9b\xab\x92K\xd7\xc7\xe6\xaf\x8a\xccX\x18\xae\xd8\x96\xb4\xf9\x0f\x0eH\x7f\x8eQ\xd6\xc5\xdf\xb1CN\xbf\x1ey\xfd\xbb\x07\n\n\xbc\xbdK\xfcY^\xdd\x93\xe7\x06\x000\x18\x08\x04[\x00!`r\xe0\x02\x08\x01.\xc4\xde_\x88\x00(\xfe\xfbh\'MrE)#\xc0( \x02\xa3`0@\x04\x8d\x02%`r\x00\x88\xd7\'\x1ac\xd6\xba\xcaPmml\xd5\xa6\xe0\xea\x8d\xf5\xdbwD\xca\xb7\x84~D\x124FJ;\xb9\xc6\x0c\xf3\r\xef\x9fsx/o\xd7b\x97\xa6\x11\xcb\xc2xBX\x1c)\x81V\x9e\r\x9cJ\r\xca\xd7\x1f\x7fi\xd7\x8d\x0fn\xd35f\xdb\x9ci\xda\xbf\xff\xfd\xef\xab\xae\xba\xca\xd1\x80_\x1dG\x00~M\xd2\xd6\xff\xea\xab\xaff\x94\x08$\x88\xe2\xb1?v\xbea\\\x9b\xdaZK\xd3Z\xaf\xf1\x97v_c$\xcbC5\x9d6\x84\xec\xd5\x9bbs\x96E\xbf\\\x18Z\xba.\x16\x89\xa5z\x81\x11\xf2\xbd\x01\xe9\xf5h}\xcb\xf2z\x97\xe6\r\xe8\x95\x7fX\xaf\xfc&gt;]s\x0b\n\xbd\xe0\xd1\x80Q\xe0\x02\x04B\x92\x83@a\x8b\x94q\'@dr&amp;M}\x01\xff[\x82f\xfa^\x10\x10E\xea\x0b\xc0\x94HP)\x06.\x06\x94\xa4n)n\xd7\xd6\xc4\xd6nnX\xbe\xben\xe5\xfa\xbau\x15\xf5k\xca\xebc\xf1\xef|GM\xdf`\x8e\x97\x1d\xde\xdb{\xdc0\xff\xc8A\xd9\xfd\xba{s\xfd\x9am\x89\xc6\xb8\xb0[\xb7\x12 \x80mcA\x81\xfe\xf8\xcb{n|p+!\x94\x12\xe4\x02\x9fy\xe6\x19G\x03~u\x1c\x01\xf8\xd5hj\xfdu]\xb3,\xee\xcf\xa62\xd9\xbf&gt;d\xb7\xce\xc3\xbc\xa4\x9f\'m\xf7Ca{\xe9\xfa\xc6\x8f\xe64|&gt;?\xb4\xa12\xb1\xf7\xbb\x084\xf1\xcb\xe4\xe5\xba\x06\xf6*\x189\xa4\xdd\xf0\xc3\xda\xf4\xec\x9a\xdb\xb1\x93\x0f\xdc\x1a\x10\x00[@\x92\xa3%\x84@D$\x84\x00\x01J\x00\xa0\xd9&lt;\xe9\x88\x90\xdaT \xc8[\xa2\x94\x10\x9d\x82\x8b\x81F\x01\x01\x12\xf6\xf6m\xe1\r\x9b\x1b\xe6/\xdf3g\xf1\xae\x15\xebk\xeb\x1b\x92M~\xc1wo\xbcg\x89\xfb\xc4\xe1\xfe\xd3F\xe6\x1e\xde+\xcb\xefk\xaa\x04\xad\xd4;\xc49\xe6\xf9\xb5\xbd%\x02B\xd7\x99e\xd9\x8e\x06\xfc\xea8\x02\xf0\xebp@\xeb\xff\xd1\xbf\xcaF\x0cn\x8d\xc9\xfe\xf2@(J\x89\xd7M]\x06\rERv\xff\x8b\xf9\xe1\xf5\x95\xa9L|B\xbe[_\xe7d\xe9C\x06\x14\x8d8\xbc\xed\xc8\xc1\xed\x06\xf6\xce\xcfk\x93\x05.\x066\x82\xc91\xc9\x85@\x04$\x84P\xd2|\xc6\xfe\'\x83\x88B\xea\x01\x10J\tq10\x18h\x04\x92\xbc~O\xe3\x8auus\x96\xec\x9a\xbbt\xf7\xe2\x95\xd5\x91FK\xfeH\xd3G\xd1\xab\xc4s\xc2p_J\tr\xb4\xa4)b\t!\x04\xb6\xc2#\xe1R%\x02K"\xa7\xfd\xae\xdc\xd1\x80\x83\x84#\x00\xbf\x02?h\xfd\x0f\xcb\xaemh]\xc9\xfer\xc9\xef6h\x96\x97&amp;L\\\xbf9\xfe\xce\x8c\xe0\xbb3\x82i\xbbO\t\xa4\xfd\xf0\x9d:d\x8f9\xb2\xf8\xd41\x9d\x87\xf6+,\xee\xec\x07\x9d\xcae\xbe0\xb9\x10H\x08!\xf4\'5oP\x19\x81\x88\x02\x10\x91RB\r\x96\xda\x1cX\xa2jkh\xd1\xea\x9a\x8fgl\x9d\xf1M\xd5\xb6\x1dQ\xf9\xcdM\x1fN\xaf\x12\xcf\xd9c\x02\xe7\x8c\t\xf4\xea\xeaq\x1b\xa41&amp;\x12\xa6hm\x1b\x02\xcb\xc6\x82\\m\xee\xf2\xa8\xa3\x01\x07\tG\x00\xfeW\x1c\xeb\x0f\x00\x08\xc09RB\xb2&lt;\xd40H\xe5\x8e\xe4\x97\x0b\xc2oL\xaf\x9f\xbd$"\x83\xba\x94\x90t\x8f\x9d\xde\xa5\x81\x93Gw&gt;\xeb\xf8.\x03{\xe6{\xf3=\x00\x00\t[$SF\xbf\x05\'G\xa6\x12^\xa5\x18\xb8\x18\xb85\x00\x88\xd5\xc5Wl\xa8{o\xda\x96Ogm]W\x11\x94\xdf\x99~\\\x1a#\xa3\x06\xe7\\06\xef\xb8#|%\x1d\\\xa6\x89\x8dq!\x10\x19k\xa9\x0fi_\x1c\r8\xa88\x02\xf0?\xe1X\x7f\xe9\xed\xd15\xe2\xcbf\xa6\x85\xcb7\xc6\x9ey\xa7\xfa\xe39\xa1\xeaz\x0b\xf6\xb7\xfb\xc7t&gt;kl\x97a\xfd\x8b\x98\xdf\x05\x96\x80\x84\xcd-\x01\x00-`\xa5\xffs\x91;\x03\x00`:\x05\xb7\x06:\xe5\xa1\xe4\xc2U\xd5\xefM\xdf\xf2\xe9\xcc\x03(AQ\x9e~\xeaH\xff\xd5\xe7\x14\x1d\xd6\xc3k\xe8$\x1c\xe5\x96\xddZ\xfcB\x8e\x06\x1c&lt;\x1c\x01\xf8\xe5\xc8\xc1\xf7\xdcs\xcf]u\xd5U\xad\xd0\xfa7\xf5\xf6\xd4\x87\xf8\xfb3\x83\xaf~V7kI\x84\x0b\x04 \x94\xa4R.\x8b\xdbf]xZ\xe9Y\xc77\xb1\xfb1\xcb\xb6\x05\xa1\xc4\xe9\x91\x00\xe9\x8e\x17\x025\x8d\x82W\xffN\t\xa6my\xfd\xa3\x8a\xaa\xdd\x8d\x90r\r\x11\x00d\x94\x8c\x1e\x9cs\xf1I\xf9g\x1e\x13\xc8\xf3\xb3\xd6\xe3\x17:\xa0\x06&lt;\xfb\xec\xb3W^y\xa5\xa3\x01\xff\x0b\x8e\x00\xfcB\xe4\xb0[\xb0`\xc1\xf0\xe1\xc3\x19\xa3\xb6-Z\x8f\xf5\x17\x02\x101\xcb\xcb\\n\xba\xb5*\xf9\xec{5oM\xaf/\xdf\x9a\x00\x00J\x89\x10\x08\x00.\x83\x9d0\xaa\xe3\x15\xe7\xf6&lt;\xe6\x88\xf69m\xb2\xbeg\xf7[\xdbj\xff\xa7\x81\x00B|O\t"{\x1ag.\xd8\xf9\xfc\xdb\x1b\xbe\x98\xbd=irh\xf2x\xcb:\xbb\xcf\x1b\x9bw\xd5Y\x85\x9d\x8b]\xc9\x84h\x8cq\xd2\xd2e`\x1f\r\xd04\xca\xb9\x98?\x7f\xfe\x11G\x1c\xe1h\xc0/\xc6\x11\x80_\x82lP\xb5x\xf1\xe2\x13O&lt;1\x1cj\x00\x029^\xf2\xc1\xa4\xd2\x11\x87\xe5\xb4l\xeb/W\xfd\xd9^\xe62\xc8\xe25\x8d\xaf~^\xf7\xeag\xf5\xd2\xdb\xa31"\xdd\xfd=\xbb\xe5^pZ\xe9\x85\xa7v\xef\xd9+\x1f\x00 f\xd9&amp;w\xec\xfeO\xe7;%0\x18xu\x00\xd8\xb0\xbe\xee\xf5\x8f7\xbd\xf1Q\xc5\x86o\x1b\xa0\xc9\xa3.\xca\xd3/&gt;)\xef\xe2\x13\xf3\x87\xf4\xcdJ\x9a\x18\x8d\xf1\x96\xbd\x1b\xd8\xab\x01\x913n\xae\x88\xc4\x10\x10|\xfe\xdc\xcf?\xff|\xc8\x90!N\xcf\xb8_\x86#\x00?\x9b\xb4\xf5\x97}~t\x8dY6\xff`R\xe9\xe9\xc7\x06j\xea,\xa3\x85Z\xff\xa6\xa6\x7f\xc9\xba\xd8\xe3\xaf\xedy\xfd\x8b:\xd3B\x00B)\n\x01\x000\xf6\xe8\xe2\xf1g\xf78\xff\xa4\xae\xae\x80\x1b\x12\xb6\x88\xd9\xe8t\xbc\xf9\x1f\x90Ac\x02@\xbd\x1a\xb8\xb5d0\xf1\xe6g\x9b_zw\xe3\xf4\xaf\xab\x00\x80R\x10\x82\x00\xa0\xa1\x93\x0bO\xc8\xbf\xe1\xa26\x83{{[\xbc\x0c\x986\x16\xe6\xeb\x1f~\x15&lt;\xe3\xe6\n9\xf5\xd2\xfd\x82\x1c\r\xf8\x058\x02\xf0\xf3\x90\x87T\xd4\xd4\xd4\xf4\xe9\xd3\xa7\xa6\xa6F\xd75\xcb\xb2\x1f\xfbc\xa7\xeb/lS\xdf\xd02\xcft\x94f(\xab\x89\xe9\x7f\xed\xf3:\xcbF\xc6\x08\xe7)o\xcf%g\x94^qa\xaf\xe1\x87\xb7\x05\x97\x06\x91$\xb7\x85\xcc\xe7i\xee{o!\xc8\xdc!\xa6Q\xc8qA\xd2\x9e\xbft\xf7\xf3\xaf\xaf\x7f\xe5\x83\n\xe9\x17\x92\x1f\x84\xae\x91\x8bN\xfcN\x06\x1ac\xbc\xa5J\xafmc^\xae\xf6\xc4\xeb{n|p\x9b\x9c\x80\x85\x85\x85k\xd7\xae-,,t\xce\x90\xf9\xb98\x02\xf03\x10B\x00@CC\xc3I\'\x9d\xb4h\xd1"\x97KK&amp;\xed\xc7\xfe\xd8\xe9\x86qm\xeb\xeb\xac\x96W\xeb+3|\xdc.\xeau\xd3\xa5\xeb\x0f`\xfa\xdb\x14x~;\xae\xef\x05\xa7v\xef\xd9;\x1f8b\xd4\x14\x88\xd4\xe9tzp@\x00\xc1\x05%\x84d\x1b\xc0\xc8\x86uuo|\xbc\xe9?/\xaf\xd9S\x1b\x87\xfdd\xe0\xf0^\xdeXB$\x92\xa2Ef\nq\x8ey\xf9\xfa\xe3/\xef\xbe\xf1\xc1mr\x1a\x0e\x1d:\xf4\xb3\xcf&gt;\xcb\xcd\xcd\x05\x00G\x03~:\x8e\x00\xfcT\x10S\x1d\x08\x8e:\xea\xa8o\xbe\xf9F\x1e[\xf1\xf7\xeb\x8b\xef\xb8\xa6Cm\xb5\xd9\xf2\xfc\xfe6GC\xa79\xd9l\xfb\xae\xe4?&amp;\xefz\xee\xbd\x9a\xfdM\xff5\x97\xf4i\xd3\xc9\x07q\x8b\xc7l\xd2\x8a\xdb\xd7\x1cb\x84@D`^\r&lt;\xfa\x9em\xe1\xa7^Y\xbb\xbf\x0c\\yV\xe1\x1d\x13\xdbul\xe7\x8aD\xb9i\xb5\xc0\xc3\',\x1b\x0b\x8a\x8c\x7f&lt;\xb5\xe3\xff\x9e\xa8\x92\x93\xf1\xc8#\x8f\x9c7o\x9e\x9c\xa4-P\xf4\x0e\x0e\x8e\x00\xfc$\x10\x91s\xaei\xda\xd5W_\xfd\xec\xb3\xcf\xba\xddF"aN8\xb5\xe0\xf9\xbbJ"\x8d\x9cPhI\xc3\x8d\x0b$\x84\x04\xfc\xda\xee\x1a\xf3\x897\xaa\x9fy\xa7\xba&amp;h\x1f\xd8\xf4GM;aS\xeax{\x9a\x01!P\x08\xd4\xdc\x1ad\x1b\x07\x94\x81\xc2\x80v\xf59E\xd7_P\xd4\xb6\xd0\x08\x86lDlI{3\x04@\x019Y\xec\x8a{*\xa7~\\+\xa7\xe4UW]\xf5\xcc3\xcf\xd8\xb6\xcd\x18s4\xe0\xa7\xe0\x08\xc0OB\xe6\x99\xdd|\xf3\xcd\x8f&gt;\xfa\xa8\x1cj\x17\x9d\x98\xf7\xf2}\xdd"\x8d\x1c\xb1\xe5tx\x96&gt;\x1f\x7f6\xb38\xbc\xf4q\xedC/\xee\xda\xb4=\x99\x0e\xf3\xb6\xc9\xf7\xfcv\xfc\xf7L?cNfO3\x83\x08\x9c\x8b\xef\xc9\xc0Kk\xf6\xd4\xc5\xd3!\xe2\xee\x1d]\x7f\xb8\xb4\xdd\xf8S\x0bt\x06\xa1(oI\x1e!9\xf5r\xb2\xd8\xb8;\xbf}\xed\xf3z91o\xba\xe9\xa6I\x93&amp;9\x89\xa1?\x11G\x00\xfe;M\xcb}].=\x99\xb4\x0e\xeb\xe9\xfd\xf2\xa9\x9e\x86F,[\xb4\x98\xc5\xaf\xcd\xd1m\xd0\xac,6gI\xf8\xae\xa7v\xccZ\x12\x01\x00]#\x96\x8d\x86N\xff\xf8\x9b\xc3n\xb8\xac_Q\xb1\x0f\x1a\x1d\xd3\xaf\x1c\xdf\xc9@\x96Q]\x15~|\xca\xea\x07\x9f^nZB~|\x000zp\xce=\xd7t\x189\xd8\xd7\xd8\xc8\x13f\xcb\xf1\x08\t\x81\xbaFM\x1b\x8f\xbbf\xc3\xf2\r19=\x9d"\xe1\x9f\x8e#\x00\xff\x05\x99[\xd6\xa4\xe0\x8bwng|3\xb5wn6\x8b\'[\xc8\xc9\x8eB\x00\x00\x06|\xda\xf6j\xf3\x1f\xcf\xefz\xe6\xdd\x1a\xce\xd1e\xd0\xa4)\x00`\xe2y=o\xber@\xdf\x01E\xd0h9\xa6_e\x9a\xc8\x80\xbefe\xf5\xa4\xe7VN~k\x03\x00\xc8\x8f\x921r\xf5\xd9\x85w\\\xd1\xaec\x91\x11\x0c\xdb\x00-$U\x94\x0b\xf4\xb8hC\x94\x1f9a\xdd\xd6]\xa6\xa6\xb1t\x81\x98\x93\x18\xfa_q\x04\xe0\xc7\x90Ye\x95\x95\x95\x83\x07\x0f\x0e\x85\x1a\x08\x01\x9f\x97|\xf0h\xd9\x11\xfd\xb2CQ\xbbe,\xa3l\x8eY\x1e\xa6k\xe4\x95O\xebn\x7fl\xfb\xaeZ+\xed\xee\x1f3\xbc\xc3\x1d\xd7\x1d&gt;fLgHp\xdehR\xe6\xc4\xd62\x00D\x14\x1cY\x96\x01n6c\xc6\xd6\x7f&lt;\xb9t\xc6\xfc\x1d\xb070\xd0\xae@\xbf\xff\xc6\x8e\x97\x9c\x9co\xd9\xd8\x18\xe7-f\x0c\xfb\xb3\xb5\x05\xab\xa3g\xdcT\x1e\x8e!"\xf8\xfd\xb9K\x96,)))q\x12C\x7f\x1cG\x00~\x10\xf9d\x1a\x1a\x1a\x8e?\xfe\xf8%K\x96\xc8S\xaae\xc1W\xcbh\xf1/\x04\x02!\x01\xbf\xb6jc\xec\x0f\x8fn\x9f\xf6M\x08\xf6\x9a\x89\xf6EY\x7f\xbbu\xe8\xe5\x17\xf4\x04\x9d\xf1\x86\x04q\xc2\xbc\x99\x86\xac%f\xb9n\xb0\xf8\x0bol\xf8\xd3\xc3\x8bvV7\xa6\xa5\xfd\xf8#\xfd\x0f\xdd\xd4\xb1\x7f\x0fo0d\x03b\x0b\xf8p\xe5\xe1\x01\xb2@LN\xd5\xc1\x83\x07O\x9b6M&amp;\x86:\x0b\x97\x1f\xc2\x11\x80\x1fD\xfa\x10\xcf;\xef\xbc\xb7\xdf~[\xfa\x16\x1f\xb9\xb5\xd3\xcd\x97\xb4i\x19\xcd\x1el\x1b\xb3\xb3\x18\x00&lt;\xf9\xc6\x9e\xbb\x9f\xde\x19i\xe4\x86NMK\xe8\x8c\\3\xae\xef\x9fn\x1c\\\xd4!\x1b\x1b\x12B@\xcb\xaboh=p\x8e\x94\x02\xc9uW\xef\x88\xfe\xed\xb1%O\xbd\xbc\xc6\xe2(?\xe8\x9c,v\xf7o\xda_wA\x1b\x00\x886\xf2\x16P\xc3(\x1bELze\xcf-\x0fo\x93\x13\xf6\xdcs\xcf}\xeb\xad\xb7\x9c`\xc0\x8f\xe0\x08\xc0\x81\x91\x83\xe6\x9e{\xee\xb9\xfb\xee\xbbev\xc1\xa5\xa7\x15L\xf9k\xd7`\xc8\xce\xf4\r\xa5l\xdb\x10\xc8\xd5Vo\x8c\xdd\xfc\xf0\xb6\x19\x8b\xc2\x84\x10\xb9\xe1\x196\xb0\xe8_w\x8f\x18vD{\x88Zv\xd2\xd6\xb4\x0c\x7f\xab\x0e\x00\x00`\xdbBsi\x90\xad/\\\xb0\xf3ww\xcf]\xb8\xa2\x9a\x10\x90s\x7f\xccP\xdf\xa4[;\xf5\xeb\xe1\r6\xd8\x00\xd0\x02\xc6v\xc0\xaf]\xf6\x97\xcd/~\x94J\x0c\xbd\xfb\xee\xbb\xef\xba\xeb.G\x03~\x08G\x00\x0e\x80\x8c\x1d\xbd\xf3\xce;\xe7\x9e{\xae\xcb\xd0\x93\xa65\xa4O\xd6\xec\xe7z\x9a\x16fz\xd2\xa7\xcd\xd1\xeb\xa6\x9aF\x1f\x7fm\xb7\\\xf8\xcb\x08\xa1?\xdb\xb8\xf7\xf7C\xaf\x19\xd7Gwi&lt;\x9ct\xdc\xfd-\x8cT`\xc0\xe7\xb2\x92\xf6S/\xaf\xfd\xf3?\x17\x85\xa2\xa6\xfc\xe8\xe5V\xe0\x86\x8b\xda\xda\xb6\x88%2;AHNOC\'\xa3\xae\xdc\xb0xm\xa3\x9c\xbco\xbf\xfd\xf69\xe7\x9c\xe3\x04\x84\x0f\x88#\x00\xfb"\x84 \x84\xc8\xc0o8\x1cB\xc4|?[\xf4R\x9f\xa2&lt;-ibF/\x91l\x1b\xf3\xfc\xda\xd6]\xe6-\x8fl{\xef\xab`z\xe1\x7f\xc2\x88\x8e\x8f\xddstY\x9fBhH\x08\x8e4\x93M\x80\xc3\x8f\x90\xfaps\xdd\xe5kkn\xbc\xeb\xeb/\xe6nOo\x05\xce:6\xf0\xc8-\x9d:\xb73\xeaC\x99\xdd\xd2J\x08p\x19\xa4\xba\xde\x1e:~m]\x88\x13B|&gt;\xbf\x0c\x08#\xa2\x13\x10\xde\x07G\x00\xbe\x07"\xca\x86?G\x1f}\xf4\x82\x05\x0bt\x9d\t\xce?\x7f\xb2\xc71C|\r\x91\x0cN\xfb\x11\x02\x08\x81\\\xbf\xf6\xe1\xcc\xe0\xd5\x7f\xdb\xb2\xa7\xcer\xbbh")r\xb2\xf4\xfb\xfe0\xec\x86\xcb\xfb\x03\x82\xddh:&gt;\x9f\xd6\x80m\x0b-\xcb\x00\x02\x8f\xbf\xb0\xea\xce\x87\x16F\x1aS\x83\xa1M\xbe\xfe\xcc\x9f\xba\x9c~L\xa0!d#f\xb0;\xc8\xe6\x98\x9b\xa3\xcd\\\x1c&gt;\xf1\xba\x8d\x941\xcb\xe2G\x1cq\xc4\xd7_\x7f\r\x00\xb4\xa5v\xc8\xfb\xa5d\xec\x87|p\x90\xfb\xc4\xdf\xff\xfe\xf7\x0b\x16,p\xb9t\xcb\xe2\xf7^[|\xdcp\x7fF[\x7f\x9b\xa3\xdbE\xbcnz\xe7c\xdb\xcf\xb8\xb9bO\x9d\xa5\xeb4\x91\x14\xc3\x06\x14\xcdz\xf3\xcc\x1b\xae\x1b$b\x96\x88[\x8e\xf5o%h\x1a\x15qK\xc4\xac\x1b\xae\x1b4\xeb\xcd3\x87\r(J$\x85\xae\xd3=u\xd6\x197W\xdc\xf9\xd8v\xaf\x9b\xba]\xa9#\x072\x11\x8d\x91\x86\x88}\xdcp\xff\xbd\xd7\x16[\x16w\xb9\xf4\x05\x0b\x16\xfc\xfe\xf7\xbfg\x8cq\xce\x9b\xfb\xee\xd4\xc2\xd9\x01|\xc7\xf7\\\xff.=\x99\xb4N\x1f\x95\xfb\xee#\xa5\xe1\x08\xcf\xe8\xd5P\xbe_\xab\xdc\x91\xbc\xea\xde-3\x16\x85u\x8dZ\xb6\x00\x80\xbbn\x1c\xfc\xa7\x1b\x0f\xd7\x0cfG\x9c\x85\x7f+\xc5\xb6\x85\x96c\xd8&amp;\xff\xdbcK\xefyl\t\x00\xc8\xe11f\xa8\xef\xd9?w)\xe9\xe0\xaa\x0be\xf0\xbaG\x08\xf0\xe5\xb0\xb3o\xa9\xf8pv\x83\x9c\xceN0`\x7f\x1c\x01H\xd1\xd4\xf5\x1f\x89\x84\x84\xc0Nm\x8d\xf9Sz\xf9\xb2\x98ic&amp;\xe6I\x0b\x04\x02\x90\xeb\xd3&gt;\x9c\xf5=\xb7O\xbbB\xef\x0b\x0f\x1ds\xc2\xc9\xdd \xe8x\xfc[;\xa9\x01\x10p\x7f\xf1\xe9\xb7\x97\xffa\xe6\xae\x9a\xd8\xf7\xdcA\xa3\x03\ra\x1b\x012t\xfc\x1b\x1a\t7\xf2\xe1\x97\xad\xdf\xb6\xdb\xa4\x94\xe4\xe48\xc1\x80}q\x9e\x02\xc0\xdeV\xcfB\x88K.\xb9$\x18\x0c\x12B\x08\xe0\xf3wu)\xca\xd3\x13\xa6\xc8\xc4\xd1\xcf\x05\xea\x1a\xc9\xf6\xb2\x07^\xd8\x99r\xfbh$\x91\x14\'\x1c]\xbc\xf4\xe3sO8\xbe\xc4\xae\x89!\x82c\xfd[9\x94\x11D\xb0kb\'\x1c_\xb2\xf4\xe3sO8\xba8\x91\x14\xbaF\xa4;\xe8\x81\x17vf{\x99\xae\x11.2o\x99H\t$LQ\x94\xa7?\x7fW\x17\x02H\x08\t\x06\x83\x97\\r\x89\x90\xc7\xeb8\x0b_\x00p\x04@r@\xd7\xff\xb1G\xf8\x1b\xc2\x19\xb9\x05\xb69z\xdd\xcc\xb4\xc4\xe5wo\xbe\xfd\xb1*]\xa3\x00`\xd9x\xf7\x8d\x83?\x7f\xe5\xf4v\x85Y&lt;\x98\xd04\xa7\xa5\x8f\x03\x00\x00!\xa0i\x94\x07\x13\xed\n\xb3&gt;\x7f\xe5\xf4\xbbo\x1c,\xfb\xc7\xe9\x1a\xbd\xfd\xb1\xaa\xcb\xef\xdelZ\xc2\xebf\x99\x18\x12\xd0\x18i\x08\xdb\xc7\x1e\xe1\x04\x03~\x10\xc7\x05\x94\xb2\xfe3f\xcc8\xee\xb8\xe3Z\x80\xeb\xdf\xb217\x87UU[\xe7\xdcZ\xb1lC\xcc\xedb\x89$\xcf\xf7\xbb^yl\xec\t\'v\x15\xc1D\xcb(\xfdw\xf8\xd5\x91\xadAh\xc0\xfd\xc5\xe7\x9b/\xb9qz]()\x07\xcf\xa0\x9e\xdew\x1e.-.\xd2\x1b"&lt;\x13k\xe0\xf7\x0f\x06|\xf9\xe5\x97c\xc6\x8cq\x82\x01\xe0\x08\x80\xdc\x0c644\x0c\x1d:\xb4\xb2r3\x00)\xc8\xa5\x0b_\xeaS\x14\xc8\xc8\xac\x7f\xdb\xc6\xfc|}\xce\xe2\xf0\xf9\x7f\xfcvO\xbd%\'\xf0\xd0~\x85/?&gt;\xb6\xb4G\xbe]\x1fw\xe2\xbd\x0e?\x8em\x0b-\xcfS\xb1\xb1n\xdc\r\xd3\x17\xad\xae\x91C\xa8M\x9e\xfe\xe6\x83\xddF\x0e\xf1\xd5\xd5Y\x19W%\x90\xaa\x0c\x08\xda\xc3\xc6\xaf\xadm\x10\x00XR\xd2u\xd1\xa2E\xb9\xb9\xb9\xce\xd9a\xad\xdd\x1cp\xce)\xa5\xbf\xfd\xedo\xbf\xfd\xf6[]cB\x88g\xfeT\xd2\xb9\xad\x11O\x8a\xcc\xb2\xfe\x88\xc09\xe6\xe7\xebO\xbfY}\xca\r\xe5{\xea-C\xa7\x89$\x9fxn\x8f/\xdf&lt;\xb3\xb4k\xaec\xfd\x1d~\n\x9aF\xed\xfaxi\xd7\xdc/\xdf&lt;s\xe2\xb9=\x12In\xe8tO\xbdu\xca\r\xe5O\xbfY\x9d\x9f\xafs\x9ea\x8bFJ!\x9e\x14\x9d\xdb\x1a\xcf\xfc\xa9D\x08\xa1k\xec\xdbo\xbf\xfd\xedo\x7fK)u\x1cA\xad\xda"\xc8S\x1e\xdf|\xf3\xcd7\xdf|\xd30\xf4\xa4i_sn\xd1\x19\xc7\x06\xea3\xcd\xf5/\'d^\xae\xf6\xd8\xcb\xbb\xaf\xb9oKc\x02\t\x01\xd3\x12\x93\xee\x1c\xfe\xfc\xa4\xe3rt\xc6\xa3N\x9a\xbf\xc3OE\xd3(\x8fZ9:{~\xd2q\x93\xee\x1cnZ\x82\x10hL\xe05\xf7my\xec\xe5\xddy\xb9\x1a\xec\x1dr\x99\x82\xc6H}\xd8&gt;\xe3\xd8\xc05\xe7\x16%M\xdb0t9\xeb5Mk\xe5\x1a\xd0z]@\xb2\xe2\xb7\xb6\xb6\xb6_\xbf~uu\xb5\x9cc\xffR\xcf\xfc\x17{\xd9v\x865\xfc\x11\x02)%Y^\xf6\x9b\xbfUN~\xbf6\xd5\xeb\xd1\xab?z\xf7\xd1\x13/\xef\xcfkc\x14\x808N\x7f\x87\x9f\t\n\x14\x00\xac\xc0;\xf9\x85U7\xdd\xfdu$f\xc9\xa15\xf1\xcc\x82\xa7\xffT\xd2\x18\xe3r\xe05\xf7m\xfeT\xe4\xa4\xd642\xfc\xd2\xf5\xab*\xe2\x8c\x91\xfc\xfc\x82\xd5\xabW\x17\x14\x14\x00@\xab\xcd\nm\xa5o\x1b\xf6\x1e\xf6r\xc3\r7TWWSJt\r\x9e\xb8\xbd\xb3\xa1\x13.0\x83\xac?\x17h\xe8\xd4\x97\xcd\xae\xbc\xa7r\xf2\xfb\xb5.\x83\x9a\x96\xc8\xf3\xb9f\xbcr\xda\xc4\xcb\xfaY{\x1a\x19%\x8e\xf5w\xf8\x05\x10J\x18%\xd6\x9e\xc6\x89\x97\xf5\x9b\xf1\xcaiy&gt;\x97i\t\x97A\'\xbf_{\xe5=\x95\xbelf\xe84\x83\xd2C\t\x91\x93\x85&lt;q{g]\x03JIuu\xf5\r7\xdc@)\x95k\xc1\xd6I+\x15\x00\xe9\xfcy\xeb\xad\xb7\xde|\xf3M\x97\xa1Y\x16\xbfe\\\xdb\x11\x83s\xc2\x11\x9eA\xa7&lt;r\x8e^7\x0b\xc7\xf8\xd9\xb7nz\xf1\xa3Z\xb7\x8b%M1\xa4o\xe1\x82\x8f\xce\x1d2\xb8\x9d]\x13\xd3\xf5V\xfa\xf9:\xfcZ\xe8:\xb5kbC\x06\xb7[\xf0\xd1\xb9C\xfa\x16&amp;M\xe1v\xb1\x17?\xaa=\xfb\xd6M\xe1\x18\xf7\xba\x19\xcf\x9c\xf4PFI8\xc2G\x0c\xce\xb9e\\[\xcb\xe2.C{\xf3\xcd7\xdfz\xeb\xad\xd6\xec\x08j\x8d. Y\xf4[SS\xf3\x9d\xf3\xa7\xcc3\xef\x85^\x9c#\x02d\x8a\xf9\xe7\x1c\xbd\x1e\xd6\x10\xb1O\xbe\xa1|\xf9\x86T\x01\xe7\x90\xbe\x85_\xbcrZ \xcf\xc3\xc3I\</t>
        </is>
      </c>
    </row>
    <row r="361">
      <c r="A361" s="1" t="n">
        <v>359</v>
      </c>
      <c r="B361" t="inlineStr">
        <is>
          <t>grid_number_color</t>
        </is>
      </c>
      <c r="C361" t="inlineStr">
        <is>
          <t>What is the missing color if the part denoted with the question mark has the number 7?</t>
        </is>
      </c>
      <c r="D361" t="inlineStr">
        <is>
          <t>['red', 'blue', 'purple', 'yellow']</t>
        </is>
      </c>
      <c r="E361" t="inlineStr">
        <is>
          <t>purple</t>
        </is>
      </c>
      <c r="F361" t="inlineStr">
        <is>
          <t>There is a 3x3 colored grid of numbers. The first row has number-color pair [(7, '?'), (6, 'red'), (2, 'yellow')], the second row is [(7, 'purple'), (1, 'blue'), (1, 'blue')], and the third and final row is [(6, 'red'), (7, 'purple'), (2, 'yellow')].</t>
        </is>
      </c>
      <c r="G361" t="inlineStr">
        <is>
          <t>We observe that the grid cells with number 6 is red in color, the grid cells with number 2 is yellow in color, the grid cells with number 1 is blue in color, and the grid cells with number 7 is purple in color. Thus, the pattern is that the grid cell with the same number will have the same color.</t>
        </is>
      </c>
      <c r="H361" t="inlineStr">
        <is>
          <t>Based on the pattern that the grid cell with the same number will have the same color, the missing color of the part with 7 should be purple.</t>
        </is>
      </c>
      <c r="I361" t="inlineStr">
        <is>
          <t>b'\x89PNG\r\n\x1a\n\x00\x00\x00\rIHDR\x00\x00\x02\x00\x00\x00\x02\x00\x08\x02\x00\x00\x00{\x1aC\xad\x00\x00v\xcaIDATx\x9c\xed\xddw|\x14E\xff\x07\xf0\xef\xcc\xee^\xbf\xf4F\x02\xa1\xf7\xde\xab\xa0\xf4*\x8a\xbd\x80bC\x05{\xfd\xd9\xb1\xf7\xc7\x06\x88\xd8(\x16\x10\x01\xa5wA@z\xef\x84^\xd2\xdb\xe5\xda\xde\xee\xcc\xfc\xfeX\x89\xa8\xa8\x81\\\x92;\xee\xfb~\xf1z\x1e\x81d\xb3\xdc\xec\xceg\xda\xce\x12!\x04 \x84\x10\x8a&lt;\xb4\xaaO\x00!\x84P\xd5\xc0\x00@\x08\xa1\x08\x85\x01\x80\x10B\x11\n\x03\x00!\x84"\x14\x06\x00B\x08E(\x0c\x00\x84\x10\x8aP\x18\x00\x08!\x14\xa10\x00\x10B(Ba\x00 \x84P\x84\xc2\x00@\x08\xa1\x08\x85\x01\x80\x10B\x11\n\x03\x00!\x84"\x14\x06\x00B\x08E(\x0c\x00\x84\x10\x8aP\x18\x00\x08!\x14\xa10\x00\x10B(Ba\x00 \x84P\x84\xc2\x00@\x08\xa1\x08\x85\x01\x80\x10B\x11\n\x03\x00!\x84"\x14\x06\x00B\x08E(\x0c\x00\x84\x10\x8aP\x18\x00\x08!\x14\xa1\xe4\xaa&gt;\x81?\x08!\x84\x10U}\x16\x97\x14B\x08!\xa4\xf2\x7f.\x16e\xd0UIQ\x1a\x85\x88E\x19DF!V\xc9]y^\xa4jKW\x08\xc19\x17BPJ)\xc5\xeeH\x85`\x8cU\xc2\'\xcc9\xe7\x9c\x13B$I\xaa\xb8\x9f\x12\xc9\x84\x10\x8c1B\x08\xa5\xb4\xe2j\x10#\xbc\xb1(+T\xe9-YUM\xb4RU\x16\x00F\xbd\x7f\xee\x15\xe6\xf1x\xb2\xb3\xb3\xb3\xb3\xb3)\xa5\xd8\xe8(?Ji\x83\x06\r\xa2\xa2\xa2\xce\xad\xf7\x19c\xc1\xad&gt;\x8c\xca\x82\x12B\xce\xf9)n\x9f\xef\xd0\xe1\xc3\xaa\xa6\x11B\x00\x8b\xb2&lt;\x08\x11BD;\x9d\xe9\xd5\xab\xdb-\x96\xd2?f\x8c\x01@p+h#`d\xf9\x8fQ\x01U\xd5\n\n\x8b\x8e\x1d?M\x08\xf6\x03\xca\x8b\x10"\x04\xd4\xaa\x99\x16\x1b\x1bc1+\xa5\x7f\xae\xeb\xba$IU\x15\x03U\x10\x00\x9cs\x000j\xa5\xfc\xfc\xfc\xd5\xabW/]\xba4###??_\xd3\xb4\xd8\xd8X\xe3\xe2F\xe5A\x08\t\x04\x02\xaa\xaa\xda\xed\xf6\xe4\xe4\xe4\xf6\xed\xdb\xf7\xef\xdf\xbfu\xeb\xd6\xc6\xdf\x06+\x06\x18c\xa5u\xd0\xfe\xc3\x87\x17/[\xb6~\xdd\xba3\x87\x0e\xb9\x0b\nxQ\x91\x8dR\x86\xb5F\xb9I\x84\x94\x00(\xd1\xd11\xd5\xaa\xd5n\xd4\xe8\xb2\xcb/\xef\xd3\xa3Gjr2\x9cm\xad\x97\xbfcg\xa4\xb8Q\x94~\xbf\xbaq\xf3\x8e\x85\x0b\x17\xef\xd8\xb19?\xfb\x88\xea+\x89\xb1\xa9\x84\x00\x16d9\x11\x00\x01P\xe41\x99-Q\xf1\xc9\xb5[\xb4l?`@\xdf\x0e\xed[Y-f\xa8\x80\x96YY\xcf\xaa2\x03\xe0\xdc\xebl\xfd\xfa\xf5\x13\'N\xdc\xbauk\xed\xda\xb5;u\xea\xd4\xb2e\xcb\xfa\xf5\xeb;\x1c\x8e\xf8\xf8x\xa3\xfbYiguI"\x84h\x9a\x96\x9d\x9d]TT\xb4w\xef\xde\r\x1b6l\xd9\xb2E\x92\xa4A\x83\x06\xdds\xcf=\xb1\xb1\xb1\xf0\xe7\xea\xfbBq\xce\x8dz\xc7\xaf\xaaSg\xcc\x98\xf1\xcd7\x05{\xf645\x99\xda\'\'7NJJt8\xe2\x1d\x0e\x8b,c\xadQ^BPB\x8aU\xd5\xe5\xf5\x9e,*\xda\x93\x93\xb3)77\x03\xa0Q\xd7\xae\xb7\xdfy\xe7\x80\x9e=\x01\xc0\xb8_.\xfa\x96)\xbd\x0c2\x8e\x1c\xfft\xc2\xe7\xabV\xfe\x1cg+\xec\xd2\xca\xd9\xb1Er\xf3\x86IN\xbb9*\xd1\x01x?\x06\x85\x10\xae\\w\x89G\xdd} g\xfd\xae\x9c\xdf\xb6\xbb\xf2=1\xdd\xaf\xb8\xf2\xbe{\xef\xaeW\xb7&amp;\x94\xef\x96\xbc8\x95\x17\x00\xa5U\xc6\xc6\x8d\x1b\x9f~\xfaiI\x92\xfa\xf5\xeb7l\xd8\xb0\xda\xb5k\x1b\xb5\x95\xaa\xaa\x8c1]\xd7+\xe7|.y\x84\x10EQdY\xb6X,\x84\x10\x8f\xc7\xb3~\xfd\xfa\xef\xbf\xff~\xdb\xb6m}\xfb\xf6}\xee\xb9\xe7l6\x9b\xae\xeb\xe7v\xf9\xcb\xa8\xf4\xbb&gt;\x9e4\xe9\xab\x0f?\xac\xed\xf1\\U\xb7n\x8f:u\xe2\x1c\x0e\xc6\xb9\xaa\xeb\x1a\xe7:c\x1c\x9b\xffA"Q*Qj\x92$\x8b,\x0b!\xce\x14\x17/&gt;xp\xe1\xe9\xd3\xc5\xa9\xa9\xcf\xbd\xf4\xd2\xa0\xbe}\xe1\xa2\xea\x8e\xd2\x0e\xc4\xc9Sg\x9e~\xfa\xf9#\xfb\x96\xf7\xech\xbbmX\xd3\x06\x8d\x92\xc1j\x82\x00\x03U\x07\xc6\xb9\xc6\x01;\x00\xc1A\xa8BA\xa2`\x96\xc1$\x81/p\xf0@\xf6\x94Y{Wl\xf0\xd4j\xd8\xeb\xad7_\xa9Q#\xb5\x9cq~\xc1\'T9\x01`T\x19^\xaf\xf7\xbe\xfb\xee\xdb\xbe}\xfb\x13O&lt;q\xcd5\xd7X\xad\xd6\x92\x92\x12UUK\xe7C \x94\xe6\xc7/\x01F\xe1\x96N\xb78\x1c\x0e\x93\xc9\x94\x91\x91\xf1\xde{\xef\xadZ\xb5\xea\xa5\x97^\xba\xfe\xfa\xeb\x8d\xaf)\xfb\xc7nT4\xeb6n\x1c3zt\xf5\x9c\x9c\xc7\xdb\xb7o]\xa3\x86\xc6\xb9[U5c\x8a\xf2\x82\x0e\x87\xcaF\x18\xf55\x00\x00\x98$\xc9i63\xc6Vdd\xbc\xb7m[l\xe7\xce\x93\xc6\x8dKKM\xbd\xa08/m\x90\x8d}\xe5\xed\xe9S&gt;\xbc\xeb\xda\x94{\x87\xb7\xb6\xa5DA\x89\xca}\x1a\xe7\x82PB\x7f\xbf%+\xea\x1f\x15\x81\x8c"\xe4F\xf4\x12B\xad\n8\xcd\xbel\xd7\x84\xa9\xdb&gt;\x9f\x99u\xfd\xad\x0f\xbe\xf4\xc2SpN\xe9T\xb4\xca\x08\x00\xe3\xba\xdc\xb2e\xcb\xf0\xe1\xc3\xfb\xf6\xed;v\xec\xd8\xa8\xa8\xa8\x82\x82\x02c8\x08\xeb\x8aJc,\xd4\xb1Z\xad\x0e\x87c\xcd\x9a5c\xc6\x8c\xe9\xd2\xa5\xcb\xf8\xf1\xe3\xa1l\x17\\i\x83\xf1\xed\x8f&gt;\x9a\xf4\xf2\xcb/\xb4juU\xf3\xe6^Ms\xab*%\xbfW\x16\xa8\x12\x08\x00\xa3w\x15c\xb1p!\xc6\xff\xf6\xdb\xe4\xdc\xdc\xf7?\xfdt\xe8\x80\x01e\xcc\x00#\xc5\xf3\x0b\no\xbc\xf16\xbb\xbea\xfc\x9b}S\xeb$@\x91O\x0f0I\xaa\xe2u)\x11E\x08\xc1\x98\x90\x15\tb\xad\x99G\xf3\xef\x7fzq\t\xed\xf0\xfd\xf7\x93\x13\xe2\xe3*g8\xa8\xc2\x03@\xd34EQ\xa6O\x9f\xfe\xc4\x13O|\xf0\xc1\x07\xc3\x86\r+**\xd24\xed"F\x1ePP\x08!t]\x8f\x8d\x8d\xd54\xed\x9e{\xee9z\xf4\xe8\x92%K\xecv\xfb\xbfg@i\xed\x7f\xdd\xf0\xe1\xd9\x0b\x17N\x1a:4\xc5\xe9\xcc\xf3x\xb0\xea\xafBL\x08\x02\x90\xect\xfev\xec\xd8\xa8%KF\xbe\xf4\xd2\xb3\x8f=\xf6\x9f\x19`|\xc1\x9e}\x07\x87\x0e\xeew\xcf\xb5\xd1O&gt;\xd1\x13J\xfc\xbaO\x93d\x8a\x05Y%\x04\x00\xd3\xb9lU \xca\xf2\xce;+\'\xce(\x9a3wQ\xb3\xa6\r/n\x84\xf6\x82Tl\x00\x18\xff\x80i\xd3\xa6\xbd\xf1\xc6\x1b\xf3\xe6\xcd\xab]\xbbvNN\x8e,\xcb\xd8\xc4\xa8rF\xfb"66\xf6\xad\xb7\xde\xfa\xf1\xc7\x1f\x97/_\xeet:\xff)\x03Jk\xffa\xb7\xdc\xe2\\\xbbv\xfc\xb0aE~\xbf_\xd3d|t#\x04h\x9c\xc7X,\x01]\xbff\xfa\xf4\xfe\xff\xf7\x7f/&gt;\xf1\xc4\xbfT\x1cF\xb9\xef\xdc\xb5\xff\xda\xab\xfa|\xf6j\xb3\xcb\x074\xd53\x8b%B\x08V\xfeUMp\xc1\xb8\x90S\xa3W/\xdas\xd7\xb3\xbb\x7f\x98\xbd\xa4e\x8b\xc6\x15\xdd\x0f\xa8\xc0\x000N}\xfa\xf4\xe9/\xbf\xfc\xf2\xe2\xc5\x8b\x13\x13\x13\x8b\x8b\x8b\x15E\xf9\xef\xefD\x95\xc2\xe8\n$%%\xbd\xf3\xce;\xb3g\xcf^\xb2d\x89\xd5j\xfd\xfbZ\xb4\xd2\xe5\xe1\xd7\x0f\x1fn[\xb3f\xc25\xd7d\xb9\\\x00\x80\r\xff\xd0\xc187+\x8aB\xe9\xd0o\xbf\x1d\xfc\xec\xb3\xff\xd4\x0f0\x02~\xcf\xde\x83\xc3\xae\xec\xfd\xe5\x1b\xcd\xbb\xf6l\xa8e\xba\x14\x13&gt;\xed\x15B\xb4\x00SR\xa2\xd6\xfdr`\xe4\xd3;\x7f\xfciY\xb3\xa6\r+t&gt;\xa0\xa2\x02\xc08\xe9\xed\xdb\xb7\x0f\x1a4h\xed\xda\xb5\xd5\xaaUs\xb9\\8\xec\x13\x82\x02\x81@rr\xf2\x93O&gt;\xb9g\xcf\x9e\xf9\xf3\xe7\x1bCv\xe7~\x81Q\x95&lt;\xf6\xdcs{?\xfd\xf4\xa7\x91#O\x15\x17W\xc1re\xf4_\xb8\x10\x8a$\x99(\xed\xf2\xe5\x97o\xce\x98q\xed\x90!\x7fi&lt;\x1a\x8b\xb0}~\x7f\xebVm\xc7\xfd_Z\xdf\xabZkg\x8a\xb0\xf6\x0fA\x9a\xc6\x94j\xd1\xcb~\xdaq\xef\xeb\'\xb7o\xdbj\xb3Y+n]P\x85\x04\x8b1b\xe0\xf1xn\xba\xe9\xa6\x8f?\xfe\xb8f\xcd\x9a\xc5\xc5\xc5X\xfb\x87&amp;\x93\xc9\x94\x9b\x9b\xfb\xf6\xdbo{\xbd\xde\xb7\xdezKQ\x94s\x1f\xc43\xda\xfe?/^\xfc\xf3\x07\x1f|y\xc3\rY.\x17\x05\xc0\xda?\x04QB\x02\xbaN\x08\x99|\xe5\x95\x8f\xdcy\xe7\xb1\x93\')\xa5\xc6C\x97\x06#\x0f\x86\xdfv\xcf\xcd\xbd\xa0\xef\xb06X\xfb\x87,E\x91\xb43\xc5\xbd\x87\xb5\xbe\xb5\x0f\xbde\xc4]\x7f)\xc7\xe0\xaa\x90\x1e\x80q\xa9\x8d\x181\xc2\xe9t\x8e\x1b7.\'\'\x07G~B\x19\xe7\xdcd2\xb9\xdd\xee\x8e\x1d;\xfe\xf4\xd3O\xadZ\xb52\x16h\x19A\x9eWP\xd0\xbee\xcb/;uj\x99\x9a\xeaRU\t[\xff!L\xe3\xbc\x9a\xd39n\xed\xda\x9fl\xb65+W\xf2\xb3\x9d\x00\xe3\x96\xfct\xd2\x94o\'\x8cY\xbd\xe8N=\xdf#KX\x8e!MgBN\xb0\xf7\xe8\xff\xe5\x8d\xf7|x\xdf\xa8\xdb+h2 \xf8=\x00c\xf0g\xcb\x96-\x1b6lx\xe3\x8d7\x8a\x8a\x8a\xb0\xf6\x0fq\x94R\xbf\xdf_\xadZ\xb5\xa7\x9ez\xea\xc9\'\x9f,\xedl\x1a\x8f\xa7\x8f}\xf3\xcd&gt;\x16K\xb7:u\x8a|&gt;\xac\xfdC\x9cBivI\xc9}]\xba\xe8\xdb\xb7\x7f?k\x96$I\xc6\xbec\x84\x90\x12\xb7\xe7\xfd\xb7\xc7~\xf6z\x1f\xa1j8\xe3\x1b\xfa(\x01\xe1\xd7&gt;{\xbd\xcf\xff\xde\x19\xeb*q\x13R!\x8d\xf5\n\x19\x02"\x84&lt;\xf2\xc8#\xcf&lt;\xf3\x8c\xd3\xe9\xd44\xad"~\x04\n.Y\x96\xf3\xf2\xf2\xee\xbb\xef&gt;\xb7\xdb=k\xd6,I\x92\x02\x81\x80$I\xbb\xf7\xef_\xf2\xe5\x97\xcf\xf7\xea\x95]R\xa2\xe0\xde\x90\xe1\x80\x10\xe2\xd7\xf5W/\xbf\xfc\xe5\xff\xfb?\xbf\xaaRJu]\xa7\x94\xbe\xf8\xd2\x9b\x03;\xf2F\x9dj3\x97J1\x01B\x1e\xa5\x84\xb9\xd4\x86\x1dk\r\xeeL_x\xe9\rJiEl\x92\x16\xe4\x000\x9a\xff\x1b7n\xd44\xed\xfa\xeb\xaf/((\xc0\xa1\xff0"\x84x\xe8\xa1\x87&amp;M\x9ad\xfc\x96\x102a\xd2\xa4k\xd2\xd2\x12\x1c\x0e\rw\xe8\x0b\x13\x94\x10\x97\xdf\xdf\xb9V\xad:n\xf7\xcc\xb9s\x8d]\x9d\x8b]\xee_\x96\xfd\xf0\xe4\xbd\x9dx\xa1O\x92q\xf1nx\x90d\xca\x0b\xbdO\xdc\xd7a\xf5\xb2\x99E\xc5%\xc6\xa8lp\x7fD\xf0\x03\x00\x00&gt;\xfa\xe8\xa3!C\x86X\xad\xd6\x8a\x9b\xbb@A\'I\x92\xcb\xe5\x1a4hPVV\xd6\xb6m\xdbL&amp;SnA\xc1\x8a\x993ol\xd9\xb2\xc8\xef\x97p\xc9\x7f\xf8\xa0\x84h\x9c\xdf\xd8\xa8\xd1g\xe3\xc6q!(\xa5\xdf|;\xb3A5Wj\xe3j\xc2\x17\xc0a\xbcpA\x08\x08\x9fV\xadQ\xb5Fi%\xd3\xbe\xf9\x81\x10\x12\xf4N@0\xefj!\x84,\xcbEEE[\xb7n\xbd\xe1\x86\x1b\xdcn7\xbeP"\xbc\xe8\xba\xeet:{\xf7\xeemt\x02\xa6\xcf\x9e]G\xd7\xeb\'%\xf95\r+\x8d0bt\x02z5hP\xb8g\xcf\x8e={\x00\xe0\xdbo\xa7\xdc1\xac\xb1\x080\xdc\xd9\'\xccP"Tv\xc7\xb5\x8d\xa7O\x9f\x06gw\xd1\x0f\xe6\xe1\x83x,\xa3\xbd\xff\xcb/\xbf\xd4\xa9S\xa7v\xed\xda~\xbf\x1f\xd7\x8b\x87\x17J\xa9\xaa\xaaC\x86\x0c\xd9\xbe}\xbb\x10b\xd5\xf2\xe5\xfdk\xd5\xd2qw\xee0\xa4s\x1em\xb5\xb6s:\x7fY\xf3\xab\xc7\xed\xf7\x15\x1d\xec\xde\xb9&amp;\xb8U\t\x17\xff\x84\x15\x89\x12p\xab\x97u\xaa\xa5\x95\x1c9~23\xe8/\xcb\nr\x0f\x00\x00\x16/^\xdc\xb9sg|\xabW8\xa2\x94z\xbd\xdeV\xadZ\t\xce\xb7\xef\xdcyf\xff\xfeN5jx\x02\x01\x1c\xfd\t;\x84\x90\x00c\x97\xa5\xa5m]\xff\xdb\xb2\x95\xbf\xd6\xab\xc6,)\xd1L\xc3!\xd9\xf0\xc34nN\x8e\xae\x97\xaa/_\xb9\x1a\xce\xb6\xb3\x83%\x98\xb7\xb6\xf1\xc0\xc2\xc1\x83\x07\xdb\xb6m\xabi\x1a\xbe\xe37\x1c1\xc6\x9cNg\xfd\xfa\xf5\xa7~\xfbm\xb4\xa6\xa5FG\x07\x18\xc3\x1e@\xd8\xa1\x00&gt;Mk\x94\x94\x94\x7f\xfc\xf8\xdc\x05\x0b:\xb6L\x06\x00\xdc\xd6?&lt;\t\x00h\xd3$n\xcb\xa6M\x00A~7g\xd0\xeahc\xb3\xb0@ PXXX\xbbvmUU\xb1\xd6\x08G\xc6\x9a\xf1F\r\x1b~\xff\xe3\x8f)\x8ab7\x99\x18\xce\xe4\x87!B\x88\xc6XjL\x8c\x9a\x9b\xb7\xe2\x97e\xad\x9b\xa6\x80\xc6p\xc7\xb7pD(\x81\x00k\\/\xee\xc8\xe1C\x10\xecwm\x043\x00\x00\xe0\xcc\x993\xba\xaeGGG\xe3{}\xc3\x14!\x84s\x9e\x9c\x9c\\\x9c\x9b\x1bk2\xe1\x9ca\xf8\xe2BXM&amp;I\r\xe4\xe7\x9dINp\x80\xce\xb1,\xc3\x11\x01\x00\xc6\x93\xe2\x1d\xf9yg4]\x0f\xee\xe8z\x90Gi233\xa3\xa2\xa2\x12\x12\x12t]\xc7\x1e@8"\x84\xe8\xba^\xbf~}\xaf\xcbU\xdb\xe1\x00\xdc\xf9\'lq!l&amp;S&lt;\x95\xdd\xee\x82\xba\xe9\xb1\xa0\xe2-\x19\x96\x08!\xa0\xb1:\xe9\xb1\xbaZ\xa8\xaaZ\x88\xf6\x00\x0c\xc6c_\xb8\xfc?\xdc\xe9\xba\x0e\x84\xe88\x8d\x1f\xe6\x8c\xb7HRJu\x9dc\x92\x875]\xe7\x94\x06\xffM*A\x0e\x00\\\xf9si \x84\x80\x10Xc\\*\x046\xfd\xc3\x1d!P\x11s\xf8\xb8P\x07!\x84"\x14\x06\x00B\x08E(\x0c\x00\x84\x10\x8aP\x18\x00\x08!\x14\xa10\x00\x10B(Ba\x00 \x84P\x84\xc2\x00@\x08\xa1\x08\x85\x01\x80\x10B\x11\n\x03\x00!\x84"\x14\x06\x00B\x08E(\x0c\x00\x84\x10\x8aP\x18\x00\x08!\x14\xa10\x00\x10B(Ba\x00 \x84P\x84\xc2\x00@\x08\xa1\x08\x85\x01\x80\x10B\x11\n\x03\x00!\x84"\x14\x06\x00B\x08E(\x0c\x00\x84\x10\x8aP\x18\x00\x08!\x14\xa10\x00\x10B(Ba\x00 \x84P\x84\xc2\x00@\x08\xa1\x08\x85\x01\x80\x10B\x11\n\x03\x00!\x84"\x14\x06\x00B\x08E(\x0c\x00\x84\x10\x8aP\x18\x00\x08!\x14\xa10\x00\x10B(Ba\x00 \x84P\x84\xc2\x00@\x08\xa1\x08\x85\x01\x80\x10\no\xa2\xaaO |\xc9U}\x02\xa1N\x08\xc19\x17B\x10B(\xa5\x84\x90\x7f\xfaC\x14^\x04\x00\x17\xc2(D\x02@\xcf\x16"\x17B\x00\x08!$B\xb0dC\x93\x10\x82s\x10`\xdc\x80\x84\x18\xa5\xc9\x85\x10\x82\x00\xc1;\xb2\xec0\x00\xfe\x11c\x0c\x00\xccf\xb3\xd5j\x95eY\xd7\xf5@ \x10\x08\x04\x84\x10&amp;\x93\xc9l6\xcb\xb2\xcc\x18s\xbb\xdd\xba\xaeK\x92T\xd5\xe7\x8b\xca\xca\xa8\xf7\x15Ir(\x8aB)\x13Bc,\xc09\x17B"\xc4*\xcb2\xa5\x12!\x1eM\x0bp\x8e5IHa\\\x80\x00\xc9"I\x16\x19(\x01\x8d\x83\xca\x80q"Q\xc9&amp;\x81B\x81\t\xf0jLc\x92\x84\xc3\x1b\xff\r\x03\xe0\xfc(\xa5N\xa7\x13\x00N\x9e&lt;\xb9y\xf3\xe6-[\xb6\x1c:t(\'\'\xc7\xedvs\xce\xadVkBBB\xa3F\x8d\xbau\xeb\xd6\xad[\xb7\xb8\xb8\xb8\xa2\xa2"\x00\xc0\x86G\xe8c\x9c[\x15\xc5*\xcb\xd9\x1e\xcf\xba\xd3\xa7\xb7\xe6\xe4\x1c*,\xcc\xf6x\xdc\x9a\xc6\x84P(u(J\xaa\xc3Q/6vP\x9d:\xb5\xa2\xa2\x02\x8ca\xb1\x86\x02\xce\x05\x00HN\x13\x10\x92y\xbcx\xed\x96\xac\xf5\xdbr\x0e\x1c-\xca+\xf4\x05\x02\xdcd\xa2\t\xb1\x96&amp;\xf5b{tH\xed\xd9)\xd5\x92`\x03\x97*\xb8 \x14\xcb\xee\xdf`\x00\x9c\x9f\xcf\xe7[\xbat\xe9\x0f?\xfc\xb0z\xf5\xea\xac\xac\xac\xf3~\xcd\xfc\xf9\xf3\xdf{\xef\xbd\xc6\x8d\x1b\x8f\x193\xe6\x8e;\xeePUU\xd7uJ\xb1\xdd\x11\xa2\xb8\x10\x84\x908\xabu\x7f~\xfe\xe4\xbd{\x17\x1e9r\xdc\xe5\xfa\x97\xaf7I\xd2#m\xda\xe4\xea\xba\x8c\x01P\xd5\x98\xce%\x87\t(Y\xb5\xfa\xe4\xa4\xef\xf7-^s2\xaf\xc0\xff\xf7/\x9b\xb7\xf2\xc4\xdb\x93v4\xac\x1d\xf3\xc0\x88f\xf7\x8fhF\x08p\x95Q\xcc\x80\x7f\x86\x01\xf0W\x8c\xb1\xb8\xb8\xb8\xc7\x1f\x7f\xfc\x7f\xff\xfb_\xe9\x1f\xa6\xa7\xa7\xd7\xaf_\xbfz\xf5\xea\xd1\xd1\xd1\x94\xd2\xe2\xe2\xe2\xa3G\x8f\xee\xdc\xb9\xb3\xa0\xa0`\xdf\xbe}\xa3G\x8f^\xb6l\xd9\xe7\x9f\x7f\xae(\x8a\xae\xeb\xd8`\x0cAL\x08\xb3$QB\xde\xde\xb8q\xfc\xf6\xed\xc5\xaaj\xfcy\x83\xd8\xd8Fqq\xe9QQ1\x16\x8bB\xa9\xcaX\x91\xdf\x7f\xda\xed\xde\x9e\x93c\x96$\x9c]\x0c\t\x04\xa4\x04\xdb\x9e\xed\xd9\xcf\xbd\xbba\xce\xd2c\xc6\x9f\x99MR\xd3\x06q\x8d\xeb\xc4TO\xb6[-\x92\xc7\xa7\x1f;]\xb2uo\xde\xe1\xe3\xae\x03G\x8b\xc6\x8c]\xf3\xd3\xb2c\xdf|\xd4;1\xce\xca\xfd:f\xc0?\xc1\x008\x0f\xc6X\xcf\x9e=\xff\xf7\xbf\xff\xd5\xaaU\xeb\xca+\xaf\x1c8p`\xf3\xe6\xcd\xe3\xe3\xe3\x15E!\x84\x10B8\xe7\x81@\xe0\xd4\xa9Ss\xe6\xccy\xe7\x9dwrrrf\xcf\x9e\xadi\xda\x8c\x193t]\xaf\xea\xd3G\x7f\xc5\x85\xb0\xc8\xb2;\x10\xb8o\xe9\xd2\x15\'N\x00\x80\xc3d\xba\xbea\xc3a\xf5\xeb7\x89\x8f\x8f6\x9b\xa5?g6\x13"\xd7\xeb\xd58w\x05\x022v\xe9\xaa\x14\x07\x08p1\xe1\xa3\xcd/}\xb0\xc9\xe5\xd1\x00\xa0A\xad\xe8\xdb\xaemtu\x9fZ\x8d\xeb\xc4\x80]\x01J\x80\x10\x10\x02\x18\xf7\x14\xfa\x17\xae&gt;\xf9\xca\x07\x9bw\x1e,X\xba\xf6T\xff\xe1\xf3VN\x1f\xea\xb0\xcaB\xe7\xd8,;/\x0c\x80\xbf\x92$\xc9\xe3\xf1t\xea\xd4i\xea\xd4\xa9\xdd\xbbwOOO\x0f\x04\x02&gt;\x9f\xcf\xedv\x0b!\x84\x10\x00`\xc4@rr\xf2\xe3\x8f?&gt;x\xf0\xe0k\xaf\xbdv\xef\xde\xbd\xf3\xe6\xcd\xfb\xe2\x8b/F\x8f\x1e\x9d\x9f\x9f\x8fs\xc2\xa1C\x08a\xa2\xd4\xabi7\xce\x9d\xbb-\'\x07\x00z\xa6\xa7\xbf\xdc\xb5k\xb3\x84\x04\x951\xbf\xae\x17\xa9\xaaQ\xac\xa5\x08!6E!\x00L`\x1f\xa0*\t\x01D&amp;\x1e\x97\xf6\xc6\x84\xad.\x8f\x16\x17m~rT\xeb\xfb\x877u&amp;\xda\xc0\xaf\x83\xcaX\x91*@\x80\x00 @\x80\xd8M\xf2\xb5W7\x1cpE\xcd\xe1\x0f,\x9d\xbd\xec\xd8\xd6\xbdyc\x9e]5eB?\xe6\nHX\xff\x9f\x0f\xb6n\xceC\x08!I\xd2\x8d7\xde\x18\x13\x13\x93\x9b\x9b\xebr\xb9\x18c\x94RI\x92dY\x96eY\x92$J\xa9\xa6i\xd9\xd9\xd9\xf5\xeb\xd7\x9f6m\x9a\xd3\xe9\xa4\x94\x8e\x1b7\xae\xb8\xb8\x18k\xffP#K\xd2\xbdK\x97\x1a\xb5\xff\x9d\xcd\x9b\x7f?xp\xbd\xd8\xd8&lt;\x9f\xcf\xa3i\x02@"D\xa6\xf4\xdc_\x12!L\x08\x1dk\xff\xaaF\x08\x08\x8d\xc7\'\xdb\x7f\xfc\xb8\xef\x80\xee5\xd6\xcd\xbc\xfa\xa9\xc7;8-\xb2\x9e\xef\xe3&gt;\x1d\x00$\x89\xc8\x12\x95e*KT\x92\x88\xe0B/\xf0\xd9\xcd\xd2\xf4\t\xfdZ7I\xa0\x94L\xfd9c\xed\xaa\x93\x92\xd3\xc48\x96\xe6y`\x00\xfc\xa3\xa2\xa2"]\xd7\x8d\xea\xfe\xbc\xfdGB\x88\xc9d\xca\xcb\xcbk\xd5\xaa\xd5M7\xdd\xc49?x\xf0\xe0\xb6m\xdbl6\x1b\xe7\xbc\xf2O\x18\xfd\x9d\xcey\x8c\xc5\xf2\xc9\xd6\xad\xcb\x8f\x1f\x07\x80[\x1a7~\xef\xf2\xcb=\xba\xee\xd14\x99R\xfa\xcf\xc3\x02\x04\x00\x9b\x8c\xa1\x80R"J\x02\x97uJ]\xf0\xf5\xa0\x86\r\xe2\xf4\\\xaf`B\x96\xe9y\x87\xf5\t\x01Y\xa6\xbaOW\xec\xca;Ov\x14B\x10\x80\t\xdf\xed\x05J\xf0i\xb1\xf3\xc2\x00\xf8G\xffT\xef\xff\xfd\xcb4M\xeb\xdb\xb7/\x00p\xce\xf7\xec\xd9c2\x990\x00B\x01\x17\xc2\xa6(\xfb\xf3\xf3?\xd8\xb2\x85\x00\xb4LL|\xabG\x8fbU5\x1e\xf2\xaa\xea\xb3Cee\xf4\x03D\x80s\xaf&amp;\xcb\xff\x92\xda\xbf\x93e*J\x02\x97wNkT\'F\x00\xfc\xba%\xcb\x97\xe7\x93\x14\x8a=\xba\xbf\xc3\x00(/B\x88\xae\xeb\xe9\xe9\xe9\x8a\xa2\x00@ff&amp;N7\x85\x08!\x84U\x96\xc7o\xdf\xee\xd64\x89\xd2W\xbau3K\x92&amp;\xc4\x7fW!(\xc4\x10\x02\x84@\xd9\x17\xf30&amp;$\xa7\xa9]\xf3D\x00\xc8\xca\xf5\x1e?]\x02&amp;I`\x02\xfc\r\x06@\x10\x18\xcf\x06\x1b\x01\x10\x08\x04\xaa\xfat\x10\x00\x80\x00\xb0\xc8rFa\xe1O\x19\x19\x04`@\xed\xda\xdd\xd2\xd2\x8aU\x15\x17\xf5G\x06\x01\x94\xd4Hq\x00@@\xe3\x05E*H\x04\xab\xff\xbf\xc3\x00\x08\x02B\x88\xdf\xefWU\x15\x00l6[U\x9f\x0e\x02\x00\xe0\x9c\xdb\x15e\xde\x91#\xae@\x80\x10r{\xb3fL\x08\xec\x9cE\x14\x93\xf2{\xfd\x863\xc0\xff\x04\x03\xa0\xbc\x84\x10\x8a\xa2\x9c&lt;y\xd2\xd8;\xa8z\xf5\xea\x9c\xe3\xa2\xe3\xaaG\t\xf1\xe9\xfa\xa2\xa3G\t@\xe3\xb8\xb8\x0e))\x1eM\xc3\xa1\xff\x88\xe2\xf1\xea\x00@\x08X-\x12\xe0\xac\xdc\xf9`\x00\x94\x17\xe7\\\x96\xe5U\xabV\x01\x80\xa2(-Z\xb4\x08\x04\x02\x18\x00UK\x08a\x96\xe5\xa3\xc5\xc5\xbb\xf3\xf2\x04\xc0\x15\xe9\xe9N\x93I\xc7\x99\xf9\x88A\x80\x00\x17\xa7\xb2=\x00`\xb7*\xc9\xf1V`\x1co\xca\xbf\xc3\x07\xc1\xca\xc5\xd8\x18\xee\xf8\xf1\xe33f\xcc \x84\xb4m\xdb\xb6y\xf3\xe6^\xaf\x17w\x04\xaaZ\x1c\xc0"I;rs=\x9a\x06\x00\x9dRS\xf5s\xbaeB\x08\x0e\xc6SF\xbf\xff\x91\xb1\xff3!\x84\xe2\x8e~\x97\x04*\x11\xe1\xd1\xf6f\x14\x02@Z\xb2=%\xc9\x0e\x1a#\xb8\xb2\xf7o0\x00.\x9e\xf1`\xb0\xd3\xe9\x1c5jTvv6\x00&lt;\xfc\xf0\xc3f\xb3\xd9\xeb\xf5\xe2\xb3`UL\x08J\xc8\x8e\x9c\x1c\x00\x886\x99\x1a\xc5\xc5\xa9\x8cQ\x00.\x04\x00Xd\xd9*\xcb\x00\xc0\xce.\xd7\xa5\x84\xc8\x840!|\xban|%\xc6@\xf8\xe2\\\x10\xabrp_\xde\xfe#E\x84@\xc7\x96IJ\xac\x99\x15\xfaq\x83\xe8\xbf\xc3\x00\xb8HF\xd5\x91\x90\x90\xf0\xdcs\xcf}\xf7\xddw\x00p\xddu\xd7]s\xcd5\x85\x85\x85X\xfbW9BH\x80\xf3\x83\x85\x85\x00P=**\xc9f\xd38\xe7\x00\x0eE\x91\x089XX\xb8!3sO~~\xa6\xdb\xed\xd64\x02\x10e6\xd7p8Z$%uHI\xa9\x19\x1d\xed\xd34?c8a\x10\xa68\x17\xb2U\xfev^\x86\x1a`\x00p\xfd\x80: \x00\x1f\xec;/\x0c\x80\x8b\xc1\x183\x99L6\x9b\xed\xd1G\x1f56\rm\xd7\xae\xdd\xf8\xf1\xe3=\x1e\x0f\x0e\xfe\x84\x02J\x88\'\x108YR\x02\x005\x9cN\x8b,\x97\x04\x02\xb1\x16\xcbo\xa7O\x7f\xb6s\xe7\x92c\xc7|\xff\xb0g_\xa2\xd5:\xa4^\xbd\xd1\xad[\xd7\x8a\x8a*\xf2\xfb%,\xcdp\xc3\x05P\xb3Tt\xca\xf5\xd9\x8c\xfd\x84\x90\xa6\xf5b\xfb^\x91.J\x02\x12n\x06t&gt;\x18\x00\x17L\xd7\xf5\xa8\xa8(\x97\xcb5r\xe4\xc8Y\xb3f\x01@\xd7\xae]\x7f\xf8\xe1\x07\xab\xd5\xea\xf7\xfb1\x00\xaa\x9c\xf1\xb6\xaf\\\xaf\xb7\xc0\xef\x07\x80\x14\xbb\xdd,I\xaa$\xbd\xbcn\xddG[\xb7\x1a\xa3@\xcd\x13\x12\x1a\xc6\xc7\xa7\xda\xed\x16Y\x0e0\x96\xe3\xf5\x1e,(\xd8\x99\x97\x97\xeb\xf3}\xb9k\xd7\xbc\xc3\x87\xdf\xb9\xfc\xf2!u\xea\x14\xaa*\xf6\x03\xc2\x0bg\\\x8e\xb3\xbd\xf6\xfaoY\xb9^\x00x\xee\xbe\xd6\x8a\xd3\x84\xe3?\xff\x04\x03\xe0\xc2\xe8\xba\x1e\x1f\x1f\xbfy\xf3\xe6;\xef\xbcs\xf7\xee\xdd\x00p\xddu\xd7M\x9c8\xd1d2\xf9|&gt;\x1c\xfc\t\x05\xc6\xfen\xae@\xa0$\x10\x00\x80$\xabU\xa1t\xcc\xb2e?edPBno\xd6\xec\xe6\xc6\x8d\x1b\xc5\xc59\x14\x85\x12B\x08\x11Bp!|\xba~\xa8\xb0\xf0\xab\xdd\xbb\xa7\xed\xdd\x9b\xe3\xf5\xde\xbe`\xc1g}\xfb\x0ek\xd0\xa0\xd0\xef\xc7\x1d\xa1\xc3\x05c\\\x8e1o\xf8\xe5\xc4\x87Sw\x03\xc0\x15\x1dS\xaf\xbf\xa6!+V\xb1\xf6\xff\'\x18\x00\x17\xc0\xa8\xfd\xe7\xcc\x993r\xe4H\x97\xcb%I\xd2s\xcf=\xf7\xcc3\xcf\xf8|&gt;\xac\xfdC\x8a\x11\x00\x1ac\x00P3:\xfa\xc5\xb5k\x7f\xca\xc8h\x14\x17\xf7\xee\xe5\x97wKK\xf33\xe6\xd7\xf5\xc2sv\x816\xd6\xff4\x8c\x8b\xfb\xb8W\xaf\xcb\xaaW\x7f`\xf9r\x9f\xae?\xb8bE\x83\xb8\xb8\x06\xb1\xb1&gt;]\xc7\xdd#B\x1f\xe7\x82\x9a\xe5\xa2\\\xdf\xf0\'Vj\x1aw\xd8\x94\x89\xafu\x07!\x88\xc0\xf1\xff\x7f\x84\x01PV\xc6\x9b\xc2~\xfa\xe9\xa7\x1bo\xbcQ\xd3\xb4\xf8\xf8\xf8/\xbe\xf8b\xe8\xd0\xa1\xf9\xf9\xf9\x84\x10\xac\xfdC\x87\x00 \x84x5\xcd\xb8\xf1\x17\x1f;\xf6sFF\xab\xa4\xa4\xef\x06\x0fN\xb4\xd9\xf2|&gt;J\x08%D2\xf6\x979\x87O\xd7K\x02\x81\x9b\x1a5r\x05\x02\x8f\xae\\\xe9\xd3\xf5\xb1\xeb\xd6M\x1f2\xa4\xaa\xfe!\xa8\xec\x84\x00A\t\x95\xe9-\x0f.=t\xbc\x18\x00&amp;\xbe|Y\xfd\xa6\x89\xac\xc0\'\xc9\xd8\xfc\xffG\xf8\xd1\x94\t\xe7\xdcf\xb3\xed\xdf\xbf\x7f\xe4\xc8\x91\x9a\xa6%\'\'\xcf\x9f?\xff\xca+\xaf\xcc\xc9\xc9\xa1\x94\xe2\x92\xc1PC\x08\t0\x06\x00\x12\xa5?gd$X\xad_\xf4\xeb\x17g\xb1\x18\xe39\xff\xd4\x9c\xa7\x84\x98$)\xd3\xe3\xb9\xbdi\xd3\x9e\xe9\xe9\x04`\xe5\xc9\x93\xeb\xcf\x9cq(\n\xc7}\xc4B\x98\x10\xc0\x84\x90\xa2\xcc\xa3\x9f\xfee\xc1\xea\x93\x00\xf0\xcc\xa8V7\xdf\xdaT/\xf4c\xed\xff\xef\xf0\xd3)\x13!\x84\xd9l~\xf5\xd5W\x8b\x8b\x8b-\x16\xcb\x94)S:v\xec\x98\x9b\x9bkl\x00\x87BM\xe9\xcb\xbc\x8c\x9a\xfe\x89\x0e\x1d\xea\xc5\xc6\xba\x02\x01\xa5\x0c\xa3\xf9\x84\x10.\xc4]-Z\x18O\x87\xcd;r\xc4$I\x18\x00\xa1L\xe7\\\x8e\xb3\xbe\xfa\xe6o\xe3\xbf\xdb\x0b\x00\xb7\x0c\xae\xf7\xda\xf3]\xf5"\xbf\x8c+\x7f\xfe\x0b\x06\xc0\x7f\x13BX,\x96C\x87\x0e-X\xb0\x00\x00\xee\xb8\xe3\x8e\xbe}\xfbfggc\xed\x1f\xca\x8cf\xbe\xc6y\x8a\xdd~U\xbdz\xc5\xaaZ\xc6\xb9\\J\x88W\xd7\xdb&amp;\'\xa79\x1c\x00\xb01+\xcb\xa3\xeb\xb8\x16(di:W\x12l\xe3\xc7o}\xfe\xc3\xcd\x00\xd0\xa7K\xdaW\x1f\xf4\xe2^\x1d\xc7d\xcb\x02\x03\xe0\xbf\x19\xfb=l\xdf\xbe\xdd\xe5r)\x8a2|\xf8p\x9f\xcf\'\xcb8}\x12\xa2\x88\xf1\x16\xf8\xb3\xb32m\x92\x93\xe3\xadV\x8d\xf32V\xe1\x04@\xe7&lt;\xd6bi\x18\x17\x07\x00\xa7KJ\n|&gt;Y\x92\xb0\x0b\x10\x824\x9d+\x89\xb6)_\xef\x1a=v\r\x00tl\x91\xf8\xe3g\x03dB\x80\xe1\x86\x8ce\x82\x01\xf0\xdf\x8cW\x04\x1f9r\x04\x00j\xd5\xaaU\xaf^=UUq\xbd\x7f(\xe3BD[,F\xb3=\xdad\x92\x08\x81\x0b\x19\xc3\xe1B(\x94V\xb3\xdb\x01\xc0\x15\x08\x14\x1bO\x03\xe0(P\x88\xd1u\xae$\xd8~\xf8~\xdf\x1d\xff\xf7\x0b\x00\xb4l\x187\xef\xab\xc1N\x87"TV\xf6W\xc7D8\xac\xc5\xcaD\x08\x91\x9b\x9b\x0b\x005j\xd4p8\x1c\xc6\xce\xcf(4\x19M\xf8x\x8b\xc5a2\x01\x80G\xd3\xb8\x10p\x81\xedA\x02`W\x14\x00\xd09\xf73F\t\xbeN$\xb4\xe8:\x97\x13\xacs\xe7\x1c\xbc\xf5\xd1\xe5\x8c\x89\xc6ub\x16N\x19\x9c\x90`e^\x9d\xe2\xd0\x7f\x99a\x00\x94\x95\xd7\xeb\x05\x80\xe8\xe8hI\xc2w\xcb\x854B\x88\x11\x00I6\x1b\x00dy\xbd\x01\xc6.\xe2B7\xf6\x89#x\x93\x84\x1e]\xe7r\xbcu\xc9\xc2#\xd7?\xb84\xa0\xf3\xfa5\xa3\x17O\x1dR\xad\x9a\x83yp\xcb\x87\x0b\x83\xd7vY\x19\xbb\xbf\xc9\xb2\x8c\x83?\xa1O\x17"\xcaln\x10\x1b\x0b\x00\'\\\xae\x02\xbf_\xa6\xb4\xec\xa1M\x08\x11\x00.U\x05\x00\x93$\xd9\x14\x85\x0b\x81\xf5J\x88\xd0u.\xc7YW\xaf8q\xcd\xfdK\xfc*\xab\x95\xeaX&lt;ep\x8d\xf4(V\x12\xc0\'~/\x14~^\xffM\x92$\x97\xcb\xf5\xc4\x13Ol\xdc\xb8\xf1\xe5\x97_v\xbb\xdd\xf8\xd8W\x88\x13BH\x84\xb4OI\x01\x80\x1c\xaf\xf7Pa\xa1\xf9B\xfam\x04 \xc0X\xa6\xc7\x03\x001fs\xb4\xd9\xacs~\xa1\x83H\xa8"\xe8:\x97c-\x1b\xd6\x9d\x1a:j\xa1\xdb\xab\xd5H\xb6/\x99:\xa4v\x9d\x18\xe6Rq\xc9\xffE\xc0\x8f\xec\xbf\x11B\x18c\xa9\xa9\xa9\xcd\x9a5\xab^\xbd:N\x00\x84&gt;J\x88_\xd7/\xab^]\x91$.\xc4\xf2\x13\'\xca\xbe\x96_\x00\xc8\x94\x16\xf8\xfd\x19EE\x00P3**\xceb\xd1\xcb\xbc\x88\x08U\x1c]\xe7r\x8ce\xdb\x96\xac\xc1w.,*\tTK\xb0.\x9c&lt;\xb8~\xa38\xac\xfd/\x1a~jeB\x08\t\x04\x02^\xaf\x17_\xf7\x18\x16\x8c\xb5\xfcM\xe3\xe3\xdb&amp;\'\x13\x809\x87\x0e\xe5\xfa|J\xd9\x96rr!\xac\xb2\xbc377\xcb\xed\x06\x80\xf6\xd5\xaa\x99\xf1A\xb0\x10\xa0\xeb\\\x8e6\xef\xdd\x95;h\xe4\x82\xbc"\x7fb\xace\xc1W\x83\x9a\xb6H\xd4\x8b\xb0\xf6\xbfx\xf8\xc1]\x00\xe3\x15`U}\x16\xa8L\x04\x80I\x92\x867i"\x00N\x96\x94L\xdd\xb3\'\xd6\x18\xc9\xf9\xcfo\x14B\xa6\xf4\xbb\xfd\xfb\x8d]E\xfb\xd5\xaa\xa52\x86\x9b\xc1U-\xa6s9\xca\x9cq\xb0\xa0\xff\xed\xf32\xf3\xbcqQ\xe6\xf9_\x0el\xd56E/\xf4\xcbX\xfb\x97\x03~ve\xc297\x99L\xb1\xb1\xb1\x0e\x87\x033 ,\x18\x1b\x82\x0e\xadW\xafEb"\x01\xf8h\xeb\xd6\xddyy\xd1\xff\xf5jx\x8d\xf38\x8b\xe5\x97\x93\'\xe7\x1f&gt;\x0c\x00\xdd\xaaWo\x97\x92\xe2\xd14\x0c\x80*\xc4\x18\x97\x9c\xa6\xe3\xc7\x8a\xfb\xdf6\xefd\x96\'\xcan\xfa\xf9\xf3\x01\xed;\xa5b\xed_~\xf8\xf1\xfd7\xe3I\xe0S\xa7N}\xff\xfd\xf7k\xd7\xae5\x9b\xcdU}F\xa8L\x98\x10&amp;I\x1a\xdb\xb5+\x00\x14\xa9\xea=K\x96\x14\xa8j\xb4\xd9\xacq\xce\xff\x1c\xe3\x02\x80\x0ba\xd4\xfe\'JJ\x1eY\xb9R\xe7\x9c\x12\xf2d\xfb\xf6\xf8\xfcW\xd5\xe2LHvS\xe6\x19w\xff\x11s\x0f\x9f,1+\xd2\xcc\xf1}\xbavI\xf3\xe5x\x81\x80\xae\xf3\xb2\xfebX\x8e\xe7\x81\xfb\x19\xfc\x07c\x1b\xb8\xe3\xc7\x8f\xf7\xea\xd5+33\x13\x00&gt;\xf8\xe0\x83\xd1\xa3G\x17\x15\x15\xe1Z\xa0\x10\'\x11\xe2R\xd5\xcbk\xd4x\xbac\xc776l\xd8\x9d\x977l\xce\x9cOz\xf7n\x9b\x9c\xec\xd3\xf5\x00cL\x08\x10\x82\x10"\x13bV\x14\x13\xa5\xeb33\xc7,[v\xac\xb8\x18\x00\x9e\xec\xd0\xa1KZZ\xbe\xdf/c\xf3\xbf\x8ap.\xa8U\xce\xcd\xf3\xf6\x1f1o\xff\xd1\xe2\xb4d\xfbO\x13\xfb\xb7\xed_\x07\xf2\xbd\xd6\x14\xc7\x05\x1eK\x80K\xad\x98\xd3\x0cc\x18\x00\xff\x811f\xb7\xdb\x17-Z\x94\x99\x99i\xb5Z}&gt;\xdf7\xdf|s\xcf=\xf7\xe0TpX\x90)-\xf4\xfb\x1fk\xdf\xde\x15\x08\x8c\xdb\xb6mo~\xfe\xd0\xd9\xb3G4ire\xbdz\xb5\xa2\xa3\x8d\x97\x82\xe9\x9c\x17\xab\xea\xc1\xac\xac\xd9\x87\x0e\xfdp\xf0\xa0_\xd7\x01\xe0\x9e\x16-\x1eo\xd7\xae\x10k\xff\xaa#\x04\x80D\xdc^m\xc8\xc8\x05;\x0f\x16\xc8\x12\xa9_3\xea\x97-Ys\x97\x1d\x95e\nen\xd0\x1b/}\x8b\x892\xdfws\x13I"e\xff\xc6H\x80\x01\xf0\xdf\x08!\xba\xae\x1b\xff!I\x12\xe7\x9cs\xdcj*l\x10BJ\x02\x81\x97\xbbv\xad\x15\x15\xf5\xc6\x86\r\x05~\xff\xb8\xed\xdb\xc7m\xdf^3**\xc1jU(\xf5\xeaz\xb6\xd7\x9b\xed\xf1\x18_\x1fc6?\xd5\xa1\xc3\xdd-[\x96\xe0\x8a\xaf*%\x84\xa0&amp;9\xebX\xf1\x86\x9d9\x00\xa03\xf1\xcb\xc6\xcc_6f^\xdc\xd1\x9cv\xd3\xdd74\x96d*\xb8\xc0R-\x85\x01\xf0\x1f(\xa5^\xaf\xf7\x8a+\xae\xb0X,\xc6n\x10\x03\x07\x0e4\xba\x028\x04\x14\x16\x8c\x9b\xbdHU\xefl\xd1\xa2{\xf5\xea\x9f\xef\xda\xb5\xe8\xe8\xd1\x93%%\xc7]\xae\xe3.\xd7\xb9_Y+:\xba_\xadZ#\x9b5k\x18\x17W\xe8\xf7\x13\xac\xfe\xab\x1c\x07\x93I\xaa\x91\xe2\xf0\x07tB\x80\x001\xf6\xf9\xb9\xa0r!\x94\x08.\xd2S\x9d\xb8A\xdc\xdfa\x00\xfc\x07J\xa9\xcf\xe7k\xda\xb4\xe9\xa2E\x8bV\xadZU\xa3F\x8d\xab\xaf\xbe\xdax!pU\x9f\x1a\xba\x00\x12!\x85&gt;_\x8d\xa8\xa8\xb7{\xf4x\xa4]\xbb=yy\x87\n\x0b\xf3|\xbe\x00cVYN\xb2\xd9\xea\xc7\xc66\x8e\x8fO\xb2\xd9|\xba^\xe0\xf3I\xb8\xe1GU\xa3\x94\x80\xc6\xaa\xa7\xd8\xf7.\xbc\xae\xfc\xe36\x84\x12E\xa6\x80\xcd\xff?\xc3\x00\xf8oF\'\xa0c\xc7\x8e=z\xf4`\x8c\xb9\xfe\xdclD\xe1B\xa2T\xd5u\x9f\xae;\x15\xe5\xf2\x1a5z\xd7\xacI\x8c\x17\x08\x03\x08\x00\x8ds\xbf\xae\x17\xf8|\x94\x10\xac\xfdC\x07%\xc4\xe14\x05\xe7X\xb8\x10\xe8o0\x00\xca\x84R\xea\xf1xJJJ\xf0\xfd\xefa\x8d\x10"\x01\xe8B\x94\x04\x02\xfc\xec;#\x8d\x0c \x84\x10\xac\xfaC\x92\xd0\x83Sqc\xdb\xff\xef0\x00\xca\x8aR\x8a\xfb\x80^\x1a\x8c\xea\x1e\x9f\xed\n\x17XP\x15\x07k4\x84\x10\x8aP\x18\x00\x08!\x14\xa10\x00\x10B(Ba\x00 \x84P\x84\xc2\x00@\x08\xa1\x08\x85\x01\x80\x10B\x11\n\x03\x00!\x84"\x14\x06\x00B\x08E(\x0c\x00\x84\x10\x8aP\x18\x00\x08!\x14\xa10\x00\x10B(Ba\x00 \x84P\x84\xc2\x00@\x08\xa1\x08\x85\x01\x80\x10B\x11\n\x03\x00!\x84"\x14\x06\x00B\x08E(\x0c\x00\x84\x10\x8aP\x18\x00\x08!\x14\xa10\x00\x10B(Ba\x00 \x84P\x84\xc2\x00@\x08\xa1\x08\x85\x01\x80\x10B\x11\n\x03\x00!\x84"\x14\x06\x00B\x08E(\x0c\x00\x84\x10\x8aP\x18\x00\x08!\x14\xa10\x00\x10B(Ba\x00 \x84P\x84\xc2\x00@\x08\xa1\x08\x15\xfc\x00 \x84\x10B\x82~XT\x99(\xa5\x00@\xb1\x1c\xc3\x1f\x01\x02X\x94\xe1\xaf\x82\xaa\xd5 \x07\x00\xa5TUUM\xd30\x03\xc2\x17!\xc4\xeb\xf5RJ\xbd\xba^\xd5\xe7\x82.\x1e\x01\xe0B\xa8\x9c\x11 &gt;U\x07\xbc%\xc3\x17!~U\xd7Y\xf0\xcb0h\x01`\xd4\xf8\xf5\xeb\xd7\xf7\xf9|999\x8a\xa2\x08!\x82upTi8\xe7\x8a\xa2\xec\xdb\xb7\xcf\x91\x90p\xa4\xa4\x84`)\x86-\x89R\xb7\xaa\x16R\x11\x13[\xfd\xc0\x91|0\xcb\x1c\x0b3\x0cq!\xc0$\x1d&lt;\x9a\xef\x8c\xa9n\xb5\x98\x19cAl^\x07\xb3\x07 \x84\xb0\xdb\xed\x0e\x87\xa3\xa0\xa0@\x96\xe5 \x1e\x19U\xb2\xdc\xbc\xbc&amp;M\x9a\xb89\xd78\xc7\xce\\\x98\xa2\x84\xb8\xfd~\x93\xc3Q\xb7^\x83\xcc\xdc\x12\x90)`\xfd\x1f\x8e\x04\x80Ds\xf3=\xc9)\xd5\x82~3\x06\xb3\x07\xc097\x99L)))\xbbw\xef6\x9b\xcd\xd8v\x0cG\x84\x10]\xd7\xb7o\xdf&gt;\xea\xce;OkZ\x91\xcf\'S\\)\x10~\x84\x10fY&gt;\x9c\x97gM\xab6t\xd0\xd05\x9bO\nE\xc2[2\x1c\t!\x84"m\xda\x95\xd3\xb4Y+\xe3\xb7A&lt;x\x90{\x00\x00\xd0\xbe}\xfb\x8d\x1b7RJ9\xe7A&lt;8\xaa\x04B\x08\x93\xc9t\xe6\xcc\x99\xdc\xdc\xdc!\x03\x07\x92\xf8\xf8\x83\xb9\xb9\x16\x19\x87\x0e\xc2\x0f\x07\xb0*\xca\xf6\xcc\xccZ\x8d\x1a\x0f\x1e\xd8o\xc7\x017\xf1k\x84bg.\xfc\x10J\x88\x1a\xd8\x9d\xe1\xbb\xac[\x178\xbb@#X\x82z,J\x01`\xf0\xe0\xc1\x1b6l\xf0x&lt;\x92$\x05\xf1\xe0\xa8\x12p\xce\x1d\x0e\xc7\xca\x95+\x13\x93\x92\xe2\xe3\xe2\x9au\xec\xb8\xf4\xf0a\xbb\xd9\x8c\x01\x10~\x84\x10\x00+\xcf\x9c\xe9\xd6\xfd\xf2fM\xeb\xe7zcO\xee\xcf\x96,83\x17f\x84\x10\x92E9u ;\xbb$\xbak\xe7v\x10\xe2\x01\xc09o\xd2\xa4\t!d\xed\xda\xb5\x0e\x87\x03;\x01\xe1E\x08A\x08\x993g\xce\xe0\xc1\x83\x01\xe0\xea+\xaf\xfc57\xd7\xa3\xaa\xb8\x880\xbc\x08\x00\x8b\xa2d\xe4\xe4\x9c\xb1Z/\xeb\xd4\t\x00Z\xb4\xee\xf1\xc3\xa2\x03\xe003V\xd5\'\x87.\x04\xe3\x00\x0e\xf3\xccE\x07\x9a\xb4\xecf\xb1\x98X\xb0\xcb/\xc8\xc3\xbb\x9csY\x96\xaf\xbb\xee\xbai\xd3\xa6\x99L\xc1?]Tq\x84\x10V\xab5#####\xe3\xd6[o\xe5\x9c_\xd1\xb5\xab\xa9a\xc35G\x8e8\xb1\x13\x10V\x18\xe7\xd1\x16\xcb\x8f\xbbww\x194(9!\x01\x00\xee\xbbo\xd4\x8f\xcb\xb2\xc0\x1f\xc0\t\x9d\xf0B\t\x80\x1a\x98\xb94\xeb\xdeQ\xf7T\xc8\xf1\x83{8I\x92\x84\x10\xa3F\x8d\xda\xb4iSFF\x86\xcdf\xc3.g\xb8\xd0u\xdd\xe1p\x8c\x1f?\xbew\xef\xde\xd1\xd1\xd1\x81@\x80\x10r\xd7}\xf7M\xdc\xbc\xd9n2a\x00\x84\x11\x89\xd2b\x9fo\xf6\xc9\x93\x8f&lt;\xf8 \x00\xe8\xba\xd6\xa5S\x1b%\xba\xf9\xc2\xf9\xbbi\xac\x8d1,\xca\xf0\xc0\x98\xa0\xb1\xb6\xc5\xf3\xf7Pg\xb3n]\xda1\xc6\x82&gt;\xae\x1e\xe4\x000\xd6\x02EEE]u\xd5U\xaf\xbf\xfe\xba\xc3\xe1\xd0\xf1a\xa2p`4\xff\x0f\x1f&gt;\xbcp\xe1\xc2\x07\x1f|\xd0\x98\r\xe6\x9c_\x7f\xd5U9\xa9\xa9K\x0f\x1c\x88\xb6Z1\x03\xc2\x82\xcey\x82\xdd&gt;q\xc3\x86\xa6\x03\x076m\xd0\x80sN\x08\x05\x10\x8f&gt;\xf6\xd4k\x13w\x0b\x8d\t\x82\xcbA\xc3\x83  t\xf6\xea\xc4\xdd\x8f=\xf6d\x05\xfd\x88\xe0w\x08\x8d\x99\x80\x17_|q\xe5\xca\x95k\xd6\xac\x89\x8d\x8d\xc5\x81\xa0\xd0\xa7\xeb\xba\xd3\xe9|\xec\xb1\xc7n\xb8\xe1\x86\xda\xb5k3\xc6(\xa5B\x08\x87\xdd\xfe\xec+\xaf&lt;\xb3r\xa5I\x92\xb0\xd6\x08}\\\x08\xab\xa2\x9c(,\x9ct\xf8\xf0;o\xbca\xf4\xbf%Ib\x8c_9\xb8\x8f5\xb1\xeb\x84\t\xbf\xca)QL\xc3\xc9\xb9P\xa7k\\N\x89\xfa\xf4\xd35\xe6\xf8NC\x87\xf4\xab\x88\xe6?T\xd0^@B\x08\x8b\xc5\xf2\xee\xbb\xef\x8e\x1a5*\x10\x08\x18\xe3BA\xffA(X4MKJJ\x9a2e\xca\x89\x13\'\x9e{\xee\xb9\xd2KM\x92$\xc6\xd8\xb5C\x86\xd4\x1b&lt;\xf8\xa5\xc5\x8b\xabEEi\x8c\xe1tp(\xe3BDY,\xa3\xe7\xce\x1d\xf3\xc2\x0b\xb5j\xd4\xe0\x9c\x1b\x8bF\x8c\xae\xf9\xa7\xe3?|k\xca\x99#;N\xcbN3\xc7\x81\xa0\x10\xc6\x99\x90\x9d\xe6\xa3;O\xbf\xf9\xf5\xa9O\xc7\x7f\xc4+\xecy\xcc\x8az\xd4\xdf\xa8D\xc6\x8c\x19\x93\x97\x97\xf7\xfd\xf7\xdf\x1b\x9bCT\xc4\x0fB\xe5d\xb4\xfd\x8f\x1f?\xde\xabW\xaf\xa5K\x976n\xdc\xb8\xb4\xd6\x00\xe3!\x14!J&lt;\x9e\xb6m\xda\xbcY\xaf^\xbfF\x8d\xb2KJ\x14\\\xe0\x1b\x92\x02\x8c\xd5\x8c\x8d}~\xe1\xc2\xedu\xeb.\xfe\xe9\xa7\xbf\xb4\x19\x8d\xdf~\xf3\xdd\xacw_\x1a\xb1m\xc5H\xe6\xd5(\xe3\xf8d@\x08\x12BpB%\x87\xa9M\xcf/\x1fy\xfe\xeb\xe1\xb7\\[A\xcd\x7f\xa8\xb8\xed\xa0)\xa5\xba\xae\x7f\xfc\xf1\xc7\'O\x9e|\xf3\xcd7\x93\x92\x92\x02\x81@\x05\xfd,t\xd1t]\xb7Z\xad\xaa\xaa^{\xed\xb5\xaf\xbd\xf6Z\xe3\xc6\x8du]?w\xa1\xb1\xd1\x9f\x8bv:\xa7|\xfb\xed\xa3\xeb\xd6\x1d\xca\xc9\x89\xb1\xd94\\\xdd\x1bz\x02\x8c\xa5FGO\xdf\xbauv \xf0\xdd\xe4\xc9\xe7\xa6\xb8A\x92$]\xd7o\xb9iX\xe7&gt;\xf7\r\xbf{\x86\x14og\x00\x82c? \xb4\x08!\x98\x00)\xc1&gt;\xe2\xee\x19\x1dz\x8d\x1a~\xcb\xb5\xba\xaeW\xdc3U\x15\x15\x00\x84\x10c\xe4g\xf1\xe2\xc5\xb3g\xcf~\xe7\x9dw\x92\x93\x93u]\xc7\'\x03B\x87\xa6iQQQ\x8c\xb1\x9e={\xdeu\xd7]\xb7\xddv\x9b\xae\xeb\x7f\xdf\xc4\xc9\x18\x08\xea\xd2\xbe\xfd\x84\x1f\x7f\xbcn\xe1\xc2\x13\xf9\xf9\x89\x0e\x87\x86\xf3:!C\x00h\x8c\xa5\xc7\xc6\xce\xde\xb1\xe3\xd5\xe3\xc7\x17/[\x16\x17\x13\x03g\xf7g&lt;\x97,\xcb\xba\xae\x8f\xff\xe4\x1d\x92|\xcd\xc8\x91\xdf\xcb\xc9N"S\x1c\x0b\n\x1d\x9c\tB\xa9\x9c\xec\xbc\xe3\x8e\xe9"\xf1\xaaO\xc7\xbdw\xde[2\x88*pU\xb0q\xfd9\x1c\x8e\xe5\xcb\x97\xcf\x9a5\xeb\xc9\'\x9fLLL4\x99L\xb8.\xa8\xca\t!\x8cq\xffc\xc7\x8eu\xef\xde}\xc4\x88\x11\x0f=\xf4\xd0\xbf\\jF\xe3qP\xef\xde\x1f\xcd\x98q\xed\x82\x05k22R\xa3\xa3u\xceq]P\x95c\x9c\x13\x80\xb4\x98\x98OV\xaf~\xf5\xf8\xf1E+W\xd6NO7\xe6\xf0\xcf\xfb\xf5F\x9cO\xf9j\xbc\x88\x1fz\xeduSTJi\x94Y\xc39\xe1\x10\xa0i\x9c:\xcd\x01\x99^w\xfdT=v\xc8\xd4\xaf?\xad\xb8\x91\x9fR\x15\xfbX\x88\xb1"\xc8\xe1p\xacX\xb1b\xcf\x9e=\xbd{\xf7v\xbb\xdd\x89\x89\x89\x8c1\\\x1aT%\x8c\xaa\xdfd2%%%M\x9d:\xb5\x7f\xff\xfe\x0f?\xfc\xf0\xbf\xd7\xfe\x06\xa3\xf18\xa8w\xef\xcf~\xfa\xe9\xe1\xbd{\xdf\\\xb92\xd9\xe9\xb4\x9bL:\xe78\xc3_%\xb8\x10:\xe7\xb16\x9bY\x96o\x9f9\xf3{Y^\xb2re\xed\x1a5\xfe\xbd\xd6 \x84PJ\x19c_\x7f9&gt;\xbd\xf5\xbd\xed\xfa}\xbbc\xc7\x19%-\x1a\x00\x18\xc3\xf1\xa0* \x00\x18\xe3\x00\xa0\xa4E\xef\xdcu\xa6]\xbfo\xab\xb7\xbcg\xcaW\x138c\x94\xd2\x8a\xde\x8b\xb72\xf6{/\x1d\x8e|\xed\xb5\xd7\xa6L\x99\xf2\xf0\xc3\x0f\x8f\x1a5\n\x00\x8a\x8a\x8a\x8c\xa6Jpw\xb7@\x7f\'\x84\xe0\x9c\x1b\x8b\xfd\x1d\x0e\xc7\x91#G\x9ey\xe6\x99C\x87\x0eM\x9d:\xb5I\x93&amp;e\xeff\x1a_\x99\x9b\x9f?\xfc\x8e;\xbc\xeb\xd6\x8d\xed\xd1\xa3S\xcd\x9a\xc5~\xbfW\xd3\x00\xa0\xc2\xafVd\x14\xa5\x10\x84\x10\xa7\xd9lQ\x949\xbbv\xbd\xb5uk\xf7\xdbo\xff\xe4\x9dw\x08\xa5\x8cs\xa9\x0cw\x93q=H\x924\xe7\xe7EO&gt;r\xcf\xf5\xfd\xec/=\xd2C\x8e\xb5B\x91O\x0f0J\t\xc1\xdd?*\x98\x00\x10\\p.d\x93\x041VV\xe4{\xe9\x7f\xab\xbf_\xe4~\xfb\xfd\x89W\x0f\x1d\xc0*\xa5\xf6\x87\xca\t\x008\xe7\x82\xdb\xbcy\xf3\x0b/\xbc\xe0\xf3\xf9F\x8f\x1e\xdd\xaf_?\xa7\xd3\xa9\xaa\xaa\xd7\xebe\x8c\x19\x1b\xd1\x18\xb3\x8eX\x93\x94\x87\xf1\x01\x1a\x0bx\x00\x80\x10b2\x99\x9cN\'!$##\xe3\xf3\xcf?_\xbcx\xf1\xe0\xc1\x83\xc7\x8e\x1dk\xcc\xd5_\xd0 ci\x03s\xdc\xe7\x9f\x7f\xf1\xe1\x87\xcd\xbc\xde\xbb\xdb\xb4i\x9e\x9aJ)u\xab\xaa\xaa\xeb\xc6O\xc5\xf7\x82\x06\x918[\xa6\x94\x10\x8b\xa28L&amp;_ \xb0\xf6\xe8\xd1\xcf\xb6o\xf7\xd4\xaf\xff\xe4\xb3\xcf\x0e\xea\xd3\xc7(\xee\x0bjK\x19E\x9f\x95\x95\xfd\xccs/\xef\xdd2\xe7\xb6\xabS\x87\x0fk\xe1\xa8\x16\x05*\x03O\x80\xe9\\\xc0\xef\xd7O\x85\xfd\xcb"\xce\xef\xb7$\x10I\xa6`7\x81Y\xf6d\x16O\x9d\xbd\xf3\xebYg\x9a\xb4\x19\xfa\xdak/VKI\xae\xe8q\xffsU\xea\x1b\x9fJ\xeb\x8e\xe9\xd3\xa7O\x9f&gt;=++\xabG\x8f\x1e\x03\x07\x0el\xd9\xb2\xa5Q=\x19\x03\x14\x95v&gt;\x976B\x88\xb1\xf4V\xd3\xb4\xcc\xcc\xccU\xabV\xcd\x9f?\xff\xf0\xe1\xc3=z\xf4\x183fL\xadZ\xb5\xe0\x9c\xce\xd9\x05)\xadk\x8a]\xae\x8f&gt;\xfdt\xde\xf7\xdf\xc7\xe4\xe4\xf4\xab^\xbdG\x9d:\xe9\xb1\xb1&amp;Y&amp;\x00\x1a\xe7\\\x08\xac9\xcaO\x00\xc8\x84H\x94\n!\xbc\x81\xc0\xc1\xdc\xdce\x87\x0f\xff\x92\x97gk\xd2\xe4\x9a[n\xb9\xe7\xb6\xdb\xe0\x9c;\xebB\x95~\xe3\x9au\x1b?\x9f\xf4\xf9\xeemK\xba\xb6T\x86\xf4\xac\xd5\xad]\rK\xbc\x1d(5\xa6\x98\x83\xfcO\x8ad\x8ad\xbc\xab\xd3_\xe0^\xb3\xf9\xe4\xdc\xe5\xc7\xd7\xeeP\x9b\xb5\xeew\xe7]w]\xd6\xb5\x03\x94\xa3(/Ne\xbf\xf2\xcfX\x05dT:\x9b6m\xfa\xea\xab\xafv\xef\xde\xc39\xafS\xbbv\x93\xa6M\xe3\xe3\xe3\x1b4h\xa0\xeb:6:\xcaC\x08!Q\xea\xf5\xf9\xf6\xee\xdd\x9b\x9f\x9f\xbfg\xcf\xee\xec\xec\xec\xe4\xe4\xe4\xbe}\xfb\xde|\xf3\xcdqqqp\xb6\xf5W\x9e\x9fRz\xa5\xfaUu\xd6\xfc\xf9\xb3f\xce&lt;\xbe}{\x8c\xaa6\x88\x8a\xae\xe6p\xd4\x8a\x89\x8e\xb5X\x19\xe7\x80%Y\x1e\x02dJO\x96\x94d\xbb\xddG\x8a\x8a\x8ez&lt;\x81\xb8\xd8\xc6\x1d;\xdez\xcb-=\xbbv\x85s\xfa\xd6\x17\xff\x13\x84`\x8c\x19\x17\xc3\x91\xa3\'\xbe\xfa\xfa\x9b\x8d\xebW\x97\x14\x1c\xaa\x91L\xda6M\x88\x89\xb6\xb4j\x18\x8f\xb7cP\x08\x01\xdb\x0f\xe4\x17\x15\xfb\xb7\xee\xc9;\x91-</t>
        </is>
      </c>
    </row>
    <row r="362">
      <c r="A362" s="1" t="n">
        <v>360</v>
      </c>
      <c r="B362" t="inlineStr">
        <is>
          <t>grid_number_color</t>
        </is>
      </c>
      <c r="C362" t="inlineStr">
        <is>
          <t>What is the missing color if the part denoted with the question mark has the number 7?</t>
        </is>
      </c>
      <c r="D362" t="inlineStr">
        <is>
          <t>['blue', 'red', 'purple', 'green']</t>
        </is>
      </c>
      <c r="E362" t="inlineStr">
        <is>
          <t>purple</t>
        </is>
      </c>
      <c r="F362" t="inlineStr">
        <is>
          <t>There is a 3x3 colored grid of numbers. The first row has number-color pair [(7, 'purple'), (8, 'blue'), (1, 'red')], the second row is [(7, '?'), (8, 'blue'), (7, 'purple')], and the third and final row is [(1, 'red'), (6, 'green'), (6, 'green')].</t>
        </is>
      </c>
      <c r="G362" t="inlineStr">
        <is>
          <t>We observe that the grid cells with number 1 is red in color, the grid cells with number 8 is blue in color, the grid cells with number 6 is green in color, and the grid cells with number 7 is purple in color. Thus, the pattern is that the grid cell with the same number will have the same color.</t>
        </is>
      </c>
      <c r="H362" t="inlineStr">
        <is>
          <t>Based on the pattern that the grid cell with the same number will have the same color, the missing color of the part with 7 should be purple.</t>
        </is>
      </c>
      <c r="I362" t="inlineStr">
        <is>
          <t>b'\x89PNG\r\n\x1a\n\x00\x00\x00\rIHDR\x00\x00\x02\x00\x00\x00\x02\x00\x08\x02\x00\x00\x00{\x1aC\xad\x00\x00}/IDATx\x9c\xed\xddg\x9c\x14\xc5\xba\x07\xe0\xaa\xea\xee\xc9is\x84e\xc99g\x10A2\xa8\x80\x01EE\xcc\t\xf5\xa8\x98\xb3\x98\xe31\x01f\x05\x11Q\x04\x14%\x83H\x94\x9cs\x86\xcdy\'O\x87\xaa\xba\x1fZ\xf6rL,0\xbb;\xc3\xbc\xcf\xf5w\xee\xc6\xd9f\xaa\xbb\xfe\x95\xba\x1as\xce\x11\x00\x00\x80\xd8C\xea\xfa\x00\x00\x00\x00\xd4\r\x08\x00\x00\x00\x88Q\x10\x00\x00\x00\x10\xa3 \x00\x00\x00 FA\x00\x00\x00@\x8c\x82\x00\x00\x00\x80\x18\x05\x01\x00\x00\x001\n\x02\x00\x00\x00b\x14\x04\x00\x00\x00\xc4(\x08\x00\x00\x00\x88Q\x10\x00\x00\x00\x10\xa3 \x00\x00\x00 FA\x00\x00\x00@\x8c\x82\x00\x00\x00\x80\x18\x05\x01\x00\x00\x001\n\x02\x00\x00\x00b\x14\x04\x00\x00\x00\xc4(\x08\x00\x00\x00\x88Q\x10\x00\x00\x00\x10\xa3 \x00\x00\x00 FA\x00\x00\x00@\x8c\x82\x00\x00\x00\x80\x18\x05\x01\x00\x00\x001J\xac\xeb\x03\xf8\x7f\x9cs\xcey]\x1f\xc5\x05\x05c\x8c1\xae\xfd\xbf\x0bE\x19vuR\x94z!BQ\x86\x91^\x88urU\xfe-\\\xb7\xa5\xcb9g\x8cq\xce\t!\x84@w\xa4FPJk\xe1\x1df\x8c1\xc60\xc6\x82 \xd4\xdc_\x89e\x9csJ)\xc6\x98\x10Rs5\x88\x1e\xdeP\x945\xaa\xea\x92\xac\xab&amp;Z\x95:\x0b\x00\xbd\xde?\xfd\x0c\x0b\x86\x02\xc5EE\xa5e%\x18\xd7q,E?\x8c\x10\'\x984j\xd4\xc4n\xb7c\xfc\xff\xf5&gt;\xa54\xbc\xd5\xc7\x1f\x95\x05!\xe4\xb4\xd7\x0c\xfa}G\x8e\x1cRe\x05EJC\'za\xc4\x99\xdd\xe1\xca\xac_\xcfd\xb6V}\x95R\x8a\x10\no\x05\xad\x07\x8c(\xfe\xff\xa8\x80\xac\xaa\x15\x95\x95\'\xf2\xf2\xf4o\x87\xf1o\xc5"\x8c\x11BY\x19\x19q.\x97Q\x92\xaa\xbe\xaci\x9a \x08u\x15\x03uP\xd52\xc6\x10Bzk\xb4\xa2\xb2|\xdd\xba\xd5K\x97.\xdb\xbb\xe7@^NQ\xc0/\x8b\xc4\xca8\xab\xe5C\xba\xf0`\x845\xaa\x9a,\xdc\xe1\xb47h\x98\xd1\xbd{\xd7A\x83\x06\xb7n\xd5N\xffn\xb8b\x80RZU\x07\x1d9\xb8\x7f\xe9\x92\xc5\xeb\xd6\xaf?r"\xaf\xcc\xeds\x07\x99`\xb4pF\xcf\xf3O\x00B\x04\x16\xf2:,\x86\xb4$W\xf3\xc6\xd9\x17\xf7\xe9\xd3\xf7\x92\x01)i\xe9\xe8Tk\xfd\xfc;vz\x8a\xebE\x19\x92\xe5M;v,\\\xbcx\xc7\xe6\xcd\xc5G\x8f\x86\xbc^\xab,c\x84\xa0\xfa?O\xfa{\xe87\x18L\x0eGrvv\xbb.]\x86\x0e\x1a\xd4\xa5}{\x93\xd1\x88j\xa0eV\xdd\xa3\xaa\xcd\x008\xfd&lt;\xdb\xb2e\xe3\xc7\x9f|\xbc\xf2\xd7\xf5F\x92\x9c\x99\xda\xaa~z\xf3\xb4\x94,\x93\xc9j\xb7\xba8g\x913F\x16\x8d8B\x18a\xca\xd4Jw\x99\xdf\xef\xc9-&lt;|,gWI\xe5\xa1\x94\x0c\xeb\x95W\x8d\xb8\xe9\xa6[]\xce8\xf4\xbf\xd5\xf7\xd9b\x8c\xe9\xf5\x8e,\x87\xbe\x9f\xf1\xf573\xbf\xdf{\xb2\xcc\x9c\xde*\xbdy\xa7\x94\xac\xe6\xb6\xb8$\xbb+A2\x9a8\xe3\xd0\t8/\x1ca\x82C&gt;O\xc0\xe7\xa9(\xca)&lt;\xb6\xb7\xe8\xe0fVz\xb4G\x87\xe6\xb7\xdc|S\xffAC\x11B\xfap\xcd9_2U\xa7\xc1\x91\x13\'&gt;\xfa\xec\xb3\x15\xf3\xe6\xd9+*:\xd8\xed\xedSR\x9a%\'\xdb\x8c\xc6d\x9b\r\xc1\xf5\x18\x16\x9c\x17\xfb|~Y\xde_\\\xbc\xa3\xb8x\xab\xc7\xe3u\xb9\xfa^~\xf9\xdd\xb7\xdf\xde(+\x0b\x9d\xdf%ynj/\x00\xaa\xaa\x8c\xad[7?\xf6\xd8c\xf9\'\x02\x8d2\xbbun70%)S\x10DMSTUf\x9cQ\xaa!\xa83\xc2\x80c\x8c\x05A"D0H\x06A\x90\xfc~\xef\xc1c\xdb7\xefX\xe4U\x8e]}\xede\x8f&gt;\xfa\x84\xc5l\xd14\xed\xf4.\x7f5U\xfd\xd6\'\x93?\xf8\xe0\xe3/C\xf6\xac\xa6\xbdF4\xeex\x91\xcd\x99\xc0\x19\xd5\x94\x10\xa5\x1a\xd54\x0e=\xb90!D \x82 J\x06Q2r\x84*\x8b\xf3\xf7\xad_rr\xcb\xe2\x14\xd1\xfb\xfc3O\r\x1a:\x1c\x9dS\xddQ\xd5\x81\xc8\xcd\xcf\x7f\xfc\x99g\xf6/_\xde\xd3b\xb9\xaaU\xab\x96))f\x83A\xa14\xa4i\x941\x951\x18\xff\t\x0f\x8c%B\x04BL\xa2h\x10\x84\xa0\xa2\xec+*\xfaa\xef\xdeu~\x7f\xd3\xfe\xfd_{\xf1\xc5z\xe9\xe9\xe7\x19\xe7g}D\xb5\x13\x00z\x95\x11\x08\x04\xee\xff\xcf\xf8\xc5\xf3\xd7\xf5\xebzc\xd7\x0e\x83L&amp;s \xe8S5\x05q\x8e1&gt;55\x0e\xb5\x7f\x18q\xce\x11G\x1cqN\x88`2\x9a\r\x06sn\xfe\xd1E\xbf}Y\x11\xda\xfb\xca\xab/^1\xea*\xfd\x04\xa8\xfe\t\xa7W4\x1b\xd7\xaf\xbbg\xfc\xbd\xe5Rz\xcfk\x1f\xaa\xdf\xbc\x03SU9\xe8\xa3\x9a\x8a1F\x98\xe8\x0b\x1dj\xf0\x9f\x15\x838\xe7\xe8\x8f\xb5U\xa2h0Y\xed\x94\xd2\x83\x9bWl\x98\xf5\xdf\xae\x8d\x12&amp;\x7f\xf4IzF\xc6Y\xc5yU\x83\xec\xc57\xde\xf8\xfa\xbd\xf7\xaeMM\x1d\xd7\xa1C\xaa\xc3\xe1\x95\xe5\xa0\xaa2\xce\xc9\xa9j\x08\n2\x8c\xf4\xda\x96s\xae\xbf\xc3fI\xb2\x1b\x8dE\x1e\xcf\xd4m\xdb\xbe-,\xbc\xe1\xfe\xfb\x9f}\xec1tZ\xe9\xd4\xb4\xda\x08\x00\xfd\xbc\xdc\xbec\xdb\xd8\x1bnpHm\xaf\xbe\xf4&gt;\x8b\xd9\xe6\xf3\xbb9g\x98\x10\x0c\'Xm\xe1\x9c1\xce\x8c\x92\xd9b\xb1\xed=\xb0\xe9\xdb\x9f_\xb9v\xec\x90w\xde~\x1fU\xef\x84\xabj0\xbe\xf7\xf6\x1b/\xbd\xfbi\xd7\xeb\x9fjw\xf1\xe5\xaa\x1c\x94\x03&gt;\x8c\t\x86E\\\xb5\x87s\xc6\x10Bf\x9b\x93s\xb6\xfa\x87\x8f\xf3V\x7f=\xe5\xfdw\x86]6\xa2\x9a\x19\xa0\xa7xyE\xc5\xb5\xe3\xc6\xf1\r\x1b\xde\x1a4\xa8QbbE0\xa8P*\xd4\xf5\xba\x94\x98\xc29\xa7\x9cK\x82\x10o6\x1f-+{x\xf1b\xde\xb5\xeb\xcc\xa9S\x13\xe2\xe3kg8\xa8\xc6\x03@UUI\x92f\xcf\x9du\xe7\xad\xf7\x8f\x1c\xf0p\xaf.\xc3+\xbde\x8cj\x84\xc0\n\xb3\xba\xc19g\x9cZ-N\xaa\xa9\x9f\x7f\xfb\x9c=\xc5\xbbh\xe1\x12\x8b\xc5\xf2\xef\x19PU\xfb\x8f\x1d3z\xc9\x8e\xfc\xab\x9e\xf8\xd8\x99\x90\xea\xab,\xc5\x84\x9c\xbe\xca\x08\xd4&amp;\xce(\xc2\xd8\x1e\x9frl\xe7\xef?\xbf}\xcf\xb3\x0f\xdc\xfa\xf0cO\x9e1\x03\xf4\x1f\xd8{\xf0\xe0e\x83\x07_\xebt&gt;q\xc9%\xdeP(\xa0\xaa"Dx\xdd\xd1\x18\xb3H\x92\xdddzm\xc5\x8a\x19\x95\x95?/Z\xd4\xaaY\xb3s\x1b\xa1=+5\x1b\x00\xfa?`\xd6\x0f\xdf\xdew\xd7S\xf7\x8e\x9b\x94\x92\x94\xe9\xf6\x94\tB\x04\xdd}\x16\xb3\x18\xa3\x84\x08q\xce\xa4\xef\xe7}XI7-]\xb2\xccj\xb5\xfdS\x06T\xd5\xfe\xd7\x8d\xbebS\xa9\xf5\x9a\xc7&gt;\x0cz+U%D\xa0(#\x00\xd3T\xb3\xdd\xa5\xaa\xca\xd7O\x8e~d\xdc\xb0G\x9f|\xf6_*\x0e\xbd]\xb9k\xff\xfeQ\x03\x07\xbe\xd6\xba\xf5\xa5\xadZ\xe5\xbb\xdd\x18c\x02\xad\xfe\xba\xc68g\x9c\xa7;\x9d\x0b\xf7\xecyd\xf7\xee\xb9K\x96\xb4m\xd1\xa2\xa6\xfb\x015\x18\x00\xfa\xa1\xcf\x99;\xeb\x9e\xdb\x1f{\xe0\xd6O\x1c\xf6\xb8@\xc0\x0b\xb5\x7f$\xe1\x94\xd2\xc4\x84\xb4\x1f~\x9e\xec\xa6\x9b\x17-Zl2\x99\xff\xba\x16\xadjy\xf8\rcFo(6]\xfb\xf8$Oi!\xc2\x08\x1a\xfe\x91\x83Q*\x19\x8cD\x94\xbez\xec\x8a\xc7o\xb9l\xc2cO\xfdm\x06\xe8\x01\xbf\xf7\xe0\xc1\x11\x03\x06\xbc\xd5\xa6M\xfff\xcd\n&lt;\x1e\x03\xdc\xed\x15I\x14J\xd3\x1c\x8e_\x0f\x1cxh\xe7\xce\x9f\x96-k\xd5\xacY\x8d\xce\x07\xd4T\x00\xe8\x07\xbdk\xf7\x8e&gt;\xbd\x06N\xb8mjB\\r \xe8\x83a\x9f\x08D\xa9\x9a\x92T\xef\x93\xe9\xcf\'5\xf0\xcc\x99=\xef\xaf\x15\x87\xfe\x95\xa7\x1e\x9b\xf0\xf9\x92\xddw\xbe5\xb7\xa2(\x97\x10\x02s\xbc\x91\x863&amp;H\x92 J\x93\xef\xea\xf3\xed\x94\xd7/\x1fu\xd5\x9f\x1a\x8f\xfa"\xecP(\xd4\xa1S\xa7g22\xae\xec\xd0!\xaf\xb2\x12j\xff\x08\xa4R\x9a\xeet\xce\xdd\xb1\xe3\xb9\x9c\x9c\xed[\xb7Z\xcc\xe6\x9a[\x17T#\xc1\xa2\x8f\x18\xf8\xfd\xfek\xaf\x19s\xe5\xe0\xc7R\x922\xfd\x01/\xd4\xfe\x91I\x10\xa4\xe2\xd2\xbc\x9b\xaeyb\xeb\xba\xdcw\xdf{K\x14E\xfd.S\x9d\xde\xf6_4\x7f\xde\x07\xd3~\xba\xe1\x99\xcf&lt;\xa5\x85\x18j\xff\x88\x84\t\xd1T\x05c|\xf5S_\xdc&gt;\xfe\x81\x9c\x93\xc7\t!\xfaM\x97:=\x0fn\xbc\xe3\x8eA\x08]\xdd\xb1#\xd4\xfe\x11K\x12\x84&lt;\xb7\xfb\xca\x0e\x1d\x86\x112\xf6\xb6\xdb\xfeT\x8e\xe1U#\x01\xa0\xdf\xed\xf5\x9f\x07\xc6\xdb\xc5\x96\xbd\xbb^\n\xe3\xfe\x11\x0ec\xe2\x0fx\xef\xb9\xe9\xad\x89\xcf\xbd\xbds\xd7\x0eB\x88\x9e\x01\x9cs\x8cqiI\xf1\xadw\xdd{\xd9\xc3\x93\x89 1\xa6\xc1\x12\x91\x88E\x88\x10\xf2y3\x9b\xb6o:\xec\xde\x1bo\xb8\x1e\x9f\xd6\xbf\xd7\x83\xfc\x93i\xd3N\xfc\xfc\xf3+C\x87\xe6\xbb\xddP\xfbG2\x83 \xe4\xbb\xdd/\r\x19\x92\xbb`\xc1G_}%\x08\xc2\xe9\xcd\xb20\n\x7f\x00\xe8\x83?;vn\x9b7g\xc5\x98\x91\x13*\xdc%P\xfbG8\x8c\xb1\xa2\x86\x12\xe2R\xfbv\xbd\xf1\xf1\xc7\x1f\xad\xaa\xe2\xf5\xdb\xd3_}i\xa2\xbdE\xffF\xedz\x06}\x95\x18\xbaq\x91\x8d\x88\xa2\xa7\xac\xa8\xcfUw\xee*T\xe6\xcc\xfaV\xaf8\xf4 \xf7\xf9\xfdo\xbe\xf0\xc2\x1b\x03\x07\xca\xaa\n\x19\x1e\xf90B!U}c\xe0\xc0\xb7_x\xc1\xeb\xf3\xd5\xd0\x0ei5\xd2\x03\xc0\x18?\xf4\xd0\x83\x03{\xdeb1\xdb\x18\xec\x06\x13\r\x04"V\xbaK\x86\xf4\xbb~\xf7\xd6\xfc\x9f\x7f\xf9Q\x10\x04EQ\x04A\xd8\xbfw\xf7\xd4\xd9\x8b\x06\xdf\xf2\xb4\xa7\xbcX\x10\xa53\xbf\x10\xa8k\x98`U\x0e\x0e\xbcm\xe2\x93\xcfN\x94\xe5\x10!D\xd34B\xc8\xf3\xaf\xbd\xd6\x93\xb1\x1e\xd9\xd9nY\x865?\x91\x8f`\xec\x91\xe5\xee\r\x1a\xf4&amp;\xe4\xb9W_\xad\xea\x97\x87\xf9\xaf\x84\xf7\xe5\xf4\xe6\xff\xb6\xed[\x8e\x1d\xa8\xe8\xd9e\xb8\xd7W\tC\xff\xd1\x03#\x84\xfav\xbf\xee\x93\x8f?\xfd\xe3s\x8c?\xf9hJV\xcf+\xecq\x89LS\xeb\xf4\xd8@uaLB~_\xc3\xb6=\x02\xf6\xecys~\xd0wu\xf6\xf8|\xcbf\xcd\xba\xb7{\xf7\x8a`\x10\xd6\xfbG\x0b\x91\x90\x8a@`|\xd7\xae\xbf\xfe\xf0\x83\xdb\xeb\x15\x04!\xec\x9d\x80\xf0\x07\x00B\xe8\x83\x0f\xdeo\x96\xdd\xdbd2\xc3n0Q\x84\x10\xe2\x0fx:\xb7\xed\xb7}\xcb\x91]\xbb\xb7\x1b\x0c\x86\xf2\xb2\xd29\x0b\x7f\xed8pt\xd0WI`\xc88z`\x8c\x99\xa6\xb4\xbed\xf4\xe4\x8f&gt;\xd1\xdbd3~\xf8!\xd3\xe3i\x91\x96\x16T\x14h\xfcG\x0b\x8cPPU[\xa4\xa5\xd5\xf3z\xbf\x995\x0bc\x1c\xf6N@8\x03\x80s.\x8a\xa2\xdb]\xb9j\xc5\xfa\x1e\x9d\x86\xc2\xca\x9f\xa8\xc3\x18\xb5Y\x1d\r\xd3\xbb|\xf1\xc5\xe7\x08\xa19\xb3f2Wvr\xfd&amp;\xaa\x1c\x82-a\xa2\x08&amp;$\xe8\xf76\xefz\xc9\xde\x9c\x8a\xbd\xbbv \x84\xbe\x996\xed\xea\x16-TJa\x0e?\xba`\x8ceJG\xb7h\xf1\xdd\xf4\xe9\xe8\xd4.\xfaa\x14\xce\x97\xd3\x9b\xff\xeb\xd6\xad\x96pRjr}U\x95\xc3\xf8\xe2\xa0\x16`LBJ\xb0}\xeb\xbe\xeb\x7f\xdf\x82\x10_\xbebe\xa3.\x838\x85\x95?\xd1\x87Q\xcdbs\xba\x1av\\\xbdr\x85OV&lt;\x07\x0f\xf6\xca\xca\xf2\xca\xb2\x00E\x19U\x04\x8c}\xb2\xdc\xa3A\x03\xdf\xd1\xa39\x05\x05\x84\x90\xf0\x8e\x02\x85\xb9\x07\x80\x10Z\xb4xqVz[\x01\xda\xfeQ\x08c,\xcb\xc1\xecz-J\x8b\x02{\xf6\xec\xdc\x7f4\xafA\x9b\xeeJ\xd0\x8f\xe0\xa6\xdfh\x831\xa6\xaaR\xbfM\xef\xf5\x1b\xb7\xacX\xbd*\x93\xd2T\xa7S\xad\xb1\xe5\xe4\xa0\xe6\xa8\x8c\xa5:\x9d\x99\x9a\xf6\xeb\xaaU\xe8T;;\\\xc2ya\xeb7,\xec\xde\xbd\xafA\xbd\x96\xaa&amp;C\xb31\x1a1F\xcdf[\x9c\xb3\xde\xcco\xa7S\x83\xd3\x99\x98\xa6\xaa\n\x14e\xf4\xc1DU\x82\xa9\xd9\xcdO\x16\x96-\xf8y^\xfb\x94\x14\xfd\xf9\xeeu}X\xe0\xecq\x8e\x10j\x15\x1f\xbfy\xd3&amp;t\xaa\x9d\x1d.a\x0b\x00}\xb30\x8d\xaa\x85\xf9e)\x89\xf5TU\x81\xfbE\xa3\x14\xc68-){\xce\x0f\xdf\x1b\x9c)F\xb3\x15\x1e\xeb\x18\x8d0\xc6\x9a\xaa\xba\x92\xd3K\xbd\xf2\x8a%\x8b[\xa7\xa5\xa9\x94\xc2\xea\xcfhD0\xd6(m\x1a\x1f\x7f\xe4\xd0!t6\x8f\xee\xa8\xd6\x8b\x87\xeb\x85\xf4\\*\xc8\xcf\xf7\xfbd\xab\xc5^s\xf7.\x83\x9a\xc6\x18s\xd8\x12\n\x8a\xca\x8d\xb68\xa80\xa2\x17\xe7\xcc`0*H*-,J\xb4\xd95\xb8$\xa3\x96\xc6X\xa2\xcdV\x92\x9f\xaf\xdf\xd2\x11\xc6N@\x98\xc7v\x8b\x8a\x0b\t2\xd9mq\x94Qx\xd2K4\xc2\x183\xa6\xa5$eUT\xfa\x1ci\r\xf4\xaf\xd5\xed!\x81s\xc3\x193\x9a-\x82#\xc9_\xe9\xce\x8a\x8b\x935\x98\xcc\x8fJ\xfaB\xa0\xfaqqJE\x85\xac\xaa\x11\xda\x03\xd0\x89\xa2\x881\x82\xe5\xff\xd1\x8e1\rc\xc4\x99V\xd7\x07\x02\xce\x8b\xfe\x1cI\x82\xb1\xc6\x18\xd4\xfd\xd1\x0b#\xa41FD1\xec\x11\x1e\xe6\x00\xa8\xb5G\xcc\x83\x1a\x86\xf5G\x05\xd7\xf5a\x80p\xe0\x1c\n2\xdaaT#s\xf8\xb0\xbc\x0f\x00\x00b\x14\x04\x00\x00\x00\xc4(\x08\x00\x00\x00\x88Q\x10\x00\x00\x00\x10\xa3 \x00\x00\x00 FA\x00\x00\x00@\x8c\x82\x00\x00\x00\x80\x18\x05\x01\x00\x00\x001\n\x02\x00\x00\x00b\x14\x04\x00\x00\x00\xc4(\x08\x00\x00\x00\x88Q\x10\x00\x00\x00\x10\xa3 \x00\x00\x00 FA\x00\x00\x00@\x8c\x82\x00\x00\x00\x80\x18\x05\x01\x00\x00\x001\n\x02\x00\x00\x00b\x14\x04\x00\x00\x00\xc4(\x08\x00\x00\x00\x88Q\x10\x00\x00\x00\x10\xa3 \x00\x00\x00 FA\x00\x00\x00@\x8c\x82\x00\x00\x00\x80\x18\x05\x01\x00\x00\x001\n\x02\x00\x00\x00b\x14\x04\x00\x00\x00\xc4(\x08\x00\x00\x00\x88Q\x10\x00\x00\x00\x10\xa3 \x00\x00\x00 FA\x00\x00\x00@\x8c\x82\x00\x00\x00\x80\x18\x05\x01\x00\x00\x001J\xac\xeb\x03\x88,\x9cs\xceYX^\nc\x821\x0e\xcbK\x81\xb0\xe1\x9cs\xc69\xc2\x18c\x82\x11\xc2\x08!\xce\x19\xe7\x1cq\x84\t\xc6\x18\x9aDQ\x89q\xce\x11\xc2\x08\x11\xb8\xe8\xce\x06\x04\xc0\xff\xe3\x9cK\xa2A\x14\x8d\x08\xe9\xe7\xd2\xb9\xbf\x12BX\xd5B\x1aU\xf1y\xbd\x0e\x08\x1b=\xdaE\xc9 \x19-\x18\x13JU\xaa*\x8cj\x98\x10Q2\x0b\xa2\x84\x11\xd6\x94\x90*\x07\x11B\x98@\x0cD\x13\xca\xb9M\x92DB\x18\xe7~U\xad\xeb\xc3\x89&amp;\x10\x00\x7f\xe0\x9c\x8b\xa2TTz\xa2\xa8\xf48\xc6\x98s~\xee\xaf\x851\xe2&lt;#\xb5I\xbc3M\xa3*\xf4\x03\xea\x1ccT\x94\x8c\x92\xc9\xe2)\xc9=\xb4~Q\xfe\x81-\x15\xf9GC\xbe\nM\x91\x89 \x1a\xadvgr\xfd\xe4\xec\xd6\x99\xad\xba\'e\xb5@\x18\xc9\x01/!B]\x1f583\xc69\xc18\xceh\\_PP\xe8\xf7\xdb\r\x86\xae\xa9\xa9\xe7q\xe9\xc6\x1c\x08\x80?p\xceL\x06\xcb\xf6\xbd\xbf\xce_\xf1qX^\xf0\x9aK\x1f\xeb\xd7}\x8c\x1a\x901\x86\xaa\xa4.1JM6\xa7\xb74o\xf5\xf4W\xf7\xaf\xfe\xc9W^\xf8w?\xb5\x16!$\x1a\xcdYm{w\x19yw\xfd\xb6\xbdC&gt;7\xc6\xe8\xfc:\x82\xa0fi\x8cYD\x91\x10\xf2\xfa\xa6Moo\xda\xa41\xd6\xc0\xe9\\}\xed\xb5\xf4|Zo1\x06\x02\xe0\xffq\xc4\x05AD\x08aL\xcey&amp;@ "\xc2\x98Q\xcdh\xb0p\x04\'b\x1dc\x8c\x9a\xed\xae#\x9b\x96.\x99\xf2\xa8\xb74\x1f!\x84\x89\x90\xda\xb8mrvk[B\x9ad4SM\t\xb8\xcb\xcar\x0e\x16\x1d\xde\x19\xf4\x96\x1f\xd9\xb4\xf4\xe8\x96\xe5\xdd\xaf\xfaO\xaf\xeb\x1eQC\xfe\xf3\x1e\x0c\x045\x82#D\x19\x8b7\x99Nx&lt;\x8f\xac\\\xb9\xec\xc4\t\x84\x90\x80\xb1U\x92\xea\xfa\xd0\xa2\x0c\x04\xc0\x1f\x08!!\xd9\xdf\xb9\xcd\x90&amp;\xd9\x9d0\xc2\xe7Pws\xc6\x8cF\xcb\xf7\xf3\xdf8rb\xbb\xdd\x1a\xd7$\xbb\x93\xac\x84`R\xb1\x0e1FMV\xe7\xa1\r\x0b\x7fz\xedVF)B\xa8\xe5\xc5Wv\xba\xec\xb6\xc4\xac\x96\x92\xc9\x8c19U\xbfs\xaa\xa9\xde\xd2\xfc\x03k\xe6m\x9c3)\xe0)\xfb\xfd\xfb\xff\xaar\xe0\x92[\'\x86|\x95\x18\xc6\x82"\x0c\xe3\x1cc\x9ch6\xcf?z\xf4\x91\x95+\xf3}&gt;\xa3 $\x98\xcd\xf9&gt;\xdfy\x8d\xdc\xc6$\x08\x80*\x981\xea\xb4\'\xc6\xbbR\xcf\xe1\x979\xe7\x06\xc9TP|$\xaf\xf0 B\xa8S\x9b\xc1\xc9\xf1\xf5\xbd\xfer\x18J\xae+\x9c3\xc9`\xaa,8\xbe\xe0\xdd\xff0J\x05\xc98\xe8\xee\xd7\xdb\x0e\xbaA\x9f\xe9\xd5\xbc!\xf4\xc7\xb2\x11\x8e\x10\xc6\x18[\x9c\x89\xdd\xaf~\xa0a\xe7\x01s_\xb9\xa9\xa2\xe0\xd8\xe6\x9f&gt;\xceh\xde\xa5i\xcfKC~\x0f\x819\xe1\x88\xa11f\x95$\x8e\xd0\xf3\xeb\xd6\xbd\xbfu+\xe3\xdc&amp;I\x9f\x0c\x1a\xf4\xfd\xc1\x83?\x1e:\x04K\x80\xce\x16\x9c\xd9\xa7\xc3\x1aUe%p\x0e\xff\x05e\x1f\xe3\xf4\xd7\xdfg\x84\xe4\x80$\x1azt\xb8\\QC0\xfd[\x878\xe7\xa2\xd1\xb2a\xce\x87\xb2\xdf\x8d\x10\xea3\xf6\xc9\x0e\xc3n\tT\x96\xa8\xa1\x00\xc6\x98\x10\x81\x08"\x11\xfe\xf8_L\x08\xd5T_EaRV\x8b\xe1\x0f~(\x1aL\x08\xe3\xf5?\xbc\xaf)2\xd4)\x11\x82#\xa41\x16o6\xe7x\xbd\xd7\xfc\xfc\xf3\xbb[\xb60\xce\x9b\xc5\xc7\xcf\x1e9rT\xd3\xa6\xa5\x81@]\x1f`T\x82\x00\xf8\x1fX_\x1f~\x96\xff!\x8c\x8d\x92\xa9\xac"\x7f\xeb\xee\xa5\x08\xe1\x16\x8d{\xd6Ko.+A\x18\xff\xa93\x9c\x0b\xa2\xc1W^pd\xd3R\x84qbV\x8b\xf6\xc3\xc6\xf9*\n\x89(\xfe\xd3\x12O\x8c\xb1 \x1a\xfc\xee\xd2\x8c\x16]\x9bt\x1b\x828/&gt;\xb6\xbb\xf8\xe8.\xc9d\t\xd7\xad!\xe0\x9cq\x84\x04\x8c\x13\xcd\xe6\x1f\x0f\x1d\x1a&gt;g\xce\xea\xdc\\\x84\xd0\x88\xc6\x8d\x7f\x1a5\xaa}RRY0X\xd7\x07\x18\xad\xa0\x86\n\x03\xce\x98\xd1h\xdd\xb4s\x91/P\x89\x10\xea\xddy\x14G\x1c\xe6\x0e\xeb\x10\xe7\\4\x18\xcb\xf3\x8e\xf8+\x8b\x11\xe7\xd9\x1d\xfb\x19L6\xce\xd8\x19gt1!\x9c\xd3\x06\xed/F\x08q\xc6JN\xec%\xa2\x04#\xcbu\x0e#\xa4P\xfa\xe4\xea\xd5\xb7,ZT\x12\x08\x18\x05ab\xaf^\x9f\x0f\x1el\x15E\x8f\xa2\x88\x84@\t\x9d\x1b\x98\x03\x08\x03\x81\x88\xfe@\xe5\xef[\x7f\xc2\x18\xd7Kk\xd1\xacQ\xd7P\xc8O\xa0\xf9_\x978&amp;$PQ\x828G\x08\xc5\xa55\xe0\x9c\xa1j\x0c\xe6`\x84\x19\xa5\xf6\xc4t\xfdS\x7fE\t\xc6\x04A\x00\xd4)\xca\xb9\xcbh|\xf8\xb7\xdf\xbe\xdc\xbd\x1b!\xd4\xd0\xe5z\xb7_\xbf&gt;\x99\x99\xe5\xa1\x10FH\x801\xba\xf3\x00\x95\xd4\xf9b\x8c\x9aL\xd6\x9d\xfbW\x16\x97\x9d\xe4\x9c\xf7\xea&lt;\xd2(\x99a\xd0 \x02`\xce\xa9\xfe\x11\x11\xa4\xb3Z\xd5U5v\x07\x0by#\x01\xc18\xa4i\xb7\xb5m\x9bl\xb1\x0cj\xd0`\xc1\x95W\xf6LO/\r\x06\t\xc60\xcdv\x9e\xa0\x07p\xbe0\xc6\x9a\xa6\xac\xde4\x1bc\xecr\xa4\xb4oyIP\xf6\xc3\xba\x91\xba\x86\x11c&amp;[\x9c\xfeI\xa0\xb2\x04a\\\xbd\xca\x9c\x13"\xf8+\x8b\xf5O\xac\xae\xe4jv\x1d@\xcd\xd1\xc7\x7f\x1a\xbb\\?\x8d\x1a\x95f\xb5\x1a\x04\xc1-\xcb"\\b\xe1\x00o\xe2ya\x9c\x99\x8c\xd6\x83\xc7\xb6\x1c\xcb\xd9\xc99\xef\xdan\x98\xd3\x9eD\xa9\nw\x0f\xd51\x8c5Mq\xa5e\x1b-\x0e\x84P\xce\x9e\xdf\x11g\xa8\x1a\t\xc0\x18\'\x82pr\xd7:\x840!BJ\xc3\xd6T\x83\xcd&lt;\xea\x1e\xc6\xd8\xaf\xaa\xf5\xedv\x84PH\xd3\x04\xa8\xfd\xc3\x04\xde\xc7\xf3\xc39&amp;\xc2\x9a\xcd\xb39\xe7F\x83\xa5[\xfb\xe1\n,\xfe\x89\x00\x18c\xaa\xc8\xae\xd4\xac\x8c\x96]\x11B\'w\xae\xcd\xd9\xbd\xced\x8f\xa3\xda\xbf\xed\x14\xc6\xa8f\xb4\xd8JN\xec?\xb8\xf6g\x84xz\xf3\xce)\x8d\xda\xaa\xa1\x00\x14h$ \x18+\x94r\xd8\xef3\xac\xe0\xcc&gt;w\x9c3\x83\xc1\x9c[p`\xf7\xc15\x08\xa1\xb6\xcd/NKn\x08\xcb\xff#\x07g\xb4\xeb\x15\xe31\xc6\x94\xaa\x8b\'=\xe2+/4\xd9\\LS\xff\xb6+\xc0\xa8&amp;\x99,LS\x97Lz8\xe4wcLz_\xff8&amp;\x18f\x80#\x07\x0c\xf9\x87\x1d\x04\xc0\xb9\xd3\xef\xfe\xfd}\xcbO\xaa*\x13Lzu\x1e\xc5(\x85S4B`B\xe4\xa0\xaf~\x9b^=\xaf}\x18q^\x9ew\xf8\x87\xe7\xae-=\xb9\xdf\x1a\x97\x8c1aT\xab\xaa\xd9\x19\xa3\x9c3\x8b#!\xe8)\x9f\xf3\xf2\xb8\x9c=\xeb\x11B}o~\xae~\xdb^r\xc0\x07[C\x83\x0b\x18\x9c\xdc\xe7\x88#.\x8a\x86\xb2\x8a\xfcM\xbb\x16a\x8c\x1b\xd6o\xdf(\xab}H\xf1\xc3pA\xe4 D\x08\xf9\xdc=\xaf}\xa8\xcb\xc8\xbb\x11B%\'\xf6\xcd|b\xe4\xba\xef\xde\xa1\xaabq&amp;\x10QbTC\x88\x9b\xacN\xc9`\xde\xfd\xebw3\x1e\xbb\xec\xc4\x8eU\x98\x90~\xb7&lt;\xdfe\xe4]!o%\xec\xe4\x01.l\xb0\n\xe8\x1cq\xc6Lf\xeb\xca\xf5\xdf\xf9\xfc\x15\x08\xa1\xde]\xae\x10\x05I\xe6\x01\xe8\x00D\x14\x8c\x90\x1c\xf0\xf5\xbb\xe5\xf9\xf8\xcc&amp;\xab\xbf~%\xe0.]5\xed\xe5]Kg\xb4\x1d&lt;\xb6y\xef\x11\xae\xd4\xfaJ\xd0\x7fh\xfd\xc2-\xf3&gt;\xc9\xd9\xf3;B()\xabE\xdf[\x9e\xcf\xeexI\xc8[\x0e\xdb\xc0\x81\x0b\x1e\x04\xc09"D\x08\x04\xdc\xeb\xb6\xfe\x841N\x8a\xaf\xd7\xa6\xd9E\xc1\x90\x0f\x1a\x8c\x11\x07c\x8cP\xc8W\xd9n\xf0\r\xf5[\xf7X\xf7\xdd;\xfbV\xffXQpl\xe5W\x137\xce\xf9\xb0Q\xe7\x01e\xb9\x87\n\x0enC\x08\xd9\x12\xd2\xda\x0f\x1e\xdba\xf8-&amp;\x9b3\xe8)\'\x02\x14%\xb8\xf0A\x00\x9c\x0b\xc6\xa8\xd5\xe2\xdc\xb0}~Q\xe9q\x84P\xf7\x0e\x97[-.\x9f\xbf\x02\x02 2a"\x04*Km\x89\xe9W&lt;=\xed\xc4\x8e\xd5\x8b\'=\\v\xf2@\xd0S\xbe\xfb\xd7\xef\x11BD\x94\xea\xb7\xe95\xf4\xbe\xff&amp;e\xb7\xf2\x94\xe4\x06=\x15\x82d\xa8\xebC\x06\xa06\xc0\x80\xf5\xb9\xc0\x18kT]\xb3i6F\xd8bvvi;D\x96\x030[\x18\xb1\x18\xa5&amp;{\x1cgl\xcb\xcf\x9f\xad\x9e\xfeZY\xee!M\x95\x89(Y\\\x89\x08!\xa6\xa9\xb9{~\x9f\xfb\xcaMk\xbey]\x9f\x1e\xe0\x8c\xc1\xfe? \x16@\x0f\xe0\xac1\xce\xccF\xeb\xc1c\x9b\x8f\x9c\xdc\xc1\x11\xef\xd8z@R|\xa6/\x00\x13\x86\x91\x88s\x8e0\xb28\xe2\x8em_\xb9v\xc6\x9by\xfb6"\x84\x8cVG\xdb\x81\xd7\xb5\xea7\xda\x1a\x97tl\xeb\x8a}\xab\xe6\x9e\xdc\xb9\xa6\xf0\xf0\x8e\xc2\xc3;v,\x9e\xde\xe3\x9a\x07Z\\4J\x95\x83LS!\xd4\xc1\x85\r\x02\xe0\xecqN\x88\xb0f\xd3l\xce\x99(H=;\x8eP\xa9\x02\xab?#\x10\xe7\x9c\x10"H\xc6\xdf\xa6\xbe\xb8q\xce$\xce\x98d\xb2t\x18vs\xfb\xa17\xc5\xa55\xd0\x14\x99Q\xb5\xdd\xe0\xb1\xad\xfb_[p`\xeb\xb6\x05_\xee_\xf3cY\xce\x81_\xde\xba\xfb\xc8\xc6%\xfd\xefx\xd9`\xb6ir\x10\xa6\x82\xc1\x05\x0c\x02\xe0\xecp\xce\x8d\x06s^\xe1\xa1]\x07V#\x84\x9a5\xec\x9a\x95\xd1*(\xfb`\xef\xcf\xc8\xc31\xc6D4\xcc\x7fg\xfc\xfe5?!\x842Zt\x19p\xc7+\xa9M;(\x01_\xc0]\x86\t\xc1\x08\x07\xbd\x15\x18\xe3\xf4f\x1d3[vm;\xe8\xfa\x95S_,&lt;\xb4}\xdf\xaa\xb9\xe5\xb9\x87\xafx\xe6k\xb3=NSd\xe8\x07\x80\x0b\x15\x9c\xd9g\x87s&amp;I\xa6u[\x7fR\xd4\x10B\xa8w\x97+puw\x19\x03\xb5\x8a1f\xb4\xd8\x7f\xfd\xec\x19\xbd\xf6o\xda\xf3\xd2\xd1\x13g%6h\x19\xa8,\xa5\x9aJ\x04Q\x7f\x92\x0f!\x02\xc6D\t\xfa\x83\xde\xcaz\xad{^\xfb\xf2\xdcV\xfdF#\x84\x8a\x8e\xee\xfa\xf1\xd5[\x18\xd5\xb0 \xc0\xcd\xc0\xe0B\x05\x01p\x168\xe7\xa2h(\xaf,\xd8\xb4s!\xc68#\xb5I\x8b\xc6=B\xb2\x0f\xf6\xfe\x8c4\\\x7f\x1c\xfc\xfa\x85\xdb\x17~\x85\x10\xaa\xd7\xaa\xfb\xa5\x13\xa6p\xce\x95\xa0\x8f\x08\xe2_\xc7\xeb0!D\x10d\xbf\x87s6\xfc\xc1\x0f[\\|\x05B\xa8\xe0\xe0\xd6u\xdf\xbdc\xb48\x18\x83\xcd\xbd\xc1\x85\tj\xae\xb3\xc093\x19\xad\x9bw-\xf6\xfa\xca9\xe7\xbd:\x8d2\x19\xadP;D"L\xa8\xa6\xac\xff\xe1}\x84\xb1\xc1l\x1bp\xd7\xeb\x18c\xaa)\xff&gt;QO\x04\x81S\xaa\x84|\x03\xee|5.-\x1bc\xb2}\xe1\xd4\x8a\xbc\xc3\x92\xd1\x04\x8b\x82\xc0\x05\t\x02\xe0,\x10"\x04\x82\xdeu[~\xc4\x18;\xec\x89\x1dZ\r\x80\xe6\x7f\x04\xd2\'{\x8b\x8f\xee.:\xbc\x03q\xde\xb4\xc7\xf0\xe4\xecVJ\xb0Z\xb7\xe9aB\xa8\xaaX\x1c\t\x1d/\xbd\x95s\xa6\x04}G\xb7\xae\x90L\x16\x0e1\x0f.DPyU\x17c\xd4l\xb4\xed&gt;\xb8\xaa\xb0\xe4\x18\xe7\xbck\xdb\xa1q\xce\x14M\x83\xad\xff#\x0e\xe7\\\x10\rEGv1F\x11B\r:\xf4\xe5\x8cV\xff\xa1.\x98\x08\xaa\x1c\xa8\xd7\xa6\xb7h0!\x84\x0b\x0fo\x87\xd6?\xb8PA\x00T\x17\xc6\x982m\xf5\xc6\xd9\x08a\x83d\xea\xde\xe12E\r\xc1\xd6o\x11\x89c\x8c=%\xb9\x08!\x8c\x893\xa5&gt;\xa5Z\xf5\xd7\xe9b\x84\x18\xd5\xac\xce\x04\x8b#\x01!\x1e\xa8,a\x14\x9e\t\x03.LP\x7fU\x0b\xe7\xcch\xb0\x1e&gt;\xb1\xed\xf0\x89m\x08\xf1\xd6M{g\xa46Q\x94 \xd4\x0b\x11KSB\x08!"\x8a\xa2\xc1\x84\xce\xf6\x11\xcd\x1ca"\x10QB\x081J\xf5\xbb\xc9\x00\xb8\xf0@\x00T\x0b\xe7\\\x10\x845\x9b\xe7p\xce0\xc6\xbd;_\xc1\x18\xc5P+D0\xc9hF\x081M\xd3\xe4\xe0Y\x9d\xe7\x1c!L\x88\xa6\x84\x94\xa0\x0f!d0\xdb\x08\x11a%(\xb8 A\x00\x9c\x19\xe7\xdc \x99\xf3\x8b\x0e\xef\xdc\xf7\x1bF8;\xb3M\xe3\xecN!\xd8\xfc\'ba\xcc9s$\xd7C\x08q\xce*\n\x8e\n\xa2\xc8Y\xb5kp\xce\x05Qr\x17\xe7\x04\xbd\xe5\x08!WZ\x03"\x08P\xff\x83\x0b\x12Tag\xc693\x18L\xbfo\xfdYQC\x1c\xf1^\x9d\xaf\x90D\x03?\xdbQ\x05P[0\xc6TUR\x1a\xb7#\x82\x84\x10:\xbcq1\xc6\xa4\xfaMx\xc6\xa8h0\x1d\xd9\xb8X_\xf9S\xafUwF5\x18\xea\x03\x17$\x08\x803\xd0\x9f\xfcU\xe1.\xdc\xb8c&gt;\xc68!.\xbdm\x8b\x8bC\xb2\x1f\xb6~\x8bX\x18\x13U\x0e$7h\x99\xde\xac#B\xf8\xc8\xa6\xa5\'w\xad5;\xce\xf0Dx\x1d\xd3T\x93\xd5Q\x9as`\xe7\xb2o1\xc6\xf1\x19\x8d\xeb\xb5\xee\xa9\x04\xe1\xc1\x90\xe0\xc2\x04\xa7\xf5\x19p\xc6LF\xeb\x96]K=\xbe2\xcey\xf7\xf6\x97\xd9\xad\xf1\x94ju}\\\xe0_qD\x88\xd0\xed\xaa\xfb\x10\xe2LS\x17}\xf8\x90\xbb8\xd7\xe2L`T\xe3\x8c\xfe\xf5\xae.\xce9g\x94Q\xcdd\x8f\x93\xfd\x9e\xf9\xef\xdc\x1b\xf2Vp\xce{\\\xf3\x90\xc1bg\x8c\xc2b_pA\x82\x008\x03B\x84`\xc8\xbbv\xcb\x1c\x8c\xb1\xd9d\xeb\xda~\x98\xac\x04`\xf5g\x84\xc3\x84\xc8\x01O\xa3.\x03;]v;\xe7\xbc"\xff\xe8\xf7\xcf^}b\xc7j\xb3#\xdehu\n\xa2\x84\x10\xe2\x9c\xe9\xff!\x84\x04\xd1`\xb49\xcd\xf6\xf8\xdc\xbd\xebg&gt;}e\xc1\xc1\xad\x08\xa1v\x83oly\xf1\x15\xb2\xcf\r\xbd=p\xa1\x82\xdd@\xff\rc\xd4jvn\xd9\xbd\xb4\xa0\xf8(B\xa8}\xcbKR\x12\xb3|~\xd8\xfa?\n`"\xc8~o\xdf\x9b\x9fS\xe5\xc0\xce%\xdfT\xe4\x1f\x9d\xf5\xec\xe8\xa6\xbd.kq\xd1\xc8\xe4\xecVfG\x82h0a\x8c9\xe7\x9a"\xfb\xca\x0b\x8b\x8f\xed\xda\xbff\xde\xa1u\xf3\xf5\xdb\xc7\xda\x0e\xbaa\xc0\x9d\xaf(A\x1f\xac\xf4\x8d\n\x18!\x0cEu\xf6 \x00\xfe\r\xc6Xc\xea\x8a\xf5\xdf\xea\x9f\xf6\xea4J\xd3\xe0\x9e\xa0\xe8\xc1\xb9\xa6\x84\x06\x8d\x7f+\xb9a\x9b\xf5\xdf\xff\xd7W^\xb4\x7f\xf5\x8f\xfbW\xffh\xb2\xc79\x12\xd3M\xf68A4PU\x0ez\xca=\xa5y\xb2\xdf\xa3\xff\x92#)\xa3\xfb\xd5\x0f\xb4\x1b|\x83\x12\xf4#\xce\xab\x7f\x0b1\xa8C\x1ac\x9cs\x15v\xec8K\x10\x00\xff\x88sf0\x98O\xe4\xed-.;i\xb3\xb8\x1aeu\xc8\xcal-+A\x18\xff\x89\x1a\x18#\xce\x95\x80\xb7\xe3\xf0[\x1aw\x19\xb8g\xc5\x0f\x877,,9\xb1?\xe4\xad\x08y+\xfe\xf4\xb3\x92\xd1\x92\xdc\xb0u\x93\xeeC[\xf4\x19eOL\x0fy+1\xc6P\xfbG\x05\x8eP\x9c\xc9\x94`2%\x98\xcdu},Q\x06\x02\xe0\x1faL4MI\x8a\xaf\xf7\xe4=3\x10B\x92d\xd24\x19\x9a\xffQ\x06c\x8cp\xd0Sav$\xf4\xbc\xf6\xa1N\x97\xdfQYp\xac&lt;\xef\x88\xa7$7\xe4\xabd\x9aJD\x83\xd9\xeer$\xd7K\xc8h\xecLk`0Z\x94\xa0/\xe8\xad\x80Q\xbehA0\x965\xed\xbf\xfd\xfaQ\xce\t\xc6\x14n\xd98\x1b\x10\x00\xff\x86sn\x90Lz\xa5\x0f\x0f\n\x8f^D\x10\xa8\xa6\x06\xdc\xe5D\x10\xe23\x9b$e\xb7"D@\xff\xff\x1c\x1f\xcc\xa8F5\x85*r@\x0e\x11B\xa0\xf6\x8f:\x16I\xc2\x08q\x84\x18\\\xa4g\x03\x02\xe0\x0c8g\xfa)\x05\x1b?D5\x8c1\x16\x04\x84\x90\xa6\x0459\xc09?me\'\xc7\x18#L0\xc6D\x80\xaa?*U5\xfc\xe1*=+\x10\x00g\x06U\xff\x85\x04c\x02%z\xe1\x81\x02=70\x9f\t\x00\x001\n\x02\x00\x00\x00b\x14\x04\x00\x00\x00\xc4(\x08\x00\x00\x00\x88Q\x10\x00\x00\x00\x10\xa3 \x00\x00\x00 FA\x00\x00\x00@\x8c\x82\x00\x00\x00\x80\x18\x05\x01\x00\x00\x001\n\x02\x00\x00\x00b\x14\x04\x00\x00\x00\xc4(\x08\x00\x00\x00\x88Q\x10\x00\x00\x00\x10\xa3 \x00\x00\x00 FA\x00\x00\x00@\x8c\x82\x00\x00\x00\x80\x18\x05\x01\x00\x00\x001\n\x02\x00\x00\x00b\x14\x04\x00\x00\x00\xc4(\x08\x00\x00\x00\x88Q\x10\x00\x00\x00\x10\xa3 \x00\x00\x00 FA\x00\x00\x00@\x8c\x82\x00\x00\x00\x80\x18\x05\x01\x00\x00\x001\n\x02\x00\x00\x00b\x14\x04\x00\x00\x00\xc4(\x08\x00\x00\x00\x88Q\x10\x00\x00\x00\x10\xa3\xc2\x1f\x00\x18c\x8cp\xd8_\x16\xd4&amp;\x8c1B\x08ch\x1fD\xbdSE\t\x97dt\xc35S\x84a\xbe\xc21&amp;\x1aU5\xa6\xc1\t\x17\xcd\xb0\xa2\x86\x08!\x9a\x1c\xac\xeb#\x01\xe7\x03s\xc6\xa8*#Bd\r.\xc9(\x861\x965MC\xe1oY\x87-\x00\xf4\xd3\xabQ\xa3\xc6\xa2\x81\xba\xdd\xa5\x82 p\xc4\xc3\xf5\xe2\xa0\xd6p\xceEQ\xca/:\x9a\x96\xe2\xac\xcc?\x8a0FP\x8e\xd1\x89\x08B(\xe8G\xbe\x92\xb8\xb4\x94#e\xa5FQ\xe4\x1c\x8a2\xfap\xce\x8d\x82p\xb4\xac,.3\xd3d4RJ\xc3\x98\xe5\xe1\xec\x01p\xce-\x16\xab+\xce\xee\x0b\xb8\x05"\x84\xf1\x95A-\xf3\xf9+Z\xb7nEC&gt;\xaa\xa9\x08Z\x8e\xd1\t\x13\x12\x0c\xf8l&amp;\xa9Q\xd3f\xc5\x1e\x8fH\x08T\xff\xd1\x88#$\x10R\xe6\xf7\xa7\xa6\xa5\x85\xbd\x1b\x17\xce\x1e\x00cL\x12\xa5\x06\xd9\x19\'\xf3\x0eI\x92\tAs#*aJ\xd5\xdc\xc2\x03\xb7\xdcz\x87R\x99\xef\xf7V\n\x82X\xd7\x87\x04\xce\x1a\xe7\\2\x18Kr\x8e\xa6\xc5\x99/\xbd\xe2\x8aM99\x92 @\x0f \x1aq\xceEA\xd8Q\\\xdc\xba}{\xfd\xd30\xbex\x98{\x00\x08\xa1\x1e=\xba\x1d\xcb\xd9%\n\xd0\xdf\x8cJ\xa2$\x95U\x143\xe4\x1d4xx\x82\x05\x17\x9f&lt;$\x19M\x9c\xb3\xba&gt;.p\x968\x93\x0c\xe6\xfc\x83\xdb\x9b7\xce\x1e6t\xd8~\x9fOVU\x02\x9d\xb9(D0\x96\x15\xe5P0\xd8\xbbgO\x84\x10!\xe1\xac\xb4\xc3\xfaZ\x84 \x84\x86\r\x1d^P\xba\xd7\x1f\xf0\x86\xf7@A-`\x8c\x99M\xd6=\x0764n\x96\xe9r\xc5w\xed\xd8\xe6\xe0\xc6e\x06\xb3\x953\x08\x80(\xc39\xe2\x88\xe7\xec\\yq\x9f&gt;\xad\x1a5\xf2\xc6\xc5\xed/*2K\x124\xcb\xa2\x0b\xe7\xdc$I\xfb\x8b\x8a\xdcNg\x8f\xce\x9dQ\x84\x07\x00c\xacI\x93\xe6)\x19\xd6\xfd\x87\xb7\x9a\x8cV8\xdb\xa2\r\'\x98\xec\xd8\xb7b\xc4\x88\xcb\x10B#F\x8e*\xda\xbbF\x0e\xf81dy\x94\xe1\x92\xd1Tt\xf2\xb01P\xd0\xad\xf7E\x08\xf1\x0e\x17_&lt;\xff\xc0\x01\x9b\xd1H\xeb\xfa\xc8\xc0Y\xa1\x08\xd9\x8d\xc6\x05\x07\x0e\xb4\xe9\xdd\xdbd0P\x1a\xe6\x02\x0c\xf3\x85\xcd\x18\x13E\xf1\xfa\xb1c~\xdf\xfa\x8b\xd1`f\x0c\xce\xb7\xa8\xc197H\xc6\xbc\x82cT(\xbef\xf4u\x8c\xb1^}\xfa5I4\x1e\xde\xbe\xd6d\xb5\xc3(P\x14a\x94\x99m\x8e\x9d\xbf\xcd\x1d\xda\xafgRR\nB\xf8\xee;\xef\\\\X\x18T\x14H\xf2\xe8B\x10\n)\xca\xe2\xc2\xc2\xbb\xee\xb8\xa3\x86^?\x9c\x04A\xe0\x9c\xdf|\xd3m\x15\x81C9\xf9\x87\x8dF3t\x02\xa2\x05c\xd4n\x8b[\xb2r\xc6\xa8+\x87\xd9\xed\x0eEQ0\xc6w\xddq\xdb\x86\x9f&gt;5\x18-0\n\x14E\x88 \x04|\x9ec\xbf\xfft\xff\x03\x0f"\x844U\xed\xde\xb1\xa3\xbdM\x9b\x9fw\xef\x8e\xb7X(\\\x92Q\x82r\x1eg\xb1\xfc\xb2g\x8f\xa5u\xeb\x9e\x9d;SJ\x05!\xcc\xab+\xc3~#\x18f\x8c\xd9m\xf6q\xb7\x8c\xfey\xe9\xa7V\x8b\x03:\x01Q\x81sn4\x98r\xf2\x0f\xe7\x95m\xbe\xe7\xee{9\xe7\x06\x83\x8116\xea\xea\xd1\xc9\xbcx\xdf\x86\xe5f\x9b\x132 *0\xaa\xd9\x9c\t\xeb\xe6~:\xa4{\xabf-Z1\xc60!\x88\xf3\t\x8f=6y\xf7n\x95R\x98\x08\x8e\x16\x18!\x8d\xd2I\xbbwOx\xf4\xd1\x1a\xfa\x13\xe1\xef\x11\xea3\x01O&lt;\xf6tY`\xd7\xae}\xebmV\'\x83\x8a#\xe21F\xed\xf6\xf8\xe9s^\xbb\xe3\xee\xb1\xf5\xeb7\xa0\x94\x12B8\xe7V\xabm\xe2sO/\xf9\xe4iA\x92\xe0\x8e\xb0\xc8\xc79\x93\x8c\xe6\xb2\xa2\x9c\xfd\x8b?{\xf5\xf57\xf5\xfe\xb7 \x08\x94\xb1K\x07\x0eL\xe8\xd5\xeb\xc3\xd5\xabS\x1d\x0e\x15.\xc9\x88\xa72\x96\xeapLZ\xb3&amp;\xae{\xf7\xcb\x07\x0f\xae\x89\xe6?\xaa\xa1\xbd\x808\xe7F\xa3\xe9\xdd\xf7\xde\xf9\xe6\xc7\x175\xaa\x11B\xe0\xae\xe0HF\xa9\xe6r&amp;.]\xf9\x9d=)\xf0\xc8\xc3OT\x9dj\x82 PJ/\x1fu\xd5\xd0\xaeM\x16|2\xd1\x99\x98F5\xb5\x06nG\x07a\xc3\x197[\x1ds\xde\xbc\xf7\x99G\xee\xab\x97\xd5\x801\xa6/\x1a\xd1\xbb\xe6\x93\xdf{\xef\x8b\xfc\xfc\xedyyv\xa3\x11\x06\x82"\x19\xe5\xdcn4\xee\xcc\xcb\xfb&lt;7w\xf2\xfb\xef3\xc6jh\'\x8f\x1a\x99\x13\xd2+\x8e\x11\x97\x8f\x1a{\xcbe\x1fM{"\xde\x95\xcc\xc2=y\r\xc2\x851j\xb1\xd8s\x0b\x8e.Y;y\xc67\xdfH\x92\x84\xf1\xffo&lt;\xa5\xf7\xe7&gt;\xfbr\xaa\x7f\xd7\xfc\x9dk\x168\xe2\x93\xa9\xa6\xd4\xed\x01\x83\x7fBU%.%c\xc1\xe7/u\xcf2Mx\xf4\xc9\xd3\xdb\x8cz\x7f\xaeQ\x83\x06\xaf\x7f\xf4\xd1-?\xff,`,\x12\xc2 \x03"\x12\xe7\\ D$\xe4\xe6\x9f\x7f~u\xca\x94\xc6\xd9\xd9\x9c\xf3\x1aZU_S\x8b\x02\x08!\x9a\xa6\xbd\xf5\xe6\xbb\t\x99\xf2w?\xbd\x9f\x98\x90N\xa9ZC\x7f\x0b\x9c3\xc6\xa8\xc1`RUe\xf2\xd4\x07\xdf\x9f\xf4f\xd3\xa6\xcd5M;\xfdT\xd3\xfbsv\x87s\xc67_\xff\xf6\xd1#E9\x87-v\x17\xd5\xa0(#\x0eU\x15WR\xfa\xa6%\xb3\xbc;\xe6}5\xfd\xdb\xaa\xb6\x7f\x15A\x104M\x1bs\xc5\x15\xfd\xef\xbe\xfb\xe6\xef\xbfO\xb4Z\x11B\x90\x01\x91\x86q\xce\x11J\xb2Zo\xfe\xfe\xfb\xbew\xdey\xfdUWi\x9aV\x13\x83?\xba\x9a\n\x00\x8c\xb1\xbe"h\xc1\xfcEn\xba\xe5\x87\x9f\'%\'\xd5c\x8c\xc2\xa2\xa0\xc8A\xa9f6\xd9\x18c\xafO\xbey\xe2k\x0f\x8e\xb9\xf6\x06M\xd3D\xf1\xcf\x1b?\xe8\xfd\xb9.\xddz\xfc0\xf5\xa3\xb9/\\[Vp\xd2\x1e\x97\x04\x19\x10I8\xd5\xd4\xf8\xb4\xfa[W\xfcxp\xce+\xcb\x97,\x8e\x8b\x8bG\x7f\xb7\x05\xb4(\x8a\x9a\xa6}\xf8\xe6\x9b\x89W^y\xc3\xcc\x99)v\xbbH\x08\x8c\x05E\x0e\xca\xb9@H\xaa\xdd&gt;\xf6\xbb\xef\xe2F\x8e\x9c\xfc\xf6\xdb\x7f{I\x86\x11\xae\xd1\x1aYo\x86\xf8\x03\xfe\xc1\x83\x06\n\xa1\xc6c\xaf~4\x10\xf4)jH \xb0\xbdL]\xe2\x9c3F]\x8e\xc4\xbc\xc2\xa3\x93\xa7=\xf4\xc2\xab\x0f\xdcu\xe7\xbd\xff~\xaa\xe9\xdf]\xb6h\xfe\xe8[\xee\xed?\xfe\xdd\xe6]\xfa\xbaK\x8b0\xc1\xf0\xcc\x80\xba\xc5\x18%Dp\xc4\'\xff6kJ\xc1\xca/\x96/^X\xbfA\xf6\xbfL\x18r\xce\x19c\x82 \xdcr\xcf=y\xb3f}q\xf5\xd5FA\xa8\x0c\x85$\xb8\xd7\xaf\xae\xa9\x8c\xb9L&amp;\x85\xd2[~\xf8!\xf5\xca+\xbf\x9a2E_\x8bQ\xa3\xfbx\xd7l\xa9\xeb#\xc8V\x8bu\xe9\xd2\xe5\tY\x95\xaf~xs0\xe4w9\x92\x18\xa7\x0cn,\xaa\x0b\x1cq\xca4Q\x94\x12\xe2\xd3V\xae\xff\xf1\xe3\xef\xee}\xfb\x83g\xceX\xfb\xa3S\x8d\xc7\x01C\x86\xcf\xfd\xe6\xb3\xad_&gt;\xbcd\xea\x9b\xf6\x84d\x83\xc9\xca\xa8\x06\xbd\xba:\xc19cT\xb3:\xe2D\xc98\xe3\xc5[\xe9\x8eY+\x96.\xf9\xf7\xda\x1f!\x841&amp;\x84PJ\xbf\x98&lt;\xb9\xed]w\xf5\x9b1c{~~\xa6\xd3\x89\x10\xd2`iP\x1d\xd1\xdf\xf9L\xa7sG~~\xbf\x193Z\xdfqG\xed\xd4\xfe\xa8\xa6{\x00\xba\xaa\xe1\xc8\xb7\xde~\xed\xad\xd7?\xba\xa8\xe3\x98\x01}\xaeE\x08\x05\x82^\xc6(\xc65\xfe\x8f\x04\x08q\xc69\xe2\xdc \x19\xad\x16g^\xe1\xd1Y\xbf\xbcktUL\xff\xfa\xebf\xcdZT\xbf\x9b\xa9\xffdYi\xc9\xcd\xe3n\xdcx\xdc7\xe0\xd6g\xb3[w\x0b\xfa=j(\x80\xf4\'\x88AQ\xd60\xce9g\x0c\x13l\xb2\xd8E\x83i\xc7o?m\xf8\xee\xad\xb1\x97\xf5y\xfb\xbd\x0f1\xc6z\x87\xa0:/\xa2\xf7\x03\xe6-Z\xf4\xe0\x1dw\x0c\xb7Z\x1f\xbe\xf8\xe2x\xb3\xb9"\x18T(%\x18\xc3\xb6q\xb5\x80q\xce87\x08\x82\xcbl\xae\x0c\x06\xdfZ\xb5\xea\x17\x9f\xef\x9d\x8f?\x1e1th\xed\xd4\xfe\xa8v\x02\x00\x9dv\xc2m\xdb\xb6\xe5\xb9\xe7\x9f\xdb\xbb\xad\xf0\xa2\xae\xd7th\xd5\xdbju\xcarPV\x82U\xf7\x8bA\x18\x84\x0bGH\xdf\x91\x1bc,\x8a\x92\xc9h\xc5\x18\xe7\x17\x1e\xff\xed\xf7\x1f\xf2\xca\xb7\x8c\xbd\xe9\xaa\'\x1f\x7fF\x9f\x18&lt;\xabA\xc6\xaa\x06\xe6g\x1fMz\x7f\xca\xe7rb\xab\xae\x97\xdf\x9a\xd1\xb85!D\x0e\xf84U\xe6\x8c#\xc41\xc6\xb0`4|8\xe7\x1caL0\x91\x8c&amp;\x83\xd9\xa6\x84\x02Gv\xfe\xbee\xde\xa7\r\xac\xc1\xa7\x9ext\xd0\x90\xe1\x9c\xf3\xb3]+\xa2\x17}aQ\xd1S\x13\'n\xfb\xf1\xc7\xab\xd3\xd3\xafj\xdb6\xcd\xe1P(\xf5+\x8a\xca\x18\xe7\x1c\xc3%\x19V\x9cs\xae_\x92\x84\xd8\x0c\x06\x83(\x16\xb8\xdd\xb3w\xee\x9c\x95\x9f\xdf~\xc4\x88\x97\x9e{.-%\xa5\xa6\xc7\xfdOWK\x01\xa0\xab\xaa;\xe6\xcc\x9d5\xe3\x9b\x99;\xb6\x1c\xad\x97\xdc\xaem\xcb&gt;Y\x99\xcd-f+\xc6\x841F\x99\x06\xa7[\x98`Q\x94\x10\xe7\x1a\xd5\xca+\x8b\xf7\x1d\xda\xb4\xe7\xd0\x1aJ\x8a/\x1b9\xe8\xee\xbb\xee\xa9W/\x0b\x9d\xd69;+Uu\x8d\xc7\xed\x9e2\xe9\xfd\xef\xe6\xfeR\xc6\x1cY\x9d\x065\xee\xd8\'&gt;\xb5\x9e(\x191\xc6TSa\xfb\xa0p!D \x82\xc89\x97C\x81\xe2\x93\x87\x0emZV\xb8{U\xf3T\xebu\xd7\\y\xd3\xadw\xa0\xd3\xae\xac\xb3U\xf5\x8b\xeb6n\xfc\xf4\xb3\xcf\xb6/Y\xd2A\x92\x066h\xd0\xa5^\xbd\x04\xabU \x84#\xa4\xc2\x1a\xee\xf0\x91\x04\x01#D9/\xf7\xf96\xe5\xe4,=qb\xab,\xb7\x1b&lt;\xf8\xf6\xdbn\xeb\xd5\xb5+:\x8f\xa2&lt;7\xb5\x1a\x00\x08!\xfd\xae`\xbd\xd2\xd9\xb6}\xcb\xb4i_m\xde\xb8\xa3\xb4(\xe0\xb2\xa7\xa7\xa74\xb2Y\\)IY\x8cR\x18I8?\x1cc\xa2\xa8\xa1\xfc\xa2#~\xbf\xbb\xa0\xe4\xb0\xca\xddM\x9a\xd7\x1b6l\xc8UW]\x13\xe7\x8aG\xa7Z\x7f\xe7\xf37\xaa\xceTY\x0e\xfd\xf2\xd3\x9c\xd9\xb3\xe7n?p\\5\xb8\\\x19Ml\tiq\xa9\r\xcc\xf68\xcej\xe29\xa61\x84#N\x04\xd1S\x9c\xeb-/\xae(8\xea+&lt;\xea\x92\xd4\xae\xedZ\\\x7f\xc3\xd8\xde\x17\xf7C\xa7\xf5\xad\xcf\xfdOpN)\xd5O\x86c\'O~\xf5\xcd7\xebW\xad\xaa8x(\x15\xe3\xd6\t\x89.\x93\xb1yB"\\\x8ea\xc19\xda_V\xea\x96\xe5\xdd\xa5\xa5\x05\x88\xc75i\xd2\xadO\x9f\x9b\xae\xbf\xbea\xfd\xfa\x08!}\xb9gm\xf7\xb7x]P\x14E\x96\x95\xaaO\xb7n\xdb\xfc\xe4S\x8f\xd6\xcfJ\x87\xba"\xbc\x92S\xe2/\xe9\xdf\xe7\x8b\xaf&gt;\xf5\xf9&lt;U\xefv(\x14\xa2\x94\x86\xa5\x1c\x19c\xa1P\xa8\xeaS\xaa*\xf3f\xcf\x1c;zD\xf3\xac\xd4\xba\xfe\xa7_PD\x84Zf\xa7?|\xdf\x9dkW.\xafz\xb7UU\x95e9,\xe5\xc89\xd74\xed\xf4\xa2&lt;Y\x90\xff\xce\x94\x0f\xdbt\xebhO\x89\xab\xeb\x7f\xfd\x05\xc5\x9e\x1c\xd7\xa6[\xc7\xb7\'\x7fp2?\xbf\xea\xdd\x0e\x85B\x9a\xa6\x85\xab(\xcfJm\xf7\x00\xf8i\xcd\x8d\xe2\xe2\xe2\x993g\xae[\xbb\xae\xa0\xb0\xc0\xe9tefd8\x9d\xce\xc6\x8d\x1bk\x14\x9a\x8d\xe7\x89\x13B\x02\x81\xe0\xa1C\x87|&gt;_~^\x1e\xe3\xbcu\xebV\xc3\x86\r\x1b4h\x90\xfe\x13\xe7\xdf\xd3&lt;}\x9ej\xdb\x96M?\xcd\x9d\xb3n\xe3\xd6b\x9fJlI\xa2\xc5eKH7\xd9\\\x8cR(\xc9\xf3\xc29\x11%oi\x9e\xec\xadP=%X\xae\xc8Jv^\xdc\xbb\xe7\x95W_S/\xab\x01BH\x7fD\xf8y\xde&amp;Z\xd5\x1d\x94\x15y\xde\xbc\xb9\xbf\xfd\xf6\xdb\xcem{C~d7\'K\xa29)\xa1\x01\xc6\x186s9_\x18q\xceK\xca\x8e\xabZ\xd0\x1b,6YQ\x9b\xf6-\xfa\xf6\xed;\xe2\xf2+\x8cF#\nG\xa7\xfc\\\x0e\xaa6\x03\xa0\xaa\xd2\xd9\xb6m\xdb\xd4\xa9S\xd7\xacY\x93\x9d\x9d=|\xf8\xf0\x1e=z\xa4\xa7\xa7\xdbl\xb6Z;\x92\xd8\xa1iZee\xe5\x81\x03\x07\x16/^\xbcz\xf5j\xce\xf9\r7\xdcp\xe3\x8d7\x1a\x8d\xc6\xf3YiPU\x94?\xcd\x99\xf5\xe9g_\xec&lt;^\xe2\xc8\xee\xdc\xb8\xcb\x80\xd4\xec\x16VG\x9c(\x19\x10dx\xf8\xe8\x97\xa8"\x07\xbd\xe5%y\x07\xb7\x1f\xd9\xb4\x84\x96\x1c\xba\xa4[\x9b\x9bo\xbe\xb9\xe7E\x17\xa3\xf3\x88\xf3\xaaI\xa0\x82\x82\xfc\xaf\xa7O\x9d9cv\xc8kj\\\xbfK\x8b&amp;\xdd\x92\x133,f\x1b\x81\xfb&lt;\xc2\x8a#\xc49\x0b\x04}%\xa5y{\x0fm8|r\x93\xd1\x16\xba\xf6\xba+\xc6\xde0.==\x03\x9d\xeb\xb4\xdc9\xab\xbd\x00\xd0\xf3\xad\xa4\xa4\xe4\x85\x17^X\xbdz\xf5\x981cF\x8f\x1e\xdd\xb0aC\xce\xb9\xdf\xefW\x14%\xec\x0f\xbb\x01\xe8\x8f%@\xa2\xd9l6\x1a\x8d\xa1Ph\xcd\x9a5\x9f|\xf2\xc9\xc9\x93\'\xef\xbf\xff\xfe\xeb\xae\xbb\x0e\x9d}\xdd\xc1\x18\xd3W\t\xaeZ\xb1\xfc\xa5\x97_\xd9[\xc2\xda\r\x19\xd7\xa4\xd3\xc56g\xbc*\x07U9H5\x8ds\x06\xf5\x7f\xb8qL\x88(J\x92\xc9"J\xc6\xf2\xa2\xdc\xbd\xeb\x16\x1eX\xf1\xed\xe0\xae\xcd\x9fz\xe6\x99&amp;M\x9b\x9fC\x9c\xeb\x97$c\xec\xfd\x0f\xfe\xfb\xd1\xa4/\xe3\xad-\xfat\xbb"\xbb~KA\x10BrPUe\xd8\xcb\xbd\x86\x10"H\x92\xc1d\xb4PJ\x8f\x9d\xdc\xb7z\xe3\x9cR\xdf\x9e\xbb\xee\xb9\xf9\xfe\xfb\x1e\x12\x04r\xa1\xad\x02\xd2\x07\x9b\x08!\xb3g\xcf~\xe2\x89\'\x86\r\x1b\xf6\xec\xb3\xcf\xc6\xc7\xc7{\xbd\xdeP(\xa4w`a\xa9Y\x8db\x8c\xe9-\x0b\x87\xc3!I\xd2\x8a\x15+\x9ez\xea\xa9\xa4\xa4\xa4i\xd3\xa69\x9d\xce\xeag\x80\xfe\x93\x1c\xa1\t\xf7\x8f\xff\xea\xc7\xe5\xddFO\xe8p\xc9\x95\x8ci!\xbf\x97Q\r\x13\x027\x06</t>
        </is>
      </c>
    </row>
    <row r="363">
      <c r="A363" s="1" t="n">
        <v>361</v>
      </c>
      <c r="B363" t="inlineStr">
        <is>
          <t>shape_morph</t>
        </is>
      </c>
      <c r="C363" t="inlineStr">
        <is>
          <t>What is the missing shape of the part denoted with a question mark?</t>
        </is>
      </c>
      <c r="D363" t="inlineStr">
        <is>
          <t>['square', 'triangle', 'circle', 'pentagon']</t>
        </is>
      </c>
      <c r="E363" t="inlineStr">
        <is>
          <t>square</t>
        </is>
      </c>
      <c r="F363" t="inlineStr">
        <is>
          <t>There are eight shapes arranged in a grid. The top left shape is a triangle and the bottom right shape is a ?. The other shapes do not appear to regular shapes.</t>
        </is>
      </c>
      <c r="G363" t="inlineStr">
        <is>
          <t>We observe that from the top left to bottom right direction, the shapes look like a triangle but gradually change shape into something like a square. Hence, the pattern is the the shapes are morphing between triangle and square shapes.</t>
        </is>
      </c>
      <c r="H363" t="inlineStr">
        <is>
          <t>Based on the pattern that the shapes are morphing between triangle and square shapes, the missing shape at the bottom right should be a square.</t>
        </is>
      </c>
      <c r="I363" t="inlineStr">
        <is>
          <t>b'\x89PNG\r\n\x1a\n\x00\x00\x00\rIHDR\x00\x00\x02\x00\x00\x00\x02\x00\x08\x02\x00\x00\x00{\x1aC\xad\x00\x00\x9a\x05IDATx\x9c\xec\xddg\\T\xc7\xda\x00\xf09e{\x83\x05\xa4)X\x00{A\xaa\x1ac\x17K\xec\x8a5E\x04DcOb\x8d\xbd\xc6\x18{\x94\xaa&amp;\xb1\xa2\xc6\xd8\xc5\xde\x0b`\xef\x1dPz\xd9\xdeOy?L\xe4\xf5&amp;\xc6\x88\x01va\xe7\xff!\xbf{\x13\xc4\xb3g\xcf\x99g\xe6\x99gf0\x96e\x01\x82 \x08b\x7fpk_\x00\x82 \x08b\x1d(\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3\x96e\xad}\t\x08\x82 \xe5\x00\x05\x802\xc30\x8ceY\x86a\xac}!\x08\x82 \xff\t\n\x00e\xc30LNN\x0e\x86a8\x8eS\x14\x85F\x03\x08R&amp;\xec\x1b\xd6\xbe\x10\x04\x00\x14\x00\xca\x84a\x18\x0c\xc3\x86\x0f\x1f\xde\xb7o\xdfg\xcf\x9e\x91$\x89a\x18M\xd3\xd6\xbe.{\xc40\x0cEQ4M3\x0c\x83Z\x13\x9b\x05\xc7\xca4MS\x14EQ\x14|\x83 \xf4\xad\xd9\x02\x14\x00\xca\x06&gt;\xbb\xfb\xf7\xef\x0f\n\nZ\xb8p\xa1\xd9l&amp;\x08\x02&gt;\xe2\xd6\xbe4\xfb\x82\xe38I\x92\x04A\xe08\x0e\xc30\x8c\x07\xa8Y\xb1\xa2\xbf4\xf7,\xcb\xc2\xb12A\x10$I\x92$\x89\xe3\xb8Z\xad\xce\xc9\xc9\x01\x00`\x18\x86\xf2\xa8V\x87\xe2p\x190\x0c\x83\xe3x\xc7\x8e\x1d\xcf\x9f?\x0f[\xfc&amp;M\x9a,_\xbe\xbc{\xf7\xee\xf0\xbf\x02\x00p\x1c\xc5\xd4\x8a\x05\xbf\x85-[\xb6\xbcx\xf1\xa2m\xdb\xb6\xf5\xeb\xd7\xafY\xb3\xe6\xdb\xb7\x9da\x98\xb7{\x9a\x18\x86Y\xf1j\xab7\xd8\xe2\xc36\x84 \x88\xbf\xdfj\x85B\xa1\xd7\xe9.]\xb9\xf2\xe0\xfe}\x85B\x91\x9e\x9e\xfe\xf4\xd93\xbdN\x17\x1e\x1e\xbef\xcd\x1a\x89DBQ\x14I\x92\xd6\xb8v\x04\x00\x14\x00\xca\xa44\x00\x9c9s\x86$I\x99D\\\xacP\x02\x00\x06\x0e\x1a4e\xf2\xe4V\xadZ\x01\x00(\x8az\xe7\x9b\x80\x94\x17\xf8-\x84\x86\x86^\xbbv\r\x00 \x95J\xdd\xdd\xdd\xfd\xfc\xfc\x02\x02\x02\x82CB\x02\x03\x02\\\\\\\xfe\xf2\xf30\x1e\xc0\xb1\x82\x95\xae\xda.\x946\xf7\xf7\xef\xddS*\x95\x97.]z\xf1\xe2\x85F\xab%Y\xd6HQ\x00\x00g\xa9T\xad\xd7\x0b\x85B\xa5Z\x1d\x14\x14t\xec\xd81\xb9\\\x0e\xbfPk_\xbb\x9dB\x01\xa0\x0c\xde\x0e\x00\x04A\xd04\xed\xe5\xee^\xa2Rq\t\xa2D\xa3\x19&lt;x\xf0\x82\x05\x0b\xfc\xfc\xfc\x00\x004M\x13\x04a\xed\xeb\xad\x86`V\xc1`04n\xdc8/7W"\x12\xd5pt\xd4\xea\xf5:\x9dN\xa3\xd3\x99)J\xee\xe2\xd2\xbcY\xb3\xe0\xe0\xe0\xc0\xc0\xc0\x86\r\x1bz{{\x0b\x85\xc2\xd2?\x0e\xbb\xab(\x12\xfcw\xb0\xddP\xab\xd5\xa7N\x9d\xbas\xe7N\x89Bq\xf9o\xcd\xbd\x97\xabk\x81B\xd1\xac~\xfdWyyyEE\x9f\xf7\xe9}\xfa\xea\xb5\x12\x95Jo0p8\x1c\x8b\xc5\xe2\xe3\xe3\xb3p\xe1\xc2!C\x86\xd04\r#\xb4\xb5?\x96\xddA\x01\xa0\x0c\xde\x0e\x00\x00\x80\x11\xbd&gt;#p\xe2\xd1\xcb\x979\x85\x85y\x85\x85\x16\x8a\x92H$S\xa7N\x9d:u*\x97\xcb-\xfdyk_u\xb5\x02o\xe9\xc3\x87\x0f\x9b4m\xca\xd04\x00\x80\xcf\xe3Q4\xcd\xe7re\x12\t\x86a\x85\xc5\xc5\x02\x1eW\xa9\xd5\x01\x00p\x82psum\xd0\xb0aHpp\xc7\x8e\x1d\x83\x82\x82d2\xd9\xdb\xbf\xc7\x9a\x9f\xa4\x8a\x83]\x9c\x91#Gn\xd9\xb2\x05\xfe\x9b\xb7\x9b\xfb\xdc\xc2\xc2\xc8A\x03\x13w\xef\x01\x00\xcc\x8a\x19\xbd\xfbX\x8a\xa7\xab\xeb\xa8\x01\xfd\xb5:]\xdd:uN\\\xb8\xf0\xfb\xf1\x13&amp;\xb3Y\xa1R\xe9\x8c\xc6\x98\x98\x98\x8d\x1b7\x02\xd4m\xb2\x06\x14\x00\xca\xe0/\x01`\xe1\x84\xf1\xdfO\x18\x7f\xe3\xd6\xed)?,\x7f\x96\x95\xa93\x18I\x1c/R*\x1b7n\xfc\xc3\xf2\xe5=\xbaw\xc70\x0ce\x84\xca\x17l#\x8e\xa5\xa4|9lX\xeb\x80\x00\xcab\xfe.""\'??\xed\xde\xfd\xdb\x8f\x1f?x\xfe\\\xee\xe0\xa07\x18p\x1c\'p\x9ca\x18\x83\xd1\xa8\xd6h4\x06\x03\x00\xc0\xc5\xc5\xa5a\xc3\x86\x03\x07\x0e\x1c;v\x0cA\x90(\xfb\xfc\xd1\xe0\x8b\xf0\xf4\xe9\xd3&amp;M\x9a\xc0\xff\xdd\xb7S\xa7\xe4\xa3GAis\xef\xe6:\xaa_\x7f\xbd\xc9\xe8\xe5\xee\xeeS\xab\x96\xbb\x8b\x8bP \xa0(\x8a\xe4\xf3\x81\xc5\x02\xc4\xe2\r\x89I\x1bv\xecx\xf4\xf2%\x1c\x93\x85\x87\x87\xc7\xc6\xc6:::\xa2/\xa5\x92\xa1\x00P\x06\x7f\t\x00\xd3##\x97N\x9bj\xd2j\t\x0eg\xd7\x91#?o\xdb~\xef\xd9SG\xa9,\xb7\xa0\x80e\xd9\xc0\x90\x90U+W\x86\x86\x86\x02\xd4\xb5)?\xf0NFEGo\xd9\xbc\xb9k\x9b6\x93\xbf\xf8\xbcs\x9b6\x00\x00@\x10\x80\xa2\x8aKJ\xb2\x0b\nN^\xbd\xfa\xf0\xf9\xf3\xe7\xaf^\xe5\x15\x16\x19L&amp;\xb5N\xa7\xd6he\x12\xb1\x80\xc7}\x9d_\x00\x00\x08\x0e\x0e^\xbf~}PP\x10\x9a\xb7\xff8\xb0[\xb3\xe2\xa7\x9ffL\x9bF\x10\x04\x8f\xcb\x8d\x9d;Wg0xy\xfcos\xcf\xe3\x01\x866\x9b\xcc\x16\x8ab\x18\x06`\x18\x9c\x8ca\x19F*\x91&lt;z\xf92f\xde\xfc\xa7\x99\x99\x0c\xcb\xe6\x17\x15\xf9\xfb\xfb\xc7\xc7\xc7\x07\x06\x06\xd2\x0c\x83\xa3\xa9\xfb\xca\x82\x02@\x19\xfc%\x00\xcc\x8c\x8e^\xfc\xdd\xb7\x8a\xa2"\x0eI\x8a\xc5\xe2\xfc\xc2\xa2\r;w$\xee\xd9\x8b\x01\xe0\xea\xecL` \xfd\xfe\xc3\xf1\x13\xc6\xcf\x9e=\xdb\xd9\xd9\x19\xd6K\xa00\xf0\x1f1\x0c\x83\x01\x10\x1c\x1a\xaa\xc8\xcbsvt\xe8\xd5\xbe\xc3\xf411*\xa5\x92\xc0q\x0c\xc38$\xc9%I\x82\xcf\x07\x0cc\xd0\xebr\x0b\x8a\x9efe\xde~\xfc\xe4|z:I\x10g\xae\xa5\xaauZ\x0c\xc7Y\x86\xa9\xe5\xe99p\xf0\xe0\x95?\xfd\x04Px.;\xd8h4n\xd2\xe4\xf9\xd3\xa7,\xcb~\xf3\xd5WKg\xcd\x04F#\x00\xc0l2\xfd\xa5\xb9\x7fgkN\xd3\xb4P  \xb9\xdc\t\x0b\x17m\xfa\xfd\xf7\x1a\xceN/_\xbd\xf6ps\x9b6c\xc6\x84\t\x13\x00\xfaR*\x0b\xea\xfb\xfcWpFQ\xadV\xcb\xc4\xa2\xf9\x13\'\xee[\xb7nD\xef\xde\x04\x8e\xabt\xfa\xf0\xee\xdd~^\xbb64$dcl,\x00\x00&gt;\xd0\xa8\xf6\xf9\xa3\xc1\xf9[\xadN\x97\x99\x91\xc1\xe5pj\xb9\xbbw\x0c\r\xc1\x18\x86C\x10pE\x00M\xd3z\x93I\xa5P\xa8U*\x86ak\xb9\xbb\x85\xb5m;5f\xf4\xa1\xd8\x8d\xbf,]r0v\xc3\xd7\xc3\x86\x8a\xf9\xfc\x19\xd1Q|\x92\\\xb5re\xe7\xce\x9dSSS\xe1|&gt;\xfa^&gt;\x10\x9c\xb0MNN~\xf2\xe8Q\r\'\'\x92$\xc3\xbb\x85\x995\x1a\x85R\xa9\xd6h\xcc\x16\x0b\x00\x00\xc7q\x1c\xc3\xe0\x97\xf2\xce\xbe&lt;A\x10z\xa3Q\xa7\xd5.\xfdf\xca\x8a\xef\xbe+Q*\'\x7f\xf1\x85\xc9h\x9c8qbTd\xa4F\xa3\x81_J\xa5\x7f8\xbb\x83\x02@\xf9 \x08\x82\xa2i\xb5R\x19\xd0\xa8\xe1\xb2iS7\xcc\x9d\xdb\xc6\xdf\xff\xf4\xb5k\xfd\xbb\x85\x914=g\xfa\xf4\xd0V\xad\xae]\xbb\x06\x9b0\xb4\x87\xc4\xc7\x817\xed\xf5\xebl\x9ceI\x92L\xbf{O$\x1004\r\xde41\xb0\xbfI\x12\x04\x8c\xb5&amp;\xb3Y\xad\xd1\xa8JJ\xd4\x1a\r\x87$?\r\x0c\\=}\xfa\xed\x03\xfbq\x0c{\x9a\x99\xe9\xe5\xe1~\xea\xd4\xa9\x90\xd0\xd0\xb8\xb88\xb8\xa0\x8c\xa2(k~\xbc*\x02\xde\xa8\xb9s\xe7\x12\x04Q\xcb\xcdm\xfc\xb0a\r\xea\xd5\xb3\x98L\\\x0e\xe7\x9f\x9a\xfbw"p\x9ceY\x1c\x80/\xfa\xf4\xbe\xb9o\x9f\xce\xa0/V*}\xbc\xbd\x13\x93\x92:w\xee\xfc\xec\xd93\x18\x03\xd0\x9bR\xa1P\x00(7\x18\x86\x11\x04\xa17\x18T\xc5\xc5-\x1b\xd6O\\8\x7f\xd3\xa2\x85\xcf2\xb3\x1c\x1d\x1c\xbck\xd6\xc4t\xba\xd0\xd0\xd0O&gt;\xf9\xe4\xea\xd5\xabh\x0f\x89\x8f\x03\xdb\x82\xdb\xb7o)U\xaaz\xb5j\xd5\xadU\xcb\xdb\xc3\xc3l\xb1\xe0\xff\xd0\xe8`\x18F\xe08\xec\x87\xb2,\xab\xd6h\xf4Fc-W\xd7)#G\x8e\x192\x04\x07\x18\xc00g\x07\x87\x98\x98\x98\xcfz\xf6|\xfc\xf81I\x92p\xd1@\xe5~\xac\xaa\x04v\xff/\\\xb8\xf0\xe4\xc9\x13!\x9f\x7f\xe3\xc1\x83\x1e\xed&gt;\xe5\xf1x\xf4G5\xd3\xf0-\xa0\x19\xa6\xb6\xbb\xfb\xf8\xcf\xbf\x187lXfv\xb6\x8f\xb7Wjjj\x0b\x7f\xff\xf3\x17.\xa0AsEC\x01\xa0\x9c\xc1-\ntz\x83No\xf8\xacC\x87\xd3\xbf\xfd\xda\xda\xbf\x85\x8fW\xadW\x05\x05\x1e5j\xd0\x1au\xebV\xad&amp;N\x9cXTTD\x10\x04\xcb\xb2(\x0c|8\x18\x00\x9e&lt;}\xea \x95\x94\xa8Tn\xce\xceR\x91\xe8\xc3o \x81\xe3\x04\x8e\x1b\x0c\x06\x01\x87\xb3a\xfe\xdcU3g|\x1a\x10\x80\x01P\xcb\xdd\xfd\xf0\x91#\xed\xdb\xb5[\xb5z5\x8e\xe38\x8e\xa3/\xe5\xfd\xe2\xe2\xe3\xf9\\\xae\xce`\xe8\x18\x1c\xdc\xa6eK\x9dVK|\xecD:\x1c\xb4i\xb4\xdaFu\xeb,\x9d&lt;i\xc9\xe4I%J\x15\x00\xc0\xc7\xd3\xb3[\x97.QQQ4M\xa3o\xa4\xe2\xa0\x00P!`;\xa2V\xaby8\xfe\xd3\xcc\x99K&amp;O\xee\x10\x12\\\xc7\xd3\xb3D\xad\t\xef\xde\xfd\xe7\xb5k[\x85\x86n\xd8\xb8\x11\x00\x80\xc6\xb9\x1f\x0e\xc7q\x8b\xc5r\xf6\xcc\x19\x89P\xd4\xa5u\xeb)#\xbf2Z,e-\x17\xc1q\x9cf\x18\x95R\xd57,l\xf3\xe2E\xfd:w\xce+,l\x17\x14\x14\xd8\xa0\xfe\x94\xc9\x93\x87\x0c\x19\xf2\xf4\xe9S\xf4\xa5\xbc\x13L`\x16\x16\x16\x1e:x\xd0d\xb1\xd0\x0c3\xa2Oo\x92\xc3\xf9\xef\xb7\x89 \x08\x9d^\x8f\xe3\xf8\xb7Q\x91\x0b\xc7\x8f\xef\xdd\xa1}\xa7\xd0P.\x97\x9b\x98\x98\xd8\xbe}{\xa5BA\x10\x04J\xd0U\x04\x14\x00*\x10lG\xd4\n\x85\xbb\xb3\xf3\xd65kV\xcf\x9c\xf1I\xcb\x96\xa7\xaf]\x1b\xd0\xad\x1be0,\x9a3\xa7U\xabV\xa7O\x9f\x86\x0b\x05P\x8b\xf3~\x7f\xce\x00k\xb5\xd7\xaf_W\xebt\xeb\xb6n\xcd/*\xe2\xf3\xf9L\xd9o\x1a\x86a$A\xa8JJj\xba\xban\x9c;g\xe7\xaa\x95\xc3z\xf6&lt;\x93\x96\xe6\xea\xec\xbck\xd7\xae\xd0\xd0\xd0\xa3G\x8f\x96~)\x15\xf1Y\xaa(X\xd5\xf3\xdb\xd6\xad&amp;\x83\x81C\x92\xce\x0e\x0e]Z\xb52\xea\xf5\xff\x94\x82+\x13\x1c\xc7\x19\x86\xd1(Uc\x87\x0e\xd9\xbfa\xc3\xeb\xbc&lt;\x95FC\x90\xe4\xa5K\x97:t\xec\x98\x96\x9eN\x92$zG\xca\x1d\n\x00\x15\x0bN\x0c\xd04\xad,(h\xd9\xb0a\xe2\x82\xf9\x9b\x16-z\xfc\xf2eh\x8b\x16$\x87\x93\x9e\x9a\xda\xa9S\xa7Q\xa3Fe\xe7\xe4\xa0\x16\xe7\xfd\xe0\x9b\x9f\x91\x91AST\x1b\x7f\xffA\xdd\xbb5\xf1\xf11\x1b\x8d\x1f\xdd\xfa\x90\x04a\xb2X\xb4z}\xff\xae]\xfbw\xed\xd2\xafS\xe7\xfc\xa2\xa2\xda\x9e\x9e\x06\x9d\xaeG\x8f\x1e\xe1\xe1\xe1\x85EE\xb0\xe3\x89\x1a\x1d\xf0V\xf7\x7f\xfe\xfc\xf92\x89\xa4U\xf3\xe6Q\x83\x069\xc9\xe5f\x8a*\xaf\x9a}\xb8\x1b\x84Z\xab\xd5\xe9t\xbf\xfc\xb0,z\xd0 \x07\x91\xd8\xdb\xd3\xe3\xd6\xad[\x03\xfb\xf5\xfd\xe6\xdbo\xd1;R\xeeP\x00\xa8\x0c\xb0D]\xa7\xd7\xeb\x0c\x86\xcf:\xb4?\xbbmk\xeb\x16\xcduz\xbd\xdc\xd1\xc1\xd5\xd9y\xd3\xa6M\x01-[\xae]\xbb\xd6b6\xc3Y/\xf4\x88\xff\x1d\x9c\tLOO\x07,\xabP\xabo=x\xe8\xe4\xe8H\xd1\xf4\x7fi}p\x0c#p\\\xa5P\x88\x05\x82\xcdK\x16oY\xbaD\xa1V\xb9\xb9\xb8pHr\xdf\xde\xbd\x9f\xb4n\x9d\x98\x94\x84f\xec!8\xfd\xfb\xcb/\xbf\xa8U\xaab\xb5\xfaq\xc6\xcbQ\x03\xfa[\xcc\xe6r\xe9\xfe\xbf\r\xce\x8dQ\x14\x15\xb7l\xe9\x9a\x993\x94*\xf5\xac\xd1\xd1$\xc0V\xfe\xf4STT\x14\xaa\x10-_(\x00T\x9e\xd2\x89\x01&gt;\x8e\xc7\x0c\x1e|x\xe3\xc6\xa0&amp;Mh\x9a\xf6\xa8QCYR2q\xe2\xc4\x86\x8d\x1am\x8c\x8deY\x16\xe5\xa0\xff\xc9\xf3\xe7\xcf\x85|\xbe\xdc\xc1\xa1U\x8b\xe6\x02.\xb7\\\xeaCH\x92\xa4(\xcah4~\xd9\xaf\xdf\xa9\xcd\x9b\x9b\xd7\xf7s\x90H\xbe\x1f3&amp;+##*2r\xd4\xa8Qy\xb9\xb9\xf0\xd4\x07{\xfeF`\x8af\xf7\xee\xddb\xa1\x10\x07\xa0w\x87\x8e\xde^^&amp;\x93\xa9"\x96\xecb\x18\x06XVSR\xd2\xbbc\x87\x9b\x7f\xec\xa3(\xfa\xc5\xeb\xd7&gt;\xde\xde\x89\x89\x89\xa8B\xb4|\xa1\x00P\xd9\xe0\x8a\x01\x93\xd9\x1c\xdc\xac\xe9\xbeu\xeb\x16N\x98\xe0\xe6\xe4,\x12\n%b\xb1\xb2\xb0p\xd1\x9c\xd9hb\xe0\x9d`)\xc8\xd9s\xe7\x8a\x14\n\x96e\xbb}\xf2\t\x05\x00(\xbf\xe4\x03\x86a*\x95*\xa0Q\xa3\xa4\x85\x0b\xaf\xec\xd8~\xe9\xc6\r\xa3\xc5\xe2\xe5\xe1\xb1i\xd3\xa6FM\x9b\xfe\xfe\xfb\xefp\xc5\x9f}NE\xc2R\x9c\x1b7n\xa4\xa6\xa6Z(\x8a\xc7\xe5~\xd5\xaf/xk\x05F\xb9\xfbs\t1\x00\xb5\\]\xa7F\x8e\xfa~\xf4\xe8\x97\xaf_\xfbz{\xa3\n\xd1\xf2\x85\x02\x80\x15\xc0\xe6F\xab\xd7\x9b\xcd\xe6\x98\x11\xc3\x93W\xaf\xfcz\xe8P\x12\xc7\xfbt\xee\x84\xe1\xc4u41\xf070\x01]\\\\\xfc\xe4\xd1#\xffF\rO]\xbd\xa23\x1a9$Y\xbe\xd1\x91$\x08\xb5V\xcb\xe3r\xeb\xd6\xaa\xb5f\xe6\x8c\xcf\xda\xb7\xd3\xeat\x02&gt;\xbf}\x8b\x16\x03\x06\x0c\x88\x88\x88(,,\xb4\xcf\xa9Hx\x82\xe3\xb4\xe9\xd3\xa5"QM7\xd7\xc0&amp;MZ6j\xa4\xd7\xeb?\xba\xfa\xf3\xc3\xff^\xbd^/\x16\n\xbf\x1b\x15\xf1\xc3\x94\xc9\xc5J%@\x15\xa2\xe5\n\x05\x00\xab\x81\xcb&amp;U%%\xde\xee\xees\xc6\xc6&lt;N9\xe6\xdf\xb0\xa1\xc1ht\xfc\xdf\x89\x01\xb8\xf1\x96\x9d/P\x82\x9f\xfd\xd9\xb3g:\x9d\x8eCr\x9a\xf9\xf9\x054j\xf4_f\x80\xff\tl\xd14:\x9d\x8f\x97\xd7\xbe\x9f\x7f\x9e\xf4\xc5\xe73\xa3"\x8bU*\x07\xa9t\xf3\xe6\xcd\xfe\xfe\xfe\xdb\xb6o\xb7\xb7\xa8\x0c\xdb\xd9\xb4\xf4\xf4\xd3\xa7N\x01\x0cs\x94Hg\x8d\x8e\x86\x99\xfaJ\xf8\xdb\t\x820\x99\xcd$A|\x13\x19\xb9p\xc2_+D\x15\n\x05A\x10\x16\x8b\xa5\x12\xae\xa4ZB\x01\xc0\xcaH\x820\x98L\x06\xa3I*\x10D\x87\x87\xbf=1\xa0R(&amp;N\x9c\x18\xda\xaa\xd5\xfe\x03\x07\xe0\xfc\x81\xddV\xa4\xc0O\xfd\xf8\xc9\x13\x02\xc7kyx\xf87j$\x11\ni\x86\xa9\xa0=#\t\x1c7\x9a\xcdF\xbd~\xf6\xf8qS""$B\xa1N\xaf\xf7\xf2\xf0\xc8\xce\xce\x9e8vl\xff\xfe\xfdKJJ\xecm\x07\xa1\xf8\xb88\x0c\x00\xb3\xc5b4\x9b[\xfb\xfb\x9bL&amp;\xac\xb2vQ\xc51\x8ca\x18\x8dJ5v\xc8\xffW\x88\x92$y\xe9\xd2\xa5N\x9d:\xdd\xbcy\x93\xc3\xe1\xd8\xf9\x0c\xcdGC\x01\xc0\xfap\x0c\x83K\x9c\xcc\xff;1 \xe0\xf3]\xe4\xf2\xec\x17/\xfa\xf6\xe93`\xc0\x80\xb4\xb4\xb4\xd2\x8a\x14\xfb|\xd6\xd3\xd2\xd2\xdc\x9c\x9c0\xc0\ny|\xb1DR\xa1}p\xb8\x87\xa5\xaaD\x81\x01\x90\xbcje\xec\xdc\xb9\x06\xa3q\xf8g\x9f\xb5\xf2\xf7\xdf\xb7o_hhh\xf2\xae]p\x07\xa1\xea=\x14\x80\xc97\x8dFs\xe8\xd0!.\x97k4\x99\xc6\x0f\x1f&amp;\x91\xc9,\x14U\x99\xfb5\xff\xbdBT*\x12\xd5\xa9Y\xf3\xe6\xcd\x9b\x1d;v\xdc\xbcy3\x9c\xa1\xb1\x9fx\\^P\x00\xb0\x15\x7f\x9d\x18X\xb3*j\xd0@\x0eI\xb28&gt;\xa4G\x8f\x93\xc7\x8e\xf5\xed\xdd{\xdc\xf8\xf1\xb0\x0c\xce\xaeR\x10\x00\x00\x82 \x8cF\xe3\xe9S\xa7^\xe6\xe4\\\xbey3\xa0qc\x16\x80J\x88\x81$I\xd2\x14\xc5\xb2l\xc4\x80\xfe\xa9\xc9\xbb\xfav\xeet\xf8\xdc9g\xb9&lt;\xf7\xf5\xeb\xc1C\x86\x8c\x8a\x8c\xcc\xc8\xc8\xa8\xde\x05B\xb0\xfa\xf3\xf0\xe1\xc3\xf9\xf9\xf9\\\x0e\xc7\xdd\xc5%\xacM\x1bS\xc5g\xff\xdf\xe9\x7f*DgL/,)\xf1\xf5\xf6\xa6L\xa6\x88\x88\x88\xee\xdd\xbb\x97\x94\x94\xa0\x1d\xfd\xca\n\x05\x00\xdb\xf2\xff\x13\x03nnK&amp;MJI\x88\x8f\x1e80\xf5\xce\x9d\x90\x16-j88\x1c\xd8\x9d\xdc\xa8Q\xa3u\xeb\xd6\xd1\xf641\x00\xcf\x01V\xab\xd5\xb9\xb9\xb9\x01\x8d\x1b\xd5tsw\x94I+\xed\xc1\x85\xf3\x9f*\x8d\xc6\xc3\xc5\xa5w\xc7\x8e?~\xfb\xad\x87\xb3\xb3\xd6`\xe8\x10\x12|\xf2\xd0\xa1\x86\x8d\x1b_\xb8p\x01v?\xab_H\x86\xdd\x7f\xa3\xd1\xf8\xc3\xf2\xe5\xaer\xb9\xc1h\xec\x14\x12\xe2]\xabV\x05U\x7f~\x08X!\xaa..\x1e\xdc\xa3\xfb\x1f\xeb\xd6\x128.\x95H8\x1c\xce\xb1c\xc7\xbaw\xef\xfe\xf4\xe9S\xb8\xa3_u\x8d\xc7\xe5\x0e\x05\x00[\x04\'\x06\xf4\x06C\x83\xda\xb5\x17|3e\xeb\xca\x9f\x08\x1c\x97I$\xb5k\xd6z\xfd\xfa\xf5\x84\t\x13BBC\xedgb\x00\x06\xb9\xc7\x8f\x1f\xd3\x14\xe5\xe9\xea\xea\xe7\xed\xdd\xcc\xcf\xcfT\x013\xc0\xff\x04n\x1da2\x99\xcc&amp;\xd37\x91\xa36/Y&lt;\xe1\xf3\x11\xed\x02\x02_\x15\x146\xa8U+\xacK\x97\xa8\xa8(\xb8\x88\xaf\x9a}\x17p\xfa\xf7\x8f}\xfbn\xdd\xbc\xc9\x17\xf0;\xb7j\x15\x1d&gt;\x88*\xbf\xa5\xbf\x1f\x07n\xf2j2\x99\xdb\x07\x07\x1fM\x88o\x17\x18h\xb1X|k{\xa7\xa6\xa6\x86\x84\x84\x1c=z\x14\xa5\x83&gt;\x1c\n\x006\nN\x0c\x18\xccfeqqh\x93&amp;\xbf\xaf]\xb3`\xfc\xb8\x07\xcf\x9f;988;:f\xbf|\xf9\xf7\x89\x01k_rE\x81M\xea\x8d\x1b7X\x86\xc9/*\xce\xca\xc9\x91I$\xffq\r\xf0G\xf8\xf3\xe4\x1f\xa5\xb2\x89\x8f\xcf\x9a\xc5\x8b\xea\xd6\xaa\xd5\xe3\xd3O:\xb5\n\xe5r8\x89\x89\x89\x01\x81\x81\xc7\x8e\x1d\xabf\xdf\x05&lt;,36.N\xc0\xe3ef\xe7\x90\x04\xd160\xd0\xa0\xd7\xdb\xc2!\x9a\x18\x86\xe9\r\x06\x0f\x17\x97\xed+~\xdc\xf1\xe3\xf2\xbc\x82BOWW\xc6b\xe9\xd1\xa3\xc7\x981c(\x8a\xaa\xf6\xd33\xe5\xc2\xfa_$\xf2\x1e8\x86qHR\xa3\xd12\x0c\xd3\xc6\xdf?}\xcf\xeeQ\x03\xfas9\x1c81p\xea\xd8\xb1&gt;\xbdz\x8d\x9b0A\xa7\xd3\xc1\xf4h5\xee\xf5&lt;{\xfe\xdcA,\x0el\xda\xa4_\xe7N\x84\xf5z\xa0\x04A\x98-\x16UN\xee\xf0\xcfz\x1e\x8a\x8b\xcd\xca\xc9Ui\xb5~\xb5k\xdf\xbd{\xb7{\xf7\xee\x93\'OV\xbc\xd9\xba\xb2\xaa\x0f\x05\xe0\xd6o\xf7\xee\xdd\xbbz\xf5*\x8f\xc7\xe3\xf3x\x13F\x8c\xb0\xa9\xdc\n\x8e\xe3&amp;\x93I\xa3\xd3\x85w\xeb\x96\xb4x\x91T$\xd2\xe8\xf5\xde\x9e\x9e\xb1\xb1\xb1\xed\xda\xb5\xcb\xcd\xcdE{\x88\xfe+\x14\x00\xaa\x00\x82\xc0\x01\x00z\x83\xc1\xd3\xc5\xe5\xed\x89\x81\xa0\xe6\xcdk\xd5p9\x98\x9c\xec\xeb\xe7\xb7o\xdf&gt;X)A\xc1\x13Y\xab\x11\x82 \xccf\xf3\x89\xe3\xc7s\x8a\x8aN^\xbe\xe2\xe3\xed\rH\xf2#6\x01-/\x18\x86\x91$\xa95\x18\xf4:\xfd\xa6\xc5\x8b\xe6\x8f\x1f_\xa2Tz\xd4\xa8\xf1\xf5\xb0\xa1\xabW\xafn\xdf\xa1\xc3\xe9\xd3\xa7\xe1P\xa0J\x7f\x110\x00\xfc\xfa\xeb\xaf&amp;\x93I\xa9V7\xf5\xf5\xfd$\xa0\xa5\xc1`\xb0\xca\xf4\xef?\x81\xc32\x9d\xc10\xa8G\x8f_\x96.i\x1f\x14\x94\x9d\x97W\xc3\xc9\xe9\xf2\xe5\xcb\x01\x01\x01p|\x8c\xa6\x04\xde\xc3\x86\xbeK\xe4\xfdp\x1c7\x9a\xcd\xff?1\xf0\xd3\n\x1e\x97\xab\xd1\xe9\xdd\xdd\\\x1bxz\xf6\xef\xdf\xbfS\xa7N\xd7\xae]#I\x12\x0e~\xab\xc7C\x0f\x9b\xa1\xdc\xdc\xdc\xec\xec\xec\xeem?\xe1s\xb9"\x81\x00\x07\xc0\x9aIh\x00\x00\x00\x04\x8e\xc3k\x9b3q\xc2\xd6\xe5\xcb\xd7\xcc\x98~\xf4\xfc\x05\x99D\xf2\xf8\xc1\x83N\x9d:\x8d\xfd\xfak\xadV[u\xbf\x08\x86a\x08\x82x\xf4\xe8\xd1\xee\x9d;\xa3\x06\rlP\xa7N\xaf\xf6\xed\x05\x12\te{I\x15\x0c\x00\x1c\xc7UJeP\xd3\xa6\xfb\xd7\xaf\x1b?|\xb8D$\xc2q&lt;77\xb7k\xd7\xae\x9b6mBS\x02\xef\x81\x02@U\xf2\x97\x89\x81}\xeb\xd7};r\xa4\\*\xa3Y\xd6Q&amp;;}\xfa\xf4\xa7m\xdb\x8e\x181"--\xad\xda\x94\x8a\xc2\xd6\xf3\xf9\xf3\xe7&amp;\xa3\xb1D\xadqr\x90\xd5\xaf]\xdbb6[w\x1e\x12\xfa\xb3@\xa8\xb88\xec\x936\xfd\xc2\xc2F\xf4\xee\xc5\xe7r%b\xb1P 8~`\x7f\xe3\xc6\x8d/_\xbe\\E\xbf\x08\x18\xdb\xe2\xe3\xe3_gg?|\xf1r\xd4\x80\x01\xe3F\x0c\xd7\xabU$AX\xfb\xd2\xde\x8d$\x08\xb5F\x83a\xd8\xca\xb9s&amp;\x0c\x1fVC.\xaf[\xab\x16e6\x8f\x1a5\nU\x88\xbe\x07\n\x00U\xcf\x9f\x13\x03:\x9d\xd9d\x8a\xe8\xdf\xef\xf7uk\xeb\xd5\xaa%\x13\x89\x1c\xa4R\xb1P\xb8m\xdb\xb6~}z\x8f\x1b?\xbezL\x0c\xc0\x00p\xff\xfe}!\x9f\xef\xe3\xe5\x15\xdc\xb4\x99\x83TZ\xf93\xc0\xff\x04\x16\x08\xa95\x1a\x83^?\x7f\xdc\xb8C\x1b74\xa8[g\xec\x90\xc1\x1e\xaen\xd9\xaf_w\xe8\xd0a\xe2\xc4\x89*\xb5\xbaj\xcd\n\xb0,K\x92\xa4F\xa3\xd9\xb1c\x07\xc0\xb0\x8b\xd7\xaf\x17)\x95\x8e..\x16\xca\xa6\xc3\x18|\xdaU\x85\x85\x13F\x8d:\xbcq#I\xe0R\xb1\xf8/\x15\xa2\x16\x8b\xa5\xaa|\x0b\x95\x03\x05\x80\xaa\n\xa6b\xd5:\x1dMQ\x9b\x96-]3kV\xc7\x90\x90\x12\x95\xaag\xbbv\xeeNN\x07w\xef~{b\xa0\x8a&amp;"\x00\xac\xfb\x06\xe0\xf2\x95+&lt;\x0e\xe7yV\x96J\xab\x11\x94\xe5\x1c\xe0\xcaA\x10\x04\x06\x80F\xabm\xd1\xa0\xc1\xb9_\x7f\xfd\xacC\xc7\xeb\xf7\xef\xcb$\x12\xa9H\xb4v\xed\xda\xb0.]\xf6\xee\xdd[\x85f\x05`\xd2\xfc\xdc\xb9s\xf9yy\\\x0eG*\x16\x8f\x19\x1cn\xd6hl*\xfb\xffNpzFU\\\xdc\xc4\xd7\'%1\xf1\xed\n\xd1V\xadZ\x1dKI\xe1p8U\xe5[\xa8\x1c\xb6\xfe\x8d"\xefG\xe08\xcb\xb2j\xa5\xb2w\xa7\x8e\xf1\xf3\xe6\x9d\xd8\xb2\x99$\x08\xad\xce\xf0\x97\x89\x01\x98\x88\xa8\x8aC`\x18\x002^\xbe\x94;8\xd4tsm\xd9\xa81\xcd0\x15\xb7\x0b\xf1\x7f\x81\xe3\xb8\xc1h\xd4\xe9t\x9f\x06\x06\x1c\xda\xb8\xf1\x93\x80\x80"\x85b\xd4\x80\x01E99\x03\x07\x0e\x9c3g\x8eF\xa3\xa9*\x89\x08\x0c\xc36n\xdc\x08\x00f4\x9b\xbb}\xf2\x89\x97\xa7\xa7\xc96\xd2n\x1f\x02\x9e\xf5VZ!\x9a[P\xe8\xe5\xee\xae()\xe9\xde\xad\xdb\x94)SP:\xe8m(\x00|$\xb8d\xd7\xdaW\x01\xc0\x9bS\'\xd5*\x95\x80\xcf\xeb\x1c\x12\x92\xbcz\xd5w\x11\xff31\xd0\xb6m\xdb\xf1\x13&amp;\xc0\xad\x8cY\x96\xb5\xb5\xee\xf3{\xc0\x95\xa8999\xf7\xee\xdf/()\x91\x8a\xc4m\x03\x03\xe8\n8\x85\xaa\xbc\xc0\xa5y\x1a\x8d\xa6CHp\xc2\xfcy\xbb\xd7\xacvv\x90e\xe6\xe5\xb99;/\\\xb8\xb0S\xa7N\xf7\xef\xdf\x87\xdf\x82\xcdvB\xe1\xe2\xaf\xb3g\xcf\x1eKIi\xea\xe7+\x13\x8b\x07w\xef\x060\xacj\x8d\x1fq\x0c+\xad\x10\xdd\xb4x1\x87$k89\x8d\x1b&gt;|\xd5\xaaU\xdd\xc2\xc2rss\xe1)@\xd6\xbeL\xebC\x01\xa0\xecX\x16\x00@3\x8c\xc1h\xb4\x9d\xae(A\x10\x0c\xcb\xaa\xd5j\x8b\xd9\\:1 \x15\x89\x1c\xa4R\xa9H\xb4~\xdd\xbaf\xcd\x9bo\xde\xbc\xb9\xf4\x8cb\x9bm\x80\xde\x06/\xf2\xe6\xcd\x9b\xb4\xd9\xdc\xa0N\x9d\x94\x8b\x17\xf9\\\xae\xed\xe7\xb2\x08\x82Pk\xb4"\x81``\xcf\x9e\xc3z\xf5\xf2o\xd0 \xaf\xa8\xa8\x9e\x97WZZZ``\xe0\xf7\xdf\x7f_Z\xb0k\xed+}7\x0c\xc3\x96\xff\xf8#\x81a\x1a\xbd~h\xcf\x9e\x1dBC\rV\xda\xfc\xe7\xbf\x80\xc5?Z\x83aP\xaf\xcf6\xcc\x99\xbdn\xd6\xcc\xdfO\x9cpvtLKO\xf7\xf7\xf7\xbfr\xf92\xaa\x10\x05(\x00|\x04\x8c \xc4\x02A\xb7O\xdb\xb6h\xd0\x80\xb2Xld\x1c\x00\x00\xc0\x00\x80\xc7$\x95N\x0c\xac\xfb\xfe\xfb6\xfe-LfsM77eqqDDD\xa7N\x9dv%\'\x97nci\xe3O?\xbc\xbc\xbbw\xef\xe28.\x14\x08:\x85\x86\xd6ru5W\x85\\\x04A\xe0,\x00\xca\xa2\xa2F\xf5\xea\x9d\xdc\xbc\xe9\x9b\xaf\xbez\x9d\x9b\xeb\xeb\xedm4\x1aW\xafX\x11\x12\x12\x92\x9a\x9aj\x83\x032\x86ap\x1c\x7f\xf1\xe2\xc5\xd93g\x04|\xfe\xcb\xd7\xaf[4h\xe0\xe8\xe8h\xb1\xd5X\xf5~\x18\x00\x04\x8e\xab\x8a\x8a\xbb\xb6n\xdd\xb7s\xe7oF~%\x12\x08\xc4B\xa1^\xa3i\xdd\xa6\xcd\xea\xd5\xab\xab\xeb&amp;N\x1f\x0e\x05\x802\x80\x1d\xd2\xe0\xe0`&gt;\x8f\x87\xe3\xc4\xedG\x8f0\x8b\xc5\x06\xd3\x11\xa5\x13\x03\xbd:v\xf8\xed\x87\x1f~\xfc\xf6[&gt;\x97+\x11\x89\xbc\xdc\xddo\xa5\xa5\xc5DF\xf6\xed\xdb\xb7JL\x0c\xc0\x86\xfe\xc1\xc3\x87&lt;\x0e\xc7\xad\x86K\xb3\xfa~\x8c\xed\xdd\xed\x7f\x82\x01\xc0!I\x83\xc1\xc0%\xc9\xe5\xdf~\xb3w\xfd:\x1c\xc7\x82\x9a6\x89\x1c\x1c\x9e\x9a\x9a\xda\xb1c\xc7\xc5\x8b\x17\xd34mS\xc7\xdb\xc2\xea\xcf\xcd[\xb6\x98\x8dF\x96e\x9b\xfa\xfa\x0e\xeb\xd9C\xafV\xdbl\xf5\xe7\x87 IB\xad\xd5\x1a\x0c\x86)\xd1\xd1SF~\xe5\xe3UKg0\xb4\x0f\x0e\x9a&lt;yr\xe7.]\xe0\xd1\x0e\xb6\xfc\x16T(\x14\x00\xcaL(\x10\x14)\x95G\xce\x9e=\x97\x9eN\x94\xf7\xa9\x84\xe5\xa5tb\x80\xcf\xe1\xc4\x0c\x1dr&lt;)\xb1W\xc7\x8eB\x81\xa0~\xbdzmZ\xb6\xdc\xbf\x7f\xff\xa7\x9f~:~\xfcx\x1b\x9f\x18\xc0q\x9ce\xd9[\xb7n\xf9\xd5\xae\xad\xd6h\\\x9d]p\x92\xb4\xc5\xdb\xfd\xcf`\xaaG\xab\xd7\xf7l\xdf\xfe\xd4\xa6M\x1b\xe7\xce\xddy\xf8\x08\x9f\xc7\x13\xf1y\xdf\x7f\xff}\x9bO&gt;)\x8d\xc4VO\xca\xb1,K\x10\x84\xd1d\xfa}\xcf\x1e\x9ae5:\xdd\xc0\xb00\x91Tj\xb1\xc9g\xa3L\xe0\x90WYX8!2r\xde\xd7\xe3\xbe\xf9\xea+W\'g\x92$O\x9d&lt;\xd9\xaaU+\xb8`\xd8&gt;+DQ\x00(3\xd8K"p\\"\x12\x01\xdb~b\x08\x82\xa0\x19F\xadV{\xd6\xa8\x91\xb4x\xd1\x9eU\xab"\x07\x0e8v\xe1\x82L*\x95\x08\x85\xeb\xd7\xaf\xff\xcb\xc4\x80M\xbd\x00\xf0&gt;?~\xfc\xf8\xc1\xfd\xfb7\x1e&lt;\xc8\xca\xc9m\xd1\xb0\x01]\x15\xf2?\x7f\x01\x9f\x16\xb5R\xe9\xe4\xe0\xe0\xdf\xa8Q\xe2\x82\x05-\x1b6Ti\xb4\xf5\xbc\xbc8&amp;chh\xe8\xea\xd5\xab\xe1\xe6e\xd6\xed\x87\xc2\x1b\xfe\xc3\xb2eEyy\x8b\'N\xec\xda\xbau\xaf\xf6\xedh\x93\xc9\x16\xb6~+\x17\x1c\x92T\xe5\xe7\xf7j\xdfn\xf9\xb4\xa94C\xd7ru\xad\xe1\xe4\xf4\xe4\xc9\x93n\xdd\xba\xd9m\x85h5\xf9j+\x19\xcb\xb2t\x15\xd9\x8b\x1f6\xeef\xb3Y\xadR5\xa8[\xe7\x8b&gt;}\xf6\xac]\xf3i\xcb\x96\xc6wM\x0c\xd8\xd4qc\xf02\x9e={&amp;\x15\x89\xeax{\x1b\x8cF\'\xa9\x94\xa1\xe9*\xd6\xfc\xbf\x01\xf3\x0c:\xad\xb6g\xfbv\x076\xfc&lt;n\xf8\xf0\xa8\x01\x03\xf2JJdb\xf1\xe4\xc9\x93\xdb\xb4i\x93\x96\x9e\x0e\xa7%\xad\xf2\\\xc1\x82+\x83\xc1\xf0\xcb/\xbf\x18\xcc\xe6\xcd\xfb\xf6\xc5\x0c\x19\xdc\xacQ#\x9d\xc1`\x83I\xce\x8f\x067qR\xab\xd5\xbb\xd7\xad\xfb6"\xa2\xa8\xa4\xc4\xdb\xd3S\xa9P\xd8m\x85(\n\x00v\x01\x86\x01\xbd\xc1`0\x1a\xfbv\xe9\xf2\xcb\xd2%+\xfe\x9c\x18\x10\xd7rw\xbfs\xfdz\xcc\xa8Q\x9f\xf5\xea\x95\x95\x95e;[\x17\xc0\x00p\xeb\xd6-\x01\x8f\xe7$\x936\xaf_\xdf\xcd\xc5\xc5lK\xb3\xeee\x05\x8b\x7f4:\x9d\x80\xc7[\xf1\xfd\xac\xde]:sI\x0eN\x10r\x99,55uP\xbf~\xdf|\xf3\r,$\xad\xfc\xfb\x0f\xbb\xffg\xcf\x9e}\xf9\xf2\xa5\xc1dz\x96\x95\xe5Q\xa3\x06\xa8\xb2\xe1\xf6=\x08\x1c\xc71L\xadT\x8e\x1d:\xe4\xca\xce\x9d\x04\x8e\x97V\x88\x86\xbd\xa9\x10\xb5\x85\xe7\xbfr\xa0\x00`G\xf07\x8f&gt;\x9f\xcb}31\xd0^\xc4\xe7{\xba\xbb\xb5n\xd9\xf2~z\xba\x9f_\xfd\x15+V\xc0=$\xac}\xb1\x7f\xce\x00\xa7\xa5\xa7[,\x16\x99H\xe4\xed\xe9\t8\x1c\x1b\x19\x9d\xfc\x17p\x179eAA}/\xaf\x13\x9b\x92b\xc2\xc3M&amp;\xd3\xf71\xa31\x96]\xb9re\x97.]RSS\xadu\xff\x7f\xdb\xbaU\xc0\xe3a\x00|\xd6\xae]H\x8b\x16:\xdb\xd8\xfa\xbf\xdc\xc1\xa4\x9cJ\xa3\tn\xdel\xe3\x9c9kg\xcd\xdc\x93\x92\xe2\xe4\xe0\x90\x9e\x9e\x1e\x10\x10\x00wp\xb2\xf65V\x92j\xf8\xed"\xefW:1\xe0\xe1\xec\x1c?\x7f\xfe\xf1\xa4\xc4\xde\xed;\x9c\xbcr\x05\x90d\xcd\x1a.\xdf}\xf7]PPPRR\x92\xd1h\xb4nk\x8b\xe3\xb8\xc5by\xfd\xeaU\xa1R\x99_\\\xd2\xb9u+\xaa\nN\x00\xbc\x13\x86a\x1c\x0eG\xa7\xd7;\xcbd\xb3\xc7\xc4&lt;9q\xdch4edg\xf3x\xdc\x93\'O\xb6n\xddz\xc5\x8a\x15F\xa3\xb1\xd2rAp\xef\xcf\xcc\xcc\xcc\x03\xfb\xf7\x9b,\x16\x9aa\x86~\xd6\x93eY\xdbY\xe6R\x11H\x82P\xabT\x9dBC\xfau\xee&lt;w\xecXG\xa9\x94\xcb\xe5\xe6\xe6\xe6~\xfa\xe9\xa7\x95|\xff\xad\x08\x05\x00\xe4\x1d\xccf\xb3\xd9l\x06o\xf20\xd6\xc4\xb2\x00\x00\x8dNg\xa1\xa8*\xb7\x1e\xf5\xa3Y,\x16\x8b\xc5\x02l\xe1\xfe\xdb%\xfb\xb9\xff(\x00\xd8\x1d\x9a\xa6\t\x1c\x97J\xa59EE\xd1s\xe7v\x1d\x15y\xe0\xec\x99\xce\xadZ\x01\x8az]P\xf8\xe3\x8f?\xa6\xa5\xa5\x8d\x193F*\x95b\x18f\xc5\x1e7\xc30\x1c\x0e\xa7\xa6\x97\x97\x8b\x83\x83\xaf\xb7\xd7\xf9\xd44\x92\xc3\xb1\xf1\xb2\xab\x0f\xc4\xb2\xac\xc5b\x11\t\x85E*\xd5\xc2\x8d\xb1~]\xba\xf2\xf9\xbc\xda\x9e\x9e&amp;\x93\xb9s\xe7\xce\x97/_\x9e1c\x86D"\xc1+k\xbb\x118\xeb\xe0\xed\xed\xdd\xbbO\x1f\x1e\x87C\xe0\xf8\x8eC\x87\xe1\xf1\xeb\x95\xf0\xb7[\x0bE\xd3R\x99\xec\xd4\xd5k\xfbN\x9e\x9c\xbfa\x83B\xad6\x9b\xcd\xee\xee\xee\xe7\xcf\x9f\xaf\xe4\xfboE(\x00\xd8\x11\x86a\x18\x96\x95:8\x18\xcd\xe6\xd8\x1d;\xbb\x8e\x8a&lt;x\xfa\xac\xceh\xcc\xce\xcd\xbb|\xe3F\xe3\xc0\xc0\'O\x1e\x7f\xfb\xed\xb7"\x91\xc8\x16\n!`\xe7+(0\x90\xc3\xe1(4\xda\x8c\xeclP\x95g\x80K\xd1\x0c\x83\xe3\xb8C\x8d\x1a\x8f\xb3\xb2\xbaD\x8c\x8aMN\xe6\xf1x\x8bb\xe3X\x0c\x9b2e\xca\x89\x13\'\x82\x83\x83\xad5\t\xf9\xf9\x88\x11\x06\x93\x89\x05\xe0\xd0\xb9s\xd7n\xdd\x12\t\x85\xd52\r\x02\xab\xf8d\x12I\xea\xed;c\x16,\x98\xb0x\xc9\xc0\xb0\xb0b\xa5200\xf0\xfa\xf5\xeb\xad[\xb7\xb6\x9fI`\xd2\xda\x17\x80T\x06\xb8\xfb\x98H(d\x01\xf8\xe3\xc4\x89M{\xf6\x9eNMu\x94J5:m\xa1\xa2\xa4c\xc7\x8e\xd1\xa3G\x0f\x0e\x0f\x07o\xf6\x02#I\xeb?\x18\xb0\xado\xd1\xa2\x85\xc1d*Q\xabK\x14\x8a\xbc\xc2B\xb9Lf\xa1\xa8*\x1a\x06X\x96eYV"\x12\x95\xa8Ts\x16-vqp0S\x16\x86\xa6UZmpp\xf0\xfa\x9f\x7f\x0e\n\x0c\x84\rn\xe5OB\xc25w\xed\xdb\xb7\xafS\xa7NQA\x81\xab\x87GNA\x01h\xd6\xac\xfa\r\x01h\x86\x01\x00H\x1d\x1c6\xfc\xb6u\xfc\xa2E\xb5&lt;&lt;\n\x8a\x8b\xd7o\xdb6y\xf2\xe4\xef\xbf\xff^.\x97S\x14e\x0b\xcf\x7f\xe5\xb0\x97\xcfi\xb7`\xd3\xcf\xe7\xf3\xb9&lt;\xde\xfd\xc7O\xae\xdd\xbd\x13=g\xaeX,\xe6s\xb9\xaf\xf3\xf2\xdc\xdc\xdd\x97,^&lt;r\xe4H\xf0\xa6\xe9\xb7\x9d\xfa\x07\xd8\xca\xfb\xf8\xf8\xa8u:\x9d^\xdf\xc8\xc7\xa7X\xadv\x96\xcbY\x8a\xaa\x8a\xcd?M\xd3\\.\x97\xcb\xe3\x1d&gt;sviB\xc2\xf5\x07\x0fj\xba\xb9\xb9\xc9\xe5\xcf\xb3^\xadZ\xb5j\xdc\xb8qp\x7fJk5=\xb0\xf6W \x10|\xf9\xe5\x97\x1b\xd6\xac\x19\xd9\xaf_\xec\xce]\xb5=&lt;\x9a\xd5\xaf\xaf7\x1a\xab\xcdR\x00\x8a\xa2$"\x11\xce\xe1\x0c\x1a?\xfe\xfa\xbd\xfb\xceryfv\xb6\\.\xdf\xb6}{\xb7\xb00\x00\x00\xc30\xf6\xd3\xfa\x03\x14\x00\xaa7\x9a\xa69$)\x16\x8b_\xbe~\xbd(6\xee\xf2\xcd\x9b\x8eRi\xb7\xb6m\x0f\x9f;\xc7\xe5r\xc7\x8d\x1b7g\xce\x1c\x17\x17\x17\x18$l\xa7\xe9\x87`\x9f\xb4~\xfd\xfa\x8d\x1a7\x16\x01P\xc3\xd9\xe9\xd6\xc3G\x8d\xfc\xfcX[\xda\x84\xf5C\xb0,\x0b3o\xd999y\xc5\xc5\x91s\xe6\xa8\xb4Z\x99D\xfc&lt;+\xcb\xc9\xdd\xfd\xea\xd5\xab!!!\xc0\x06\x9a\x1ex\xc3\xa7M\x9f\x9e\xbck\xd7\xac5k\x00\x00mZ\xb6\xf4o\xd6\x8c\xd1\xebq\x1b{6&gt;\x8e\x85\xa2\x1c\\]\xf7\x1f:|\xe9\xc6\r\x02\'^\xe5\xe7S\x14\xe5\xe7\xe7\xb7u\xeb\xd6\xa0\xa0 \x8b\xc5\x02\xcf\xd3\xb6\xf6eV*\xfb\xfa\xb4\xf6\x03n\xef#\x95\xc9\x8c\x16\xcb\x9bt\xffi\xbd\xc1\xf0\xf8\xf9\xf3K7n\xf4\xe9\xd3\xe7\xfc\xf9\xf3\xeb\xd6\xadsqq\xa1(\n.\x13\xb3\xf6%\xbf\x03\\\x9d\xd4\xa2E\x8b\'\x19\x19R\x89$\xbf\xa8\x90\xa9j\xdd\x7f\xd8\xac\x8b\x85\xc2\xc3g\xcfv\x8a\x88\x183\x7f\xfe\x90\x9e=\x8c&amp;\x93\xcehZ\xb4h\xd1\xa5\x8b\x17CBB\xe0\xeak\xab7=p\x10\xc0\xe7\xf1\xfa\x0f\x1cH`\x98D$\xda\x93\x92\xa2S\xab96\xf9l\x94\t\xdc\xff\xdc\xc1\xc5emb\xe2\xbc\x9f\xd7\xff\xb4eK~q\x11EQ\x9d:w\xber\xe5JPP\x10EQp+\x08k_ieC\x01\xa0\x1a\xa2\x19\x06\xc30\xa9\x83\xc3\xc1\xd3g&gt;\x9f6\xed\xbb\x15+\x8cf\xb3F\xa7\xcb\xca\xcdm\x11\x14\x14\x9b\x98\xf8\xc7\x1f\x7f\x94\xb6;\xb6&lt;\xe0\x85\xf3\xc0\x8d\x1a64Y,y\x05\x85w\x1e?\xc1\xabN]\n\x0b\x80\x85\xa2\x04\x02\x81\x99\xa2\xa6\xae\xf8i\xc0\xb8\xf1\x0c\xc3\xa6\xdd\xbd\x97\xb8+988\xf8\xf4\xe9\xd3\xb3f\xcd\x82[0\xc1\xd5\xd7\xd6\xbe^\x00\xde\x0c\x02F~\xf5\x15\x97\xcf\xc70\xec\xee\xd3\xa7\xdb\x0f\x1f\x11J\xa5TU\x9e\x14\xa5(Z*\x16\x0b\x04\x82\x95\xf1\xf1+7oy\x96\xf5J$\x10\x9cMM[\xb5j\xd5\xc9\x13\'\xe4r9M\xd3\xb6\xfc\x16T(;\xfd\xd8\xd5\x12\x0b\x00C\xd3\x04AHE"\xa3\xc5\x121}\xc6\xe9k\xd7TZ-\xef]\xe9~\x9b\xed\xf5\xbf\r6\x8bM\x9b6e\x18Fo0\x9c\xbaz\xf5U~\xbe\x9b\xb3\xb3\xc5\xe6\xcb\x81h\x9a!\x08\xdc\xc1\xd9\xf9\xce\xbd{\x91\xdf\xcfN\xbbw\xaf\x9e\x97\xd7\xd3\xccL&gt;\x9f?\xe9\x9bo\x16-Z\x04\x00\x80\x19\x7f\x9b\xfa\x16`=h\xdd\xbau\xdbw\xe8p\xf2\xf8\xf1:5k\xdez\xf4H\xa1P\xf0lu\xd7\xdb\xf7c\x01`\x18F\xe6\xect\xfc\xcc\x19\xb5V\xfb\xd3\xe6-f\x8bE\xab\xd7\xbb\xba\xba\xa6\x9c8\xd1\xaau\xeb?7v\xb4\xa5\xaf\xa0\x92\xa1\x00PM\xc0^\x8cX*5[,\x9b~\xdf\xb7\xe7\xf8q\x9d\xc1\xa0\xd6\xe9\x94j5\x87\xc3\x197~\xfc\x9c\xd9\xb3m6\xdd\xffO`V\xc4\xdf\xdf\x9f\xe0r\x1f\xbd|\xd9\xb7S\'cUX\x0cL\xd3\xb4T")(.&gt;z\xe9R\xfa\x9d;7\x1f=rsv~\x9e\x95\x15\x14\x14\xb4y\xf3\xe6\xc6\x8d\x1b\xc3r \x9b\xedu\xb2,;\xf5\xbb\xefRRR$B\xe1\x8e\xc3\x87;\x85\x86\xf4\xeb\xdaUS\x15\x0e\x85\x7f\x1b\xc30\x00\xc3\xc4\x02\xc1\xee\x83\x87f\xac\\\xa93\x18\x06\x86\x85\xad\xdf\xb6-(0p\xff\x81\x03\xee\xee\xeevU\xed\xf3O\xaa\xd27\x8a\xbcSi\xba\xdf`4\x9d\xbcv-|\xd2\xe4\x1f7m.Q\xab\x08\x0cS\xa8T\x1d;v\xbcp\xe1\xc2\xba\xb5km&lt;\xdd\xffNp{^\x0f\x0f\x8f&amp;\x8d\x1b\xd7\x90\xcb\xd5:\xed\x85\xf4\xeb\x04\x97\xcb\xd8jo\x14\xee\xe5)\x91H\xce\\K\x8d\x9a;o\xd0\xc4IEJ\x95\xb7\x9b[^Q\xd1\xec\xd9\xb3O\x9d:\xd5\xb8qc\xf8-X=\xe3\xffO\x08\x82`\x18\xa6}\xfb\xf6\xdd\xc2\xc2\xee&gt;y\xaa\xd2jw\x1d=\x06X\xd6\xd6\xa3\xee\xffbX\x96\xc7\xe3ID\xa2\xe4c\xc7"f\xcd\xb2PTi\xad\xe7\xb1\x94\x14\xd4\xfa\x97\xb2\xd1\xa7\x10\xf9@\xa5\xe9\xfe\x03\xa7NG\xcf\x9b\xd7\xe5\xab\x91\x14M\x8bE\x82\xdc\xbc\xfcG\xd9\xd9\xbf\xff\xfe\xfb\xa9S\xa7\xaaD\xba\xff\x9f\xc0\xccC\xed:uJ\x94\xca\xd7y\xf97\x1e\xdc\'p\xdc6W\xa82\x0c#\xe0\xf3E"\xd1\xf9\xf4\xeb\x9f\x8d\x19s\xf1\xfaugG\xc7\xa4\xbd{\x9d=&lt;\xf6\xec\xd9\xb3`\xc1\x02\x89Db\xf5R\x9f\x0f\xc4\xb2\xec\x981c\x00`\xf9\\\xee\xb1\x8b\x17\xb3\xb2\xb3yU\xe14f\x88\xa2i\x1e\x87\x93SX8\xec\xdb\xef\x86~7\xd5\xbd\x86KVn\xae\xa3\\~\xf4\xd8\xb1\x95+W\xca\xe5\xf2\xaa\xf2-T\x02\x14\x00\xaa\xaa?\xd7\xb3\x88D\x04IFL\x9f1q\xf1\xe2\xd3\xd7\xae\xc9e\xb2\xc3\xe7\xce\xe5\x16\x17\xf7\x1a4\xe8\xe9\x93\'\xfd\xfa\xf5+\xcd\xf9\xd8~\xe6\xe4\x9d`\xa3\xd3\xbaU+\x93\xc5R\xcf\xcbK&amp;\x96\x18lc\xb3\xd2\xb7\xd14\xcd\x02 \x11\x8bo=z\xd4\xee\x8b/\x0e\x9d9\x1d\xd0\xb8\xb1J\xa3Q\xebt\x13&amp;LH9qb\xc0\x80\x01\x14E\xd9B\xa9\xcf\x87\x80[ \xb4k\xd7\xce\xd5\xcd\xcdl\xb1\xa8\xb5\xda\x8d\xbb\x92\xb9\x12\tm\xf3\xab\x82Y\x96\xa5(J\xe6\xe4t\xef\xe9\xb3\xb0\xc8\xc8s\xe9\xe9\x1c\x0e\xe7iFfpp\xf0\x95+W\xba\x85\x85\xc1c\xbf\xaa\xc4\xb7P9P\x18\xacz\x18\x96\xa5iZ&amp;\x91P\x0cS\x9a\xeeW\xe9tJ\xb5\x9a\xcb\xe1\x0c\x1f&gt;|\xe2\xc4\x89AAA\x00n\xfbSe\x9b~\x08^|\xe3\xc6\x8d\xf5F\xe3\xb3\xac\xac\xdc\x82|\xa5Zm;\xeb\x81K7\x15\xa0\x01\x98\xbb~}\xdc\xaed\x9aan&lt;x\xe8\xee$\xf7\xacYs\xc7\x8e\x1d\xad[\xb7\x06ofh\xac}\xb1\x1f\n\x9e\x14-\x91H\x86\x0e\x1d\xban\xcd\x9aO\x02\x02\x9c\x1d\x1c\x14\x85\x85&lt;\x0ei\xcbc\x00\xf8\xb4\xcb\\\\\xd6&amp;&amp;.MH\x14\n\x04j\xad\xd6b\xb1t\xeb\xd6m\xdb\xb6mp\x89/\x87\xc3\xb1\xf6e\xda\x96*\xf3P"\x00\x00\x86e\x01\xcb\nx&lt;R(\xbcr\xe3\xc6\xe2\r\x1b_\xbcz%\x95\x88\x85\\\x1eL\xf7/Y\xb2\x04\xae*\xb2\xb5e\xbd\x1f\r\xb6\xf2\xf5\xea\xd5\xe3\xf1\xf9r\xa9$\xa7\xa0\xf0qF\xc6\xa7AA\xb6p2\x0c\xcb\xb2\x18\x86\xc9\x9c\x9cRN\x9f\xd1\xe8\xb4[\x0f\x1c4\x9a\xcdF\xa3\xd1d\xb1t\xed\xddg\xf9\x0f?\x88\xc5\xe2*\xfaE\xc0z\xd0\xe8\xe8\xe8}{\xf64\xac[\'i\xef^\x83\xd18{\xe2\x04UI\x89m\x1e\x10O\xd1\xb4L"\xd1\xeatS\xe6/8p\xf6lAI\t\xc30\x0e\x0e\x0eI\xeb\xd6EDD\x00\x1bXgg\x9b\xd0\x1d\xa92\x18\x86\xe1\xf3x8\x8e?|\xf1"\xf9\xe8\xb1m\x87\x0e\xd5\xadUK"\x12\xe6\xe6\xe5[\x08\xe2\xf7\xdf\x7f\xef\xd7\xaf\x1f\x00\x00\x9e.[\xe5Z\x9c\x7f\x02["wwwOO\xcf\xa3\x17.\xd6\xafSGg00\x00X\xbd\'J3\x0cI\x10\x0c\xc3,X\xb3v\xddo\xbfq\xb9\xdc~\x9d;\xfd\xbc}G\xb3\xe6\xcdW\xad\\\xd9\xb1cG\xf0f\x9f}k_\xe9\xc7\x80\'#6h\xd0`\xd0\x90!?\xfe\xf8#\x00\xe0\xe0\xd9\xb3\xdfF\x8c\xb4\xc1\xd6\x9f\x05\x80e\x18\x99\x83C\xda\xad[\xd3W\xae:\x9f\x9e.wp`\x18\xc6\xdd\xdd}\xff\xfe\xfdAAA\xb0\xd6\x13\xa5}\xde\t\xdd\x94*\x80\xa6\x19\x00\x80P \xc8.,\x9c\xb9zuXTt\xfc\x9e=\xc1\xcd\x9a\xa5\xdd\xbe\xfd\xaa\xa0\xb0Wx\xf8\xdb\xe9\xfe\xea\xb7\x9c\x1d\xee\xa2\xd3\xa5kW\x0fg\xe7\xce\xad[=\xcb\xcc\x04\x14e\xc5\xddi`\xa2Y,\x10\x08E\xc2\x88Y\xdf\xcf]\xb7N\xee\xe0\x90SP\xf0\xf3\xf6\x1d\x93&amp;M:{\xe6L\xc7\x8e\x1d\xabP\xc6\xff\x9f\xc0\xd0\xfb\xc5\x17_\xf0x&lt;\x07\xa9\xf4\xee\xd3\xa7\x17\xaf\xdf\x10\x08\x0465\x13\xc00\x0c\xcb\xb2"\x81`\xf7\x91#_\xce\x98y6-\xcd\xd3\xcd\xad\xa0\xb8\xb8u\xeb\xd6\xd7\xaf_\x87K|\xedaW\xe7\x8fV\x85\x1fP{\xc0\xb0\xac\x85\xa2$\x121\x8e\xe3\x97n\xde\x0c\x1c8(i\xef\xeff\x8b\x05c\x98\x9dG\x8et\xea\xd6m\xff\xc1\x83\xeb\xd7\xae\x15\x89DpmW\x95nq\xde\xcf\xa7^=\xa5V\x9b~\xf7\xde\xbe\x93\xa7h\xeb\xa5\xa2i\x9a\xe6r82\x0f\xf7m\x87\x0e\x7f6:\xc6\xcb\xc3]&amp;\x16?\xc9\xc8h\xda\xb4\xe9\xd1\xa3GW\xadZ\xe5\xe8\xe8\x083\xfeU\xbd\xd1\x81\x01\xa0I\x93&amp;\xa1\xa1\xa1&amp;\x93\xc9h2\xad\xdd\xba\xd5\xa6\x9aR\x86aJk=G\xcd\xfa^\xad\xd3I\x84\xc2\xcc\xec\xec\x98\x98\x98s\xe7\xce\xb9\xbb\xbbW\xad\xa9\x17\xab@w\xc7F\xfdO\xba\xff\xe6\xcd\x05k\xd7\x19L\xa6F\xf5\xea]\xb8~\x1d\x00\x10\x10\x10\x10\xbbys\x9f\xde\xbd\x01\x00\x14E\x11\x04QES\r\x1f\x02\xb69-[\xb6\xc4p\xdc\xd5\xd9I&amp;\x96\xa84\x1a\xa9HD\xd1te6G\xcc\x9b\x8a\xdb\x1bw\xef\xfe\xb2\x7f\xbf\\"=r\xfebv^\xbe\xd9b\x89\x8c\x8c\xdc\xf0\xf3\xcf\x1c.\xb7\x9a}\x17\x0c\xc3\xe08\x1e3z\xf4\xb9s\xe7\xbc==(\x9a\xbe\x90\x9e\xde\xaaeK\x83\r\x9c\x15\xcc\xb2\xacP x\x95\x9f?s\xe5\xaa\x1dG\x8e\xf8\xd6\xf6~\x9a\x91\xe9\xe8\xe8x\xe4\xc8\x91\xee\xdd\xbb\x83\xaa\x9c\x7f\xabL(\x00\xd8"\x8a\xa6E\x02\x01\x86a\xa5\xe9\xfez^^*\x8d\xa6XQR\xb3f\xcd\xa9S\xa7\x8e\x1d3\x86 I\xb8w|\xb5\xef\xe3\xc0\xb6\xa6~\xfd\xfa\x04If\xe7\xe7\xe7\x17\x97\xdcy\xf2\xa4S\xabVf\xad\x96\xa8\x94\x00\x00K}\x04|&gt;\xc0\xb0\x9f\x12\x93~\xdd\xbf\xff\xce\x93\'\x1dB\x82k\xd5py\xf4\xea\xd5\xf1\x13\'\xda\xb6m\x0b\xaaZ\xa9\xcf\x87\x80\x8b\xc2\xfa\xf6\xeb\xd7\xc2\xdf?73\xf3\xe4\x95+\xce\x0e\x0em\x83\x83\xad\xbb \x00\xee\xae*\xe0\xf3\xce\xa6\xa6\x8e[\xb4</t>
        </is>
      </c>
    </row>
    <row r="364">
      <c r="A364" s="1" t="n">
        <v>362</v>
      </c>
      <c r="B364" t="inlineStr">
        <is>
          <t>circle_size_number</t>
        </is>
      </c>
      <c r="C364" t="inlineStr">
        <is>
          <t>What is the missing number of the part denoted with a question mark?</t>
        </is>
      </c>
      <c r="D364" t="inlineStr">
        <is>
          <t>[3, 6, 2, 1]</t>
        </is>
      </c>
      <c r="E364" t="inlineStr">
        <is>
          <t>1</t>
        </is>
      </c>
      <c r="F364" t="inlineStr">
        <is>
          <t>There are 6 numbered circles with varying sizes arranged in a ring with number [1, 2, 2, '?', 6, 6] in a clockwise order.</t>
        </is>
      </c>
      <c r="G364" t="inlineStr">
        <is>
          <t>We observe that the size of the circle is related to the number in the circle. The circle with the largest value 6 seems to be the biggest and the circle with the smallest value 1 seems to be the smallest. Thus, the pattern is that the larger the number the larger the circle.</t>
        </is>
      </c>
      <c r="H364" t="inlineStr">
        <is>
          <t>Based on the pattern that the larger the number the larger the circle, the missing number of the circle denoted with a question mark should be 1.</t>
        </is>
      </c>
      <c r="I364" t="inlineStr">
        <is>
          <t>b'\x89PNG\r\n\x1a\n\x00\x00\x00\rIHDR\x00\x00\x02\x00\x00\x00\x02\x00\x08\x02\x00\x00\x00{\x1aC\xad\x00\x00x\xe1IDATx\x9c\xed\xddw|\x14\xd5\xfa8\xfe33[S6\xbbi\x10 \xd4TBI\xa3\x13\x90\xde\tE\x8aJ\x10\xbc\xa8\x18@EE\xb0\x0b\xeaE\x11DD\x11\xe4* E\x9a@\x00\xe9\x82\x10Z\x08i\x04\x08$\xf4\x9el6\xbb\xd9d\xb3\xd9\xdd)\xbf?\xce\x8f\xfd\xe6C3\x84dgf\xe7y\xffq_\\\x0c\xc9\xc9&gt;s\xces\xda\x9cCp\x1c\x87\x00\x00\x00H\x0f\xc9w\x01\x00\x00\x00\xf0\x03\x12\x00\x00\x00H\x14$\x00\x00\x00\x90(H\x00\x00\x00 Q\x90\x00\x00\x00@\xa2 \x01\x00\x00\x80DA\x02\x00\x00\x00\x89\x82\x04\x00\x00\x00\x12\x05\t\x00\x00\x00$\n\x12\x00\x00\x00H\x14$\x00\x00\x00\x90(H\x00\x00\x00 Q\x90\x00\x00\x00@\xa2 \x01\x00\x00\x80DA\x02\x00\x00\x00\x89\x82\x04\x00\x00\x00\x12\x05\t\x00\x00\x00$\n\x12\x00\x00\x00H\x14$\x00\x00\x00\x90(H\x00\x00\x00 Q\x90\x00\x00\x00@\xa2 \x01\x00\x00\x80DA\x02\x00\x00\x00\x89\x82\x04\x00\x00\x00\x12\x05\t\x00\x00\x00$\n\x12\x00\x00\x00H\x14$\x00\x00\x00\x90(H\x00\x00\x00 Q\x90\x00\x00\x00@\xa2 \x01\x00\x00\x80DA\x02\x00\x00\x00\x89\x82\x04\x00\x00\x00\x12\x05\t\x00\x00\x00$\n\x12\x00\x00\x00H\x14$\x00\x00\x00\x90(H\x00\x00\x00 Q\x90\x00\x00\x00@\xa2 \x01\x00\x00\x80DA\x02\x00\x00\x00\x89\x82\x04\x00\x00\x00\x12\x05\t\x00\x00\x00$\n\x12\x00\x00\x00H\x14$\x00\x00\x00\x90(H\x00\x00\x00 Q\x90\x00\x00\x00@\xa2 \x01\x00\x00\x80DA\x02\x00\x00\x00\x89\x82\x04\x00\x00\x00\x12\x05\t\x00\x00\x00$\n\x12\x00\x00\x00H\x94\x8c\xef\x02\x00\xa1\xe08\x0e\xff/\xfe\xc3\xc3\x08\x82 \x08\xc2\xf9g\xd7\x95\x0cT\x0fD\x10&lt;-\xe2q\xcf\npc\\\x15\x08!\x92$I\xf2\xe9\xc6\x82,\xcb\xe2\x7f\x8e\xdb\x11\x92$\xa1Aq%\x88 \xa8\x15\x90\x00\xa4\xc2Y\xe1\x1f\xd7X\xe8\xf5z\x82 \xccf\xf3\xd9\xb3g\x1f\xf8O\x04A\xb0,\xdb\xb4i\xd3\x86\r\x1b\xb2,\xeb\xe7\xe7GQ\xd4\xc3\xdf\x81a\x18\xfc\xfd\xab\xf64Am\x81\x08\x82Z\x07\t\xc0\x9dq\x1c\x87[\r\x99\xec\xff\xcc\xf5\x19\x8d\xc6\xabW\xaf^\xb9r\xe5\xe4\xc9\x93\xc5\xc5\xc5\x17.\\\xb0\xdb\xed&amp;\x93\x89\xe38\x9a\xa6\xfd\xfc\xfcd2\x19\xcb\xb2U\x9b\x00\x92$\x8b\x8a\x8ap\xd3\xe3\xe1\xe1\xe1\xe9\xe9\xd9\xb0a\xc3F\x8d\x1aEGG7o\xde\xbce\xcb\x96\x01\x01\x01U\x7f\x04\xc30\x08!\x82 \x9e\xb6g\n\xaa\x82\x08\x82:\x05\t\xc0\r\xe1V\x03!T\xb5\x97w\xe9\xd2\xa5\xa3G\x8f\xfe\xf3\xcf?\xe7\xce\x9d+,,\xf4\xf6\xf6\xf6\xf1\xf1\t\x0f\x0f\x0f\x0c\x0c\x8c\x8e\x8e\xf6\xf4\xf4l\xd5\xaa\x15\xc302\x99\xaca\xc3\x86\x14E=\xf0`\x10\x04q\xef\xde=\x8b\xc5"\x97\xcb\xaf]\xbbVXXx\xf9\xf2\xe5\x1b7n\\\xbat\xa9\xb8\xb8\xd8l6{{{\x87\x84\x84t\xeb\xd6\xad[\xb7n\xad[\xb7\x96\xcb\xe5\xf8\x1f\xb2,\xcb\xb2l\r\xe6(\xa4\x0c"\x08\\\x03\x12\x80[\xc1Cxgo\xd1l6\xff\xf3\xcf?)))\x99\x99\x99V\xab\xb5A\x83\x06QQQ\xf1\xf1\xf1m\xdb\xb6m\xdc\xb8\xb1V\xab\xc5U\x9a\xe38\x86a*++\xf1\xbf\xb2\xd9l\x8f\xfc\xe6r\xb9\x9c$I\x8e\xe3\x94J\xa5\\.w\xf6.\xcb\xcb\xcbo\xdd\xbau\xf6\xec\xd9\xcc\xcc\xcc\xf3\xe7\xcf_\xbe|\x99 \x88\x90\x90\x90\xa1C\x87\xf6\xe8\xd1\xa3I\x93&amp;\xce\xb2!\x98k\xfe7\x10A\xe0J\x90\x00\xdc\x01\xee0:kfii\xe9\xce\x9d;\xb7l\xd9r\xfa\xf4i\x1f\x1f\x9f.]\xba\xf4\xed\xdb\xb7C\x87\x0eAAA\x04Ap\x1cg\xb5Z\xedv;M\xd38\xfa\xc4}\xf8\xbb=\xaez;\x1f\x15\xe7\xda#^B\xa4(J\xa1P\xa8T*\xdc]-))9{\xf6\xec\x9e={\x8e\x1e=z\xe9\xd2\xa5\x88\x88\x88\xa1C\x87\x0e\x1f&gt;\xdc\xd9\x8e\xd04MQ\x144"UA\x04\x01/ \x01\x88\x1bn8\x9c\x13\x05\x07\x0f\x1e\\\xbf~\xfd\xde\xbd{\x83\x82\x82\x86\x0f\x1f\x9e\x90\x90\x10\x1b\x1b\xabR\xa9h\x9a\xae\xa8\xa8\xb0\xdb\xed\xb8\xc2\xd7z\'\xce9UM\x10\x84L&amp;S\xab\xd5J\xa5\x92\xe3\xb8s\xe7\xce\x1d;v,%%%;;\xbb}\xfb\xf6c\xc6\x8c\x199r\xa4B\xa1@\x081\x0c\x03\xf3\xcb\x08"\x08x\x05\t@\xac\xf0\xa8\x1f\xcf\x15TVV\xfe\xfa\xeb\xaf\x7f\xfc\xf1\xc7\xed\xdb\xb7\x07\x0e\x1c8n\xdc\xb8\xd8\xd8X\xa5RYYYYQQ\xc10\x8c\x8b\xf7u\xe0Yc\x82 \xd4j\xb5\xa7\xa7\'B(//\xef\xcf?\xff\xdc\xb0a\x03M\xd3\xcf?\xff\xfc\xe4\xc9\x93\x1b6l\x88\xa4\xdd\x88@\x04\x01\xef \x01\x88O\xd5&gt;\xe3\xbd{\xf7\xe6\xcd\x9bw\xe0\xc0\x01__\xdf\xa4\xa4\xa4a\xc3\x86\xf9\xf9\xf9\xd9l\xb6\xf2\xf2r!,\xdc9\x173q;RYY\xf9\xf7\xdf\x7f\xff\xf6\xdbo\xf9\xf9\xf9-[\xb6\xfc\xe0\x83\x0f\xa2\xa3\xa3\x11B\xce\x06\x8e\xc7\xa2\xba\x12D\x10\x08\x04$\x00\x91a\x18\x067\x1c\x85\x85\x85\xf3\xe6\xcd\xdb\xb8qc\\\\\xdc\xbb\xef\xbe\x9b\x90\x90\xc0q\\ii\xa9\xc3\xe1\xe0\xbd\xd5x\x18\xee\xedR\x14\xa5\xd1hd2YAA\xc1\x0f?\xfc\xb0m\xdb\xb6\x0e\x1d:|\xfc\xf1\xc7\xb8\x11\x91\xc8\xcc2D\x10\x08\x07$\x00\xd1\xc0\x1d1\x92$i\x9a\xfe\xe0\x83\x0f\xfe\xf8\xe3\x8f\xf8\xf8\xf8\x993gv\xea\xd4\xc9f\xb3\x95\x95\x95!1\xec\xd0\xc0s\x0bj\xb5\xda\xcb\xcb\xeb\xea\xd5\xab\xdf}\xf7\xdd\xd6\xad[;v\xec\xf8\xfd\xf7\xdf7j\xd4\x08Ui\x1f\xdd\x0fD\x10\x08\x8d\xb0z\x19\xe0qh\x9a\xc6\xbd\xc2\x15+V\xb4l\xd9\xb2\xa0\xa0`\xd3\xa6M\xdb\xb6m\x8b\x8d\x8d\xd5\xeb\xf5\xe5\xe5\xe5\x14E\x89\xa2\xf3E\x92\xa4L&amp;\xb3\xdb\xedz\xbd&gt;  `\xf1\xe2\xc5\xa9\xa9\xa9\r\x1a4x\xee\xb9\xe7f\xcc\x98\x81\xbb\x90\xce\xcd-\xee\x04"\x08\x04\x08F\x00B\x87\'\x82\x11Byyy\xff\xf9\xcf\x7f\xca\xca\xcaf\xcf\x9e=b\xc4\x08\x9b\xcdf6\x9b\x058WP}xVA\xa5Ry{{gff\xce\x9c9\xf3\xfa\xf5\xeb\xdf~\xfbmbb"r\xa3\x8e$D\x10\x08\x16$\x00A\xa3i\x1a\xbf\xd3?s\xe6\xcc?\xff\xfc3))\xe9\xfd\xf7\xdfW\xab\xd5\x06\x83A\xd4\rGU\xf8\xf4\x02\x8dF\xa3R\xa9\xd6\xad[\xf7\xe9\xa7\x9fFGG\xff\xf0\xc3\x0f\r\x1a4p\x839e\x88\xa0\xd8#\xe8\xde\xdc\xe1\xf9sK\xce=\x82\x17.\\\x88\x8e\x8e\xce\xc8\xc8\xd8\xbbw\xef\xec\xd9\xb3\xedv{II\x89L&amp;s\x8f\xb6\x03!D\x10\x84\\.\xb7X,\xc5\xc5\xc5c\xc7\x8e\xcd\xcc\xcc\xf4\xf7\xf7\x8f\x8e\x8e\xde\xb6m\x9bL&amp;\xc3\xa7\x98\xf1]\xc6\x9a\x80\x08\x8a=\x82R\xe0&amp;\x8f\xa0\x9b\xc1{\xab)\x8aZ\xb4h\xd1s\xcf=\xf7\xc6\x1bo\x1c&lt;x\xb0A\x83\x06z\xbd\x1e\xfd\xdf\xf3a\xdc\x06I\x92\x14E\x95\x94\x94\xb0,\xbbt\xe9\xd2\xf5\xeb\xd7\xcf\x981c\xe2\xc4\x89\xf8pJ\x9a\xa6\xf9.\xe0\xd3\x81\x08\x8a=\x82\x12\x01S@\x82\x83\'\r,\x16\xcb\xcb/\xbf|\xee\xdc\xb9?\xfe\xf8#::Z\xaf\xd7\xbb\xcd\x8c\xc1\x939\xcf\xb3,--\x9d0a\xc2\xd5\xabW7o\xde\x1c\x1e\x1e\x8e?\x16\xbeKW-\x10A\xb1GP:\xdc\xffq\x14\x17\\I\xd2\xd3\xd3\xa3\xa3\xa3\x15\nEFFFdddQQ\x91;\xcd\x18&lt;\x19\x9eO\xc0\x93$\xdb\xb7oOJJ\xea\xda\xb5\xeb\xca\x95+\xf1L\xba\xf0\xfb+\x10A\xb1GPR`\x04  \xb8\xed\xd8\xbau\xebk\xaf\xbd6g\xce\x9c7\xdex\xc3h4Jv+\x05\x9eC\x0f\x08\x088v\xec\xd8K/\xbd4a\xc2\x84\xcf?\xff\xdc\xb9\x95\x9e\xef\xd2=\x1aD\xb0*1FPj \x01\x08\x82\xf3l\x80\x85\x0b\x17~\xf5\xd5W\x9b6m\xea\xd1\xa3\x07\xee6J|\x07\x85\xc3\xe1\xf0\xf3\xf3\xd3\xeb\xf5}\xfa\xf4\x89\x8c\x8c\xdc\xb8q#\xaa\xb2\xb1R8 \x82\x8f#\x96\x08J\x13$\x00\xfe9\xef\xf9\x1b?~\xfc\xb1c\xc7RSS\x03\x03\x03KJJ\x9c7rH\x1cM\xd3*\x95\xca\xcb\xcb+11\xf1\xe6\xcd\x9b\xff\xfc\xf3\x8f\x8f\x8f\x8f\xa0\xba\xd5\x10\xc1\'\x13~\x04%\x0b\x920\xcf\x9c\x07\xc1\x8f\x1a5\xea\xf2\xe5\xcb\xc7\x8f\x1f\xd7\xe9tF\xa3\x11\xda\x0e\'\xfc\xdeiii\xe9\xd6\xad[\xdb\xb7o\xdf\xa1C\x07\xa3\xd1HQ\x14\xbe\x9f\x84w\x10\xc1\x7f%\xf0\x08J\x19$\x00&gt;9\xe7\rF\x8c\x18QVVv\xec\xd81\x0f\x0f\x0f\x8b\xc5\x02\x9b%\x1e@\x92$\xcb\xb2F\xa3q\xd9\xb2e/\xbc\xf0B\xfb\xf6\xed\x05\xd2\x82@\x04\xabI\xb0\x11\x948xLyS\xb5\xed\xb0Z\xad{\xf6\xec1\x1a\x8dU\xef\x06\x01U\xe1C\xe7\x8b\x8a\x8a&gt;\xfb\xec3\x82 \xda\xb7o\x7f\xea\xd4)\x9dN\xc7\xe3l2D\xf0\xa9\x080\x82\x00\x12\x00?\x9c\xaf\x89\x8e\x1c9\xd2j\xb5\xee\xde\xbd\x1b\xb7\x1dP\x13\x9e\x00\xef/,**\xfa\xf4\xd3O\x11B\xfc\xb6 \x10\xc1\x1a\x10T\x04\x01\x82\x04\xc0\x17\xdcv\x8c\x1e=\xdah4\x1e&lt;x\x10\xda\x8e\xeas\xb6 4M\xc7\xc7\xc7\x9f;wN\xa1P\xe0\xbb\x0c]Y\x0c\x88`\x8d\t$\x82\x00\xc1. ^8\x1c\x0e\xb9\\\xbe`\xc1\x82\xef\xbf\xff\xfe\xec\xd9\xb3\x04A\xe0;@\xf8.\x97\x98\xd04\x1d\x10\x100d\xc8\x10\x84\xd0\x8e\x1d;\x1c\x0e\x87+7\\B\x04\x9f\x1d\xbf\x11\x04\x18&lt;\xb2\xaeF\xd3\xb4\\._\xb5j\xd57\xdf|\x93\x9e\x9e\x8e7H@\xdb\xf1\xb4(\x8a2\x18\x0c;v\xec\xb0X,\x13&amp;L\x90\xcb\xe5.[N\x84\x08\xd6\n\x1e#\x08\x9c\xe0\xa9u)\x96ee2\xd9\xc9\x93\'\xdfy\xe7\x9dm\xdb\xb6\xf9\xfb\xfbWTT\xc0\x9aa\r\xe0\xae\xa2\xd9l\xfe\xf3\xcf?SSS\x7f\xf8\xe1\x07\x99L\xe6\x82\x16\x04"X[\xf8\x8a \xa8\n\xa6\x80\\\x07\xbf.TZZ\x1a\x1a\x1a\xfa\xc3\x0f?\xbc\xf8\xe2\x8bEEEx\xf6\x93\xef\xa2\x89\x15\xc30\x9e\x9e\x9ew\xef\xdem\xd5\xaa\xd5\xbe}\xfb\xbav\xedZ\xa7\xaf\x17A\x04k\x9d\x8b#\x08\x1e\x00\t\xc0u\xf0A1={\xf6\x0c\r\r]\xb6lYQQ\x11\xbc+\xf4\xec\x1c\x0eG``\xe0\xfa\xf5\xeb\xa7M\x9b\x96\x9f\x9f\xef\xe3\xe3C\x10D\x1dM%C\x04\xeb\x82+#\x08\x1e\x00\t\xc0Ep\xdb\xf1\xe5\x97_\xae_\xbf&gt;;;\xbb\xb4\xb4\x14f\x8dk\x0bnA^{\xed\xb5K\x97.\x1d&lt;x\x10\xaf\xd0\xd6\xfaO\x81\x08\xd6\x1d\xd7D\x10&lt;\x0c\x12\x80+\xe0\r\x82\xa7N\x9d\xea\xd5\xabWvvv\xfd\xfa\xf5+++\xa1\xf9\xa8E,\xcbj\xb5\xda6m\xda\x8c\x1f?~\xe6\xcc\x99\xb5~\xf4&lt;D\xb0\xae\xd5u\x04\xc1#\xc1\x13\\\xe7\xf0\xc4qYY\xd9\xd8\xb1c\x97-[\xd6\xa2E\x8b\x8a\x8a\nh;j]ee\xe5\xb6m\xdb\xe6\xcf\x9f\x7f\xfa\xf4i|\xf4|m}g\x88\xa0k\xd4]\x04\xc1\xe3\xc0\x08\xa0\xce\xe1E\xad\xa4\xa4$\xb3\xd9\x9c\x92\x92\xa2\xd7\xeb\xa1kS\x17\xf0\xbe\xf2\x1f~\xf8a\xd1\xa2E\xf9\xf9\xf9\x08!\x92$ke*\x19"\xe8\x1au\x17A\xf08\x90\x00\xea\x16\x9e:8q\xe2\xc4\x88\x11#rrrT*\x15M\xd3\xf0L\xd7\x11\x86a\xfc\xfd\xfd\xbbu\xeb6`\xc0\x80\x0f&gt;\xf8\xa0V\xf6\x93@\x04]\xa9."\x08\x9e\x00\x12@\x1d\xc2\x87\x85!\x84\xc2\xc3\xc3\xa7O\x9f&gt;e\xca\x14\xe8&lt;\xd6)\x96e=&lt;&lt;.^\xbc\xd8\xad[\xb7\x8c\x8c\x8c\x90\x90\x10|L\x7f\x8d\xbf!D\xd0\xc5j=\x82\xe0\xc9\xe0\x93\xadC\xf8`\xc8o\xbf\xfd\xd6\xdb\xdb;99\xb9\xb8\xb8\x18\xda\x8e:E\x92dYYYtt\xf4\xf8\xf1\xe3\x93\x93\x93\t\xe2Y\xfb7\x10A\x17\xab\xf5\x08\x82\'\x83\xcf\xb7\xae\xe0\x95C\x93\xc9\xd4\xb4i\xd3\xbd{\xf7\xc6\xc4\xc4X,\x16\xe8\xcb\xb8\x06EQ\xa1\xa1\xa1\xbf\xff\xfe{\xbf~\xfdj&lt;\x8d\x00\x11\xe4Q\xadD\x10\xfc+H\x00u\xc5\xb9r\xa8P(~\xfd\xf5W\x98:p\x19\x86a|}}\xd7\xae]\xfb\xdf\xff\xfe7\'\'\x07\x1f1V\x83Y{\x88 _j+\x82\xe0_A\x02\xa8\x13,\xcb\x12\x04q\xfe\xfc\xf9N\x9d:\x9d9s\xc6\xdf\xdf\xdfn\xb7\xc3\x13\xec2,\xcb\xeat\xbaV\xadZM\x992e\xca\x94)5\xe8BB\x04\xf9\xf5\xec\x11\x04\xd5\x01\t\xa0N\xe0\xe7511\xb1~\xfd\xfa\xcb\x96-\x83\xce\xa3\x8b1\x0c\xa3\xd5j\xb7l\xd9\xf2\xee\xbb\xef^\xbe|\xb9\x06]H\x88 \xbf\x9e=\x82\xa0:`B\xb3\xf6\xe1\x95\xc3s\xe7\xce\x1d9rd\xd6\xacY\xe5\xe5\xe5\xd0yq1\x8a\xa2JKKG\x8c\x18\xa1\xd5j\x97/_\x8e/\xa4\xad\xfe?\x87\x08\xf2\xee\x19#\x08\xaa\tF\x00\xb5\x0fw\x1e\x87\x0e\x1d\x1a\x14\x14\x04\x9dG\xbe0\x0c\xa3\xd3\xe96o\xde\xfc\xde{\xef\xe5\xe7\xe7\xabT*t\xff\x08\xe2\xea\xfc[\x88 \xef\x9e%\x82\xa0\x9a`\x04P\xcb\xf0\xb6\xe5\xdb\xb7ogdd\xbc\xff\xfe\xfb\xd0y\xe4\x0bEQ&amp;\x93i\xc4\x88\x11\xfe\xfe\xfe;v\xec \x08\xa2\x9a]H\x88\xa0@\xd48\x82\xa0\xfa \x01\xd42\xbcx8\x7f\xfe\xfc\x1e=z\xb4h\xd1\xc2j\xb5B\x9f\x85/\xf8\xf2\x96)S\xa6,X\xb0\x00U\xbb\xf3\x08\x11\x14\x8e\x9aE\x10T\x1f$\x80\xda\x84;\x8fV\xabu\xdb\xb6m\x13\'N\xb4\xd9l\xb0m\x9cG2\x99\xccl6\'&amp;&amp;\xde\xbd{7++\xab:\xf3\xc8\x10AA\xa9A\x04\xc1S\x81\x87\xbb61\x0cC\x10\xc4\xaaU\xab4\x1aM\xb7n\xdd\xca\xcb\xcb\xa1\xf9\xe0\x97\xddn\x0f\x08\x08\x180`\xc0\x97_~\x89\x10\xfa\xd7\x15/\x88\xa0\xd0&lt;m\x04\xc1S\x81\x87\xbb6\xe1\xc6b\xdd\xbauIIIr\xb9\x1cz+\xbc#I\xb2\xb2\xb2\xf2\x95W^IKK+++\xa3(\xea\xc9-\x08DPh\x9e6\x82\xe0\xa9@\x02\xa85\xf8\xd8\xc8\xf3\xe7\xcf_\xbat\xe9\x85\x17^0\x9b\xcd\xb0x\xc8;\x92$\xcb\xcb\xcb\xdb\xb5k\xd7\xa8Q\xa35k\xd6 \x84\x9ep\xed8DP\x80\x9e*\x82\xe0iA\x02\xa85\xb8\xb7\xb8v\xed\xda\xd8\xd8\xd8\x86\r\x1b\xdal6X\xb3\x12\x08\x82 F\x8c\x18\xb1n\xdd:t\xbf\x8f\xffH\x10A\xc1\xaaf\x04\xc1\xd3\x82\x8f\xb2\xd6\xe0\x15\xaa\xbd{\xf7N\x9a4\t\x8e\x8c\x17\x0e\xdc\x85|\xf1\xc5\x17\xef\xde\xbd{\xe3\xc6\r\x92$\x1f7\x87\x00\x11\x14\xa6\xeaG\x10&lt;-H\x00\xb5\x03\xcf\x1e\x9c={\xf6\xce\x9d;\x1d;v\x84+\x03\x85\x83 \x08\x9b\xcd\xd6\xb0a\xc3z\xf5\xeam\xdd\xba\x15=f\x0e\x01"(X\xd5\x8c \xa8\x01x\xc4k\x07\x9e=\xd8\xbauk\x9b6m\xea\xd5\xab\x07\x07\x87\t\n\xc7q\x04A\x0c\x1c80%%\x05=f;9DP\xc8\xaa\x13AP\x03\x90\x00j\x07\xee-\x1e&lt;xp\xe8\xd0\xa1\xf0t\n\rEQV\xabu\xd0\xa0AW\xaf^5\x1a\x8d\x8f\xdcI\x02\x11\x14\xb2\xeaD\x10\xd4\x00$\x80Z\x80\xdf\x1e\xd2\xeb\xf5\x97/_NHHp\x9b\xd9\x03|!"\xc30\xf4\xff\xc50\x8c\xb8\xf6G\x12\x04a\xb5Z\xc3\xc3\xc3=&lt;&lt;\x8e\x1e=\x8a\xee\xf7\xf7\x9d \x82\x02\xf7\xaf\x11\x045\x03G\\\xd5\x02|x\xe4\xf1\xe3\xc7\x83\x82\x82"##KKK\xc5\xde|\xb0,\xcb\xb2\xac\\.W\xa9T\n\x85\x02\xff:x\x18\x8e\xff\xab\xddn\xb7Z\xad|\x17\xf3)0\x0c\xa3V\xab\xbbv\xedz\xe0\xc0\x81!C\x86&lt;\xd0\x7f\x84\x08\n\xdf\x93#\x08j\x06\x12@-\xc0\xcf\xe2\xa1C\x87bbbd2\x19^N\xe4\xbbP5\x84\xfb\x8c\x9e\x9e\x9e*\x95\xca`0dff\xe6\xe7\xe7_\xbf~\xddl6;\x1c\x0e\x85B\xa1\xd5j\x83\x83\x83\xc3\xc2\xc2\xc2\xc3\xc3E4U\x82\x8f\x12KHHX\xb2d\xc9\xc3\xf7\x8cC\x04\x85\xef\xc9\x11\x045\x03\t\xa0\x16\xe0}i\'N\x9cx\xe3\x8d7\x9c\x9d,1b\x18F.\x97k\xb5\xda\xac\xac\xacu\xeb\xd6\xed\xde\xbd;//\xef\x91_)\x93\xc9222Z\xb4hQYY)\x8a\xaa\x88O\xf8\x89\x8f\x8f\xbf}\xfbvQQQ\xbdz\xf5\xaaF\n"\xe8\xe2r\xd6\xc0\x93#\x08j\x06\x12\xc0\xb3\xc2\x9d\x11\x93\xc9t\xeb\xd6\xad\xd6\xad[WVV\x8a\xf4\xa1d\x18\xc6\xcb\xcb\xcbl6\x7f\xf2\xc9\'\xbf\xfd\xf6\x9b\xc5bA\x08\xa9T\xaa\x96-[6k\xd6\xcc\xdf\xdf_\xa1P\xd8l\xb6\xe2\xe2\xe2\xabW\xaf^\xbe|\xd9n\xb7\x8b\xa2\xe1\xc0\x08\x82\xb0\xdb\xed\xc1\xc1\xc1J\xa52\'\'\xa7o\xdf\xbex\xda\x07A\x04E\xe2\t\x11\x045\x06\t\xe0Y\xe1n\xc8\xf9\xf3\xe7\x15\nE\xf3\xe6\xcdEz~$M\xd3&gt;&gt;&gt;\x17.\\\x187n\\nn.B(::z\xe2\xc4\x89={\xf6l\xdc\xb8\xb1\x87\x87\x07I\x92\x04A\xe0\xe9\x05\xab\xd5z\xfd\xfau___q\xb5 \x0c\xc3xzz\xb6h\xd1"--\xado\xdf\xbe\xceId\x88 \xdfe\xaf\xae\xc7E\x10\xd4\x18$\x80g\x85\x9f\xc2\xbc\xbc\xbcf\xcd\x9ai\xb5Z\x83\xc1 \xba^\t\xc30\xde\xde\xde\x17.\\\x180`\xc0\x9d;w\xd4j\xf5\'\x9f|\x92\x9c\x9c\xac\xd1h***l6\x9b\xc9dBU\x96\x10)\x8aj\xd6\xac\x19M\xd3\xe2\xda\x89\x81#\x15\x1d\x1d\x9d\x9f\x9f\xff\xf0\xdfC\x04\x85\xefq\x11\x045\x06\t\xe0Y\xe1\x87\xf2\xcc\x993\xcd\x9b7\xc7=,\xbeK\xf4t8\x8eS(\x14\xa5\xa5\xa5\xa3G\x8f\xbes\xe7\x8eN\xa7[\xb3f\xcd\xc0\x81\x03\x8dFcqq1EQ\x04A&lt;\xdc \x8ae\xe2\xb8*\x1c\x9d\xa8\xa8\xa8\x83\x07\x0f\xa2*G\xca@\x04\xc5\xe2q\x11\x045\x06\x9f\xe0\xb3\xc2]\xaa\x0b\x17.\xb4i\xd3F\x8c\xabR,\xcbzyy\xcd\x9c9\xf3\xe2\xc5\x8bJ\xa5r\xc5\x8a\x15\x03\x07\x0e,,,\xe48N&amp;\x93=\xee\xd7\x11c\xdd#\x08\xa2\xb2\xb22""\xc2d2\x95\x96\x96:\xdbz\x88\xa0X&lt;.\x82\xa0\xc6\xc4\xf7\x10\x08\r\xde\x9df0\x18\x82\x82\x82D\xf782\x0c\xa3\xd1h\xfe\xfe\xfb\xef\xd5\xabW#\x84\xde{\xef\xbd\xc4\xc4\xc4\xc2\xc2B\x85B!\xbav\xf0_\x11\x04A\xd3\xb4\xbf\xbf\xbf\xddn\xb7X,\xce_\x10"(\x16\x8f\x8b \xa81H\x00\xcf\x04o 1\x1a\x8dF\xa31**\xcaj\xb5\x8a\xaecE\x10\xc4w\xdf}\xc7\xb2ldd\xe4\xbb\xef\xbek4\x1a\xe5r9\xdf\x85\xaa\x13\x04A8\x1c\x8e\xa0\xa0 \xadV\x9b\x93\x93\x83\x10bY\x16"("\x8f\x8c \xdf\x85\x127\x91=\xeb\xc2d\xb7\xdb9\x8eS\xa9T\xe2z\x1c\xf1\xd4\xc1\xe9\xd3\xa7\xf1\x8c\xea\xd4\xa9S\xb5Z\xad{\x1f\x83\x8cgE\x14\nEEEE\xd5\xbf\x87\x08\x8a\xc5\xe3"\x08j\x06\x12\xc03\xc1\xedEVV\x96V\xabm\xd4\xa8\x91\xc3\xe1\x10Q\xddcYV\xa5Rm\xdb\xb6\xcdn\xb77h\xd0`\xe8\xd0\xa1\xf8\xca=\xbe\xcbU\x87\xf0\xce\xf1\xa8\xa8\xa8\xe3\xc7\x8f\xa3\xfb/\xcd"\x88\xa0x&lt;\x1cA\xbeK$n\x90\x00j\x01M\xd3$I\x8a\xee\x84B\x99Lf6\x9b\xf7\xef\xdfO\x10D\x9f&gt;}\x1a4h \x91;\xb0d2\x19M\xd3U\xff\x06"(.\x0fG\x10\xd4\x0c$\x80Z\x80OX\x14W\xdb\x81;\x8f\x97.]\xca\xcb\xcb\xe38\xaeg\xcf\x9e\x0fl\x80q\x1e$\x89O\x8e\x14\xd7\xdc\xc8\x93\xe1x=\xfc7\x10A\xb1x8\x82\xa0f \x01&lt;\x13\xdcd\x1c?~&lt;&lt;&lt;\\\\\xfdG\x8e\xe3\xf0+\xf5\x95\x95\x95j\xb5\xbam\xdb\xb6\xf8\rX\x8e\xe3\xf0\xfbAr\xb9\xdc\xd3\xd3\xd3\xc7\xc7G\xab\xd5z{{\xabT*\x84\x90\xe8^\x1dz\x00\xde8\x18\x17\x17\x97\x95\x95\x85\xee\x1f\x01\x84 \x82\xe2\xf1p\x04\xf9.\x91\xb8\xc1\x8b`\xb5\xc0n\xb7\xebt:q\xedJ\xc6\xbd\xc5\xb3g\xcf"\x84\x9a4i\xd2\xa8Q#\xbb\xdd\xce0\x8cR\xa9\xd4\xe9t\x95\x95\x95w\xef\xde\xbd{\xf7\xae\xd9l\xc6=\xcdz\xf5\xea5l\xd8\xd0\xdf\xdf\xbf\xb2\xb2\xd2b\xb1\xe0s\x05\xf8\xfe%j\xc8\xd7\xd7\xf7\x81;\x05!\x82\xe2\xf2p\x04A\xcd@\x02\xa8\x05x{2\xdf\xa5x:\x04A0\x0cs\xe9\xd2%\x84P\xd3\xa6M\xbd\xbd\xbdM&amp;\x93\x9f\x9f_aa\xe1\xca\x95+\xb7m\xdb\x96\x99\x99YZZ\xea\xfcz\x95J\x15\x16\x16\xd6\xbbw\xef\x97^z)::\xba\xb4\xb4T\x8c\xefLa\x0f\xef\x93\x81\x08\x8a\x8b{\xeftr%H\x00\xb5Ct\x8f#&gt;\\\xf7\xce\x9d;\x08\xa1\xe0\xe0`\x92$}||\xd6\xacY\xf3\xf9\xe7\x9f_\xbbv\r!\x84OF\xd3h4\x1c\xc7\x19\x8d\xc6[\xb7n\x9d9s\xe6\xcc\x993\xbf\xfc\xf2\xcb\xd4\xa9S?\xfe\xf8c|\xb1\x94\xe8~q\xf4\x98`\x89\xee\x17\x81\x08\x82g\x07\t@\x8a8\x8e\xa3(\xaa\xbc\xbc\xdc`0 \x84\x02\x02\x02d2\xd9\xfb\xef\xbf\xbfp\xe1B\x84\xd0\xf0\xe1\xc3G\x8f\x1e\x1d\x1d\x1d\xed\xe7\xe7\xa7P(8\x8e\xc3\xf3\t\xa9\xa9\xa9\xcb\x97/?{\xf6\xec\xd7_\x7f}\xfe\xfc\xf95k\xd6\xe0eF\xa8\x8d\xae\x07\x11\x04\xb5\x02\x96P$\x8a$\xc9\xca\xcaJ\xb3\xd9\x8c\x10j\xd1\xa2\xc5\x0f?\xfc\xb0p\xe1\xc2\xc8\xc8\xc8={\xf6l\xda\xb4i\xd4\xa8Q\xc1\xc1\xc1r\xb9\x1c\xbf+\xabV\xab\xc3\xc3\xc3\xa7M\x9b\x96\x9a\x9a:i\xd2$\x84\xd0\xf6\xed\xdb\xdf}\xf7]oooQ\xaf(\x8a\x1aD\x10&lt;;H\x00\xb5@\\\x8b\x87\x18I\x92\x15\x15\x15\xf8V\xd8\xd4\xd4\xd4\xe9\xd3\xa7w\xee\xdc\xf9\xe0\xc1\x83\xbd{\xf7.))1\x1a\x8d6\x9b\xcd\xd940\x0cc\xb5Z\xf5z=A\x10\xcb\x97/\x1f3f\x0cBh\xf9\xf2\xe5{\xf6\xec\xf1\xf1\xf1\x11\xddr\xdc\xc3s\xdf\x10A&gt;\x7f\x93\xa7\'\xde\xd5\x0b\xa1\x81\x04P\x0b\x1c\x0e\x87\xb8N_\xc1\xf5\xc7n\xb7\xe3\xc5\xb4\x95+W\x06\x07\x07o\xd8\xb0\xc1\xc7\xc7\xc7`0\xc8d2|\x86p\xd5\xe3\xd2H\x92\x94\xcb\xe5\x0e\x87\xa3\xac\xacl\xde\xbcyAAA\x04A,Z\xb4Ht\xed&amp;BH\xa1P&lt;\xb0\xe4\x0b\x11\x14\x97\x87#\x08j\x06\x12@-\x08\x0c\x0c\xbc~\xfd\xba\xe8\xe6R\xf1\xe4\x00\xfe\xf3W_}\xd5\xb0a\xc3\xb2\xb2\xb2\'\xb7\x83\x14EY\xad\xd6\xc6\x8d\x1b\xbf\xf4\xd2K\x1c\xc7\x1d;v,//\xcf\xc3\xc3CD\xd3\x08\x04A\\\xbe|\xd9\xc7\xc7\x07U9H\x00"(\xf6\x08\x82\x9a\x81\x04\xf0Lp{\xd1\xae]\xbb\xdb\xb7o\x8bnC\x05EQ2\x99\x8c\xe3\xb8\xf0\xf0\xf0A\x83\x06\x99L\xa6\xea\xf4\x82)\x8a\xb2\xdb\xed}\xfb\xf6%\x08\xa2\xa2\xa2"##C\xa5R\x89\xa5\x1e\xe2r\xe6\xe7\xe7\xb7i\xd3\x06U\x99I\x80\x08\x8a7\x82|\x97H\xdc \x01\xd4\x82\xca\xcaJ\x85B!\xa2C\xb8\xf0\t\xf8j\xb5Z\xa1P \x84\xe2\xe2\xe2\xbc\xbd\xbd\xab9\x11L\x10\x84\xcdfk\xd1\xa2\x85\x9f\x9f\x1fB(??\xdf\xf9&gt;\xadX\xa8\xd5j\x9b\xcdV\xf5o \x82b\x8f \xa8\x19H\x00\xcf\x04w\x18\xfd\xfc\xfc\xf0\r\x15"z1\x1d\x9f$\xac\xd1h\x10Bj\xb5\xfa\xa9z\xbe\xf8\x06Z___\x84\x90^\xaf\x17\xd1\xcc\t^\xec5\x1a\x8d\x81\x81\x81\xce\xbfA\x10A1G\x10&lt;\x0b\xd1&lt;\xee\xc2\x84\xabMTT\x94\xc9d*,,\x94\xcb\xe5\xa2\xe8I\xe1\x17_5\x1aM\xbdz\xf5\x10BF\xa3\xf1i\xa7\x80)\x8a\xc2}O\x9b\xcd&amp;\x8a_\x19\xc3\xcdG~~~LL\x0c\xfe\xbf\x10A\xb1G\x90\xef\x12\x89\x1b$\x80g\x85o\xa8P\xab\xd5&amp;\x93ID\xa7\x89\xb1,\xeb\xe9\xe9\x19\x1a\x1a\x8a\x10\xbau\xeb\xd6\xd3^\x11\xce0\x8c\xc3\xe1@\x08)\x95J\x11UB\x92$-\x16\x0b\xbeF\x11\xddo&gt; \x82b\x8f \xa81H\x00\xcf\x04\xf7G\xf0i\x8b\xf9\xf9\xf9\xe2ZL#\x08"..\x0e!t\xe9\xd2\xa5{\xf7\xee\xe1WF\xab\xf3o\xf1\x0et\x93\xc9\x84\x10\xf2\xf3\xf3\x13\xcb\x0c2n\xe8\x8b\x8a\x8aL&amp;S\xabV\xad\xd0\xfd\x11\x00DP\xd4\x11\xe4\xbbP\xe2\x06\t\xe0Y\xe1\x9a\x13\x1c\x1c\x8c\x0f`\x11EEB\x08\x91$i\xb3\xd9:w\xee,\x97\xcbKJJ\xf0V\x90\xeaL#p\x1c\xa7P(\xee\xdc\xb9\x83\x0f!h\xde\xbc\xb9X~e\\\xf2[\xb7ny{{\xab\xd5jg\xb1!\x82b\xf9\x95\x1f\x17APc\x90\x00\x9e\x15~\n\xc3\xc2\xc2\xf2\xf2\xf2\xf8.\xcbS\xc0}\xc06m\xda\xc4\xc4\xc4\x10\x04\xb1i\xd3\xa6jv\xa6X\x96U*\x95\xe9\xe9\xe94M\xcb\xe5r\xe71\xf4u]\xe0g\x87\x0f\xd0\xcf\xcf\xcf\xf7\xf5\xf5\xf5\xf4\xf4t\xee\x01\x85\x08\x8a=\x82\xa0\xc6D\x10u\x81\xc3\x8f`LLL~~&gt;\xcb\xb2\xa2\xa8H\x18\xc30\x1e\x1e\x1e\xe3\xc6\x8d\xe38n\xd7\xae]\xe9\xe9\xe9^^^\xff\xba\x95\x10\xbf\x80\xbay\xf3f\x82 \xa2\xa2\xa2\xa2\xa2\xa2\xacV\xab(~k\x8e\xe38\x8e\xcb\xc9\xc9\x89\x8c\x8cD\xf7\xefsF\x10A\xf1G\x10\xd4\x98\x08\xa2.p\xb8\xf9\x88\x88\x88\xb8{\xf7\xae^\xaf\xc7/\xe6\xf0]\xa8j\xa1(\xaa\xb4\xb4t\xec\xd8\xb1!!!V\xab\xf5\xd3O?\x95\xc9dO&gt;\x15\xc7n\xb7\xfb\xfb\xfbo\xdf\xbe\xfd\xd8\xb1c\x1c\xc7\xbd\xf4\xd2K\xde\xde\xdeby)\x1fG*77\x177\x1f\x0f\xfc=DP\xf8\x1e\x17APc\x90\x00\x9e\x15~(\xf1f\x8c\x82\x82\x02\x11\xad"\xe2\xad\x84\xbe\xbe\xbes\xe6\xccA\x08\xed\xdf\xbf\xff\xc3\x0f?\xc4K\x82\xf8\x82\\\xfc\x8b\xe0?\xe0M#\xfe\xfe\xfe\xf9\xf9\xf9\xef\xbd\xf7\x1e\xcb\xb2\xa1\xa1\xa1\x13&amp;L(--\x15\xcb\xfbS2\x99\xccd2]\xbf~\xbd}\xfb\xf6\xa8\xcam\x82\x10A\xb1G\x10\xd4\x18|\x82\xcf\n_\xcc\xe4\xe1\xe1\x11\x1a\x1a\x9a\x9d\x9d\xadT*\xc5\xd2| \x84(\x8a2\x1a\x8d\xa3G\x8f~\xe3\x8d7\x10B\xdf~\xfb\xed\xb4i\xd3H\x92\xf4\xf7\xf7W*\x95\xb8\x82\xe1C\xc44\x1aM``\xe0\xc9\x93\'\x87\x0c\x19r\xe3\xc6\r\x99L\xf6\xd3O?i4\x1a\xb1\xdc\xcd\x84\'\xbe\xaf\\\xb9BQ\xd4\x03\x1bH \x82b\x8f \xa81H\x00\xb5\x00\xb7\x17\t\t\tG\x8f\x1eE\xe2\xd9F\x82\x91$i6\x9b\x17,X\x90\x94\x94\x84\x10\xfa\xf1\xc7\x1f{\xf4\xe8\xb1|\xf9\xf2\xeb\xd7\xaf;\x1c\x0e|\xe4\x80\xc1`\xf8\xe7\x9f\x7f^\x7f\xfd\xf5&gt;}\xfa\xe4\xe7\xe7+\x14\x8a_\x7f\xfd\xb5W\xaf^"\xea&lt;r\x1c\xa7R\xa9N\x9c8\x81/\xc9z\xe0\xd8\x1f\x88\xa0\xf0=9\x82\xa0f\xe0F\xb0Z\x80\xfbY={\xf6\xfc\xf3\xcf?+**\xc4R\xa30&lt;el\xb3\xd9\x96/_\x1e\x11\x11\xf1\xcd7\xdfdff\xbe\xfe\xfa\xeb*\x95\xaaQ\xa3F^^^v\xbb\xbd\xa8\xa8\xa8\xb8\xb8\x18\x7f}\x9b6m\xe6\xcf\x9f\xdf\xabW/|\xec0\xbf\x85\xaf&gt;\xbcc\xe4\xe8\xd1\xa3]\xbatA\x0f5\xf1\x10A\xe1{r\x04A\xcd\x88\xef\x1e\x0c\x01\xc2\x8ffyyydd\xe4\xfa\xf5\xeb\xe3\xe3\xe3\xcb\xcb\xcb\xc55A\x89\x1f\x03\x9dN\x97\x93\x93\xb3b\xc5\x8a\xbd{\xf7\xe6\xe7\xe7W}6\xb4Zm\\\\\xdc\x88\x11#F\x8f\x1e\xad\xd1h\xccf\xb3\xe8ZI\x84PLL\xcc\xea\xd5\xab\xbbv\xed\xfa\xc0n\x1f\x88\xa0\xf0=9\x82\xa0fD\x93\xff\x85\x0cO"{yy\xc5\xc6\xc6\x1e:t\xa8K\x97.f\xb3Y\\O\'\xae]\xc5\xc5\xc5aaa\xdf\x7f\xff}qq\xf1\xd5\xabW\xef\xde\xbdk\xb1X\x14\n\x85N\xa7\x0b\x0e\x0e\x0e\x0e\x0eV*\x95f\xb3Ytm\x07\xcb\xb2\xde\xde\xde\'N\x9cP(\x14\xf1\xf1\xf1\x1c\xc7=\x10\x1d\x88\xa0\xc0\xfdk\x04A\xcd\xc0\x08\xa0v\xd04-\x93\xc9~\xfc\xf1\xc7\xdf\x7f\xff\xfd\xf8\xf1\xe3\xa5\xa5\xa5"}@\xf1\x1d#2\x99L\xa9T\xca\xe5r\xdc\xac0\x0cc\xb7\xdb\xf1\xa9a$I\x8an\xee\x95\xa6\xe9\x80\x80\x80\xb7\xdez\xeb\xc6\x8d\x1b[\xb7ne\x18\xe6\xe1\xe6\x0f"(d\xd5\x89 \xa8\x01Q&gt;\xe2\x02\x84\x1f\xc7\xc4\xc4\xc4\xdb\xb7o_\xbf~]\\;I\xaa"I\x92\xa2(\x96e\xf1Y1F\xa3\xd1h4\x96\x95\x95\xd9\xedv\xfc\x9fD\xd7v \x84\xf0\xb6\xc8#G\x8e\xe0\xbbp\x1f\t"(d\xd5\x89 \xa8\x01H\x00\xb5\x03\xef\xb5\x08\x0e\x0e\x0e\x0f\x0f\xff\xfb\xef\xbf===E\xfd\x9a"\xbeB\x96\xbaO\x8c}F\'\x8e\xe3\xd4ju^^^yyy\xbf~\xfd\xd0c\xf6\x8fC\x04\x05\xab\x9a\x11\x045\x00\x9fc\xad\xc1\xed\xc5\xb0a\xc3\xfe\xf7\xbf\xff\x89\xb4\xf3\xe8\x96\xf0\x1e\xff\xdf~\xfb-""B\xa7\xd3=a\xfb DP\x98\xaa\x1fA\xf0\xb4 \x01\xd4\x1a&lt;\x870z\xf4\xe8{\xf7\xee\x9d?\x7f\xde\xc3\xc3\x03\x1a\x11!\xc0\xd7\xa0\xef\xdf\xbf\xff\xb5\xd7^\xfb\xd7\xafD\x10A\xe1\xa9~\x04\xc1\xd3\x82\x04Pk\xf0N\x92\xfa\xf5\xebGGG\xff\xfa\xeb\xaf\x1e\x1e\x1e\xd5\xbc\xa3\x15\xd4\x1d|\xf7\xe1\x81\x03\x07\xca\xca\xca\x06\x0c\x18\xc0q\xdc\x13\x16\x0f!\x82\x02\xf4T\x11\x04O\x0b\x12@-\xe38n\xf2\xe4\xc9)))eee"z\xcb\xc6]q\x1c\'\x97\xcb\xff\xf7\xbf\xff\x8d\x181B&amp;\x93U\xf3\xb8|\x88\xa0p\xd4 \x82\xa0\xfa \x01\xd4&amp;|\xa1\xe0\xc0\x81\x03=&lt;&lt;\xb6o\xdf\x8e_X\xe7\xbbP\xd2\x85\x17\x0f/]\xbat\xea\xd4\xa9\xf7\xde{\x0fUc\xf1\x10"((5\x88 x*\xf0i\xd62&lt;k&lt;i\xd2\xa4\xdf\x7f\xff]D\x17\xcc\xba%\xfcn\xd7\xbau\xeb:v\xec\xd8\xb0a\xc3j.\x1eB\x04\x85\xa3f\x11\x04\xd5\x07/\x82\xd52\xfcyZ,\x96\xd0\xd0\xd0\xcd\x9b7\xc7\xc5\xc5Y,\x16\xe8\xb6\xf0\x027\x16\xad[\xb7\xfe\xe3\x8f?\xbav\xedZ\xcd\xb7\x87 \x82\xc2Q\xb3\x08\x82\xea\x83\xc7\xba\x96\xe1\xed\xe4^^^c\xc6\x8c\x993gN5\xafi\x05\xb5\x8e\xa6i\xadV\xbbt\xe9\xd2\x80\x80\x80.]\xba\xb0,[\xcd\xb6\x03"(\x105\x8e \xa8&gt;\x18\x01\xd4&gt;\xfc\x91\x1a\x0c\x86\xb0\xb0\xb0\xbf\xfe\xfa+&amp;&amp;\x06\xba\x90\xaeG\x10\x04A\x10\x91\x91\x91\xbf\xfd\xf6[\xff\xfe\xfd\x9f\xaa\xf3\x08\x11\x14\x82g\x89 \xa8&amp;x\xa6k\x1f\xeeB\xfa\xfb\xfb\xbf\xfc\xf2\xcb\xb3g\xcf\x86.\xa4\xeb9;\x8f\xf5\xeb\xd7\xef\xdf\xbf\xff\xd3v\x1e!\x82\xbc{\xc6\x08\x82j\x82\x11@\x9d\xc0\x9fjqqqHH\xc8\xde\xbd{cbbDw\xbc\xb0\xd8\xc9d\xb2\x90\x90\x90U\xabV\xd5\xac\xf3\x08\x11\xe4\xdd3F\x10T\x07&lt;\xd0u\x02w!\x03\x02\x02f\xcd\x9a\xf5\xc1\x07\x1f\xc8\xe5rH\xb4.C\xd3\xb4N\xa7\xfb\xfa\xeb\xafcbbj\xdcv@\x04yT+\x11\x04\xd5\x01#\x80\xba\xc2\xdd\xd7\xb8q\xe3o\xbe\xf9\xe6\xc5\x17_,))\x81\xe7\xb8\xaeq\x1c\xa7P(\xee\xde\xbd\x1b\x13\x13\x93\x9e\x9e\x1e\x11\x11Q\xe3\xb3\xe3!\x82\xbc\xa8\xc5\x08\x82\x7f\x05\t\xa0\x0e\xe1\x9e\xcb\xf6\xed\xdb_}\xf5\xd5\x82\x82\x02x\xa5\xc8\x05\xf0\xc1\xf1}\xfb\xf6\r\x0b\x0b\xfb\xf1\xc7\x1f\x9f\xb1\xf3\x08\x11t\xbd\xda\x8d x2H\x00u\x0b?\xbe\xfd\xfa\xf5\x0b\x0b\x0b[\xbcxqQQ\x91\\.\xe7\xbbPn\x8b\xa6i__\xdf\xed\xdb\xb7\'\'\'_\xbcx\xd1\xcb\xcb\x0b\xef$y\x96\xef\t\x11t\xa5\xba\x88 x\x02H\x00u\x8beY\x82 \xee\xdd\xbb\xd7\xbau\xeb\xbd{\xf7FEE\x95\x97\x97C\x8f\xa6.\xe0{}\xe5ry\xeb\xd6\xad\xbf\xff\xfe\xfb\xc4\xc4\xc4Z\xe9&lt;B\x04]\xa6\x8e"\x08\x9e\x00f\xd6\xea\x16I\x92,\xcb\x06\x05\x05\xbd\xf7\xde{III\n\x85\x02\xba3u\x04\xaf\x1c\xbe\xf3\xce;!!!\x89\x89\x894M\xd7J\xdb\x01\x11t\x99:\x8a x\x02\x18\x01\xb8\x02\xbeo\xb6O\x9f&gt;111\xf3\xe6\xcd\x83i\x84ZG\xd3\xb4\x9f\x9f\xdf\xae]\xbb\xdex\xe3\x8d\xec\xecl\x9dNW\xbbS\x07\x10\xc1\xbaV\xd7\x11\x04\x8f\x04\t\xc0\x15\xf04\x82^\xaf\x0f\r\r]\xbf~}\xdf\xbe}KJJ\xe0\xa8\xe1\xda\xc2\xb2\xacB\xa1(//\x8f\x8a\x8aZ\xbdz\xf5\xa0A\x83j}\xea\x00"X\xa7\\\x10A\xf0H\x90\x00\\\x04?\xd0;w\xee\x1c?~\xfc\xb9s\xe7\xbc\xbc\xbc\xf0%\xdd|\x97\xcb\x1d\xb0,\xeb\xeb\xeb\xdb\xa5K\x97\x0e\x1d:,\\\xb8\x10\xf7\xd6k\xfd\xa7@\x04\xeb\x8ek"\x08\x1e\x06\t\xc0u\xf0c=}\xfa\xf4\xb4\xb4\xb4\xe3\xc7\x8f\x1b\x0c\x06h&gt;\x9e\x9d\xc3\xe1\x08\x0c\x0c\x9c5k\xd6\xfe\xfd\xfb322\xea\xb4\xed\x80\x08\xd6\x05WF\x10&lt;\x00\x12\x80K\xe1\x87;..\xaeG\x8f\x1e\xf3\xe7\xcf\x87\xa9\xe4g\xe4p8\xfc\xfd\xfdw\xed\xda\xf5\xe2\x8b/\xe6\xe7\xe7\xd7\xabW\xaf\xae_\x1a\x82\x08\xd6.\xd7G\x10T\x05\x99\xd6\xa5(\x8abYv\xdf\xbe}\xd1\xd1\xd1\xcd\x9b7ONN\x86\x16\xa4\xc6\xf0\x9e\xf1\xdc\xdc\xdc\x17^xa\xef\xde\xbd\xf5\xeb\xd7gY\xb6\xae\xdb\x0e\x88`-\xe2%\x82\xa0*H\x00.\x85O\x98\xf1\xf3\xf3\xdb\xbe}{\xaf^\xbd"""\xbau\xebf4\x1aa\xcc\xfb\xb4X\x96U\xa9T\xc5\xc5\xc5\x89\x89\x89\xdf|\xf3M\xe7\xce\x9d]3u\x00\x11\xac-|E\x10T\x05S@&lt;\xc0\xcb\x89G\x8e\x1cy\xee\xb9\xe7\xce\x9c9\x13\x1e\x1en2\x99\xe0\xd1\xaf&gt;|8\xb0\x87\x87G\xf3\xe6\xcd\'M\x9a\xf4\xf9\xe7\x9f;\x1c\x0eWv\xc3!\x82\xcf\x88\xf7\x08\x02\x0c\x12\x00?pgg\xd1\xa2E\x0b\x16,HKK\xd3j\xb5\xe5\xe5\xe5\xd0\x82T\x07\x9e%\xd0\xe9t\xfd\xfb\xf7\xd7h4\x1b7n\xe4\xa5\xe7\x08\x11\xac1\x81D\x10 \x98\x02\xe2\x8bL&amp;\xa3i\xfa\xad\xb7\xder8\x1c\x1d;v&lt;y\xf2$\xb4 \xd5\xe1l;\x06\x0c\x18\xe0\xe1\xe1\xb1q\xe3F\xbe6\x8cC\x04kF8\x11\x04\x08\x12\x00\x8fd2\x99\xc3\xe1x\xef\xbd\xf7\x10B\xb8\x05\xd1\xe9teee\xd0\x82&lt;N\xd5\xb6C\xadVo\xd9\xb2\x85a\x18\x92$\xf9z_\x14"\xf8\xb4\x84\x16A\x00O*\x9f\xe4ry\xd5\x16\xe4\xc4\x89\x13\x81\x81\x81%%%0\x19\xfa0\x86a\x94J\xa5\xb7\xb7\xb7\xa0\xda\x0e\x88`\xf5\t3\x82\x12\x07;\xaex\xe6lA\xa6O\x9f\xde\xaaU\xab\xd4\xd4\xd4\xc0\xc0@\x87\xc3\xc1w\xb9\x84\x85\xa6i\x8dFc\xb1X\xa2\xa2\xa24\x1a\x8d\xa0\xda\x0e\x88`u\x089\x82R\x06\t\x80\x7fr\xb9\x9c\xa6\xe9\xb7\xdf~\xfb\xbb\xef\xbe\x1b5j\xd4\xce\x9d;\x03\x03\x03i\x9a\x86\xf5y\xcc\xe1p\xe8t\xba\x9b7ov\xed\xda\xb5w\xef\xde\x1b6l\xc03\t\xc2i; \x82O&amp;\xfc\x08J\x16$\x00A\xc0\xb3\xc9\x13&amp;L\xc0G\xcd\xcc\x9d;7  \x80 \x08\x89_A\xc5q\x1cM\xd3\x81\x81\x81\x87\x0f\x1f\x8e\x8b\x8b\x9b:u\xea\xa2E\x8b\x18\x86\x11\xe09\x91\x10\xc1G\x12Q\x04\xa5\t\xb6\x81\n\x08\xde\x0cw\xfb\xf6\xed^\xbdzEGG\xff\xf6\xdbo\x14E\x95\x96\x96JsB\x99\xa6i\xa5R\xa9\xd1h\xe6\xcd\x9b\xf7\xed\xb7\xdfn\xdc\xb8\xb1G\x8f\x1e\x02\xdf-\x0e\x11\xacJ\x8c\x11\x94\x1a\x18\x01\x08\x88L&amp;c\x18\xa6a\xc3\x86\xa7O\x9f\xa6i:...//\x0fO(K-O\xe3I\x03\x9a\xa6\x87\x0e\x1d\xbaz\xf5\xea\xa3G\x8f\xf6\xe8\xd1\x83\xa6i\x81\xb7\x1d\x10A\'\x91FPj \x01\x08\x0b&gt;j\xc6\xcb\xcbk\xf3\xe6\xcd\x93\'O\xee\xdb\xb7\xef\xcf?\xff\x1c\x18\x18\x88w\x9d\xf3]:W`\x18\x86e\xd9\xc0\xc0\xc0\x13\'N\xc4\xc7\xc7\xfb\xf9\xf9\xe1Wm\x19\x86\x11\xc5\xf6J\x88\xa0\xd8#()0\x05$D\x1c\xc7\xe1w\xe5\xd3\xd3\xd3\'N\x9c\xd8\xbau\xebE\x8b\x16\x05\x06\x06\x16\x17\x17\x13\x04\xe1\xae\xa7eq\x1c\xc70\x8c\x8f\x8f\x0fI\x92_|\xf1\xc5\x8a\x15+\xe6\xcc\x993a\xc2\x04t\x7f\xff8\xdf\x05|\n\x10A\xb1GP" $BD\x10\x04EQ4M\xb7k\xd7.77W\xa9T\xc6\xc6\xc6\xfe\xf1\xc7\x1f\xfe\xfe\xfe\x9e\x9e\x9en\xb9\xc5\x10\xcf\x9e\x07\x04\x04dffv\xe8\xd0a\xcf\x9e=\'N\x9c\x980a\x02\xdeK#\xba\xb6\x03"(\xf6\x08J\x04DE\xb8d2\x19\xbe\x89p\xe5\xca\x95\xbf\xfc\xf2\xcb\xbcy\xf3z\xf5\xeau\xe1\xc2\x85\xc0\xc0@\x82 \xdcf&gt;\x81a\x18\x86a\x02\x02\x02\xacV\xeb\xe4\xc9\x93\x9f\x7f\xfe\xf9\x89\x13\'\xa6\xa5\xa55l\xd8\x10\xb7)\xe2\xdd.\x02\x11\x14{\x04\xdd\x1e$\x00A#I\x12\x0f\xab\x07\x0e\x1c\x98\x91\x91\x11\x1b\x1b;x\xf0\xe07\xdf|\x93 \x08\xbc\xcbP\xd4\x8d\x08\x9e,\xd6\xe9t\xbe\xbe\xbeK\x96,i\xdf\xbe}qq\xf1\xa9S\xa7\xa6N\x9d\xca\xb2,\xc7qn0e\x0c\x11\xe4\xbb\x8c\xe0I`\r@\x1c\x9c\x07f]\xb8p\xe1\xa3\x8f&gt;\xca\xcd\xcd}\xf5\xd5W_}\xf5U\xadVk2\x99\x1c\x0e\x07EQ"\xeag\xe1\x9d\xe0Z\xad\x96\xe3\xb8m\xdb\xb6}\xfb\xed\xb7\n\x85b\xd6\xacY\x83\x06\rB\xf7\'\x13\xf8.c-\x83\x08\x02\x01\x82\x04 &amp;\xcez\xf5\xd7_\x7f}\xf5\xd5Wz\xbd\xfe\xf5\xd7_\x9f4i\x92V\xab5\x9b\xcd6\x9b\x8d$I!O\xb6\xe2\xbe\xb0L&amp;\xf3\xf1\xf1aY\x167\x1c&amp;\x93i\xea\xd4\xa9\xd3\xa6MC\x08\xd14-\xaev\xf0iA\x04\x81\xa0@\x02\x10\x19&lt;\xb2\xc6}\xc9\x1d;v\xcc\x9d;W\xaf\xd7O\x9a4)))\xa9A\x83\x066\x9b\xad\xbc\xbc\x1c\xef?\x11N%\xc4[b\x10Bj\xb5\xda\xd3\xd3\xd3l6\xef\xda\xb5k\xe1\xc2\x85\xb8\xe1x\xe3\x8d7d2\x99s\xdb\x0c\xdf\x85\xads\x10A \x1c\x90\x00D\t\x0f\xc0qWq\xc7\x8e\x1d+V\xac\xc8\xce\xce\xee\xde\xbd\xfb\xc4\x89\x13;u\xea$\x97\xcb\xcb\xcb\xcb\xadV+\xfe\x1a\xbe\xda\x11\xdc"p\x1c\xa7P(|||\x10B\xe7\xce\x9d[\xbdzuJJJ\xfd\xfa\xf5G\x8f\x1e=i\xd2$\xfcZ\x90\x04O\x84\x87\x08\x02!\x80\x04 bU\xcfS\xcc\xcd\xcd\xfd\xed\xb7\xdf\xfe\xfc\xf3\xcf\x86\r\x1b\x8e\x181b\xd8\xb0a\xa1\xa1\xa1\x08\xa1\x8a\x8a\n\xab\xd5\xea&lt;{\xcb\x05M\tn2\x10B\n\x85\xc2\xdb\xdb\x9b \x08\xbd^\xbfs\xe7\xce\xcd\x9b7geeu\xea\xd4)99\xb9W\xaf^\x0f\xff\n\x12\x04\x11\x04\xfc\x82\x04 z\xf8\xb81\xdc\xff2\x9b\xcd;w\xee\xfc\xe5\x97_n\xde\xbc\xd9\xaaU\xab.]\xba\x0c\x1c80""\x02\xbf\x86ZQQ\xe1p8\xf0\xc6D\xa7g\xfc\xe9\xf8\xf9\xc1M\x06A\x102\x99L\xadV+\x95J\x84\xd0\xcd\x9b7\xf7\xed\xdbw\xe8\xd0\xa1\x8c\x8c\x0c\x85B\x91\x94\x944j\xd4\xa8&amp;M\x9a\xa0\xfb]Kh80\x88 \xe0\x0b$\x007Quf\x19!t\xf5\xea\xd5m\xdb\xb6\xa5\xa4\xa4\\\xbdz5000!!\xa1w\xef\xdem\xdb\xb6\r\n\n\xc2\xd3\x0e6\x9b\xcdn\xb7\xe3\xd6\x04?\x03\xce\x9a\xfc\xb8EH\x8e\xe3\x9cO\x0bn,\x08\x82\x90\xcb\xe5r\xb9\\\xa5R\xe1\x7f^RRr\xfe\xfc\xf9\xd4\xd4\xd4}\xfb\xf6\xdd\xbcy\xd3\xd3\xd3s\xf0\xe0\xc1#G\x8e\x8c\x8d\x8d\xc5\xff\xb0jc\x07\xaa\x82\x08\x02\xd7\x83\x04\xe0Vp\xbf\xac\xeaa\x03EEE\xfb\xf7\xef?p\xe0\xc0\x993g\xca\xcb\xcb\xb5ZmTTT|||\xeb\xd6\xad\x83\x83\x83\x83\x82\x82\x14\n\x05\xae\xf9\xf8I\xe08\xcej\xb5&gt;\xf2\xa9P\xa9T\x14EU}\xab\x93a\x98\xc2\xc2\xc2{\xf7\xee\xe5\xe6\xe6\x9e&gt;}\xfa\xec\xd9\xb3\xc5\xc5\xc5$I\x86\x86\x86&amp;$$\x0c\x1a4($$\xa4j\xc1\xa0\xc3\xf8\xaf \x82\xc0\x95 \x01\xb8\'\x96equ\xad\xda\x19\xbct\xe9\xd2\xf1\xe3\xc7\xd3\xd2\xd2\xb2\xb2\xb2\xca\xca\xca*++\xbd\xbd\xbd}||\xc2\xc2\xc24\x1aMll,\xc30\n\x85\xa2M\x9b6xSG\xd5oH\x92\xe4\x85\x0b\x17JJJ\x14\nEAA\xc1\xed\xdb\xb7o\xdd\xbau\xef\xde\xbd\xb2\xb22\x8e\xe3t:]DDDLLLBBB\xeb\xd6\xad\x9d\'&gt;\xe2]\x83\x02\xdf\xda(L\x10A\xe0\x02\x90\x00\xdc\x9cs#\xc7\x03/\xe6\xe0\xae_vvvQQQVV\x96\xd9l\xce\xcb\xcbC\x08Y,\x16\xb3\xd9\x8c\xfb\x89U\xbf\x1e\xcf\x0e\xfb\xf9\xf9q\x1c\xd7\xa8Q\xa3\x06\r\x1a4o\xde\xbcy\xf3\xe6\x91\x91\x91AAA^^^\x0f|s\xdc\xcd\x84V\xe3\xd9A\x04A\xdd\x81\x04 !\xb8\x1d\xf9\xd7\x8a]\\\\\x8c\xee\xcf\'`\x04Ap\x1c\xe7\xe7\xe7\xf7\xb8\x7f\x85\xbb\xab\x08!\x97\xedT\x91&amp;\x88 \xa8]\x90\x00\xfe\x85s\x8f\x84\xf3\xcf\x8f\xac\x1eU\x97\xd7jq\x87F\xddy\xf8\xf7\xc2M\xc3\x93\x8b\xed\xfc\xfa\xaa\x1f\x85\xc0\x7fSw%\x9d\x08\xbak\x1d\x14\x02H\x00\x8f\xe0\x1ct\x13\x04\xf1,\xbb\x1dp\xaf\n?\x85"\x1aJ?\xe1\x91\x80\xea$\nn\x10A\x89\xd7A\x97\x81\x04\xf0\xff&lt;r\xd9\x8da\x18&lt;\xc7\xaa\xd7\xeb322\x08\x82\xb8u\xeb\xd6\xed\xdb\xb7\xf1\x98\xda\xf9e\x1a\x8d\xa6e\xcb\x96,\xcb\xb6h\xd1\xa2Y\xb3f\x0f\xcf\xab\xe2\xc54\x82\xd7\x17;\x01\x108\xa8\x83.\x06\t\xe0\x11\xfb\xdb\xf4z\xfd\xf1\xe3\xc7SSS\xcf\x9c9s\xf7\xee]\xbc\xd7B\xa3\xd1DDD\xd04\xdd\xacY\xb3\x16-Z8\x1c\x0e\xe7\xde;\x99Lf0\x18\xb2\xb3\xb3\xe5r\xf9\xcd\x9b7\x0b\x0b\x0b\xf1\xce\x8a\x80\x80\x80\xe8\xe8\xe8v\xed\xdau\xed\xda\xb5E\x8b\x16\xce\x9fX\xf5\x18\x00\x00\x00\xd4A\xbeH:\x01&lt;\xf0JKvvvJJ\xca\xe1\xc3\x87\xaf\\\xb9\xe2\xef\xef\x1f\x12\x12\xd2\xbd{\xf7\xa8\xa8\xa8\xc6\x8d\x1bW\xddm\x8d\x1e5\xc4\xae\xda\xa1p\xee\xad&gt;{\xf6,~\x82\r\x06\x83\x97\x97W\xf7\xee\xdd\x13\x13\x13\x9f{\xee9\xfc\xd8\xc1\xc6j\x00\xa0\x0e\xf2K\xa2\t\xa0\xea\x01&amp;\xd7\xae]\xdb\xb4i\xd3\x9a5k\x8cFc\xdb\xb6m\x07\r\x1a\xd4\xa5K\x97\xc8\xc8H\xbc\xeb\xee\t\xef[&gt;\xa0\xea\xf2T\xd5\xb7+9\x8e\xbbq\xe3\xc6\x89\x13\'v\xed\xdau\xfc\xf8q\x82 \x06\x0e\x1c\xf8\xf2\xcb/W}\xb5R\xca\x8f \x90&amp;\xa8\x83B \xb9\x04P5\xd2\x07\x0f\x1e\xfc\xe9\xa7\x9f\xb2\xb3\xb3[\xb7n=t\xe8\xd0~\xfd\xfa5l\xd8\x10U9~\xab\xc6{\t\x1e8_E\xa9Tzzz\x92$i2\x99RSS\xb7l\xd9r\xf2\xe4I\xadV;m\xda\xb4Q\xa3F9\xcfS\x94\xe6#\x08\xa4\x06\xea\xa0pH(\x018\xb79#\x84\xb6m\xdb6o\xde&lt;\x83\xc10|\xf8\xf0W^y%,,\x8c\xe3\xb8\xb2\xb22\xbb\xdd\x8e\xeeo\x85\xae\xc5\x1f\xed\xdc\xd2 \x97\xcb\xbd\xbc\xbcd2Yqq\xf1\xda\xb5k\xd7\xaf_o4\x1a\'O\x9e\x9c\x9c\x9c\xacP(\x10\x1c\xab\x0b\xdc\x1a\xd4A\xa1\x91D\x02\xe0\xee_c\x84\x10\xda\xb1c\xc7\xfc\xf9\xf39\x8e\x1b9rdRR\x92\xaf\xaf\xaf\x8b\x0f^\xc7\xfb\x1c\xe4r\xb9V\xab\xa5iz\xeb\xd6\xadk\xd6\xac\xb9~\xfd\xfa\x7f\xfe\xf3\x9f\xe4\xe4d\x8a\xa2\x9c\xbd\x9e\xba.\t\x00.\x03uP\x98\xdc?\x018\xf3yNN\xce\xc7\x1f\x7f\x9c\x97\x977}\xfa\xf4\xc9\x93\'S\x14\xc5\xe3]\xac\xce#V|||d2\xd9\x9e={&gt;\xfd\xf4S\x96e?\xff\xfc\xf3\xc1\x83\x07#\xb8U\x15\xb8\x11\xa8\x83\x82\xe5\xe6\t\x00\x87\x90e\xd9\x193f\xac[\xb7\xee\xf5\xd7_\x7f\xe7\x9dw\xbc\xbd\xbdKJJX\x96\x15Bt\xf1\xa1+Z\xad\x96\xa2\xa8\xf5\xeb\xd7\x7f\xf2\xc9\'\xe1\xe1\xe1\xff\xfb\xdf\xff\x1a4h \xc1\x19I\xe0~\xa0\x0e\n\x99\xdbn\x83u\x0e9\x8f\x1d;\x16\x13\x13\x93\x93\x93s\xf4\xe8\xd1\xcf?\xff\x9ceY\x83\xc1@\x92\xa4\x10\x9e&lt;\x84\x10EQ2\x99\xccl6\x1b\x8d\xc6\xb1c\xc7fee5k\xd6,&amp;&amp;f\xc5\x8a\x15\xb8[\x84\xf7\xc9\x01 :P\x07\x85\xcf=G\x00\xce!\xe7\x9c9s\x16/^\xfc\xc5\x17_L\x9e&lt;\xd9b\xb1TTT\x08\xe4\x99{$\\[\xb4Z\xed\xc1\x83\x07\xa7N\x9d\x1a\x15\x15\xb5r\xe5JOOO)\x0cE\x81\x9b\x81:(\nn\x98\x00p\xa8L&amp;\xd3\xa8Q\xa3\x0c\x06\xc3\xa6M\x9bZ\xb4hQ\\\\,\x8a\x17\xff8\x8e\xa</t>
        </is>
      </c>
    </row>
    <row r="365">
      <c r="A365" s="1" t="n">
        <v>363</v>
      </c>
      <c r="B365" t="inlineStr">
        <is>
          <t>shape_size_hexagon</t>
        </is>
      </c>
      <c r="C365" t="inlineStr">
        <is>
          <t>What is the size of the missing shape denoted with a question mark if it is a triangle?</t>
        </is>
      </c>
      <c r="D365" t="inlineStr">
        <is>
          <t>['large', 'small', 'medium']</t>
        </is>
      </c>
      <c r="E365" t="inlineStr">
        <is>
          <t>small</t>
        </is>
      </c>
      <c r="F365" t="inlineStr">
        <is>
          <t>There are 7 shapes with different sizes in the image, of which there is a missing triangle in the center. The other shapes are arranged around the center, which are ['triangle', 'square', 'hexagon', 'triangle', 'square', 'hexagon'] in anti-clockwise order. Their corresponding sizes are ['small', 'medium', 'large', 'small', 'medium', 'large'].</t>
        </is>
      </c>
      <c r="G365" t="inlineStr">
        <is>
          <t>We observe that the triangles are small size, the squares are medium size, and the hexagons are large size. Hence, the pattern is that each shape appears with a distinct size.</t>
        </is>
      </c>
      <c r="H365" t="inlineStr">
        <is>
          <t>Based on the pattern that each shape appears with a distinct size, the size of the missing triangle should be small.</t>
        </is>
      </c>
      <c r="I365" t="inlineStr">
        <is>
          <t>b'\x89PNG\r\n\x1a\n\x00\x00\x00\rIHDR\x00\x00\x02\x00\x00\x00\x02\x00\x08\x02\x00\x00\x00{\x1aC\xad\x00\x00@_IDATx\x9c\xed\xddyxU\xd5\xb9?\xf0\xbd\xd6\xda\xe7$\x0c\x19A\xa4\xd6\xa9\xc4\x80R\xb4\x1a\xda\xa7\xf4*\x93U\xa0\xd6\xa1&gt;\x1a\x0b(S\xb5\xe2\x15\xaa  A\x0c\x08\x81\x022[\xf0\x8aW+\x82\x822h\xbdZ+\xa8HBi\xe9\xb5\x84_\x15\xe5"\x83Tm\x19\x84\xcc\x90\xe4\x9c\xbd\xd6\xfa\xfd\xf1\x92\xed1L\x99\xce\xd9\xe7\xec\xf5\xfd&lt;\xf7\xe9S\t\xf6\xee\x9c}\xf6\xfa\xaei\xaf\x97i\xad-\x00\x000\x0f\xf7\xfa\x02\x00\x00\xc0\x1b\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d9^_\x00\x00X\x96ei\xad\x95R^_E\xd41\xc68G\xbf3^0\xad\xb5\xd7\xd7\x00\x00\x06\xd1Z3\xc6\xbc\xbe\n\xb0,\x8c\x00\x00&lt;G\x9d\xb0\x8a\x8a\x8a\xe2\xe2b\xaf\xaf%\xba\xb4\xd6iii\xdd\xbbwG\x06\xc4\t\x8c\x00\x00&lt;&amp;\xa5\x14B\x8c\x181b\xf9\xf2\xe5^_K\xd4\t!v\xed\xdau\xd9e\x97i\xad1\x17\xe49\x04\x00\x80\x97\x94R\x9c\xf3\xe2\xe2\xe2\x9f\xfc\xe4\'J)\xad\xb5\x8f\x1fI!D8\x1c\xce\xcd\xcd]\xb3f\r\xc5\x9e\xd7Wd:\x04\x00\x80\x97\xa4\x94\x96e\xf5\xed\xdbw\xcb\x96-B\x08)%\xe7\x8c1\xffu\x8d\xb5\x94\xca\xb2,\xfa\x1d7l\xd8\xd0\xaf_?d\x80\xe7\x10\x00\x00\x9e\xa1\x16p\xe5\xca\x95C\x87\x0e\xb5m\xdbq\x1cfY~} \x19c4\xed\xa3\xb5\xee\xdc\xb9\xf3\xce\x9d;9\xe7\x8c1,\x06x\x08\x01\x00\xe0\r\x9a\xed\xa9\xac\xac\xec\xde\xbd\xfb\xfe\xfd\xfb\xa9}\xd4Z_p\xfey]\xae\xb8L\xd5\x86\xfc1EN\x8d~\xa86\xf4\xe7\x0f\xff\x1f\xc5\x1b\r\x02\x96,Y2j\xd4(\x0c\x02\xbc\x85\x00\x00\xf0\x86\xe38\xb6mO\x9b6\xed\x89\'\x9e\xa0\xee?\xe7\xdc\xb6\xc5\xd6\xffY\xfe\xc3\xbe\xffaU\x1d\xb7|\x11\x00\x96eYZ[\xc9I\xb9w=\xb0\xee\xad\xf7\x84\x10\xf4\xbaCzz\xfa\xbe}\xfb\xd2\xd2\xd20\x08\xf0\x10\x02\x00\xc0\x03J)\xc6\xd8\xe7\x9f\x7f\x9e\x93\x93SUU\xa5\x94\x12\x82;\x8e\x1c\x9a{\xcb\x8b/.\xaa9|D\xd8\xfe\xd9\xa2-\xa5JJi\xf3\xd9\xae\xbdW]\x9f\xeb8R)E\x83\x80Q\xa3F-Y\xb2\x04\x83\x00\x0f!\x00\x00&lt;@\xad^nn\xee\xbau\xeb\xa8S\xcc\x98\x95\x9e\x96\xfaq\xe1\xfa\xf3\xcf?O\x85\xc3\xdc_\x9db\xe98\xc1\xf6\x99\x8f\xe5\xcd\x9a\xf5\xbb\xdf\xd7\xadus\xce\xf9\xb6m\xdbrrr\xb0%\xd4+\xf8\xd0\x01b\x8dZ\xff\xc2\xc2Bj\xfd\xa5\x94\x82s\xa5\xf4\xd8_\xdf}\xc1e\x97\xca\x9a\x1a\x9f\xb5\xfe\x96eq!T\xd5\xf1GF\r?\xbfC;\x1a\xfd0\xc6\x1c\xc7\x197n\x1c-~x}\x81\x86B\x00\x00\xc4\x14\xbd\x04[[[\xeb\xb6}\x9cs\xa9T\xe7\xacK&amp;\x8c\xb9\xcf)-\xe7\xc2?\x93?.\xc6X\xb8\xa6\xb6\xfdE\xdf\x995\xe97\'\x7f\xe5\xba\x14\\\xbbv-\xa5\xa0\xd7\xd7h"\x04\x00@L\xd1\x9b_\xaf\xbc\xf2\xca\xf6\xed\xdb9\xe74\xf9\xa3\xb5^\\0!\xa9mk%\xa5\xefz\xff\'\xd9\xb6\x1d.)\x1b:\xf4\xce\x9e=r\xa4\x94Bp\xea\xf8O\x9e&lt;9\x14\nYuGb@,!\x00\x00b\x87\xba\xff\xa5\xa5\xa5yyy\xd4\xfa\x0b\xc1\xa5T7\xf6\xee1\xe0\xa6\x9f\x86\xcb+\xfd\xbd\x1c\xaa\xb5\x16\xb6=}\xc2\x7f\n\xc1-\x8b)\xa5l\xdb\xde\xb3g\xcf\xbcy\xf3\xdc\xddA\x10K\x08\x00\x80\xd8\xa1\xee\x7f~~\xfe\xa1C\x87\xea6\xfe[\xb6-\x16\x17&lt;\xaa\r\x98\x03\x11B\x84\xca\xca\xfb\x0c\xe8;\xe8\xf6\x9fI)m\xfb\xe4j\xf0\x9c9s\xf6\xed\xdbG\x89\xe8\xf55\x9a\x05\x01\x00\x10#\xd4\xfa\xef\xde\xbd{\xd9\xb2e\xee$\xb8R\xea\xfe{\xee\xb8"\xa7[\xb8\xea\x84\t;a\x18\x17\xaa\xbaz\xca\xf8\x07RS\xda*\xa5-\xcb\xe2\x9cWTTL\x9f&gt;\x1d\xab\xc1\xb1\xe7\xff/\x1c@\x9c\xa0\xf9\x9f\x87\x1ez\xc8q\x1c\xda\x06\xa3\xb5&gt;\xbfC\xbb\xe9\x93~\xa3\x8e\x9f\xe0\xc2\x88\x87\x91s\x16&gt;~"\xfb\x07]\'&lt;8\xb4\xee\xed\x07G\x08\xf1\xf2\xcb/\x17\x15\x15a58\xc6\x8c\xf8\xce\x01x\x8e\xfa\xfb\x1b7n\xdc\xb8q\xa3\xbb\x11^)\xf5\xdb\xbc\xd1\xed.\xec\x18\xae\xa95\xe7mXa\xdbNI\xd9\x84\x87\xef\xbb\xac\xd3\xc5\x8e#i\xdc#\xa5\xcc\xcf\xcf\xc7\x14P\x8c!\x00\x00\xa2\x8e\xfa\xfe\xa1P\xe8\xa1\x87\x1er\xb7~*\xa5r\xae\xbab\xf0\xa0\xdb\x9c\xb2r?\xbd\xf7{N\xcc\xb2\x94#\x93R\xda\xccx\xf4A\xcb\xb2\x18c\x94\x8eEEE+W\xae\xc4  \x96\x10\x00\x00QG\xb3\xff\xf3\xe6\xcd\xdb\xbd{w\xdd{\xbfLk=/\x7flr\x9b6J*S:\xffu\x84-\xc2e\xe5\xbf\x1c\xfc\x8b^?\xe9\xee\xae\x850\xc6\xf2\xf2\xf2JJJ\xb0\x18\x103\x08\x00\x80\xe8\xa2\xa6\xed\xd0\xa1C\xf3\xe7\xcfw\xd7~\xa5\x94w\xfc\xfc\xa7}n\xec\x19.+\xf7\xf7\xd6\xcf3\xd1\x16\xd3\x8e\x9c7\xf5\x11\xdb\x16t\x0c*\xe7\xfc\xd0\xa1C\x0b\x16,\xc0v\xa0\x98A\x00\x00D\x175m\x93&amp;M*))9\xb9\xcfG\xeb\xb4\xd4\x94\xd9S\xc6ZRZ\xc6L\xfd\xd7#8\x0fW\x1e\xffQ\xaf\x1f\xdf\x7f\xcf\x1du\xc7\xc3)\xce\xf9\xdc\xb9s\xf7\xec\xd9\x83\x0c\x88\r\x04\x00@\x14Q\xd3V\\\\\xbcj\xd5*\xcei\xc7\x0b\x97J=|\xdf\xa0\xcb~\xd05Ty\xdc\x84\xad\x9fg\xc2\x05\x97\x95U\xd3\xf3Fg\xa4\xa7\xd2\x1b\xd1\xb4R2y\xf2d\xcc\x02\xc5\x86\xb9_&gt;\x80\x18\xd0ZK)\xc7\x8c\x19\x13\n\x85\x18c\x9c3)U\xd6\xa5\x17\x8d\x195\xdc)-\x13\xb6\x89\x93?.\xc6\x98\xac\t\xb5\xbb\xb0\xe3\xb4\xf1\x0fD\x1e\x10\xb4v\xedZw\xaf\x94\xd7\xd7\xe8s\x08\x00\x80h\xa1\xe6l\xd5\xaaU[\xb6l\xb1m[J\xc9\x19\xd7Z?&gt;\xe6\xbe\x8c\xeft\x90\xa1\xb09[?\xcf\x84\x0b\xe1\x94W\x8e\xbcwP\xe7\xacKh\xa9\xbc\xde\xdb\x12\x18\x07D\x15\x02\x00 *\xa8!+//\x9f6m\x1ac\xec\xe4KOR^\xf7\xe3k\x86\x0c\xb9#|\xac\xd46i\xeb\xe7\x990f))\x83\xad[-\x9e&gt;Ak\xcdX\xfd\xf7\xa5\xb1\x12\x10U\x08\x00\x80\xa8\xa0W\xbd\x16-Z\xb4o\xdf&gt;\xda\xe6\xa8\xb5\x15\x0c\x06\x16N\x1b/8G\xbf\xd6%\x84\x08\x97W\x0c\xb8\xe5\x86;o\xbeAJ\xe5n\t\xcd\xcf\xcf/--\xc5  \xaa\x10\x00\x00-\x8f\xd6~\xf7\xef\xdf\xbfp\xe1B\x9a\xcb\xb6m\xa1\x94\x1ax\xdb\x80\x1f\xf6\xea\x11\xaa\xa8\x14f\x1c\xfc\xd0P\x8ci\xc7\x99\x917:\x18\x0c\xb8[BKKK\xf3\xf3\xf31\x08\x88*|\x0b\x01Z\x1e\xcd\xffL\x9c8\xb1\xbc\xbc\x9c\xfeD)\x95\x99\x916+\xffaYY\xc5\x8c\xdc\xf8\x7f\x16\x9c\xf3p\xe5\xf1.\xd7|\x7f\xdc\xc8!n\xc5`\xce\xf9\xb2e\xcb\xdc\xaa\t^_\xa3?!\x00\xe2\x8e\xf6/\xaf?\xda\x181\xb0\xe2c\xf3\xa1f\xa4\'\xf0\xc9\x02\xb4$\x8a\xbap8|\xed\xb5\xd7\x16\x17\x17\xd3&gt;\x1f\xaduv\xa7\x8b?\xda\xf2\xba\xd0\xda\xd2\xc6\xbe\xfbu\x0e\x8e\xe3$\xb5\xcf|\xe1\xd9\x97\x7f5\xf6\x89\x93\xc1)\x84\x94r\xcd\x9a5\xb9\xb9\xb9\xf4\x8f^_\xa3\xdf \x00\xe2NMMMuu\xb5\x9fz=\xee\xf1g\xa9\xa9\xa9\xbe\xdf\xf8H\xed\xd4\x8b/\xbe8|\xf8\xf0\xbaV\x8cK\xa9\xfe\xb4j\xc9\x80\x9bo\x08\x95U\xa0\x15;\x0b\xa5\x14o\xdd\xaa\xef\xcf\x87n\xd9V,\x04\xd7\xdaRJegg\xef\xdc\xb9S\x08\xc19\xf7\xfd\xf7\'\xc6\xfc\xd3\xca\xf8\x80\xe38\xb6m\xcf\x993g\xce\x9c9\xfe{\x0b&amp;--m\xc7\x8e\x1d\xe9\xe9\xe9Zk\xbf&gt;\xc6\xd4\xfd///\xef\xda\xb5\xeb\x91#G\xb4\xd6\xf4\xe6\xd7\x8d\xbd{l|\xe3\x85pe\x95\xc9\xef\xfd6\x84\x942\x98\x96\xba\xf9\xbd-7\xdc5\xd2\xb2\x98\x94\xd2\xb6m\xc7qf\xce\x9c\xf9\xd8c\x8fa\x10\xd0\xe2\xb0\x139\xee\x9c8q\xa2\xb4\xb4\xd4\xeb\xabhy\x8e\xe3\xf8\xbe\xb7A\x0b\x98T\xf1\xb1n\xeb\'3\xa7\xe2c\xf3E\xd6\x8c|i\xdd\x1f#kF\xfe\xf2\x97\xbf\xec\xd4\xa9\x13\xbd%\xe0\xf5e\xfa\x07&gt;\xca\xb8#\x84`\x8c\x05\x02\x01Z\x07\xe3\x89\xcc\xfd\x15\xe87\xf2\xfa\xa3\x8d.T|l\x11\xa8\x19\x19K\xf8F\xc6\x9dz;gT"3j\x17\x90F\xc5\xc7\x96\x80\x9a\x91\xb1\x84)\xa0x\x97\x9c\x94\xd4\xaaUR\xc2\xb5\x9e\xcc\xb2\x94\xd6\x15\x95\xc7\x13\xee\xca\x9b\xe6\xd4\x8a\x8f\xf4\x9fT\xf1\xb1\xf6h\t\x0e~h8\xb7f\xe4\x8bk\xdf\xda\xbb\xff\x0b\x1eQ3\xf2\x83\x0f&gt;\xf0\xfa\xea|\x05_\xca\xf8E\xcb_\x0f\xfdzP\xdec\x0f\x85\x12\xaa\x05\xd1Z\x8b\x80]ZR\x9e\xd3o`yE\x95\xefG\xee\x1a\x15\x1f[\x14\xb3,\xe9\xc8\xa4\xcc\xb4\x19\x8f&gt;8\xf0\x81\xbcz5#\x87\r\x1b\x86\xd5\xe0\x96\x82\xefe\xbck\xdd\xaaUF\xfbL\xa9U"5"Z[\x81\x00\xb7,\xbf\xee\xf6\xa9G)%\x84\xa0\x8a\x8f\x14\xdb4\xfbO\x15\x1fC\xa6\xd6\xfcj\x0e\xb7f\xe4\xd3/\xae-\xfa\xeb\xf6\xc8\x9a\x91\xb7\xdcr\x8b\xbf\xf7\x92\xc5R\xe2\xb4)\xa6\x92R\xe9p8\x1cv\x12\xa8\x0f\xad\xb5\xb6-+\x1cv\xbc\xbe\x90XP\xa8\xf8\x18\x1dn\xcd\xc8\xff\xb8y(-\'\t!\xa8f\xe4\x8c\x1930\x08h\x11X\x98\x8awT&amp;)Ay\xfd\xe1\xc5\x82F\xc5\xc7\xe8@\xcd\xc8\x18@\x00\x004\x9dB\xc5\xc7hB\xcd\xc8h\xc3\xb7\x13\xa0\xe94*&gt;F\x13C\xcd\xc8(C\x00\x004\x11*&gt;\xc6\x00jFF\x15\x02\x00\xa0)4*&gt;\xc6\x04jFF\x15\x02\x00\xa0)P\xf11fP32z\x10\x00\x00\x8d\xa6P\xf11\xc6P32:\xf05\x05h4\x8d\x8a\x8f\xb1\xc5Q32:\x10\x00\x00\x8d\x83\x8a\x8f\x9e@\xcd\xc8h@\x00\x004\x02\xf5\xfdkkk\xddv\x87s.\x95\xea\x9cu\xc9\x841\xf79\xa5\xe5\\`\xed7*\x18c\xe1\x9a\xda\xf6\x17}g\xd6\xa4\xdfDn\t-,,\\\xbbv-\xb6\x846\r\x02\x00\xa0\x11h\x0b\xca+\xaf\xbc\xe2\xce&lt;0fi\xad\x17\x17LHj\xdbZI\x89\xde\x7f\xf4\xd8\xb6\x1d.)\x1b:\xf4\xce\x9e=r\xa8\xd6&amp;u\xfc\'O\x9e\x1c\n\x85,\xcb\xc28\xa0\xb1\x10\x00\x00\rE\xdd\xff\xd2\xd2\xd2\xbc\xbc&lt;j\xfd\xa9\xde\xef\x8d\xbd{\x0c\xb8\xe9\xa7\xe1\xf2J\x9cN\x13mZka\xdb\xd3\'\xfc\xa7\x10\xdc\xb2\x98R\xca\xb6\xed={\xf6\xcc\x9b7\x8fv\x07y}\x81\t\x06\x01\x00\xd0P\xd4\xfd\xa7\x8a\x8f4\xff\xa3\xb5\x85\x8a\x8f\xb1\x14Y3\x926_\xb95#\xf7\xed\xdb\x87\xd5\xe0\xc6B\x00\x004\x88B\xc5\xc7\xf8\x80\x9a\x91-\x08_Y\x80\x06A\xc5\xc78\x81\x9a\x91-\x08\xdfZ\x80s;\xb5\xe2#\xcd6P\xc5\xc7pM-\x8e\xfd\x89%\xb7f\xe4e\x9d.v\x1c\x19Y3\x12S@\x8d\x82\x00\x008\x07T|\x8c7\xcc\xb2\x94#\x93R\xda\xccx\xf4A\x8b\x0e\r\x8d\xa8\x19\x89A@\xc3!\x00\x00\xce\x81f\xff\xa9\xe2\xa3{\x10\x8d\xd6\x9a*&gt;*\xa9\xd0\xf9\x8f=\xb7fd\xaf\x9ftw\xd7c\x18cyyy%%%X\x0ch \x04\x00\xc0\xd9\xa0\xe2c\xdcrkF\xda\xb6p\x0f\x08\xa2\x9a\x91\xd8\x0e\xd4@\x08\x00\x80\xb3A\xc5\xc7\xb8\x85\x9a\x91\xcd\x87\x00\x008#T|\x8cs\xa8\x19\xd9L\xf8\xfa\x02\x9c\x11*&gt;\xc69\xd4\x8cl&amp;\x04\x00\xc0\xe9\xa1\xe2cB@\xcd\xc8\xe6@\x00\x00\x9c\x06*&gt;&amp;\n\xd4\x8cl\x0e\x04\x00\xc0i\xa0\xe2c\x02A\xcd\xc8&amp;C\x00\x00\xd4\x87\x8a\x8f\x89\x075#\x9b\x04\xdfc\x80\xfaN\xad\xf8\xe882#-uv\xfe\x18T|\x8cOg\xa9\x19Y\\\\\x8c\x93\xa2\xcf\x04\x01\x00\xf0-\xb4\xf6\xbba\xc3\x06\xb7\xe2#\xe7\x9cs\xf6\xe8\xe8\xe1\xdf\xc9\xba\x18\x15\x1f\xe3\x16\xd5\x8c\x1c\xfb\xe0\xb0K/\xbe \xb2f\xe4\xd8\xb1c\xa9\\\x0c\x9c\n\x01\x00\xf0-4_\xfc\xd6[oY\x96E\x8d\x88R\xaaUr\xf2=w\xfc\\\x9d\xa8f\x1c\xdd\xff8\xc5\x18\x0bW\xd7\x9cw\xe9\x857\xdf\xd0KkM\xbd~\xce\xf9\xdf\xfe\xf6\xb7#G\x8e\xd0\xee \xaf\xaf1\xee \x00\x00\xbe\x85\xde\xedz\xf0\xc1\x07\x83\xc1 \xcd\x1bp\xce\x8f\x9f\xa8~|\xf6\x12\xde\xa6\xb5V\xd8W\x1e\xa7\x94RI\xa9)\xff\xb7\xfd\xa3\xe7W\xbdN}\x7f\x9a\xfd\x1f4h\xd0\x85\x17^(\xa5\xc4\xb6\xddS!\x00\x00\xbe\x85^&amp;\xba\xe2\x8a+\xc6\x8f\x1fO]H\x9a\x05Z\xfd\xfa;\x1f\x16\xfd-\x90\xd2Vb69&gt;i\xad9\xcf\x9f\xbd\xb4\xba\xa6\x96sN\x9b\x7f222f\xcd\x9aeY\x16Z\xff\xd3B\x00\x00\xd4G=\xc7\x89\x13\'feeQ\x060\xc6B\xe1\xf0\xf8i\x0b\x98\x10\x0c3\t\xf1GJ\x19HO\xdd\xfc\xde\x96uo\xbd\x17Y\xb0\xa1\xa0\xa0\xa0c\xc7\x8e\xf4\x8f^_c&lt;\xc2\x87\x02P\x1f\xcd\xfb\xa7\xa6\xa6N\x9d:\x95v\x04\x9d&lt;n\xfe\xaf\xdb\xd7\xbc\xf2F 3C:\x8e\xd7\xd7\x08\xdf\xd0\xda\xe2B\x84\xaak\xc6O_\x18Y\xb0\xa1K\x97.#G\x8e\xa4\x08\xf7\xfa\x1a\xe3\x14&gt;\x17\x80\xd3\xa0\xb3\x1f\x06\x0f\x1e\xdc\xabW/j\xfd)\t\xf2~\xfbT\xe9\xe1\xafy0\x80\x15\xc5\xf8\xa1\xa4\xb4\xd3R\x96=\xbb\xaa\xf8\xa3]\xd4\xf4S\x0c&lt;\xf5\xd4S\xb6m\xd3\x8d\xf3\xfa\x1a\xe3\x14\x02\x00\xe0\x8c\x84\x10\x05\x05\x05\xd4\x7f\xa4\xd3 &gt;\xff\xe7\xbf\x16-]ng\xa4K\x07\xab\xc1qAkm\'\x07\x8f}uh\xea\xfcg\xa8\xf5\xa7)\xa0~\xfd\xfa\xf5\xeb\xd7\x8f\xc2\xdb\xebk\x8c_\x08\x00\x80\xd3\xa3v\xa4W\xaf^C\x86\x0c\xa9\xab\x03\xa38\xe7\x8b\x9f[\xbdg\xc7\'\x81\xb6\xad\x95\xc2 \xc0{J*\xde\xba\xf5\x94\xd9KJ\xcb*\x18cZ[Z\xeb`0\xf8\xd4SO\xa1\xef\x7fN\x08\x00\x803\xa2\x99\x84\xd9\xb3ggff\xd2\x9c\x0fc\xac\xbc\xa2r\xfa\xfcgx\xabdl\t\xf5\x9cR*\xd0\xb6\xf5\xae\x1d;\x9f}i}\xddY\xd0\\)5a\xc2\x84.]\xba`\xf6\xff\x9c\xf0\xe9\x00\x9c\x11M)t\xec\xd8q\xdc\xb8q\xee\xdc\x82\x10b\xf5\xeb\x7f*\xdcP\x18\xccH\xc3q\xf3\x9ec\xb6\xfdp\xfe\x93\x8e#\xa9\x1a\x8c\xd6\xbac\xc7\x8e\x8f&lt;\xf2\x08Z\xff\x86\xc0\x07\x04p6\x94\x01\xe3\xc7\x8f\xcf\xce\xce\xa6\xdd\x84Zk)\xd5\xd8\xa9\xf3j\x8eWs\xc11\r\xe4\x15\xe9\xc8@z\xea\xab\xab\xff\xf0n\xe16w\x82N)\xe5\x8e\xd80\xffsN\x08\x00\x80\xb3\xa1Ne0\x18\x9c9s&amp;\xb5)4\x14\xd8\xf1\xf1\xff\xadZ\xfd\x07;=\x1d[B=\xa1\xb5\xc5mQ[y\xfc\xf19O\xbb[?\xa5\x94999\x03\x07\x0eD\xf7\xbf\x81\xf0\x19\x01\x9c\x03\xcd\xfc\xe4\xe6\xe6\xba\xbbJ\xa8}yl\xf6\x92\xa3_\xfe+\x90\x9c\x84-\xa1\xb1\'\xa5cg\xa4\xcd]\xf4\xdc\xde\xcf\xbf\x10u[?\x85\x10\x8b\x16-JJJB\xf7\xbf\x81\x10\x00\x00\xe7Vo_9\xb5/\x87\x8f\x1c[\xb0\xf4E\xde\xb6\xad\xc2J@l)\xad\x03\xad\x92\x0f\xee\xfd\xe7\xc2\xff~\x993&amp;\xeb\x96g\xee\xbe\xfb\xee\x9e={:\x8e\x83\xad\x9f\r\x84\x00\x008\xb7zo\x96\xba\x87\r\xcc_\xb6rW\xf1G\x81\xb6mp\xdc|,i)y\x9b\xd6y\x05\x0bKJ\xcb\x19\xe7\x96ei\xad\xd3\xd2\xd2\xa6L\x99BsA^_`\xc2\xc0\'\x05\xd0 \xb4\xfc[PP\x90\x91\x91A#\x00\xc6\xacP(\xfc\xf0\xe3O\xa2DL,I)\x83\xe9i\x9b\xdf\xd9\xfc\xd2\xfa\xb7\xdd}YJ\xa9\xb1c\xc7fee\xe1\xd8\x9fF\xc1\'\x05\xd0 \xb4\xfc\x9b\x91\x91QPPPwJ\xa8\x12\x82\xbf[\xb8\xed\x9d\xb7\xdf\x0f\xa4\xa6`Khl0\xc6d\xd8\x992\xf7\xbf\x94R\x96ur\xed\xb7S\xa7Nc\xc6\x8c\xc1{\xbf\x8d\x85\x00\x00h(\x9a\x08\x1a9rd\xf7\xee\xdd)\x03\xb4\xb6\x18c\x0f\xe7\xcf\r\x9d\xa8\xe6B`-8\xda\x1c\xc7\t\xb4\xcbX\xf9\xd2\xfa-\xdb\x8ai\xeb\'-\xcf\xcc\x993\'--\xcd\xc2\xb1\xcf\x8d\x84\x00\x00h(jkl\xdb\x9e?\x7f\xbe\xbb%\x94s\xfe\xd9\xbe\x7f.{~\xb5\x9d\x9e\xaap@P4i\xadE0Xv\xe8\xeb\x19\x8b\x9ec\x8ci}r1\xa6w\xef\xdew\xdey\'\xba\xffM\x80\x00\x00h\x04\xb7\xc5\xc9\xcd\xcd\x8d\xd8\x12\xca\xa6\xce{\xe6\xdf\xfb\xbe\x10\xc9A\x85-\xa1Q\xa3\xa4\xb4S\xdb\xceY\xf8\xec\xbe\x03_r\xce\x95\xd2Z\xeb\xa4\xa4$7\x8f\xbd\xbe\xc0\xc4\x83\x00\x00h\x1cjhf\xce\x9c\x19\x0c\x06-z#\x89\xf3\xd2\xb2\x8aI\x05\x8bDJ\x8a\xc6J@t(\xa5\x82)mw\xef\xf8d\xc1\xb2\x97\x04\xe7RJ\xdb\xb6\xa9\xe2\xa3;#\xe7\xf55&amp;\x1e|d\x00\x8dC\xab\x8e\xd9\xd9\xd9\xe3\xc7\x8f\xa7\xd3\xc7\x1cGr\xce_y\xe3\x9d\x0f\x8b\xb6\xa1fd\xb4h\xad9\x7f|\xf6\x92P(l1\xe6\xae\xc9\xcf\x9a5\x8b\xde\x02\xf3\xfa\xfa\x12\x12\x02\x00\xa0\xd1N_32\x84\x9a\x91\xd1r\xf6\x8a\x8f\xd8\xfb\xdfd\xf8\xd4\x00\x1a\r5#c\t\x15\x1f\xa3\x07\x1f\x1c@S\xa0fd\xcc\xa0\xe2c\xf4 \x00\x00\x9a\x0e5#\xa3\r\x15\x1f\xa3\n\x01\x00\xd0D\xa8\x19\x19\x03\xa8\xf8\x18U\x08\x00\x80\xa6C\xcd\xc8\xa8B\xc5\xc7h\xc3\xc7\x07\xd0t\xa8\x19\x19m\xa8\xf8\x18U\xb6\xd7\x17\x00\xe7\xa0\xb4\x96RJ\xa9\x18K\x98\xdd\xe5Zk\xc6\x95\x94\ts\xc1\xcd\xe1\xd6\x8c\\\xbe|\xf9\xde\xbd{\xe9\xd0P\xa5\xd4\xd8\xa9\xf3\xfe\xf2\x93\xee\xb6\xe0\xda\xb20O\xd1\x04\xd2\x91\xc1\xcc\xb4W_~\xbd\xae\xe2#M\xb2I\x1ao\xe1\xd4\xcf\x16\x81\x00\x88w\xad\x92\x92D\xdb\xb4\xd6\xa1\xb0e\'\xce\xcd\xd2\xda\n\xda\xe9\x8ec\xc2\x14-m\t\xa5\x9a\x91w\xdduW\xddL\xc5\xc9\x9a\x91\xbf\x1a9\xa4\xf6\xe81;\x81\xee]|@\xc5\xc7\xd8\xc0\xf72~\xd1\x9c\xf2\xee}\x07&gt;x\xe7\xbdPYyb\xedv\x10BTTT\x85\xc3Fl\x87\x8f\xac\x19\xb9q\xe3\xc6\xc8\x9a\x91\xb7\xdet}fF\x9a\n\x1b\x91\x85-HJ\'\xe9\xbcv\xb3\x9fX\xb0\xf7\xf3/l!\x1c)\x85\x10n\xc5Gt\xff[\n\x02 ~\xd1\xf4\xf1\x8a5o\xaeX\xf3\xa6\xd7\xd7\xd2,&amp;\xec\x88ww\xa6w\xeb\xd6M)E=V\xaa\x19\xf9\xdb\xd9\x8f9G\x8f\t\x0c\x02\x1a\xecL\x15\x1f\x87\x0e\x1dJ\x15\x1f1\xa2j)H\xd1x\xc7\x18\xe3\t\xcb\xeb\x0f/v8jF\xb6\x1cT|\x8c\x19|\x94q\x87s."p\xceY\xc2\x12\xdf\xe6\xf5G\x1b]\x1c5#[\x02*&gt;\xc6\x12FRq\xa7\xba\xbaZJ\xe9\xbf\xed\x83eee\xfe\x9e\x0bb\x8cI)\xa9f\xe4\xe8\xd1\xa3\xeb\x1a\xaf\x935#\x07\xfc\xfc\x86Py\x85\xefS\xb0\xf9XD\xc5G!8G\xc5\xc7hB\x00\xc4\x11\xc6\x98eY\x97_~y\xdf\xbe}\xa9\xf9\xf0\xfa\x8aZ\x06cLk\x9d\x92\x92\x12\x08\x04\xbc\xbe\x96\xe8\xe2u5#_x\xe1\x85\xe2\xe2b\x1eQ3\xf2\xe3\xbe\xd7R\xcdH\xac\x05\x9f\x85\xe38I\xe7\xb5[\xfe\xec\xcbu\x15\x1fOv\xff\xa9\xe2\xa3\x94\x92a-\xbdE1\x7fw\xca\x00b\x8c\xda\xac\xc2\xc2\xc2&gt;}\xfaD\xee^\x7fj\xc6\xa3\xbf\x19\xfb\xeb\xd0\xd1Ra\xa3\x0f{zZkK\x88\xaa\xea\x9a\x1f^\x7f\xd7\xfe\x7f~\xc5\x98\xc5\x18\xa7\xfak\x9b7oF\xf7?\x1a\x10\x00qGk\xed\xd7\x9bb\xc8\xec-5Uw\xddu\xd7\xda\xb5k\xa9\x03\xcb\x98\x95\x96\x9a\xb2\xb3\xe8\xf5\xf3\xcfo\xa7\xc2\x0eG7\xf6t\xa4\xe3\x04\xdbgN\xca\xfb\xed\xec\xdf\xbd\xe0\xae\xa2\x07\x02\x81\xad[\xb7\xe6\xe4\xe4`\xf97\x1a\x10\x00\x00-\x8c^\x02\xd8\xb3gO\xb7n\xdd\xe8-n\xdb\xe6\x8e#\x87\xe6\xde\xf2\xe2\x8b\x8bB_\x1f\xc5\x96\xd0S)\xa5\x02mZ\xef\xfet\xcfU\xd7\xe7JGJ\xa5l\xdbv\x1cg\xf8\xf0\xe1/\xbc\xf0\x02\xba\xffQ\x82D\x05ha\x1c5#\x9b\x00\x15\x1f\xbd\x80\x00\x00hy\x1c5#\x1b\x03\x15\x1f\xbd\x82\x8f\x15\xa0\xe51\xd4\x8cl0T|\xf4\x10&gt;Y\x80\xa8@\xcd\xc8\x06B\xc5G\x0f!\x00\x00\xa2\x085#\xcf\x0e\x15\x1f\xbd\x85\x00\x00\x88\x16\xd4\x8c&lt;\'T|\xf4\x16\x02\x00 \x8a\x18jF\x9e\x19*&gt;z\x0e\x9f/@\x14q\xd4\x8c&lt;+T|\xf4\x16&gt;b\x80\xe8\xe2u5#\xb3\xb3\xb3i\x83\xa3\xd6ZJ5v\xea\xbc\x9a\xe3\xd5\\p3\xa7\x81\xa4#\x03\xe9\xa9\xaf\xae\xfeC]\xc5GE\x1f\x94;Z\xc2\xfcO\x0c \x00\x00\xa2\x8b:\xb6T3\x92\xda5\x1a\nP\xcdH;=\xdd\xc0-\xa1\xa8\xf8\x18\'\xf0)\x03D]d\xcdH\xf7\x84K\xce\xf9c\xb3\x97\x1c\xfd\xf2_\x81\xe4$\xd3\xb6\x84J\xe9\xd8\x19is\x17=\xb7\xf7\xf3/D\xdd\xd6O\xb7\xe2#\xba\xff1\x83\x00\x00\x88\x85z{\xdb\xa9\x8d\xa3\x9a\x91\xbcm[e\xd2J\xc0\x99*&gt;\xde}\xf7\xddT\xf1\x11[?c\x06\x01\x00\x10\x0b\xa8\x19\xe9B\xc5\xc7\xf8\x81\xcf\x1a FP3\xd2B\xc5\xc78\x83\xcf\x1a F\xdc\x13.\x0b\n\nh\r@J\xe5\xd6\x8c\x0c\xa4\xa6\x98\xb0%4\xb2\xe2\xa3eiT|\xf4\x16\x02\x00 v\xdc\x9a\x91\xdd\xbbw\xa7\x0cpkF\x86NTS\xcdH\x1fs\x1c\'\xd0.c\xe5K\xeb\xeb*&gt;\x9e&lt;\xf6\x87*&gt;ZuUQ!f\x10\x00\x00\xb1C\xed\x9dm\xdb\xf3\xe7\xcfw\xb7\x84r\xce?\xdb\xf7\xcfe\xcf\xaf\xb6\xd3S\x95\x7f\x0f\x08\xd2Z\x8b`\xb0\xec\xd0\xd73\x16=\xc7\x18\xd3\xfa\xe4BH\xef\xde\xbd\xef\xbc\xf3Nt\xff=\x81\x00\x00\x88)\xb7\xd5\xcb\xcd\xcd\x8d\xd8\x12\xca\xa6\xce{\xe6\xdf\xfb\xbe\x10\xc9A\xe5\xd3-\xa1JJ;\xb5\xed\x9c\x85\xcf\xee;\xf0%\xe7\\)\xad\xb5NJJr\xb3\xd0\xeb\x0b4\x11\x02\x00 \xd6\xa8\xb1\x9b9sf0\x18\xb4\xe8\xad(\xceK\xcb*&amp;\x15,\x12))\xda\x8f+\x01J\xa9`J\xdb\xdd;&gt;Y\xb0\xec%\xc1\xb9\x94\xd2\xb6m\xa5\xd4\xa0A\x83\xdc\xd90\xaf\xaf\xd1D\xf8\xd0\x01b\xed\x9c5#\x1dGj\x9fQ\n\x15\x1f\xe3\x10\x8a\xc2\x03x\x80Z\xc5\xaa\xaa\xaa\x9c\x9c\x9c\xfd\xfb\xf73\xc6\xa8jX\xaf\x9ft/\xdc\xb8\xda\xaa:nq\xdf\xb4\x89LI\xc93\xd2&gt;\xf8\xe3\xfb\xd7\xdfy\xbf\xbb\xf5SJ\xb9d\xc9\x92Q\xa3Fa\xf6\xdfC\x08\x00\x00o8\x8ec\xdb\xf6\xca\x95+\x87\x0e\x1d\x1a\xd9,._&lt;\xfd\xb6\xdb\x07\x84\xca+\xfd\xd1,jK[\x96\x15f\xfc\xe6_&gt;\xb0\xe3\xe3\xff\xa3\xce\xbe\xd6\xbas\xe7\xce;w\xee\xa4j\xc9\x18\x01x\x05\x01\x00\xe0\x19\xda\xf8\x7f\xfd\xf5\xd7\x17\x15\x15Q\xeboY\x16c,-=\xd5\x92\xca\xf2K\xabH{\xff+\x8e\x9f\xa0\x7f\xa4\xdft\xc3\x86\r\xa8\xf9\xe59\x04\x00\x80gNV\x8a/*\xea\xdb\xb7/M\x01y}EQD[`\xdd\x8a\x8f\x1b6l@\xeb\xef9\x04\x00\x80\x97\xa8\x11\x1c&gt;|\xf8\x8b/\xbe\x18\x08\x04\x1c\xc7\xf1\xeb|\x88&gt;y\xfa\x05\x13B|\xf4\xd1G\x9d;w\xd68\xf9\xc7k\x08\x00\x00/\xd1\x1e\x98\xc3\x87\x0f\x7f\xff\xfb\xdf/))\xf1\xfarba\xf2\xe4\xc93f\xcc@\xf7?\x1e \x00\x00&lt;FM\xe1\xec\xd9\xb3\xe7\xcc\x99c\xdb\xb6_\'\x82h\n\xa8}\xfb\xf6\xdb\xb6m\xcb\xc8\xc8\xb0p\xf0C\x1c@\x00\x00x\x8f\xa6G\xca\xca\xca\xe8\xbf{}9QA\x01\x90\x9c\x9c\xdc\xaaU+\xaf\xaf\x05NB\x00\x00@Li\x1c\xfc\x107l\xaf/\x00\x00N2\xa47\x86\xd6?~`\x04\x00\x00`(\xec\xc1\x02\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b6\xd7\x17\x00\x10\x0bZk\xfaOR\xef\xa7,\x82\x17W\x07\xe0\rv\xea\xc3\x00\xe0\x1bJ)\xa5\x14cL\x08\xd1\xf0\xbf\xcf9\xe7\x1c\x83c\xf0?\x04\x00\xf8\x10\xb5\xe3\xb6\xfd\xad\x01\xee\x91#G\xfe\xf5\xaf\x7f}\xfd\xf5\xd7G\x8f\x1e\xad\xa8\xa8\x08\x85BZ\xeb`0\x98\x96\x96\xd6\xa1C\x87\x0b/\xbc\xf0\xe2\x8b/n\xdd\xba\xb5\xfb\xbf`Y\x16b\x00\xfc\xcd\xf4\x00\x90Rr\xce1\xf0\xf7\x07\xad5\xf5\xf7\xdd\x86\xfb\xd3O?\xdd\xb2e\xcb\x9f\xff\xfc\xe7\x8f?\xfe\xf8\xc0\x81\x03\xe5\xe5\xe5g\xfawm\xdb\xfe\xcew\xbes\xf5\xd5W\xdfx\xe3\x8d7\xddtSVV\x96\x85\xaf\x87\xdf\xe1\xfe\x1a\x1d\x00Zk\x93\xef\xbd\xcfH)\xddy\x9e]\xbbv\xad_\xbf\xfe\x8d7\xde\xd8\xb1c\x87\x942\xf2\xaf\xd1\xdf\x89\xbc\xef\xb4*@]~\xd2\xbau\xeb[o\xbdu\xfc\xf8\xf1\xdd\xbbw\xb7,\x8b&amp;\x85b\xf1;@\x0c\xe1\xf1\xb7L\x0e\x00\xba\xfdO?\xfd\xf4\xddw\xdf\x9d\x9a\x9aj}\xbbQ\x80\xc4BwS)\xf5?\xff\xf3?\xcf&gt;\xfb\xec\xbb\xef\xbe\xeb8\x0e\xfd\x88&amp;\x82\x94R\xa7]\xfeuE\xae\x03\xd3\xbfk\xdb\xf6\x981cf\xcc\x98\x91\x94\x94\x84\x0c\xf0\x19&lt;\xfe\xc4\xd0\x00\xa0\x89\x82\xfd\xfb\xf7_v\xd9e\xcf?\xff\xfc\xaf~\xf5\xab\xc8\xfe#$\x16\xfa\x0e\xaf^\xbdz\xfe\xfc\xf9\xc5\xc5\xc5\xf4\x87\xb6m\x9f\xb3\xd1?\x13\x9aD\xa2\x7f\xbdg\xcf\x9ek\xd6\xac\xe9\xd8\xb1#2\xc07\xf0\xf8\xbb\x0c\r\x00\xba\xdf\x03\x06\x0c\xd8\xb8q\xe3\x05\x17\\\xf0\xd1G\x1f\xa5\xa7\xa7c\x17`\x82\xa2\xa6\xf9\xc6\x1bo|\xef\xbd\xf7\x82\xc1\xa0\x94\x92\xda\xeeS\xff\xe6i\xf7z\x9eeo\xa8m\xdb\xe1p\xf8\xca+\xaf\xdc\xb4iS\xbbv\xed,S\xfb\x89&gt;\x83\xc7\xdfeb\x8f\x86n\xff\xda\xb5k7l\xd8\x10\x08\x04\xfe\xf5\xaf\x7f-X\xb0\x80z|^_\x1a4\x05\xb5\xdd\x05\x05\x05B\x08\xc7q\xa4\x94\x91\xad9\xed\x01\xb5m\x9b1Fs\xfd\xf2\xdb(-\x84\x10\xf5:\xf8Z\xebp8\x1c\x08\x04&gt;\xfe\xf8\xe3A\x83\x06\xd1\xbfkf\x87\xc9O\xf0\xf8G2n\x04@}=\xc7q\xbau\xeb\xb6w\xef^\xce\xb9\xd6\xda\xb6\xed\x9d;wfggc\x98\x9f\xa0\xe8\xc6\xf5\xea\xd5k\xcb\x96-B\x08Z\xf8\xa5A}\xe4"pff\xe6\x05\x17\\\xd0\xae]\xbb\x94\x94\x94`0\x18\x0e\x87\xcb\xcb\xcb\xbf\xfa\xea\xab/\xbe\xf8\x82\xe6\xfd\x85\x10\xa7\xb6\xf2\x81@ \x1c\x0e\xcf\x9f?\xff\x91G\x1e1v\xae\xc0\x1f\xf0\xf8\xd7\xa7\r\xe38\x8e\xd6z\xe6\xcc\x99V]\x03A\xff\x99\x9b\x9b\xeb\xfe\x14\x12N8\x1c\xd6Z\xff\xe1\x0f\x7f\xa0\x1b\x1a\xf9\x06@ZZ\xda\xad\xb7\xde\xbat\xe9\xd2\x0f?\xfc\xf0\xd8\xb1c\xee\xc2\x80\xab\xa6\xa6f\xd7\xae]K\x96,\xa1=?\xd6)\xf3&lt;\xf4^XFF\xc6\xe1\xc3\x87\xe9\r\x03/~Eh\x01x\xfc\xeb1+\x00h\xc8\x7f\xf0\xe0\xc1\xcc\xcc\xcc\xc8\xfd\xbf\xf4%\xd8\xbcy\xb36\xf2K\xe0\x0fJ\xa9p8\xdc\xad[7\xb7\xe1\xee\xd9\xb3\xe73\xcf&lt;\xf3\xe5\x97_\xd6\xfb\x9bRJ\xa7\x0e\xcd\x17\x11\xc7q\x16/^\x1c\x0c\x06O\x9d\x0e\xa6Dy\xf2\xc9\'u]\xd8@\xc2\xc1\xe3\x7f*\xb3\x02\x80\xee\xee\xf0\xe1\xc3\xdd\xbb\xeev\xf1\x18c\xdd\xbbw\xaf\xa9\xa9q\'\x85!\xb1P\xbb\xfc\xec\xb3\xcf&amp;\'\'\x8f\x181b\xeb\xd6\xad\xee\x8f\xa4\x94\xe1p\x98\xee\xec\xa97\x97V\x05\xc2\xe10\xfd\xe8\xcd7\xdf\x0c\x04\x02\xf5\xde\x0f\x12B0\xc6~\xf8\xc3\x1fb\x04\x90\xb8\xf0\xf8\x9f\xca\xa0\x00\xa0\xbe\xde\xf6\xed\xdb\x83\xc1\xa0\xfbx\xbb}=\xfaB,_\xbe\\\x9b\xd7\x0b\xf0\x93\xaa\xaa\xaa\xdd\xbbw\xd3\x7f\xa71A\xc3\x9fg\xa5Tmm\xad\xd6:??\xbf^\x1bA_\x92\xa4\xa4\xa4\x03\x07\x0e\xe8\xba\xef\x12$\x10&lt;\xfe\xa7e\xd0"0-\x06\xf6\xed\xdb\xd7]\'\xa4m!\xf4S\xfa*t\xe8\xd0\xe1\x93O&gt;1vO\x98o\xd0\xcdm\xc2\x82\x1em\x05\xa9\xa8\xa8\xb8\xec\xb2\xcb\x8e\x1d;\x16\xf9\r\xa1\x8d"\x7f\xfc\xe3\x1fo\xba\xe9&amp;,\x05\'\x1c&lt;\xfe\xa7e\xca\x927=\xb1\xabV\xad\xda\xb2e\x8bm\xdbt\x06\x88\xd6\xfa\xb7y\xa3/\xfanG\xb7;p\xe8\xd0!\x93\xf7\x84\xf9\x80\xd6Z)u\xea\x9e\xce\x06\xa2oEzzz\xaf^\xbd\xacS&amp;\n,\xcb:p\xe0\x80U\xb7\xf1\x14\x12\x05\x1e\xff31"\x00\xb4\xd6\x8c\xb1\xf2\xf2\xf2i\xd3\xa6\xd1\x81\x01Bp\xa5\xd4O~x\xd5\xa4\x99y\xe3\x1f\x18\xaa\xb5\xa6\xbb\xce9\x9f;w\xee\x9e={h;\xa0\xd7\x17\x0e\x8d\xd6\xb4\x8e\x7f$\x1a\x1aG.&amp;G*))i\xce\xff8\xc4\x1e\x1e\xff\xb30"\x00(\xf0\x17-Z\xb4o\xdf\xbe\xba\x8d\xdeV0\x18X\\0QUT\xde?\xe2\x97\x9d\xb3.\xa1\xb7\xc3\x19c\xa1Ph\xf2\xe4\xc9\x16zy\x06c\x8c\xa5\xa5\xa5\x9d\xf6G\xe1p8\xc6\x17\x03\xcd\x84\xc7\xff,\xfc\x1f\x004!\xb0\x7f\xff\xfe\x85\x0b\x17\xd2\xdc\x9fm\x0b\xa5\xd4\xc0\xdb\x06\xfc\xa8O\x8f\xda\xd2\xb2\xe4\x946\x8b\x0b&amp;h\xad\x19\xfb\xe6-\xc1\xc2\xc2B\xf7}"0\xd0\x99\x1a\xfa`0\x18\xe3+\x81\xe6\xc0\xe3\x7fv\xfe\x0f\x00\x1a\x00N\x9c8\xd1=\x0b^)\x95\x99\x916+\xffaYQe\x07\x03\xe1\x8a\xca\x017\xfd\xf4\xc6\xde=\xa4TBp\xfa\xfb\xe3\xc6\x8d\xab\xad\xad\x8d\\&amp;\x02sh\xad\x0f\x1e&lt;x\xda\x1f\xd1\x89@\x90(\xf0\xf8\x9f\x9d\xcf\x03\x80"\xbd\xb0\xb0p\xdd\xbau\x14\xe9\x82s\xa5\xf4\xd8_\xdf}\xc1e\x97\xca\x9a\x1a\xce\x98eYZ\xca\xc5\x05\x8f\xda\xb6\xd0\xfa\xe4\xa1\x02\xdb\xb7o\x7f\xe5\x95W\x8cZ\x0e\x02B{\x04\xff\xf1\x8f\x7fX\xdf\x9e\x07\xa0o\xc2\xa5\x97^j\xe1H\xb8\x04\x81\xc7\xff\x9c\xfc\x1cq\xb4\x9a\x17\x0e\x87\xaf\xbd\xf6\xda\xe2\xe2bzh\xb5\xd6\xd9\x9d.\xfeh\xcb\xebBkK[\xf4 KG\x063\xd3G\xfd\xe6\xf1\xa7\x97\xaf\xa1YB3\xf7\x84\x01\xdd\xfa\xaf\xbe\xfa\xea\xf2\xcb/\xaf\xae\xae\xb6\xea2\x80:\x83\xc9\xc9\xc9\xbbw\xef\xbe\xf8\xe2\x8bM&lt;4&amp;\xd1\xe0\xf1o\x08?\x7f\x89\xe9)}\xe5\x95W\xb6o\xdfNa\xce\x98\xa5\xb5^\\0!\xa9mk%\xa5{[\xb9\xe0\xea\xc4\x89\xe9y\xa33\xd2S)\xf3\xcd\xdc\x13\x06\xf4\xf0/Z\xb4\xe8\xc4\x89\x13B\x88\xc8\x97\x00\x18cW]u\xd5E\x17]D\x9bF\xbc\xbdN8\'&lt;\xfe\r\xe1\xdb\xef1\xcd\xe5\x95\x94\x94\xe4\xe5\xe5\xd1]\x14\x82K\xa9n\xec\xddc\xc0M?\r\x97W\xd6{\xcf\xd3\xa9\t\xb5\xbb\xb0\xe3\xb4\xf1\x0f\x98\xbc\'\xccp\x8e\xe3\xd8\xb6\xfd\xf7\xbf\xff}\xe9\xd2\xa5\x9c\xf3zk\x80Z\xebA\x83\x061\xc6LX\x1bLtx\xfc\x1b\xc8\xb7\x01@\xb7p\xc1\x82\x05\x87\x0e\x1d\xa2\xf1\xbb\xd6\x96m\x8b\xc5\x05\x8f\xea\xd3=\xc0\\\x08\xa7\xbcr\xe4\xbd\x83L\xde\x13f2)\xa5m\xdb\x87\x0f\x1f\x1e8p`mm\xad\x15q\xd3\xe9\xa5\xa1\x0e\x1d:\x0c\x1b6Lk\x8dw\x80\xe3\x1f\x1e\xff\x06\xf2g\x00\xd0\xed\xdf\xbd{\xf7\xdc\xb9s\xa9+G1~\xff=w\\\x91\xd3-\\u\xe2\xd4!&lt;c\x96\x922\xd8\xba\x95\xc9{\xc2\x8cE\xf7\xfa\xc8\x91#7\xddt\x93\xbb[\xdc\xfd)u\t\xa7O\x9f\x9e\x91\x91A\xad\x83\x87\x97\n\xe7\x84\xc7\xbf\xe1\xfc\xb9\x08L7\xaf\x7f\xff\xfe\x1b7ntWu\xcek\x9f\xf1\xc9\x96?d\xa4\xa7\xa8\xb0s\xa6gX)\x15Hi\xdb\xef\xb6\x11\xef\x16n\x13\x82\xd3ay999[\xb7n\r\x04\x02\xfe^\x0e2\x16\xcd\xfc\x1c8p\xe0\x96[n\xd9\xb9sg\xbd\xa7\xdd\xb6m\xc7q\xfa\xf7\xef\xff\xa7?\xfd\x896\x95{x\xa9\xd0\x10x\xfc\x1b\xce\x87#\x00\xba\xfd\x1b7n\xa4\xdbO\xef\x01*\xa5~\x9b7\xba\xdd\x85\x1d\xc35\xb5g\xbf\x8b&amp;\xef\t3\x10\xb5\xfe\x1f~\xf8a\xef\xde\xbdw\xee\xdcI\x07\xc5\xb8?\xa5\xd6?++k\xe5\xca\x95\x16v\x7f&amp;\x02&lt;\xfe\x8d\xe2\xb7\x11\x00\xed\xfdRJu\xeb\xd6\xed\xb3\xcf&gt;s\xf7~]s\xe5\xe5[7\xbcl+eY\xe7x\x88M\xde\x13f\x14\xf7\xd8\xb8\xf5\xeb\xd7\x0f\x1f&gt;\xbc\xaa\xaa\xea\xb4}\xff\xef~\xf7\xbb\xef\xbf\xff~\x97.]\xb0\xf53\xfe\xe1\xf1o,\xbf}\xa1\xe9)]\xb6l\xd9\xee\xdd\xbb\xeb\xf6~1\xad\xf5\xbc)c\x93\xdb\xb4QR\x9d\xf3\xee\x99\xbc\'\xcc\x1c\xf4\xc5\x10B\xcc\x9c9\xf3\xce;\xef\xac\xaa\xaa\xaa\xb7\xed\xc7\xed\xfbo\xda\xb4\xa9K\x97.\xd4\x91\xf4\xf0\x82\xa1!\xf0\xf87\x96\xafF\x00t{\x8e\x1c9\xd2\xb5k\xd7\xf2\xf2r\xda\xd1%\xa5\xbc\xf3\xe6\x1b\xd6\xbc\xf4;\xa7\xa2\x927l\x02W:2\xd8.\xfdw\x8b\x9e{\xe8\xf1\'\xdd^\x80\xd1\x95\xa3\xfd\x85\xee`MM\xcd\xbd\xf7\xde\xbbj\xd5*\xda\xe4\x13\xf9 P\xeb\xff\xa3\x1f\xfd\xe8\xb5\xd7^\xbb\xf0\xc2\x0bq\xfa\x7fB\xc0\xe3\xdf\x04\xfe\xf9M,\xcb\xa2[&gt;i\xd2\xa4\xd2\xd2Rz\xaa-\xad\x83\xc1\xc0\x8c\xbc\xd1L\xa9s\r\xfe\xbea\xec\x9e0\x13\xd0\x03\\ZZ\xfa\xb3\x9f\xfdl\xd5\xaaU\xb6mG\xb6\xfe4,p\x1c\xe7\xf6\xdbo\x7f\xff\xfd\xf7\xd1\xfa\'\x10&lt;\xfeM\xe0\x9f\x00pWlV\xaf^\xcd9w\x1cG\x08!\x95zd\xe4=]\xae\xf9~\xa8\xb2\xaa\xe1\xb9m\xec\x9e0\xdf\xa3\xf7\x83\xca\xca\xca\x06\x0c\x18\xb0y\xf3\xe6@ @\xf5\xff\xe8\xa7\xd4jH)\'M\x9a\xf4\xdak\xaf\xa5\xa4\xa4`\xdbO\xa2\xc0\xe3\xdf4\xfe\x99\x02\xa2\x9b\xd4\xa7O\x1f\xbaIZ+\xad\xadN\x97\\\xf8\xf7Mk\xda\xb6J\xb6\xa4l\xec\xea\x8d\x81{\xc2\xfc\x8d\x96\x07\xb5\xd6\x03\x06\x0cx\xff\xfd\xf7\x03\x81@\xe4\x99\xcf\xf4`\xb7n\xdd\xfa\xf9\xe7\x9f\x1f8p\xa0\xdb\xf5\xf3\xf0\x82\xa1\xe1\xf0\xf87\x8dOF\x00t\xfb\xd7\xad[\xe7F4c\\k\xfd\xf8\x98\xfb\xd2;\x9e\'C\xa1\xa6\xdd-\xd3\xf6\x84\xf9\x1bu\xe7\x1f}\xf4\xd13\xb5\xfe\xdf\xfd\xeew7m\xda4p\xe0@\xc7q\xdc\xba\xe1\x10\xff\xf0\xf87\x99\x1fF\x00\xd4\xb3\xab\xaa\xaa\xca\xc9\xc9\xf9\xfc\xf3\xcf)\x9b\xa5T={\xe4|\xf0\xd6\nU]\xdd\xe4E\x1b\xd3\xf6\x84\xf9\x18\xb5\x11[\xb7n\xbd\xee\xba\xebh\xb3\xbf\xfb\xcd\xa7&amp;\xa3s\xe7\xceo\xbf\xfdvVVV8\x1c\x0e\x04\x02\xde^-4\x1c\x1e\xff\xe6\xf0\xc3\x08\x80\x9e\xedE\x8b\x16\xed\xdf\xbf\xbf\xee%~\xc6\x18\x9b6\xfe\x01nS\x05\xb8&amp;\xb28\x93\xc7OL\x9b8*=5\xc5\x84=a&gt;F\xcfj~~\xbeU\xb7[\x9c\xfe\x9c6\x8at\xee\xdc\xf9\xfd\xf7\xdf\xcf\xca\xcar\x1c\x07\xad\x7fb\xc1\xe3\xdf\x1c\t?\x02\xa0X\xde\xbf\x7f\x7f\xf7\xee\xdd+++u\xdd\xde\xaf_\r\xfa\xc5\xf3\xcb\x17\xaa\xa3%\xdc\xb6-\xab\xc9\xbf#S\x8e\xc33\xd3\xffk\xf1\xf3\x0f\xe6\xfdV\x08\xae\x94\xf6\xf1\x9e0\xbf\xa2\xdb\xb4c\xc7\x8e\xee\xdd\xbb3\xc6\xdcG\x97V}\xdb\xb5k\xf7\x97\xbf\xfc%;;\x9b\xde\n\xf6\xf6R\xa1Q\xf0\xf87S\xc2\x07\x00\xe5\xff\xb0a\xc3V\xacX\xe1\x9e\xe1\xd5.3\xbd\xf0\x0f\xbf\xef\xd8\xf1&lt;\x19\nq\xd6\xac;\xa4-\xcd\x18\x93\x96\xf5\x1f?\x1b\xb2\xef\xc0\x97\x9c3\xc6\xb8\x94277w\xcd\x9a5\xd8#\x98\x10\xa8e\x7f\xe2\x89\'\xa6M\x9bF{\xfc\xe9\xcf\xa9\x1f\xf7\xdak\xaf\xdd~\xfb\xed\x98\xf9IDx\xfc\x9b)\xb1\x03\x80n@QQ\xd1\xf5\xd7_O\xffH\x7f\x9e\x94\x14Li\xdb\xc6\t\x87\x19c-\xf0\xebi\x8bq^]]SS[K\x7f@\xb3\xc6\x9b7o\xee\xdd\xbb\xb7\x0f\xbe\x04\xbeG=\xb5\x1bo\xbc\xf1\xbd\xf7\xdes\xb7\xf1\xd1\x7f\xe9\xd7\xaf\xdf\x86\r\x1b\xd0\xf7ODx\xfc\x9b/\xe1\x03\x801\xd6\xb7o\xdf\xa2\xa2\xa2X\xee\xcf\xa5\xa9\x03\xff\xed\t\xf3%\xad5\xbd\xc8s\xf9\xe5\x97\x7f\xfe\xf9\xe7\xee\xec-}a\xd6\xaf_\x7f\xfb\xed\xb7S1\x00\xaf\xaf\x14\x1a\x07\x8f\x7f\xf3%\xf0\x04\x16e\xefK/\xbdTTTd\xdb\xb6\xbbq\x9b\xf0\x96\x16\xf9?\xae\xb5\x16Bl\xdf\xbe\xfd\xd5W_\xf5\xcdr\x90\xbf\x95\x95\x95\x1d=z\xd4\x8a\xa8\xf1+\xa5l\xd5\xaa\xd5\x8f\x7f\xfccz\xfb\xd7\xeb\x0b\x84\xc6\xc1\xe3\xdf"\x12u\x04@\x97\xfd\xf5\xd7_w\xed\xda\xf5\xd8\xb1c^]F\xbbv\xed&gt;\xfd\xf4\xd3\xf3\xce;\xcf\xc2Y\xc1\xf1\x8a\xe6\x7f\xf6\xee\xdd\xdb\xb5k\xd70M\x0b\xd4\x95\xfd\xcb\xce\xce\xfe\xf4\xd3O\xe94\x08\xdc\xbe\x04\x82\xc7\xbf\xa5$\xea\xb0\x97^\xeaY\xbe|y(\x14j\xdf\xbe\xbd\xe3\x9c\xb1\xc8C\x94h\xadm\xdb\xae\xad\xad]\xbe|\xf9\xa3\x8f&gt;\x9a\xe8S\x81\xbe\x17\n\x85"\xa7\x08\xe8\xdb\x92\x99\x99\x89\xd6?\x11\xe1\xf1o)\x89:\x02 %%%B\x08\xfa\x15b\xfc\x8b\xd0\x17\x8ef\x12233c\xf9\xff\x1a\x1a\x85F\x00\x9f|\xf2\xc9\x0f~\xf0\x03j\xebi\x08/\xa5\xbc\xee\xba\xeb\n\x0b\x0b}\xb0\x99\xcfLx\xfc\x9b/QG\x00$\xa1?z\x88%\xa5T\xe4\x08\x80\xe6mO\x9c8\xe1\xdd\x15As\xe1\xf1o\xbe\xc4\x0e\x808\x19\xbe`\x02!\x9e\xd1\xdd\xe9\xd4\xa9\xd3\xa6M\x9b\xea\xfd(--\xcd\xc2\xedKXx\xfc\x9b/\xb1\xa7\x80\x00\x00\xa0\xc9\x12{\x04\x00\xd0@Z\xebS\xb7\xeb\xd1~AO\xae\x07 \x1e`\x04\x00\x00`(t\x7f\x00\x00\x0c\x85) 0\x85\xae\xab\x08F;A-\xcb\x12B$\xf4\n\x1e@3a\n\x08\x8cp\xa6\xcd\xfe\x89\xfb\n\x0f@\xf3a\x04\x00\xfeG\xad\x7f8\x1c~\xfb\xed\xb7\xb7n\xddz\xe4\xc8\x91\x94\x94\x94\xab\xaf\xbe\xfa\x96[n\xe9\xd0\xa1\x03^\x04\x03c!\x00\xc0\xe7\xa8}\xff\xc7?\xfe1b\xc4\x88\x1d;vD\xfe\xa8C\x87\x0eO&gt;\xf9\xe4\xb0a\xc3\x90\x01`&amp;L\x01\x81\x9f\xb9\xa7\x86]}\xf5\xd5\x07\x0f\x1e\xacw\xe63U\x86y\xf3\xcd7o\xbe\xf9f\xcc\x05\x81\x81\xd0\xeb\x01?\xa3#\xe3_x\xe1\x85\x83\x07\x0f\x06\x83A\xe7\xdbl\xdbf\x8c\xcd\x981\x03\xe7\xc1\x81\x99\x10\x00\xe0g\xd4\xac\x17\x16\x16\xd2\xb9]\xf5~*\xa5\xd4Z\x7f\xfc\xf1\xc7\x07\x0f\x1e\xe4\x9cc4\x0c\xa6A\x00\x80\x9f\xd1\xac\xce\x91#G\xb4\xd6\xa7\xb6\xef\xf4\'\'N\x9c8t\xe8\x90\x157g\xcb\x00\xc4\x0c\x02\x00\xfc\xef,5\x9bh\x88@\x7f\x01\x01\x00\xa6A\x00\x80\x9fQ\xcb\x9e\x96\x96v\xda\xc2\xad\xf4FX \x10\xc8\xc8\xc8\xb0\x12\xfcXG\x80&amp;@\x00\x80\x9fQ\x00\xe4\xe4\xe4P\x19\xc8z?\xa5\xc3\xe0.\xb9\xe4\x92\x8b/\xbe\xf8\xb4\x7f\x01\xc0\xdf\xf0\x8d\x07?\xa36}\xf8\xf0\xe1\x8c1w\xdb\x0f\x11BP1\xf1\x91#G\x06\x02\x81S\x97\x88\x01|\x0f\x01\x00~F\xc5\xdf\xaf\xbc\xf2\xca\xa7\x9ezJk\xed8\x8e\xae#\xa5\x0c\x85B\x83\x06\r\x1a3f\x0c\xd5\x98\xf5\xfab\x01b\r/\x82\x81\xff\xd1\x8b\xbe\x9b7o^\xbcx\xf1\xff\xfe\xef\xff\x96\x97\x97\x07\x83\xc1\xae]\xbb\xde{\xef\xbd#F\x8c\xb0,\x0b\xef\x01\x80\x99\x10\x00`\x04\xf7\xb0\x87\xca\xca\xca\x8a\x8a\x8a\xa4\xa4\xa4\xf6\xed\xdb[h\xfa\xc1l\x08\x000\x05\xbd\x15\xec\xae\xf4\xd2\xe9\xd0\x98\xf9\x01\x93!\x00\xc0,\xb4\x00p\xda]\xa1\x00\xa6A\x00\x00\x00\x18\n\xbb\x8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00\x00\x00\x0c\x85\x00\x00\x000\x14\x02\x00\x00\xc0P\x08\x00\x00\x00C\xd9^_\x00|Ck\xed\xf5%\xc4\x02c\xcc\xebK\x00\x00\xcbB\x00\xc4\x0f\xad5ZF\x00\x88%fH\xaf3!TWW\xd7\xd4\xd40\xe6\xdb\x9bB\t\x97\x9e\x9e\x8e\xb4\x03\x88\x07\x18\x01x\x8f\x9a\xfb\xd2\xd2\xd2\x1e=z\x1c=z\xd4\xc7\x01 \x84p\x1cg\xe2\xc4\x89yyyRJ!\x84\xd7W\x04`4\xdf\xb65\t\x84\x9a\xc2\xc7\x1f\x7f|\xe6\xcc\x99^_K,dff~\xf2\xc9\'\xe7\x9f\x7f\xbe\xd6\x9aslC\x00\xf0\x0c\x02\xc0cJ)\xc6\xd8g\x9f}v\xd5UWI)\xb5\xd6&gt;\x9e\x1e\xd1Z\xdb\xb6\x1d\x0e\x87\x87\r\x1b\xb6|\xf9r\x0c\x02\x00\xbc\x85\x00\xf0\x185\x82\xfd\xfb\xf7\xdf\xb8q\xa3\x10BJ\xe9\xe3) "\x84\xd0Z\x7f\xf0\xc1\x07\xbdz\xf5B\x06\x00x\xc8\xe7mM\x9c\xa3\xe6o\xe3\xc6\x8d\xfd\xfb\xf7\xa7\xd6\x9f\xfe&lt;\xb5Mk\x11\xb0\xfdsk\xb4e\t^^VA\xbf\x11\xfd\xa6\xbdz\xf5\xda\xb4i\x13\xfd\xa3\xd7\xd7\x07`(\x04\x80gh\xb6G)\xd5\xad[\xb7\xcf&gt;\xfb\x8c\xa6}\xb4\xd6\xd7\\y\xf9[\xaf&gt;\x13\xd0\xca\xb2,f\xf9a.HJ\x19LKy\xe3\xf5w\x86?&lt;\x85Z\x7f\xfa\xcf\x15+V\x0c\x192\xc4q\x1c\xdb\xc6f\x04\x00\x0f \x00&lt;C\xed\xe0\xd2\xa5KG\x8f\x1e\x1d\xd9,nZ\xf7l\xdf\x9f\xffT\x95\x96s!,\xcb/wGi\xabm\x9b\xde\xfd\x06\x15\xfdu;M\x01i\xad;u\xeaT\\\\\xdc\xb6m[\xc6\x98_\x97=\x00\xe2\x19\x02\xc0\x1bJ)\xcb\xb2\x8e\x1c9\xd2\xb5k\xd7\xf2\xf2r\xda\x0f#\xa5\xbc\xf3\xe6\x1b\xd6\xbc\xf4\xbbpy\x05\xf7\xd7\xc4\x88\x94*\x98\xd2\xe6\xef\xff\xfb\xff\xae\xbbu\xb8\xe3H\xa5\x14\xa5\xddc\x8f=6s\xe6L\xac\x</t>
        </is>
      </c>
    </row>
    <row r="366">
      <c r="A366" s="1" t="n">
        <v>364</v>
      </c>
      <c r="B366" t="inlineStr">
        <is>
          <t>circle_size_number</t>
        </is>
      </c>
      <c r="C366" t="inlineStr">
        <is>
          <t>What is the missing number of the part denoted with a question mark?</t>
        </is>
      </c>
      <c r="D366" t="inlineStr">
        <is>
          <t>[6, 3, 1, 4]</t>
        </is>
      </c>
      <c r="E366" t="inlineStr">
        <is>
          <t>6</t>
        </is>
      </c>
      <c r="F366" t="inlineStr">
        <is>
          <t>There are 6 numbered circles with varying sizes arranged in a ring with number [6, 2, 5, 5, 2, '?'] in a clockwise order.</t>
        </is>
      </c>
      <c r="G366" t="inlineStr">
        <is>
          <t>We observe that the size of the circle is related to the number in the circle. The circle with the largest value 6 seems to be the biggest and the circle with the smallest value 2 seems to be the smallest. Thus, the pattern is that the larger the number the larger the circle.</t>
        </is>
      </c>
      <c r="H366" t="inlineStr">
        <is>
          <t>Based on the pattern that the larger the number the larger the circle, the missing number of the circle denoted with a question mark should be 6.</t>
        </is>
      </c>
      <c r="I366" t="inlineStr">
        <is>
          <t>b'\x89PNG\r\n\x1a\n\x00\x00\x00\rIHDR\x00\x00\x02\x00\x00\x00\x02\x00\x08\x02\x00\x00\x00{\x1aC\xad\x00\x00\xa8\x9cIDATx\x9c\xec\xbdw\\S\xd7\xff\xf8\x7fo6I\x80\x84)\xe2\x16d+("*b]u\xefm\x1dh\xadV\xc5\xd5j\xd5j\x87Vk\xeb\xa8U\xeb\xac\xdb:\xebB\xdc\xab*\x08(\xb2T\x86\x03\xc7\xdb\x85\x8c$d\x90u\xef\xcd\xef\x8f\xd7\xcf|\xf9h\xb5\x0e\xc8\xbd79\xcf?\xde\x8f\xbe\xdb$\x9c\xe4\x9e\xf3\xda\xaf\xd7\xc1-\x16\x0b\x86@ \x10\x08\xc7\x83C\xf7\x02\x10\x08\x04\x02A\x0f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82\x14\x00\x02\x81@8(H\x01 \x10\x08\x84\x83\xc2\xa3{\x01\x08\x04\xa2j\xb0X,\xf0\xbf\xf0\x0f\xaf\x83\xe38\x8e\xe3\xd6\x7f\xb6\xdd\xca\x10L\x05\x7f\xd3^A \x10\x8c\xc5R\t\x0c\xc38\x1c\x0e\x87\xf3~\xde&lt;EQ\xf0v\xd0\x04\x1c\x0e\x07\xa9\x04\x07\x04)\x00\x04\x82\x1dXE\xf6\x9b\xc4}II\t\x8e\xe3j\xb5\xfa\xd6\xad[\xaf\xfc\'\x1c\xc7)\x8a\xaaW\xaf\x9e\xaf\xaf/EQ\xee\xee\xee\\.\xf7\xf5O I\x12&gt;\xbf\xb2\xaf\x80\xb0c\x90\x02@ \x98\x8b\xc5b\x01\xb9\xcf\xe3\xfd\x9fh\xadR\xa9|\xf0\xe0\xc1\xfd\xfb\xf7\xd3\xd2\xd2JKK\x0b\n\nL&amp;\x93J\xa5\xb2X,\x04A\xb8\xbb\xbb\xf3x&lt;\x8a\xa2*\x0bq\x0e\x87S\\\\\x0c\xcaC,\x16K$\x12__\xdfZ\xb5j\x85\x87\x877h\xd0 88\xd8\xd3\xd3\xb3\xf2\x9f I\x12\xc30\x1c\xc7\xdf\xd7\xb7@\xb0\x08\xa4\x00\x10\x08\xc6\x01r\x1f\xc3\xb0\xcav\xfa\xbd{\xf7\x92\x93\x93/^\xbc\x98\x9b\x9b\xfb\xe2\xc5\x0bgggWW\xd7\x80\x80\x00//\xaf\xf0\xf0p\x89D\x12\x1a\x1aJ\x92$\x8f\xc7\xf3\xf5\xf5\xe5r\xb9\xaf\x1cm\x1c\xc7\x8b\x8a\x8at:\x1d\x9f\xcf\x7f\xf8\xf0\xe1\x8b\x17/\n\x0b\x0b\xff\xf7\xbf\xff\xdd\xbbw\xaf\xb4\xb4T\xadV;;;\xfb\xf9\xf9\xc5\xc6\xc6\xc6\xc6\xc6\x86\x85\x85\xf1\xf9|x#EQ\x14E}@\x94\t\xc1|\x90\x02@ \x18\x04\x04a\xac\xf6\xbeZ\xad\xbex\xf1bBBBff\xa6^\xaf\xafY\xb3fHHHddd\x93&amp;M\xea\xd4\xa9#\x93\xc9@([,\x16\x92$\r\x06\x03\xbc\xcbh4\xfe\xeb\x87\xf3\xf9|\x0e\x87c\xb1X\x84B!\x9f\xcf\xb7\xfa\x07Z\xad\xf6\xc9\x93\'\xb7n\xdd\xca\xcc\xcc\xcc\xcb\xcb+,,\xc4q\xdc\xcf\xcf\xafW\xaf^\xed\xda\xb5\xab[\xb7\xaeum\x18\xca\x16\xd8\x17H\x01 \x10\xf4\x03&amp;\xbfU\xb6\x96\x97\x97\x1f;v\xec\xd0\xa1C\xd7\xaf_wuum\xdd\xba\xf5\xa7\x9f~\xda\xa2E\x0b\x1f\x1f\x1f\x1c\xc7-\x16\x8b^\xaf7\x99L\x04A\xc0\xf9\xc5_\x02\x9f\xf6&amp;\x01m=\xec\xd6\xec1$\x81\xb9\\\xae@ \x10\x89D\xe0p(\x14\x8a[\xb7n\x9d:u*99\xf9\xde\xbd{\x81\x81\x81\xbdz\xf5\xea\xdb\xb7\xafU\x13\x10\x04\xc1\xe5r\x91\x1a\xb0\x03\x90\x02@ \xe8\x04D\xbf5\xd4s\xe1\xc2\x85\xbd{\xf7\x9e&gt;}\xda\xc7\xc7\xa7o\xdf\xbem\xda\xb4i\xda\xb4\xa9H$"\x08\xa2\xa2\xa2\xc2d2\x81\xc8\xaer3\xdc\x9al\xc0q\x9c\xc7\xe3999\t\x85B\x8b\xc5\x92\x9b\x9b{\xe5\xca\x95\x84\x84\x84\xec\xec\xec\xa8\xa8\xa8\xc1\x83\x07\xf7\xef\xdf_ \x10`\x18F\x92$\xca\x10\xb0\x1d\xa4\x00\x10\x08z\x80\xb8\rD{\x0c\x06\xc3\xe6\xcd\x9b\xf7\xec\xd9\xf3\xf4\xe9\xd3n\xdd\xba\r\x1f&gt;\xbci\xd3\xa6B\xa1\xd0`0TTT\x90$i\xe3\xca\x1c\x88\xfb\xe38\xee\xe4\xe4$\x91H0\x0c\xcb\xcf\xcf?x\xf0\xe0\xbe}\xfb\x08\x82\x180`\xc0\x97_~\xe9\xeb\xeb\x8b!5\xc0r\x90\x02@ lMe\xab\xbf\xa8\xa8h\xc9\x92%\xe7\xce\x9dsss\x1b1bD\x9f&gt;}\xdc\xdd\xdd\x8dF\xa3V\xabeB\xea\xd5\x9a\x8e\x06M`0\x18\xce\x9f?\xbfe\xcb\x96;w\xee\x04\x07\x07\xcf\x993\'&lt;&lt;\x1c\xc30\xab\x8a\xa2q\xa9\x88\x0f\x00)\x00\x04\xc2\xa6\x90$\t\xa2\xff\xc5\x8b\x17K\x96,\xd9\xbf\x7f\x7f\xb3f\xcd\xbe\xfe\xfa\xeb6m\xdaX,\x96\xf2\xf2r\xb3\xd9L\xbb\xdc\x7f\x1d\xf0W\xb8\\\xae\x8b\x8b\x0b\x8f\xc7\xbb{\xf7\xee\xaaU\xab\x8e\x1c9\xd2\xa2E\x8by\xf3\xe6\x81\x1a@\xb9\x01\xd6\x81\x14\x00\x02a#\xc0\x94\xe6p8\x04A\xcc\x993g\xcf\x9e=\x91\x91\x91\xb3f\xcdj\xd9\xb2\xa5\xd1h\xd4h4\x18\x1bjl :\xe4\xe4\xe4$\x95J\x1f&lt;x\xf0\xdbo\xbf\x1d&gt;|8::\xfa\xf7\xdf\x7f\xafU\xab\x16VI\xc3!\x98\x0f\xb3\xac\x0c\x04\xc2^!\x08\x02\xec\xfa\xad[\xb7\x06\x07\x07\xdf\xbd{\xf7\xef\xbf\xff&gt;r\xe4H\xd3\xa6MKJJ\xb4Z-\x97\xcbe\x85\xf9\xcc\xe1px&lt;\x9e\xc9d*))\xf1\xf4\xf4\\\xbdzuRRR\xcd\x9a5?\xf9\xe4\x93\x993g\x82\x13`-OB0\x1c\xe4\x01 \x10\xd5\x0b\x84\xf21\x0c\xcb\xcf\xcf\xff\xfc\xf3\xcf5\x1a\xcd\xfc\xf9\xf3\xfb\xf5\xebg4\x1a\xd5j5\x03\xa3=\xef\x0e\xc4\x85D"\x91\xb3\xb3sff\xe6\xacY\xb3\x1e=z\xb4t\xe9\xd2\xde\xbd{c\xc8\x15`\x03H\x01 \x10\xd5\x08A\x100\x95a\xd6\xacY\x07\x0f\x1e\x1c1b\xc47\xdf|\xe3\xe4\xe4TVV\xc6j\xd1_\x19\x98?\xe1\xe2\xe2"\x12\x89v\xef\xde\xfd\xfd\xf7\xdf\x87\x87\x87\xafZ\xb5\xaaf\xcd\x9a(+\xc0p\xeca\xff!\xaa\x04\xebtI\xf2\rT\x1e?\x89\xf8O\xacU\x9e\x05\x05\x05\xe1\xe1\xe1\x19\x19\x19\xa7O\x9f\x9e?\x7f\xbe\xc9dR(\x14&lt;\x1e\xcf&gt;\xa4?\x86a8\x8e\xf3\xf9|\x9dNWZZ:d\xc8\x90\xcc\xccL\x0f\x0f\x8f\xf0\xf0\xf0#G\x8e\xf0x&lt;\x98CG\xf7\x1a\x11\xff\x0e\xf2\x00\x1c\x17\xebtI\xec=\xe7\tW\x9e$\xfcJ\x0f*\x02\xb0F?V\xae\\\xb9x\xf1\xe2\x1f~\xf8a\xc2\x84\t:\x9d\xae\xa2\xa2\xe2\x95\xb1nv\x06\xe8&lt;\x99Lv\xe1\xc2\x85\xf1\xe3\xc7\xc7\xc4\xc4l\xd9\xb2\x05\xc7q\xf0\x84\xe8^\x1d\xe2U\x90\x02p,\xac\r&gt;\xaf\x07gI\x92T(\x148\x8e\xe7\xe6\xe6\xaaT\xaaWd:\x8f\xc7k\xda\xb4)\x97\xcb\x85\xf2\x8f\xd7\xdf\x8b\xc6\x08[\x01a\xa7\xd3\xe9F\x8d\x1a\x95\x9b\x9b\xbbg\xcf\x9e\xf0\xf0\xf0\x92\x92\x12\xbb\x89\xf9\xbc\x1d\xebD\xd2\xf2\xf2\xf2\xb8\xb8\xb8\x07\x0f\x1e\x1c8p   \x00\xe9\x00\x06\x82\x9e\x87C\x00r\x9f\xcb\xe5V\x96A\xf7\xef\xdf\x87\xf9_\x0f\x1f&gt;\xbc}\xfb\xb6V\xab\xad\xa8\xa8\xa0(\xca\xd9\xd9Y(\x14B\x87\'\xf6r\\\x8c\xc5bQ\xa9T\x18\x86\t\x04\x02\x99L\xe6\xeb\xeb[\xbf~\xfd\x96-[\xfa\xf9\xf9\x85\x84\x84T&gt;\xd8\x04AT\xc7\xac\x02\xb6\x00b.==}\xd8\xb0a\xcd\x9b7\xcf\xc8\xc8\xe0r\xb9\xc5\xc5\xc5\xd6\xe1\x9av\x0fD\x84\x14\n\x85P(&lt;z\xf4\xe8\x92%Kbbb\x96.]\x1a\x17\x17\x07\xc6\x87cn\x0cf\x82&lt;\x00{\xa6\xf2\xb0\x01\xe0\xde\xbd{\xc7\x8f\x1f\xbft\xe9\xd2\xa3G\x8fJKK\xdd\xdc\xdc\x02\x03\x03\xeb\xd5\xab\x17\x16\x16\xe6\xe3\xe3S\xaf^=\xb3\xd9\\\xb3fM\xb1X\\9n\x8b\xe38I\x92\x8f\x1f?\xc6q\\\xa1P\xdc\xbbw\xef\xfe\xfd\xfb\xf7\xee\xdd\xcb\xcf\xcf/**rvv\xf6\xf6\xf6\x8e\x89\x89\xe9\xd9\xb3gxx\xb8U\xc1X\x0b\x1fm\xfd\xb5\xe9\x03\xa4\xff\xe1\xc3\x87\xc7\x8d\x1b\xb7`\xc1\x82\t\x13&amp;(\x95J\x87-\x86\x81\xed\xe7\xe9\xe9y\xe5\xca\x95\xcf&gt;\xfb,..\xee\xc7\x1f\x7f\xb46C\xd0\xbd:\x04\x86!\x05`\xaf@\x98\xde*w233\x0f\x1e&lt;x\xfc\xf8q\xadV[\xbbv\xed\xe8\xe8\xe8\x98\x98\x98\x90\x90\x90\x9a5k\xc2`/\x8b\xc5b6\x9b\x8dF#\x8e\xe3f\xb3\xf9_\xb3vB\xa1\x10\xc30.\x97+\x14\n\xe1\x00\x93$YRRr\xf7\xee\xdd\xd4\xd4\xd4+W\xae\x14\x16\x16\x9aL\xa6\xd8\xd8\xd8\xc1\x83\x07\xb7k\xd7\x0e\x14\x0f\xac\xc4\xee\x1d\x02\xebt\x87\x15+V,Z\xb4\xe8\xef\xbf\xffn\xd7\xae]qq1dA\xe9^\x1d\x9d\x98\xcdfww\xf7\x92\x92\x92N\x9d:\x05\x05\x05\xed\xdf\xbf\x1f\xabT\x1a\x8b\xa0\x17\xa4\x00\xec\x8d\xcaSY\x9e?\x7f\xbev\xed\xda\x93\'O\x1a\x0c\x86f\xcd\x9au\xed\xda\xb5e\xcb\x960\xd4\x97 \x08\x18)\x0c\xb2\xber.\xf7\xed\xc3\x84+O\x12\xe6p8|&gt;_(\x14\x82n(++KOO?w\xee\xdc\xc5\x8b\x17\r\x06Ctt\xf4\xc4\x89\x13\x9b6m\xfa\xfa\xc2\xec\x0c\xebM\x8d#G\x8e\xbcr\xe5JRR\x92\x97\x97\x97B\xa1p\x9c\xb0\xcf\xdb!\x08B$\x12I\xa5\xd2\xde\xbd{?~\xfc\xf8\xe2\xc5\x8b\xae\xae\xae\x0e\xeb\x181\n\xa4\x00\xec\x87\xca\xce\xf5\xb5k\xd7\x96-[\x96\x99\x99\xe9\xef\xef?j\xd4\xa8.]\xba\xc8d2\x8a\xa2t:\x9d\xd1h\xac\xc2\x84m\xe5\xdaP\x1e\x8f\'\x91H\xf8|\xbe\xc1`HMM\xdd\xb6m[RRR\xfd\xfa\xf5\xe3\xe3\xe3\xfb\xf4\xe9\x03\x7f\xcb\xfe\x8e\xbd\xd5\xf6\x1f8p\xe0\xb3g\xcf\x0e\x1d:\xe4\xe2\xe2\xa2\xd5jQ\xc2\xb32\xf0\x139;;O\x9c8\xf1\xd2\xa5K\xa9\xa9\xa9r\xb9\xdc\xfe6\x03\xeb@\n\xc0\x1e\xa8&lt;]211q\xf1\xe2\xc5\x1a\x8d\xa6{\xf7\xee\xc3\x87\x0f\x0f\r\r\xa5(J\xadV\x9b\xcdf\x1b\xe4f\xad\xd9f\xa9T*\x10\x08\x9e&gt;}\xba\x7f\xff\xfe\xc3\x87\x0f\x97\x94\x94L\x9c8q\xc2\x84\t\xd0\x15\x85\xd9K\x14\xd8\xfa\xcb\xf7\xeb\xd7\xaf\xa2\xa2\xe2\xd4\xa9S\x1a\x8d\xc6h4"\xb9\xf6:\xf0[yxx\xcc\x9f?\xff\xaf\xbf\xfe\xbav\xed\x1a\xd2\x01\xb4\x83\x14\x00\xeb\xb1\x1e\xa1\xcb\x97/\xcf\x9a5\xab\xac\xacl\xdc\xb8qc\xc6\x8cqss\xd3\xe9tz\xbd\x1e\xfb\xbfW\xcb\xda\x06\xd0\x04B\xa1\xd0\xc5\xc5\xc5d2%$$,_\xbe\\\xa9T~\xf3\xcd7\x9f\x7f\xfe9f\x17\x11\xa1\xca\xd2_\xaf\xd7\x9f&lt;yR\xa9T\xa2\xe8\xf6[\x80\nQ//\xaf\x05\x0b\x16\xec\xdc\xb9\x13t\x00\xfa\xc5h\x04)\x00\x16c5\xa5\x9f&lt;y2u\xea\xd4\xdc\xdc\xdc\xb1c\xc7\x8e\x1d;V&amp;\x93\xa9T*\xb3\xd9L{\x17&gt;\xd4\x81p8\x1c8\xe7G\x8e\x1c\xf9\xed\xb7\xdf,\x16\xcb\xaf\xbf\xfe\x1a\x1b\x1b\x8b\xb19"d\xad\xb0\xea\xdf\xbf\x7fEE\x05\x92\xfe\xef\x8e\xd9lF:\x80! \x05\xc0V\xac\xa2\xf3\xe7\x9f\x7f\xde\xb2eK\xb7n\xddf\xcf\x9e]\xb3fM\xa5R\xc9\xc0\x8e\x1b\xe8*\x90\xcb\xe5&amp;\x93i\xcd\x9a5\xeb\xd7\xaf\x8f\x89\x89Y\xb5j\x95\xb3\xb33K\xc7\xc5\xc0\x8f&lt;h\xd0\xa0\xd2\xd2\xd2\x0b\x17. \xe9\xff^\x80\x0e\xf8\xfe\xfb\xefw\xed\xda\x95\x9b\x9b+\x10\x08P\x7f\x00- \x05\xc0&gt;\xac\x91\x87\x82\x82\x82Q\xa3F\x11\x04\xb1q\xe3\xc6f\xcd\x9a\xa9\xd5j\xa3\xd1\xc84\xd1_\x19P\x03\xee\xee\xee/^\xbc\xf8\xea\xab\xaf\x92\x92\x92\xfe\xf8\xe3\x8f^\xbdzal\xab\x0b4\x9b\xcd|&gt;\x7f\xf9\xf2\xe5\xbf\xff\xfe\xfb\xad[\xb7\xa0v\x96E\xebg\x02\x04Axzz\xf6\xec\xd9\x13\xc3\xb0\xc4\xc4D\xb3\xd9\x8cJfm\x0f\xda\xb2,\x03d(\x97\xcb]\xb5jU\xbbv\xed\xbau\xebv\xf5\xea\xd5\x90\x90\x90\xe2\xe2b\x06\x1a\xfe\xaf\x00\xad\xc8%%%NNN\xbbv\xedZ\xb6l\xd9\x84\t\x13\xc6\x8c\x19\x03UI\x04A\xd0\xbd\xc0w\x82 \x08&gt;\x9f\xbf}\xfb\xf6_\x7f\xfd5==\x1d\x86\xe3#\xe9\xff\xbep\xb9\xdc\xb2\xb2\xb2\xc4\xc4D\x9dN\x17\x17\x17\xc7\xe7\xf3I\x92\xa4{Q\x0e\x07\xf2\x00\xd8\x04\x84}\xb4Zm\\\\\\^^\xde\xee\xdd\xbb\xc3\xc3\xc3\xcb\xca\xca0\xb6\x15\xd5@\x00\xdd\xc3\xc3\xa3\xac\xacl\xcc\x981,\x1a\x17\x03\x9eJZZZ\xf7\xee\xdd\x13\x13\x13\xa3\xa2\xa2\x94J%\xc3\xd7\xccX(\x8a\x02\xb9\x1f\x19\x199u\xea\xd4)S\xa6\xb07\'\xc4R\xd8$5\x1c\x1c\x88\x95_\xbf~\xbdi\xd3\xa6\x02\x81\xe0\xfa\xf5\xebAAA\xc5\xc5\xc5l\x1c\xb7\x80\xe38\x8f\xc7+--\x15\x08\x04G\x8f\x1e\x1d1bD\x9b6mv\xec\xd8\xc1\xe3\xf1\x98l\x06\x82\xb5\xa4T*{\xf4\xe8\xb1z\xf5\xeaV\xadZ\xa1n\xaf\x8f\x81\xc3\xe1\x98L&amp;\x91Ht\xf6\xec\xd9\xd9\xb3g\'\'\'s\xb9\\&amp;o\x00\xfb\x03y\x00\xec\x00L\xe3\x8b\x17/\xf6\xef\xdf\x7f\xf6\xec\xd93g\xce\xb4\x8f!3\xd6q1\x17.\\\x188p\xe0\xdc\xb9s\xbf\xfa\xea+\xc6V\x88\xc2Sh\xdf\xbe\xbd\xbf\xbf\xff\x86\r\x1b\x1cj\xc4[\xf5\x01\t\xe1\xbd{\xf7N\x9e&lt;\xf9\xce\x9d;\xae\xae\xae(!l3\x90\x02`\x01\x90r\\\xb9r\xe5\x9c9s\x8e\x1d;\xd6\xbe}{;\x1b2c6\x9b\xdd\xdc\xdcJJJZ\xb7n\x1d\x19\x19\xb9\x7f\xff~\x06\xea\x00\x90\xfe\x0b\x17.\xdc\xbbwovvvyy9\xeb\x1c/\xc6\x02:`\xdc\xb8q\xf7\xee\xdd\xbbp\xe1\x02lx\xba\x17\xe5\x10 \x05\xc0t\xac\x05\'\xabV\xad:v\xecXpppYY\x99\xfd\x1d\x0f\x82 $\x12\x89\xd1h\x1c2d\x88T*=x\xf0 \xa3t\x00\x84\xfe\xaf]\xbb\xd6\xa1C\x87\xec\xec\xec\x1a5j\x18\x0c\x06\xa4\x00\xaa\x10\x8a\xa2d2Y\xe3\xc6\x8dG\x8e\x1c9k\xd6,\xe6g\x83\xec\x03\xa4\x00\x18\rH\xffe\xcb\x96\xad^\xbd:--\xcd\xd3\xd3\xd3\x8eS\x8e$I\n\x04\x02\x17\x17\x97\xae]\xbb:99\x1d:t\x88!:\x00\xean+**\x9a4i\xb2p\xe1\xc2a\xc3\x86\x95\x94\x94\xd8\xebS\xa0\x0b\x8a\xa2D"\xd1\xb3g\xcfZ\xb5ju\xf2\xe4\xc9\xc8\xc8HvU\x06\xb3\x14\xa4\x00\x98\x0b\x18AV\xe9/\x93\xc9\xec~\xc4\x18\x9cy\xb9\\n\xd5\x01L\xb8B\x04r-#F\x8cP\xab\xd5\t\t\tH\xfaW\x13\xd0\x19\xb0j\xd5\xaa\x95+W\xde\xb9s\x07\xc30&amp;\xa8\x7f\xfb\x06)\x00\x86\x02\xd2\x7f\xe5\xca\x95+V\xacHMMu\x04\xe9\x0fT\xd6\x01...\xfb\xf6\xed\xa3\xb7E\x08\xd6\x93\x9a\x9a\xda\xaf_\xbf\x9c\x9c\x1c\x91H\x04W\x9e\xd1\xb2\x18\xbb\x07\x8a\x83ccc\xbbv\xed:g\xce\x1c;(s`8H\x010\x11\x90\xfe\xc7\x8e\x1d\xeb\xd5\xab\xd7\xfd\xfb\xf7}||\xd4j\xb5#H\x7f\xc0\xaa\x03\x1a5j\xd4\xb5k\xd7\x95+W\xd2\x95\x15\x84\xe0\x0f\x86a\x01\x01\x01\xd3\xa7O\x9f4i\x122\xff\xab\x15\x8a\xa2\xc4b\xf1\xed\xdb\xb7ccc322\xfc\xfc\xfc\xa0I\x90\xeeu\xd9-\xe8\x97e\x1c\x14E\xf1x\xbc\xb4\xb4\xb4\xb8\xb8\xb8s\xe7\xce\xf9\xfa\xfa:\x94\xf4\xc70\x8c\xc3\xe1\xc0\x08\xebK\x97.%&amp;&amp;\xae\\\xb9\x92\xae6Q\x18\xb9\xb1t\xe9R\x18d_ZZ\xeaP\x0f\xc2\xf6p8\x1c\x8dF\x13\x1e\x1e&gt;r\xe4\xc8\x89\x13\'\xc2e\xd4t/\xca\x9eA\xbf/\xb3\x80\xcbU\xca\xcb\xcb\xfd\xfc\xfc\x16.\\8a\xc2\x04\x87-6\'\x08B&amp;\x93\xe5\xe7\xe77m\xda\xf4\xd2\xa5K\xad[\xb7\xb6q@\x00\x9e\x85J\xa5\xaaW\xaf\xde\xe9\xd3\xa7#""t:\x1d\xb2Fm\x03\x97\xcb\xf5\xf7\xf7\xdf\xb1cG\xe7\xce\x9dQ \xa8\xfa@\n\x80Y\xbc\xd2j\xf4\xe2\xc5\x0b\xb8\xb3\xd71\x81\xf2\xf0}\xfb\xf6\xc5\xc7\xc7\xdb\xbeE\xc8\x9a\xfb\x15\x08\x04\x9b7oF\xc1\x1f\x9bA\x92\xa4\x9b\x9b\xdb\xae]\xbb~\xfe\xf9\xe7\x9c\x9c\x1c\xc8\x00\xa1\xbcKu\x80\x14\x00\x83\x00\x89\x83Z\x8d*cm\x11*,,&lt;\x7f\xfe\xbc\xcd\xca\xc3\xa1\xfa(//\xafe\xcb\x967n\xdc\xf0\xf0\xf00\x99LH\x06\xd9\x0c\x8a\xa2\xe4ryhh\xe8\xa4I\x93&amp;M\x9a\x84\x9c\x80j\x02)\x00\xa6`m5j\xdf\xbe}NN\x0ej5\xb2\x02-Baaa\xa3F\x8d\x9a5k\x96md\x01\xfc\x95\xde\xbd{\xd7\xa8Qc\xc3\x86\r\xc8\xfc\xb71$I\xcad\xb2C\x87\x0e}\xfd\xf5\xd7\x85\x85\x85\xc8\t\xa8&amp;\x90\x02`\x04Pmb\xb1X\xa0\xda$&gt;&gt;\x1eI\x1c+$IJ\xa5\xd2\xfc\xfc\xfc6m\xdadff6j\xd4\xa8\xba[\x84\xe0\xf3ssscbb233===\x91\xf9o{(\x8aruu\x8d\x88\x88\xf8\xf2\xcb/\x91\x13PM \x05\xc0\x08`s\x7f\xf5\xd5W\xd7\xaf_\xbf|\xf9rii)\xda\xeb\x95\x81@\xd0w\xdf}w\xe2\xc4\x89\xeb\xd7\xafCqN\xf5\xfd9x\x1c\xbdz\xf5\xf2\xf1\xf1A\xe6?]\x90$)\x97\xcb\x0f\x1c80c\xc6\x8c;w\xee\x88D"\x0c\xc3\x90\x1a\xaeZ\x90\x02\xa0\x1fk\xb89&amp;&amp;\xe6\xfa\xf5\xeb\xde\xde\xdeF\xa3\x11\x05\x7f^\x01\x02A\xe1\xe1\xe1\x13&amp;L\x988qb\xf5\xd9\x83p"\x9e={\x16\x15\x15u\xf9\xf2eoood\xfe\xd3\x05EQ...QQQs\xe6\xcc\x194h\x10r\x02\xaa\x1c$e\xe8\xc7b\xb1\xe08\x1e\x17\x177k\xd6\xac\x86\r\x1bVTT \xe9\xff:\x16\x8b\x05.\xbf\xfc\xee\xbb\xefJKK\xab\xafB\x1c\xf4\xf1\xb2e\xcb\xda\xb5k\xd7\xb0aC\xbd^\x8f\xa4?]@O\xcc\xa4I\x93\x96/_\x8e!\xf3\xbf\x1a@\x82\x86f\xc0\xa8IHHP*\x95\x13\'NT*\x95\x8eY\xf5\xff\x9fp\xb9\\\xb5Z\xdd\xb2e\xcb\xb6m\xdb\xce\x9f?\x1f\x9a\xc5\xaa\xfc\xaf@\xdf\xa9^\xaf?r\xe4\xc8\xe8\xd1\xa3\x91+F/&lt;\x1eO\xadV\xf7\xee\xdd\xfb\xf9\xf3\xe7YYY\xd5\xf4\xd0\x1d\x19\xb4\xb9\xe9\x04l\x7f\x93\xc9\x14\x1f\x1f\xff\xf3\xcf?K\xa5R\xb6\xdc\x8bK\x0bp\x1d\xe6\x8a\x15+v\xee\xdc\x99\x9b\x9b[\x1d\xe2\x00\xae\\\xde\xbe}\xbb\x8b\x8bKll\xacV\xabE\n\x80^L&amp;\x93\xa7\xa7g\xd7\xae]\x17.\\\x88\xbd\x0c\xd0!\xaa\n\xb4\xb9\xe9\x04\xaaM\xfe\xfc\xf3O\x99L\xd6\xaf_?;\x1e\xf5\\%\xe08\xae\xd7\xeb\xeb\xd6\xad;x\xf0\xe0o\xbf\xfd\xb6:\xa2@ \xeew\xef\xde=b\xc4\x08&gt;\x9f\x8f\xecM\xda\xe1p8\x06\x83a\xcc\x981W\xaf^\xd5h4\\.\x17\xe9\x80*\x04)\x00\xda\xb0F\x1b~\xf9\xe5\x97y\xf3\xe6\xa1\xb1\'\xef\x028\x01\xb3g\xcf\xbe|\xf9\xf2\x8d\x1b7\xaa\xd6\t\x00}\x9c\x97\x97w\xef\xde\xbd\xa1C\x87\xaa\xd5j\x94r\xa4\x1d\x0e\x87\xa3\xd5j\x9b7o^\xabV\xad\xbf\xfe\xfa\x0b\xc30tip\x15\x82\x14\x00m@\xb2111\xd1\xc3\xc3\xa3_\xbf~*\x95\n\x89\x9b\xff\x04\x9c\x80\xfa\xf5\xeb\x0f\x180`\xd5\xaaU8\x8eW\xad\x02\xc00l\xd7\xae]M\x9b6\xf5\xf5\xf55\x1a\x8d(\xeb\xc8\x10p\x1c\xef\xd7\xaf\xdf\xee\xdd\xbb\xb1\x97^\x1a\xa2J@?%m\x80pY\xbe|\xf9\xa4I\x93x&lt;\x1e\x8a6\xbc#\\.W\xa7\xd3M\x9f&gt;\xfd\xf4\xe9\xd3/^\xbc\xa8\xc2\x98\x00\xf8\x13\xa7O\x9f\x1e;v,\x1a\xfa\xcf\x1c\xc0\t\x186l\xd8\xf3\xe7\xcf\xff\xf7\xbf\xffq8\x1c\xe4+W\x15H\x01\xd0\x03D\x1b\xb2\xb2\xb2\x9e?\x7f\xde\xbbwoG\x1b\xf8\xfc1\x80\x13\x10\x14\x14\xe4\xef\xef\xbfs\xe7N\x1c\xc7\xab$&amp;\x00O\xe4\xd6\xad[\xcf\x9e=\x8b\x8e\x8eF\xc5\xb8\xcc\x01\xc7q\xa3\xd1\xe8\xeb\xeb\xeb\xed\xed}\xf8\xf0a\x0cE\x81\xaa\x0e\xb4\xc5\xe9\x01L\x98\x85\x0b\x17v\xed\xda\x15&amp;\r\xd0\xbd"\x96A\x92\xe4\xb8q\xe3\xd6\xacYc2\x99\xaa$t\x06\x1e\xd8\xe1\xc3\x87\x1b7n\x8c\x9a\xbf\x98\x06\xd4\xcbu\xeb\xd6-!!\x01C\r\x01U\x07R\x004`\xb1X\xb8\\nyyyZZ\xda\x981c\xd0\xd0\xb7\xf7\x85\xcb\xe5j4\x9an\xdd\xba\xe18\x9e\x92\x92R%N\x00&lt;\x82\x0b\x17.\xf4\xea\xd5\x0b\xc9\x17\xa6\xc1\xe5r\xf5z}\xf7\xee\xdd\x1f&lt;x\xa0T*Q-PU\x81\xe4\x0e\r\x80\xb1y\xe2\xc4\x89z\xf5\xeaEFF2\xaa\xd8\xdcb\xb1\x90$I\xfc_`P\x1d\xddK\xfb?\x10\x04\xe1\xe2\xe2\xd2\xbbwo\xa8\x0c\xf9\xc8\xe5AEVIIIaaa\x9b6m\xd8\x1b\xff\x81\xa9\x82\xacx\x82\xef\x05\xc4\xfd\x02\x02\x02\xc4bqrr2\xf6\xf2\x10!&gt;\x12\x14w\xa6\x8d\xbf\xff\xfe\xbb[\xb7n\x0c\xb1e@p\xe08.\x12\x89\x84B!$$\xc0\xef\xb6X,&amp;\x93I\xaf\xd7\x9b\xcdf.\x97\xcb\x10\xeb\x98\xc3\xe1\x18\x8d\xc6&gt;}\xfaL\x980\xc1h4~\xe4\xb590].%%\xc5\xc7\xc7\'((\x88u71X\xef.\xe6\xf3\xf9"\x91\x88\xcf\xe7\xc3\xfa\xadO\xd0l6\xeb\xf5z\x08\x971\xe4\t\xbe/$I:99\xc5\xc4\xc4\x9c;w\xaeg\xcf\x9eL85v\x00R\x00\xb6\x06\xe2?\n\x85"##\xe3\xfb\xef\xbf\xd7\xeb\xf5\xb4W\x7f\x12\x04!\x10\x08d2\x99\xc9d\xba\x7f\xff~nn\xee\xbd{\xf7JKKM&amp;\x93D"\xa9]\xbbvhhhXX\x98\x87\x87Gyy9I\x92L\x10\x8e\x1c\x0eG\xa7\xd3EEEa\x18\x96\x94\x94\xd4\xb1c\xc7\x8f\x99\x14\x06\xd2\xe4\x9f\x7f\xfe\x89\x88\x88\x80\x8a,&amp;|\xc7w\x87\xc3\xe1\xb8\xb8\xb8p8\x9c\x17/^dee\xdd\xb9s\xe7\xc9\x93\'\x1a\x8d\x86 \x08\xb1X\\\xb3f\xcd\xa0\xa0 \xc8mh4\x9a\xaa\xca\x9a\xd8\x18(\xf9m\xd3\xa6\xcd\xda\xb5k\xd1M\xf1U\x05R\x00\xb6\x06\x8c\xcd\xd4\xd4T\xa9T\x1a\x10\x10@\xef\xac10\x1b\xdd\xdd\xddKJJ\xf6\xee\xdd{\xf0\xe0\xc1\xb4\xb44\x8dF\xf3\xfa+\xc3\xc2\xc2F\x8e\x1c\xf9\xf9\xe7\x9f\x8b\xc5b\x9dN\xc7\x04\t\x02&amp;aDD\xc4\xb1c\xc7:v\xec\xf81&amp;!T\x16\xa6\xa6\xa6N\x980\x01\xac\xe6*\\g\xb5\x02\xa2\x90$\xc9\xc4\xc4\xc4\xc3\x87\x0f\'\'\'?x\xf0\xe0__\xe9\xe7\xe77p\xe0\xc0I\x93&amp;yzz\xb2\xb1\xc7\r\xba&amp;###\x9f&gt;}Z\\\\\xec\xed\xed\xcd\xae\'\xc5LP\xf7\xa9\xad\x81K\r\xbf\xf8\xe2\x0b.\x97\xbb~\xfdz\x1ag\xcdS\x14%\x91H,\x16\xcb\x8e\x1d;V\xacXq\xfb\xf6m\xf8\xf7\xbe\xbe\xbe~~~^^^|&gt;_\xadV?x\xf0 77\x17\xfeS\xf3\xe6\xcd7m\xda\x14\x10\x10\x00M\xf9\xb4,\xdb\n\xdc\x1c\xbbo\xdf\xbe%K\x96ddd`\x1f\xda"\x04rD\xa5R\x85\x84\x84\x1c=z488\x98-9\x00\xf0&amp;\r\x06C\x9f&gt;}\xd2\xd2\xd2\xe0_\xf2x\xbc\x06\r\x1a\xd4\xaaUK&amp;\x93q8\x1c\xb5Z\xfd\xf0\xe1\xc3;w\xee\xc0\x7f\xf5\xf3\xf3\xdb\xbcys\xcb\x96-\xcb\xcb\xcbi\x7f\x82\x1f\x80@ \x88\x88\x88\xf8\xe3\x8f?&gt;\xfd\xf4S4\x1d\xfa\xe3A\x1e\x80\xad\xe1r\xb9$I&amp;\'\'\x7f\xf7\xddw\x10v\xa7e\x19\x16\x8bE \x10\x14\x14\x14\xcc\x9d;\xf7\xc4\x89\x13\x18\x86\xc9d\xb2\x01\x03\x06\xf4\xeb\xd7\xafq\xe3\xc6nnn|&gt;\x1f\x9cn\xadV\x9b\x9b\x9b\xbbn\xdd\xba\xdd\xbbw\xa7\xa7\xa7w\xed\xda\xf5\xcc\x993\xf5\xeb\xd7\xd7\xeb\xf5\xf4JI\x0e\x87SQQ\xd1\xbcy\xf3\xe7\xcf\x9f?z\xf4\xa8~\xfd\xfa\x1f\x16\xba\x01\x05\x90\x97\x97\'\x10\x08\x1a4h\xc0\xa2\t\xa08\x8e\x9b\xcdfwwwOOO\x0c\xc3:v\xec\xd8\xa3G\x8f\x98\x98\x98\xbau\xeb:;;\x83p\xa4(J\xadV\xe7\xe5\xe5m\xdc\xb8q\xf7\xee\xdd\xf7\xee\xdd\xeb\xd5\xab\xd7\xb9s\xe7BBB\xd8\xa2\xe7\xac\x90$)\x91H\x1a6lx\xf5\xea\xd5O?\xfd\x14\x19\xaf\x1f\x0f\x9b\x1e\xbf\x1d\x00\xb2\xa6\xa4\xa4D\xaf\xd77o\xde\x9c\xc6\x13\x08\xe6\xff\x993g@\xfa\x8f\x1a5*99y\xe3\xc6\x8d\x1d;vtvv\xae\xa8\xa8P\xa9TJ\xa5\xb2\xbc\xbc\x1c\xc3\xb0\xc8\xc8\xc8]\xbbv\xfd\xf1\xc7\x1f|&gt;\xff\xd9\xb3g\xa3G\x8ffB&amp;\x00\xfa\x83\xea\xd6\xad[\xabV\xad\xcc\xccL\xecCk\x81\xe0]\xf9\xf9\xf9\xf5\xeb\xd7\x97\xc9d\xec\x1a\xc8\n:\xe0\x87\x1f~8v\xec\xd8\xf1\xe3\xc7\xa7L\x99\x12\x1c\x1c\xcc\xe3\xf1\xb4Z\xadJ\xa5R\xa9T\x1a\x8d\x86\xc7\xe3EEE\xfd\xf5\xd7_\x7f\xfe\xf9\xa7P(,//\x9f&lt;y2\x1b\xe3\'\xf0\xa4\xc2\xc3\xc3\xad\x0e\r\xe2#A\n\xc0\xa6@\xcc\xfd\xea\xd5\xabr\xb9\xbcn\xdd\xba4N\x9b\x81F\x84\xc9\x93\'\x7f\xf1\xc5\x17\x7f\xfe\xf9\xe7\xb6m\xdb\xea\xd5\xabWZZZ^^N\x10\x04\x87\xc3\xe1\xbe\x04\xc30\xadV[\\\\&lt;i\xd2\xa4Y\xb3fa\x18\x96\x9e\x9e\xbes\xe7N\x99LF{C&amp;EQ|&gt;?,,\xec\xf2\xe5\xcb\xd8\xc7)\x80\x1b7n4h\xd0\x80u#\xf9 2\x1e\x18\x18\xd8\xa9S\'\x8dFSZZZQQ\x01\x9e\x10&lt;&gt;\x98o\x01O\xf0\xf3\xcf?\x9f9s&amp;\x86aiii\xe7\xce\x9dsvv\xa6\xfd\t\xbe\x17\xf0tBBB@\x01\xd0n\x82\xd8\x01\xe8\x17\xb4) \\RRR\xea\xd7\xaf/\x10\x08h\xafe6\x18\x0c\xabW\xaf\x1e9rdii\xa9\xc1`\xe0\xf1x\xffZ&amp;\xc8\xe5ry&lt;\x9eR\xa9\x9c6mZ\xc3\x86\rq\x1c\xff\xeb\xaf\xbfh\x0f\x01a/;B\xc3\xc3\xc3\xaf_\xbf\x8e}\xa8D\x80\x0f)((h\xdc\xb81\x1b\xedb\x1c\xc7\r\x06\x83Z\xad\xe6p8&lt;\x1e\x8f\xc3\xe1\xbc\xf2\x15p\x1c\x07e\xa0V\xab\xc7\x8d\x1b\xe7\xed\xed\x8d\xe3\xf8\x993g\xf8|&gt;\xbb\xb4\x1d|\xd3\xc0\xc0@\x95JU^^\xce:m\xcd@\x90\x02\xb0)p2\xef\xdd\xbb\x17\x19\x19I\xf7Z\xfe\x7f\xb4Z-dt\xdf.=q\x1c\'\x08\xc2\xcd\xcd\xad[\xb7n\x16\x8b\xe5\xd6\xad[\x0f\x1f&gt;\x14\n\x85\xf4\x9e@\xb8N\'""\xa2\xbc\xbc\xbc\xa2\xa2\xe2\xc3d7\xa4:\xca\xca\xca|||X*P\xc0\xde\xff\xcf\xd7\x98L&amp;oo\xef\x88\x88\x08\x8b\xc5RPP`2\x99hW\xe1\xef\x05lB\x0f\x0f\x0f\x93\xc9\xa4\xd3\xe9X\xa7\xaa\x19\x08\x9b\x1e\xbf\x1d\x00\xb2\xe6\xe1\xc3\x87\x8d\x1a5\xa21\x03\\\x19\x0e\x87\xf3\x8eR\x00\x0c\xae\xc6\x8d\x1bc\x18\xa6\xd1h\xfe\xf7\xbf\xff\xd1\xee\xc4X\xd3\x00:\x9dN\xa9T~\x80I\x08e\x94J\xa5R\xa9T\x86\x84\x840\xc1\xad\xa9Vx&lt;^\xcd\x9a51\x0cS\xa9T\xac\x9bA\x02\t\x0f\x1f\x1f\x1f\x99L\x96\x93\x93\x83\xa1~\xe0\x8f\x86M\x8f\x9f\xed\x80\xac)//W*\x95AAAl\x945\x14E\xb9\xbb\xbb\xc3?k4\x1a\xda\x15\x18H\x84\x1a5j\xb8\xba\xbaB\xad\xea\x87I\x04\x93\xc9d\xb1XD"\x91#\x08\x14\xd6\xed\xba\xcaX,\x16\x1e\x8f\'\x10\x08***\xe8^\x8b=\xc0\xe2\xad\xc0:\xc08-++\xe3r\xb9\xae\xae\xae\xec\xca\xbfY\xb1\x9a\xd8\x0c)\xc1\x86&lt;\xb0L&amp;{\xf6\xec\xd9\x87\xbd\x1d\xc3\xb0\xac\xac,\x99LV\xabV-\xb3\xd9L\xbbV\xabV(\x8aR(\x14\x18\x869;;\xd3\xee\xc0}\x00\xd0G\x19\x12\x12\x92\x92\x92\x82\xa1+\x82?\x1a\xa4\x00l\x87\xb5\xdaD&amp;\x93\xf9\xf8\xf8\xb0Q\xd6@\xb4\x04\xc30\x1c\xc7]\\\\\x98 &gt;\xc0\xaf\n\x0c\x0cLOO\xc7&gt;T"X\x0b\x9f\xec[\xa0\xc0\x14\xd5\xfc\xfc|\x1c\xc7\xfd\xfc\xfc\x84B!\x13\x9e\xe0\x07\xc0\xe3\xf1\xd8U\xad\xcbX\x90\x02\xb05b\xb1\xd8d2\xb1\xf1\xe0\x81\xa8-,,\xc40\xcc\xd9\xd9\xb9f\xcd\x9af\xb3\x99!\xf1\x04\x83\xc1\xe0\xe4\xe4\xf4\xc1o\x87\x91\x99\xf6-\xfd\t\x82\x90J\xa5\xa9\xa9\xa9\xb7o\xdf\xb6X,\x9f|\xf2\tC\xb2P\x1f\x00&lt;/\xbaWa\x0f0\xe2\xf4:\x14\xb7o\xdf\xae]\xbb6\x1b\x8dM\xc8\xb8\xa6\xa7\xa7\xe38\xde\xb0a\xc3Z\xb5j1\xe1\xd6\x14H\xfc\xfa\xf9\xf9=|\xf8\x10{\xff\xabB\xac\x85\xb9\x01\x01\x01l|(\xef\x08DN\x08\x82X\xb4h\x11EQ\x01\x01\x01]\xbata\xc2&lt;\x8f\xf7\x05\x1ew\xb3f\xcd\xb2\xb2\xb20\x96\xe73\x98\x00\xfa\xf9l\x07\x08\x17P\x00\xac\xbb\xd7\x94\xa2(\'\'\xa7;w\xee\xa4\xa5\xa5Y,\x96\xf6\xed\xdb\xbb\xb8\xb80\xc7\n\xf3\xf7\xf7\xff0\x05\x00\x98L&amp;\xb9\\n\xafu\xe5`\xe9\xbb\xb9\xb9}\xfd\xf5\xd7\x10:\x9f?\x7f\xbe\xab\xab+s\x1e\xdf\xfb\xe2\xe6\xe6\xc6\xd2\x14\x1a\xd3@\n\xc0\xd6\x08\x04\x02\xb3\xd9L\xf7*\xde\x1b\x18\x1d\xb1m\xdb6\xadV+\x12\x89\x86\x0c\x19\xc2\xa8*&amp;\x93\xc9\xc4\xe7\xf3?\xf8\xedP`^\x85\xeba\x0e$I\xf2\xf9|\xa9T\x1a\x1f\x1f\xbfn\xdd:\x0c\xc3\xbe\xfa\xea\xab\x01\x03\x06\xa8T*\xd6\x99\xffV\x08\x82\xa0\xdd\xf5\xb4\x0f\xd008[\xc3\xc6^S\x90\xfe\xb9\xb9\xb9[\xb6l\xc10l\xc0\x80\x01M\x9b6-++c\xceE\xf6\x1fo\xbc\xb3\xee\xa1\xbc\x0bpoZyy\xf9\xa8Q\xa3\x8e\x1c9\x82aX||\xfc/\xbf\xfc\xc2\xd2Q\xa0V\xec\xf2a\xd1\x02S,8\x04\x93\x81\xd1\xa1\xb3f\xcdR\xa9T2\x99l\xce\x9c9\x8c2\xff\x11\xff\ntn\xe7\xe4\xe4t\xe8\xd0\x01\xa4\xffO?\xfd\xf4\xfb\xef\xbf\xff\xeb}\x0f\x08\xc7\x04\x9da\xc4\x7f`6\x9b=&lt;&lt;\x96/_~\xfc\xf8q\x0c\xc3\xe6\xcf\x9f\x1f\x14\x14\xc4\xbaI\xc2\x8e\x06A\x10\xee\xee\xee\t\t\t\x9f~\xfa\xe9\xad[\xb7&lt;==\xf7\xed\xdb7o\xde&lt;\x95J\x85!\x0b\x1a\xf1\x12\xa6\xb8\xf0\x8e\x03\xbb\xce\x1eH\xff\xa3G\x8f~\xff\xfd\xf7\x18\x86\r\x1e&lt;x\xe2\xc4\x89\x8c\n\xfe\x00\x1f\x19X\xb3\xb3\xf4/I\x92r\xb9&lt;11q\xc8\x90!f\xb39&lt;&lt;|\xe7\xce\x9d\xc1\xc1\xc14\xde&gt;T\xb5\xb01\x8e\xcaL\xeca7\xb0\x0b\xe89\xa2{\x15\xef\x04A\x102\x99,33s\xcc\x981&amp;\x93)22r\xdd\xbau:\x9d\x8e\x81\xeb\xe7\xf1x\x1fS\x16b6\x9b?&amp;\x87\xcc((\x8a\x12\x89D\xf7\xef\xdf\xff\xfc\xf3\xcf\xcdfs\xf3\xe6\xcd\x13\x12\x12\xdc\xdc\xdcJKK\xed\xe6;\n\x04\x02{M\xda\xdb\x18\xc6\x9dd;\x06l\x96\xe6\xcd\x9b\xdf\xbe}\x9b\t\x17\xaa\xbc\x1d\x92$\xa5R\xe9\xe3\xc7\x8f\x07\x0f\x1e\\VVV\xaf^\xbd\xbd{\xf7\n\x85B\xa650\x831\x98\x99\x99\x19\x12\x12\x82}h\'\xb0\x97\x97\xd7\xa3G\x8f\xd8\xdb\x18U\x19\xc8\xd8\xafX\xb1\x02\xe6\x9b\xfe\xf5\xd7_r\xb9\\\xadV\xdb\x8d\xf4\xc7q\xbc\xb0\xb0\xd0\xd5\xd5\x15C\xa3 &gt;\x1aF\xcb \xbb\xc4\xc3\xc3\xa3\xbc\xbc\x9c\xe1\x1b\x17\xee[W*\x95\xfd\xfb\xf7\xbf\x7f\xff\xbe\x87\x87\xc7\xfe\xfd\xfbk\xd7\xae\xcd\x90\xeb\xe0_\xa7\xac\xacL&amp;\x93a\xef/\x11\xacZ\xf9\xe9\xd3\xa7$I\xb2]\x01@\xba\xbe\xa8\xa8\x08.z\x9b&lt;yr\xa3F\x8d\xd4j\xb5}D~\xb0\x97\xcf\xf7\xce\x9d;0\x95\x96\xe1\xe7\x88\xf9 \x05@\x03\x1c\x0e\x87\xc9\xb2\x86$I\x91H\xa4\xd7\xeb\xfb\xf7\xef\x9f\x93\x93\xe3\xec\xec\xbcw\xef\xde\xa6M\x9b\x96\x97\x973S\x8e\x80\x14\xf8\x18\x8f\xca`0\x08\x04\x02f\xea\xb6\xf7\xc2b\xb1\x08\x85\xc2\xfb\xf7\xef?~\xfcX(\x14\xf6\xe8\xd1C\xa7\xd31\xf3\xa9}\x0cNNNF\xa3\x91\xeeU\xd8\x03H\x01\xd8\x0e\x90P\x11\x11\x11\n\x85\xe2\xf9\xf3\xe7\xcc\xbc\x8f\x89\xa2(\x08\xb0\x0e\x1c80--M,\x16\xef\xda\xb5\xab}\xfb\xf6\x0cL\xfc\x02\x90\xbf\xcd\xcd\xcd\x8d\x8e\x8e\xc6\xde?\xc7\x0e\xafwww\x87;F\x18\x1e\x97\xfbO`ZrQQ\x91\xc5b\xa9W\xaf\x1e\xcc\x1c\xa4{QU\t&lt;n\xa5R\xe9\xe5\xe5E\xf7Z\xec\x01vow\xd6a\xb1X$\x12\x89@ (--\xe5\xf1xLS\x00\x14E\xf1x&lt;\x1c\xc7\x87\x0e\x1dz\xf1\xe2E\xa1P\xb8}\xfb\xf6\x9e={\x96\x94\x9406\x82\xcc\xe5ru:\x9d^\xaf\xf7\xf6\xf6\xc6&gt;T\x01\x84\x84\x84\xa8T\xaa\x17/^0S+\xbf\x17\x1c\x0e\x07.\x82\xafQ\xa3\x86D"\xb1\x8f\xc4\x86\x15P\x00w\xee\xdc\x89\x88\x88\xc0\xd8VS\xc7@\x90\x02\xb0\x1d\xb0w]]]e2YAA\x81H$b\x94\xac\x81ya\x02\x81`\xe4\xc8\x91\xa7N\x9d\xe2\xf1x\x9b7o\x1e0`@qq1c\xa5\xbf\xc5b\xe1\xf3\xf9EEEj\xb5:88\x18\xfb \x89\x00V\xb3\x93\x93\x13LG`\xd4C\xf9\x00p\x1c\xd7h4\x04A\xc0%\xcfl\xff:\xaf\xc0\xe1pt:\x1dI\x92...\x18R\x00\x1f\r\x13\x9dz;\x06Nc@@@nn.\xa3j\xcfa\xd4\xb3X,\x86\x99\x01\x1c\x0eg\xc3\x86\r\x9f}\xf6\x19\x93\xa5?\x86ap\x8d\xd7\xdd\xbbwe2\x99\x8b\x8b\xcb\x07\x94\x87\xc3%\x9d2\x99\xcc\xd9\xd9\xf9\xce\x9d;\xcd\x9a5\xd3\xe9t\xd5\xb4Z\x1b\xc0\xe1p\xf4z}DD\xc4\xacY\xb3\x1a6lh4\x1a\xedID\x82\xbe/..V\xa9T\xa1\xa1\xa1\x18R\x00\x1f\rR\x006\x05$~\xc3\x86\rSSS1\xc6l_X\x95\xb3\xb3\xf3\xb8q\xe3\xf6\xee\xdd\x8ba\xd8\xea\xd5\xab\xc7\x8c\x19\xc3\xe4\xc8\x0f\x001\xab\xac\xac,777\x81@@\x92\xe4\x07$r\xe1\xeb\xd7\xae]\x1b\xe6\x892G+\x7f\x008\x8e\x1b\x0c\x86\x88\x88\x88\x98\x98\x18\x82 \xd4j5C\xf6X\x95\x005NO\x9e&lt;qvvvrrb\xf5\x93b\x08(\x04dS \xc7\xd8\xbe}\xfb\'O\x9e0$\xe5h\xb1X,\x16\x8bL&amp;\x9b2e\xca\xd6\xad[1\x0c\xfb\xed\xb7\xdf&amp;N\x9c\xc8\xa2\xae\xd1\x9c\x9c\x9c\xb6m\xdbb\x1f*\xbb\xe1]\x8d\x1a5\xca\xcf\xcf\xaf\xe2\x95\xd1\x01\\\xdbPRR\xa2R\xa9\xecI\xfac/k\x9c\xee\xdc\xb9\xe3\xe6\xe6&amp;\x91HP?\xf0\xc7C\xbf\x00r(`\xbf\x86\x85\x85\xa9\xd5\xea\xbbw\xef\xd2n\xc5X,\x16\x8a\xa2\xdc\xdc\xdcf\xce\x9c\t\xb3\x82\x17/^&lt;}\xfat\xb6H\x7f.\x97\xab\xd7\xebo\xde\xbc\xf9a%@\x00\xbc+""\xe2\xce\x9d;\x14E1A+\x7f&lt;\x1c\x0e\xc7\xfe\x84#\x18+999AAA\xd8\xcb\xfb\x9c\x11\x1f\x83=\xecu\x16\x01\x11gWWWOO\xcf\x94\x94\x14\x91HD\xef&amp;\xa6(\xca\xc3\xc3\xe3\xbb\xef\xbe\xfb\xed\xb7\xdf0\x0c\xfb\xf1\xc7\x1fg\xcf\x9e\r\x15J4\xae\xea\x1d\xb1X,pG\x8dR\xa9\x84\x9a\x90\x0f\x93\xdd (\x03\x03\x03\x9f?\x7f\x0e\x9a\x8f\xd5\xb1\x05\xb0\x8b\x9d\x9d\x9d\xc5b\xb1\x9d\x89HxR7o\xde\x04\x05\x80\xf8x\x90\x02\xb05P\x96\xd7\xb9s\xe7\xa4\xa4$z\xf3\xc0$Izxx,Z\xb4h\xd1\xa2E\x18\x86\xcd\x981c\xee\xdc\xb9PBN\xbc\x1b\xf4\xde\xca\x04Co\xae\\\xb9\x12\x18\x18\xe8\xe5\xe5\xf5\xc1\xf5\x8e\xf0.\x7f\x7f\x7f\x0c\xc3\xee\xde\xbd\xcb\xb4\xea\xac\xf7\x02*\x9a,\x16\xcb\xe5\xcb\x97o\xdd\xba\xf51\xf7$3\x10\x1e\x8f\xa7R\xa9\x1e=z\x14\x15\x15\x85\xa1\xfb \xab\x02\x16\x18zv\x06\x88\x9b\xee\xdd\xbb\x0f\x1f&gt;\\\xa5R\xd1Ux\x0e\x03#\x7f\xfb\xed\xb7y\xf3\xe6\t\x04\x82y\xf3\xe6}\xf7\xddw$Iz{{\xbf\x8b\x18\x855S\x14\xa5V\xab\xab\x7f\xb1o\x04\xc7\xf1\xc4\xc4\xc4v\xed\xda\xc1b&gt;\xd8\x03 IR,\x16\xfb\xfb\xfbggg\xb7i\xd3\x86\xd5\x13\xf3q\x1c\x8f\x8b\x8bKLL\xe4\xf3\xf9\xbf\xff\xfe\xfb\x17_|\xc1\xf6\xeb_\x00\x8a\xa2\xc4bq^^\x1e\x97\xcbE%@U\x05R\x00\xb6\x06*\xcd\x9b6m*\x14\nsrrZ\xb6l\xa9\xd1hll\xcb\x90$\xe9\xea\xea\xba\x7f\xff\xfe\x193f\x08\x04\x02\x99L\xa6\xd5j\xa7M\x9b\xf6\xeeY5\x88e\xd5\xa8Q\xe3\xcb/\xbf\xac\xee\xd5\xbe\t\x1e\x8f\xa7P(\xee\xdd\xbb\xb7x\xf1b\xec\xe3\xecA\xd0gm\xda\xb4INN\x9e&lt;y2K=\x00\x10\x917o\xdeLLL\xe4p8f\xb3y\xdb\xb6mc\xc6\x8c\xb1\x0fA\t%\xbf\xa9\xa9\xa9\r\x1a4pqq\xf9\xb0\x8a/\xc4+ \x05@\x030j\xadM\x9b6\x87\x0f\x1fn\xdb\xb6\xad\xed\x13\x8fPO\x9d\x92\x92b\xb1XL&amp;Sqq\xf1\x92%K&gt;\xe0s\xdc\xdd\xdd\'L\x98@\x97\x07#\x93\xc9\x8e\x1e=\xea\xe2\xe2\xd2\xb8q\xe3\x8f\xfc\r\xad\xd5Y\x07\x0f\x1e\xac\xa8\xa8\xb0\x03\xc9b\x1fB\xbf2`\x9d$\'\'\xb7n\xdd\x1acy\xb5.s@\n\x80\x06\xe0p\x0e\x192d\xfa\xf4\xe9\xb4\x88\x1b\x1c\xc7\xcdfsXXX\x9b6m\xb8\\.\xf4\x00\xbf\xef\'X,\x96\xbau\xebV\xd3\n\xff\x13\x08v\x1f&lt;x\xb0s\xe7\xce\x1c\x0e\xe7#oY\x80\'\xd2\xb4iS\x95J\x95\x95\x95\x15\x19\x19\xa9\xd5jY\x17b\x86.\xb0\xa0\xa0\xa0\xae]\xbb\x9e&lt;y\x92\xc3\xe1\x8c\x181\x82\xed9m+|&gt;_\xa5R]\xbdz5&gt;&gt;\x1eC\t\x80*\x82A\xcd\xa8\x0e\x85\xc5b1\x9b\xcd\xfe\xfe\xfe\x7f\xfc\xf1G\x97.]l\x1f\xa5\x85\x9e\x1a\x81@\xf01\x1fBQ\x94^\xaf\xaf\xaa%\xbd; \xfd\xb5Zmxx\xf8\x85\x0b\x17BCC?\xde\x8b\x82\x90B\xef\xde\xbd\x9b7o&gt;o\xde&lt;\xb6\x14\xc2\xbe\x02\xf8vF\xa3\xf1\xda\xb5k\xae\xae\xae\x11\x11\x11\xf615\x93\xa2(gg\xe7\xd4\xd4\xd4q\xe3\xc6\xe5\xe4\xe4\x08\x85B\xfbsqh\x81}[\xdc&gt;\x80\xa1\x9b\xfd\xfa\xf5\xdb\xb4iS\xcf\x9e=m\xaf\x86q\x1c7\x99L\x1f/\x1dh1\xc4 \x83\xbdi\xd3\xa6z\xf5\xea\x85\x84\x84TI\x0c\r\x1eA\xa7N\x9dv\xec\xd81{\xf6l\x96\x1a\x98\xe0\xdb\xf1x\xbcN\x9d:\x91$YQQa\x1f\x82\x12\xce\xcb\xa1C\x87\x82\x83\x83E"\x11J\x00T\x15\xac\xdc\xe5v\x00\xc8\x97\x193f\\\xbbv\xed\xde\xbd{\xb4t\x84\xe18\xce\xf9hl\xbcf\x002\x9c\xdb\xb7o\xff\xfa\xeb\xaf\xab\xaa\x94\x16\x04J\xef\xde\xbd\x9f&gt;}\xfa\xe8\xd1#\xa1P\xc8R\xe7\x18\xf2\xf3\xe5\xe5\xe5:\x9d\xce&gt;\xa4?\x86a\x10\xe5\xbb|\xf9\xf2\xe0\xc1\x83\xe9^\x8b]\x81\x14\x00=@\xe9\xa1\xaf\xafott\xf4\xee\xdd\xbb\xa5R)\xbd5\xf5,\x82\xa2(\xa9T\x9a\x92\x92b4\x1a{\xf4\xe8\x01c\xec&gt;\xfecAn\xd6\xae];  \xe0\xfc\xf9\xf30H\xf9\xe3?\x96\x16p\x1c\xe7r\xb9,ub^\x07:\xfe\xf2\xf3\xf3\xb5Zm\xe7\xce\x9d1\x94\x00\xa8:\xd0\xefH3_\x7f\xfd\xf5\x9f\x7f\xfe\t\r\x01t\xaf\x85\x1dP\x14%\x14\n\x17/^&lt;h\xd0 \x89DR\x85w\xab\x81\xc4\xef\xd3\xa7\xcf\xa6M\x9bXj\xfe\xdb%\xd0\xa5\xb1e\xcb\x96\xc0\xc0@\xb9\\\xce\xe4\xdb\xf4X\x07R\x00\xb4\x01\xe57\xad[\xb7\xf6\xf4\xf4\\\xbf~\xbdL&amp;#\x08\x82\xeeE1\x1dk20==}\xd2\xa4I\x16\x8b\xa5\nc\xc1\xf0Q\x83\x06\r***\xca\xcb\xcb\x13\x8b\xc5H\r0\x01\x98\xf8t\xf6\xec\xd9q\xe3\xc6\xd1\xbd\x16{\x03)\x00:\x81\xd2\xe6\x9f\x7f\xfey\xe5\xca\x95\xe5\xe5\xe5\xc8\t\xf8O`\xfc\xc3\x0f?\xfc0j\xd4(oo\xef\xaa\xbd\xee\n\xe2r5j\xd4\x08\x0f\x0f\xdf\xbcy\xb3X,Fq9\xda!I\xd2\xd9\xd9\xf9\xdc\xb9s\x1a\x8d\xa6k\xd7\xaeU\xab\xf2\x11H\x01\xd0\t8\x01]\xbat\xa9[\xb7\xee\xbau\xeb\x90\x13\xf0v(\x8arqqIII\xc9\xce\xce\xfe\xf6\xdbo\xab\xa9\x81\xceb\xb1|\xf9\xe5\x97\t\t\tp\xb1b\x95\x7f&gt;\xe2\xbd\x80\xc2\xd6M\x9b6\xf5\xeb\xd7\x8f\xc7\xe3\xb171\xc3LP\x1f\x00\xcd\x80\r\x9b\x9b\x9b\x1b\x1b\x1b\x0b\x17\x9b\x98\xcdf\x14\xe2\xfcWH\x92tss\x8b\x88\x88\xf8\xe2\x8b/\xe2\xe3\xe3\xab\xa9\x16\x10\xf4Jhh\xe8\x9c9s\x86\x0c\x19\xa2T*\x91\xc9I\x17\xd0\xadRTT\xd4\xa6M\x9b\xeb\xd7\xaf\xfb\xfa\xfa\xa2;\x00\xaa\x16\xe4\x01\xd0\x0c\x87\xc3\xa1(*44\xb4[\xb7n\xf3\xe7\xcfwvvFN\xc0\xbfB\x10\x84\xbb\xbb\xfb\xee\xdd\xbb\r\x06\xc3\xb8q\xe3H\x92\xac\xa6R\x100\x89\xc6\x8e\x1d\xbbc\xc7\x0e;\xb8"\x98\xd5\x90$)\x95Jw\xef\xde\x1d\x1d\x1d\xed\xeb\xeb\x8b\xd2\xbfU\x0e\xf2\x00\xe8\x07\xae\xb9P\xa9T\r\x1b6\xfc\xfb\xef\xbfccc\xd5j5\xb2:+\x03\x91_\x93\xc9\x14\x14\x14\xb4w\xef\xde\x8e\x1d;V_+\x10\x9c\x08\x9dN\xe7\xef\xef\x7f\xe0\xc0\x01\xb8%\x18\xd5\x1d\xd2\x82\xf5\x02\xa5={\xf6\xc4\xc4\xc4\xa0\xfe\xaf*\x07mk\xfa\x81V&amp;77\xb7\x15+V\x8c\x193\xc6l6#\xc3\xf3\x15\x08\x82puu\x1d7n\\\xe7\xce\x9d\xabU\xfac/\x1b\x02\xa4R\xe9\xe0\xc1\x83\x17,X@\xfb\xa5=\x0e\x0bA\x102\x99l\xfd\xfa\xf5\x9e\x9e\x9e\xad[\xb7\xfe\x80\x89U\x88\xff\x04y\x00L\x01\x84\xda\xa7\x9f~Z\xbf~\xfd\r\x1b6\x14\x17\x17\xa3\xa2 \x80 \x08OO\xcf}\xfb\xf6M\x992\xa5\xb0\xb0\xd0\xc9\xc9\xa9\xba\xef;\x84CQVV\xd6\xa8Q\xa3\xe3\xc7\x8fGDD \'\xc0\xf6\xe08\x8e\xe3xPP\xd0\x96-[\xbat\xe9\x82\xcc\xff\xea\x00\xedi\xa6\x00\x86\xe7\xce\x9d;\xf7\xef\xdf\x7f\xf2\xe4Iwww\x94\x0c\xc0^\xd6}&gt;\x7f\xfe|\xe2\xc4\x89[\xb7n\x95J\xa5X\xf5\xcf:\x86g\xe1\xe1\xe11j\xd4\xa8\xf9\xf3\xe7#\'\xc0\xf6X\xcd\xff\x1a5jt\xe9\xd2\x05\x99\xff\xd5\x04\xf2\x00\x18\x04\xd88\xc7\x8e\x1d\x1b9rdnn\xaeT*5\x99L\x0enx\xc2\x9d\xf5\xad[\xb7n\xd1\xa2\xc5\x8a\x15+\x08\x82\xb0Mi&amp;\x9c\x8b\xd2\xd2R??\xbf\xd3\xa7OGDD\xb0q@4\xab\xe1\xf1x~~~\xdb\xb7oG\xe6\x7f\xf5\x8164\x83\xe0r\xb9\x04A\xf4\xe8\xd1c\xd4\xa8Q\xfd\xfa\xf5\x93H$\x90\x1f\xa6{]\xb4a6\x9b\xdd\xdd\xddg\xcf\x9em2\x99l)\xfd\xb1\x97N\x80\xa7\xa7\xe7\xec\xd9\xb3\xe7\xcc\x99C\xd7\xcd\x9d\x8e\tA\x10r\xb9\xfc\x97_~\x89\x88\x88@\xd2\xbfZA\x1e\x00\xe3\x001\x17\x11\x11\xd1\xacY\xb3M\x9b69l2\xc0l6{yy\xed\xdd\xbbw\xd4\xa8Q\x8f\x1f?\xf6\xf4\xf4\xac\xaa\xb9o\xef\x88\xe5%u\xea\xd4\xf9\xf5\xd7_\x87\r\x1b\xa6P(\x90$\xaan\xa0\xf6\xff\xf9\xf3\xe7\x11\x11\x11\xe9\xe9\xe9\x81\x81\x816~\xee\x0e\x05\xfaY\x19\x07\xb4\x07\x9f?\x7f&gt;))i\xf1\xe2\xc5^^^f\xb3\x99\xeeE\xd9\x1a\x82 \xdc\xdc\xdc\xfe\xf9\xe7\x9f\xf8\xf8\xf8\x8b\x17/zyy\xd9^\n@u\x16\x97\xcb]\xb7n\xdd\xd7_\x7f\xad\xd5j\x91\xf4\xb7\x01P\xfb?i\xd2\xa4\xb8\xb8\xb8\xa0\xa0 \xdb_\x98\xeaP \x0f\x80\x89\xc0\xa6/,,\x0c\x08\x08HHH\xe8\xde\xbd\xbbC\xf9\x01\x04A8;;+\x95J??\xbfu\xeb\xd6\x8d\x1c9\xd2\x96\xc1\x9fW\x80\xf8C\xe7\xce\x9d\x1b5j\xb4z\xf5j\x87z\x10\xb6\x07\x14\xff\xd1\xa3G\'N\x9cx\xfb\xf6m\xa9T\n\xb5@t\xaf\xcbnA\n\x80\xa1\x80\xdcIKK\xeb\xde\xbd\xfb\xde\xbd{;u\xea\xe4 \xa2\x87 \x08\xa9T\xaaR\xa9\xa2\xa3\xa3\xbf\xfa\xea\xab\xa9S\xa7\x9a\xcdf\x1a\xbf8\xcc\xea(**\n\x0b\x0b;}\xfatHH\x08r\x05\xaa\t\x18\xf3\xc0\xe7\xf3\xc3\xc2\xc2~\xff\xfd\xf7\xde\xbd{\xa3\xe8\x7fu\x83|+\x86\xc2\xe5rI\x92\x8c\x8e\x8eNHH\x18&lt;x\xf0\xd9\xb3g\xbd\xbc\xbcL&amp;\x13\xdd\xeb\xaa^\xccf\xb3U\xfaO\x9e&lt;y\xea\xd4\xa9\x04A\xd0\xab\xf6`V\x87\x8f\x8f\xcf\x8c\x193F\x8c\x18!\x10\x08\x90AZM@\xee\xf7\xab\xaf\xbe\xf2\xf3\xf3\xeb\xdd\xbb7</t>
        </is>
      </c>
    </row>
    <row r="367">
      <c r="A367" s="1" t="n">
        <v>365</v>
      </c>
      <c r="B367" t="inlineStr">
        <is>
          <t>polygon_sides_number</t>
        </is>
      </c>
      <c r="C367" t="inlineStr">
        <is>
          <t>What is the missing number of the part denoted with a question mark?</t>
        </is>
      </c>
      <c r="D367" t="inlineStr">
        <is>
          <t>[8, 4, 9, 6]</t>
        </is>
      </c>
      <c r="E367" t="inlineStr">
        <is>
          <t>4</t>
        </is>
      </c>
      <c r="F367" t="inlineStr">
        <is>
          <t>There are 6 numbered polygons arranged in a triangle with number [5] in the top row, [9, 8] in the middle row, and ['?', 3, 6] in the bottom row.</t>
        </is>
      </c>
      <c r="G367" t="inlineStr">
        <is>
          <t>We observe that the polygon with 5 sides has the number 5, the polygon with 9 sides has the number 9, the polygon with 3 sides has the number 3, the polygon with 6 sides has the number 6, and the polygon with 8 sides has the number 8. Thus, the pattern is that the number inside the polygon represents the number of sides the polygon has.</t>
        </is>
      </c>
      <c r="H367" t="inlineStr">
        <is>
          <t>Based on the pattern that the number inside the polygon represents the number of sides of the polygon, the missing number of the polygon with 4 sides should be 4.</t>
        </is>
      </c>
      <c r="I367" t="inlineStr">
        <is>
          <t>b'\x89PNG\r\n\x1a\n\x00\x00\x00\rIHDR\x00\x00\x02\x00\x00\x00\x02\x00\x08\x02\x00\x00\x00{\x1aC\xad\x00\x00\x9aZIDATx\x9c\xec\x9dwxTE\x17\x87g\xe6\xde\xbb}\xb3\xbbi\xf4\x16:\x04\x90\xa24\x81@\x08H/\x86"\xbdc\x03A\x11DP\x9a\x88\xa2\x14\x01\x91"Mz\xef\x1d\xa4\x8at\x94.H\xaf!e\x93\xecf\xdb\xbd3\xf3\xfd1\xb0\xe6\xa3\x89J\xb6$\xf3&gt;&gt;&gt;d\xf7&amp;\x99\xec\xdc{~3\xe7\x9c9\x07RJ\x01\x87\xc3\xe1pr\x1e\xc8\xdf\x03\xe0p8\x1c\x8e\x7f\xe0\x02\xc0\xe1p89\x14.\x00\x1c\x0e\x87\x93C\xe1\x02\xc0\xe1p89\x14.\x00\x1c\x0e\x87\x93C\xe1\x02\xc0\xe1p89\x14.\x00\x1c\x0e\x87\x93C\xe1\x02\xc0\xe1p89\x14.\x00\x1c\x0e\x87\x93C\xe1\x02\xc0\xe1p89\x14.\x00\x1c\x0e\x87\x93C\xe1\x02\xc0\xe1p89\x14.\x00\x1c\x0e\x87\x93C\xe1\x02\xc0\xe1p89\x14.\x00\x1c\x0e\x87\x93C\xe1\x02\xc0\xe1p89\x14.\x00\x1c\x0e\x87\x93C\xe1\x02\xc0\xe1p89\x14.\x00\x1c\x0e\x87\x93C\xe1\x02\xc0\xe1p89\x14.\x00\x1c\xce?\x86\x10\xe2\xef!p8/\x01.\x00\x1c\xce\x8bB\x08Q\x14\x85R\x8a\x10\xa2\x94\xfa{8\x1c\xce\x7f\x85\x0b\x00\x87\xf3&lt;(\xa5\x18c\xaf\xdd\x17E\x11Bx\xe7\xce\x1d\x08!\xd7\x00N\xb0\xc3\x05\x80\xc3y\n^\xbb\x0f!\x14\x04\x81\xd9\xfd\x0b\x17.L\x980\xa1F\x8d\x1a\xa5K\x97&gt;r\xe4\x08\x84\x90\xfb\x828A\r_\xc5p8\x7fA)%\x84PJEQd\xaf`\x8c\x8f\x1c9\xb2v\xed\xda\x03\x07\x0e\x9c:\xf5\x9b\xc7\xe3f\xafGEE\x1d;v\xccd2!\x84 \x84\xfe\x1b2\x87\xf3\xef\xe1\x02\xc0\xe1&lt;\xb4\xfb\x00\x00A\x10\xd8+^\xbb\xbfu\xeb\xd6s\xe7\xce=v\xbd \x08\x18\xe3\xb6m\xdb._\xbe\\Q\x14\xafZp8\xc1\x05\x17\x00N\xce\xe5I\xbb\xefp8~\xfb\xed\xb7\xa7\xda\xfd|y\x0b\x94+[\xa1A\\\xd3\x10\xa3\xe9\xed~\x9d\x01\x05\nV\xe6\xce\x9d\xdb\xbd{w\x8c\xb1\xf7\'p8A\x04\x17\x00N\x8e\x839y@&amp;\xbb\x9f\x9e\x9e\xbew\xef\xdeu\xeb\xd6\xfd\xfc\xf3\x9e\x1b7\xaeg\xbe8o\xde\xfc5\xab\xd5\x89\x8bm\xfcZ\x95\x1a\x11\x11\x91\x94R\x9dN\xf7\xf9\xe8\x8f\xa7\xfd0A\x14E\xb5Z}\xfa\xf4\xe9\xa8\xa8(B\x08B&lt;\xa2\xc6\t2\xb8\x00pr\n\x84\x10f\xa6\xbd\x96\xdak\xf7w\xef\xde}\xf3\xe6\xcd\xcc\x17\xe7\xcd\x93\xbff\xf5\x87v?W\xae\xdc\x84\x10\x87\xc3!\xcb\x1e\x96\x0b\xa4\xd7\xe9\xdbun\xf2\xeb\x91\x83\x00\x80j\xd5\xaa\x1d&lt;x\x10\x00\xc0\x83\x01\x9c\xa0\x83\x0b\x00\'\x9b\xf3\xa4\xdd\xbf}\xfb\xf6\xd1\xa3G7m\xda\xb4k\xd7\xee[\xb7\xfe\xcf\xee\x97(^\xfa\xf5\x1a1U_\xadY\xed\xb5\x9a\x91\x91\x7f\xd9}\x90\xc9\xbe\x13\x82\xb5Z\xfd\xb5\xeb\x7f\xb6h\x13\x9b\x91\x91\x81\xb12`\xc0\x80I\x93&amp;\xf1`\x00\'\xe8\xe0\x02\xc0\xc9\x9e&lt;\xd5\xee\xef\xdc\xb9s\xfd\xfa\xf5\xfb\xf6\xedKMM\xcd|q\x89\xe2\xa5cj\xd7\x8f\xab\xd7\xb8|\xb9\x8af\x93E\xc1\xca\x93v?3\x8a\xa2\x84\x85\x85\xafX\xb5\xa8\xffG\xbdT*\x95\xc7\xe3\xd9\xb1cG\\\\\x1c\x0f\x06p\x82\x0b.\x00\x9cl\x05\xb3\xfb\x82 x\xad\xf6\xb3\xec&gt;\x84\xb0x\xb1\x921\xb5\xe3\x98\xdd7\x99\xcc\xb2,;\x1c\x19\nV \x80\x7f\xeb\xcfQ\x14%""r\xc0\xa0&gt;K\x96\xcfGH\x88\x88\x08\xff\xfd\xf7\xdf###\x99\x8f(K\xffF\x0e\xe7e\xc1\x05\x80\x13\xf4PJY&gt;Of\xbb\x7f\xfe\xfc\xf9\x1d;v\xec\xdd\xbb\xf71\xbb\xafR\xa9\xcbG\xbf\xc2\x9c\xfb\xa5KE[\xcc\xa1\x1e\xd9\xc3\xec&gt;\x82\xe8\xc5m7\xa5\x14!AQ\xe4\x96mc/]\xfe\x03\x00\x1a\x17\x17\xb7c\xc7\x0e\xee\x08\xe2\x04\x11\\\x008\xc1\xca\x93\x87\xb6\x00\x00\x17.\\\xd8\xbcy\xf3\xbau\xeb\x8e\x1d;\xe6\xf1x\xbc\xaf{\xed~L\xed\xb8\x12\xc5Kk\xb5Z\x8f\xc7\xe3t:\x15,\xff#\xbb\x9f\x19\x8c\xb1\xd1\x18r\xfa\xcc\xa9\xb6\x1d\x1byd\x8f,\xcb\x93&amp;M\x1a0`\x00\xd7\x00N\xb0\xc0\x05\x80\x13d&lt;\xf5\xb0\xee\xa5K\x97\x9ej\xf7\r\x06c\xc9\x12e\x1ad\xb2\xfb.\x97\xcb\xe5r\x12\x82\xe1\xbf\xb5\xfb\x99\x91e9Wd\xee)\xd3\xbf\x193\xeeSQ\x94(%\xbf\xfc\xf2K\xd5\xaaUyV(\'(\xe0\x02\xc0\t\x0e\x9eS\xa4a\xeb\xd6\xad\x7f^\xfe\xd3\xfd\xa8H\x03\x00\xc0\x14b~\xadJ\xf5\xb8\xfa\x8d\xabW\xad\x9d/o\x01\x9dN\xefr9_\xa2\xdd\xcf\x0c\xc68\xc4h\xea\xf1v\xbb\x1d\xbb6#\x84\n\x17.|\xfa\xf4i\xadV\x0b!\xe4Y\xa1\x9c\x00\x87\x0b\x00\'\xa0\xf9GE\x1a\x1e\xda\xfd\xd8\xc65k\xc4\x14*XD\x10\x04\xa7\xd3\xe9\xf1\xb81\xc1\xff\xda\xcf\xf3\xb7\x10BT*\x95\xcdfk\x1e\x1fs\xfb\xce-BH\xf7\xee\xdd\xe7\xce\x9d\xcb\x1dA\x9c\xc0\x87\x0b\x00\'\x10y\xd2\xee\xdbl\xb6\xa3G\x8fn\xdb\xb6\xediE\x1a\xf2\xd7\xac^\xe7\xd5\xca\xd5kT\xab]\xa8P\x94 \x08N\xa7\xc3\xedvQ\xea\xa3\xc3Y\x8a\xa2\x84Z\xc2\xb6\xef\xda\xdc\xbdO\xbc(\xaad\xd9\xb3b\xc5\x8a6m\xdap\r\xe0\x048\\\x008\x01\x04K\xe2d\x15\x98\xd9+\xcf;\xac\x9b\xa9HC\xae\\\xb9\x01\x00&gt;\xb6\xfb\x99Q\x14%"&lt;r\xd4\xd8O\xbe\x9f9Q\x92$\xa3\xd1x\xec\xd81^"\x82\x13\xe0p\x01\xe0\xf8\x9f\x97R\xa4\x01\xf8\xb5\x18\x03\xa5\x14B(\x08b\xeb\xf6q\xa7\xcf\x9c\x02\x00T\xabVm\xff\xfe\xfd\xec\x8f\xe2\xc1\x00N`\xc2\x05\x80\xe37\x9euX\xf7\xc0\x81\x83\xbbw\xefz\xcc\xee\x97(^*\xa6v\\\xad\x9au\xa3\xcbT\xc8\x93;/\x0e\x0c\xbb\x9f\x19\x8c\xb1^\xa7\xbfv\xfdJ\x8b\xb6\xb1\x0eG\x86,\xcb#F\x8c\x189r$w\x04q\x02\x16.\x00\x1c_\xf3\xaf\x8b4\x98L\x16E\x91].\'K\xf4\x0c\x10\xbb\x9f\x19Y\x91#\xc2"\x97\xaeX0\xe0\xe3&gt;\xbcD\x04\'\xf0\xe1\x02\xc0\xf1\x1d\x18\xe3\xccV\xfbYv_\xadV\x17.\x14U\xe7\xf5\xfaq\xb1O\x14i\x80\x10\xc1\x80\xb3\xfb\x99\xc1\x18\x9bM\x96\xf7\x07v_\xb3~9B(""\xe2\xcc\x993\xe1\xe1\xe1\xbcD\x04\'\x00\xe1\x02\xc0\xf15\xec\xb0\xee\xf6\xed\xdb\x8f\x1f?\xfe\xd4"\r1\xb5\xe3\n\x17\x8a\xcal\xf7\xb3.\x89\xf3\xa5C)\x15\x04\x91\x95\x88\xb8\xfc\xe7\x1f\x84\x90\xf8\xf8\xf8\x95+WrG\x10\'\x00\xe1\x02\xc0\xf1\x05\xec6\x9b3g\xce\xdc\xb9s\x8f\x1d;\xa6(\x8a\xf7-\x95JU&gt;\xbab\xdc\xff\x1f\xd6u\xbb]\x18+/\xfd\xd0\x96oP\xb0b\n1\x9f8y\xa4u\xfb\x06\x08!^"\x82\x13\xb0p\x01\xe0\xf8\x02\xe6\xf4\xafR\xa5\xca\x89\x13\'XC\xdd\x90\x10S\xf9\xe8\x8a5\xab\xd7\xa9\x17\xd30+\x8a4\xf8\x17V/\xfa\xbbi_\x8f\xfbf\x84$I\x84\x90\xe3\xc7\x8f\xbf\xf2\xca+&lt;\x18\xc0\t(\xb8\x00p|\x01\x13\x80\xb8\xb8\xb8={\xf6PJ\xdf\xe93\xb0{\xe7\xbe\x11\x11\xb9\xd4*\xb5\xcb\x9d}\xec~f\x08!!FS\x8f\xbem\xb7\xef\xda\x8c\x10\x8a\x8e\x8e&gt;x\xf0\xa0N\xa7\x0b\xc0\xd85\'\xc7\x92}\x9e7N\xe0\x831\xc6\x18\x13Bbj\xc5\x15*X\xc4fKO\xb1&amp;9\x9d\x0e\x96A\x9f\x9d\xac?\xc3\xedq\x7f1rbXX\x04\x00\xe0\xf4\xe9\xd3C\x87\x0ee\xbb\x1f\x7f\x8f\x8b\xc3yHv{\xe48A\x81=\xc3\xe6v\xbb\x10B\xd9\xd2\xee3\x10BN\xa7#_\xde\x02\xdf\x8e\xfb\x9e\xd5\x0b\xfa\xfe\xfb\xefW\xaf^-\x8a"\xd7\x00N\x80\x90=\x9f=N\x80\x83\x10\x820\xfb\xdf{\xa2(ZSS\x1a7l\xde\xa5c/\x8f\xc7#\x08B\xef\xde\xbd\xaf\\\xb9\x82\x10b\x95\x8e8\x1c\xff\x92\xfd\x1fB\x0e\xc7\x8f\x08\x82\x90\x9a\x96:b\xd8\xd7\xe5\xcbU\xc2\x18[\xad\xd6\xbe}\xfbB\xc8co\x9c\x80\x80\x0b\x00\x87\x93\x85@\x081\xc6\xa2 |\xf7\xed,\xadV\'I\xd2\xee\xdd\xbbG\x8d\x1a%\x08B\xe6\\X\x0e\xc7/p\x01\xe0p\xb2\x16A\x10\xec\x19\xf6\xd2%\xcb~\xf6\xc9XY\x96%I\x1a9r\xe4\xee\xdd\xbby0\x80\xe3w\xb8\x00p8Y\x8e(\x8a)\xd6\x94\x1e]\xdfi\xdd\xa2\x9d,\xcb\x08\xa1\xbe}\xfbZ\xadV\x84\x10\xf7\x05q\xfc\x08\x17\x00\x0e\xc7\x17 \x84lv\xdb\x17#\'\x16\xc8_\x10\x00p\xe5\xca\x95&gt;}\xfa0\x07\x91\xbf\x87\xc6\xc9\xb9p\x01\xe0p|\x01\x84P\x96=Fc\xc8\xc4\xafgB\x08%IZ\xb5j\xd5\xf4\xe9\xd3EQ\xe4\xc1\x00\x8e\xbf\xe0\x02\xc0\xe1\xf8\x08A\x10\xd2\xd3\xd3\xea\xd4\x8a\x1d\xfc\xe1\xe7,\x18\xf0\xc9\'\x9f\x9c&gt;}Z\x14E\x9e\x15\xca\xf1\x0b\\\x008\x1c\xdf!\x8abrJ\xd2\xbb}?\xacQ\xad\x96,\xcb6\x9b\xad[\xb7n\x18cJ)\x0f\x06p|\x0f\x17\x00\x0e\xc7\xd7\xc8\xb2g\xd2\xf8Y\xa1\x960\x84\xd0\xa9S\xa7\x06\r\x1a\xc4KDp\xfc\x02\x17\x00\x0e\xc7\xa7 \x84\x9cNg\xc1\x82\x85G\x0e\xff\x9a\x95\x88\x98&lt;y\xf2\xaaU\xabxV(\xc7\xf7p\x01\xe0p|\x8d(\x8a))\xc9\xed\xdbta%"\x10B\xef\xbe\xfbnBB\x02/\x11\xc1\xf11\\\x008\xd9\x1fB\xf0\xbf K\x87$\x08\x8255e\xe4\xb0\xafK\x97,K\x08ILL\xec\xdc\xb93\x00\x80\x0b\x00\xc7\x97\xf0\xfeD\x9cl\x0e\x84\xd0h4A\x00\x01\xa0\x00\xbcH!~v\x19u8\x1dYg\x8e\xd9\t\x00\xadF\xfb\xedW\xd3\xe3;4R\x14y\xe7\xce\x9d\xa3G\x8f\x1e1b\x04o\x1c\xc6\xf1\x19\xfc&gt;\xe3dg \x84\x1e\x8f\xe7\xe8\xf1_1\xc6L\x01^\xf4\x1b\x01(W\xae\xa2Ao\xc0\x18gQ\xff\x16A\x10lv\xdb\xab\x95\xab\r\xffd\xec\xb0\x11\x03\x05A\xfc\xe2\x8b/\xdex\xe3\x8d\xaaU\xab\xb2\xfe9Y\xf1K9\x9c\xccp\x01\xe0d[\x08!\x1a\x8d\xf6\xd6\xed\x1b\x9d\xba\xb7\xfc\x17\xdf\xbe~\xd5\xcf\xaf\x94\xaf\xecpdd]\x03/Q\x14\x93\x92\x13{u{\xe7\xc0\xc1\xdd\xdbvnB\x08u\xe8\xd0\xe1\xd8\xb1c&amp;\x93\x89R\xca\x1b\x87q\xb2\x1a\xbe\xca\xe0dg\x04A\xb0\xd9\xd2\xd1\xff!\x08\x82 \xa0\xe7\xfc\'\nH\x10}\xd5\xa9\x06!\xc1f\xb7}\xf5\xc5\x14V"\xe2\xea\xd5\xab\xef\xbc\xf3\x0e\xcf\n\xe5\xf8\x06.\x00\x9cl\x0cE\x08\xd9l\xe9\xcc\x95O\x1e\xc2\xfaR&gt;\xe7?\x05\x13\xac`\x1f\x95g\x80\x10z&lt;\xee\x88\xf0\xc8\x89_\xcf@\x08\x89\x82\xb8b\xc5\x8ay\xf3\xe6\xf1\xacP\x8e\x0f\xe0\x02\xc0\xc9\xb6P\n\x10D\xd64+\x00\xc0\x1b\xfe\x85\x10\n\x82\x80\xd0s\xfe\x13\x11\x12\x04\xc1w\xdeQA\x10\xad\xa9\xd6\x98\xdaqo\xf7\x1e\xa0`E\x14\xc5~\xfd\xfa]\xbdzU\x10\x04\x9e\x14\xc4\xc9Rx\x0c\x80\x93\x9dA\x08Z\xad\xc9\x00\x00\x08\x01\xcb\xed\x99\xf4\xcd\xac\n\xe5*:\x1c\x0e\x84\xfe\xc6\xc3\x9e?_!\xd6\xb8\xd8\x07\xe3\x94$))9q\xf0\xc0\xcfN\x9c&lt;\xfc\xeb\x91\x83\x8a\xa2t\xec\xd8\xf1\xe0\xc1\x83\x00\x00\x1e\x0c\xe0d\x1d\\\x008\xd9\x16\n(D(5\xd5\n\x00\x80\x10\x01\x80EQ\xacP\xaeb\xe9R\xd1N\xa7\x03\xfd]Sb\xb7\xc7\xed\xdb\xfa&lt;\x94P\xfa\xe5\xe8\xc9-\xda\xc4fdd\x1c&gt;|x\xd0\xa0A\x93&amp;M\xe2Y\xa1\x9c\xac\x83\xbb\x808\xd9\x16\x08 \xa5\xd4\x9a\x9a\xe2}E\xa3\xd6\xa8Tj\xbb\xdd\xe6t:\x1dN\xc7\xf3\xff\xf3qu6\x84\x84\x8c\x0c{\xe9R\xd1_\x8c\x98\x80\xb1\xc2JD\xec\xdc\xb9\x93\x07\x038Y\x07\x17\x00Nv\x06clMM\xf6~i0\x18\xf5z\x03\xa5\x14\xbd\x00\xbe\x1f\xad(\x8a\xc9\xc9I\xed\xdbv\xe9\xd0\xae\x9b\xc7\xe3AH\xe8\xdc\xb93/\x11\xc1\xc9:\xb8\x00p\xb2-\x10BJ\x88\xd5j\x05\x8fB\xc0!F\x93F\xad\xa1\x94\xbe\xd0\x89`\x7f \x08Bjj\xea\xf0O\xc6\x96(^\x8a\x10\x92\x90\x90\xd0\xb9sg\x08!\x17\x00NV\xc0\x05\x80\x93m\x81\x10zd9==\x15\x80\x87\n`4\x9a4\x1a-!\x04\x06\xaa\x02@\x08\x15E6\x1aC&amp;\x8d\x9f\xa5\xd7\xe9$I\xda\xb9s\xe7\xe4\xc9\x93y\xe30NV\xc0\x05\x80\x93=a~\x1e\xb7\xdbe\xb3\xa7\x03\xf0\xb0\n\x84\xd9l\x91D\x91\xd2\x80^M\x0b\x82\x90\x96\x96\xfaZ\x95\xea\x1f~0L\x96eQ\x94\x06\r\x1at\xe4\xc8\x11\xde8\x8c\xf3\xd2\xe1\x02\xc0\xc9\xb6 \x84\\ngzz:xT\x05(\xd4\x12\x06\x00P\x14\x8c\xb1\xa2`\x85\x81\xb1\x821\x0e(\xdb*IRb\xd2\x83\xbe=\xfb7\xa8\xdfDQdJi\x87\x0e\x1d222\x00\x00\xbcq\x18\xe7%\xc2\x05\x80\x93mA\x089\x1c\x0e\x87\xc3\xee}%,,Bo\xd0\x9bL\xa6PKxxhDxxDxxD\xa8%\xdcl2k\xb5:\x00\x00\xc6J\x80XX\x08\xa1\xdb\xe3\x1a?vZ\xc1\x02\x85\x00\x00W\xaf^\xed\xd7\xaf\x1fB\x88g\x04q^"&lt;\xbf\x98\x93=\xa1\x94"$\xd8li.\xb7\x8b\xbd\x00\x00\xd0\xe9t\xe7/\x9c\xfb\xfd\xf4\x89\x84\x07\xf7\xd3mi\xb2\xc7\x83\x90`4\x86\xe4\xcb\x9b\xbfhT\x89\xc2\x85\xa2B-\xe1\x0eG\x86\xcb\xed\x12\x04\xc1\xbf\xe3G\x08\xb9\\\xae\\\x91\xb9G\x7f&gt;\xa1{\x9fxIR\xcd\x9b7\xafQ\xa3Fm\xda\xb4\xc1\x18\xfb}x\x9c\xec\x01\x17\x00N\xb6\x85\xd5[f\xf5\x9cY\x04u\xd6\x8fS\xbe\x9b6\x1e?\xad\xce\x8f(J%\x8a\x95|\xa3A\xf36\xad;\x14.\\45\xd5\n!\xf4\xef\x11\\Q\x14S\xacI\x8d\x1b6\x7f\xb7\xcf\x87\xdf\xcf\x9c(\x8a\xe2\xdbo\xbf]\xa5J\x95"E\x8a\xf0z\xd1\x9c\x97\x02\xbf\x878\xd9\x13\x16\x04NOK\x15\x04\x81\xd9J\x08\xa1=\xc3N\x08\x96$\x95J\xa5V\xab\xd5j\x95Z\xa5R\x89\xa2\x84\x90\xa0(\xf2\xf9\x8bg\'N\xf9\xb2I\xab:\xb3\xe6L5\xe8\x8d\x10"\xbf\xbb\x83\x04A\xb4\xa6\xa6\x0c\xe8\xf7I\xcd\x1au0\xc6)))m\xdb\xb6MKK\x83\x10\xfa}l\x9cl\x00\x17\x00N\xb6\x05AdM\xb5\xb2\x00/B\x0f\xad9\xa5T\x96=\x1e\x8f\xdb\xedv\xbb=n\x8f\xc7\xa3(2\x00\x94\xe9\x84 \x88)\xd6\xe4\x11c\x06\x0f\x1e\xf6\xbeF\xa3\xf1{\r\x1e\xb6w1\xe8\r\x05\xf2\x15b\x92v\xe5\xca\x15\x97\xcb\xe5\xe7aq\xb2\x0b\xdc\x05\xc4\xc9\x9e \x84\xec\x19\xb6\xd8zo\xf4\xed\xd5\x7f\xdeO3&lt;\x1e\x8fV\xab\x8b\x8c\xc8\x95;W\x9e\xb0\xb0\x08\xbd\xde\x00\x00\xc8\xc8\xb0?xp\xff\xfa\x8d\xabI\xc9\x89\xec[0V \x84\x82 .]\xb1\xc0`0\x8e\xfal|j\xaa\xd5\x8f\x0ewY\x91#\xc2"\x97,\x9f\xbfl\xe5O\xac&amp;\xc4\xca\x95+s\xe5\xca\xc5\xc3\x00\x9c\x97\x02\x17\x00N\xf6\x845\xdd5\x1a\x8c\xa3?\xff\xa6q\xc3\x16\x0f\x12\x13J\x95(\x13\x1a\x1an0\x18EQd\xce}J\xa9,\xcb))I\xbf\x9d&gt;1\x7f\xd1\xac\xfd\x07v3\xd7\x8a\xa2\xc8\x82 \xce\x9e;-\xa6v\\\x9d\xd7\xeb\xd9\xec\xe9\x08\xf9\xc1\xdab\x8c\x8dz\xe3\x85\x8bgG\x8e\x1d"\x89\x92\xac\xc8#F\x8c\x88\x8d\x8d\xe5\xe5\xe18/\x0b~\x1bq\xb2-\xcc\x7f\x92\x9c\x9c\xf4J\x85\xca\xa2(\xb9\xddnE\x91\x1d\x8e\x8c\xcc\xdes\x84`H\x88\xa9a\xfd\xa6o4h6u\xfa7\xe3\xbe\x19\xf1\xa8\xf0\x0e\x05\x00|?cB\xad\x9au_\xac\x95\xfcK\x86R*\x08\x82\xac(\xfd\x07\xf5JKK\x05\x00T\xabVm\xd8\xb0a|\xed\xcfy\x89\xf0\x18\x00\';\xc3\xda\xbf8\x1c\x8e\xb4\xb4T\x8f\xc7\xcd\x82\x01B&amp; D\x8a\xa2\xa4\xa5\xa7\xa6\xa6Z\x07\r\x1c\xde\xa3\xcb\xdb\x84\x10\x84\x04\x8c\t\x84\xf0\xe8\xf1C\x17\xff8\xa7\xd5\xea|\x7fL\x0ccl1\x87N\x9a\xf2\xe5\xe93\xa7$I\n\r\r]\xbcx\xb1$I~\xcfM\xe2d\'\xb8\x00p\xb2?\xcc\xe8?\xcbt2\x91\x80\x10Z\xad)\xef\xbd\xfdQ\xa8%\x8c\x10\x0c!@\x08)\x8a\xf2\xdb\xe9\x13j\xb5\xda\xc7)7\x8a\xa2X\xcc\xa1\x9b\xb7\xad\x9b&gt;k\xa2J\xa5\x92ey\xc6\x8c\x19QQQ\x8a\xa2\xf0\xecO\xceK\x84\xdfL\x1c\x0e\x00\x00 \x84&lt;\x1ew\xee\xdc\xf9\xaaW\xab\xc5\xbed\x05\xe3\xae]\xff\x13AD\x81\xef\x04\x80\x10\xa2\xd5\xea\xee\xdc\xbd5h\xe8{\x10"\x8f\xc7\xd3\xbd{\xf76m\xdap\xd7?\xe7\xa5\xc3\x05\x80\xc3\xf9\x0bA@\xc5\x8b\x95\x02\xac\x99\x0c\x00\x00\x80\xd4T\xab\xef\xab\x87\xaaU\xea\xe1#?LNN\x04\x00\x94/_~\xea\xd4\xa9\xdc\xf5\xcf\xc9\n\xb8\x00p8\xff\x87Ao\x00\x00x\x97\xfc\x84\xf8\xdc\xf9c\t\x9d6\xe3\xdb\xed\xbb63\x8f\xff\x82\x05\x0b\xf4z=\x00\x80\xbb\xfe9/\x1d\xbe\xa3\xe4p\x1e\xc2,\xbd\xd3\xe5\x04\x00x\x97\xfc\x06\x83\x01"\x08|\xe2\x02R\xb0b2\x99\x8f\x1c\xfde\xfc\xc4\xd1\x92$\xc9\xb2&lt;i\xd2\xa4W^y\x85;\x7f8Y\x04\xbf\xab8\x9c\x87@\x00(\xa57o^\x03\x99\xec}\xde&lt;\xf9}\xf3\xdb)\xa5*Im\xb3\xa5\x0f\x1e\xf6&gt;;\xa0\x10\x1f\x1f?`\xc0\x00n\xfd9Y\x07\xbf\xb18\xd9\x16\x96\xba\xf3\xe2\x9e\x13A\x10\xd2\xd2\xacG\x8e\x1d\x02\x00PJ\xd8\xb7\x97.UV\x91e\x08\xb3\xdcYJ\x08\t1\xea\xdf\x1f\xd8\xfd\x8fK\x17\x10B\xb9r\xe5\x9a&gt;}:+\xff\x90\xd5\xbf\x9a\x93c\xe1\xf7\x16\'{B)\x95$I\xadR+X\xf1\x1e\xecz\x0e\x1e\x8f;,4b\xed\xfa\x157o]\xf7\xda\xdc\xdc\xb9\xf3F\x97y\xc5\xe9rf\xb5\xff]V\xe4\xb0\xd0\xf0\x15\xab\x17\xadY\xbf\\\x92$B\xc8\xc2\x85\x0b#""x\xd5ON\x96\xc2\xef-N6\x84Y\xff\xfb\t\xf7\xae\xdf\xbc\x1a\x11\x16\xa9\xd7\x1b D\x18c\x8c\x15L0!\x84RB)!\x84`\x8c\x15E\xa1\x94\xe6\xce\x9d\xef\xe0\xa1\xbd\xe3\xbe\x1d\xc1\xca\xc6\xb1R\xa0\xcd\x9b\xbc\x19\x19\x99K\x96=Y*\x00\xde\x92\x0f#\xbe\x18\xcc\\\xff#G\x8e\x8c\x8b\x8bS\x14\x85g\xfep\xb2\x14.\x00\x9cl\x08\xa5D\xa3\xd1\xfey\xe5\x8f\xe6\xf1\xf5\x86\x0c\xefw\xf4\xf8!v\xb06\xd4\x12\x1eb4\xe9tz\xb5Z\xa3Vkt:\x9d)\xc4\x1c\x16\x16.\x08\xe2\xfc\x853\xbb\xf4|3==\x8dR\n\x00$\x04\x9bM\x96\x1e]\xde\xc9\xc8\xc8\xc8\xd2B@\xac\xe4\x83\x821+\xf9 \xcbrll\xec\x88\x11#0\xc6\xdc\xf5\xcf\xc9j\xf8\x1d\xc6\xc9\x9ePJU\x92\xcafK\x9f\xf7\xd3\xccy?\xcd,Z\xa4x\xc5W^\x8d.[!\xaap\xb1\xb0\xb0\x08\x9dV\x07 p82\xee\xdf\xbf{\xea\xf4\x89\x9d\xbb\xb7\xfcq\xe9&lt;x\x140@\x08bLF\x0e\xff\xba`\xc1\xc2Y]\r\x14c\x1c\x1e\x16\xfe\xf1\xa7\xef\x9f&gt;sJ\x10\xc4\x90\x10\xe3\xcc\x993)\xa5&lt;\xe9\x93\xe3\x03\xb8\x00p\xb2-\x94RQ\x14\x11\x12d\xd9s\xe5\xda\xe5+\xd7.\xafZ\xbb\x04\x00\x00!T\xa9\xd4\x00\x00\x8f\xc7\xed\xad\xf1\xf0\xa8i\x0cb=\xe2\x87|4\xa2m|\xa7\xac\xb6\xfe,\xeb\x7f\xcb\xf6\r?-\xfeQ\xa5Ry&lt;\x9e\xd9\xb3g\x17-Z\x94\x1f\xfb\xe2\xf8\x06.\x00\x9cl\x0b\xa5TQ\x14\x00\x14\x84\x10+\x01M) \x04c\x8c\xdd\x0f\x1b\x05\x03A\x10\x05\x84(\xa0,\x1e\x00\x00\xb1X\xc2&gt;\xff\xf4\xcbv\xf1\x9d\xd3\xd2R\xb3\xd4\n\x13B\xb4Z\xed\xad[7\x06\r}O\x10\x04\x8f\xc7\xf3\xde{\xef\xbd\xf9\xe6\x9b&lt;\xef\x93\xe33x\x0c\x80\x93\r\x81\x109\x9d\x8er\xd1\xaf|\xd8\xff\xd3B\x05\x8b\x10BdY\xf6x&lt;\xb2\xec\xc1\x18g\xbe\x12c\xc5#{dY\xc6\x18\x87\x85\x86w\xeb\xdcw\xd3\x9a\xbd\xed\xe2;\xa7\xa6Z}\x90~#I\xaa\x81\x83\xfb&amp;\'\'b\x8c\xcb\x95+7n\xdc8\xbe\xf6\xe7\xf8\x12\xbe\xd0\xe0dCX7\x18\xadV7\xf8\xc3\xcf{t}\xe7\xb7\xd3\xc7\x8f\x9f8|\xfe\xe2\x99\xdb\xb7o%\xa5$:\x1c\x19\x18+\x80\x02A\x14\r\x06c\xee\xc8&lt;%K\x94\xa9\xfaj\xcd\x9a\xd5\xeb\x14,X\xd8\xe9t\xa4\xa6\xa6\x08B\xd6&gt;\x1a\x8a\xa2D\x84GN\x9a:\xee\xd0\xe1\xfd\x92$\xa9\xd5\xea\xc5\x8b\x17\x1b\x8dFB\x08\xf7\xfes|\x06\x17\x00N\xf6\x04BH\x08N\xb1&amp;\xa9T\xea\x98Zq\xf5\xeb5\xc2\x8a\xe2p:22\xec.\x97\xcb\xedq\x03\x00\xd4*\xb5V\xab3\x1a\x8dZ\xad\x0eP\xe0pfX\xad)\xac3p\x96\x8e\rc\x1c\x12b\xdaw`\xb7\xb7\xe4\xc3\xe4\xc9\x93\xcb\x95+\xc7\x9d?\x1c\x1f\xc3\xef6N6\x06\n\x82H\x08\xb6\xd9\xd3X^\rB\x82Ao4\x1aM\x08B\x00\x00\xa1\x94\x10\xec\xf1xX\x9bu\xd66 \xab\xc7D)\x95$\x95\xcd\x96\xfe\xe1\x90\xbe\xde\x92\x0f\xef\xbe\xfb.\xb7\xfe\x1c\xdf\xc3o8N6\x07B\x08\xe1_f]\xc1\n\xc0\x8f_\xe0K\xb7;!\xc4l2\xbe\xfbA\xd7[\xb7o"\x84\x8a\x16-:k\xd6,v\x1a\xc0gc\xe0p\x18&lt;\x08\xcc\xc9Y\xc0\'\xf0\xe5oW\x14%\xd4\x12:w\xc1\x0f\xde\x92\x0f3g\xce\xb4X,\xdc\xf5\xcf\xf1\x0b\\\x008\x1c\x1f\x8116\xe8\r\x17\xfe87\xe6\xaba\xde\x92\x0f\xb1\xb1\xb1\xbc\xe4\x03\xc7_p\x17\x10\x87\xe3\x0b\xbc%\x1f&gt;\x18\xd4\xc7\xe9t\x00\x00x\xc9\x07\x8e\xdf\xe1w\x1e\x87\xe3\x0b2\x95|8)\x08BHH\x08/\xf9\xc0\xf1;\xdc\x05\xc4\xe1d9\x8f\x95|\xc0\x18\xb3\x92\x0f\xbc\xda3\xc7\xbf\xf0\x9b\x8f\xc3\xc9Z\x9eS\xf2\x81\xbb\xfe9\xfe\x85\xbb\x808\x9c,\xc7[\xf2\x01\x00\xc0K&gt;p\x02\x07\xbe\x03\xe0p\xb2\x10EQ\xc2B\xc3\xa7\xcf\x9c\xc8J&gt;\x18\x0c\x06V\xf2\xc1\xf7\x19\xa8\x1c\xce\x93\xf0\x1d\x00\xc7\x0f\xb0\x9e\\\xfe\x1eE\x96\xc3K&gt;p\x02\x1c\xbe\x03\xe0\xf8\x01\x83\xde\xa8Vk\x08!\xf8a\xc3\xdel\x08/\xf9\xc0\t|\xf8\x8d\xc8\xf1\x1d\x82 \x08\x82@)\xdd{`g\x91\xc2Q\x11\x11\xb9\xd4*\xb5\xcb\xedr\xb9\x9c\x84`\x08QvJ\x89\xe1%\x1f8\x81\x0f\xf4vD\xe2p\xb2\x0e\x96\xefX\xa5J\x95\x13\'N\x08\x82\xc0|#\xe5\xa3+\xd6\xac^\xa7^L\xc3\x12\xc5Kk\xb5Z\x97+\xfb(\x81\xa2(a\xa1as\x17\xcc\xf8t\xc4@\xe6\xfc\xd9\xb5kWll,\x8f\xfdr\x02\n.\x00\x1c_\xc0n\xb39s\xe6\xcc\x9d;\xf7\xd8\xb1c\x8a\xa2x\xdfR\xa9T\xe5\xa3+\xc6\xc56\x8e\xa9\x1d\xe7U\x02\xb7\xdb\x85\xb1\x12\xa4J\x801\xd6\xeb\xf4W\xaf\xff\xd9\xb8emE\x91Y\xc9\x87\x11#Fp\xe7\x0f\'\xd0\xe0\x02\xc0\xf15\x17.\\\xd8\xbcy\xf3\xf6\xed\xdb\x8f\x1f?\x9e\x9a\x9a\xea}]\xa5R\x97\x8f~\x85)A\xe1BQ&amp;\x93Y\x96e\x87#C\xc1\n\n\x1e%`\x87{EQj\xd5.\xee\xf4\x99\x93\x00\x80\xd8\xd8\xd8]\xbbv\xf1\xb5?\'\x00\xe1\x02\xc0\xf1\x1d\x18c\x84\x907\xfd\xf1\xf6\xed\xdb;w\xee\\\xbf~\xfd\xbe}\xfb2+\x81Z\xad.\\(\xaa\xce\xeb\xf5\xe3b\x1b\x97/W1\xb3\x12@\x08\x11D\x81\x9c@\xa9(\n+\xf9\xf0\xd3\xe2\x1fY\xc9\x87c\xc7\x8eEEEQJ\x83E\xc389\x07.\x00\x1c_C\x08a!\x01\xafA|\x96\x12\x00\x00J\x14/\x1dS\xbb~\\=\xa6\x04\x16E\x91].\xa7\xc7\xe3\x01\x00d\xd6\x92\x00\x81\x95|\xd8\xbesS\xf7&gt;mU*\x95\xc7\xe3Y\xb5j\xd5\x9bo\xbe\xc9\x97\xff\x9c\xc0\x84\x0b\x00\xc7o&lt;K\t\x0e\x1c8\xb8{\xf7\xae\x9b7of\xbe\xb8D\xf1R1\xb5\xe3j\xd5\xac\x1b]\xa6B\x9e\xdcy1!\x0e\x87C\x96\x03H\t\x08!j\xb5:1\xf1A\xe3V\xb5SSS0\xc6\xef\xbd\xf7\xde\xb4i\xd3\xb8\xeb\x9f\x13\xb0p\x01\xe0\xf8\x9f\'\x95 ==}\xef\xde\xbd\xeb\xd6\xad\xdb\xbd{\xf7cJ\x907O\xfe\x9a\xd5\xeb\xc4\xc56~\xadJ\x8d\\\xb9r\x93\x80Q\x02B\x88\xc1`l\xd7\xa9\xf1\xa1\xc3\x07\x00\x00\xe5\xca\x95;t\xe8\x90V\xab\r\x10}\xe2p\x9e\x84\x0b\x00\'\x80`J\x90\xb9G\xe3\xf3\x94 o\xfe\x9a\xd5\xfeR\x02\x00\x80\xd3\xe9p\xbb]\x94\xfaA\t\x14E\x89\x08\x8f\x9c4u\xdc\xb8oF\x88\xa2\xa8V\xab\x7f\xfd\xf5\xd7r\xe5\xca\xf1z\x9f\x9c@\x86\x0b\x00\'\x10\xa1\x94\xb2\x13\xc2^%\xb0\xd9lG\x8f\x1e\xdd\xb6m\xdb\xd6\xad[\xcf\x9d;\x97\xf9\xe2|y\xf3\xd7\xac^\xe7\xd5\xca\xd5kT\xab]\xa8P\x94 \x08&gt;V\x02\x8c\x15S\x88\xf9\xd0\xe1\x03\xed\xbb4\x85\x00*X\x99;wn\xf7\xee\xdd\xb9\xf3\x87\x13\xe0p\x01\xe0\x044O*\x01\xc6\xf8\xc8\x91#k\xd7\xae}R\tL!\xe6\xd7\xaaT\x8f\x8bm\\\xb3FL\xa1\x82E\x04Ap:\x9d\x1e\x8f\x1b\x13\x9cu\x89\xa4\x94RQ\x14\xedv[\xb37c\xee\xdc\xbdM\x08i\xdb\xb6\xed\xf2\xe5\xcb\xb9\xf5\xe7\x04&gt;\\\x008\xc1\x01S\x02fm\xd9+\x99\x95\xe0\xcf\xcb\x7f\xba=n\xef\xc5\x0f\x95\xa0~\xe3\xeaUk\xe7\xcb[@\xa7\xd3\xbb\\\xce,:f\x8c\xb1\x12\x16\x1a\xde\xb5W\xfc\xb6\x9d\x9b\x10B\x85\x0b\x17&gt;v\xec\x98\xc9d\xe2\xae\x7fN\xe0\xc3\x05\x80\x13d&lt;U\t.]\xba\xb4y\xf3\xe6u\xeb\xd6\x1d;v\x8c%\x892\x0c\x06c\xc9\x12e\x1a\xfc\xff1\xe3\x97\xa8\x04\x8a\xa2D\x84G\xcc\x9e7}\xd8\x88\x81\x82 B\x08\x0e\x1e&lt;X\xb5jU\xee\xfa\xe7\x04\x05\\\x008\xc1\xca\x93J\x00\x1e\x1d3~R\t2\x1f3fJ\xe0\xf1x\x9cN\xa7\x82\xe5\x7f\xed\x1d\xc2\x18\x1b\xf4\x863\xe7~\x8b\xef\xd0\x88\x97|\xe0\x04#\\\x008A\x0f\xa5\x94\x89\x81 \x08^\xaf\xcb\xf9\xf3\xe7w\xec\xd8\xb1w\xef\xde\xc7\x0e\x97y\x95\xe0\xb5*5J\x97\x8a\xb6\x98C=\xb2\xe7_\x14\x9c`%\x1f$Qj\xd2\xaa\xf6\x85?\xce\x01\x00\xe2\xe2\xe2\xb6o\xdf\x8e1\xe6\xd6\x9f\x13,p\x01\xe0d+X"if%x\xd61c\x08a\xf1b%cj\xc7=:f\x9c\xa9\xe0\x04\x80\x7f\xeb\xc1gy\x9f\x83\x86\xbe\xfb\xd3\xe2\x1f\x11Baaag\xce\x9c\x89\x8c\x8c\xe4%\x1f8A\x04\x17\x00N\xf6\xe4_\x17\x9c0\x9b,\nV\x9e\x7f\xb8LQ\x94\xd0\xd0\xb0\x95\xab\x17\xf7\xff\xa8\x17+\xf9\xb0r\xe5\xca\xf8\xf8x^\xf2\x81\x13\\p\x01\xe0ds\x9e\xaa\x04G\x8f\x1e\xdd\xb4i\xd3\xae]\xbbo\xddz\xac\xe0D\xe9\xd7k\xc4T}\xb5f\xb5\xd7jFF&gt;\xfd\x981!D\xad\xd6$&amp;&amp;4j\xf1zj\x9a\x95\x102`\xc0\x80I\x93&amp;q\xd7?\'\xe8\xe0\x02\xc0\xc9)\xbc\x94\x82\x13\xcc\xc3\xa3\xd7\xe9\xdbwi\xcaJ&gt;T\xacX\xf1\xd8\xb1c\xc0\xdf\x85(8\x9c\x7f\x01\x17\x00N\x8e\x83\xe5\x0e\x81L\x87\xcb\xbcJ\xf0\xf3\xcf{n\xdc\xb8\x9e\xf9\xe2\xcc\x05\'""")\xa5:\x9d\xee\xf3\xd1\x83\xa7\xfd\xf0\xad(Jj\xb5\xea\xd0\xa1C\xe5\xcb\x97\xe7y\x9f\x9c`\x84\x0b\x00\'\xe7\xf2\xe41c\x87\xc3\xf1\xdbo\xbf=\xf5\x98q\xbe\xbc\x05\xca\x95\xad\xd0 \xaei\x88\xd1\xf4v\xbf\xce\x80\x02o\xc9\x07\xee\xfa\xe7\x04)\\\x008\x9c\x7fVp\x82]\x861\xe6%\x1f8\xc1\x0e\x17\x00\x0e\xe7/\x9eSp\xe2\xc0\x81\x03\xa7N\xfd\xe6yTp"**\x8a\x97|\xe0\x04;\\\x008\x9c\xa7\xf0\xacc\xc6[\xb6lY\xbdz\xf5\xd9\xb3gw\xee\xdc\xc9K&gt;p\x82\x1d.\x00\x1c\xce\xf3\xf0*A\xe6\xc3ew\xee\xdc\xc9\x97/\x1f;\x0c\xec\xdf\xe1q8\xff\x05.\x00\x1c\xce\x8b\x92\xf9\x981\xb7\xfe\x9cl\x00\x17\x00\x0e\xe7\x1f\xc3=?\x9c\xec\x01\x17\x00\x0e\x87\xc3\xc9\xa1\xf0U\x0c\x87\xc3\xe1\xe4P\xb8\x00p8\x1cN\x0e\x85\x0b\x00\x87\xc3\xe1\xe4P\xb8\x00p8\x1cN\x0e\x85\x0b\x00\x87\xc3\xe1\xe4P\xb8\x00p8\x1cN\x0e\x85\x0b\x00\x87\xc3\xe1\xe4P\xb8\x00p8\x1cN\x0e\x85\x97\xb1\xe5p\xb2-\xacv\x05\x00 s!#\x0e\xc7\x0b?\t\xccyQ\xbcE\xf3Y\x19\x1c\x84\x10\xab\x88\xc0-K\xa0\xc1f\x8a\xcd\x91\xf7E\x8c\xf1c\xafp8\\\x008O\x87f\x02B\xf8\x1c\xdb\xc1\xfba\x05\x0e\x94R\x8c\xb1\xb7\x84\xf5\x1f\x7f\xfc\xb1t\xe9\xd2\xc8\xc8\xc8\xf8\xf8\xf8\xc8\xc8H\xf0H\x1b\xb8ls\x18\\\x008\x0f\xf1\xd6=\x06\x00d\xee\x9c\xee%--\xed\xd2\xa5K\xb7o\xdf&gt;y\xf2\xe4\xf1\xe3\xc7SRR:v\xec\xf8\xce;\xefH\x92\xc4v\x06|u\xe9G0\xc6\xe0QG3\x8f\xc7\xb3m\xdb\xb6\xb9s\xe7n\xdf\xbe\xdd\xe5r\x01\x00r\xe7\xce\xdd\xacY\xb3\xf7\xdf\x7f\xbf|\xf9\xf2\xde\xeb\xf9\x86\x80\xc3\x05 \x87\xf2\xd8\x02\xff\xc9%\xa1\xc3\xe1HNN\xbep\xe1\xc2\xb1c\xc7\xae\\\xb9r\xf5\xea\xd5\x0b\x17.&lt;x\xf0\xe0\xb1\x9f\x13\x1d\x1d=~\xfc\xf8F\x8d\x1a\x01\x000\xc6|i\xe9c\x1e[\xd1\xdf\xbe}{\xd9\xb2e\x0b\x16,8{\xf6\xec\x93\x17K\x92\x14\x13\x13\xd3\xb9s\xe7\x16-Z\x84\x84\x84\x00\x00\x98\xe4\xf3Y\xcb\xb1p\x01\xc8\x11\xb0Y~\xfe\x02\xdfj\xb5\xfe\xf9\xe7\x9f\xe7\xce\x9d\xbbr\xe5\xca\xd1\xa3\xc7.^\xbc\x90\x92\x92b\xb7\xdb_\xe4\xe77j\xd4h\xfc\xf8\xf1\xd1\xd1\xd1\x00\x00EQx\xc8\xd1\x07x\xdb\xd4\xb0/w\xee\xdc\xb9h\xd1\xa2\xf5\xeb\xd7\xa7\xa5\xa5y\xaf\x89*R\xbcy\x93\xd6\xc9)I[wlHJJ\xf4\xbe^\xa0@\x81\x9e={\xb6k\xd7\xaeT\xa9R\xec\x15&gt;k9\x13.\x00\xd9\x93\xc7\x16\xf8O\xfa\xe8\x1d\x0e\xc7\x8d\x1b7n\xdd\xbau\xec\xd8\xb1\x13\'N\xdc\xb9s\xe7\xca\x95+\xc9\xc9\xc9\xcf\xfa\x81z\xbd\xc1l\xb2\x14\x8d*^\xb6t\xf9\x82\x05\n\x17\x8d*\xf6\xcb\xe1\x03s\xe6O\xb7\xdbm\xacC\xbaJ\xa5\xea\xdb\xb7\xef\xf0\xe1\xc3\x99\xaf\x99\x07\x06\xb2\x88\xc7\x96\xfc\t\t\t\x1b6l\x98?\x7f\xfe\xa1C\x87\xbc\xd7\x88\xa2X\xbdj\xad.\x1d{\xd7\xac^\'44\x0cPp\xe3\xe6\xb5\xf5\x9bV\xae\xdd\xb0\xe2\xc2\xc5\xbfv\x06Z\xad\xb6A\x83\x06\xef\xbd\xf7^\xbdz\xf5\xd8de\xf6#qr\x02\\\x00\xb2\x03\x7f\x1b\xb0%\x84\xa4\xa4\xa4\x9c?\x7f\xfe\xe4\xc9\x937n\xdc8}\xfa\xf4\x95+W\xee\xde\xbd+\xcb\xf2\xb3~fxxDT\x91\xe2\x05\xf2\x15*[\xa6|\xf1b%\x0b\xe4/\x14\x16\x1aa1[$IE(Q\x14E\xad\xd6\x9c9{j\xc6\xec\xc9+\xd7,\x01\x000\x19\xc8\x97/\xdf\x981c:u\xea\xc4\x03\x03/\x9d\xc7\x96\xfc\xa7O\x9f\x9e6m\xda\xc6\x8d\x1b\xef\xdf\xbf\xef\xbd&amp;O\x9e|M\x1b\xb5j\xd9\xacm\xb9\xb2\x15DQ\xb2g\xd8dE\x86\x00\xa8\xd5\x1a\xbd\xde`KO?|\xec\xe0\xda\xf5\xcb\xb7l[\xefr\xbb\xbc\xdfU\xbe|\xf9\xce\x9d;\xb7o\xdf&gt;\x7f\xfe\xfc\x80\x07\x8as\x12\\\x00\x82\x9bg\x19\xd9\xb4\xb4\xb4\xbbw\xef^\xb8p\xe1\xcc\x993\xa7O\x9f\xbex\xf1\xe2\xbd{\xf7\xad\xd6\x94g\xfd\x1c\x93\xc9\x1c\x19\x9e+o\xde\xfceJ\x95\x8b.[!o\x9e\xfc\x85\n\x16\t\x0b\r\x97T*\x84\x04E\x91e\xd9\xa3(\x8a\xa2(\x84\x12\x08 \x84\x80\x10\xaa\xd3\xe9\xb5\x1a\xed\xee=\xdb\xbe\x9f9\xf1\xd0\xe1\xfd\xde\x9fV\xb5j\xd51c\xc6\xc4\xc5\xc5\x01\xee[\xf8\xcf&lt;\x96\xd3\x99\x9e\x9e\xbe~\xfd\xfa\x85\x0b\x17\xee\xdd\xbb7\xb3~W\xaa\xf8Z\xdb7;5y\xa3EDx.\xb7\xc7\xedpdPJ\x05\x01\x01\x00\xd9\x0f\xc1\x04\x8b\x82\xa8\xd7\x1b\x10B\xe7/\x9c\xd9\xb4u\xed\xa6\xcdk\xfe\xbcz\xc9\xfb\x13BBB\xe2\xe3\xe3{\xf5\xeaU\xbdzu\xf6\x8a\xa2(O\xf5\x16r\xb2\r\\\x00\x82\x18o[Z\x8c\xf1\xdd\xbbw/_\xbe|\xe6\xcc\x99\xdf\x7f\xff\x9d\x05l\xadV\xeb\xb3\x16\xf8\x92$\x99M\x96"\x85\x8b\x95)]\xae@\xfe\x82\xa5K\x95\x8b*\\\xccl6\x1b\r&amp;A\x14\x08!\x8a\xa2x&lt;nY\x96)\xa5\x14P\x08!\x82\x08\x00\xf0\x98\x1d\'\x84\x10J\xcc!\x16Y\xf1,_\xb5h\xc2wc\x1f&lt;\xb8\xcf\xb6\x02\x00\x80\xf6\xed\xdb\x8f\x1a5\xaaD\x89\x12\x80{\x84\xfe\x15\x8f\xe5t^\xbcxq\xf9\xf2\xe5s\xe6\xcc\xb9u\xeb\x96\xf7\x9a\x88\xf0\xc8\xfa\xf5\x1a\xbd\xd9\xf2\xad\xca\x95^\xd3\xa8\xb5\xf6\x0c\x9bG\xf6 \xf8L\xab\x8d\t\x06\x14\xe8t:\x8dFk\xb5\xa6l\xdd\xbea\xed\x86\xe5\x87\x8f\x1e\xcc|\xab\xd4\xa8Q\xa3W\xaf^\xf1\xf1\xf1F\xa3\x11&lt;\xf2\x0b\xf1\rA\xb6\x84\x0b@\xb0\xc2L\xea\xb1c\xc7\x86\r\x1bv\xf7\xee\xdd\x1b7n&lt;\'`k2\x99\x0b\x17\x8c\xca\x93;o\xd92\xe5\xcb\x96.\x9f\'O\xfe\xdc\xb9\xf3Z\xcc\xa1\x1a\x8d\x06\x00\xa0\xc8\x8a\xdb\xe3\xc6XQ\xb0\x02(\x05\x00zy\xc1\x91 \x04\xcd\xa6\xd0\xdbwo\xce\xffi\xe6\xcc\x1f\xa7\xc8\x8a,\x8a\xa2\xa2(&amp;\x93i\xe0\xc0\x81\x03\x06\x0c0\x99L\x8fy08\xcf\xe1\xf99\x9d\x8c\xd2\xa5\xa2[5o\xdb\xa2i\x9bB\x85\x8a\xc8\x1eO\x86#\xe3\xc5\xfd6\x84\x10J\x89(JFc\x88\xec\xf1\x9c9\xf7\xdb\xfa\x8d\xab\xd6nX\x9e\x98\xf4W\x96W\x81\x02\x05\xda\xb5k\xd7\xb5kW\x16\xdb\x07&lt;\xcb+;\xc2\x05 (a\x9e\x9f\xd4\xd4\xd4*U\xaa\\\xbbv\xed\xb1w\xf5z\x83\xc5l)T0\xaaX\xd1\x92eK\x97+P\xa0p\xe1BQ\x91\x11\xb9\xb5\x1a\x8d \x88\nV\x14Y\x96\x15YVdJ\x08xh\xef\x11\x84\x80\xb9\x0b\xfe\x1d\x8a\xa2h4\x1a\x9dN\x7f\xe6\xecoS\xa6\x7f\xb3i\xcb\x1a\xf6\x93)\xa5%K\x96\x1c2dH\xf7\xee\xdd\x017"\xcf\xe5Er:5jM\xe37Z\xb4j\xd1\xae\xda\xab\xaf\x1bCB22\xecn\xb7\x0b&gt;{\xc9\xff|0V D:\xadN\xa3\xd5\xdd\xbcym\xe7\xee-\xab\xd7-=q\xea\xe8_\xbfN\xa3i\xd8\xb0a\x8f\x1e=\xdex\xe3\r\x95J\x05x\xa08{\xc1\x05 \xf8\xf0\x06{k\xd4\xa8q\xf8\xf0a\xe6\xe7-\x17]\xb1XT\x89\xc2\x85\xa2J\x97\x8a.V\xb4d\xa8%\xccl\xb60\xef\x01V\x14\xb7\xc7#\xcb\x1eB\x08\x05\x14\xfe\xc3\x05\xfe?\x1a\x18\xc6\xd8`0\x8a\x82\xb0}\xd7\xe6\xaf\xbe\x19q\xe9\xcf\x8b\x10\x02v\x8b\xc5\xc6\xc6\x0e\x1d:466\x16\xf0\xc0\xc0\x13\xbcHNg\xd1\xa8\x12\xcd\x9a\xb4n\xda\xa8U\x99\xd2\xe5\x08!\x19\x19v\x05+\x02z\t\x1f#+\x19\xa4\xd1htZ\xbd\xc7\xe3\xde\xff\xcb\xcfk\xd6-\xdf\xb5g\xab\xcd\x96\xee\xbd\xa6T\xa9R\xed\xdb\xb7\xef\xd9\xb3\'\x0f\x14g\'\xb8\x00\x04\x1f\x8a\xa2\x88\xa2\xd8\xa7O\x9f\xd9\xb3g\x8b\xa2d0\x18fN]T\xa3ZmA\x10\x04QPd\xc5\xe3q+XQ\x14\x85M.\x84\x00B\xdf=\xa8\x84\x10\x00\xa8\xd1hr:\x1c\x8b\x96\xcd\x9d\xf6\xc3\xb7\xc9)I\xde\xc0@\x8f\x1e=\xc6\x8c\x19\x937o^\xc0\x03\x03\xff*\xa7\xd3\xe5r:\x1c\x0e\x00\x81\x80^\xf2G\xf70\xda\x8c\xa0\xd1\x10\x82 \xbaz\xfd\xcf-\xdb\xd6\xadZ\xbb\xf4\xd2\xe5\x0b\xdekL&amp;S\x8b\x16-:u\xea\xc4"\xfc\x80\x9f(\x0er\xb8\x00\x04\x19\xb2,K\x924y\xf2\xe4\x81\x03\x07\xaaUj\xb7\xc7=\x7f\xf6\xca\xa6\x8dZ%&lt;\xb8\xcf\xfc-\xde\xa7\xd1\xbfK3\x8c\xb1 \x88!\xc6\x90\xbb\xf7nO\x99&gt;~\xc9\xf2\xf9\xb2,\x0b\x82\x88\xb1\x12\x19\x19\xd9\xaf_\xbf\xc1\x83\x07\xabT\xaa\x1c\x9b*\xfa\xefr:\x15E\xfe\xd7\xde\x9e\x17\x87\x05\x8a5\x1a\x8d^oLII\xda\x7f\xf0\xe7Uk\x97\xec?\xb8\xdb\xedv{\xaf\xa9Q\xa3F\xb7n\xdd\x9a7o\x9e+W.\xc07\x04A\x0b\x17\x80`\x82\xad\xfdW\xaf^\x1d\x1f\x1f\xafR\xa9&lt;\x1e\xcf\xa8\xcf\xc6\xf7\xe9\xd9/99I\x92$\x7f\x8f\xeeI\xa8\x82\xb1F\xad\xd1jug\xce\x9c\x1a\xf7\xed\x88\xbd\xfbwy\xdf\x8b\x8e\x8e\x1e6lX\xfb\xf6\xedAN\n\x0c\xbc\x94\x9cN\x9f\r\x15c,I\x92^o\x80\x10\xfe~\xfa\xc4\x9au\xcb7o[{\xf7\xde\x1d\xef5\xbc\xc4P\xb0\xc3\x05 h\xf0\xa6\xfd4l\xd8\xd0f\xb3+\x8a\xdc.\xbe\xf3w\xdf\xce\xb6\xa6\xa6\x04\xf2\xf3\xc6L\x9e^\xa7\x17Dq\xcd\xba\xa5S\x7f\x98p\xf9\xcf\x8b\x00\x02@\x01\x00 ..n\xcc\x981U\xabV\x05\xd9]\x06\xb2"\xa7\xd3\x07xk\x80\xebuz\xb5Z\x93\x98\x94\xb0y\xdb\xfa\x15\xab\x17\x9d\xcc\x14(\x96$\xa9n\xdd\xba\x9d:uj\xdb\xb6\xadZ\xad\x06\xbc\xc4P\xf0\xc0\x05 8`\xfb\xeb\xc4\xc4\xc4\xb2e\xcb&amp;&amp;&amp;\x02\x00\xaaW\xad\xb5j\xc9V\x9b\xdd\x06\xfc\xed\xedy\x11\x98\x111\x85\x98m\xf6\xf4\x99s\xa6\xcc_83%%\x99u\x14\x90$\xe9\xed\xb7\xdf\xce\xc65$\xb2:\xa7\xd37\xb03\x1f*Ie\xd0\x1b]n\xe7\x89\x93GW\xaf[\xba\xeb\xe7\xad\x993GK\x97.\xdd\xae];^b(\x88\xe0\x02\x10\x04\xb09r:\x9d111\xc7\x8e\x1d\x03\x00\x94-S~\xf1\xbcu\x06\x83Q\x96\xe5@^\xfe?\x063\xeef\x93\xe5\xea\xf5?\'~\xf7\xe5\x9a\xf5\xcb\xd8+\x18\xe3\xc8\xc8\xc8\xe1\xc3\x87\xf7\xed\xdb7\x9b\x05\x06\xbc\x87\xf5|\x90\xd3\xe9\x03\xbc\xbe~\xbdN/\xa9T7n\xbcP\x89!N\xc0\xc2\x05 \x08`\xae\xff\xee\xdd\xbb\xcf\x9f?_\x14%\xbdN\xbf~\xd5\xcf\xc5\xa2\x8a\xa7\xdb\xd2\x83\xf0\x01\xa3\x8a\x825\x1a\x8dAo&lt;tx\xff7\x93\xc6d\xae!\x91\xb9\xb8t6X&lt;2\xeb\xbf\x7f\xff\xfe\x1f\x7f\xfcq\xc3\x86\r\xbe\xc9\xe9\xf4\r\xec(\xd9\xc3\x12C\xb6\xf4C\x87\xf7/Z:\xe7\xc0/{2okX\x89\xa1\xb7\xdf~[\xaf\xd7\x83`\xd8\xa7\xe6@\xb8\x00\x04:,\xedg\xd4\xa8Q#G\x8e\x94$IV\xe4\x15\x8b\xb6\xd4\xacV\'5\xcd\xeau(\x07\x1d\xcc!\x1eb\x0cQ0^\xb5f\xf1\xf4Y\x93\xae]\xbf\x82\x10$\x84\x02\x00\xda\xb7o?l\xd8\xb0`/.\xcd\x9e\xac\xe4\xe4\xe4b\xc5\x8ayM\xbf\xcfr:}\xc3_%\x86t\x06\x08\xe1\x85?\xce&gt;Ybh\xc4\x88\x11#G\x8e\xcc~\x9e\xbd\xec\x01\x17\x80\x80\x86\xad\xfd\x17,X\xd0\xad[7\x95J\xed\xf1\xb8\xbf\x181\xa1W\xf7\xf7\x92S\x92\x82\xd7\xfa{!\x04\x03\x00C-a\xf7\x13\xee\xcd[8c\xce\xbc\xefmv\x1b\xab!\xa1R\xa9\x06\x0f\x1e\xdc\xaf_?o#\xc3\xa0\xd3\x006w?\xfe\xf8c\xef\xde\xbd\xd5j\xb5F\xa3m\x17\xdf\xb9E\xd3\xf8re_\xf1eN\xa7o \x04\xd3L%\x86\xb6\xed\xd8\xb8b\xf5\xa2\xa3\'\x0eA\x00\xc3\xc2\xc2\xfe\xfc\xf3O\xbe\t\x08L\xb8\x00\x04.\xde\xb4\x9f\x98\x98\x18\x8f\xc7\xa3(J\xd7N\xbd\'|=#!\xe1^6\xb0\xfe^\x98\xb97\x99\xcc\xe7\xce\x9d\x9e8\xe5\xcb\x8d[\xd6\x00\x00\x10\x12\x08yX\\\xbas\xe7\xce\xa2(\x06\x9d\x06\xb0]N\x85\n\x15.\\\xb8@)\x1d7zr\xff\xf7&gt;Hx`u\xbb]\xbe\xcf\xe9\xf4\r\xcc/$\x08RHH\x08V\x947Z\xbc~\xee\xfciJ\xe9\x92%K\xdez\xeb-\xa6\x88\xfe\x1e#\xe7\xff\xe0\x02\x10\xa0\xb0P\xdb\xb5k\xd7*W\xae\x9c\x9e\x9e\x8e1nP\xbf\xc9\xbc\x99\xcb\xd3m\xe9YQ\xc5\xc1\xbfPJ1V\xf4z\xa3\x80\x84}\x07w};\xe9\x8b\xdfN\x9f\xf0\xd6\x90\xa8Z\xb5\xea\x92%K\n\x17.\x0c\x82\'2\xcc\xc4{\xcf\x9e=\xb1\xb1\xb1\x94\xd2\x82\x05\n\xef\xd8\xf4++\xad\x1a\xa4\xde\x9e\x7f\x84\xdb\xed\x8e\x88\x88\xfcq\xde\xf7\x9f\x8d\x1a\x04\x00\x88\x89\x89\xd9\xbd{7\x08\x9e\xe9\xcb9\xf0\xf9\x08D\x98*[\xad\xd6\xb6m\xdbZ\xadVBH\xb9\xb2\xaf|\xf3\xe5\xf7,\xc2\x96\xcd\xac?\x00\x00B(\x8a\x92\xd3\xe9\xb0\xd9\xd3\xeb\xd6i\xb0b\xf1\x96\xf1c\xa7FD\xe4\x06\x00h4\x9a#G\x8eL\x9b6\x8d\xe5\x8c\xfa{\xa4\xff\x8c\xd9\xb3g\xb3\xa9l\xd14\xdel\xb6\x10Br\x82\xf5\x07\x00\xa8T*\x87#\xa3a\xfd\xa6a\xa1\xe1\x00\x80\xbd{\xf7\x9e8q\x02B\xc82b9\x81\x03\x17\x80\x80\x83R\xca\x1aq\xf4\xe9\xd3\xe7\xf8\xf1\xe3\x08!\xb3\xd92w\xe6r\xb3\xd9\xe2\xf6\xb8\xb3\xf1\x1a\n!$\x08BZZ*\xa5\xb4K\xc7\xde[\xd7\x1dx\xbb\xd7\x07,\xcfu\xd9\xb2\xe56\x9b\x8d9\x82\xfc=\xcc\xbf\x87\xd5xHHH\xd8\xb8q#\x00@\xa3\xd1\xb6h\xda\xc6\xe5re\xe3\xb9{\x0c\x08\xa1\xcb\xe5*\\(\xaae\xb36\xec\x95\xd9\xb3gg\xbf\x85K6 \xa7\xdc\x91A\x04;\x7f?p\xe0\xc0U\xabV\x89\xa2\xa4R\xa9\xe7\xceX\x9e;W\x1e\xd6}\xd7\xdf\xa3\xcbr\xd8\xdf\x98\x9c\x92d6[F\x7f\xfeMt\x99\n\x84\x90{\xf7\xee\xee\xdf\xbf\x1f&lt;:P\x16\xe0\xb0A\xce\x9c9\x93uh\xa8\xf6Z\xcd2\xa5\xa3\x1d\x8e\x8c\x9c#\x00\x00\x00\x84\x90\xd3\xe5l\xd9\xbc\x1d\x9b\xd0\xb5k\xd7&gt;x\xf0\x00!\x14\x14\x12\x9es\xc8AwdP\xc0\x02e\xb3g\xcf\x9e&lt;y\xb2J\xa5V\x14y\xd4\xf0\xafk\xd6\xa8\x93nK\xcfQ\x014Q\x14\x9dN\xa7\x82\x957\x1a4c\xaf\xcc\x981\x03\x04\x83\xfb\x8b\x95@p:\x9d\x0b\x16,\x00\x00\x00\x08\xbav\xeaKr\x9e\xd5C\x089\x1c\x19\x15\xcaU|\xadJ\r\x00`RR\xd2\xc2\x85\x0b\xb9\x17(\xd0\xe0\x02\x10@\xb0Z1\x87\x0f\x1f\xee\xdb\xb7\xaf$I\x1e\x8f\xfb\xfd\xb7?\xea\xd5\xfd\xbd\x07\x0f\x12r\x94\xf5g\x88\xa2\xe8r\xb9\x9a5~\xd3`0\x02\x00\xf6\xed\xdb\x9f\x90\x90\x10\xf8KH\xb6\xfc\xdf\xbd{\xf7\xd5\xabW\x01\x00\xc5\x8b\x96\xacU\xa3NF\x86=\'\xec\xde\x1e\x83R*I\xaan\x9d\xfb\x02@!\x84\xf3\xe6\xcdc\xa7:\xfc=.\xce_p\x01\x08\x14X\xde\xc8\x993g\x9a4i"\x8a\xa2,\xcb-\x9b\xb5\x19\xf2\xd1\x88\x07\x89\t\x01Y\xe93\xcb\x81\x10\xba\\\xce"\x85\xa3*W|\r\x00`\xb3\xa53\x97z\x80/!Y\x8e\xd6\xcc\x993\xd9f\xe5\xcd\x96o\x19\x8d&amp;EQ\xfc=.? \x08\x82\xcd\x9e^\xabfL\xc1\x02\x85(\xa5\xe7\xce\x9d\xdf\xb7o\x1f\xdf\x04\x04\x14\\\x00\x02\x02V"899\xb9c\xc7\x8e)))\xb2,G\x97\xad0n\xccwn\x8f\xc7\xdfC\xf3\'\x94R$\x08M\x1b\xb7f_\xce\x9e=\x1b\x04v*!K\xde\xbdp\xe1\xc2\xee\xdd\xbb)\xa5Z\xad\xaei\xa3\xd6\x19\x8e\x8c\x1c\xbb\xec\x95e9,4\xa2e\xb3\xb6\x00\x00\x00\xe8\xc4\x89\x13\xfd&lt; \xce\xff\x13\xb8\xcfR\xce\xc1[`\xab}\xfb\xf6g\xce\x9c\x01\x00\xe4\xcb[`\xf1\xbcuj\xb5\xc6\x93\xad\xd3~\xfe\x16A\x1022\xec\rb\x9b\x84\x87G\x00\x00~\xfb\xed\xf7s\xe7\xce\x05r&gt;(\x1b\xd8\x8f?\xfe\xe8t:\x01\x00\x8d\x1a4\x8b*R\xcc\xe5r\x06~\xe8"\x8b\x10\x04!\xc3\x91\xd1\xbeM\x17\x9dN\x0f\x00\xd8\xb3g\xef\xd5\xabW\x05A\x08\xd8\x19\xcci\xe4\\\xe3\x128\x10BDQ|\xfb\xed\xb7w\xed\xda%\x8aRH\x88i\xfaw\xf3CC\xc3\x9dNG\x8e]92 \x84\x1e\x8f\'2"\xb2^\x9d\x86\x00\x00\x8f\xc7=\x7f\xfe|\x10\xa8\xb9@,\xfb\xd3n\xb7/]\xba\x945E\xe9\xd0\xae{`\x0e\xd5g0?^\xe1\xc2E\xeb\xd5i\x00\x00p:\x1d,6\x1e\xe0\x81\x9c\x9c\x03\x17\x00?\xc3\xc2b3g\xce\x9c9s\xa6J\xa5R\x14y\xec\xc8\x895\xaa\xd7NKK\xcd\x81\x81\xdf\xa7\x821\x8eo\xdd\x91\xed\x846n\xdc\x18\xb0\x81D\xd6\x0ck\xe3\xc6\x8d\xf7\xee\xdd\x03\x00D\x97\xadP\xb9\xe2k\xf6\x8c\x1c\x91\xbc\xfb|(!m\xdf\xec\xc4\xda\x1b\xb0\xec\xd8\xc0\x0f\xe6\xe7\x10\xb8\x00\xf8\x13\x96\xf4\xb9k\xd7\xae\xb7\xdf~[\xadR{&lt;\x9e\xa1\x1f\x8fj\x17\xdf9!\xe1~\xce\x0c\xfc&gt;\x89 \x08\x0egF\x85\xe8W\n\x14(\x04\x00\xb8|\xf9\xf2\xfe\xfd\xfb\x033\x90\xc8|S\xb3f\xcd\x02\x00PJ\xdb\xb4\xea\xa8\xd5\xea\x02p\x9c&gt;F\x10\x04\x9b\xddV\xa7Vlt\xd9\n\x00\x00v&gt;.0g0\x07\xc2\x05\xc0o\xb0\xa4\xcf\xe3\xc7\x8f\xb7o\xdf^\x92$\xb7\xc7\xdd\xa6u\x87\xf7\xfa~\x98\x9c\x12\x98\r~\xfd\x86,+&amp;</t>
        </is>
      </c>
    </row>
    <row r="368">
      <c r="A368" s="1" t="n">
        <v>366</v>
      </c>
      <c r="B368" t="inlineStr">
        <is>
          <t>color_grid</t>
        </is>
      </c>
      <c r="C368" t="inlineStr">
        <is>
          <t>What is the color of the missing part denoted with a question mark?</t>
        </is>
      </c>
      <c r="D368" t="inlineStr">
        <is>
          <t>['purple', 'red', 'blue', 'yellow']</t>
        </is>
      </c>
      <c r="E368" t="inlineStr">
        <is>
          <t>blue</t>
        </is>
      </c>
      <c r="F368" t="inlineStr">
        <is>
          <t>There are circles with different colors arranged with a grid formation in the image. The colors in the first row are ['purple', '?', 'purple'], the colors in the second row are ['blue', 'red', 'blue'], and the colors in the third row are ['purple', 'blue', 'purple'].</t>
        </is>
      </c>
      <c r="G368" t="inlineStr">
        <is>
          <t>We observe that the circles at the corners are purple, while the circles directly adjacent to the center are blue. Only the center circle is red. Hence, the pattern is that the circles alternate in color depending on if they are at the corner or adjacent to the center.</t>
        </is>
      </c>
      <c r="H368" t="inlineStr">
        <is>
          <t>Based on the pattern that the circles alternate in color depending on if they are at the corner or adjacent to the center, the missing color of the part that is adjacent to the center should be blue.</t>
        </is>
      </c>
      <c r="I368" t="inlineStr">
        <is>
          <t>b'\x89PNG\r\n\x1a\n\x00\x00\x00\rIHDR\x00\x00\x02\x00\x00\x00\x02\x00\x08\x02\x00\x00\x00{\x1aC\xad\x00\x00}\xb6IDATx\x9c\xed\xddy|T\xd5\xfd?\xfe\xf79w\x99%3\xd9\xf7\xb0\x84@\x16H\x02\x88\x04\x14\x10d\x11E\xc5\xa5Z\xc5\x02EP\xa1\x1f\xb5V\xfc\xf9\xf1c\xabm\xfdb\xad\x05\xd1R\xebnE\xabb\xa9\x1b\xb8b@\x14\x95ED\x02$!\x81\x00\x81$d%\xdb$\x99\xfd\xdes~\x7f\\\x18c\x12\x10$3\x99\xcc}?\xfbx\xf0\xa0d\x9cL^y\xdf\xf3&gt;\xf7\xdes\xef%\x9cs@\x08!\xa4?\xb4\xaf?\x00B\x08\xa1\xbe\x81\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85\r\x00!\x84t\n\x1b\x00B\x08\xe9\x146\x00\x84\x10\xd2)l\x00\x08!\xa4S\xd8\x00\x10BH\xa7\xb0\x01 \x84\x90Na\x03@\x08!\x9d\xc2\x06\x80\x10B:%\xf6\xf5\x07\xd0#\xcey\x8f\xffN\x08\t\xf0\'\xd1\'\xcc\xbfoa\xfe\xc1\x03\x1b\x80\x7f\xf1N\x00\x80R\xea\xfb\xb3;\xc6\x98\xefO\xd2I\x00?o\xa8\xc1\xfc\xfb\x16\xe6\x1f\xe4\xc8\xe9\xba1\xfa\xd9\xb4rg\x8c\x11B\x04A\xe8\xfe\x02\xc6\x98\xcdf#\xe4d\xf8\xda_\x8cF\xa3\xc9d\xea\xf1\xc5\xda[QJqc8\x1b\x98\x7f\xdf\xc2\xfc\xfb\x11l\x00\xbdF+z\xce\xb9(\xfe\xb0_\xa5\xaajMM\xcd\xe1\xc3\x87\x0b\x0b\x0b\x1b\x1b\x1bw\xed\xfa^Q\x94\xba\xba\xba\xba\xba:\x02\x84\xc3\x0f\xe1[,\x96\xf4a\xc38\xc0\xc8\xdc\xdc\xd8\xb8\xd8\xb1c\xc7\x0e\x1c8p\xf0\xe0\xc1f\xb3\xb9\xf3\xbb\x01\x00n\t=:\x87\xfc\xeb\xebjk\xeb\xba\x0c@V\x8beX\xfa0\xe0\x90;27.\x16\xf3?gX\xff\xfd\x116\x80^\xc09WU\xd5W\xf7\xaa\xaa\x96\x95\x95\xe5\xe7\xe7o\xfdf\xeb\xc1\x83\x07\x8fUTtt\xb4\xff\x8c\xb7\x95$9999++\xf3\xe2\x8b/\x9e9s\xe6\xa8Q\xa3|\x1b\x83\xa2(\x94\xd2\xd3\xedJ\xeb\xcd\xe9\xf2\xfff\xeb\xd6\x83\x07\xcb***:\xda\xdb~\xc6\xdbJ\x92\x9c\x9c\x92\x9c\x95\x89\xf9\xff\x04\xac\xff\xfe\x0b\x1b\xc0y\xd1\xa6$\xda~\xae\xaa\xaa;w\xee\\\xb7n\xfd\x86\r\x1b\xca\xca\xca\xbc^O\xe7W\x9a\x8ca\x06\x839&gt;z\x10\xa5\x82A6\xa7$\xa63\xa6\x02h\x13\x19.P\xb1\xb1\xb5\xba\xb5\xad\x81\x12z\xa2\xf9\xb8\xcb\xdd\xd1a\xb7u\xf9^\xa9\x83S\xa7N\x9bv\xddu\xd7^z\xe9\xa5\xe1\xe1\xe1pj\xce\xa5\xe7\tQ\xcf\xf9\x7f\xb6\xa1\xac\xec\x90\xd7\xe3\xee\xfcJ\xa3\xd9"\x19\xcdQ\xc9C\xa9 HFK\\\xea\x08\xc6\xd4\x93\xe9s.\x88\x92\xad\xbe\xb2\xbd\xa9\x86R\xa1\xb5\xf6\xa8\xc7\xd9aok\xe9\xf2\xbd\x06\xa7\x0e\x996m\xeau\xd7b\xfe?\xc0\xfa\xef\xef\xb0\x01\xfcL\xaa\xaa\xfa*\xef\xf8\xf1\xe3k\xd7\xae}\xf3\xcd5\xfb\xf6\xed\xf5\xbd\x80R\x12\x1d\x99&lt; )s@BFJbFBl\xaa\xc9h\xb1\x84ERB\x01\x88(J\xd09x\x02LUU\xa6\x12B:\x1c-\x1e\x8f\xb3\xa1\xa9\xb2\xa6\xfepM\xc3\x91\xca\x9a\x92\x13\xcdU\x9eN\xc3\xd9\xa0A\x83n\xba\xe9\xe6\xf9\xf3\xe7\x8d\x1c9\xd2\xf7az&lt;\xd8\x1a\xc2\xce&amp;\xff\xf0\xb8\x81\xf1i9qC\xb2\xe3S\xb3\xa3\x07\x0c3\x98\xad\xa6\xf0\x18B)!D\x10e\x0e\xdc7\x00\x11 LU\x98\xaa\x12B\x1cm\xcd^\xb7\xa3\xa5\xe6Hc\xc5\x81\xc6\x8a\x03\xf5G\xf6\xb5\xd6\x1e\xf5\xb8]\xbew\x1e8h\xf0\xcd7\xdd\x84\xf9c\xfd\x87\x00l\x00\xe7L;\xd0\xa9\x15\xdc\xf6\xed\xdb_y\xe5\x95\xf7\xde{\xdffk\xd5\xbe\x1af\x0e\x1f\x98\x94\x95\x996n\xe8\xe0\x0b\x12bS\xadaQ\x02\x15T\xa6*\x8a\x87q\xa6\xaa\n\x00\xe7p\xf2\x0f\x1fm(\xd26\'JEJ\xa8(\xca\x82 r\xce\x9d\xae\xf6\xc6\xe6\xe3\xc7\xaa\xf7\x97\x1c\xde~\xbc\xf6@cs\x8d\xf6\x9fH\x92&lt;u\xea\xa5w\xdey\xe7\xacY\xb3dY\xd6fCz\xd8\x0cz\xc8\xff\xfd\xf7m\xad\xad\xdaW\xcd\xd6\xc8\xf8\xb4\xdcA#/\x19\x90}Qt\xcaPSx\x0c\x15D\xa6*\xaa\xd7\xc3\x98\xcaT\xaf6\xeep\xce\xba\xbc-!D\xeb\x07T\x14\t\xa1\xa2d\xa0\xa2\xc89w\xdb\xdbZ\xeb\x8e\xd5\x1d\xda{\xb4\xe0\xcb\x86\xf2\xc2\xd6\xfa*\xed\xf5\xa2$O\xc3\xfc\xb1\xfe\xfb9l\x00\xe7\xa0\xf3\xb1\xce\xcd\x9b7/_\xbeb\xd3\xa6\x8d\xda\x97\x08\x81\xb4A\xa3r2&amp;_\x90=#.:\x85RQU\xbd^\xc5\xa3U\xbc\xb6\xaa\r\xb4\xff\x9d\xd5\xf7\x01\x0e\x1cN\xae\x9c\x13$Q\x16E\x99s\xdeno.:\xf0M\xe1\xc1-e\xe5\xdf\xb9\xdcN\xed\xd5\xb9\xb9\xb9K\x97.]\xb8p!\xfcx^\x16z\xba\xe6\xbfb\xc5\xa6\x8d\'\xf3\xa7\x04\x92\xb3\xf2\xd2\xf2ffN\xb8:"q\xb0 H\xaa\xe2U&lt;.\xa6z9\xe7\x84\x10 \x94\x00\xc0\xd9$\xc3O\x8eP\x9cs @\xa9 \xca\x06A2p\xc6\x1c\xb6\xa6#\xbb\xf2\x0f\x7f\x97_U\xf8\x8d\xdb\xe9\xd0^\xae\xdf\xfc\xb1\xfe\xfb?l\x00gK;\xda\x08\x00eee\xcb\x97/_\xbd\xfaU\x00\x0e\x00\xb2l\xbc0\xfb\xb2\x8b\xc6\\3d@\xae,\x9b\xdc\x1e\xa7\xa2\xb8\xb5A\xc77\xa9&lt;O\xda\xb2:\x00"\x08\xa2\xd1`\xe6\x9cW\xd7\x1f\xda\xb3\xff\xf3\xed\xbb\xd7\xb5\xb65j\xaf\x991c\xc6\x83\x0f&gt;8}\xfat\x08\xd1=\xe2\xd3\xe6o0fL\xba6g\xfa\x9c\xe4\x8c\x0b%\xa3\xd9\xeb\xb2+\x9eN\xf9\xf7\xc6X\xc09\xe3\x9c\x13\x00*J\xb2\xd1\xc29;QQZ\xb6\xed\xa3\xa2Mk\xda\x9b\xeb\xb5\xd7\xe87\x7f\xac\xff\xfe\x0c\x1b\xc0YQ\x14E\x14E\x8f\xc7\xb3b\xc5\x8a\xa7\x9e|\xaa\xa5\xb5\x05\x00\xc2\xcc\xe1\x17]p\xcd\xd8\xdc+R\x07\xe4\xa8Lq\xbb\x1d\x9c3B\xfc:\x01\xe1\x8c1\x00"\xcbF\x83dlh\xae*(\xda\xb4c\xcf\x07u\'\x8ei_^\xb4h\xd1\xa3\x8f&gt;\x9a\x9c\x9c\x1cbS\xa1\xce\xf9?\xf9\xd4S\xad--\x00`\xb2F\xe6L\x9f\x93u\xc9\xf5\xc9\x19cT\xd5\xebq\xda9S\t\x15\xfc\xf8Ss\xce8#\x00\x92\xc1,\x1aL\xad\xb5G\x0fl\xfd\xb0x\xf3[M\xc7\x8f\x00\x00\x00Y\xb4ha\xc8\xe7\x8f\xf5\x1fJ\xb0\x01\xfc\x04\xed\xbaDJ\xe9\xb6m\xdb~\xf3\x9b\xdf\x14\x17\x17\x03\x80,\x1b\xc6d\xcf\x9c1q\xfe\xa0\xe4\x11n\x8f\xdd\xedq\x02!\x94\x04nQ\x9a6\'\x12E\xd9l\xb4\xb6\xb4\xd5o\xf9\xf6\xbf\xdbw\xbfoko\x02\x80\x84\x84\x84\xbf\xfc\xe5/\xb7\xdf~;\x84\xc4T\xa8\xc7\xfc%\xd9\x909\xe9\xba\xbc\xeb\xfe\'a\xd8(\xaf\xb3\xc3\xe3v\x10 $\x80\x8b\x029g\x9c1Q6\x18\xc2"\xda\x1bk\n&gt;y\xa5h\xe3\x9a\x8e\x96\x06\xd0G\xfeX\xff!\x03\x1b\xc0\x99\xf8\n\xe8\x91G\x1ey\xfc\xf1\xc7=\x1e\x0f\x00d\xa6\xe5]5\xed7\x99C\xf2\xdc^\xa7\xdb\xed\xa0\x94\x92\x00\x96~g\x9cs\xc6UQ\x90\xcd&amp;k}c\xc5\'_\xbe\xb8k\xdf\xa7\xda\x16;g\xce\x9cg\x9ey&amp;&amp;&amp;F\x9b\xbb\xf5\xc9\xc7;\x7f?\xce\xffo\xdaR\x90A\xb9\x13\'\xcd}``\xceD\xaf\xdb\xe1u9H\xdf\xe5\x0f\x9c3\xa6\n\xa2l\xb4D4W\x1f\xd9\xbeve\xc9\x96w\x18\xe3\x10\x9a\xf9c\xfd\x87 l\x00\xa7\xa5U\x7fmm\xed\xc2\x85\x0b\xf3\xf3\xf3\x01\xc0l\xb2^y\xe9\xe2K/\x9a\x03\x00N\xb7\x9d\x12\xd2gCO\'\x1c8c\xaa,\x1a\r\x06\xf3\xbe\xd2-\xefmx\xb2\xa1\xa9\x12\x00222V\xaf^=q\xe2\xc4~:\x0f\xea\x9e\xbf1,\xfc\xe29\xf7\x8f\xb9\xfa6\x02\xe0v\xb4\xf7\xe5\xd0\xdf\x19\xe7\x8c\xa9\xa2l\x94M\x96C;7ly\xe5O\xcd5G!\x14\xf3\xc7\xfa\x0f=\xd8\x00z\xa6M\x1c\xb6m\xdbv\xd3M7\xd5\xd4\xd4\x00\xc0\x90\x81#\xe7]\xf7\xc7\x94\xc4\x0c\xbb\xc3\xc6\x81\x07r\x87\xf7lp\xce\x19ga\xa6p\x87\xb3\xed\xdd\rO}\xbb\xe7C\x00\x90e\xf9\xe9\xa7\x9f^\xb2dI\xbf;$\xda=\xff\xe4\xcc\x0b\xaf\xf8\xedSq\xa9\xd9\xce\xf6f\xe0\x9c\xd0\xe0\xda\xa49\xe7\x9c\xa9FK\xa4\xab\xa3\xf5\xcb\xd5\x8f\xec\xdf\xbc\x96\x03\xc8\xb2\xe1\xe9\xa7\xff\x11\x1a\xf9c\xfd\x87$l\x00=\xd0\xaa\xff\xe5\x97_\xbe\xeb\xae\xbb\xbc^/!0y\xdc\xcd\xd7_\xfe;\x81\x8a.\x8f]\xa0\xc1\xbbG\xc9\x98*\x8a\x92A\x0e\xfb\xfa\xbb\xb7\xd7o|\xda\xe9\xea\x00\x80%K\x96\xbc\xf0\xc2\x0b\xfdh\x1b\xe8\x9e\xff\xe8+\x17]z\xeb\x9f\xa8 z\x9c\x1dT\x08\xe2\xfcUE\x90d\xd9d\xd9\xfb\xe9k_\xbf\xfe\xa8\xcb\xde\x0e!\x91?\xd6\x7f\xa8\xc2\x06\xd0\x95\xaf\xfa\x17/^\x0c\x00&amp;c\xd8\xf5\x97/\xbdt\xfc\xcd\x1d\x8eV\xc6Y\xb0M|\xba\xd3\xce\x8fY-1e\xe5\xbb^\x7f\xffO\'\x9a\x8f\x03\xc0\x1dw\xdc\xf1\xd2K/\xf5\x8bm\xa0K\xfe\x06\xb3e\xca\xc2?\x8f\xb9\xea6g[\xb3\xb6\xc8\xa7\xaf?\xe0O\xd0\xee\x84\x19\x16\x19WY\xb4\xed\xd3Uw\xb7\xd6U@\x7f\xce\x1f\xeb?\xb4a\x03\xf8\x91.\xd5o6\x85\xff\xcf\xdcU\x19ic\xdb:\x9a\x04*\xf4\xca\xa2\xe6\xc0PU\xc5l\xb2\xb6\xdb[\x9e}\xe3\x9e\xaa\x9aR\xe8\'\xdb@\x97\xfc\x8d\x96\x88_&lt;\xfc\xc6\xa0\xdcI\xf6\xd6\x06J\x85^Y\xd4\x1f\x18L\xf1\x1a,\x91N[\xe3\xbb\xcb\xe6\xd6\x1f)\x84\xfe\x99?\xd6\x7f\xc8\xc3\x06\xf0\x83.\xd5?09k\xe1\x8d\x8f%\xc4\xa6:\x9cmB\x10\x1fv8\x1d\xc6TY2z\x15\xf7\x7f?^\xfe\xdd\xbeO!\xe8\xb7\x81.\xf9\'\x0c\xcd\xbd\xea\xbe\xe7\xa2S\x86\xb9;Z\xa9(\xf5\xf5\xa7;gLU$\x83I\xf1\xba?\x7f\xf1\x0f%[\xde\x85\xfe\x96?\xd6\xbf\x1e`\x038\xa9{\xf5\xdf\xfd\xebg,\xe6H\x87\xabC\x08\xfa\xc3\x0e\xa7\xc38\x13\x05I\x96\x8c\xaf\xbf\xff\xe7o\xf7|\x04\xa7\xb6\x01\xed\t\x1bA\xb5\rt\x1f\xfdo\xfc\xf3ZSx\x94\xdb\xde\x16\xcc\x07\xfd\xcf\x8c3U\x10e\xd1h\xde\xb0\xea\x9e\xe2/\xfe\x0b\xfd\'\x7f\xac\x7f\x9d\xc0\x06\x00pj\xc5\xdb\x0f\xd5\x9f\x94u\xf7\x82gLF\xab\xdb\xe3\xec\xbf\xd5\xaf\xd1.\xce4\x1a\xc2\xfe\xfd\xde\x9fv\xee\xfd\x18:\xcd\x83\x82gm\\\x97\xfc\x13\xd2rn|\xe4\xbf\x86\xb0p\xaf\xcb\xde\x7fG\x7f\rg\x8cP*\x9b,\x9f\xae\xbag\xff\x97oC\x7f\xc8\x1f\xeb_?\xb0\x01\x9c\xac\xfe\x1d;vL\x9c8\x89sf6Y\xef\xbf\xe3\xb5\x84\xd8\xc1\xfdz\xee\xd3\x19\xe7\x8cRA\x10\xa4\x95//\xac\xac.\x01\x80\xbf\xff\xfd\xef\xf7\xde{o\x90\\#\xd3%\x7fcX\xc4\xdc\x15\x9fD\xa5\xa4\xf5\xeb\xb9\x7fgZ\xfeT\x94\xdf\xfa\xbf\xab\xeb\x0e\xef\x83\xe0\xce\x1f\xeb_W\xf4\xde\x00\xb4\x9d\xc1\x86\x86\x86\x91#G644\xc8\xb2\xe9\xee_?3t\xd0h\x87\xab=4\xaa_\xc39\x13\x04\xc9\xedq\xacZ\xbd\xb8\xf6D9p\xd8\xb8q\xe3e\x97]\xd6\xe7\xf3\xa0.\xf9K\x06\xf3/\x1f\xf9O\xf2\xf0qn\xbb-4F\x7f\rgL\x90$\x8f\xd3\xf1\xdf\x87\xaeo\xaa*\xe3\x10\xa4\xf9c\xfd\xebM\xb0/\xea\xf27\xed\xc2\xf1\xf9\xf3\xe7744\x00\xc0\rW\xdc\x97\x996\xce\xe1j\x0b\xa5\xea\x07\x00B\xa8\xa2x,\xe6\xa8_\xffb\x99\xd9\x18\x0e\x00\xf3\xe7\xcf\xaf\xaf\xaf\xa7\x94j\t\xf4\x95.\xf9O\xbd\xed\x91A\xa3.qw\xb4\x86\xd2\xe8\x0f\x00\x84R\xc5\xe36GD_y\xef?\r\x96\x08\x08\xd6\xfc\xb1\xfe\xf5F\xd7\r@\xdb\x07\\\xb6l\xd9\xa6M\x9b\x00`\xf2\xb8_N\xbd\xf8\x96\xb6\x8e\xc6`\xbe\xd4\xe5g\xa3Tp8\xdb\xd2\x06\x8d\xbc\xe9\xaa\x07\x00\xa0\xbe\xbe~\xfe\xfc\xf9\xbe\x07\xa3\xf7\x89.\xf9\x8f\x9e\xb5`\xcc\xec;\xec\xcd\xf5\xfdq\xcd\xcfO\xa2\x82\xe8joM\xca\x1a;\xfd\x8e\xbfBP\xe6\x8f\xf5\xafC\xfam\x00\x8c1Q\x14\xbf\xfd\xf6\xdb\xc7\x1e{\x0c\x00\x06\xa7\x8c\xb8a\xd6}\x1d\xf6\x16JBj\xee\xd3\x99 \x88m\x1dM\x17\x8f\xb9f\xf2\xb8_\x02\xc0\xa6M\x9bV\xadZ%\x08\x82\xf6d\xd7\x00\xeb\x92\x7f\xe2\xb0\xd1So[\xe6\xb45\x85\xd8\xdc\xbf3*J\x8e\x96\x86\x9c\x19s.\x98u+\x04Y\xfeX\xff\xfa\xa4\xd3\x06\xa8=@NU\xd5\x9c\x9c\xdcC\x87\xca\x8c\x06\xf3\xff.\xfew|\xec`\xb7\xc7\x19\xfc\xd7:\x9e\x0f\xedI\x1d\x82 &gt;\xf1\xe2\x82\xea\xfaC\x94\xd2\xfd\xfb\xf7gddp\xcei@o\xa7|*\xff\xdc\xdcCee\xb2\xc92\xef\x89O\xa3\x92\xd3\xbc.{\xf0_\xeb{^8\x07B\xa8(\xad\xf9\xdf+O\x1c\xdbO\xa9\xd0\xc7\xf9c\xfd\xf7E\xfe\xc1C\x8f?3\x00h\x8f\x0f]\xb9r\xe5\xa1Ce\x00p\xd5\xd4%\x03\x123]n{hW?\x00\x10B\x18c\x82 \xdd|\xf5\x83\xa2 \xa9*\xbb\xe7\x9e{\x02\xbf#\xfcC\xfeee\x000q\xce\xfdqCFx\x9c\xed!&gt;\xfa\x03\x00!\x9c\xa9\x82(\xcdX\xf2\xb8 \xca*\xeb\xeb\xfc\xb1\xfe\xfb"\xff\xe0\x11\xe2\xbf\xef\x1ei\x0f\xb7;r\xe4\xc8\x8a\x15+\x00`\xe8\xa0\xd1S\'\xcc\xedp\xb4\x84\xe4\xa1\xcf\xee(\xa5NW{fZ\xde\x94\xf17\x03\xf0\x8d\x1b7\xbe\xf3\xce;\x81\xdc\x11\xee\x92\xff\x80\xe1\xe3.\xbcv\xb1\xd3\xd6L\x85\x10&lt;\xf4\xdf\x1d\xa1\x82\xdbn\x1b4r\xd2\x98\xabn\x03\xde\xf7\xf9c\xfd\x078\xff\xa0\xa2\xc7\x06\xa0\xed\x06.[\xb6\xccf\xb3I\x92\xe1\xda\x99\xbf\x05\x9dM\x00(\x15\xec\xce\xb6\x99\x97\xdc\x1a\x173\x90\x10\xf2\xf0\xc3\x0f{&lt;\x9e\x80\xcd\x83:\xe7/\xca\x86K~\xfd\x10p\xd0\x1e0\xab\x13\x94\x8a\xae\xf6\xd6q7\xfc6*)\x95\x10\xda\x87\xf9c\xfd\x07\xbe\xfe\x83\x8a\xee\x1a\x80\xb6\xf2\xf7\xeb\xaf\xbf^\xb3f\r\x00\x8c\x1e&gt;53m\x9c\xcb\xdd\x11\xf2;\xbf\x9d\x11 \x8a\xea\x8d\xb0\xc6\xcd\x988\x9fs^VV\xb6r\xe5\xca\xc0,\x89\xeb\x92\x7f\xc6EW\x0e\x1eu\x89\xdb\xd1\x16\xfa\x07\x7f:#DU&lt;a\xd1\ty\xd7\xdd\xc99\xeb\xc3\xfc\xb1\xfe\x03\\\xff\xc1FG\xbfu\x8dv\x10\xf0\xcf\x7f~DU\xd50s\xc4\xe5\x93\x17\xb9=\x0e\x12\xba+\x1fNG\xa0\x82\xddi\x1b7\xea\xcaA)#\x08!O=\xf5TCC\x03\xa5\xd4\xdf\x93\xa0\x93\xf9?\xf2\x88\xaa\xaa&amp;k\xd4\xf8\x1b\x7f\xe7qv\x04\xf2q\xbeA\x82\n\xa2\xab\xbde\xc4\xa57$\x0e\x1b\xd5\x07\xf9c\xfd\xf7Q\xfd\x07\x1b}mx\xda\x8d\x00\x0b\n\n\xb6l\xd9\x02\x00\xe3F^98e\x84\xdb\xe3\xd0\xe7m\xa1\x18SM\x06\xcb\xe5\x97,\xe4\x9c755\xbd\xf9\xe6\x9b\x84\x10\xbf\x1e\t\xed\x92\xff\x88)7$\xa4\x8f\xf6:\xed\xc1\xf0d\xc1\xc0c\xaa"\x9b\xc3\xc7\xdfpO_\xe5\x8f\xf5\x1f\xe0\xfa\x0fBz\xdc\xf0\x9e}\xf69\x00.I\xf2\xb8\xd1W\xba\xdc\xf6\x10^\xf8|f\x94\n\x0eW{\xe6\xd0q\tq\xa9\x84\x90W^Y\xedt:\x05A\xf0\xf7$\xe8\xd9\xe7\x9e\x03\xceE\xd90b\xea/\xbd\x8ev\xa2\xd7k\xf1\xa9 \xba\xed\xb6\xc1\xa3.\x89I\x19J\x08yeu\xa0\xf2\xc7\xfa\x07\x80\xbe\xab\xff\xa0\xa2\xa3\x06\xc09\xd7\x1er\xfd\xee\xbb\xef\x00\xc0\x98\xec\xcb\x86\x0c\x1c\xe9\xf68\xf59\xfd\xd10\xa6Z\xcc\x91\xd3.\x9e\xcb9/)\xd9\xbfy\xf3f\xed\x10\x81?\xbe\x97/\xffw\xdey\x07\x002\'\xccN\xca\x1c\xe3q9\xf49\xfd\xd70U1\x85G_x\xcd\x12\xcey\xc9\xfe\x00\xe5\x8f\xf5\xef\x13\xc8\xfa\x0fN:\xda\xf6\xb4\x9d\xbb\xff\xfc\xe7?\x1d\x1d\x1d\x94\n\x13\xc6\\\xab\xaa\xde~\xf4\x90)\x7f \x84:]\x1d\x17\x8c\x98\x16\x15\x11O\x08y\xe9\xa5\x97\x00\xc0O#\x82/\x7f{G\x07\xa5B\xeee\xbfb\x8a\xa2\xef\xf8\x81R\xc1mo\xcb\x98pUxLb\xc0\xf2\xc7\xfa\xf7\td\xfd\x07\'\x1d5\x00A\x10&lt;\x1e\xcf\xab\xaf\xbeF\x08\x19\x9c2|\xc8\xa0\x91.\xb7CW\x8b\x1f\xba#\x84\xa8\xaa7\xdc\x1a;z\xc4\x0c\xce\xf9\xe6\xcd\x9b\x0f\x1d:\xe4\xa7\xe5\x10\'\xf3\x7f\xed5BH\xd2\xb0Q\xc9Yc=\xce\x0e}-\xfe\xe9N[\x0e\x14\x95\x901av\x80\xf2\xc7\xfa\xef$\x90\xf5\x1f\x9c\xf4\xf2\xebWU\x95\x10\xb2gO\xc1\xfe\xfd\xc5\x9c\xf3\xdc\xcc)\x06\xc9\xcc\xb9^~\xcdgB\x88\xaazGfM\xa6\x94:\x1c\x8e\xf5\xeb\xd7\xc3\xa9\x9bD\xf6\xa2\x1f\xf2/.\xe6\x9c\xa7\x8d\x9b)\x19\xcd\x9c\xe9\xeb\x84[\x8f\x08!\xaa\xe2\x1d:\xee\xf2\x00\xe5\x8f\xf5\xdfE@\xea?h\xe9\xa5\x01h\'v\xde{\xef}\xce\xb9\xc5\x1cqa\xcee.\x8fN\x17\x9ftA\tu\xb9\x1dC\x07_0d`.!d\xdd\xba\xf5\xda\x95\xa2\xbd\xfb]:\xe7o\xb6FfM\xba\xd6\xeb\xb4S\x9dO\xff\x01\x00\x80P\xc1\xe3\xecH\x191.9cL`\xf2\xc7\xfa\xef,0\xf5\x1f\xb4\xf4\xf2sj\xfb\xbf\x1f\x7f\xfc\t\x00$\'\xa6\xc7D\x0fP\x14\x8f\xae\x0e\xf6\x9d\x01\xe7\xcc \x99\xd2\x07_\xc89/((8|\xf8p\xaf\xef\x05w\xce?.uDDb\xaa\xe2q\xeb\xfc\x00\xb4\x0fg\xaad\x0c\x1b\x90310\xf9c\xfdw\x11\x80\xfa\x0fZ\xbah\x00\xdac\x8f\xca\xcb\xcb\xcb\xcb\x8f\x00@\xe6\x90q"\x95t\xb5\xd8\xeb\'\x10\xa2\xa8\x9e\x8c\xb4&lt;\x81\nn\xb7k\xdb\xb6m\xd0\xab{\xc1\xbe\xfc\x8f\x94\x1f\x01\x80A#/\xa1\xa2\x84\xc7\x1f|\x08!\xaa\xd7=h\xe4D*\xf87\x7f\xac\xff\x9e\xf9\xb9\xfe\x83\x99^\x1a\x00\x00l\xd8\xb0\xc1\xedv\x0bTHO\x1d\xa30\xbd\xaf\x7f\xe8\x8c\x00\xf1x]\x03\x922##\xe2\x01\xe0\xc3\x0f?\x84^]\x0b\xe1\xcb\xdf\xe3vSA\x18\x903\x81\xe1\xf4\xb3\x13B\xa8\xe2v\xc5\xa7\xe5\x84G\'\x82?\xf3\xc7\xfa\xef\x91\xbf\xeb?\x98\xe9\xa2\x01h\xbfK\xad\xb1GD\xc4%\xc4\xa5z\xbd.\x02\xba\xf8\x05\x9f\rB\x88\xb6 :%1\x03\x00\n\n\xf68\x1c\x8e^\xbc"\xa6s\xfe\xd6\xe8\xc4\xe8\x94a\x8a\xc7\x85\x07\xa0\x7f@\x08S\xbd\xa6\xf0\xe8\xb8!9\xe0\xe7\xfc\xb1\xfe\xbb\xf3w\xfd\x073]l\x84\x94R\x8f\xc7SRR\n\x00\x83\x92\x86[\xc3\xa2\x19Su\xd2\xe1\xcf\x12\xe7\x9cRa\xe8\xa0\x0b\x00\xa0\xa1\xa1\xbe\xaa\xaa\n\xa0\xd7\xee\x11\xd99\xff\x84\xa1#\xcd\x91\xb1L\xc1\x19\xe8\x8fp\xce)\x15SF\x8c\x07\x80z\x7f\xe6\x8f\xf5\xdf#\xbf\xd6\x7f0\x0b\xfd\x06\xa0\x1d\x00\xad\xad\xad\xad\xac\xac\x04\x80\x94\xc4L\x81\x8az\xf8\xd5\x9e\x1bBT\xa6\x0cHL\'\x84\xb8\\\xae\xc2\xc2B\xe8\xa5\r\xc0\x97\x7fEe%\x00\xc4\x0f\xc9\xa1\x02\xe6\xdf\x15!\x84)\xde\xb8!\xd9\x84P\xb7\x7f\xf2\xc7\xfa?\x13\xbf\xd5\x7f\x90\x0b\xfd\x06\xa0\xfd\x16\x8f\x1e=j\xb7w\x00@J\xc20\x95\xa98\xfd\xec\x82\x00Q\xbc\x9e\xb8\x98\x81a&amp;+\x00\x94\x96\x96B/m\x00\xbe\xfc\x1d\xf6\x0e\x00\x88M\x1d\xce\x14\x05\xa7\x9f]\x10B\x15\xc5\x13\x954\xc4d\t\x07\xff\xe4\x8f\xf5\x7f\x06\xfe\xab\xff \xa7\x97\x06\xa0\xb5t\xb3\xc9\x92\x187DQ\xdcx\x00\xb4\x0bB\x88\xca\xbc\x11\xd6\xb8\xd8\x98\x81\x00PTT\x0c\xbdt\x1e\xacs\xfe\xa60k\xcc\x80\x0cUqc\x03\xe8\x8a\x10\xe6\xf5\x84E\xc7G%\xa5\x82\xdf\xf2\xc7\xfa?\x1d\xff\xd5\x7f\x90\x0b\xfd\x06\xa0\xa9\xab\xab\x03\x00Y2\x9a\x8c\x16\x95\xe3\x05\xa8=\xe0\x9c\x8b\xa2l6E\x00@}}\xbd\xf6\xdc\xa8\xdezs-\x7f\xc9`6\x84\x85sU\x05\x1c\x80\xba\xe1\x9c\x8b\x92\xd1h\x89\x04\xbf\xe5\x8f\xf5\x7f\x06~\xad\xff\xa0\x15\xfa\r@\xbb\xa8\xaf\xa0`\x0f\x00\xc4\xc7\x0e\xb6\x84E1\x15\x0fA\xf4\x80s.Pq@B\x06\x00\x94\x95\x1dlmm\xed\x95\xe7ct\xce?*9\xcd\x14\x1e\xad\xe2\x19\xe0\x9ep\xce\xa8 \xc6\x0e\xc9\x01\x80\x83\xfe\xc9\x1f\xeb\xff\x0c\xfcT\xffA.\xf4\x1b\x80\xc6\xf7\x8b\xc4\xd5\x87g@\x80hC\x83\xaa2\xa1Wo\xd3\xffC\xfe\xba\xb9\xc8\xfe\xe7 \xfe\xcf\x1f\xeb\xff\xf4\xfcW\xffA+\xf4\xabA;\xad_]]\r\x00&amp;\xa3\x15\xe7&gt;g\xc097\x19\xad\x00\xe0p\xd8\xb5\xc4\xce\x7f\x06\xd49\x7fCX\x04\x0e@g\xc097\x84E\x80\xdf\xf2\xc7\xfa?3\x7f\xd4\x7f\x90\x0b\xf1\xadQ;\x90\xe7p8\x8e\x1f?\x0e\x00\xc9\xf1\xe9x\x11\xfci\x11\xc2\xb8\x9a\x92\x90\x0e\x00\xbe\xc4\xce3+_\xfeU\xc7\x8f\x03@l\xeap\xbc\t\xc4\xe9\x10B\xb8\xaa\xc4\xa5\x8e\x00\x00go\xe7\x8f\xf5\xff\xd3\xfcP\xff\xc1/\xc4\x1b\x80\x86\x10"I\x12\x00\xe0\xd0\xf3\x93|\x11i\x89\xf5\x8a\x1f\xf2\xd7\xc7\xfdU\xce\x87/"\xbf\xe4\x8f\xf5\xffS\xfcQ\xff\xc1L\x17\r\x00t\xd0\xc9{]\xef&amp;\x86\xf9\x9f+\xcc\xbfo\xe9$1\xbd4\x00\x84\x10B]\xe8\xa5\x01h\xe7\xbe8\xe8\xa2\xab\x9f\x8fN\xcbEz\xf3l\xe1\xc9w\xd3\xc7\xac\xea\xbc\xf83\x7f\xac\xff\x9f\xe4\xa7\xfa\x0fZ\xbah\x00\x9csEQ\x00@\xa4\xba8\xaew&gt;DA\xd4\xfe\xa2%\xd6+|\xf9SQ\xc2K\xc0\xce\x8c\x8a\'K\xd4\x1f\xf9c\xfd\xff$\x7f\xd4\x7f0\x0b\xfd\x06\xc09\x97$)""\x02\x00\x1a[\x8f\xabx\x1f\xc4\xd3#\x846\xb6\xd4\x00\x80/\xb1\xf3\xcfJ\xcb?2"\x02\x00l\xf5\x95L\xf5b\xfe\xa7C(\xb5\xd5W\x80\x1f\xf2\xc7\xfa?\x1b\xfe\xa8\xff \x17\xe2\r\x80\x10\xc29\xb7Z\xad\x99\x99\x99\x00\xd0\xd4Z\xa3r]4\xf6\x9f\x83sJhck5\x00DDDfdd\xc0yo\x00]\xf2ok\xa8\xe4\xaa\x82;\x01=\xe2\x9c\x13*h\r \xdc?\xf9c\xfd\x9f\x89\x1f\xea?\xf8\x85x\x03\xf0\xf1x&lt;\x00 \t2\xc5\x0b\x91\xceH\x12\r\x00\xa0\xaa\xaa\xaa\xf6\xe6\x1dc\xb4\xfc\x05\xc9\x00x%\xf0\x19\t\x92\x11\xfc\x96?\xd6\xffO\xf2S\xfd\x07\xad\xd0\xaf\x06\xedyx\xa3F\x8d\x02\x80\xc6\xe6\xe3\x1d\xf6\x16\x8a\xf7C\xef\t!DeJM\xc3!\x00HOO\x0f\x0f\x0f\xef\x95\xfbau\xce\xbf\xb5\xf6\x98\xd3\xd6LE\x11\xcf\x06wG\x08a\xaa\xb7\xa9\xb2\x14\xfc\x96?\xd6\xff\x19\xf8\xa9\xfe\x83\\\xe87\x00MRR"\x008]\xedn\xb7\x83\xe2$\xf44T\xa6\xb4\xdb[\x00 ..N\x14{s\x98\xd0\xf2w\xdb\xdb\xbc\xae\x0eBuq\x97\x95sG\x99\xa28l\x8d\x00\x10\xef\x9f\xfc\xb1\xfe\xcf\xcc\x7f\xf5\x1f\xb4B\xbf\x14\xb4\x1e&gt;r\xe4H\x00\xb0;;N4W\x89\x82\x8c\xeb\xe1\xba\xe0\x9c\x0b\x82\xd8aonn\xae\x06\x80\x9c\x9cl85y&lt;O\x9d\xf3w\xda\xdbZj\x8e\x8a\xa2\x8c\x97\xa4v\xc5\xb9 \x8a\x0e[\x93\xad\xae\x12\xfc\x96?\xd6\xff\xe9\xf8\xaf\xfe\x83\x9c^\x1a@jj\xaa\xc1`\xe4\x9cU\xd7\x1f\x16\x04&lt;\x04\xd1\x15\x07.\x8a\x86\xc6\xe6\xea6{\x0b\x00h\xe7\x0c{E\x97\xfc\x1b+J\xa9\x88\xb7\xa3\xe9\x8as.H\x06[\xdd1\xbb\xad\t\xfc\x99?\xd6\x7f\x8f\xfcW\xffANG\r ))\t\x00\xaa\xeb\x0f\xe1\xe8\xd3\x03\xceE*\xd64\x94\xab\xaa"\x8a\xd2\xe8\xd1\xa3\xe1\xd4\xad\xe4\xcf\x93/\xff\xc4\xa4$\x008q\xac\x84\x03\xc7\x85@]p\xce\xa8(5V\x1d\xf4_\xfeX\xffg\xe2\xb7\xfa\x0fr\xa1\xff\x13\x12B\x18c&amp;\x93)++\x13\x00*\xab\xf7;]m\x94\n\xb8\x13\xdc\x05\x07(\xaf\xdc\x0b\x00\xd1\xd1\xd1iii\xd0Kk\xe0|\xf9\x0f\xcf\xca\x04\x80\xba\xc3{\xdc\x1d6z\xear\x1bt\n\x01\x02\xd5%\xdf\x01@t\x8c_\xf2\xc7\xfa?3?\xd5\x7f\x90\x0b\xfd\x06\x00\xa7\x8e\xe5\xe5\xe5\xe5\x01@cK\xf5\x89\xa6*I20\xdc\x02|8P*8]\xed\x955%\x000b\xc4\x08\xab\xd5\xca\x18\xeb\xad\r\xa0s\xfe\xb6\xfa\xaa\x96\x9a\xa3\xa2l\x00&lt;\r\xd0\t\x15Dw\x87\xad\xfe\xc8^\x00\x181\xdc\x8f\xf9c\xfd\xf7\xc0\xcf\xf5\x1f\xcct\xd1\x00\xb4_\xe4\xacY\xb3\x04A\xf4z=G\x8f\x17K\x82\x0c\x80\x03\xd0I\x0c\xb8$\x19\x1a\x1a\x8fi\x97A^y\xe5,Ji/\x9e\x01\xfbQ\xfe\x1ewm\xd9nA2\xe8\xe1\x0c\xdb\xd9\xe2L\x94\r\xcd\xd5Gl\xf5U\xe0\xef\xfc\xb1\xfe\xbb\xf1w\xfd\x073]4\x00\xedX\xde\xa8Q\xa3\xb4\xc3\xa0%\x87\xb73\xce\tN\x80|8\x93E\xc3\x81\xf2]^\xaf\x9bR:}\xfat\xe8\xd5\xfd\xdf.\xf9\x1f+\xf8\x92sF\xf04\xc0)\x8c1Q6V\x16~\xe3\xf5\x04"\x7f\xac\xff\xae\xfc\\\xff\xc1L\x17\r\x80\x10\xa2\xaa\xaa\xd9l\x9e1c:\x00\x1c\xaf=\xd0no\xa2\x02\xaeE9\x89\x10P\x99z\xa4r\x0f\x00\xc9\xc8\xc8\xcc\xce\xce\xe6\x9c\xf7\xe23Q\xbb\xe4\xdfP^\xe4h=A%\x19\xd7\xa2h\x08!\x8c\xa9\xd5%;\x81\x90\x8cL\xbf\xe7\x8f\xf5\xdf\x85\xbf\xeb?\x98\xe9\xa2\x01\xf8\xdcx\xe3\x8d\x00\xd0\xdcZ_X\xfa\x95\xd1\x10\x86\x1b\x00\x00p\xcee\xc9t\xbc\xf6`Y\xf9\xf7\x00|\xf6\xec\xab\r\x06\x83\x9f\xae\x83\xd7\xf2\xb75\xd6\x1c\xf9._6\x85\xe1\x03\xc2\x00\x008\x93\x0c\xe6\x86\xf2\xe2\xca\xa2m\xc0\xf9\xec\xab\xfd\x9e?\xd6\x7fg\x81\xac\xff \xa4\x97\x06\xa0\xed\x05O\x9e&lt;9%%\x05\x00\xf6\x96~\xc19\x03&lt;\x0f\x06\xc09\x93%Sq\xd9V\xb7\xc7)\x08\xc2\r7\xdc\x00~\xd8\xff\xf5\xe5\x9f\x9c\x92\x02\x00\x87v|\xc29\xc7\x83@\xa0\x1d\xff1\x9a\xcb\xbf\xdf\xe4q9\x02\x90?\xd6\x7f\x17\x81\xa9\xff\xa0\xa5\x97\x06@\x08Q\x14\xc5j\xb5\xce\x993\x07\x00\x0e\x1f+\xa8\xae;d\x90M8\t\xa2\x94:\\\xed\xbb\x8b\xf3\t!c\xc7\x8e\xcd\xcb\xcbc\x8c\xf5\xfa\xfe\xaf/\xff[\xe6\xcc\x01\x80\xaa\xfd\xdf\x9e8Z"\x19\xcc\xb8\x16\x88\n\xa2\xdbn;\xf8\xcd\xfa\xc0\xe4\x8f\xf5\xdfE`\xea?h\xe9\xa5\x01\xc0\xa9I\xd0\xc2\x85\x0b%Ir{\x9c\xdf\x17\xe5\xcb\xb2I\xe7\xf7$`\x9c\x19\r\x96\xb2\xa3\xbbj\xea\x8fp\xceo\xbb\xed6\xff\xad\x7f\xf0\xe5/J\x92\xc7\xe58\xf0\xcd:\xd1h\xd6\xc9Z\x8b\xd3\xe1L\x95\xcd\xd6\xaa\xc2m\'*\x0f\x06,\x7f\xac\x7f\x9f@\xd6\x7fp\xd2W\x03`\x8ceggO\x992\x85\x10\xb2}\xf7\xba\x86\xa6JQ\x94\xf5&lt;\t"\x00\xaa\xaal\xde\xf6\x06\xe7&lt;!!\xe1\xfa\xeb\xaf\xf7\xdf\xe9/_\xfe\x97N\x99B\x08)\xdc\xb4\xa6\xb5\xe6\xa8(\x19\xf5}*\x980\xc5\xbbk\xfds\x81\xcc\x1f\xeb\xdf\'\x90\xf5\x1f\x9ct\xd4\x00\xe0\xd4\x03?\x97.]\xca9o\xb7\xb7\xec\xda\xf7\x99\xd9\x18\xce\xb8^N\xf8t\xa1M\x7f\xca\xab\xf6\x1d:V\x00\x00\xf3\xe6\xcd\x8b\x8d\x8dUU?&gt;1\xaas\xfe\x0e[S\xe9W\xef\x19,\x11L\xd5\xe9#J8S\ra\xd6\x9a\x03\xdfW\xed\xff\x16\x02\x9e?\xd6\x7f\xe0\xeb?\x08\xe9\xab\x01PJ9\xe7S\xa7N\xcd\xcc\xcc"\x84\xec\xdc\xfbQK[\x9d\xa4\xef\x9b#n\xf9v-\x00\x18\x0c\x86\xdbn\xbb\x8ds\xee\xd7\xfb\x9f\xfc\x90\x7fV\x16!\xb4\xf8\x8b\xff\xb67V\x0b\x92A\xb7;\x01\x9cC\xc1\xc7/C\xe0\xf3\xc7\xfa?%\x90\xf5\x1f\x84\xf4\xf5\xd3\xfa\xee\x8b\xf2\x87?\xfc\x9es^\xdfX\xf1\xc5\xb65fS8c\xba\x9b\x041\xc6\xccF\xeb\xfe\xb2\xad{\xf6o\xe6\x9c\xdfr\xcb-\xc3\x87\x0fg\x8c\xf9u\x03\xf8!\xff\xdf\xff\x9es\xd6\\S\xbe\xfb\x83\x17\x8d\xd6H\x1d\xe6\xcf\x99j\xb0D\x1e\xdd\xbd\xf9\xe0\xf6O\xfa \x7f\xac\xff\xbe\xa8\xff \xa4\xaf\x9f\x16\x00\x04APUu\xee\xdc\xb9S\xa6L\x01\x80\xed\x05\xeb\xeb\x1a\x8f\xc9\xa2QoGB\t\x01UU6n}\x8d\x10\x12\x13\x13\xf3\xf8\xe3\x8f\x07\xe6\xf9G?\xce\x9f\x14~\xfeV\xf3\xf1\xc3\xa2l\xd2\xdfN\x00a\x8a\xf7\xbb\xf7\xfe\xd9\xa7\xf9c\xfd\x07\xba\xfe\x83\x8d\xee\x1a\x80F\x10\x84e\xcb\x96\t\x82\xd0no\xf9\xe8\xf3\xe7\x8c\xc60\xae\xa7#\xa1*S,\xe6\xa8\xed\xbb\xd7\x1f&gt;\xb6\x87s~\xdf}\xf7%&amp;&amp;\x06r\xfas*\x7f\xea\xb05m]\xf37\xd9l\xd1\xd5$\x94\xa9\x8a)"\xa6h\xd3\x9a\xaa\x92\x9d}\x9a?\xd6\x7f\xdf\xd4\x7f\xf0\xd0\xdd\x0f\x0c\xa7&amp;A\x93\'O\x9e7o&gt;\x00\xec.\xde\xb8w\xff\x17fS\x84N\xc6 \xce\xb9,\x1aO4W}\xb2\xe5%Jiff\xe6\xfd\xf7\xdf\x1f\xe0\xd1\xe7d\xfe\xf3\xe7\x03\xc0\x81\xad\x1f\x1c\xda\xf1\x89\xd1\x1a\xa5\x93\xb3\xc1\x9c3Q6\xb6\xd6\x1e\xdb\xbe\xf6\xc9&gt;\xce\x1f\xeb\xbf/\xf2\x0f*z\xfc\x99\xe1\xd4\xc1\xd0\xbf\xfd\xed\xf1\x88\x88H\xce\xd5w6&lt;\xe1p\xb6\x89\xfa\xb8;\n\xe7\xcc`0\xbf\xbbae[{#c\xec\xe9\xa7\x9f\x96e9\xc0\xfb\xbf\'\xf3\x7f\xfc\xf1\x88\xc8H\xce\xd4/\xfe\xf5GWG\xab\xa0\x8f\xbb\x03q\xc6d\x93\xe5\xcb\x7f=\xdc\xd1\xd2\xd0\xc7\xf9c\xfd\xf7Q\xfe\xc1C\xa7\r@[\x0e\x91\x98\x98\xf8\xd4SOr\x0e\x8d\xcd\xd5o\x7f\xb2\xc2h\x08\x0b\xf9\xebbTU\xb1\x86Eo\xd9\xf1\x9f\xbd%_\x02\xc0\xc2\x85\x0bg\xce\x9c\xa9\xaaj\x80\xd7&gt;\xff\x90\xff\x93Or\x0e\xadu\x15\x9b_\xfa\x83l\xb6\x86\xfc$\x94)^sd\\\xc1G\xff*\xfbv\x03\x04C\xfeX\xff}\x91\x7f\xf0 z\xe8\xf9\xa7\xa3(\x8a(\x8a7\xdf|\xf3\xdbo\xbf\r\x007_\xfd\xe0\xf4\tsm\xed\x8dB\x88&gt;\xaf\x8a1\xd5d\xb4V\xd6\x94\xacZ\xbd\xd8\xedq\xa6\xa5\xa5\x15\x16\x16\x9aL&amp;BH\x9fL\x7f\xba\xe4\x7f\xd9\x92\xc7/\xbcv\x89\xbd\xb9\x9e\x8aR\xe0?L\x000U1Z"\xea\x0e\xef[\xfb\xd0/\xbc.gZ\xda\x90\xa0\xca\x1f\xeb_\x87t\xba\x07\xa0\xd1\x0e\x86&gt;\xff\xfc\xf3iii\x84\x90\xf5\x1b\xffq\xb0|\x97\xd9\x14\x9a\xf3P\xce\x99(\xcavG\xeb\xeb\xef?\xe2\xf1\xbaDQ|\xeb\xad\xb7\xc2\xc2\xc2\xa0\xefn}\xd5%\xff-\xff~\xb4\xb2p\xab\xc1\x12\x19\x92\'\x038c\xa2dp\xb65o\xf8\xc7\xef\x14\xb7S\x14\x85`\xcb\x1f\xeb_\x87t\xdd\x00\xb4\xce\x1f\x1d\x1d\xfd\xd6[o\x11B&lt;^\xe7k\xef&gt;\xd4no\x95%#\x0b\xad}a\xed9\xec\x06\xd9\xf4\xe6\xfae\xb5\rG8\xe7O&lt;\xf1\xc4\xf8\xf1\xe3\x15E\xe9\xc3s_]\xf2W\\\x8eO\x9e\xba\xd3\xd9\xd6$\x19L&lt;\xc4\xc6 \xce\x81\x80d\n\xfb\xec\x9f\xf75V\x1e\x0c\xce\xfc\xb1\xfeuH\xd7?&lt;\x00PJ\x15E\x19?~\xfc\xf3\xcf?\xcf94\xb5\xd6&gt;\xfb\xfa\xdd^\xc5#\nR(\x1d\x0f\xe5\x8c\x85\x99\xc3_\x7f\xff\xcf\x85\x07\xbe\x02\x80\x05\x0b\x16\xdc{\xef\xbd\xda\x11\x80\xbe\xfd`?\xca\x1f\xa0\xad\xe1\xf8\xbb\x8f\xdc\xa2x=T\x94C\xe9i\x01\x9c1\x935\xea\xd3U\xf7\x1c\xfe.\x1f\x826\x7f\xac\x7f\xfd\xd1{\x03\x00\x00Q\x14\x15EY\xbcx\xf1\x92%K\x00\xa0\xaa\xf6\xc0\x7f&gt;\xfa\xabA2\x11BC\xe3\x04\x89\xca\x94pk\xec\xe7\xdb\xde\xdcQ\xf0!\x00\xe4\xe5\xe5=\xf7\xdcs\xc1s\xcf\xdb\xce\xf9s\x80\xfa\xf2\xa2M\xcf? \x1b\xcd\x84\x92\xd0\x18\x83\x98\xaa\x98\xa3\xe2w\xad\x7f\xa1x\xf3Z\x08\xee\xfc\x01\xeb_g\xb0\x01\x00\x00\x08\x82\xa0(\xca\x0b/\xbcp\xc7\x1dw\x00\xc0\xf7\x85\x9f\xfd\xfb\xfd?\x19\ra\x94\xd2~\xbd/\xcc\x813\xa6FXb?\xdf\xfa\xc6{\x1bV\x02@^^^~~\xbe\xd9l\x86`:\xf4\xd9%\xff\xd2\xaf\xd7}\xba\xea\xb7\xb2\xc9J\xa9\xd0\xbf\xf7\x038\xe7\xaa\x1a\x16\x15\xff\xfd\xfa\xe7\xbf\xfc\xd7\x1f\xa1\x9f\xe4\x8f\xf5\xaf\x1f\xba^\x05\xd4\x19\xe7\\\x9b\x14,^\xbc\xf8\xe5\x97_\x06\x80\x8b.\x98\xfd\xabk\x1eb\x9c)\x8a\x87\xd2\xfe7Y\xe0\x9c\x01\x900S\xf8\xe6\xedk\xde\xdd\xf0\x04\xe7\'\xab?***\x08/{\xe9\x9e\x7f\xce\xb4\x9bg\xde\xf5\x04gL\xf1\xb8h?\\\x97\xa2\xed\xbe\x18-Q\xbb?|\xf1\x8b\x97\x1f\xe6\x00yy\xe3\xf2\xf3?\xeb/\xf9c\xfd\xeb\x016\x80\x1ft\xdf\x06R\x07\xe4\xfe\xcf\xdc\xa7,a\xd1\x0eg[\xffZ\x1b\xc7\x98*\x8a\xb2,\x19\xdf\\\xb7l{\xc1z\x00\x187n\xdcg\x9f\x05\xe9\xe8\xa3\xe9\x9e\x7fR\xc6\x98_&lt;\xfc\xba9"\xc6\xd5\xde\xda\xbf\xd6\x862U\x11%\x83h4\x7f\xf6\xcf\xa5E\x9b\xde\x02\x80\xbcq\xe3\xf2\xfb[\xfeX\xff!\x0f\x1b\xc0\x8ft\xdf\x06R\x12\xd3\xe7]\xf7\xe7\xb4A#\xdb:\x9a\x04*@\x7fx\x8e\xad\xaa*fSx\x87\xbd\xe5\xad\x0f\x1f\xdbW\xfa%\x04\xf7\xdc\xb3\xb3\xee\xf9\xc7\xa5\x8e\xb8\xe2\xb7\x7fO\xc9\x1ako=A\xa9\x00\xfda\xb7\x9d)^\xa35\xd2ak\xda\xf8\xdc\xff\x1e\xfav\x03\xf4\xe7\xfc\xb1\xfeC\x1b6\x80\xae\xbao\x03fS\xf8\xcdW\xfd\xdf\xf8\x0b\xaev8\xdb\x18S\x83yw\x98s\xce9\xb3\x86E\x97W\xed{s\xfd\xb2\xea\xbaC\xd0\xdf\xe6&gt;\xdd\xf37Z"f,~&lt;{\xdaM\xae\x8eV\xceT\x12\xd4\xf93\xce\xb89"\xa6\xe6\xe0\xf7\xf9\xff\xbc\xaf\xe1X\t\xf4\xff\xfc\xb1\xfeC\x186\x80\x1ep\xce\xb5GC\xacZ\xb5j\xe9\xd2\xa5\x00\x00\x04\xa6\x8c\xbb\xf9\xfa\xcb\x7f\'\x8a\xb2\xd3\xd5N\x89\x10\x84g\x90T\xa6\xc8\x92\xd1 \x99\xbe\xfa\xee\xed\xf5\x1b\xff\xe1t\xd9\x01`\xd1\xa2E\xabV\xad\xb2Z\xad\xfd\xa8\xfa\xbb\xe7O\x00.\xb8j\xd1\x94[\xff$\x88\xb2\xdb\xd1\x16\x9c\xbb\x02LUD\xd9(\x19\xc3\xf6~\xfa\xeaW\xff^\xe6vt@\xa8\xe4\x8f\xf5\x1f\xaa\xb0\x01\xf4\xcc\xb7\r\xe4\xe7\xe7/Z\xb4\xa8\xa6\xa6\x06\x00\x06\xa7d\xdf8\xeb\xff\xcbH\x1b\xebp\xb6+\xaaG\xa0\xc1rT\x941\x95\x10\x1af\x8ehl&gt;\xfe~\xfe\xaa\x82\xe2M\x00 \xcb\x86\xe5\xcb\xffv\xef\xbd\xf7\x02@\xbf\xab\xfe\x1e\xf3OJ\x1f=\xf5\xb6G\x07\xe5Np\xd9m\xaa\xd7\x13&lt;g\x869S\x81\x10\x935\xba\xb5\xee\xd8\x96W\xff\xdf\xc1m\x1fA(\xe6\x8f\xf5\x1fz\xb0\x01\x9c\x89v\xa9Hmm\xed\xc2\x85\x0b\xf3\xf3\xf3\x01@\x92\xe4i\x17\xcf\x9d6a^\x8456\x18\xf6\x88\xb5Uzf\xa3UU\xbd;\xf6|\xf4\xe9\x97/\xb6\xb6\x9d\x00\x80\xcc\xcc\xccW^ye\xe2\xc4\x89\x8c\xb1\xfe{\xab\x93\x1e\xf3\x1fs\xedo\xf2\xae]\x12\x16\x95\xe0\xeahe\xaaJ\xfbt5\xb7v\xc5\xb2!,\x82)\xde\xa2/\xd6\xeeX\xbb\xb2\xbd\xa9\x1e\x00223W\x87h\xfeX\xff\xa1\x04\x1b\xc0O\xf0\xdd)p\xd5\xaaU\x0f&gt;\xf8{\xb7\xdb\x05\x00\tq\x83gL\xf8\xf5\xd8\xdc\xcb\x8dF\x8b\xd3\xd5\xce\x98J)\r\xf0\xf91\xc6\x18!`4X\x00x\xc9\xa1\x1d\x9fo{\xfd`\xf9.\xedK\xb7\xdf~\xfb\xca\x95+#""B\xe0Z\xc7\x1e\xf3\x8fI\x19:\xf6\xba;\xb3&amp;_g0[\xdd\xf66\xa6*T\x08\xf4\xf9Im\xd6o0Y9\xf0c{\xb6\xecZ\xf7\\E\xe1V\xedK!\x9f?\xd6\x7f\xc8\xc0\x06\xf0\xd3|\x93\x88\xe2\xe2\xe2\x07\x1ex`\xc3\x86\r\xda\xbf\xa7\x0e\xcc\x999ia\xc6\x90\xb1\x96\xb0\x08\xa7\xcb\xae\xaa^B\x08!\xfe\xdd\xd3\xd4NsQ*\x18\ra\x8a\xea=v\xbc\xf8\xabo\xff\xbb\xbbx\xa3\xf6\xd5\x9c\x9c\xdc\x15+\x96\xcf\x9a5\x0b:m\xba\xfd\xdd\xe9\xf2O\xce\x183\xee\x86\xdf\x0e\xca\x9d`\n\x8fv\xdb\xdbU\xc5C\x08%~\xde\xd3\xe7\x9cq\xc6\xa8 \xca&amp;\x0bS\xbc5e\x05{&gt;y\xe5\xe0\xd6\x0f\xb5\xad(\'7w\xc5r\xbd\xe4\x8f\xf5\x1f\x02\xb0\x01\x9c-_=\xad]\xbb\xf6\xaf\x7f\xfdkQQ\x91\xf6\xef)\t\xc3\xa6\\4g\xf4\xf0\xa9\xe1\x96\x18\x85)n\xb7\x83s\xdf^g\xaf\xcd\x898g\x9ck7\xb42J\x92\xd1\xe9\xea8|l\xf7\x17;\xd6\x1c(\xdf\xa9]\xaa\x99\x90\x90x\xf7\xddw=\xf0\xc0\x03\xb2,\x87\xe4no\xe7\xfc\x1f\xfb\xeb_\x8bO\xe5\x1f78k\xcc\xd5\xb7\xa7_4+,*^U\xbc\x1e\xa7\x9d3\x95\x10Jho\xe7\xcf8! \x1a\xcc\x92\xc1\xe4\xb6\xb7U\xed\xdf\xb1\xfb\xc3\x17+\xf7}\xcd8\x00@Bb\xe2\xddw\xe9%\x7f\xac\xff\x90\x81\r\xe0\x1c0\xc6\x00\x80R\xea\xf1xV\xacX\xf1\xec\xb3\xcf\xd6\xd5\xd5i_\x8a\x89J\x1a=|Zn\xd6\x94\xb4A\xa3\x0c\x92\xc9\xabz\xbc^\xb7\xaa*\x00\x1c\x08!p\xce\xe5\xc8\x81k\xb3\x1d\x00\xa0T\x90D\x83$\x19\x18S\x8f\xd7\x95\x95\x1c\xda\xbe\xbb8\xbf\xaa\xe6\xa0\xf6J\xa3\xd1\xf8\xab_\xfdj\xd9\xb2e)))\x10\xd2\x13\x9f.\xf9?\xf3\xec\xb3\xf5\xa7\xf2\x8f\x88\x1f\x90~\xf1U\xc3\xf2f&amp;\x0f\xcf\x93\x0cfU\xf1(n\x17S\xbd\xfc\x87\xf8\xcfq8\xd0N\x83\xc2\xc9\xfcE\xd9 \xcaF\xa6\xaa\rG\xf7\x1f-\xf8\xf2\xe0\xd6\xf5\xf5\xe5\xc5\xda\x0b\rF\xd3\xdc_\xdd\xa2\xc3\xfc\xb1\xfeC\x006\x80s\xe6\xab\xb0\xfa\xfa\xfa7\xdex\xe3\xf5\xd7\xdf(**\xd4\xbeD(\xa4\r\x1c\x9d1dl\xc6\x90\xb1)\x89\x19\x16s$\xa5\x82\xaa*\x8a\xe2Q\x99\x97q\xfe\xc3#\x0f\xbbo\x0f\x9d\xbeD\x80\x08\x82(\n\x92 H\x00\xe0t\xb574U\x96\x1d\xfd\xfeH\xc5\x9e\x83\xe5;]n\xa7\xf6\xc2\xc4\xc4\xa4y\xf3\xe6.X\xb0 \'\'\x07\x00\x14E\x11\x84`\\\x9f\xd7\xbb\xce\x94?\x81\x94\xac\xbc\x81\xb9\x93\x06\xe5N\x88\x1b\x92c\xb2FQA`\x8a\xa2x\xddL\xf1jG\x0fN\xbe\xb0{\xfcp\xf2W\xa0\x8dW\x82 \t\x92\xac]~\xec\xb6\xb7\xb7\xd4\x94W\x16m\xad.\xd9Y\xb9\xefk\xb7\xcb\xa1\xfd\'\x89II\xf3\xe6b\xfeX\xff\xfd\x186\x80\x9f\xc3w\xb1\x0c\x00x&lt;\x9e\xcf&gt;\xfbl\xf5\xeaW7n\xdc\xe8t\x9e\x1c\x1a\x08\x81\xd8\xa8\x94\x94\xc4\x8c\xb4A\xa3R\x122\xe2c\x06\x86[bEQ\x16\x04\x91\x00\xe1\xc0\x19S:\xef s\xce)\x15(\xa1\x00\xa02EeJ\x87\xbd\xa5\xb1\xb9\xba\xee\xc4\xd1\xf2\xaa}\x955\xa5\'\x9a+=\x1e\xb7\xef\xf5\x13\'N\xbcu\xc1\xad\xb3\xaf\x99\x9d\x90\x90\x00\x00\xaa\xaaRJ\xf5S\xfa=\xe6\x9f\xbfq\xa3\xabS\xfe\x91\t\x83\xe2\x86d\'g\xe5\xc5\xa5fG%\xa7\x85E\xc6\x8b\xb2L\x05\t\x08\x01\xce\x98\xda\xf5y\x03\x84j\xe7\x0f\x08S\xbcLU\x1c\xb6\xc6\xd6\xfa\xca\xe6\xe3\x87jJw\xd5\x1f\xd9\xd7RS\xee\xfdQ\xfe\x93\x16\xdc\xba\xe0\x9a\xd9\x98?\xd6\x7f\xff\x86\r\xe0\xe7\xe3\x9c\xab\xaa\xea[fp\xe0\xc0\x81\x8f?\xfex\xfd\xfa\x0fv}\xb7\xcb\xe3uw~\xa5\xd5\x12\x19\x1b5\xc0l\nOI\xc8\x10\x04\xc1 \x87\xa5$\xa63\xc6\xb4\x82\xe5\xc0\x05Ajj\xaeni\xab\xa3T\xa8i8\xecp\xd8\x1a\x9a\xabl\xed\x8d\x9c\xfd\xe8\xb7\x93\x9d\x9d3k\xd6\x15\xd7_\x7f\xfd\x84\t\x13\xb4\x7f\xd1\x9eh\xa1\xcf5\xce=\xe7\xff\xc1\x07\xdf}\xb7\xab\xf3`\r\x00a\xe1Q\x91I\xa9\x86\xb0\xc8\xb8!\xd9\xda\xf9\xdb\xb8\xd4\x11\x8c\xa9\x04\x88\xf6&gt;\x82(\xd9\xea+\xda\x1ak\xa8 4V\x94\xba\xda[[j\xca\xed-\xf5?\x8e\x1f\xb2srf]\x81\xf9\x9f\x84\xf5\x1f\x02\xb0\x01\x9c/m6D\x08\xf1Uaii\xe9\xce\x9d;?\xfa\xe8\xe3\x82\x82\xdd\xd5\xd55^\xaf\xe7|\xde?&gt;&gt;a\xe4\xc8\xdc+\xae\xb8b\xf2\xe4\xc9c\xc6\x8c\xd1\xa6]\xda7\xc5Y\x0f\x9c!\xff\x8f?\xde\xbd\xbb\xa0\xa6\xa6\xa6K38W\xf1\t\x89#ss0\xff\xd3\xc1\xfa\xef\xd7\xb0\x01\xf4\x1a\xc6\x98\xb6_\xec+J\x87\xc3QQQq\xe0\xc0\x81\xa2\xa2\xa2\xc2\xc2\xa2\xa6\xa6\xa6\x92\x92\x12UU\xdb\xda\xdaz\xdc*bbb\x01`\xd8\xb0aQQQc\xc7^8t\xe8\xd0\xec\xec\xec\xf4\xf4\xf4\xc8\xc8H\xdfk\x14E!\x84\xe0i\xae\xee\xce*\xff\xd2REQ\xda\xda\xda\x94\x1e\xf3\x8f\x8d\xe3\x9c\x0f\x1b6,\x1a\xf3?wX\xff\xfd\x116\x80\xde\xa7m\t=\x96\xa9\xcdfc\x8c\xd5\xd5\xd5\xf9\x96O\xf8X,\x96\xf4\xf4t\xceyTT\xd4\xe9\xde\x10\xa7&lt;g\x03\xf3\xef[\x98\x7f?\x82\r\xc0\x8fx\'\xda\xc2\xe4\xb39X\xa9\xed\xde\xf2S+R\xb0\xe8\x7f6\xcc\xbfoa\xfe\xc1\x0f\x1b@@ii\xf3S\x0b\x9c\xbb\xd06\x0f,w\xff\xc1\xfc\xfb\x16\xe6\x1fl\xb0\x01 \x84\x90N\xe1\xf2)\x84\x10\xd2)l\x00\x08!\xa4S\xd8\x00\x10BH\xa7\xb0\x01 \x84\x90Na\x03@\x08!\x9d\xc2\x06\x80\x10B:\x85\r\x00!\x84t\n\x1b\x00B\x08\xe9\x146\x00\x84\x10\xd2)l\x00\x08!\xa4S\xd8\x00\x10BH\xa7\xb0\x01 \x84\x90Na\x03@\x08!\x9d\xc2\x06\x80\x10B:\x85\r\x00!\x84t\n\x1b\x00B\x08\xe9\x146\x00\x84\x10\xd2)l\x00\x08!\xa4S\xd8\x00\x10BH\xa7\xc4\xbe\xfe\x00zt\xba\xe70\xe3\xe3\xb0\x03\x03\xf3GH\x83\r\xc0\xbfx\'\x00@)\xf5\xfd\xd9\x1dc\xcc\xf7\'\xe9$\x80\x9f7\xd4`\xfe\x08\x9d\x019\xddl\x08\xfdl\xdap\xc3\x18#\x84\x08\x82\xd0\xfd\x05\x8c1\x9b\xcdF\xc8\xc9\xf0\xb5\xbf\x18\x8dF\x93\xc9\xd4\xe3\x8b\xb5\xb7\xa2\x94\xe2`t60\x7f\x84\xce\x126\x80^\xa3\r:\x9csQ\xfca\xbfJU\xd5\x9a\x9a\x9a\xc3\x87\x0f\x17\x16\x16666\xee\xda\xf5\xbd\xa2(u\xf5u\xb5\xb5u]\x06 \xab\xc52,}\x18p\xc8\x1d\x99\x1b\x17\x1b;v\xec\xd8\x81\x03\x07\x0e\x1e&lt;\xd8l6w~7\x00\xc0\x91\xa8Gg\x93\xff\xf7\xbbv)\x8aRWWWW[\xdb%\x7f\x8b\xc5\x92\x9e\x9e\xce9\xcf\x1d926.\x0e\xf3Gz\x80\r\xa0\x17p\xceUU\xf5\x8d;\xaa\xaa\x96\x95\x95\xe5\xe7\xe7\x7f\xb3u\xeb\xc1\x83e\x15\x15\x15\x1d\xedm?\xe3m%INNI\xce\xca\xcc\xbc\xf8\xe2\x8bg\xce\x9c9j\xd4(\xdf`\xa4(\n\xa5\xf4t\x872\xf4\xe6t\xf9o\xfd\xe6\x9b\xb2\x83\x07+**\xda::~\xc6\xdb\xca\xa2\x98\x92\x92\x92\x99\x95u\x11\xe6\x8fB\x146\x80\xf3\xa2M\t\xb5\xe3\x0c\xaa\xaa\xee\xdc\xb9s\xdd\xba\xf5\x1b&gt;\xdbPVv\xc8\xebqw~\xa5\xd1l\x91\x8c\xe6\xa8\xe4\xa1T\x10$\xa3%.u\x04c\xaa6\x8d\xe4\x9c\x0b\xa2d\xab\xaflo\xaa\xa1Th\xad=\xeaqv\xd8\xdbZ\xba|\xaf\xc1\xa9C\xa6M\x9bz\xdd\xb5\xd7^z\xe9\xa5\xe1\xe1\xe1pj\xc</t>
        </is>
      </c>
    </row>
    <row r="369">
      <c r="A369" s="1" t="n">
        <v>367</v>
      </c>
      <c r="B369" t="inlineStr">
        <is>
          <t>shape_morph</t>
        </is>
      </c>
      <c r="C369" t="inlineStr">
        <is>
          <t>What is the missing shape of the part denoted with a question mark?</t>
        </is>
      </c>
      <c r="D369" t="inlineStr">
        <is>
          <t>['hexagon', 'circle', 'pentagon', 'triangle']</t>
        </is>
      </c>
      <c r="E369" t="inlineStr">
        <is>
          <t>hexagon</t>
        </is>
      </c>
      <c r="F369" t="inlineStr">
        <is>
          <t>There are eight shapes arranged in a grid. The top left shape is a circle and the bottom right shape is a ?. The other shapes do not appear to regular shapes.</t>
        </is>
      </c>
      <c r="G369" t="inlineStr">
        <is>
          <t>We observe that from the top left to bottom right direction, the shapes look like a circle but gradually change shape into something like a hexagon. Hence, the pattern is the the shapes are morphing between circle and hexagon shapes.</t>
        </is>
      </c>
      <c r="H369" t="inlineStr">
        <is>
          <t>Based on the pattern that the shapes are morphing between circle and hexagon shapes, the missing shape at the bottom right should be a hexagon.</t>
        </is>
      </c>
      <c r="I369" t="inlineStr">
        <is>
          <t>b'\x89PNG\r\n\x1a\n\x00\x00\x00\rIHDR\x00\x00\x02\x00\x00\x00\x02\x00\x08\x02\x00\x00\x00{\x1aC\xad\x00\x00\xb2\xa1IDATx\x9c\xec\x9dy\\TU\xff\xc7\xcf\xdd\xe6\xce\xce0,\x03\x81\x82\x02\x02"\x9b\x84\x88\xa9\xa8\xb8d\x9ai\xa9\xa9i\xdab\x9b\x9aK&gt;&gt;\x95\x8f\xd6\xd3\x93\xad\xa6\x8f[\xabOi\xe6\x92h\xa9I\xa6\x88\x8a\x9a\x08\xa8l\x9a,\xa2\xa0\x18;\x0c\xb3\xdf\xb9\xdb\xef\x8f\x13\xfcH\xcb\xacP`\xeey\xff\xe1\x0b\x99a\xe6\xdcs\xce\xfd~\xbe\xe7{\xbe\xe7{1Q\x14\x01\x02\x81@ \xa4\x07\xde\xd1\r@ \x10\x08D\xc7\x80\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x82\x04\x00\x81@ $\n\x12\x00\x04\x02\x81\x90(H\x00\x10\x08\x04B\xa2 \x01@ \x10\x08\x89Bvt\x03$\x87(\x8a\xb7x\x15\xc3\xb0\xbb\xd6\x12\x04\x02!q\x90\x00\xdcYDQ\x14\x04\x01\xfe\x80\xe38\x00\x00\xfe\xfb{\xc07\x0b\x82\x00\x95\x00\xc7q$\t\x08\x04\xe2\x0e\x81\xdd\xda!E\xfc\x05\x04A\x10EQ\x14E\x0c\xc3\x08\x82\xb8\xf9\xd5\xe6\xe6f\x0c\xfbU\xcf\xc3\xff\xba\xb9\xb9\xdd,\x0f&lt;\xcf\xc3\x8f\xc20\xec\xd6\xe2\x81\xb8\x05b\x0bm\x7f\xd3\xfas[\x95\xc5Z\xb8\xab\xedC :\x02$\x00\xed\x06t\xf6o0\xd36\x9b\xed\xc2\x85\x0bF\xa3\xf1\xd0\xa1Cg\xcf\x9e\x15E\xb1\xba\xba\xba\xa6\xa6\xe67?\xc1`0\xf8\xf8\xf8`\x18\x16\x17\x177r\xe4H\x9dN\x17\x11\x11\xa1T*[\xdf\x00\xa5\x05-\x0b\xfe\x10h\xeb\xe1r\xea\xafig\xab\x8a\x83\x96u\x18\xeas\x84\xeb\x81\x04\xa0\x1d\x80\xc6\xa2\xd5\xd9\xbf~\xfdzVVVAA\xc1\xd5\xabW\x0f\x1f&gt;|\xed\xda\xb5\xbf\xfc\xc9\xdd\xbau\x1b&gt;|x\xf7\xee\xdd\xa3\xa2\xa2\x12\x12\x12\xfc\xfc\xfc\xe0\xefy\x9eG\x0b\x82\x1bh5\xfa8\x8e\xdf\xdc3&amp;\x93\xc9d2\x95\x96\x96\xc2\xff\xb2,\x9b\x93\x93\xc3q\x1c\x00\x80$\xc9\xf8\xf8x\x8a\xa2\xe0K!!!Z\xadV\xab\xd5\xde\xf0\t\x82 \xc0\x0fGbp\x9b\xb4]u\xdd\xb0\xde\xba\xb9\x03oX\x9f\xc17\xa0\xd5\xd8\x9d\x06\t\xc0_\xa7\xd5\xc7\x84\xa6\x9f\xe7\xf9\x03?\xfc\xb0z\xd5\xaa3g\xce\x98L\xa6\xd6\xb7\x11\x04\xd1+0\xe0b\xd9e\x00@T\xaf^f\xab\xf5\xca\xf5\xeb\xbf\xf9\x81=\xfc\xfc4*UAI\t\x00 &lt;\xa8gIy\x05\xcf\xf3\xad\xafj\xb5\xda{\xef\xbdw\xe1\xa2E\xa3\xef\xbf\xbf\xf5\x1b\x81\xe4\xf7\tDQ\xe4y\x9e \x88\xb6\x9d\xd0\xdc\xdcl6\x9b\xd3\xd2\xd2***\n\x0b\x0bkkk/^\xbch\xb1X\x18\x86\xf9\xc3\x0f\xa4iZ\xadV\x87\x87\x87{{{GFF\x06\x04\x04\x8c\x181B\xa3\xd1\xb8\xb9\xb9\xdd\xfaK%N\xdb5\x13\xf4N\xda\xabs\xe0\x8d\xd6\xfa\xc9\xc8\xf5iG\x90\x00\xfcE\xe0\xfd\x0f\x7f\xce\xcc\xcc\xfc\xec\xb3\xcf\xb2\xb2\xb2\xae\\\xbadw:\xe1/\xc3\x83\x82\xea\x1a\x1b\xeb\x9b\x9a\xdc\xdd\xdcfO|$\xa7\xf0|\xbf\xc8\xc8\x90\x80\x80\x9e\xdd\xfc\x1d\x0c\x03\x00h\xdb\xef\xf0F\x91\xd3\xf4\xe5k\x95\xa5\x15\x15\xd9\x85\x85\xf1\x91}&gt;\xdb\xb5\xbb\xa9\xb9\xd9\xd3\xdd\xddK\xaf\xbfXV\x06\xdf\xa9\x90\xc9z\x04\x07\'$$\xcc\x9e=;11\xf1\xe6\xc6H\x04\xe8\x8f\xb7\xdde165U\xd7\xd4\xec\xdf\xbf\xff\x87\x1f~\xc8\xcb\xcb\xb3X\xad\x8c\xc3\xd1\xfa~\x85LF\xd3\xb4\xd1l\x86\xdb-\xe3\x86\r=\x9a\x95m\xb6Z\x01\x00\x1a\x95jhB\xbf}G\x8e\xc2\x97t\x1a\r\xc30\xad\xe3\x08\x00\xa0\xe5r\xb5J\x15\x13\x13s\xff\xfd\xf7\x8f\x1d;\xd6\xc7`\xd0\xb9\xbb\xc3\x97\xe0\x0e\xcdo\xae9\\\x9e\xb6{]\xbfi\xee\x8dFcuuuUU\x15\xc7q\xd9\xd9\xd9\x1c\xc7AkSQQQQQ\xd1\xba\r\x06\x7f\x08\x08\x08\x08\x08\x08\x80\xff%I\xb2_\xbf~$I\xfa\xfa\xfa\xfa\xf8\xf8\xe8t\xba\x1b&gt;\xb9U\x12\x90\x1e\xfcM\x90\x00\xfci\xa0\xdd\x81\xd3=--m\xfd\xfa\xf5\x87\xd3\xd2lv;\x00@\xa7\xd5F\x04\x07\x9f\xca\xcd\r\xef\xd9s\xd4\xc0\xfb\xee\xf1\xf2\xf6\xd0\xe9\x86%\xf6wW\xab5*\x15F\xd3\x80\xe3D\x9e\xc7~\xc7X\xff\xf2\x12I\x8a\x0cc\xb6Z\x9b,\x96#\x99\xa7\x1b\x8c\xc6\x9f\xebj\x0f\x9e\xfc\xf1\xe2\xe5\xcb\x03bc/\\\xbad4\x99\x00\x00J\x85b\xf8\x88\x11s\xe7\xce\x1d1b\x04h\xb9%\xa4 \x037\x04\xdc*++\xd7\xacY\x93\x91\x91Q\\Rb1\x9b\xe1\x9aL)\x97\xcbe\xb2F\x93):,\xf4B\xe9\xa5\xc4\x98\x98\x9f\xca\xca\x92\xe2\xe3\x8f\x9c&gt;-\xa3(\'\xcb\xce\x996\xb5\xa2\xba\xfa\xea\xf5\xeb\x00\x80\xee~~\x01&gt;&gt;\x1b\xb6m\x87/\r\xeb\xdf?#\'\xa7wPPf^^DHp~Q\xb1^\xabu8\x9d6\x87\x03\x00\x80\xe3\xb8Z\xa3\t\xed\xd5+))i\xfe\xfc\xf9\xfe\xfe\xfe\xb0\x19\xd2\t\xcaA\xe9\xbdy\xf5s\xed\xda\xb5\xd2\xd2\xd2\xc2\xc2\xc2\xea\xea\x9a\xb3\xe7\xce\xd6\xd5\xd5\x95\x95\x95Y-\x168"\x7f\r\x1c\xc7UjuPP\x90\x97\x97W\\\xdf8\x1f\x1fCdddHHH\xb7n\xdd\xda\xbe\r.\xc8\xa4)\xc3\x7f\x13$\x00\x7f\x028\xf5I\x92\x04\x00\xec\xdb\xb7\xef\xcd\x15+r\xb2\xb3\x01\x00\x91!!Mfseu\xb5\x8f\x97\xd7K\xb3f\x06\x07\x04\x0c\x8b\x8fW)\x95\x04A\x00\x1cw:\x1c\x1c\xcf\xf3&lt;/\x88"\x06\xfd\x9d\xdf\xf9|\x0cFB\x01\xc01\x8c \x08\x92 dr9\x10\x04\x9e\xe7\xad6\xdb\x91\x9c\x9cK\x15\x15\x1fl\xda\\]W\xe7\xef\xe3\xe3\xae\xd1\x14\x96\x96\x02\x00\xe2\xfb\xf5\xfb\xd7\xd2\xa5\xe3\xc6\x8d\x03\x00p\x1c\xe7\xda\xb7A\xebZ\xa7\xb2\xb22--\xed\xc4\x89\x13i\x87\x0eU^\xbf\x0e\x00\xf0ps\xb39\x1cv\x86\x01\x00\x18&lt;=\x06\xc4\xc4\x9c\xce/\x986v\x8cZ\xa1L\x8c\x89\xc60,\xacG\x0f\x1c\xc7q\x0c\x17\x81(\x97\xc9\xf4:\x1d4`"\x00\x8dF\xa3\xc3\xe9\xc4\x00&amp;\x88\x82 \x08EW\xae\x88\xa2\x98\x99\x97o\xb1\xdb\xb6\xedO\xed\x1f\x1du*/\xaf\xa6\xbe\x01\x00\xa0\xa0i\xa5\\\xde\xd0\xdc\x0c\x00\xf0\xf7\xf3\x1b1r\xe4\xa0A\x83F\x8e\x1c\t\xb7g\\~)\x06wA\xe0\xcfW\xaf^\xbdt\xe9RaA\xc1\xb1\xe3\xc7+**J\x8a\x8b\xadVk\xeb;=\xb4Z\x0c\xc7\xed\x0cc\xb5\xdb\x1fJ\x1ev\xe4t\x16\\o\xb5\xae\x8co\xf8\xe4\xb6+]\x8dJ5\xac\x7f\xc2\xde\xf4#*\x85BA\xd3\xa2 4\xb4\x89\xa9\xaaT\xaa^\xa1\xa1\x01\x01\x01C\x06\x0f\x8e\x8c\x8a\n\x0e\x0e\xee\xde\xbd\xfb\xcd\xcdC\xdc\x0eH\x00n\x8b\xb6\xfe\xf5\x85\x0b\x17\x16-Zt\xe8\xd0!\x83\xde\xbd\xa6\xb1\t\x00\xa0R(^}\xe6\x19\xadZ=r\xd0\xc0 \x7f\x7f\x82 l6\x1b\x0f\xa3\x96\x7f#i\xe7\x97=\x06\x0c\xc30\x8c\xc0q\xa5R\xc9\xf3|Ye\xe5\xa1\x13\'M\x16\xcb[\x9f~j\xb5\xdb\x01\x00\x06\xbd\xbe\xa6\xb1q\xd8\xb0aK_}uXr2\x00\x00zC.\x16\x9en\r\x17\\\xbe|y\xe3\xff\xfe\xb7n\xedZ\x8b\xc5\x02\x00\xf0ps\x0b\xf4\xf7?{\xe1\xc2\x80\x98\x18\x8e\xe7)\x92\x9c\xf4\xc0\xe8\xf0\xc0\xc0^\x81\x81J\x9a\xf6\xf6\xf4\x04\x04!\xb0,\x8e\xe3\x0c\xc3\x00\x0c\x03\xa2\x08\x00\x10D\x11\xee\x00CH\x92\xc4awa\x18\x10E\x9a\xa6\x05A\xc0)\n\xf0|m}\xbd\x8daJ\xca\xcb/\x96\x97\xa7|\x7f\x80\xe58\x92 N\xe5\xe5\xc5ED\x94WVB%P(\x95\xf3\xe6\xcd\x9b&lt;iR\\\\\\k;;\xa2\x93\xee,\x1c\xc7\x91$y\xe5\xca\x95\xdd\xbbw\x7f\xfb\xed\xb7\xf9\xf9\xf9\xad\x16\x1fN\xc2AqqW\xab\xaa\xfaF\xf4&gt;y\xf6\xdc\x83C\x86\x9c8wN\xadP\\\xb9~}\xee\xb4\xa9\xe5UUW\xaf_\xc7\x00\x16\x1b\x1e\xde\xc3\xcf\xaf\xb6\xb1\x11\xfc2\x14\x00\xc3\x00\x10\x81\xb7^\x7f\xe5\xfa\xf5\xdc\x8b\x17E v\xf7\xf3\x0b\xf4\xf5]\xbfm{\x0f??\x8b\xdd&gt;\xa8o\xdf\xef\x8e\x1d\x1b\x18\xd7\xf7\xdc\x85\x9f\xba\xfb\xfa\x9e8{\x16~\x1d\xfcj\x95J\x15\x1d\x1d=a\xc2\x84\xa1C\x87\xc6\xc5\xc5\xb9\xbc\x06\xb7/H\x00\xfe\x18\x18j\x04\x00deem\xd8\xb0!%%\xc5\xe1p\xe0\x04\x11\x1f\x11\xc18\x9d\x9e\xee\xba\x05\x8f?&gt;b\xc0\x00\x99\\\xce:\x1c\x0e\x86\x11E\x00SE\xda\xb7\r\x82 b\x18\x90\xd34%\x97;\x1d\x8e\xb4S\xa7\xfe\xfb\xe5\x96\x06\xa3\x11\xc3\xb1+\x95\xd7\x8d\xcd\xcd"\x00\x8f?\xfe\xf8\x0b/\xbc\x90\x90\x90\xd0\xb6\xd9.@\xabg\xb7n\xdd\xbae\xcb\x969\xacV\xb9\\\xdel\xb1\x00\x00p\x1c_\xfc\xc4,7\x8dvDb\x7f/\xbd^\xaf\xd5j=&lt;\x00\xc30,+\x8a"\xcb\xb2\xb0\x1f\xe0\xba\xea\xff?\xf1\xd7]\x03\xf3T\xfe\xff\xebD\x11k\xe9@\x8a\xa20\x0c\xa3)\n\xd0\xb4\xa9\xa1\xa1\xd1d\xaaklL\xcb&lt;\xddl6\xad\xfcb\x13\x8co\xf8xx\x08\x02_\xdbd\\\xbdz\xf5\x82\x05\x0b\x80+\xba\xa2\xd0\xfa\x7f\xfb\xed\xb7\xd3\xa7O\xb7\xd9l\xf0\x97\x8911\xcd\x16\xcbO\x97.\xad\x98?\x7f\xc5\'\x9f\x8c\x1d2\xc4\xd7\xcb\xcb\xc7\xd3C\xaePD\x05\x07\xcbd2?oo\x9a\xa2\xe86\xeb-\x8e\xe7I\x92\x04-9W\xff\x0f\xcbr\x1cG\x12\x04hY\x931N\'\xc3\xb2\xd7kk\x9dNg\xc1\xa5K\x0e\xbb\xbd\xba\xbe\xa1\xaa\xaen\xff\xb1cK\x9f}v\xe9\x9a5\xbd\x83\x83\xdd\xd4\xea\xcc\xbc\xbc\xd6\xcfHII\x998q"l\xea\xdd\xe8\x94\xae\x0f\x12\x80?\x00:\x14,\xcb\xaeX\xb1b\xc5\x8a\x15\x1c\xc7\x118\x1e\xe8\xefWv\xf5\xda\xf4\x07\x1f\\\xb1p\x81\x9f\x97\'A\xc9,f3\x0f\x13\x10\xef\xb0\xcd\x15\xe0Z\x04\xc7\xd5\x1a\r\xcf\xb2\x9555o}\xf2\xe9\x91\xac\xacKW\xafF\x85\x86\x16\x14\x17S$\xb9t\xe9\xd2W\x97.\xa5(\xca5\xbc!x\x15MMMS\xa7N=x\xf0 \x00@\xadR\r\xea\xdb\xf7Je\xe5\xf0\x01\x03\x06\xc5\xf5\x1d5p\xa0\x9bN\'0\x0c\xcb\xf3&lt;\xcf\xb3,\x8b\xb5\x0c\xc4\xdf\x97@\xb1e\xc5 \n\x02EQ\x04AP\x04\x81\xd3t\xb3\xd1x\xf0\xe4\xc9\x13g\xcf\x1d&gt;u*.\xa2\xf7\x8f\xb9y\xd7\xaa\xaby\x9e\x1f5j\xd4\xf6\xed\xdb\xdd\xdd\xdd]\xa3\xf3!&lt;\xc7\x11$\xb9c\xc7\x8e\xc5\x0b\x17\x02A\xb8^[\x0b\x00 \x08b\xd2\xa8\x91\x0f\x0c\x1a\x9c]X0g\xeaT\x11`n\x1a\xb5\x8f\x87\x87 \x8a$M\x0bN\'\x8e\xe3N\x96\x15E\xf1W\xeb-\x0c\x13EQ\x14D\xf0k\x05\xc6\xa0\xcf\xd4b\x8e\xe0\x9a\x0c\xc30\x19E\t\x82\x80\xcbd\x1c\xc3\xe0\x18V\xdd\xd0\xd0l\xb6`@\xdc\xb0}{\xbf\xc8\xa8\xefO\x1cO9x\x08\xa6\xc3\x05\xfa\xf9\xb1&lt;\xbfr\xf5\xea)S\xa6\xc0\x06\xdf\xddN\xea\x92 \x01\xb8\x15\xd0\x95hjj\x1a7n\xdc\xc9\x93\'I\x82\xe0x\x1e\x00\x90\x10\x15\xb5\xfc\x85\xe7G\r\x18\xc0\x8b"\xc30m\xf7$\xef\x1ap\xd7\x91\x96\xc9d4\xbd\xff\xc8\x91\xcd{\xf7Z\xed\x8e\x03\'N\xc0\x9d\xcc\x81\x03\x07\xee\xdb\xb7\xcf\xdd\xdd\xbd\xab{C\xad\xd6\x7f\xd4\xa8Q999\xb4L\xc68\x9d\xdez\xfd\xe7+\xde\x1c\x18\x17\xe7\xe6\xae\x03,g\xb3\xdbY\x8e\xc3[v\xe6\xef\xdc\xba\xa75\xa5]\x10E\x8a$\x95\n\x05\xa0(SS\xd3\xe9\xfc\xfcI\x0b\x17\x99,\x16\x99L\xe6t:\xe3\xe3\xe3\x0f\x1e&lt;\xe82\x1a\x00\xa7\xd0\xe1\xc3\x87a\xba\xc1\xcb\xb3gg\xe6\xe6\x0e\xbe\xf7\xdeG\xc7\x8e\xd1k4\x06\x0f\x0f\\&amp;s\xdal8\x8e\xf3&lt;\xefdY\x80a\x82 \xfcJ\x80\xff\xfc\x90\xb4\xae\xc9Z\x05\x18\xc7q \x8a2\x8a"\x08B\x10\x04\x99R)8\x9d5\r\r\r&amp;\xd3\xb7\x07\x0f\xed\xcf8\x16\x1f\x19\xb9a\xdbv\x00@ZZ\xda\xf0\xe1\xc3\xbb\xfa\xcc\xbf; \x01\xf8]\xe0*\xbe\xa4\xa4d\xfa\xf4\xe9999\x14E\xb1,\x1b\xdc\xbd\xfb\x8a\x85\x0bF&amp;&amp;\xea\xb4Z\xb3\xd5\nZ*\xfct\x14\xd0\x18iU*\x80\xe3\xa9\x19\x19\x0b\xdez\xfb\xd2\xd5\xab\xb0\xa9\xf1\xf1\xf1_}\xf5U\xaf^\xbd\xban8\x02\xde\xc3yyyO&gt;\xf9dnn.N\x10\x02\xcfO\x1a5\xea\xfd%K\x02|}l6\x1b\xcb\xf3p\x83\xa4C\x9a\xc7\x0b\x02\\\x16\xc8i\xba\xb2\xb6v\xf1\xbb\xef\xa5\x1c&lt;\x08\x1b\x19\x1b\x1b\xfb\xf9\xe7\x9f\xc7\xc4\xc4tu3\xd4\x1a\xf9\x99\xfd\xf4\xd3\xb1aa\x1999j\x85\xa2p\xdf^?\x83\x81\xe78\x96eY\x8e\x13D\x91\xc0q\x11\x00\xec\xceo~\xc0,\t\x0c\x00^\x10p\x0c\xa3H\x92\xa2(B&amp;\xbb^U\x15\xfe\xc0\x18\x07\xcb&amp;\xc5\xc7\xe7\x16\x15}\xb6q\xe3\x84\t\x13\xbaz\xe7\xdf\x05\x90\x00\xfc\x06\xad[\xbe\xeb\xd7\xaf[\xb6l\xb9\xd1h\x0c\xea\xde\xbd\xe2\xfa\xf5\xd9\x13\'\xfeg\xc1|\x0f\x0f\x0f\x9b\xd9\xccq\\\xe7q\xeexA\x00\xa2\xa8\xd5j\x1b\x8c\xc6e\xff]\xf3\xd9\xae]\x01~~eW\xaf\xeat\xba\xff\xfc\xe7\x8d\xb9s\xe7u\xc5max\xf7\xe6\xe4\xe4\x8c\x189\xb2\xd9h\x0c\x0e\x08hjn^\xfa\xec3\x0bg?\xcdX\xac\x0c\xc3\xe0\x04\xd1\x19\xae\x07j0-\x93\xd1*\xd5\xea\x8d\x1bW|\xf2\xa9\xbb\x9b\xdb\xa5\x8a\n7\x9d.\xed\xd0\xa1\xf8\xf8\xf8\xaek\x86\xa0\xebPWW\x17\x11\x11QWW\x97\x9c\x98\xf8\xc0\xa0\x81&gt;^\xde\x93\x1e\x18m3\x9b;\xc3\xa1hx\x10\x81\x17\x04\x95F\xb3\xeb\xc0\x0fU\xb55\xdf\x9f8\x99\x9e\x99\xe9\xe5\xe5u\xe1\xc2\x05//\xaf\xae\xeb\xfd\xdc\x1d\x90\x00\xdcHk\x9a\xff\x7fW\xaf^\xb8h\x11\x00\x00\xc30\x95\\\xbe\xf1\xcd\xff&lt;:n\x9c\xddlv\xb2,\xd9iL\x7f[x\x9e\xa7(J\xa1\xd1|\xbdo\xdf\xd3\xffZfu8\xe0\xe0\xae^\xb5j\xc1\xc2\x85\xf0V\xe9*7\x034\x9a{\xf7\xecyl\xc6\x0c\x81ear\xe7\xb6\xf7\xdf\x9b:~\xbc\xa9\xb1\xb1\x13f\xdc\xc3\xd3\tZ\xbd~\xfb\x9e=\xd3\xfe\xb1\x04\x00\xa0\xa0i\x9c\xa2\xb6n\xd9\xf2\xd0\xf8\xf1]Q\x03\xe0\x1e8\x0c\xbe\xe5\xe5\xe6\xea\xdc\xdc\xea\x1a\x1a\xf6mX\xff\xe0\x03\x0f4\xd7\xd6v\xb6[\x80\xe3y7o\xef\xef\xbe\xff~\xdc\x9c\xb9^\x1e\x1e\xc6\xe6\xe6\x98\xd8X\x18\x88s\xa5l\x88v\x07\t\xc0\xaf\x80\xfe\x82\xcdf\x9b9k\xd6\xae\x94\x94\xe9\xe3\x1e&lt;\x96\x9d]\xd7\xd8\xf4\xe9\x1bo&lt;6v\x8c\xd5f\xc3;\xda\xe5\xb95\xd0\x1bU)\x95[\xf7\xa7&gt;\xb3|\xb9\x97\xde}H\xbf~_\xed\xfbn\xe2\xa4I\x9b7mR*\x95]\xc2!\x82\xe6\xf2\xec\x993#F\x8e\xb4Y\xad^z\xbd\x9bJ\xf5\x9f\xf9/\x8e\x1b6\xccj\xb3\xe18\xde9\x07@\x04@\x10\x04\x95R\xb9\xef\xc8\x91ek\xd66[\xadu\x8d\x8dJ\x95*\xed\xd0\xa1\xb8{\xef\xedZ\x1a\x00\x8fV9\x1c\x8e\xe4\xe4\xe4\xec\xeclZ&amp;\x0b\xed\x11\xf8\xf4#\x8f&lt;?e\x8a\xcdn\xef&lt;k\xdf\xb6\xf0&lt;\xafT(&gt;\xda\xb1c\xe3\xee\xdd\xc5W\xca\x19\xa7\xb3_\xbf~\xe9\xe9\xe9r\xb9\x1c\x15\xed\xf8=:\xbb-\xb8\x9b@O\xa1\xb9\xb9y\xee\x9c9\xbbRR\x00\x00\'\xcf\x9e{\xf9\xa9\xa7\x0f\x7f\xf1\xf9\xe3\x93\'Ym6\xa2\xd3GQ`@\xdcj\xb3=&gt;y\xd2\xe1/&gt;\x7f\xf9\xa9\xa7O\x9e=\x07\x00\xd8\x95\x922w\xce\x9c\x9b\xcbPwBx\x9e\x87\xc9\xe6IC\x87655\xdd\xe3\xed\xedd\xd9e/\xbc0\xe1\xa1q\x16\xab\x95\xe8\xac\xd6\x1f\x00\x80\x01@\xe0\xb8\xc5j\x9d\xf0\xd0\xb8e/\xbc\xe0d\xd9{\xbc\xbd\x9b\x9a\x9a\x92\x86\x0e\xbdr\xe5\nI\x92m+;ur\xe0(\xbc\xfc\xf2\xcb\xd9\xd9\xd9\n\xb9\xdc\xc9\xb2O=\xfc\xf0\xbc\xa7\x9f\xee\xb4\xd6\x1f\x00@\x10\x84\xcdn\x9f\xf7\xf4\xd3O=\xfc\xb0\x93e\x15ryvv\xf6\xcb/\xbf\xdc\xb5z\xfe.\xd3\xd9\xcd\xc1]\x03\xc6\xfd9\x9e\x7fb\xe6\xcc\xed;v\xcc\x9e4\xa9\xe8r\xd9\xb5\xea\xea\xa3[\xb6\x04\xdes\x8f\xb1\xa9\x89\xba9s\xb9\x13\xc3\xb2\xac\xce\xdd\xbd\xfc\xe7\x9f\x87\xce\x98\xd1\xcd\xc7\'\xacg\xd0g))S\xa7L\xf9b\xf3f\x92 :\xed~\x00L\xab\xbfx\xf1\xe2\xac\x993\x8du\xb5\x97\xae^S\xd0\xf2#_|\xde/:\xcal6w\x15\x0f\x9a\xe38\x8dF\x93\x9d_0\xec\x89\'\xed\x8c#\xb8{7\x9d\x97\xf7\xa6\xcd\x9b\xc3\xc3\xc3\xc1\x1f=\x11\xa83\x00\x17+\x9b7o\x9e5k\x96V\xad6Y,\xd3\xc7\x8e\xdd\xb2~\x9d\xb1\xba\x9a\xea\xf4C\xc0r\x9c\xce\xc7g\xc6\xdcy_\xed\xdf\x0f\x1b\xbfi\xd3\xa6\x993gv\xad\x15\xd8]\x03\t\x00\x00-[I8\x8e\xdf?zt\xfa\xc1\x83OL\x9c\xb8\xe3\xfb\xef\xdf|\xf1\xc5\x19\x13\xc6\xab\x15\n\x9b\xd5\xda\x15\xa7\x0e\xc7qJ\x95\xcab\xb7o\xf9v\xcf\xbf\xd6\xae\x9d\xf2\xc0\x03_\xec\xda\x95&lt;j\xd4\x0f\x07\x0e\xb4-g\xd4yh\xad,\x16\x17\x17\x97\x9b\x9b;}\xdc8\xbdV\xab\xd3h\xfe\xbd\xe4\x1f\xc6\x9a\x9a\xceoz\xda\xc2r\x9c\xce`x\xed\xbd\xf7\x8dfs\xa3\xc9\xf4\xd5\xbe}\xb1\xb1\xb1\xf0\x81\x10\x9d\xb0\xe7\xdb\x02SW\xaf\\\xb9\x12\x11\x11\xc10LTh/\x0f7\xddG\xaf-\xef\xe6\xeb\xcb\xb2\xec\x9d&gt;\xe6\xf2\xf7\x11D\x91\xa2\xa8kUU\xcf\xff\xfb\x8d\x86fcAq\tM\xd3\x17.\\\xe8\xd1\xa3\x87kd\xe5\xb6/H\x00\x00hqyZw}\x87\xf6\xeb7&gt;999\xb1\x7fX\xcf\x9eV\xab\xb5\xebN\x1a\x9e\xe7U*U\xd1\xe5\xcb\xe9\x99\xa7\xf7\xa4\xa7\x1f\xcd\xce\x06-{\xc2\x9d\xcd!j\xcd\xbcz\xe6\x99g&gt;\xfb\xec3\x95Ri\xb5\xd9v|\xf0\xc1\xa3\xe3\x1e464t-\xeb\x0fa9N\xe7\xe1\xf1\xf5\xbe\xef\xa6\xbc\xf4\x12\xbc\x9c\xd9\xb3g\x7f\xfa\xe9\xa7\x9d9#\x0bZ\x03\xb8\xf1[\x90\x9f\xcfr\x1c\x86a?}\xb7/$ \x00\xee\xbett\x03o\x0b\xb8\x13SZQ\xd1\xfb\xc1q\xa2(R$\x19\x15\x1d\r7\x84\x81\x8bV\xe9\xf8\xcb \x01\xf8\xc5\xfa\xff\xe7?\xffY\xbe|\xf9c\xe3\x1e&lt;\x9d\x9bg\xb3\xdb/\xfep@#\x97[\xba\xb2\xf5\x87\xf0&lt;\xafV\xa9\xcc\x0eG\xf8\xfd\xa3\x95\nE\xff\xd8\x98\xad\xfb\xbe{\xe3\x8d7\x96-[\xd6\xa94\x006f\xd1\xa2E\xabW\xafV+\x95=\xfc\xfd#CB\xd6\xffk\xa9\x8c\xa2D\x00\xba\xe2-\x0b\x9b\xedd\xd9\xb9o\xae(,-\xbdRYi\xb1\xd9\x16.\\\xb8j\xd5\xaaN\xd5\xf3\xad@\r\x16\x04!)))33\xd3\xdb\xc3\xc3\xd7\xd3\xf3\xe1\x11\xc3\xff5g\x8e\xd9d\xeali?\xb7\x86\xe3y\x8dV\xfb\xe6\x86\r\xdf\xa4\x1d\xae\xaa\xaf\xafmhHLL\xcc\xc8\xc8\x80\xa5\x12\x91\x06\xb4"u\x01\x80\xab\xc2\xbc\xbc\xbc~\xfd\xfaa\x00t\xf3\xf1y\xf5\xd9g\xfa\xc7\xc4\x06\x07t\xb7\xdbl]k\xd2\xff\x1e\x1c\xcf+\x94\xcaK\x15WO\xe7\xe5\xbe\xf5\xc9\xa7\xd7\xaa\xabE\x00\xb2\xb3\xb3cbb:\xc9\xa2\x186\x03\x9e5\x85\x87i\x9f\x980\xfe\xf3w\xde\xb1\x9a\xcd]:\x87\x0f6^\xa5\xd1&lt;\xf9\xf2\xcb_|\xbb\x07^\x1a&lt;\xa7\xdaIz\xbe-P\x96\xfe\xfd\xef\x7f\xbf\xfe\xfa\xebr\x9av0\xccgo\xfc\xfb\xe9\xa9SMMM\x1du\xd4\xee\xef\xc0\x0b\x82\xd6\xdd}\xe3\xf6\xed\xb3\x97\xbf\x06/\xe7\xf5\xd7_\x7f\xed\xb5\xd7:\xa7\xfav\x14\x92\x16\x80\xd6L\xe7!C\x86\x14\x16\x16\xc2\xd5\xe2\x91/&gt;\x1f\x98\x90\xd0\xdc\xd8\xe8J\xb3\x84\xe387\xbd\xfedV\xd6\xb0\'\x9e\x84\xeb\xfa\xc8\xc8\xc8c\xc7\x8eu\x86,i\xb8!q\xf9\xf2\xe5\x84\x84\x04\xce\xe9t0\x8cR.\xbf\xf8}\xaaN\xadv:\x9d]%\xec\xf0{\x08\x82 \x93\xc9\x8c\x16K\xf8\x03cl\x0e\x87\x9c\xa6I\x99,++\xabg\xcf\x9e\x9d\xeaX\x06\xcc\x0f\xce\xcd\xcdMHH\x80\x0b\x97a\t\t\xe9\x9b7\x99L\xa6\xaeh\xfd!\xbc h\xb5\xda\xe4\x99\xb3\x8ede\xc1\xa5dVVVlll\x97H\x86\xbe;H\xb7\x17\xe0\x82\xd7b\xb1\xdc\x7f\xff\xfd\x05\x05\x05!\x01\x01\x06O\x8f\xb7\x16,\x188p`SC\x83+Y\x7f\x00\x00I\x92M\r\r\x03\x07\x0e|k\xc1\x02\x83\xa7GH@@AA\xc1\xfd\xf7\xdfo\xb1XZ\x1f\xb6\xd7Q@\x05z\xf6\xd9g\x1b\x1a\x1a0\x0cK\x8c\x89\xfeb\xc5\x9b\x9ez\xbd\x83a\\\xe0.\xc5q\xdc\xc10\x9ez\xfd\x17+\xde\x84\x8f%hhhx\xf6\xd9g;U&gt;.\xdc~g\x18\xe6\xa9\xa7\x9e\x82\x89Xj\xa5r\xdd\xd2W\x9dNgW]|\x01\x00`\x08\xce\xe9\\\xb7\xf4U\xb5R\t\x00\x10\x04\xe1\xa9\xa7\x9e\x82\xc5\xbb:O\xe7w,]\xfe\x06\xfb\xcb\xc0-G\x98\xe9L\xcbd\xe5\xd7\xaf\xaf_\xba\xf4\xc5\xc7g\x98\xeb\xebe]*\xe3\xf36\x91Q\x94\xb9\xbe\xfe\xc5\xc7g\xac_\xba\xb4\xfc\xfauZ&amp;\x83Y\xd2\xb0\xb4VG\xb5\nFB&gt;\xfc\xf0\xc3\xf4\xf4t\x9a\xa6\x8d&amp;\xd3\xa0\xbeq\x0f=\xf8`\x97\x0b:\xdf\x02\x92 \xcc&amp;\xd3C\x0f&gt;8\xa8o\x9c\xd1d\xa2i:==\xfd\xc3\x0f?$\x08\xa2\x93\xe4\xa7\xc3QHII\xc9\xcd\xcd\x85\x05\xdd\xde\x987\xb7wx\xb8\xddn\xef\xd2\x1a\x8c\xe3\xb8\xddn\xef\x1d\x1e\xfe\xc6\xbc\xb9N\x96\xe5y&gt;777%%\xa5\xf3\xf4|\x87\xd3\x89\xdc\x90\xbb\t\xcc\xc4\xc8\xc8\xc8\x18:t(\x8c\x0fN}\xe0\x81mk\xd7\x98\x1b\x1bq\x0c\x03]6\xe8\xfc\x07\x88\xa2 \x8a\x1a\xbd~\xda\x8b\xf3\xb7\x7f\xff=\xbc\xf0\xa3G\x8f&amp;%%u\xc8\xe3$[\x83?\xb1\xb1\xb1\x0e\x87\x83e\xd9\xe8\xd0\xd0\x1f\xb7o\x13x\xbeSgJ\xfeyD\x00DQ\xc4\t\xe2\xbe\xa9\xd3\xf2\x8b\x8b)\x8a\x92\xcb\xe5\xb9\xb9\xb9\x9d!\x10\x04G\xa1\xbc\xbc&lt;11q\xcc}\xf7\xa9\x14\x8a\xf2\xeb\xd7w\xaf]\xc30\x8ck\x0c\x82(\x8a4M?\xf2\xe2\xfc@??\xab\xdd\x9e\xfa\xe3\x8f\x99\x99\x99\x81\x81\x81\x1d\xde\xf3\x9d\x01\xe9^?\x86a\xef\xbd\xf7\x1eMQ\x1c\xc7y\xeb\xf5o\xbf\xb4\xc8a6\xc3\x17:\xbaiw\x0c\x0c\x03\x008\xcc\xe6\xb7_Z\xe4\xad\xd7s\x1cGS\xd4{\xef\xbd\xd7Q\xf79\x0c\xfe&lt;\xf3\xec\xb3f\xb3\x99\xc0q\x92 &gt;zm\xb9\x82\xa6EQt\xb11\x80\x8f\x97Q\xd0\xf4G\xaf-\'\t\x82\xc0q\xb3\xd9\xfcL\xe7\x08\x04\xfd2\n\xcf&lt;SSS\xb3\xf3\xe0\xc1\xd8\xf0\xf0}\x1f\x7f\xe4p\x15\xeb\x0f\x00\xc00\xcc\xc10\xfb&gt;\xfe(6&lt;|\xe7\xc1\x83555\xcf&lt;\xf3Lg\xe8\xf9\xce\x80\x14\x05\x00z\xbb\xb9\xb9\xb9\xc7\x8e\x1d\xa3(\x8a\xe3\xf9w_Z\x14\xd0\xad\x1b\xd3\xf5\xb7\x1c\xff\x10\x1c\xc7\x19\xa73\xa0[\xb7w_Z\xc4\xf1&lt;EQ\xc7\x8e\x1d\xcb\xcd\xcd\xbd\xfb\x81 \x18v\xc8\xc8\xc8\xc8\xc9&lt;\xa5Q\xa9\x1c\x0c\xb3\xe4\xa9\xa7\x12\xe3\xe3\xa1\x18\xdc\xcd\x96\xdc\x1d\xa0\xd1O\x8c\x8f_\xf2\xd4S\x0e\x86\xd1\xa8T9\x99\xa7222:6\x1c\x01Ga\xc3\x86\r\x87\x0f\x1f\x96\xd3\xb4\xc5j\xcd\xbbx\x11\xb4\x1c\xc9v\x19\xe0\xe5\xe4]\xbch\xb1Z\xe54}\xf8\xf0\xe1\r\x1b6\xa0@\x10\x90`\x08\x08\xee\xff\xb0,\x9b\xd0\xbf\x7f\xd1\x85\x0b\t\xd1\xd1\x1a\xa5\xf2\xab\xf7\xde\x95Q\x94t\xba\x02\xc30\'\xcbN_\xf2O\xb3\xcd\x96\x95\x9f\x1f\x16\x11\x91u\xfa4|\xf6\xe1\xdd\xf1\xfb\xe0(p\x1c\xd7\xbf\x7f\xffk\x97/?4|\xb8J\xa1x}\xce\x0br\x9a\xe6\x05\xc1E&lt;\xcf\x9b\x10\x01 p\xdc\xc10\xafo\xf8\xd0j\xb7\xef=|\xb8[\xcf\x9e\xa7O\x9f&amp;I\xb2C\x8e\x07\xb7\x1e\xfb\n\n\n2\x1a\x8d\x00\x80\x98\xb0\xb0\xcc\x1d\xdby\x8e\xeb\xf0\xdc\xb0\xf6\x05^\x0eA\x92\x89S\xa6\xe6\x15\x15\x01\x00t:]YY\x19:\x1a\xe6\x82\xae\xd6\xad\x81\x19`\xbbRR\n\xf2\xf2\x18\x96=~\xe6\xcc\x0b\xd3\xa6j\xb5ZNJ\xbe\x00\xc7\xf3Z\xad\xf6\x85iS\x8f\x9f9\xc3\xb0lA^\xde\xae\x94\x14\x1c\xc7\xef\x9a\xdf\x07G\xe1\xdd\xf7\xde\xcb\xcd\xcd5\xd9l\xff\xdb\xbd{|r\xb2N\xa7cY\xd6\x85\xefE\x0c\xd6h\xd2\xe9\xc6\'\'\xffo\xf7n\x93\xcd\x96\x9b\x9b\xfb\xee{\xef\xdd\xcd\x9eo\x0b\x8c\xfe\xbf\xbfr\xa5\x1c\xc7G\x0c\x18\xe0\xa5\xd7\xaf[\xbaT&amp;\x93\xf1\x82\xe0b6\x11\xc30^\x10d2\xd9\xba\xa5K\xbd\xf4\xfa\x11\x03\x06\xc8q\xfc\xfd\x95+1\x0cs\xb1\xb5\xce\x9fEZ+\x00x\xb1\x0c\xc3DFE\xa9q&lt;8 @\x10\xc5\xcfW\xbcI\xbab\xcc\xe1\x0f\xe1\x04\xe1\xc9\xa5\xff\xc21\xecRE\x85E\x10\n\x0b\nh\x9a\x06w\xe5\xa1N\x00\x80\xc6\xc6\xc6\xbe\xd1\xd1V\xab\xb5\xc1hL\xba7\xfe\xbb\x8f?\xc4\\\xcb\xeb\xfc=`\xc1\xa3\x07\x9f{!\xe3L\x8e\x87N\xa7R\xa9\xce\xe5\xe7\xeb\xf5zpw]Qh\xfd\x8b\x8a\x8a\xa2\xa3\xa31\x00\xe2""\xfe\xf9\xf4Sc\x87\x0c\xb1u\x9d\x92\x0f\x7f\x16A\x10\x94J\xe5\xfec\xc7\xde\xdd\xf8\xbf\xb3\x17.\x88\x00\xe4\xe7\xe7\x87\x85\x85Iy7XZ\x97\r\'}zz\xfa\xa5\xd2\xd2\xd2\xabW\xcb\xae][\xf3\xea+J\x9a\x96\xa0\x17 \x08\x82\x92\xa6\xd7\xbc\xfaJ\xd9\xb5k\xa5W\xaf^*-MOO\xbf;\x0e\x11\x1c\x85e\xcb\x97744\x8c\xbco\xc0s\x8f&gt;\xba\xe6\xd5\x97U\n\x85D|\x11Q\x14U\n\xc5\x9aW_~\xee\xd1GG\xde7\xa0\xa1\xa1a\xd9\xf2\xe5w\xdf\x15\x85\xa3\xb0q\xe3F\x9e\xe3p\x1c\xcf),\xec\xe6\xe3#\x08\x82k\'A\x08\x82\xd0\xcd\xc7\'\xa7\xb0\x10\xc7q\x9e\xe36n\xdc(\xf1E\x80\xb4\x04\x00zX\xabV\xad\x02\x00X\xedvw\xad\xd6]\xab\x95\xc2\xde\xef\xcd\xc0\xdd`\xd8\x03V\xbb\x1d\xb4t\xcb]p\xff\t\x82\xa8\xad\xad\xfdr\xd3&amp;\xab\xc3\xb1=\xf5\xfbn&gt;&gt;\xd1QQ&amp;\xb3Y"\xa3\x80\xe3\xb8\xc9l\x8e\x8e\x8a\xea\xe6\xe3\xb3=\xf5{\xab\xc3\xf1\xe5\xa6M\xb5\xb5\xb5\x04A\xdc5\t\x84y\x10\xa5\xa5\x97&gt;\xff\xe2\x0b\x83\xa7\xa7\x83a\xde\x987\xb7ol\xac\xcdf\xeb\xfc\xf5&gt;\xff28\x86\xd9l\xb6\xbe\xb1\xb1o\xcc\x9b\xeb`\x18\x83\xa7\xe7\xe7_|QZz\xa9c\x8f\xc2t,\x92\xb8\xe5 0\xf7\xff\xd0\xa1Cyg\xce\x8c\xba\xef\xbe\x80{|_\x9a5S\xa5V\x0b\xd2p&lt;oF\x10E\x95Z\xfd\xd2\xac\x99\x01\xf7\xf8\x8e\xba\xef\xbe\xbc3g\x0e\x1d:\x84\xe3\xf8\x1dM\x8d\x80w\xda\xfa\xf5\xeb\xbby{/\x9c\xf9xbl\xcc\xa8\x81\xf7\xb1\xaeRv\xe96!\t\x82\xb5\xd9F\r\xbc/16f\xe1\xcc\xc7\xbby{\xaf_\xbf\x1e\xdc\xc5\xdc\x1b\xb8)\xfa\xfe{\xef\x1a\x9b\x9a\x94\n\xc5\xa4Q\xa3\xa6\x8c\x19\xc3\x98\xcd\x9d\xad&lt;Q\xbbC\x10\x04c6O\x193f\xd2\xa8QJ\x85\xc2\xd8\xd4\xf4\xfe{\xefJ9%TB\x02\x00\xf9\xe8\xa3\x8f\x1aM\xa6\xf2\x9f\x7f\xfe\xc7\x93O&amp;\x0f\x18`\xe9\xca\xa5N\xfe&amp;\x04\x8e[L\xa6\xe4\x01\x03\xfe\xf1\xe4\x93\xe5?\xff\xdch2}\xf4\xd1Gw\xf4\x1ba\xb0\xd5f\xb3}\xf4\xd1GE\xe5\xe5?\x95]^\xf3\xca+\x91\xa1\xa1\xae\x94u~;\xc0\xcc\xf4\xc8\xd0\xd05\xaf\xbc\xf2S\xd9\xe5\xa2\xf2\xf2\x8f&gt;\xfa\x08\x06\xdf\xef\x82%\x82;\xf0\xc5\xc5\xc5[\xb7n\x1d\x91\x98\xd8\xd3\xdf?!*\xaaG@\x80\x14F\x01\xf6|\x8f\x80\x80\x84\xa8\xa8\x9e\xfe\xfe#\x12\x13\xb7n\xddZ\\\\\xdcQ\xfb\xf0\x1d\x8eTl_\xab\xe9\xc9\xcc\xcc\xa4H\xb2\xf8\xca\x95\x9fk\xebh\xa5\x92\x97\xe4\xa8\xb7\xc2\x0b\x02\xadT\xfe\\[W|\xe5\nE\x92\x99\x99\x99w\xd4\x0c\xc1\xb8\xf3\xd7_\x7fM\x08BH@\xc0\xc1\x93\'\x19\x86!p\x1cH\xd0\xff\x12E\x02\xc7\x19\x869x\xf2dH@\x00!\x08_\x7f\xfd\xf5\xdd\x89GC\xf7\xff\x9dw\xde\xf1\xd1\xeb/\x94\x95\xb9\xa9\xd5s\xa7?fin\x96\xc8"\x8c$\x08Ks\xf3\xdc\xe9\x8f\xb9\xa9\xd5\x17\xca\xca|\xf4\xfaw\xdeyG\xb2\x8b\x00\xa9\x08@\xab\xe9\x11\x9d\xce\xb8\x88\x88\xd8\xf0\xb0\x99\x0f\x8dc]7\xe1\xe16\xc1q\x9c\xb5\xd9f&gt;4.6&lt;,."Bt:\xef\xa8\x19\x82\xb7\xd9\xfa\r\x1b\xcc6[Th\xe8\'\xaf\xbf\xde?&amp;\xc6\x85\xd3Nn\x01tG\xfa\xc7\xc4|\xf2\xfa\xebQ\xa1\xa1f\x9bm\xfd\x86\rw!\xfb\x1eF\xffKJJ\xbe\xde\xb1\xc3d\xb5\x0e\x8a\x8b\x1b?b\xb8\x04m\x9f(\x8a\xe3G\x0c\x1f\x14\x17g\xb2Z\xbf\xde\xb1\xa3\xa4\xa4D\x9a;\x01R\xb9\xf1\xa0Q\xfb\xf0\xc3\x0fMV\xab\x97\xde\xfd\xc9\x87\x1f\xee\xee\xef\xcf8\x9d.\xbc\xe5u;\xe0\x18\xc68\x9d\xdd\xfd\xfd\x9f|\xf8a/\xbd\xbb\xc9j\xfd\xf0\xc3\x0f\x85;\x93\x06\x0e#\x0fEEE\xa5\xc5\xc5\n\xb9\xfc\xbb\xa3G=\xdd\xdd\t\x8a\x92\x9c\xediA\x04\x80\xa0(Ow\xf7\xef\x8e\x1eU\xc8\xe5\xa5\xc5\xc5EEEw:\x16\x01m\xfd\x1b\xff\xf9\x8fF\xa1\x18\x9a\x90p\xbd\xa6zdb\xa2\x04\xef\x01\x0c\x80\x91\x89\x89\xd7k\xaa\x87&amp;$h\x14\x8a7\xfe\xf3\x1f\xd0\xd29\x92B\x12\x02\x00M\xcf\xe5\xb2\xb2\xc2\xc2BO\xbd\xfet^\xbe\xbf\xc1\x87\xa6i\xc9n\xff\xb6E\x10E\x9a\xa6\xfd\r&gt;\xa7\xf3\xf2=\xf5\xfa\xc2\xc2\xc2\xcbeew\xc2\x0c\xc1\xbb\xeb\xfd\xf7\xdfW\x90\xe4\xe8A\x83&amp;\x8e\x1a98\xae\xafC\x92\xee?\x04\xc7q\x87\xcd68\xae\xef\xc4Q#G\x0f\x1a\xa4 \xc9\xf7\xdf\x7f\x1f\xdcI3\x04S\xb0jjj\xf6\xee\xd9cu8\xb2\x0b\x0b\xff=w\x9e\xbbN\xc78\x9d.\x1f\xfdo\x0b\x86a\x8c\xd3\xe9\xae\xd3\xfd{\xee\xbc\xec\xc2B\xab\xc3\xb1w\xcf\x9e\x9a\x9a\x9a\xbb\x99\x88\xd5I\x90\xc4\xbd\x07m\xd9\xb1\x8c\x0c\x86a*\xab\xab\x01\x00\xfd\xa2"\x9dv\xbb\xc4\xdd\x7f\x08\x8eaN\xbb\xbd_T$\x00\xa0\xb2\xba\x9aa\x98c\x19\x19\xa0\xbd3R\xa0\xe91\x9b\xcd\x07\x0e\x1c\xb02\xcc\x8f\xe7\xce\x8dON\xd6{x\xb0\x1c\'\xd91\xc0\x00`9N\xef\xe11&gt;9\xf9\xc7s\xe7\xac\x0cs\xe0\xc0\x01\xb3\xd9|\xe7\xcc\x10\x1c\xd3\x8f?\xfe\xd8b\xb1\x00\x0c\xe38\xae\x9b\x8f\x81\xe78\t\xde\x088\x86\xf1\x1c\xd7\xcd\xc7\xc0q\x1c\xc00\x8b\xc5\xf2\xf1\xc7\x1f\x03\x97+\x82\xf4\x87HB\x00 \xd7\xae]\xa3)*&gt;2r\xea\x98\x07\xbct:\xf8`\xac\x8enT\xc7\x83a\x18\xcbq^:\xdd\xd41\x0f\xc4GF\xd2\x14u\xed\xda\xb5v\xff\x16x_eddTWWk\xd5j\x92 \xba\xfb\xfa\x8a\x12\xb6\xfe\x10\x0c\x00\x91\xe3\xba\xfb\xfa\x92\x04\xa1U\xab\xab\xab\xab3\xee\x80\xfaB`\x1e\x04\xc30;\xb6o\x07\x00Xm\xb6\x99\xe3\xc7\x87H/\x05\x0b\x02\xd3\x81BBCg\x8e\x1fo\xb5\xd9\x00\x00;\xb6og\x18\xe6\xee$bu\x1e$!\x000\xc8\x90\x9b\x9b+\xa3(A\x10\x0c\x1e\x1e\x18IJj\x98o\x8d(\x8a\x18I\x1a&lt;&lt;\x04A\x90QTnn.h\xe9\xb4v\xfc\n\x00@zz:\x00\xa0\xaa\xae\xce]\xabM\x88\x8e\x96\xe6\xf6o[\xe0VpBt\xb4\xbbV[UW\x07Z\xba\xe8NLN\xb8\xb5\xb3e\xcb\x96\x9f++\x1f\x1d=z\xf4\xa0A\x93\xef\x1f\xc5Ix\x08p\x1c\xe7l\xb6\xc9\xf7\x8f\x1a=h\xd0\xa3\xa3G\xff\\Y\xb9e\xcb\x16\xa9\x1d\x0cv\xfd\xb1\x87\x8eOCCCFF\x86\x08@M}\xbd\xb7\x87\'A\x92\xc8\xfc\xb7"\x02@\x90\xa4\xb7\x87gM}\xbd\x08@FFFCCC\xfb\xbaB\x04A8\x9d\xce\xd4\xd4T\xbd\x9b[p\xf7\xee\xc9\x89\xfd\x05\x00D\xe99\x9e7#b\x98\x00@rb\xff\xe0\xee\xdd\xf5nn\xa9\xa9\xa9N\xa7\xf3N\x1c\xc8\x82n\xfeW_}e\xb2Z\xbf;z4\xb9\x7f\xff&gt;aa6\t\x07Bq\x0c\xb3\xd9\xed}\xc2\xc2\x92\xfb\xf7\xff\xee\xe8Q\x93\xd5\xfa\xd5W_\x01\x89\x15\x07u}\x01\x80z~\xf1\xe2E\x8b\xc5\xc2\xb2l\xbd\xd1\x98\x10\x15\xc9\xb3\xac\xa4\x86\xf9\xd6`\x18\xc6\xb3lBTd\xbd\xd1\xc8\xb2\xac\xc5b\xb9\xd8\xaeE\xe1y\x9e\xc70\xec\xfc\xf9\xf3\x97.]jlnn6\x9b\xa7\x8d\x1d+\xa0!\x00\x00\xc0\xfc4\x96\x9d6vl\xb3\xd9\xdc\xd8\xdc|\xe9\xd2\xa5\xf3\xe7\xcfc\x18\xd6\xbe\xe7\xb1\xa1\x1bTSS\x93\x9b\x97\xe7\xe3\xe9I\xcbd\x00\x00B\xf2\xeb`Q\x14\t\x92\x04\x00\xd02\x99\x8f\xa7gn^^MM\x8d\xa4\xa2@\xae/\x00\x90\xc6\xa6&amp;A\x10\xee\x8d\xec\xb3x\xd6,\x7f\x83\x81\x95|\x02h[p\x0cc\x9dN\x7f\x83a\xf1\xacY\xf7F\xf6\x11\x04\xa1\xb1\xa9\xa9\x1d?\x1f\xdeNG\x8e\x1c\xc11L\xadR\xe18\xee\xeb\xe5\xe5\xda\x95\x9fo\x1fX#\xda\xd7\xcb\x0b\xc7q\xb5J\x85c\xd8\x91#G@{G\x81\xa0\x9c\x1c8p\xc0f\xb1\xd444t\xf7\xf5}\xfc\xa1q\x0e\x8bE\xb2\xc7\xe0!\x04\x8e;,\x96\xc7\x1f\x1a\xd7\xdd\xd7\xb7\xa6\xa1\xc1f\xb1\x1c8p\x00\xb4t\x97\x14\x90\xca\xf0\xa7\xec\xdc)\xa3\xa8\xd2\x8a\x8aC\xa7N)\x14\nI\x85\xf9n\x07A\x10\x14\n\xc5\xa1S\xa7J+*d\x14\x95\xb2sg;~8\x8e\xe3,\xcb\xee\xdc\xb9\x13\xc30_O\x8f\x17\xa6L\x81\x0f`@+\x00\x00\x00\x86a\xbf&lt;\x9ea\xca\x14_O\x0f\x0c\xc3v\xee\xdc\xc9\xb2l\xfb\x86\xe6\t\x82`Y\xf6\xddw\xdf\x8d\x08\nzp\xc8\x90\x81q}==&lt;\x9c\x92\xcf\x83\xc00\xcc\xc9q\x9e\x1e\x1e\x03\xe3\xfa&gt;8dHDP\xd0\xbb\xef\xbe\xcb\xb2\xac\xcb\xd7Dj\xc5\xf5\x05\x00N\xf1\x8a\x8a\n\'\xcb\xd664\xde\x17\x1b+\xd7h8$\x00\xbf\x86\x13\x04\xb9Fs_llmC\xa3\x93e+**@;\x05C[\x8bp\x94\x96\x96\x8a\x00\x94V\\\x8d\x0e\x0f\xa3\xd0\x1eL\x1bD\x00(\x92\x8c\x0e\x0f+\xad\xb8*\x02PZZ\xda\xbe\x059`\x08\xee\xdc\xb9s\xc5EE\x15UU\x9555s\xa6McQ\x08\x0e\x00\x00\xb3\xe0Xv\xce\xb4i\x9555\x15UU\xc5EE\xe7\xce\x9dk\xf7\x10\\\xa7\xc5\xf5\x05\x00BR\x94\x97\xbb\xfb\xe0\xf8\xf8&gt;\xbdB8I\xe6\xbd\xdd\x1a\x0c\xc38\x86\xe9\xd3+dp|\xbc\x97\xbb;IQ\xed\xf5\xc9\xd0\x8a\xd5\xd4\xd4\x08&lt;?i\xe4\xc8\xcf\xdfZ\xd1\xb7wo\x87\x84\xf7\x1eo\x06\xc70\x87\xdd\xde\xb7w\xef\xcf\xdfZ1i\xe4H\x81\xe7kjj@\xfbE\x81\xe0\xe7\xec\xde\xbd[\x04@\xa7\xd5\xcae2/ww^\xf29\xb8\x10\x0c\x00\x9e\xe3\xbc\xdc\xdd\xe52\x99N\xab\x15\x01\xd8\xbd{7\x90\xcc\xa9`\x17\x17\x00X\\\xc5l6\x97\x96\x94\xd8\x19\xc6\xe6\xb0\xebu:)\x96\x1e\xbb\x1dDQ\xaf\xd3\xd9\x1cv;\xc3\x94\x96\x94\x98\xcd\xe6v\xa9\x90\x05\xa3m\xa9\xa9\xa9&amp;\xb3y\xc7\x81\x03\xeb\xb6l\xf1\x86\xd6\x07\t@\x0b\x18\x86\xf1\x1c\xe7\xed\xee\xben\xcb\x96\x1d\x07\x0e\x98\xcc\xe6\xd4\xd4T\xd0~\x9b\xf0\x04A0\x0c\xb3o\xdf&gt;\x0c\xc3\xca\xaf_\x1f\x93\x94\xe4i08\xd1\n\x00\x00\xd0\xf2|lO\x83aLRR\xf9\xf5\xeb\x18\x86\xed\xdb\xb7\x8fa\x18\x89D\x81\\\\\x00@\xcb\x12\xcfl6[l\xb63\x85\xe71Q\x94H\xd5\xc3?\x0bI\x10\x98(\x9e)&lt;o\xb1\xd9\xccfs\xfb\x86\x08\xaakj&lt;u\xba\xb1\xc3\x86\x8dH\x1c@\x12\x04R\xe0\x1b\x10\x01 \tbD\xe2\x80\xb1\xc3\x86y\xeat\xd555\xed\xf5\xc90\xfes\xe1\xfc\xf9\x92\x92\x12Q\x14i\x99\xec\x81\xc1\x838\xbb]\xb2\xe9\xff7\x83\xe38g\xb7?0x\x10-\x93\x89\xa2XRRr\xe1\x0e$buN$1\t0\x0c\x83z\x8e\xe3\xb8L&amp;C+\x80\xdfF\x14e2\x19\x8c\xcc\xe08\xde^\xd6\x1f\xc6\xb2s\xb2\xb3\x1d\x0c\xa3V(\xee\x1f8\x90\x03\x00\r\xc0\r\x88\x00p\x00\x8c\x1a8P\xadP\xd8\x19Gvv6,`\xd5\x0e\x9f\x0cS\xb0\x8e\x1e\xc50L\xa3Ry\xb8\xb9u\xf7\xf5e\x9dN\xe4\xfc\xb7\x82\x01\xc0:\x9d\xdd}}=\xdc\xdc40\x11\xeb\xe8Q \x8d(\x90$\x04\x00\xb4\x8c\xa5 \x08R\x18\xd4\xbf\tI\x10\xad\x92\xf97\x81;\xc0\xcd\xcd\xcd\x85\x85\x85\x16\xbb}Gj\xea\xb9\xa2\x8b\xb4\\\x8e\xb2\xb0n@\x10\x04Z.\xcf+.\xda\x91\x9ajs0\x17\xce\x9f\xb7Z\xad\xed\xb2\x0f\x8c\xe38\xc7q;w\xee$0\xcc\xe0\xe11{\xd2$\rJ\xc1\xfa50\x11K\xa3\xd5\xce\x9e4\xc9\xe0\xe1\x81aX\xca\xae]\x12yR\xbc\xeb_!\xe2v\x80\x81\xb2n&gt;&gt;z\x9d\xceC\xa7s:\x9d\r\r\r\xa0\x9d\x9c Q\x14\xe1j\x9a \x88\xe8\xd0P\x806\x00n\x02\xc7q\xd6n\x1f3x\xb0\x8f\xa7\xa7\xb7^o\xb7\xd9\xea\xeb\xeb\xc1\xdf\xee\x7fh\xc5L&amp;SII\t\xcb\xf3\x97\xae^\xbd7\xb2\x0fJ\xc1\xba\x19\x98\x88uod\x9fKW\xaf\xf2\x82p\xbe\xb0\xf0\xca\x95+RxL\x18\x12\x00\x04\x00\x00\x00Q\x84\xcf\x06h\xb6X\xdc\xd4j\x02\xc7,VkG\xb7IZ`8\xeed\xd9f\xb3\xd9M\xa3&amp;p\xdcb\xb1tt\x8b$\n\x86a\x1c\xc7\xd9l\xb6\x8en\xc8\xdd\x00\t\x00\x02\x80\x96r@5\r\r,\xcb^\xb9~\x9d\xa4d\x81\x01\x01\xa0\x9d\x8e\x02\xb4\x06\x94x\x9e\xcf/.\x06\x92\xaf@p3\x82 \x904\x9dv*\xd3\xce0\x97\xae^\xa3\x15\x8a\x1e=z\x80\xbf\xdd\xff\xb0\xb4\x99V\xab\xed\xd5\xab\x17E\x10\xc1\xdd\xbb\x9f)&lt;/\xe5\x12\xdc\xbf\x07,\xcd}\xa6\xf0|p\xf7\xee8\x86\xc5\xc6\xc6\xf6\xe9\xd3\xa7\xbd\xb6a:3.~y\xad`\xed\xbd\xb7\xe9\x92`\x18\x86\xe38\xcbq\x82 \xb0,\xdb.\x1f(\x08\x82\x9b\x9b[dd\xa4Z\xa1\x982fL\xdf\xb0p\xc6\xe1p\xf9\xfb\xea\xcf\x82\xe38\xe3p\xc4\x86\x85M\x193F!\x93\xf5\x8e\x88P*\x95\xed\xf2h6A\x10H\x92\x9c&lt;y2/\x8a5\r\r\x9f\xa5\xa4\x98M&amp;RzO&gt;\xb9\x05\xa2(\x92\x04a6\x99&gt;KI\xa9ih\x10Eq\xe2\xc4\x89@\x1a\xcf\x06\x90\xc4}\xd8\x1a\x83\x16\x04\xc1\xe9t\x02\xa4\x01\xbf\t\x869\x9dN8\xe9\xdbq\xeaC+\x16\xdf\xaf\x9f\x9c\xa6-v\xfb\x0f\'O\x92\x00\xa0\x01\xb8\x01\x0c\x00\x12\x80\x1fN\x9e\xb4\xd8\xed\n\xb9\xbc_\xbf~\xed\x15\x80\x86\x122l\xe8PQ\x14\xcdVkCs\xf3\xd5\xaa*J&amp;C\xe6\xbf\x15\x11\x00J&amp;\xbbZU\xd5\xd0\xdcl\xb6Z\x05Q\x1c6t(\x90FYP\xd7\x17\x00Q\x14)\x8a\xd2h4j\xa5\xf2\xde\xc8&gt;"\x86q\x12H\xef\xfd\x0bp&lt;/b\xd8\xbd\x91}\xd4J\xa5F\xa3\xa1(\xaa\x1d\x9dD\x1f\x83\xa1\xdeh\xdc\x7f\xe4HZ\xe6)\x8e\xe7]\xff\xc6\xfa\x93`\x00p&lt;\x9f\x96yj\xff\x91#\xf5F\xa3\x8f\xc1\xd0^\x9f\x0c\x9f/\x16\xd1\xa7O\xaf^\xbd\xe0\xa3\x10\xbf?~\x82D\xe5\xb0\xda \x08\x02\xa9P|\x7f\xfc\x04|4f\xaf^\xbd"\xfa\xf4\x81\xcf\xb0\xeb\xe8\xa6\xddq\\\\\x00\xe0YV\x8dF\x13\xd2\xab\x97\x82\xa6\x95rE\xa3\xd1\x88V\x00\xbf\r\x865\x1a\x8dJ\xb9BA\xd3!\xbdzi4\x1ax\x8e\xfao~*\x8c\xf6\x8c\x193F\xab\xd1L\x19=z\xde\x8c\x19\xb5MM\xa8\x10q[`Q\xe2\xda\xa6\xa6y3fL\x19=Z\xab\xd1\x8c\x193\x06\xb4\xdf3yx\x9e\xa7iz\xdc\xb8q\xa2(\x06\xfa\xf9\xa5fd\xd4\xd7\xd4\xc8\xdaU\xe0\xbb.\xa2(\xca(\xaa\xbe\xa6&amp;5##\xd0\xcfO\x14\xc5q\xe3\xc6\xd14-\x85S`\xc0\xe5\x05\xa0\x15\x8ee\xeb\x9a\x9a\x8e\xe7\xe4\x9c/)%i\x1aM\xfd\x1b\x10E\x91\xa4\xe9\xf3%\xa5\xc7sr\xea\x9a\x9a\xb8\xf6\xd8\x00\x80@\t1\x18\x0c8A\xa4\x1c:\xf4\xe4\xabK\xcf\xfd\xf4\x93\\\xa1\x10\xd0\x10\xb4 \x88\xa2\\\xa18\xf7\xd3OO\xbe\xba4\xe5\xd0!\x9c \x0c\x06\x03h\xbf\x10\x04\xfc\x9cG\x1ey\x04\x03\xc0h29\x9c\xce:\xa8\xc1\xed\xf2\xe9]\x1c\x98\xfeP\xd7\xd4\xe4p:\x8d&amp;\x13\x06\xc0#\x8f&lt;\x02\xa4\x11\xff\x01R\x10\x00h\xeb\x03\x02\x02d\x14\xe5\xed\xa1\xff17\xd7a6\x93h\x13\xf2\xd7\x908\xee0\x9b\x7f\xcc\xcd\xf5\xf6\xd0\xcb(*  \x00\xb4\xd3!\x00\xb8\x0f\xacT*CBB0\x00B\x02\xba\xe7_,B\x89(m\x81)(\xf9\x17\x8bB\x02\xbac\x00\x84\x84\x84\xb4\xd7\x0e0\x04F\x81\xfa\xf6\xed\x1b\x1a\x16\x16\xe0\xeb\xebo0l\xd8\xb6\xad}C|]\x17\x18"\xde\xb0m\x9b\xbf\xc1\x10\xe0\xeb\x1b\x1a\x16\xd6\xb7o_\x89\xc4\x7f\x80\x14\x04\x002i\xf2d\'\xcb\x86\x04\x04\x8c\x1c0\xc0\x8e\n\xa1\xdc\x04\x8e\xe3v\xbb}\xe4\x80\x01!\x01\x01N\x96\x9d4yr;~\xb8 \x08\x14EM\x9e&lt;Y\x14\xc5\xaa\xfa\x86\x0fw\xec0\xa1D\x94\x16`\n\x8a\xc9d\xfap\xc7\x8e\xaa\xfa\x06Q\x14\'O\x9eLQT\xfb\xc6\xe8y\x9e\xa7(\xea\x9f\xff\xfc\xe7\x85\xb2\xb2\xef\x8e\x1d;y\xf6\\}C\x83L\xf2\x818Q\x14e$Y\xdf\xd0p\xf2\xec\xb9\xef\x8e\x1d\xbbPV\xf6\xcf\x7f\xfe\x93\xa2(\x89\xc4\x7f\x80t\x04@\xef\xee\x8e\xe3\xf8\x99\xc2\xf3+7m\xaa\xac\xa9\xa1d2\x14\x82hE\x10EJ&amp;\xab\xac\xa9Y\xb9i\xd3\x99\xc2\xf38\x8e\xeb\xdd\xdd\xdb\xf1\xf3\x7fID\x196L\x10E\x8b\xd5*\x08BU]\x1dEQh\x00\x00LA\xa1\xa8\xaa\xba:A\x10,0\x05e\xd80\xd0\xde!\x08\xe8\xcf\x8e\x1e=Z\xa9V\x1b&lt;&lt;\xaeVU}\xb9w\x9f\\\xad\xe6\xa5\xbd\x15\xcc\x0b\x82\\\xad\xfer\xef\xbe\xabUU\x06\x0f\x0f\xa5Z=z\xf4h\xd0\xd2]R\xc0\xf5\x05\x00:\xfb\xe1\xe1\xe1j\xb5\x9a\xa2(O\x9d.\xab\xa0\x90@\xeb\xdf6\x88\xa2HPTVA\xa1\xa7NGQ\x94Z\xad\x0e\x0f\x0f\x07\xed\xb7\t\tC\x10}\xfa\xf4\t\x0e\x0e\xd6\xbb\xb9\xb9i4\xdb\xf6\xef\xc7\xd1\x10\x00\x00`\xb5\x06\x8a\xda\xb6\x7f\xbf\x9bF\xa3ws\x0b\x0e\x0e\xees\x07RP` \xce`0\xc4\xc6\xc4T\xd7\xd73N\'\x00\x00\x15\xe5\x86\x85\</t>
        </is>
      </c>
    </row>
    <row r="370">
      <c r="A370" s="1" t="n">
        <v>368</v>
      </c>
      <c r="B370" t="inlineStr">
        <is>
          <t>rectangle_height_color</t>
        </is>
      </c>
      <c r="C370" t="inlineStr">
        <is>
          <t>What is the missing color of the part denoted with a question mark?</t>
        </is>
      </c>
      <c r="D370" t="inlineStr">
        <is>
          <t>['blue', 'purple', 'red', 'yellow']</t>
        </is>
      </c>
      <c r="E370" t="inlineStr">
        <is>
          <t>yellow</t>
        </is>
      </c>
      <c r="F370" t="inlineStr">
        <is>
          <t>There are 7 rectangles in the image with varying colors and lengths. The lengths from left to right are ['short', 'medium', 'long', 'short', 'long', 'medium', 'long']. The colors from left to right are ['red', 'purple', 'yellow', 'red', 'yellow', 'purple', '?'].</t>
        </is>
      </c>
      <c r="G370" t="inlineStr">
        <is>
          <t>We observe that the purple rectangles are of medium length and the red rectangles are of short length. Hence, the pattern is that the color of each rectangle corresponds to its length.</t>
        </is>
      </c>
      <c r="H370" t="inlineStr">
        <is>
          <t>Based on the pattern that the color of each rectangle corresponds to its length, the missing color of the part denoted with a question mark should be yellow.</t>
        </is>
      </c>
      <c r="I370" t="inlineStr">
        <is>
          <t>b'\x89PNG\r\n\x1a\n\x00\x00\x00\rIHDR\x00\x00\x02\x00\x00\x00\x02\x00\x08\x02\x00\x00\x00{\x1aC\xad\x00\x00=\xe0IDATx\x9c\xed\xdd{x\x15\xd5\xbd7\xf0\xdfZ3\xfb\x9a\xebNH\xc2U\x14\x087\xd1` "D\xc1\x1b\x82\xf5.\x8a\xa8\xe0\xdb\x83\x82\xd6\xa2\r\xc7\xe3i=\xafo\x81\xda\xd3\x16\xd1\xb6Z=\xc7\x82\x88`EZ\xb5Vm+\x81\xd8\nT\x81\x10T\x10\x12n\x8a\x18\x88\t\xb9\xee\xdcv\xf6\xde3k\xbd\x7f\x8cF\xbc\x00!$\x99={}?\xcf\xd3\xe7\xa1;qg\xe5\x97\xdf\xccw\xcd\xcc\x9a\xd9LJI\x00\x00\xa0\x1en\xf7\x00\x00\x00\xc0\x1e\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94n\xf7\x00\xc0\x01\xa4\x94\x9d\xf8\xaf\x18c]&gt;\x125\xa1\xfe\xf6\x8a\xe3\xfa#\x00\xe0;H)\x85\x10RJ\xc6\x18c\x8c\xf3\xce\x1c)v\xc9\x9b\xa8\t\xf5\xb7\x97:\xf5g\x9d\x0b7\x88KV\xcb\x12\x91\xa6i\xc7\xbe\x1e\x0c\x06\x85\x10\x8cu\xb4[\xac\xb9Ojj\xea\xb1/Z\x1b\x03\xe7\xdc\x113#[\xa0\xfe\xf6R\xb0\xfe\x08\x00 "\x92R\x9a\xa6\xa9\xeb_\x1c\x11655\x15\x17\x17o\xdd\xba\xe5\xfd\xf7\xdf\xaf\xab\xab+++5\r\xe3\x14\xde\x8e1\x92r\xf0\x90!\x81\xd4\xc0\x98\xb1y\xb9\xb9\xb9\xe7\x9f\x7f~\xbf~\xfd\xac/\x1a\x86\xc19\x8f\xcd\t\x91]P\x7f{\x1d\xa7\xfe[\xbf\xac\x7f\x99i\x9a\xa7\xfa\x9e\x83\x07\x0fNMM\x1d;vl,\xd7\x1f\x01\x00d\x9a\xa65\xe5\x89D"k\xd7\xae]\xb5jeI\xc9\xb6C\x87\xca\xbb\xf0G\xa4\x05R\xc6\x8c\xcd\x9b&gt;}\xfa\xb5\xd7^\x97\x99\x99ID\x86ah\x9a\x16S\xb3!\xbb\xa0\xfe\xf6\xfaV\xfdW\x95\x94\x94\x1c:t\xa8\x0b\x7fD \x10\x18;v\xec\xf4\xe9\xd3\xaf\xbd\xf6\xda\x98\xaa?\x02@i\xd6_\x9f1\x16\x0c\x06\x97-[\xf6\xc2\x0b\xabv\xee\xfc\xa8\xfd\xab\xc9\x89\xde\x81\xfd\x93\xb22|\xa3\x06\xa5\x06\xd2\xbc\xd2\x10\x1diW)\x89q\x16\x8d\x9a%\xa5u\r\r\xe1\xfd\x87\x82\xb5\xf5\xad\xed_\xed\xdb\xa7\xf7m\xb7\xcf\xbc\xeb\xae\xbb\x86\r\x1bFDB\x88\x18\x99\n\xd9\x02\xf5\xb7\xd7\xb7\xea\xff\xc2\xce\x9d;\xdb\xbf\x9a\x94\x94t\xc6\x19g\xf4\xee\xdd{\xe8\xd0\xa1iii\x86atp\x7f\xcd\x18\x8bF\xa3;w\xee\xac\xaf\xaf\xff\xf8\xe3\x8f\xeb\xea\xea\xda\xbf\xd4\xb7o\xdf\xdbn\xbb-v\xea\x8f\x00PW\xfb\xc4g\xc5\x8a\x15\x8f&gt;\xbax\xcf\x9e\xbd\xd6\xeb\x03\xfb\xa7\\6\xa1\xef\xd5\x97\x0e\x1c32\xbd_V\x82\x96\xe0"\x8d\x93\xc6\xe8\xd4:ERTP\xd8\xac\xa9i\xdd\xb1\xaf~\xed\xa6\xc3k7\x96\xef\xdaSK$\x89(--p\xdf}\xf7\xcf\x9f??%%\xc50\x8c\xf6Co\xa5\xa0\xfe\xf6\xfaz\xfd\x1f\xdd\xb3g\x8f\xf5\xfa\x19g\x9cq\xf1\xc5\x17O\x9d:5\'\'\xa7w\xef\xdeIII\xba\xaewb\xaa\x1e\x8dF\xc3\xe1pUUUYY\xd9\xdbo\xbf\xbd~\xfd\xfa\xdd\xbbw[_JKK\xbb\xef\xbe\xfbb\xa1\xfe\x08\x00EY\xdd_QQ1{\xf6\xec\xc2\xc2B\xeb\xc5s\x87\xf7*\x98}\xce\xb4\xa9\x83\x923\xfc$%\xb5\x99\x145\x85\x90B\x12\x9dz\x9fp\xce\x18c\xcc\xc5\xc9\xa3\x91\xce\x8d\xa6\xc8?\xb7T&lt;\xbelG\xe1\xc6rk74l\xd8\xb0\xe5\xcb\x97\xe7\xe7\xe7[W\xd8l?\x1c\xeeI\xa8\xbf\xbd\xbe\xb3\xfeg\x9f}\xf6\xbcy\xf3\xae\xbf\xfe\xfa\xcc\xccL)e[[[$\x12\xb1\xce\xfewb?i\xad\xfcq\xb9\\&gt;\x9fO\xd3\xb4\xc6\xc6\xc6M\x9b6=\xf1\xc4\x13EEE\xd67\xc4B\xfd\x11\x00*\xb2&amp;\x1d\x85\x85\x85w\xce\x9e}\xa4\xa2\x82\x88\x86\x0f\n\xfc\xe7\x0fF\xdf~M\xb6;\xc5C\xcd\x113j\x121\xc6\xe9\xf4\xbbRJ\x12BJ\x92\xba\xc6)\xc1EB\xae\xdfP\xfe\xe83\x1f\x14\xbd{\x98\x88&lt;\x1e\xf7\xaf~\xb5\xb8\xa0\xa0@\xa9}\x10\xeao\xaf\xaf\xea\x7f\xe7\x9dG\x8e\x1c!\xa2\xec\xec\xec\x07\x1ex\xe0\xe6\x9bo\x0e\x04\x02\x8d\x8d\x8d\x91H\xc4\xda}\x9f~A\xda\x17\x83\xea\xba\x9e\x94\x94d\x9a\xe6\xfa\xf5\xeb\x1f\x7f\xfc\xf1w\xdey\x87\x88&lt;\x1e\xcf\xaf~\xf5+\x1b\xeb\x8f\x00P\x8e\xd5\xfd\xcb\x96-\x9b;w.\x11\x11\xb1\xfb\xfe\xcf\xd9\x8f\xfc\xc7\x05)\x19&gt;\n\x86MSp\xce\xbb\xa3\x0f%\x910%c\xc4\x93=d\x8a\xdf=\xb7\xf3\xa7\x8fmkh\x0e\x13\xd1\x9c9s\x96.]j\x9af\xac-\x92\xeb\x0e\xa8\xbf\xbd\xbeU\x7f\xba\xe7\x9e{\x16.\\\x98\x95\x95U__\xdf\xad\xd7fM\xd3d\x8cY\xa7}\x9e~\xfa\xe9E\x8b\x16555\x91\xad\xf5G\x00\xa8\xc5:\xf2m\xef\xfe\xf4T\xef\xff\xfc\xfc\xa2\xe97\x8f\xa0\xc6\xb0\x1115\x9d\xf7@\xf7\x99\xd6n(\xdd\xf7AI\xe5]\xff\xf1\x8f\xf7Kk\x89\xa4\xb5\r\xc4\xfd&lt;\x14\xf5\xb7\xd77\xea\x1f\x08\x04\x9ex\xe2\x89Y\xb3f\x05\x83\xc1H$\xd23\xe7\xe2\xad\x18HOO\xdf\xb2e\xcb\xddw\xdfm]v\xb6\xab\xfe\x08\x00\x85|\xbd\xfbY\xdf\x0c\xdf_\x96N\xcd\xbbh@\xb4\xb2E\xd7\xbbe\xd6y\x02FT\xe8\xa9\xde\xfa\xda\xd6k\xbe\xff\xb7w?\xa8&amp;\x12\xed\xf3\xa0o\xdc\x86\x137P\x7f{}c\xef\x9f\x95\x95\xf5\xc7?\xfeq\xd2\xa4IG\x8f\x1e\xed\xdce\xde\xd3\x11\x8dF\x03\x81@uu\xf5\r7\xdcP\\\\L\xc7\x1c\x07\xf4d\xfd\x11\x00\xaa\xb0\x1a\xab\xa8\xa8h\xf2\xe4\xc9D\x94\x99\xe6+yc\xda\x803S\x8c\x86\xb0\xee\xb2g!\x9ai\x08\xcd\xa3\x1b\x1a\xbb\xf2\xb67\x8a6\x1f!\xa2\x85\x0b\x17.X\xb0 .\xd7\xa5\xa0\xfe\xf6\xfaF\xfd{\xf5\xea\xb5i\xd3\xa6\xc1\x83\x07\xd7\xd7\xd7\xbb\\.[\x86d\x18\x86\xd7\xeb\xd54\xed\xca+\xaf\xdc\xb8q#\xd9Q\x7f\x04\x80\x12\xac\xe5\xc6UUU\xa3sr\xaa\x8e\x1e\r${\xd6&gt;\xff\xbd\xbc\xbc&gt;F0\xac\xebv.C\x16\xa6\xe4\x1e\xad\xb6)2u\xe6\x9b%\xbbj\x18\xa3\xc2\xc2\xc2\xc9\x93\'\xc7\xd9&lt;\x14\xf5\xb7\xd7W\xf5\x1f=\xba\xaa\xaa*55\xf5\xb5\xd7^\x9b0a\x82\x8d{\x7f\x8bi\x9a^\xaf7\x18\x0c^}\xf5\xd5\x1f~\xf8!c\xac\x87\xeb\xaf\xee= J\xb1\xeet\x9f5kVeU\x15\x11-}\xe4\xa2\xbc\x8b\x06\x18\r6\xef}\x88\x88k\xccl3\xd3{\xf9\xfe\xf4\xd4\xe4\xb4T\x0fIy\xc7\xacY\x95\x95\x95\x8c1\xeb\xa9,\xf1\x01\xf5\xb7\xd7W\xf5\xaf\xac$\xa2\xdf\xfe\xf6\xb7\x93&amp;M\xb2}\xefOD\x9a\xa6\x85B\xa1\x8c\x8c\x8c\x17^x!\x10\x08\x10\xd1\x1dw\xdc\xd1\x93\xf5G\x00\xc4?k6\xb1z\xf5\xea\xf5\xeb\xd7\x13\xd1\xbd\xb7\x8e\x986cd\xb4\xb2\xc5\xae3\x0f\xdf\xa0\xe9\xcch\x08\x9f5\xa2\xd73\x0b\xf3%QeU\xd5C\x0f=\xc49\x8f\x9bcS\xd4\xdf^\xdf\xa8\xff\xec\xd9\xb3\xef\xb8\xe3\x8e\xa3G\x8f\xda\xbe\xf7\xb7\xe8\xba\xde\xd0\xd00j\xd4\xa8\xc7\x1f\x7f\\JYYY\xd9\x93\xf5\xc7)\xa08\'\xa5\x94R644\x8c\x1b7\xee\x93O&gt;\x1e|F\xf2\xf6\xbf\xde\xec\xf7h\xdc\x941\xb5\xd6\xc30\x85\x9e\xea\xbd\xe5\xce\xb7\xfe\xf4\xd6\'^\x8f{\xe3\xa6Mc\xc7\x8e\xb5\x9e\x9eh\xf7\xd0N\x0b\xeao\xaf\xaf\xd7\xff\x933\xcf&lt;\xf3\xbd\xf7\xde\xf3z\xbd\xd6R\x1c\xbbG\xf7\x15\xd34\xd3\xd2\xd2\xa6M\x9b\xf6\x97\xbf\xfc\xc5\xe3\xf1l\xea\xa9\xfa;\xfb\xaf\x0b\'e-.^\xb1b\xc5\x81\x03\x07\x84\x90\x0f\xdfs^R\x86_F\xccXj~""\xce\x98\x8c\x8a\x9f\xcf\x1f\xeb\xf5hm\xe1\xf0\x82\x05\x0b:\xfe\xf4\xddX\x86\xfa\xdb\xeb\xeb\xf5\x17\x0f&lt;\xf0@VV\x96u\x9f\x97\xddC\xfb\x1a\xc6X$\x12y\xf8\xe1\x87=\x1eO\xb8\x07\xeb\x8f\x00\x88gRJ\xeb$\xe3\x8a\x15\xcf1\xc6\x86\x0f\x0e\xdcr\xc3P\xd1\xd0\xa6\xd9}\xea\xf9\xdb8g\xa29\x92}n\xe6\x8c\xab\x06\x13\xd1\xc6\x8d\x1b\xca\xca\xca4Ms\xf4\x99h\xd4\xdf^\xc7\xd4\x7f\x05cl\xe8\xd0\xa1\xb7\xdezk}}}\x0c\xaeq\xe2\x9c755\xe5\xe6\xe6\xdex\xe3\x8dD\xb4q\xe3\xc6\x9e\xa9\x7f\xcc5"t!\xeb\xbe\x92\xa2\xa2\xa2\xdd\xbbK\xa5\x94\x0f\xcd\xc9\xf1\xa4x\xa4!bk\xf2\xf3%\xc6\x99\x0c\x9b?\x99\x9b\x93\xe0w\xb7\xb4\xb4.\x7f\xf6Y"r\xf4\x0e\x08\xf5\xb7\xd71\xf5\xdf-\xa5,((HMM5N\xe9\x93\x15z\x10\xe7\xbc\xad\xadm\xfe\xfc\xf9~\xbf\xbf\xa5\xa5\xe5\xd9\x1e\xa9?\x02 \xfe=\xff\xfc\n\xc6X\xbf\xac\xa4i\xdf\x1b,\x9b"\\\x8b\xd1?:\xe7L\xb4D\x86\x9d\x9by\xe9\x05}\x19c/\xbf\xf2\xa7\xd6\xd6V]\xd7\x9d~"\x02\xf5\xb7\xd7\xf3\xcf?\xcf\x18\xeb\xd3\xa7\xcf\r7\xdc\xd0\xd8\xd8\x18\xb3\xcb[9\xe7---\xb9\xb9\xb9\x13\'Nd\x8c\xbd\xf2\xca+=P\xff\x18\xedE8}\xd6\xf1o0\x18\xdcV\\,\xa5\x9crQ\xbf\x84\x0c\xbf\x88\xc6\xdc\xd9\xe7cII\x92\xb1iW\x9c)\xa5\xac8\xf2\xf9\x8e\x1d;\xc8\xb1\x93P\xd4\xdf^_\xd5\x7f\xdb6)\xe5e\x97]\x96\x99\x99\x19\x8dFc\xed\xec\xff\xb1\xac\x0f\x10\xbe\xe6\x9ak\xa4\x94\x15\x15\x15=P\x7f\x04@\xdc\xb2\xfa\xa6\xa4\xa4\xa4\xfc\xf0\x11"\xba\xf6\xd2\x81$\x89(v\xbb\x9f\x884\x8d\xb36c\xf2\x84~\xc9\x89^\xc34\xd7\xbe\xf5\x16u\xeaI\xbc\xb1\x00\xf5\xb7\xd7W\xf5//\'\xa2\xa9S\xa7\xc6\xfe/b]\xb1\xb8\xe4\x92K\x92\x93\x93\r\xc3X\xbbv-us\xfd\x11\x00q\xcb\xea\x9bm\xc5\xc5D\x94\xe8\xf7\x8c\x19\x99Na\x83\xf7\xc4\xd3\xc6:\x8f1\x92a3\xab\x7f\xd2\xd0\xb3R\x88h[\xc96"r\xe8JD\xd4\xdf^_\xd4\x7f\xdb6"JLL\xcc\xc9\xc9ikk\x8b\xf1\xdf\x851\x16\x0e\x87\x07\x0c\x180x\xf0`\xfar\xf0\xdd:\xe6\x98.\x07\x9c\x0e\xebP\xb7d{\t\x11\r:#9\xa3O\xa2\x8c\xed\xf3\x0f\x16!\x84\xe6s\x9d72\x8d\x88\xca\xcaJ\x9b\x9b\x9b\x1dzS\x12\xeao\xaf/\xea_RBD\x03\x07\x0e\xec\xd7\xaf_\x8c\x9f\xff\xb1\x08!\xfc~\xff9\xe7\x9cCDeee\xdd]\x7f\x04@\xdc\xb2\xd6\x11WWW\x13Qf\xba\xd7\x93\xe0\x96\xa6\x036c)\x898\x1b\xd0;\x81\x88\x82\r\r\xa1P\xc8\xee\x11u\x12\xeao\xafc\xeb\x9f\x91\x91\x91\x98\x98h}\xb6W\x8c\xb3n\xfe\xea\xd7\xaf\x1f\x11\x05\x83\xc1\xee\xae?\x02 &gt;Ym\x14\x0c\x06\xf7\xef\xdbKD\xa3\xb2SIs\xc6}=\x8c12\xc5\xd9C\x02D\x14ll.++#\x07^\x87D\xfd\xed\xd5^\xff}\xfb\xf6\x11\xd1\xf0\xe1\xc35MsJ\xfdM\xd3\x1c&gt;|8\x11\x05\x83\xc1\xee\xae?\x02 \x9eI)\xa3\xd1(\x11\xf5\nx\x893\'\xf4?\x11\x11I\xea\x15\xf0\x12\x91\x10"fWmw\x04\xeao/)\xa55\xfe\xf4\xf4t\x07\x9d\xc8\x92R\xa6\xa7\xa7S\x8f\xd4\x1f\x01\x10\xe7\xac\x93\x9e\x86\xe1\x8c\xd6o\xd7&gt;\xe0\xd8?i{b\xa8\xbf\xbd\xbe\xac\xbf\xc3b\xac}\xc0\xdd]\x7f\x04\x80\x12\x1c\xb7\x15;n\xc0\'\xe6\xb8_\xc7q\x03&gt;1\xc7\xc5X\x8f\r\x18\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t\xbb\x07\xa0\x04)e\'\xfe+\xc6X\x97\x8f\x04\xa0\xe7\xa1\xffc\x16\x02\xa0[H)\x85\x10RJ\xc6\x18c\x8c\xf3\xce\x1ciu\xc9\x9b\x00\xf4&lt;\xf4\xbfS \x00\xba\x92\xd5\xb2D\xa4i\x9a\xa6i\xed\xaf\x07\x83A!\x04c\xac\x83S!k\xee\x93\x9a\x9az\xec\x9bX\x1b\x03\xe7\x1c3#\x88M\xe8\x7f\xc7A\x00t\r)\xa5i\x9a\xba\xae[-\xdb\xd4\xd4T\\\\\xbce\xcb\x96\x0f\xde\xff\xa0\xb6\xae\xae\xac\xb4\xcc0\x8dS}\xcf!\x83\x07\xa7\x06\x02yycsss\xcf?\xff\xfc~\xfd\xfaY\xaf\x1b\x86\xc19\xc7\x84\x08b\x07\xfa\xdf\xa1\x10\x00]\xc04MM\xd3t]\x8fD"k\xd7\xae]\xb5r\xd5\xb6\x92\x92\xcf&gt;;t\x9ao[[[CD\x85\x85k\x89(550v\xec\x98\xe9\xd3o\xb9\xee\xbak333\x89\xc80\x0cM\xd30\x1b\x02\xdb\xa1\xff\x9d\x0b\x01pZ\xacCZM\xd3\x82\xc1\xe0\xb2e\xcbV\xadz\xe1\xa3\x8fv\xb6\x7f\xd5\xefK\x0c\xa4\xf4NN\xec\x95\x99~F\x82?E\x08\x93\xa8#\xfd*\x19c\xa6i\x1c\xa9\xda\xdf\x1aj\xac\xa9?\xdc\xd4\xdc\xd0\xd0P_TTTTT\xb4\xe0\xa7?\xbd}\xe6\xedw\xddu\xd7\xb0a\xc3\x88H\x08\x81\xa9\x10\xd8\x05\xfd\xeft\x08\x80\xce\xb3&amp;&gt;D\xb4b\xc5\x8a\xc5\x8b\x1f\xdd\xbbw\x8f\xf5zz\xa0\xcf\xd0\xb3\xf2\xce\xce\xce\xef\xd7{hJR/\x8f\xdb\xcf\xb9\xc69\xa7SY\n!I\x9a\xa6a\x18\x91\xc6\x96\xda\xca\xa3\x07\xf7|\xb2u\xcf\xc7[\x8eT\x1e\xf8\xbc\xf2\xf3\xc7\x1e{l\xf9\xf2\xe7\xee\xbf\xff\xbe\xf9\xf3\xe7\xa7\xa4\xa4\x18\x86\xa1\xeb\xf8;BOC\xff\xc7\x01\x14\xae\x93\xac\xee\xaf\xa8\xa8\x98={vaa\xa1\xf5b\xbf\xac!\x93.\x981z\xc4%I\x89iR\x92a\x84\r3\x1a\n7S\xa7\x96\xc1\x11c\x9c\xb1\xe4\x84\xf4\xf4\xa1}\xce\x19&gt;1\xd4\xd6|\xe0\xd3\xf7\xff\xb1\xf9\xc5=\x1fo\xa9\xaf\xaf[\xb4h\xd1\x9a5k\x96/_\x9e\x9f\x9fo]a\xc3\xe10\xf4\x18\xf4\x7f|@\x00t\x865\xe9(,,\x9c={vEE\x05\x11e\xf5\x1axy\xfe\x1dc\xce\xb9\xc2\xe7Mj\x0b\xb7\xb4\xb4\x06\xe9\x8b\x06f\x9c\xf1\x0e\x1d\xf8\x1e\xefg\x99\xd1\xa8\x19!)9\xd7F\x0e\x9d0b\xc8\x05e\x07\xb6\x14\xbd\xbbj\xef\'\xdb\xf6\xee\xdd{\xe9\xa5\x97.^\xbc\xb8\xa0\xa0\xc0Z}\x81m\x00z\x00\xfa?n \x00N\x99\xd5\xfd\xcb\x96-\x9b;w.\x11\x11\xa3\x89y7_}\xd9\x0f\x92\x13\xd3[C\x8d-\xad\r\x9cs\xce\xb5\x93\xbdMG1\xc6\x181k\x13\n\x85\x9a\x19\xa3\xb3\x87\xe6\x8f\x18r\xc1;[\xd6\xfc\xed\x9f\xcf\x84\xdaZ\xe6\xcf\x9f_ZZ\xbat\xe9R\xd34\xb1H\x0e\xba\x1b\xfa?\x9e \x00N\x8d\xb5\xd6\xad\xbd\xfb\x13\xfc\xc97\x7f\xef\xc7\xe3\xcf\xbb\xa6\xb5\xad\xa9\xa9\xa5N\xe3z\x17\xb6\xfe\xb7Y\xd7\xbbZC\x8d\x8c\xb1+.\xfa\xfe\xe0\x81\xe7\xfd\xe1/\x8b\x8eT\xee_\xb6l\x19\x11-]\xba\x14\xf3 \xe8V\xe8\xff8\x83\x0b\xe8\xa7\xc0:\xefiu?c\x94\x9c\x98~\xcfm\xbf\x990\xe6\xba\xc6\xe6Z!L\x8d\xf7P\x9ar\xae1\xc6\x83M5\x03\xfb\x8d\xb8\xff\xff\xfc\xcf\x99\xfdG1F\xd6\xa88\xe7\xd66\x00\xd0\xe5\xd0\xff\xf1\x07\x01\xd0QV\xf7\x17\x15\x15}1\xf7\xf1\xa5\xfe\xfb]\xcb\x07\x9d1:\xd8X\xadiz\xcfO:4Mo\r5y&lt;\t\xff~\xd7\xf2!\x03\xc7\x10\xd1\xb2e\xcb\x16-Z\xa4i\x9aa\x9c\xf2M7\x00\'\x86\xfe\x8fK\x08\x80\x0e\x11Bh\x9aVUU5s\xe6L\xc6\x98\xdf\x97|\xf7m\xbf\xceH\x1b\xd0\xda\xd6\xa8i\xb6\x9dF\xe3\\3\x8c\xa8\x94\xe2\xce[~5\xa0\xcf0b\xb4h\xd1\xa2\xf5\xeb\xd7\xeb\xban\x9a\xa6]\xa3\x82\xf8\x83\xfe\x8fW\x08\x80\x0e\xb1\xeet\x9f5kVUU\x15\x11M\xbf\xea?\x87\r&gt;\xbf5\xd4\xd8c\x87\xbd\xc7\xc39\x8fF\xc3I\ti\xffv\xf3/\xfc\xded)\xe5\xacY\xb3*++q\x1a\x14\xba\x16\xfa?.!\x00N\xce:\xf8]\xbdz\xf5\xfa\xf5\xeb\x89hB\xee\xf5\xe3s\xaf\x0b6U\xdb8\xf79\x16\xe7Zk\xa8\xb1o\xd6\x90\x9b\xae|\x80\x88\xaa\xaa\xaa\x1ez\xe8\xa1c\x9f\xa2\x05p\x9a\\.\x17\xfa?.!\x00N\xc2z\x1am]]\xdd\xcf~\xf63\xceyFZ\xff\xeb\xaf\xb8\xaf5\xd4\xc8Y\x0cu\x98\xa6\xe9\xcd-\xf5\xe3s\xaf\x1d=\xf2R"z\xe9\xa5\x97\x8a\x8b\x8b\xdb\x1f\xcd\x08\xd0i\xd6\xc3\x1ejkk\xd1\xffq\t\x01p\x12\xd6\xe2\xe2\x15+V\x1c8p@\x08q\xf9\x85w$\'\xf62\xcch\xcc\x1dc2f\x98\xd1\xef]&lt;\xc7\xe5\xf2\x84\xc3\xe1\x05\x0b\x16t\xfc\xe9\xbb\x00\xc7c]P]\xbe|\xb9C\xfb\x1f\x9b\xc0\x89!\x00NDJ\xa9iZ(\x14z\xee\xb9\x15\x8c\xb1\xac\x8c3\xf3\xce\xbd\xb2%\x14\xd4\xbas\xb1s\xe7p\xc6\xc3\xe1\xd63\xfa\x8e8o\xe4\xa5D\xb4q\xe3\xc6\xfd\xfb\xf7\'&amp;&amp;b\x12\x04\xa7\xc3\xedr\t!V\xac@\xff\xc7\'\x04\xc0\x89X\xcf\x18)***-\xdd-\xa5\xbcl\xfc\xed~o\xb2\x101\xba\xc0\x801\x165"\x97M\x98\xe9q\xfbZ[[\x9f}v\xb9\xd7\xeb\xc5\x06\x00\xa7#99y\xd3\xa6M{\xf6\xecA\xff\xc7%\x04\xc0\xc9\xadX\xf1&lt;c,5%3g\xe4%\xa1p3c1Z4\xc6x8\xd2:\xa0\xdf\xc8\xec\xb3\xc60\xc6^~\xf9\xe5\xaa\xaa*\xb7\xc7c\xf7\xb8\xc0\xc9\x18\xb3\xa6\xff\x0e\xed\x7f\x0f\xfa\xff\x84b\xf4o\x19\x0b\xac\xf3?\xc1`\xd0\xba\xa04l\xd0\xf9\xc9\x89\xbd\xcc\x18&lt;\xfby,F\x9c\xd89\xc3&amp;I)\xcb\xcb?\xdb\xbe}\xbb\xdf\xe7\xb3{L\xe0`G\x8e\x1c)\xde\xba\xcd\xc1\xfd\xef\xf7\xdb=\xa6\x98\x86\x008.\xeb\xe0\xb1\xa4\xa4\xe4\xc8\x91\xc3Dt\xf6\x90|"I\xb1\xdc\xfdD\x8cx8\xda6\xec\xac\xb1^o\x82a\x18k\xd7\xaeu\xbb\xddv\x0f\n\x9c\xca\xa5k\x9b7o\xde\xbf\x7f\x1f\xa1\xff\xe3\x14\x02\xe0\xb8\xac\xf5\x03\xc5\xc5\xc5D\xe4\xf5\xf8\xfb\xf7\x19\x1a\x8d\x86\xd9\xe9&lt;\xd9\xb6\xfb1\xc6L3\x12H\xed\x9d\x916\x80\x88\xb6m\xdb\x165\x0c\xa2N&gt;\x8f\x1d\x14\xe7r\xbbKJJ\x0c\xd3p\xb9\xbcN\xed\xffh\xd4\xeeA\xc54\x04\xc0qY\x87\xba%%\xdb\x89(=\xd0759\xc30\xa31\xbe\x01\x10\x91\x10\xc2\xed\xf2\xf5\xcb\xca&amp;\xa2\xd2\xdd\xa5\xd6\xad\x9btJ\x9f\xc6\x04@DD\x91H\xa4\xa4\xa4\x84\x88\xd2S\xfb8\xba\xff\xb1\x18\xf4x\x10\x00\xc7e\xad#\xae\xae\xae&amp;\xa2\xc4\x84\x80\xc7\x93 \xa5\x88\xf9\xfe\'"\xe2\x8c\xa7&amp;g\x12QcSS[[\x9b\xdd\xc3\x01\xa7\x12B\xd4\xd7\xd7\x13\xfa?~!\x00\xbe\x9b\x94\x92s\x1e\x0c\x06\xf7\xed\xdbGD\xbd{\x9d\xc5\x99\xe6\x8cy\x04cB\x98\xbd3\xce""|&gt;\x06\x9c&amp;\xeb\x99\n}3\x07\xa3\xff\xe3\x12\x02\xe0D\xa4\x94\xd69\xc4\x04\x7f*\x8f\xd5\xd5o\xdf&amp;I&amp;\xfaS\tG\xbep\xfa$\x11\xfa?~9\xe6\x8fj\x17k\x06!\x84\xc3\x9e0\xee\xb8\x01C,s\\;9n\xc0vA\x00t\x90\xe3\x0e$\x1d7`\x88e\x8ek\'\xc7\r\xd8\x1e\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a5\xdb=\x80\x0e\x91Rv\xe2\xbfb\x8cu\xf9H\xc0\x89\xd0?\x00\xdf)F\x03@J)\x84\x90R2\xc6\x18c\x9cw\xe6H\xa5K\xde\x04\x9c\x08\xfd\x03\xd0\x11\xb1\x15\x00\xd6&amp;GD\x9a\xa6i\x9a\xd6\xfez0\x18\x14B0\xc6:8\x95\xb3\xe6n\xa9\xa9\xa9\xc7\xbe\x89\xb51s\xce1\xb3\x8bW\xe8\x1f\x80S\x12+\x01 \xa54MS\xd7uk\x93kjj*..\xde\xbae\xcb\xfb\xef\xbf_WWWVZj\x18\x06#\xea\xe0\x91\xbc\xb5\xa9\x0f\x192$5\x10\x18\x9b\x97\x97\x9b\x9b{\xfe\xf9\xe7\xf7\xeb\xd7\xcf\xfa\xaaa\x18\x9csL\xe8\xe2\t\xfa\x07\xa0\x13b"\x00L\xd3\xd44M\xd7\xf5H$\xb2v\xed\xdaU+W\x96l\xdbv\xa8\xbc\xfc4\xdf\xb6\xa6\xb8\x98\x88\xd6\x16\x16\x12Q %el^\xde\xf4\xe9\xd3\xaf\xbd\xee\xba\xcc\xccL"2\x0cC\xd34\xcc\xe6\xe2\x00\xfa\x07\xa0sl\x0e\x00\xeb\x90\\\xd3\xb4`0\xb8l\xd9\xb2\x17V\xad\xda\xf9\xd1G\xed_M\xf2z\xfb\'%e\xfa|CRS\x03^\xaf!D\x07\xb76\xc6X\xd44w\xd7\xd55\x84\xc3\x07\x83\xc1\xfa\xd6\xd6\xfa`p}Q\xd1\xfa\xa2\xa2\x9f\xfe\xf4\xa7\xb7\xcf\x9cy\xd7]w\r\x1b6\x8c\x88\x84\x10\x98\xca9\x17\xfa\x07\xe0t\xd8\x19\x00\xd6\xc4\x8d\x88V\xacX\xf1\xe8\xe2\xc5{\xf6\xee\xb5^\xef\x9f\x92rQ\xdf\xbe\x97\x0f\x1c8*==3!!\xd1\xe5\xd29\xe7\xa78\xd5\x92R\x1aB\xb4\x99fuk\xeb\xde\xfa\xfa\x8d\x87\x0f\xff\xb3\xbc\xbc\xac\xb6\xf6\xf3\xca\xca\xc7\x1e{\xec\xb9\xe5\xcb\xef\xbb\xff\xfe\xf9\xf3\xe7\xa7\xa4\xa4\x18\x86\xa1\xeb1q$\x04\xa7\x04\xfd\x03p\x9alk\\k\xeb\xad\xa8\xa8\x98={vaa\xa1\xf5\xe2\x88^\xbd\xe6\x9cs\xceU\x83\x06e\xf8\xfdR\xca\xb0iFL\xb3)\x12\x91\x9dZ\xc9\xc7\x18\xe3\x8ce\xf8\xfd\x03\x92\x92\xa6\x9eyfc$\xf2^E\xc53;v\xbcS^^W_\xbfh\xd1\xa25k\xd6,_\xbe&lt;??\xdf\xbaB\x88\xc3y\x07A\xff\x00\x9c&gt;{\x02\xc0\x9a4\x15\x16\x16\xce\x9e=\xbb\xa2\xa2\x82\x88\x86\x04\x02?\x1c=\xfa\xfa\xec\xecT\x8f\xa7)\x12\xa9\x0f\x85\x881\xfe\xe5FHD\xd4\xd9\xad+*D\xd84\xa5\x94:\xe7\x97\x9fq\xc6%\x03\x06\xbcS^\xfe\xbb\x0f&gt;\xf8\xd7\xe1\xc3{\xf7\xee\xbd\xec\xd2K\x7f\xb5xqAA\x81\xb5z\x04\xdb\xb0#\xa0\x7f\x00\xba\x84\r\xa7/\xad\xadw\xd9\xb2eS\xa7N\xad\xa8\xa8 \xc6\xfem\xd4\xa8\xbfO\x9b\xf6o\xa3F1\xa2\xdaP\xc8\x94R\xe3\\\xeb\xa2)\x15#\xd2\x18\xd39\'\xa2`$\xd2\x12\x8d^6p\xe0\xab\xd7^\xfb\xf3\x0b/L\xf2x\xc2\x91\xc8\xfc\xf9\xf3\xe7\xce\x9d\xcb9\xb7\xd6\xf9\x9d\xfeO\x84n\x85\xfe\x01\xe8*=\x1d\x00\xd6Z\xbde\xcb\x96\xcd\x9d;\x97\x88R\xbd\xdeg.\xbf\xfc\xb7\x97^\xea\xd5\xb4\x9aP\x88\x88t\xce\xbbo\x12\xa51\xc6\x19\x0b\x86\xc3-\xd1\xe8\xfd\xb9\xb9\xaf]w\xdd\xd9\xbdz\x11c\xd6x4M\x93Rb\x1b\x8ee\xe8\x1f\x80.\xd4\xa3\x01`\x9d\xb7\xfdb\xebe,\xd3\xef\x7f\xf1{\xdf\xbb}\xe4\xc8\xa3\xad\xad\xa6\x94zO\xad\xa6\xb06\xe3\xaa\xd6\xd6\xd1\x99\x99\xaf\\{\xed\x98\xccL\xe2\xdc\x1a\x955\x8f\xeb\x99a\xc0\xa9B\xff\x00t\xad\x9e\x0b\x00k\xeb-**\xb2\xe6n\xe9^\xef_o\xbcq\\\x9f&gt;\x95--\xae\xee\x9c\xb5\x1d\x8f\x8b\xf3\x86\xb6\xb6$\xb7\xfb\xcd\x1bo\xcc\xef\xd3\x87\x88\x96-[\xb6h\xd1"M\xd3\x0c\xc3\xe8\xf1\xe1\xc0I\xa0\x7f\x00\xba\\\x0f\x05\x80\x10B\xd3\xb4\xaa\xaa\xaa\x993g2\xc6R\xbd\xdeUW^9(%\xa5!\x1cv\xd9\xb7\x8cZ\xe7\xdc\xba\xbe\xf7\xec\x94)\xe7dd\x10c\x8b\x16-Z\xbf~\xbd\xae\xeb\xa6i\xda5*\xf86\xf4\x0f@w\xe8\xa1\x8d\xc7\xbaS\x7f\xd6\xacYUUUD\xf4\xcb\x8b.\x9a8`@}8\xdcc\x87\xed\xc7\xa31\x162\xcd^&gt;\xdf\xef\'ON\xf5x\xa4\x94\xb3f\xcd\xaa\xac\xac\xc4r\x8eX\x83\xfe\x01\xe8r=\xb1\xfdX\x07\xef\xabW\xaf^\xbf~=\x11\xcd\x1c1\xe2\xf6\x91#\xad#\xf7\x1e\xf8\xe9\'\xa53\xd6\x10\x0e\x8f\xec\xd5\xeb\xe7\xf9\xf9DTUU\xf5\xd0C\x0f\x1d\xfb\x140\xb0\x9d\xcb\xe5B\xff\x00t\xb9n\xdf\x84\xac\xa7\xe9\xd6\xd5\xd5\xfd\xecg?\xe3\x8c\x9d\x95\x92\xf2\xd3\t\x13\x1a\xda\xdal\x9f\xbb\x1d\xcb\xc5ymk\xebm#F\\5x01\xf6\xd2K/\x15\x17\x17\xb7?Z\x12ld-\xaa\xa9\xad\xadE\xff\x00t\xb9n\xdf\x8aL\xd3\xe4\x9c\xafX\xb1\xe2\xc0\x81\x03B\xcay\xe7\x9d\x97\xe9\xf7GL3\xd6\x8e\x90\x19c\x11!\x1e\x1c;\xd6\xabi\xe1px\xc1\x82\x05\x1d\x7fz0t\x1f\xeb\x82\xea\xf2g\x9fE\xff\x00t\xb9\xee\r\x00)\xa5\xa6i\xa1Ph\xc5s\xcf1\xc6\x86\x04\x02\xd3\x86\x0e\xad\x8f\xb1\xe9\x9b\x853\xd6\x1c\x89\xe4df^=x0\x11m\xdc\xb8q\xff\xfe\xfd\x89\x89\x89\x98\xc4\xd9\xcb\xedr\t!V\xacX\x81\xfe\x01\xe8r\xdd\xbb!Y\xcfH)**\xda]Z*\xa5\xfcANN\x8a\xc7c\xc4\xea&amp;\xc1\x19\x0b\x9b\xe6\xbd99~\xb7\xbb\xb5\xb5u\xf9\xb3\xcfz\xbd^\x81\xe5\x1c\xb6JNN\xde\xb4i\xd3\x9e\xbd{\x9d\xda?\xb1:Z\x00\xea\x99\x8b\xc0\xcf\xafX\xc1\x18\xeb\x9d\x94t\xd5\xe0\xc1M\x91\x88\x16{\xd37\x0bg\xac%\x12\xc9\xc9\xcc\x9c\xd0\xb7/c\xec\x95\x97_\xae\xaa\xaar{&lt;v\x8fKm\x8c\xad@\xff\x00t\x8fn\xdc\x96\xac\xf3?\xc1`\xd0\xba 6\xb1_\xbfL\xbf?\x1a{go\x8f%\x898cW\x9ey\xa6\x94\xf2\xb3\xf2\xf2\xed\xdb\xb7\xfb\xfd~\xbb\x07\xa5\xb4#G\x8el\xdb\xba\xd5\xc1\xfd\xe3\xf3\xd9=(\x80\xe3\xea\xc6\x00\xb0\x0e~KJJ\x0e\x1f9BD\x93\x07\x0e$\xea\xfcC\x19{\x86\xc6y\xc80.\xec\xd7/\xd1\xe3\x89\x1a\xc6\xda\xb7\xder\xbb\xddv\x0fJ].]\xdb\xbcy\xf3\xbe\xfd\xfb\t\xfd\x03\xd0\r\xba\xf7\x08\x80\x88\x8a\x8b\x8b\x89(\xc1\xe39;=\xbd\xcd0N\xf5s9z\x18#\n\x9bf\xbf\xa4\xa4\xb3RR\x88\xa8d\xdb\xb6h4JD\x1d\xfe4Y\xe8J.\xb7\xbb\xa4\xa4\xc40M\x9f\xcb\xe5\xd4\xfe1\x0c"\xc2j \x88M\xdd\x18\x00\xd6\xcd\x90\xdbKJ\x88\xe8\x8c\xe4\xe4&gt;\x89\x891~\xfcn\x11B\xf8]\xae\xb3\xd3\xd2\x88\xa8\xb4\xb4\xd4\xba\xf5\x14\x1b\xb0-"\x91H\xc9\xb6mD4 1\xd1\xd1\xfd\x83\t\x04\xc4\xa6\xee\r\x00)euu5\x11\xa5{\xbd\x89n\xb7\xe9\x84\xfd\xa8$\xd2\x18\xeb\x93\x90@DMMM\xa1\xb66\xbbG\xa4.!D}C\x03\x11\xa5\xfb|\x0e\xed\x9f6\xf4\x0f\xc4\xb0\xee\n\x00)%\xe7&lt;\x18\x0c\xee\xdb\xbb\x97\x88\x86\xa5\xa6\xea\x0e\xb9/\x861f\x081,-\x8d\x88\x18\xe7Zl\x9fs\x88{\xd6\x92\xff\xe1ii\x0e\xed\x1f&lt;\x14\x08bY\xb7\xdf\x08f\x9dC\x0fx\xbd\x9c1\x07l\xbeDD$\x89\xd2\xbc^\xea\xd4\x07\xc9BwHC\xff\x00t\x83n_Rm\xcd\x80\x0c\xa7m\t\x8e\x1bp|s\xdc\x9f\xc3q\x03\x065\xf5\xd0=5\x8e;\x0cv\xdc\x80\xe3\x9b\xe3\xfe\x1c\x8e\x1b0\xa8)Fo\xaa\x04\x00\x80\xee\x86\x00\x00\x00P\x14\x02\x00\x00@Q\x08\x00\x00\x00E!\x00\x00\x00\x14\x85\x00\x00\x00P\x14\x02\x00\x00@Q\x08\x00\x00\x00E!\x00\x00\x00\x14\x85\x00\x00\x00P\x14\x02\x00\x00@Q\x08\x00\x00\x00E!\x00\x00\x00\x14\xa5\xdb=\x00\x00\x00g\x90\xc7h\x7f\x91\x1d\xc3\xc6\xb1u\x0e\x02\x00\x00\xe0D\x84\x10B\x08M\xd3\xdcn\xb7\xdb\xed\xd64\x8ds\xce\xbe\xfc\x88:!D$\x12\t\x87\xc3\x86a0\xc68w\xd2i\x15\x04\x00\x00\xc0w\x90R\x9a\xa6\xa9\xebzRR\x92\xdb\xednnn\xae\xa8\xa8\xf8\xec\xb3\xcf*++kjj\xacO{NHH\xc8\xca\xca:\xf3\xcc3\xcf:\xeb\xac\xf4\xf4\xf4h4\xda\xd4\xd4\xc4\x9d\xf3Q\xa0\x08\x00\x00\x80o\x92Rz&lt;\x1e\xbf\xdf\x1f\x0c\x067n\xdcXXX\xb8a\xc3\x86\xfd\xfb\xf7744|\xfb\x9b].\xd7\xc0\x81\x03/\xb9\xe4\x92\xdbn\xbb-???\x1c\x0e\xb7\xb5\xb5i\x9a\xd6\xe3\xa3&gt;e\x08\x00\x00\x80\xaf\x91Rj\x9aV^^\xfe\xe7?\xff\xf9\x8f\x7f\xfc\xe3\xce\x9d;O\xfc\xfd\xd1h\xf4\xc0\x81\x03\x07\x0e\x1cX\xb6l\xd9\x8c\x193\xfe\xfb\xbf\xff\xbb\x7f\xff\xfe\x8d\x8d\x8d\xb1\x9f\x01\x08\x00\x00\x80\xaf1M3\x10\x08\xfc\xf2\x97\xbf\\\xbcxq\xfb\x8b\x8c\xb1A\x83\x06\r\x1b6l\xf0\xe0\xc1\x19\x19\x19&gt;\x9fOJ\xd9\xd0\xd0p\xf0\xe0\xc1\x0f?\xfc\xb0\xac\xac\x8c\x884M[\xb3f\xcd{\xef\xbd\xb7f\xcd\x9a1c\xc6\xc4~\x06 \x00\x00\x00\xbe\x86s\x1e\n\x85f\xcc\x98\xb1d\xc9\x12!\xc4\xc8\x91#\xaf\xbf\xfe\xfa)S\xa6\x8c\x181"55\xd5\xe5r\x11\x91u\x05\x981f\x9afcccII\xc9\x93O&gt;\xf9\xd7\xbf\xfe\xd5\xe5r}\xf6\xd9g\xd7]w\xdd;\xef\xbcs\xe6\x99g\x86B\xa1X\xbe,\x8c\x00\x00\x00\xf8\x1a\xcey[[\xdb\xd0\xa1C\x7f\xf2\x93\x9fdgg\xdfp\xc3\r)))\xe1p8\x14\n\x05\x83\xc1c\xd7\x80\x12\x11cL\xd3\xb4I\x93&amp;]v\xd9e\xcf&lt;\xf3\xcc\x8f~\xf4#\xb7\xdb]]]\xfd\xc3\x1f\xfe\xf0\xad\xb7\xde\xb2\xebW\xe8 \x04\x00\x00\xc071\xc6\xda\xda\xda\x16.\\\xc8\x18knn\xae\xae\xae\xb6\xd6\xf6\x1c\xef\x94Ncc\xa3\x94\xf2\xde{\xef\x95R\xce\x9b7O\xd7\xf5w\xdey\xe7o\x7f\xfb\xdbu\xd7]\xd7\xd0\xd0\x10\xb3\'\x82b\xf7\xd8\x04\x00\xc0F\x8c\xb1`0\xd8\xd0\xd0 \x84\xd0u\xfd\xc4\x8b;5M\xd34\xad\xba\xba\xfa\x07?\xf8\xc1e\x97]f\xdd\x13\xb0z\xf5\xea\x18_\x0f\x8a\x00\x00\x00\xf8n\xd6n\xbd\x83;q\xeb\xdb\xa4\x94w\xdey\xa7\xf5\x8f\xe2\xe2\xe2\xea\xeaj\x97\xcb\xf5\x8d\xb3F\xb1\x03\x01\x00\x00\xd054M\x0b\x85B\xb9\xb9\xb9\t\t\tDTYYy\xf8\xf0a\xb7\xdb\x8d\x00\x00\x00\x88\x7f\x86a\x04\x02\x81\xac\xac,\xeb\xdf\xb5\xb5\xb5\x9a\xa6!\x00\x00\x00\xe2\x9c\xf5\x80 \x97\xcb\xe5\xf7\xfb\xadW\xc2\xe1p,/\x03\x8d\xdd\x91\x01\x008\x8b\x94\x921&amp;\x84\x88F\xa3\xd6+\xba\xae\xc7\xec\xf4\x9f\x10\x00\x00\x00]\x88s\xde\xda\xdaZ__o\xfd;55\xd54\xcd\x98]\x0b\x84\x00\x00\x00\xe8\x1aRJ\xb7\xdb\xfd\xd9g\x9f\xd5\xd6\xd6\x12Q \x10\xe8\xdb\xb7o4\x1aE\x00\x00\x00\xc49!\x84\xd7\xeb\xfd\xc7?\xfea\xcd\xfaG\x8d\x1a\xd5\xa7O\x9fH$\x82\x00\x00\x00\x88g\xd6\xe5\xdf\x9a\x9a\x9a\x15+VX\xff\xf7\x86\x1bnp\xbb\xddB\x08\xbb\x87v\\x\x14\x04\x00@\x170\x0c#33\xf3\x81\x07\x1e8x\xf0 cl\xc0\x80\x01\xb7\xdcrK\x8c?\x10\x14G\x00\x00\x00\xa7+\x1a\x8dfff\xae\\\xb9\xf27\xbf\xf9\x8du\xeb\xef\xcf~\xf6\xb3\x8c\x8c\x8cX&gt;\xffC\x08\x00\x00\x80\xd3!\xa5\xb4\xe6\xfe\x7f\xf8\xc3\x1f\xe6\xcc\x99\xe3r\xb9\xa2\xd1\xe8\xf7\xbf\xff\xfd\x993g\xd6\xd7\xd7\xebzL\x9feA\x00\x00\x00t\x92\x10\x821\x96\x91\x91\xf1\xeb_\xff\xfa\x8e;\xee \xa2H$r\xf5\xd5W\xff\xeew\xbf\xb3&gt;\x1c\xd8\xee\x01\x9eDL\xa7\x13\x00@\xcc2\x0c#!!A\x08\xf1\x83\x1f\xfc\xe0\x99g\x9e\xb1\xe6\xfe7\xdf|\xf3s\xcf=g\x9a\xa6i\x9a\xb1\x1f\x00\xb1&gt;&gt;\x00\x80\x18d=\xf3\xa7\xbc\xbc\xfc\xca+\xaf|\xe6\x99g4M\x8bF\xa3\x05\x05\x05/\xbc\xf0\x82a\x18\x86a\xc4\xfe\xde\x9fp\x04\x00\x00p\xaa\x0c\xc3HKK\xdb\xb4i\xd3\xed\xb7\xdf^QQAD.\x97\xeb\xa9\xa7\x9e\xba\xfb\xee\xbb\xeb\xeb\xeb\xa5\x94\x8e\xd8\xfb\x13\x02\x00\x00\xe0\x94X\x1f\x19\xff\xf6\xdboO\x9b6\xad\xb9\xb9\x99\x88\x86\x0c\x19\xf2\xfc\xf3\xcf\xe7\xe7\xe7WWWk\x9a\xe6\x94\xbd?!\x00\x00\x00:N\x08\x91\x90\x90\xb0k\xd7\xae[n\xb9\xa5\xa5\xa5\x85\x88\xf2\xf3\xf3\xd7\xacY\x93\x99\x99y\xf4\xe8Q\xeb\xf3\xe2\x1d\x04\x01\x00\x00\xd0Q\x9cs\xd34\xef\xbe\xfb\xee\x86\x86\x06"\xba\xe0\x82\x0b\xdex\xe3\r\x8f\xc7\x13\x0c\x06\x1d\xb7\xf7\'\\\x04\x06\x00\xe8 \xd34\x93\x93\x93_}\xf5\xd5\xe2\xe2b\xcey\xef\xde\xbd\xff\xf0\x87?\xf8|\xbe\xd6\xd6\xd6\x18_\xef\x7f&lt;\x08\x00\x00\x80\x0e\xb1\x9e\xf5o}\xd4\xbb\x10\xe2\xbf\xfe\xeb\xbf\x06\x0f\x1e\xdc\xd4\xd4\xe4\xd0\xbd?!\x00\x00\x00:\xc2z\xd6\xdb\xe7\x9f\x7f\xfe\xe1\x87\x1fJ){\xf7\xee}\xe3\x8d7\x06\x83A\xe7\xee\xfd\t\x01\x00\x00\xd0\x11\xdfx\xd6\xff\x05\x17\\\x90\x95\x95\x15\xcb\xcf\xfa\xef\x08\x04\x00\x00\xc0\xc9I)u]?z\xf4\xa8i\x9aD4b\xc4\x88\x18\xff\xb8\xc7\x8e@\x00\x00\x00t\x08\xe7\xdcZ\xfcCD}\xfa\xf4\xb1&gt;\x01\xd8\xd6\x11\x9d.\x07\x9f\xbd\x02\x00\xe8a\xe1p\xd8\xba\xcf+999\x96?\xe9\xa5\x83\x10\x00\x00\x00\x1d\xc2\x18\x8bD"\xd6~?\x0e\xa6\xff\x84\x00\x00\x00\xe8\x08\xceyss\xf3\x94)S^\x7f\xfdu"\x1a1bDKK\x8b\x83\x9e\xfa\xf0\x9d\x10\x00\x00\x00\'\xc7\x18\x8bF\xa3\xfd\xfb\xf7\x1f2d\x08\x11\x85B!\xa7/\x01"\x04\x00\x00@\x07Y\xa7\x80\xda\xda\xda\x88\x88s\xee\xf4\xbd?!\x00\x00\x00:\x8e1\x16\xcb\x1f\xf2~\xaa\x9c}\x02\x0b\x00\xa0\x87I)\xe3`\xfd\x8f\x05\x01\x00\x00\xd0QB\x08\xb7\xdb\xed\xf5z\xa5\x94N\xbf\x0b\x8c\x10\x00\x00\x00\x1d\xc4\x18KLL\xac\xa8\xa8\xf8\xe4\x93O\\.\x97\xdb\xedvz\x06 \x00\x00\x00N\xcez\x16\xd0\x8f\x7f\xfc\xe3\xbc\xbc\xbcq\xe3\xc6]s\xcd5\xd5\xd5\xd5.\x97\xcb\xd1\x19\x80\x00\x00\x008\t!Dbb\xe2\xe6\xcd\x9b\x9fx\xe2\x89\xc6\xc6\xc6p8\xbca\xc3\x86\xff\xfd\xdf\xffMLL\xb4\x1e\r\xe4PX\x05\x04\x00p\x12\xd6\x93\xe0\xf6\xec\xd9\xa3i\x9a\xb5\xfa\x931VVVf\x9a\xa6\xa3\x17\x83\xe2\x08\x00\x00\xa0C\xac\xf9&gt;\xe7\\\xd34!\x84\xdf\xefw\xfa\x9d\xc0\xce\x1e=\x00@\x0f\xe0\x9c\xb7\xb4\xb4L\x9c81+++\x12\x89\x84\xc3a)\xe5\xb4i\xd3\x1c}\xfe\x87p\n\x08\x00\xe0\xa4\xac{\x80{\xf7\xee\xfd\xc6\x1bo\xac\\\xb9\xb2\xb5\xb5\xf5\x8a+\xae\xb8\xe6\x9ak\x9a\x9a\x9a\x1c}_\x18\x02\x00\x00\xe0\xe48\xe7\xad\xad\xad\xa3F\x8dz\xea\xa9\xa7\xac{\xc1\x1a\x1b\x1b\x1d}\x01\x80\x10\x00\x00\x00\x1d\xc49\x0f\x85B---\xd6~\xdf\xd1s\x7f\x0b\x02\x00\x00\xa0\xa38\xe7N\xbf\xf0{\xac\xf8\xf9M\x00\x00\xe0\x94 \x00\x00\x00\x14\x85\x00\x00\x00P\x14\x02\x00\x00@Q\x08\x00\x00\x00E!\x00\x00\x00\x14\x85\x00\x00\x00P\x14\x02\x00\x00@Q\x08\x00\x00\x00E!\x00\x00\x00\x14\xd5C\x01\xe0\xb8\x07&amp;9n\xc0\xf1\xcdq\x7f\x0e\xc7\r\x18\xd4\xd4\xbd\x01`=3\x8f\x88\xa2B8\xebs3\xa3B\xd8=\x04\xf8\n\xfa\x07\xa0;tW\x000\xc6\xa4\x94\xc9\xc9\xc9\xd9\xd9\xd9D\xb4\xab\xb6\xd6\x10\x82;\xe1\xd1\xa9RJ\x17\xe7\x1f\xd5\xd4\x10\x11#r\xd6~\'\xfeX\x13\x88\x8fjj\x1c\xda?\x00\xb1\xac\x1b\x8f\x00\xacO\xd1\xec\x95\x91AD\r\xe1p\x9ba8\xe5\xd9\xd9R\xca\x9aP\x88\x88\\.W&lt;=\xf9\xcf\x89\\n\x17\x11\xd5\xb7\xb5\xa1\x7f\x00\xba\\7v\xa75w;7\'\x87\x88\x0e\x06\x83U--n\xcec\x7fB\xcd\x19k3\xcd]\xb5\xb5D4l\xd8\xb0\xde\xbd{\x13\x91C\xf6&lt;\xf1\xc6\xeb\xf5\xe6\x8e\x19KD\x07\x1b\x1b\x1d\xdd?8\x18\x80\xd8\xd4\x8d\x01`\xcd\xd7\xc6\x8e\x1dKD\x8dmm\x07\x1a\x1a&lt;\xba.dLo\xc2\x92\xc8\xadiG[Z&gt;\t\x06\x89(g\xf4h\x9f\xcfGD\xd8\x80ma\x1aFnn.c\xac9\x12qj\xffx\xbd\x84\t\x04\xc4\xaan\x0c\x00\xeb\xe0w\xfc\xf8\xf1i\x81\x80\x90\xf2\x9d\xf2r\x9ds\x19\xdb\x1b\xb0\x90\xd2\xa7\xeb\xdb\xab\xaaj[Z8\xe7\x93\xaf\xb8\xc24\x9c\xfd\xa1\xcf\x8e\x16\x89F\'L\x980\xa0_?\xe9\xdc\xfeq\xf8\x87\x86C|\xeb\xde#\x00!D\x9f&gt;}rrr\x18cE\xe5\xe5\xc1pX\x8f\xedS\xa2RJ\x8d\xf3\xb7&gt;\xfdT\x12e\xa4\xa7_x\xe1\x85-\xad-v\x0fJ]RRvv\xf6y\xb9\xb9N\xee\x9fV\xbb\x07\x05p\\\xdd\xbb9Y\x97\x01n\x991CJ\xf9q}\xfd\xbb\x87\x0f\'\xba\xddf\xacN\xe2$\x91W\xd7\x0f\x05\x83\xff,/\'\xa2)S\xa7\xf6\xef\xdf?\xdc\xd6f\xf7\xb8\x94\xe6\xd2u\xf4\x0f@7\xe9\xde\x00\xb0&gt;4\xf9\xa6\x9bn\xca\xca\xca\x92R&gt;\xfd\xe1\x87B\xca\x98=\x1dj\n\x91\xe4v\xaf\xd8\xb5\xab\xba\xa5E\xd3\xb49s\xe7\x12\xe1\xf4\xad\xcd\x9a\x9b\x9b\xaf\xbf\xfe\xfa\x8c\x8c\x0c\xa7\xf6\x0f@\x0c\xeb\xde\x00`\x8c\x19\x86\x91\x9e\x9e&gt;s\xe6L)\xe5{\x15\x15o\x1f:\x94\xec\xf1\xc4\xe0$\xee\x8b\xe9[c\xe3\x0bee\x8c\xb1\x9c\x9c\x9c\x0b/\xbc\xb0\xb1\xb1\xd1\xca0\xb0Kk(\xe4\xf3\xf9n\xbb\xed6\xf4\x0f@\x97\xeb\xf63\xaa\x9cs)\xe5\xdc\xb9sSSS\x89\xe8\x89\xf7\xdf\x8f\xcdI\x9c!D\xb2\xdb\xbdt\xc7\x8e\xda\xd6V"z\xf0\xc1\x07\xdboc\x06\x1bi\x9a&amp;\xa5\xbc\xe7\x9e{\xd0?\x00]\xae\'\x02@\x081t\xe8\xd0\x82\x82\x02)\xe5\x96\x8a\x8ag&gt;\xfc\xb0\x97\xdf\x1fS\xf7\xca\x1bB\xa4z&lt;\xff:rd\xd9G\x1f\x11\xd1\xc4\x89\x13g\xcc\x98\xc1\x18\xc3\xf4\xcdv\x9cs\xc6\xd8\xf0\xe1\xc3\xd1?\x00]\xae\'\xd6Tp\xceM\xd3,((\x184h\x10#zt\xdb\xb6\xad\x15\x15\x01\xaf\xd7\x88\x8dmXH\xe9\xd1\xf5\xe6H\xe4\x81w\xde\x89\x98\xa6\xa6i\x8f?\xfex\x8c/7T\x8da\x18\xe8\x1f\x80.\xd7\x13\x01\xc0\x18c\x8c\xa5\xa4\xa4\xac^\xbdZ\xd3\xf5\xe6h\xf4\xbe\xb7\xdf\xae\t\x85\xbc\xban\xfb\xc9\\i\x9d\xbd\xd5\xb4\xff\xd8\xb0\xa1\xac\xb6VJ\xf9\xd8c\x8f\x8d\x193\x06\xcb\xb7c\x8a\x94\x12\xfd\x03\xd0\xe5zhU5\xe7\xdc0\x8cq\xe3\xc6-Y\xb2\x84\xa4\xdcSW7\xe3\xcd79c^M3\xec\xdb\x86\x85\x94R\xca&gt;\t\t?\xde\xb0\xe1\xd5}\xfb\x88\xe8\xa6\x9bn*((0\x0c\x03\x07\xef1\x05\xfd\x03\xd0\x1dz\xee\xb6\x1a]\xd7\xad\x03\xf99s\xe6\x10\xd1\x87\xd5\xd5\xb7\xbc\xf9f0\x12Iq\xbbm9\x9fk\x08\xe1\xd2\xb4$\xb7\xfb\xbe\xb7\xdf~\xbe\xac\x8c\x88\xf2\xf2\xf2\x96.]*\x84\xc0\xd6\x1b\x83\xd0?\x00]\xaeG\xef\xab\xd44M\x08\xb1t\xe9\xd29s\xe6\x90\x94\x9b\x0e\x1f\x9e\xf1\xe6\x9b\xfb\xeb\xeb3|&gt;S\xca\x1e{\xcc\x8b\x942*D\x8a\xc7\x135\xcd{\x8b\x8a\x96\x7f\xf4\x910\xcd\xbc\xbc\xbc\xc2\xc2\xc2@ @_&gt;\xc5\x08b\r\xfa\x07\xa0k\xf5h\x00X\x17\x03L\xd3\xfcb\x1b&amp;\xdaY]}\xd5k\xaf\xad\xde\xb3\'\xd5\xe3\xf1\xbb\\\x86\x10\xdd\xba\x19\xcb/\'n\x99~\x7fIe\xe5\xb5\xaf\xbd\xf6\xf2\xde\xbdDt\xfe\x97[\xaf\x10\x02\xcf\xef\x8dY\xe8\x1f\x80\xae\xd5\xd3\xcd\xca\x18\xb3\x16\x86.]\xbat\xe1\xc2\x85DT\x1f\n\xdd[Ttga\xe1\x9e\xba\xba4\x9f\xcf\xefr\x99R\x9aRv\xe1:\nIdJi\x08\xe1\xe2\xbc\x97\xdf_\xd7\xd6\xb6\xe0\xddw\xaf{\xfd\xf5]55D4}\xfa\xf4\xb5\xd8z\x1d\x02\xfd\x03\xd0\x85\xf4\x9e\xff\x91\xd6\x01\xb2\x10b\xc1\x82\x05\x17\\p\xc1\xec\xd9\xb3+**\xfe\xb2\x7f\xff\xdaO?\xbd~\xc8\x90\xb9\xe7\x9e\x9b\x93\x91\xc1\x18\x0bE\xa3\x11!\xac\xebl\x9d;\xa6\x96R2"\xc6\x98[\xd3\xbc\xba\xae3v\xa8\xa9\xe9\xb7\xdb\xb7\xaf*+;\xda\xdcLDn\x97k\xf1\xa3\x8f\x16\x14\x14X\xe3\xc1\xd6\xeb\x08\xe8\x1f\x80\xaebC\x00\xd0\x97\xc7\xf2\x86aL\x992e\xdb\xb6m\x0f?\xfc\xf0\xea\x17_l\x8bD\xd6\x94\x95\xbd\xfe\xf1\xc7\x93\xfa\xf7\x9f2p`~\xbf~\xfd\x12\x13}.\x97\xc6\x98!\x84\x94\xf2\x14\x1e\xcb#%1\xe6\xe2\\H\x196\xcd\xa3\xad\xad\xdb\xab\xaa\xd6}\xfa\xe9?\x0f\x1f\xaelj\xb2\xbee\xf2\xe4\xc9\x8f&lt;\xf2\xc8\xb8q\xe3\x84\x10\xd6\xbc\xb2\xbb~[\xe8j\xe8\x1f\x80.aO\x00|\xf1\xb3u\xdd4\xcd\xbe}\xfb&gt;\xf7\xdcsw\xdf}\xf7/\x7f\xf1\x8b\xf5\xeb\xd6\xb5\xb6\xb5\xad\xfd\xe4\x93\xb5\x9f|\x92\xec\xf3e\xa7\xa6\x0eMM\xed\x9f\x9448%%\xcd\xeb5:\xf6\x0c\x00I\xc4\x89"B\xec\xae\xad\xad\r\x85J\xeb\xea\xf674T77\xb7\x7fC\xfe\x84\t?\x9c7\xef\xd6[o%"\xd34\xb1f\xc3\xa1\xd0?\x00\xa7\xc9\xce\x00\xa0/\x9f\xf4"\x84\x187n\xdc_^\x7f}\xd7\xae]+W\xae|\xf5\xe5\x97\x0f\x1e:\xd4\x18\nm\x0f\x85\xb6\x7f\xfeyW\xfd\xac\xcc\x8c\x8c+\xaf\xbc\xf2\xf6\x993\'O\x9eL_&gt;\xaa\x1a[\xaf\xa3\xa1\x7f\x00N\x87\xcd\x01@D\xd6#S\xac\xb3\xb5\xa3F\x8dZ\xb2d\xc9\xa2E\x8bv\xec\xd8\xb1n\xdd\xba-\x9b7\xef\xdd\xb3\xa7\xb1\xb1\xb1\xb6\xbe\xbe\x13\xef\x9c\x94\x90\x90\x90\x900b\xe4\xc8\xd1\xa3G_|\xc9%\xf9\xf9\xf9\xe9\xe9\xe9Dd\xed2\xb0\xe9\xc6\x07\xf4\x0f@\xa7\xd9\x1f\x00\x16\xeb\x14\xaa\x10B\x08\xe1\xf7\xfb\xc7\x8f\x1f?~\xfcx"\n\x85B---\xa5\xa5\xa5\x9d\xb8\xb7~\xc8\x90!\xc9\xc9\xc9)))\xed\xafXo\xa2i\x1a\xb6\xde8\x83\xfe\x01\xe8\x84X\t\x00\x0b\xe7\xdcz|\xb45\xa1\xe3\x9c\xfb|&gt;\x9f\xcf7q\xe2\xc4N\xbf\xa7\xb5S\xb0.\xd3a\xbb\x8do\xe8\x1f\x80S\x12[\x01`9\xf69\xba\xd6j\xee\xce=W\xddZ+b\xed\x14\xbar|\x10\xdb\xd0?\x00\x1d\x14\x8b\x01p,k\x057f^\xd09\xe8\x1f\x80\x13\xc0\xd4\x06\x00@Q\x08\x00\x00\x00E!\x00\x00\x00\x14\x85\x00\x00\x00P\x14\x02\x00\x00@Q\x08\x00\x00\x00E!\x00\x00\x00\x14\x85\x00\x00\x00P\x14\x02\x00\x00@Q\x08\x00\x00\x00E!\x00\x00\x00\x14\x85\x00\x00\x00P\x14\x02\x00\x00@Q\x08\x00\x00\x00E!\x00\x00\x00\x14\x85\x00\x00\x00P\x14\x02\x00\x00@Q\x08\x00\x00\x00E!\x00\x00\x00\x14\x85\x00\x00\x00P\x14\</t>
        </is>
      </c>
    </row>
    <row r="371">
      <c r="A371" s="1" t="n">
        <v>369</v>
      </c>
      <c r="B371" t="inlineStr">
        <is>
          <t>polygon_sides_color</t>
        </is>
      </c>
      <c r="C371" t="inlineStr">
        <is>
          <t>What is the missing color of the part denoted with a question mark?</t>
        </is>
      </c>
      <c r="D371" t="inlineStr">
        <is>
          <t>['blue', 'red', 'green', 'purple']</t>
        </is>
      </c>
      <c r="E371" t="inlineStr">
        <is>
          <t>red</t>
        </is>
      </c>
      <c r="F371" t="inlineStr">
        <is>
          <t>There are 6 colored polygons arranged in a triangle with color ['red'] in the top row, ['?', 'yellow'] in the middle row, and ['orange', 'yellow', 'orange'] in the bottom row.</t>
        </is>
      </c>
      <c r="G371" t="inlineStr">
        <is>
          <t>We observe that the polygon with 9 sides is yellow in color and the polygon with 3 sides is orange in color. Thus, the pattern is that the polygons with the same number of sides have the same color.</t>
        </is>
      </c>
      <c r="H371" t="inlineStr">
        <is>
          <t>Based on the pattern that the polygons with the same number of sides have the same color, the missing color of the part with 6 sides should be red.</t>
        </is>
      </c>
      <c r="I371" t="inlineStr">
        <is>
          <t>b'\x89PNG\r\n\x1a\n\x00\x00\x00\rIHDR\x00\x00\x02\x00\x00\x00\x02\x00\x08\x02\x00\x00\x00{\x1aC\xad\x00\x00b\xd4IDATx\x9c\xed\xddg\\\x14W\xd7\x00\xf0{gf\x17\x16\x96&amp;E\x14K\x12E@\xc5\xdeP\x83\xbd\xc7\x8a\x1ak\xd4\x98\xc4\xde\x0b\xc6\x1e{\xd7(vc\xef\xb1`\x8c\xddhl\xb1+MAlQD\x90\x0e\xbb\xb0\xec\xee\xcc\xbd\xcf\x87A\x1e\x12cb\x81\xdd\xd9\x9d\xf3\xff\xf0\xfe\xf2\xe1\xfd\xbd\xef\xc8\xce\xdcs\xcb\xb9\xe7`J)\x02\x00\x00 ?\x8c\xb9\x1f\x00\x00\x00\x80y@\x00\x00\x00\x00\x99\x82\x00\x00\x00\x002\x05\x01\x00\x00\x00d\n\x02\x00\x00\x00\xc8\x14\x04\x00\x00\x00\x90)\x08\x00\x00\x00 S\x10\x00\x00\x00@\xa6 \x00\x00\x00\x80LA\x00\x00\x00\x00\x99\x82\x00\x00\x00\x002\x05\x01\x00\x00\x00d\n\x02\x00\x00\x00\xc8\x14\x04\x00\x00\x00\x90)\x08\x00\x00\x00 S\x10\x00\x00\x00@\xa6 \x00\x00\x00\x80LA\x00\x00\x00\x00\x99\x82\x00\x00\x00\x002\x05\x01\x00\x00\x00d\n\x02\x00\x00\x00\xc8\x14\x04\x00\x00\x00\x90)\x08\x00\x00\x00 S\x10\x00\x00\x00@\xa6 \x00\x00\x00\x80Lq\xe6~\x00\x00\xfe\x1b\xa5\xd4\xdc\x8f\xf0\xde0\xc6\xe6~\x04\x00\xfe\x03\xb6\xc4O\x0b\x00\x00\xc0\xc7\x83\x15\x00\x904J)\xc68-=]\xa0\xd4Rf\xd4\x14!\x16\xe3b..\xe2\xc3\x9b\xfbq\x00x+\x08\x00@\xba\x04A`Yv\xfe\x82\x05+\x16/vT\xa9\x8c&lt;o\xee\'z\'\n\x8e\xcb\xd2\xe9FO\x98\xf0\xfd\xa4I\xe2?\xc1\xdcO\x04\xc0?\x83-  Q\x84\x10\x84\xd0\xab\xa4$__\xdfM\xf5\xebW*^&lt;\xc7h\x94~\xd2\x02A\xc8N\xa1\xb8\xf7\xea\xd5\xb7\x7f\xfc\x11\x1d\x13S\xdc\xc3\x03!\xc40\xd2\x7fp G\x10\x00\x80D\x89s\xe7\xce\xbdz\xa9\xfe\xf8cK\xb7n\xaf4\x1a\xceB\x86Q\x9e\x90\xe2\x0e\x0e\x03~\xfe9\xa7~\xfd\xd0\xdd\xbba\x11\x00$\x0b\x02\x00\x90"B\x08\xc6\xf8\xc6\xad[\xad\x03\x03/\xf5\xe8\xe1bkk\x10\x04K\xd9O\xa7\x94r\x0c\xa3\xe3\xf9&amp;{\xf7\x1e&lt;\x7f\xbe^\xed\xda\x84\x10X\x04\x00\t\x82\x00\x00\xa4H\x9c5W\x0b\x08h\xaf\xd7Oj\xdc8\xd1r\xa6\xff"\x9e\x10O\x07\x87\xc5\x17.\x1c\xe2\xb8\xf0\xabW\t\xa5\xb0\x08\x00\x12dI\x1f\x15\x90\tq\xf4\xdf\xb1gOfx\xf8\x90\x80\x80\x94\xecl\xcb\x1a\xfd\x11B\x1c\xc3$i\xb5#\x1a6\xd4\x85\x87\xaf\xdb\xba\x95eYA\x10\xcc\xfdP\x00\xfc\x1d\xac\x00\x80\xb4PJ)\xa5\x02\xcf\x97\xa9Pa^\xf9\xf2]*WN\xcd\xc9a-d\xf3\xa7 \x81R\x17\x95\xea\xd7\x98\x98\xe0\x98\x98\xe8\xf0p\xb5\x83\x03\xc30\x96\xb2\x8b\x05d\xc2\xc2&amp;V\xc0\xea\x89\xdb\xe5\xd3\xe7\xcd\xfb4+\xab\xb3\xbf\x7fjv\xb6%\x8e\xfe\x08!\x16\xe3\xb4\x9c\x9c \x7f\xff\xf2\x1a\xcd\xccE\x8b`\x11\x00$\x08V\x00@B\xf2S?}|}\x0f7o^\xa5D\t\xad^\xcfXf\x00@\x08\x11JU\nEljj\x87\xe3\xc7\xaf\xdf\xbe]\xa1|yJ)\x9c\x06\x03\xe9\x80w\x11H\x888&gt;\x0e\x1d;\xf6\x0bg\xe7ze\xcbf\xe5\xe6Z\xee\xe8\x8f\x10b0\xd6\x1a\x0c\xb5K\x95\xea\xe2\xee\x1e&lt;}:\xc6X\x8cp\x00H\x04\xac\x00\x80T\xbc\x99\xfai$\xc4\x82\x87\xff\x02X\x86\xa9\xb5e\xcb\x8e\x13\'Z4i\x02\xd7\x02\x80t@\x00\x00Ra\xe9\xa9\x9fo\xc3\x13\xe2no\xbf\xee\xfa\xf5\xcd99\x917o2,\x0b\xa7\xc1@"\xac\xe1\x03\x03V\xc0\nR?\xdf\x86c\x98\x94\x9c\x9c\xc1\xf5\xea\t\x0f\x1e\xac\xdf\xb6\x8deY\xd8\x08\x02\x12\x01+\x00`~V\x93\xfa\xf96\x84R\xb5\x8d\xcd\x95g\xcf\xbe\xb9v\xedAt\xb4\x8b\x8b\x0b\xc6\x18\x16\x01\xc0\xec\xacd\x92\x05,\x9a\xd5\xa4~\xbe\r\x83qVnn\xab\n\x15\xaaP:s\xe1B\x86a`\x11\x00\xa4\x00V\x00\xc0\xcc\xac,\xf5\xf3m(BJ\x96M\xd4j?\xdf\xbb\xf7Vd\xa4o\x85\n\x90\x12\n\xcc\x0e\xde?`fV\x96\xfa\xf96\x18!\x9d\xd1\xe8\xe3\xe66\xd8\xc7gLp0\xc60\xf7\x02\xe6\x07o!0\'+N\xfd|\x1b\x05\xc7U]\xbf~\xf3\xd1\xa3\xed\xdb\xb4\x81\x94P`^\x10\x00\x809Yk\xea\xe7\xdb\x88\x05\x82~\x8e\x8c\x9c\xf5\xec\xd9\xb3\x07\x0f0\xc3\xc0i00#k\xfe\xd8\x80\xc4Yq\xea\xe7\xdb\xb0\x18g\xe8t\xdd\xabT)\x96\x9c\xbc4$\x04N\x83\x81y\xc1\n\x00\x98\x87\xd5\xa7~\xbe\r\xa1T\xadT\xdeMH\xe8r\xf6\xec\xf3\xa7O\x9d]\\0B\xb0\x08\x00fa\xe5\x13. YV\x9f\xfa\xf96\x0c\xc6Yz}@\xd9\xb2\xcd\x1c\x1cFO\x9a\xc4@\x81 `&gt;\xb0\x02\x00f \x93\xd4\xcf\xb7\xa1\x08)\x18&amp;#7\xb7\xc1\x9e=W\xee\xde\xad\xe8\xeb\x0b)\xa1\xc0,\xe0\x9d\x03f \x93\xd4\xcf\xb7\xc1\x08\xe5\xf2|Y\x17\x97Q\x95*\r\x182\x04RB\x81\xb9@\x00\x00\xa6&amp;n\xfe\\\xbfy\xf3\xf7C\x87&amp;7i\x92\x91\x93\xc3\xcao\xf2\xcb1Ljv\xf6w\xf5\xea\xbd\xbavm\xc7\x9e=\xd0.\x06\x98\x05L=\x80\xa9\x89\xc9?\xd5\xeb\xd7o\x9f\x9b;\xb1q\xe3W\xd6\x9e\xfa\xf96\x02\xa5\xaevv\x87\xa2\xa2&amp;?z\xf4&lt;6\x96\xe58H\t\x05&amp;&amp;\xc7\x0f\x0f\x98\x918\xfao\xdb\xb3G\x1f\x199\xb2a\xc3d\xadV\x9e\xa3?B\x88\xc585;\xbb\xb3\xbf\xff\xa7YY\xd3\xe7\xcd\x83\x94P`z\xb0\x02\x00\xa6C)%\x84h5\x1a\x9f*U\x16\xf9\xfa\xb6\xf7\xf3K\xd7\xe9d\x92\xfc\xf3\x8f\xc4*\xa1\x11\t\t\x9d\xcf\x9e}\x10\x13S\xdc\xc3\x03!\x04\xa7\xc1\xc0d\xe0U\x03\xa6#N\xffg.ZTA\xab\xedZ\xa5J\x9a&lt;\x12\xff\xff\x85X%\xb4^\xd9\xb2_8;\x0f\x19;\x96a\x18\x98\x90\x01S\x82\x15\x000\x11B\x08\xc2\xf8\xd1\xa3Guk\xd5:\xd2\xa6\x8d\x8f\xabk\x8e\xd1(\xab\xe4\x9f\x7fD\x11\xe2\x18&amp;\xc7hl\xb2w\xef\xc1\xf3\xe7\xeb\xd5\xae-\x1e\x92\x9b\xfb\xb9\x80,\xc0{\x06L\x84R\xca`&lt;n\xea\xd4\xf6\xc5\x8a\xd5)UJc0\xc0\xe8\x8f\x10\xc2\x08\xe9y\xde\xcb\xd1\xf1[\x1f\x9f\xef\x86\x0f\xa7\x84\xc0\x9c\x0c\x98\x0c\x04\x00`\n\xe2\xe6\xcf\xd9\xf3\xe7\xaf\x85\x86Nk\xd1B\xceg\xbfo\xe2\x18&amp;I\xab\x1d\xd1\xb0\xa1.&lt;|\xdd\xd6\xad\x90\x12\nL\x06\xb6\x80\x80)\x08\x82\xc0`\\\xad~\xfd.&lt;?&gt;0\xd0\xea\xab~\xbe/\xb1J\xe8\xaf11\xc111\xd1\xe1\xe1j\x07\x07h\x1c\x0fL\x00&gt;BP\xe4\xc4\xe9\xff\xba\xad[s\xc2\xc2\x867h\x90\x04\xd3\xff7\xb0\x18\xa7\xe5\xe4\x04\xf9\xfb\x97\xd7hf.Z\x04\x8b\x00`\x1a\xb0\x02\x00E+?\xf5\xd3\xafj\xd5\x85\xbe\xbe_\xf8\xfa\xca&lt;\xf5\xf3m\x08\xa5*\x85"65\xb5\xc3\xf1\xe3\xd7o\xdf\xaeP\xbe&lt;\x14\x08\x02E\r^/P\xb4\xf2S?\xcbk4A\xfe\xfe\x90\xfa\xf96\x0c\xc6Z\x83\xa1v\xa9R]\xdc\xdd\x83\xa7O\xc7P%\x14\x14=X\x01\x80"\x04\xa9\x9f\x1f\x80e\x98Z[\xb6\xec8q\xa2E\x93&amp;\xd03\x12\x14)X\x01\x80"\x04\xa9\x9f\xef\x8b\'\xc4\xd1\xc6fl\xf5\xea#F\x8f6\x1a\x0c\x08!\x98\xa2\x81\xa2\x03\x01\x00\x14\x15H\xfd\xfc\x00\x1c\xc3\xa4\xe4\xe4\x0c\xaeWOx\xf0`\xfd\xb6m,\xcb\xc2F\x10(:\xb0\x05\x04\x8a\n\xa4~~\x18\xb1@\xd0\x95g\xcf\xbe\xb9v\xedAt\xb4\x8b\x8b\x0bT\t\x05E\x04&gt;HP$ \xf5\xf3\x83\x89\x05\x82ZU\xa8P\x85\xd2\x99\x0b\x17B\x95PPt`\x05\x00\n\x1f\xa4~~$\x8a\x90\x92e\x13\xb5\xda\xcf\xf7\xee\xbd\x15\x19\xe9[\xa1\x02\xa4\x84\x82\xa2\x00\xaf\x14(|\x90\xfa\xf9\x910B:\xa3\xd1\xc7\xcdm\xb0\x8f\xcf\x98\xe0`\xe8\x19\t\x8a\x08\xbcX\xa0\x90A\xeag!Rp\\\xd5\xf5\xeb7\x1f=\xda\xbeM\x1bH\t\x05\x85\x0eV\x00\xa0\x90A\xeaga\x11(Uq\xdc\xdc\xc0\xc0!\xc3\x87\x0b&lt;\x0f\xeb\x00P\xe8 \x00\x80\xc2\x04\xa9\x9f\x85\x88\xc58C\xa7\xeb^\xa5J\xb1\xe4\xe4\xa5!!p\x1a\x0c\n\x1d\xcc)@a\x82\xd4\xcf\xc2E(U+\x95w\x13\x12\xba\x9c=\xfb\xfc\xe9Sg\x17\x17\x8c\x10\xa4\x84\x82\xc2\x02\x1f\'(4\x90\xfaY\xe8\x18\x8c\xb3\xf4\xfa\x80\xb2e\x9b98\x8c\x9e4\x89\x81\x02A\xa0P\xc1\n\x00\x14\x0eH\xfd,"\x14!\x05\xc3d\xe4\xe66\xd8\xb3\xe7\xca\xdd\xbb\x15}}!%\x14\x14\x16x\x8d@\xe1\x80\xd4\xcf"\x82\x11\xca\xe5\xf9\xb2..\xa3*U\x1a0d\x08\x1c\x05\x83B\x04\x01\x00\x14\x02B\x08\xc7q\xb1\x8f\x1em^\xb5jN\xcb\x96\x1a\x9d\x0e2\x7f\n\x11\xc70\xa9\xd9\xd9\x83\xea\xd5K\xb8zu\xfb\x9e=\xd0.\x06\x14\x16\x98M\x80B \x9e\xfd~\xd1\xad[\xe9\xa8\xa8e_|\x91\x90\x95\x05\xbb\xff\x85K\xec\x19y"&amp;fRlldX\x98\xa3\xa3#\x82\xd3`\xf0\xd1\xe0+\x05\x85\x00cL(\x8d\x8f\x8f\xe7X\x96\xc2\x9c\xa2h\x10B8\x85"%5577\x17\x86~P( \x00\x80B@)eYv\xf9\xc2\x85k\xa3\xa3#\x92\x92\x1c\x94J\x02Q\xa0P\xb1\x18\xf3\x18\x8f&gt;}z\xec\xf8\xf1\xc5\x8b\x17\x17\x04\x01b\x00\xf8x\xb0\x05\x04\n\x87x\x08\x1c\xd4\xbbw\xc2\xa9S\'\xfa\xf6M\xd5jY\xd8\x05*$&lt;!\xee\xf6\xf6\xf3/]\xda\x9c\x96\x16\x1f\x1b\xcb\xb0,\x14\x88\x06\x85\x02&gt;QP8\xc4\x1e\xb6k\x97-\xbb\x9e\x9b{4&amp;\xa6\x98\x9d\x9d\x00s\x8b\xc2@\x11\xb2\xe5\xb8x\xadv\xc1\x9d;[\xd7\xad\xe3\x14\nJ)\x8c\xfe\xa0P@\x00\x00\x85\x83a\x18J\xa9G\xf1\xe2S&amp;N\x9ct\xee\x9cN\x10 \r\xb4P\x08\x848\xda\xdaN9s\xa6^\xe3\xc6mZ\xb5\x82\x92p\xa0\x10\xc1\x16\x10(4\x94RJ)\x11\x04\xcfr\xe5F\x95(1\xba~}\xb8\x0c\xfc\x91\x08\xa5\xf6\n\xc5\xbd\x94\x94\xa6\xfb\xf7\xc7\xc4\xc4T\x80\xc6\x00\xa0P\xc1\x9b\x04\n\x8dxG\x89S(B\x16/\x9e}\xe3F\xbcVk\xcbq0\xbf\xf8\x18\x14!\x1b\xa5r\xe4\xf1\xe3\x03\x06\r\xf2\xf1\xf1!\x84\xc0\xe8\x0f\n\x11\xac\x00@!\x13\xf7(\xea5iR\xf2\xc9\x93m]\xba\xc0"\xe0\x83\xf1\x94\xba\xaaT\xdb\xc2\xc3\'\x85\x87\'&gt;}\xea\xe0\xe8\x08g\xbf\xa0p\xc1\x97\t\n\x99\xb8\x0e\xd8\xb6n\xdd\xe1\xe7\xcfo\xbd|\t)\xa1\x1f\x8c\xc38G\x10\xa6^\xb8\xb0b\xc9\x12\'gg8\xfb\x05\x85\x0eV\x00\xa0\xf0\x89\x8b\x80\xaf\x07\x0f\xbe\xb9k\xd7\xe5o\xbeI\xcd\xce\x86\x03\xe1\xf7\xc5\x13R\xc2\xc1a\xfc\xa9S\xa7\x18\xe6\xc1\xed\xdb\x98\xe3\x18\x98\xfe\x83\xc2\x06+\x00P\xf8\xc4\xd6%\xcb\x17,x\xc4q[\xef\xde-\xa6R\xf10\xcfx\x1f\xe2\xd9oXR\xd2\x86\xfb\xf7\x7fZ\xbd\x9aS*\x11L\xffA\x11\x80\x00\x00\n\x9f\xb8\x0b\xe4\xe4\xec\xbcb\xc9\x92\xa9\x17.\xe4\x08\x02\x871D\x80wG(uT\xa9\xa6\x9c&lt;\xf9E\x8f\x1e\x8d\x03\x03\x05\x9e\x87\xd4OP\x14`\x0b\x08\x14\x89\xbc\x94P\x9e\xf7\xadY\xb3\x15\xa5\x8bZ\xb6\x84\xee`\xefH\xa0\xd4\xd9\xd6\xf6\xf4\x93\'\xfd\xce\x9f\xbf\x1f\x11\xf1\xe9g\x9f!H\xfd\x04E\x03\xde*P$\xf2RB\x95\xca\r+W\xae\xb9w\xefqF\x86\nRB\xdf\rF\x081\xcc\xd43gF\x8e\x19S\xae\\9"\x080\xfa\x83"\x02+\x00P\x84\xc4\xd3\xe0V\x1d;\n\xd7\xae\x1d\xe9\xd3\'\x11\xcaD\xff\x17\x9e\x10\x0f\xb5z\xe5\xd5\xab\xcb_\xbcxr\xef\x9e\xbdZ\xcd0\x0c\xec\xfe\x83"\x02_#(B\xe2:`\xdd\xf2\xe5\x97\xb4\xda\xa3\x0f\x1e\xb8\xa8TP \xe8_\x88e\x7f^h4\xb3\xae__\xb5l\x99\xa3\x93\x13\x82\xa2\xff\xa0(A\x00\x00E\x88a\x18A\x10&gt;\xfd\xec\xb3\x91c\xc6L=s\x061\x0c\x0cf\xffB \xc4I\xa5\x9a\x7f\xe1\x82_\xbdz=\xbbw\x87\xb2?\xa0\xa8\xc1\x16\x10(Zb\xb3\xf8l\xad\xb6\xbc\xbf\xffh/\xaf\x91\xf5\xea\xbd\x82\xbb\xc1\xff\x84Pj\xafTF\xa7\xa44\xde\xbf\xff\xd6\xcd\x9b5j\xd4\x80\xb2?\xa0\xa8\xc1\xeb\x05\x8a\x96\xb8\x83\xe1\xe8\xe44o\xd6\xac\x85\xd7\xae%\xebtJ\x96\x85I\xc7\x9b(B\xb6J\xe5\xe4\xb3g\x83z\xf6\xacY\xb3&amp;\x94\xfd\x01&amp;\x00+\x00`\nb\xd3\xe0j\xf5\xebWMM]\xd3\xbe\xfd+H\t\xfd+1\xf534&amp;\xe6\x9b+W\x12\x9f&lt;qswG\x08A\x00\x00E\r\xde0`\n\x18c\xcc0\x9bW\xaf\xde\xf1\xf8\xf1\xed\x97/\x1dll\xa0@PA,\xc6zB\xc6\x9f=\xbbd\xfe|\x8f\xe2\xc5a\xf3\x07\x98\x06\xac\x00\x80\x89\x88G\x9a]{\xf7N8u\xea8\xf4\x8c, \xbf\xe3\xe3\xd6\xf4\xf4\xf8\xd8X\xc40P\xf5\x13\x98\x06|\x81\xc0D\xc4\x9e\x91k\x96-\xbb\x96\x9b{4&amp;\x06RBE\x05;&gt;n^\xb3\x86\xe18\xa8\xfa\tL\x06\x02\x000\x91\xbf\xf5\x8c4P\n%B\x11B\x02!\xce*U^\xc7\xc7\xd6\xad!\xf5\x13\x98\x12l\x01\x01\xd3\xc9\xef\x19\xe9U\xa1\xc2\xd7..\xdf\x07\x06&amp;gg\xcb\xf94\x98P\xaaV*\xaf\xbf|\xd9\xfe\xf0a\xe8\xf8\x08L\x0f^5`:\xf9=#\xb7\xae[\xb7\xe0\xee]\xe8\x19I)\xb5Q*\xc7\x9e81j\xe2D\xe8\xf8\x08L\x0fV\x00\xc0\xd4\xc4]\x8e\x80&amp;MJ&lt;y\xb2#(H\xb6UB\xc5\xb3\xdf-w\xef~\x1f\x19\x19\xff\xe8\x91\x93\xb33\x9c\xfd\x02\x13\x93\xe3\x87\x07\xccK\\\x07l]\xb7\xee\xf0\xf3\xe7\xe7\xff\xfc\xd3Q\x96)\xa1\x14!\x05\xcb\xa6\xe4\xe6N\xbbxq\xc5\x92%.\xc5\x8a\xc1\xd9/0=\x08\x00\xc0\xd4\xc4~a&gt;&gt;&gt;\xa3&amp;N\x1cs\xe2\x84\x8dR)\xbb\xe1\xff\xf5\xf4\x7f\xce\xb9s\x9f\xd6\xab\xf7]\xff\xfep\xf6\x0b\xcc\x02\x02\x000\x031\x06\xcc\x08\x0e~\xa9Rm\xb9sGn=#\t\xa5j\x85\xe2\xee\xabW;\x1e&gt;\xfcq\xc1\x02$\xcb\x1d0 \x05\xf0\xe6\x013\x10w\x81\\\x8a\x15[\xb6xq~\xcfHs?\x94\xe9\xe4u|&lt;u\xaa]\x8f\x1e\x8d\x1b5\x82\xe9?0\x178\x04\x06\xe6A)%\x94R\x9e\xf7\xa9Y\xb3\x15!KZ\xb5J\x90\xc7i\xb0@\xa9\x8b\xad\xed\xe9\'O\xfa\x9e;\x17\x1d\x19\xf9\xe9\xa7\x9f"(\xfb\x03\xcc\x04^;`\x1e\x18cD)\xa7T\xfe\xb4z\xf5\x86\xfb\xf7\xc3\x92\x92\xec\x15\n9\x9c\x06\xb3\x18\xe7R:\xee\xcc\x99\xe0I\x93\xca\x95+\x07\x89\xff\xc0\x8c`\x05\x00\xccI\xe0y\x96\xe3:\xf5\xec\x99y\xe6\xcc\xb1~\xfd\x12\xac\xbdg$OHq\xb5z\xf9\x1f\x7f\xfc\x98\x98\x98\xf8\xe8\x11f\x18\xe8\xf8\x08\xcc\xc8\x9a?6 }\x98a\x08\xa5K\xe7\xcc\xf9C\xa7\xfb\xc5\xda{F\x8ae\x7f\xe24\x9a\xb97n\x84,Z\xc4)\x14\x08:&gt;\x02\xb3\x82\x00\x00\xcc\x89a\x18"\x08\xe5\xca\x95\x93C\xcfH\xb1\xec\xcf\xfc\x0b\x17|\xeb\xd5\xeb\xf1\xe5\x97p\xf6\x0b\xcc\x0e\xb6\x80\x80\x99\xe5\xf7\x8c\xfc\xacR\xa51\xa5J\x8d\x0c\x08H\xb2\xc6\x9e\x91b\xc7\xc7{))M\xf7\xed\xbbu\xeb\x16t|\x04R\x00\xef\x1f0\xb3\xfc\x9e\x91\xab\x96-\x9bu\xfd\xfa\x0b\x8d\xc6Z\x0b\x04)9n\xd4\xf1\xe3\xfd\x07\r\x82\x8e\x8f@"`\x05\x00$A\xdc\x0f\xa9\x16\x10P%%\xc5\xfazF\xe6w|\xfc\xee\xca\x95\x94\x17/\x1c\x9d\x9c\xa0\xec\x0f\x90\x02\xeb\xf9\xc6\x80E\x13\xaf\x86\xfd\x14\x12b\x95=#\xf3;&gt;.\x9c7\xcf\xd9\xc5\x05\xca\xfe\x00\x89\x80\x15\x00\x90\x8a\x82=#O|\xf5U\x8aVk\x1d\x1dcxB&lt;\xd4\xeay\x17/B\xc7G 5\xb0\x02\x00R\x91\xdf3\xf2\xaaNw *\xca\xd9\xd6\xd6\nRB\xc5\xd4\xcf\'\x19\x19\x0b\xee\xdc\xd9\xbcv-t|\x04\x92\x02\x01\x00HE~\xcf\xc8%\xf3\xe7\x8f?{VO\x88\x15\xac\x00\x04B\\\xec\xec&amp;\x9c&lt;\xd9\xb2c\xc76\xadZA\xea\'\x90\x14\xd8\x02\x02\x12"\xf6\x8cD\x84xU\xa8\xd0\xdf\xc5er`\xa0E\xa7\x84\n\x94:*\x95\xd7\x12\x12\xda\x1f:\x14\x1b\x1b[\xbe|yH\xfd\x04\x92\x02\xef"\x90\x10\xf1(\x98\xe1\xb8\xcdk\xd7.\xb8s\xe7IF\x86E\xa7\x84b\x840\xc7\x8d&gt;vl\xd4\xc4\x89\xde\xde\xde\x90\xfa\t\xa4\x06V\x00@r\xc4}\x92V\x9d:\xd1\xeb\xd7C{\xf5\xb2\xd0\x02Ab\xd9\x9f\x95\xd7\xae\xad\x88\x8f\x7fr\xef\x9e\x9d\xbd=\x9c\xfd\x02\xa9\xb1\xbc\xef\nX=q\x1d\x10\xb2x\xf1\x99\xc4\xc4sO\x9fZb\xcfH\x8a\x90\x92e\x93t\xba\x85\xd7\xae\xcd\x9b5K\xed\xe0@\t\x81\xd1\x1fH\r\x04\x00 9b\xbf0oo\xefQ\x13\'\x8e\x15{FZZ\x00\xe0\tq\xb3\xb7\x9f{\xee\xdc\'\xf5\xea\r\xfc\xea+A\x10X\x8e3\xf7C\x01\xf0w\xb0\x05\x04\xa4H&lt;\r\xce\xcc\xc8\xf0*_~\xbe\xbf\xff\x80\xea\xd5\x93\xb2\xb3-e#\x88Pj\xa7P&lt;\xcd\xcc\x0c\xdc\xb5\xeb\xcc\xef\xbfC\xcf/ Y\x10\x00\x80D\x89\x83\xe6\x86\xcd\x9b\xc7\x0f\x1c\x181x\xb0\x8aaxJ-b\x0f\x85P\xeabg\xd7b\xeb\xd6\x12\xad[\x1f\xdc\xb5\x0bF\x7f Y\x10\x00\x80t\t\x82\xc0b\\\xbdA\x03\xdf\x84\x84y-[\xa6dgK\xfff\x00\xa1\xd4\xd1\xd6\xf6\xd4\xa3Gco\xdf\x8e\x7f\xfc\xd8\xcd\xdd\x1dA\xc7G U\x10\x00\x80t\x89s\xe7\x8b\x17/v\xea\xd4\xc9\xc5\xd6V \xc4\xdcO\xf4N\x14\x1c\x97\x96\x9d=!8x\xd2\xa4I0\xfd\x07R\x06\x01\x00X\x80\xac\xac,\xbd\xd1h)Y4\x14!\x8ea\\\x9c\x9d\xa1\xea\x03\x908\x08\x00@\xea`\x18\x05\xa0\x88@\x00\x00\x16\xc0\x12\xdfR\x08Z@\xfa \x00\x00\x00\x80LAr\x02\x00\x00\xc8\x14\x04\x00\x00\x00\x90)\x08\x00\x00\x00 S\x10\x00\x00\x00@\xa6 \x00\x00\x00\x80LA\x00\x00\x00\x00\x99\x82\x00\x00\x00\x002\x05\x01\x00\x00\x00d\n\x02\x00\x00\x00\xc8\x14\x04\x00\x00\x00\x90)\x08\x00\x00\x00 S\x10\x00\x00\x00@\xa6 \x00\x00\x00\x80LA\x00\x00\x00\x00\x99\xe2\xcc\xfd\x00\x00\x00\xd3\xa1\x05`\x8c\x19\x86\x11\xbb-@\xd7by\x82~\x00\x00X3J)!D\xfc\x0f\x86a\xde6\xd0\x0b\x82\xc00\x0c4\xb1\x91\x1b\x08\x00\x00X\x8f7\'\xf8\x7f\x1b\xd3\xf5z\xe3\xe3\xa7\xcf\xefG\xc7FFF\xc6&gt;\xb8\x97\x95\xf6";W\xb1|\xf9\xa2\xea\xd5\xaa \x08\x03\xf2\x03\x01\x00\x00\x0b&amp;N\xf0\xc5\xaf\xf8\x1f\'\xf8\x89\xafR\xa3\xa2b\xfe|\xfe&lt;2",6&amp;&lt;[\x9bl\xcff\x94\xf6\xc0%\x8a\xdb\xd4\xf0s\xad\xe4\xe7\xf1\xd3\xbe\xe8\x1d\xa1/Z\xb4\xed\xb9p\xc1,\x0f\x0f\x0f\x84\x90 \x08,\xcb\x9a\xe1\x1f\x03L\x0e\x02\x00\x00\x16\xe3o\x13\xfc7\x87\xe9\x8c\x0c\xcd\xcb\x84\xa4\x88\xa8\xfbwn\xdf\x8a\x8b{\x9a\x9d\x99\x90\x99\xfa\xccI\xad\xf7.\xa3\xf2+\xab\xf6\xaf\xe8Q\xd6\xcb\xc9\xd3\xd3\t\xa9m\x11\xc3 #Az\x1e\xa9\x95\xf1\x0fS\xc6\xcc:\x7f%\xcc8l\xe4\xc4\x89\xe3Gp\x9cB\xdc5\x82\x83\x01\xab\x07\x01\x00\x00\xe9*8\xc1g\x19\x06\xbf1"\xc7\xc5\'=x\xf00""2.\xee\xcf\x07\xf7\xc323\xe2\x8a\xa9\x8d\x9eN\xbc\xaf\xb7C\xf9\xb2.\xfe\xe5\x8ay\x95p\xb2qs@\n\x16\x11\x84\x0c\x022\xf0\xd4 \x08\x84"D1\xc6\x0c\xc6\x82@8\x15\x87\x1cU\x97\xcf=\x0e\x9e\x7f)E\xeb\xb9h\xf1\xe2\x8e\x1d\xdb!\x84x\x9egY\x16v\x84\xac\x18\x04\x00\x00\xa4\xa2\xe0\x04\x9f\xc1\x98\xf9\x87\t\xbe6&gt;\xe1Ud\xd4\xfd\xdb\xb7n\xbe\x88\xfb3\xe5\xd5\x13VHQ*t\xbeeU5|]&gt;-\xe3\xecS\xde\xdd\xd9\xd5\x1e\xd9\xd9\xfc\x7f\x82o\x14\x08/\x10B1\xc6\x18#\xf1\x7f\xbe\xf9\xff\x97\x08\x94u\xb4A\x1c\xbbmg\xd8\xcc\x157\xfd\xaa\xb6Y\xb8\xe0\x07\x7f\xff\xca\x08!\x9e\xe79\x0e\xd2\x05\xad\x13\x04\x00\xcb&amp;\x0e\x16\xe6~\x8a\x0f\x01\xdb\x0b\x05\t\x82\xc0`\xfc\xe6\x04\xff\xcf\xe7\t\xe1\xe1Q\x8f\x1e?\x8e\x89\x8eJx\xf10#\xed\x85\xb3\xdaX\xc2\x89\xf7\xf5v,_\xd6\xb9\xaa\xb7\xeb\'\xa5\x8b!\x07\x15RrH\xa0\xc8(\xa0\\#\xe5I\x81\t&gt;B\xef&lt;\x81\'\x84"\x8a\x18W\xbb\xac\xa4\xecY?^\xd9q8\xaeG\xdf\xa1\xd3\xa6\x8cwss\x17\x17"p0`} \x00\x00\xf3\x10w\xb1\xcd\xfd\x14\x92@\x08\x11\xc3aF\x86\xe6\xc1\xc3\'O\xff|~\xe7\xf6\xad\x98\xe8\x08\x83.U\xd0%\xb89\x1bKy\xda\xd6\xf4u\xf1\xf7u\xf7\xf2tvv\xb7G*\x1b\x84\x19\xc4\x13\xa4\xe7\x91\x9e\'\x84\xfc\xfb\x04\xff\xbd\x08&lt;a\x95,r\xb5\x8f\xbd\x9b0y\xe1\xef\x97\xc3\xe8\xb4\x19\xb3\x86\r\xfd\x16!\xc4\x0b\x02\x93wu\x00X\t\x08\x00\x96\x8a\x10\x821~\xfa\xf4\xe9\x80\x01\x03\xf4z\xbd\xb9\x1f\xe7]1\x0c#\x08B\x9b6mf\xce\x9c\x99?\xf0\xc9\x19\xcf\x0b\x1c\xc7n\xdc\xb4\xf9\xf0\xcf\xbb\xb34\x89\x8e6\xd9&gt;e\x94\xa5=m\xabT\xf2\xf0\xf9\xc4\xa5tq\'\xe4b\x8fX\x06\t\x14\xe9yd\xe0\xff6\xc1/\x8a J)\x12\x04\xc2\xd9+\x91\xbd\xcd\xc9\xe31\xe3g]P\xbb\xd7\xfaa\xe6\xd4V\xadZ 8\x18\xb0.\x10\x00,\x95\x98\xab\xd7\xa9S\'\xa3\xd18h\xd0\xa0\xf4\xf4t\x8bX\xa13\x0cc0\x18\x86\x0e\x1dz\xf3\xe6\xcd\x8a\x15+\x8a\xb7\x93\xcc\xfdPf#\xfe\x88\xbf\x9d\xbf\xdc\xa7k\x93\x13;\xdb\x96-\xee\xe4\xe2\xee\x80TJ\x8402\n\xe2\x0e\xbe\xc0\x13q\xb5\x84\x19T4\x03\xfe?#\x84\x12B9\x17\x15\xcd\x15B\xb6\xde\x9c\xbb:\xa2a\x93\xae\xf3\xe6L\xaf\xe0S\x01A\xaa\xa8\xb5\x80\x00`\x91\xc4\xcf\xef\xcc\x993\xbd{\xf7\x8e\x8e\x8evuu\x15\x17\x04\xe6~\xae\xff&amp;\x08\x02\xc7q\xd3\xa6M;u\xea\xd4\x8d\x1b7\xe4&lt;\x8e\x88\xff\xf6\x87\x0f\x1f\x07\xd4\xabytC\xe3\x80F\x9f\xa1\xf4\x1c"PB\x89\xb8s\xcf|\xf4~Na&lt;$eY\x8c\x8a\xd9\xa5\xc4e\xcd^qi\xef\xf1\xd4\xbe\xfd\x07O\x9f6\xd1\xd1\xd1\tRE\xad\x00\x04\x00\x8b$\xde\xd8\xacZ\xb5j\x9f&gt;}&amp;N\x9c\x98\x98\x98hAy\x1a\x18c\x1b\x1b\x9bj\xd5\xaa-]\xba\xb4c\xc7\x8e\xf2\x8c\x01\xe2\xe8\x99\x9e\x9e^\xabn\xa3\x99\xdf:\xf5\x1b\x14`|\x91\xc1)Ys\x0f\xf8\xff\x80"$\xf0\x84\xb3\xe5\x90\xa3*\xf2v|\xf0\xdc\xf3\xd1/\x9cf\xce\x98\xd9\xaf_o\x04\x97\x87-\x1c\x04\x00\xcb#\x8e\x98k\xd7\xae\xfd\xf1\xc7\x1f#""4\x1a\x8de\xcd\xc2x\x9ewuu=p\xe0\xc0\xe8\xd1\xa3\x9f={&amp;n(\xcbj\x04\xa1\x94\x12BY\x96\xa9Y\'0( e\xf2\x8c6\xc6\x84,\x85B\xd2?b\xde\xc1\x80\x83\r\xb2Q\x1c9\x1c5q\xfeU\xb7R\xb5\x17.\x9c\xd7\xb0A\x00\x82\x83\x01\x8b\x05\x01\xc0\xc2\x88\tyZ\xad\xd6\xcf\xcf/$$\xa4c\xc7\x8e\x96\xb2\xfb_\x90 \x08...M\x9b6\r\x08\x08X\xb0`\x81\xdc\x16\x01bf}\xd7/\xfb)2\xcf\xee\xd9\xdd\x83\x7f\xa5\xe1\xa48\xf5\xff\x07y\xa9\xa2\xce\xb6\xbc\x8e_\xb4\xe6\x8f\xd5;\x9f4h\xdcq\xf9\xd2\x85^^%\x11\x1c\x0cX \x08\x00\x16F\x1c;F\x8f\x1e\x1d\x19\x19\xf9\xdbo\xbf%\'\'[\xd0\xe6O&gt;B\x88Z\xad\x0e\x0b\x0bk\xd1\xa2\xc5\x83\x07\x0f\x8a\x17/\x8ed\xb3\x9bl4\x1a\x15\n\xc5\x94\x19\x0b/\x86\xce\xbat\xf6;&gt;5\x9b\xb5\xb4\xf5\x8f P\x96\xc3\xc8\xd9.).#x\xce\xf93\xd7s\xfb|5h\xce\xec\xa9PC\xc2\xe2@\x00\xb0$\xe2\xd7\xf5\xe8\xd1\xa3z\xf5\xea\x9d={\xd6\xd7\xd7W\xa7\xd3Y\xe8\xc7\xc6\xf3\xbc\xbb\xbb\xfb\x80\x01\x03\xd2\xd3\xd3CCCe2y\x14\xe3\xf7\xb6\x9d\xfbf\x05\x7fu\xfbL?G[\x16\x19\x04\x86\xb1\xa8\xe1\x1f!\x84\x10E\x88\xf0\x84UqHm\x1bv#n\xf8\xb4\xdf^i&lt;\x17/^\xdc\xa9\xd3\x17\x08\x0e\x06,\x07\x04\x00K"\x8e\x92_|\xf1E\x89\x12%6n\xdc\x98\x94\x94\xa4P(\xcc\xfdP\x1f\x88R\xaaP(\xd2\xd2\xd2\xaaW\xaf~\xfc\xf8\xf1\xbau\xebZ}J\xa8\xf8\xf3]\xfe\xe3z\xa7/Z\xfeq\xa0M\x05_\x0f\x92\xa1c8\x0b\xfe\'\xe7\x1df\xa8m\x90\x92\xdb\xb6\xfd\xce\xbc\xd5w\xdcK\xd7\x0b\tY^\xad\xaa?\x82\x83\x01K\x00\x01\xc0b\xe4\xa7~\xf6\xe9\xd3\'&lt;&lt;\\\xa5R\t\x82`\xd1_\x97\xb8\x08\x98?\x7f\xfe\xbe}\xfb\xc2\xc2\xc2\xac{\x11 \xdez{\x99\xf0\xaaJ\xe5\x8a\x87B\xea\x066\xf1\x16\xd2rXK\x1e\xfd\xf3\x11B\x11B\x8c\x8b\x8a\xd7\x18\xa6.\xb9\xb4\xf3H\\\xf36=\x97,\x9c\xed\xe6\xee\x8e\xe0`@\xda\xac\xe1\xfd\x93\x0fJ\xe9\xb8q\xe3\xc6\x8d\x1b\xe7\xe9\xe9i0\x18,z\xf4G\x08q\x1c\x97\x96\x966v\xecXB\xc8\xd6\xad[Y\x96\x15\x04\xc1\xdc\x0fU$\xc4i\x96N\x97\xd3\xb4Y\xabY\xc3\xcb\x05\xb6\xf6\xe3S\xadd\xf4G\x081\x0cf\x18,\xa4\xe5p\x94.\x98\xdb\xf2\xc6\xe1N\xd9/\x8fV\xaa\\eU\xc8\x06J\x05\x96e\t!\xe2\xee%\x90\x1aX\x01X\x06KO\xfd|\x1b1\x1d(44t\xd8\xb0a\x0f\x1e&lt;P\xab\xd5\xd6\xb7wL)\xe5y^\xa1P\xb4j\xd7\xbd\x82\xe3\x8dU\x1b\xba\x19\x9f\xa7+\x14V8)\xce\xbb1\xa0R \x07\xdbS\xc7\x1f\xccXr%\x9b\x96[\xb0`n\xbbv\xad\x11,\x05$\t\x02\x80\x05\xb0\x8e\xd4\xcf\xb7\x117\x82\x9a7o^\xb9r\xe5\x15+VX_\xf1a\xf1_4\xe0\x9b\xe1i\x0f\xf7\x1c\xd9\xd7\x97\xcf\xc8\xe1,\xf0\xd4\xf7\xddQJ\x05\x81r.*$\xa05[n-^\x17\xe6W\xad\xf5\xc2\x05\xb3\xfc\xfd+\x13B-\xf1\xc4\xdb\x8aA\x00\xb0\x00\xd6\x91\xfa\xf96\x84\x10\x95J\x15\x13\x13\xd3\xbcy\xf3k\xd7\xae\x95/_\x1eYQ\x1e\xa1\xf8\xdb-\xffq\xedO+\xc7G\xfd&gt;\x80\xe8y,P\xebZ\xe1\xfc3A\xa0\x18#\xc6\xcd&gt;+Q;\xeb\xc7+[\x0f&lt;\x9d0iVp\xf0\x04\xa8\x00()\x10\x00\xa4\xce\x9aR?\xdf\xc6h4zxx|\xfb\xed\xb7\t\t\t\xbf\xfe\xfa\xab\xd5\xec\x15\xe4\xd7z\xeb\xd5\xa5I\xd4\xf9&gt;nN*\xaa\xe7e5\x05\x16x\xc2*X\xe4\xe9p\xfb\xcc\xc3\x06=\x8f=~\xf2\xdc\xcb\xab\x04T\x02\x97\x0e\xab\x1aG\xac\x92\x98\x1c9v\xec\xd8\xa0\xa0\xa0\x1a5jh\xb5Z+\x1b\xfd\x11B\x1c\xc7eff\xce\x9e=\xfb\xc6\x8d\x1b\xa7O\x9f\xb6\x8e\xd3`q\xf4\xbf\x1b\x16\xd1\xa3k\xbb#?\xb5s/\xeeHtFY\x8d\xfe\x08!\x96c(\xa1\x86g\xe95\x9b\x96o^\xcfe\xed\xfa-\x08!+\xf8q\xad\x86\xb5\r%V&amp;?\xf5\xf3\xe6\xcd\x9b\xb3g\xcf\xce\xcc\xcc\xb4\xa6\xcd\x9f|\x18c\x83\xc1\xe0\xe9\xe99u\xea\xd4\xef\xbf\xff\xde\n2F\xc4\xe2\xac\xa9\xa9i\xed;\x04m\x9cU\xbd^\x93r\xbc\xb5$}\xbe/\x8c\x11\xcb2T\xcf\x7f\xd5\xd1\xe7\xd0\xa1\x83V\x7f\xdb\xc3\xb2\xc0/!uV\x96\xfa\xf96\x1c\xc7\xa5\xa4\xa4\x8c\x181"77w\xcd\x9a5\x16\xbd\x08\x10\xb7U\x19\x067j\xd2b\xd4\x97\xf6\x9d\xbe\xaca|\x99\xc5I\xbb\xd6[\x91b\x18\x8c\xb2r\xdb\xb7\xad\xa8M\xbd\x7f\xf1\xd2U\xb1)\x90\xb9\x1f\n \x04\x01@\xca\xc4\xe9\xff\xbau\xeb\x0c\x06\xc3\xe8\xd1\xa3SSS\xadr\xfa_\x90\xc1`X\xb1b\xc5\xcc\x993SSS1\xb6\xd4\x03*\xb1\x10B\x97n\xfdj\x7f\x9a4aZ\x0b&gt;I#\xf1J\x9fE\rc$\x18\x05Uqu\x8b\x00\xb7\xed;\xf7\xa1\xd71\x12\x98\x9d\xac\xdfK)\x13\xbf\x10qg|\xde\xbcy,\xcbZ\xfd7\xc3\xb2lVVV\x8b\x16-j\xd5\xaa5c\xc6\x0c\x86a,q/\xc8h4r\x1c7e\xfa\x82\xe4\xd8C[6v5\xc6g\xb2,|e\x08c\x8ct\xc6\xaf:U:s\xfaW\x9dN\'\x87\xf7\xd9"\xc0\xab)Q\xe2\xf4\x7f\xc6\x8c\x19~~~]\xbatIKK\xb3\x8e\xc4\x98\x7f\xc7\xb2\xacF\xa3Y\xb5j\xd5\xb6m\xdb\xa2\xa3\xa3-.\x06\x88\x17\xbe\xd6\xac\xfbi\xff\x96\x1f\x8e\xee\xeeE\xb4\xb9\x1cFV\xbai\xf7~X\x16\x13Mn`So5~y\xf4\xd8i\x8c\xb1e\xfd\xb2\xd6\xcaRW\xd9\xd6M\x0e\xa9\x9fo#\xde\x0b\x1b1b\xc4\x83\x07\x0fN\x9f&gt;mA)\xa1\xe2\xa3^\xba|\xads\xfbf\x91\'\xbb\x94\xf0r&amp;\x1a=c!\x85\xfeM\x80\xe7\t\xe7\xe90\xf5\xfb\xe3\xb7\xe3\xfdO\xfc\xfa\xb3\x05\xfd\xb2V\x0c\x02\x80\x14YS\xd5\xcf\x0f\xc3\xb2\xac\xb7\xb7\xf7\xf6\xed\xdb[\xb5je\x11#\x85x\xbf)!\xf1\x95\x7f\xe5\x8a\x87W\x07|\x1eXNH\x97i\xda\xcf\xdbP\x8a\xb0\r\xfb".\xb3z\xe7ca\xe1\xf7\xbd\xbcJ\xc2\x85\x00\xb3\x83\x17Trd\x92\xfa\xf9/\x04AP\xab\xd5K\x96,\x195j\x14\xcf\xf3H\xf2g\x86\xe2\xe3ed\xa4\x076n1kX\xf9\xcf[\xfa\xc86\xe9\xf3_`\x8c\x88\x8e/\xe5\xe3\xee\xedE\x0f\x85\x1eGp!@\x02\xe0\x1d\x95"\x99\xa4~\xbe\r\xcb\xb2\xe9\xe9\xe9\xbd{\xf7\xb6\xb5\xb5]\xbat\xa9XN\xd2\xdc\x0f\xf5Vb\xad7\x86a\xdaw\xee\xd3\xfds\xdd\xd0q\x812O\xfa\xfc\x17\x84"\x84\xf1W\x9d*l\xdb\xbe\x1d.\x04H\x01l\x01I\x8bX:f\xcd\x9a5?\xfe\xf8cdd\xa4\xd5T\xfd|_b\xcf\xc8;w\xee\xb4h\xd1\xe2\xf9\xf3\xe7\xce\xce\xce\x92m\x1c\x9f_\xeb-\xf3\xc9\xfeC{\xfb\xf0iZ\xeb\xae\xf5\xf61(E\x98c\xb4\xd9\x86\xf2\xcd\xf6\x9c\xfd\xfdv\xe5J~P\x1a\xc8\xbc\xe0O/!\xe2\x9c(##c\xd1\xa2E+W\xaeD\x92\xdf\xfa(:\x0c\xc3dee\x05\x04\x04\xb4i\xd3f\xf4\xe8\xd1\x92M\x072\xf2&lt;\xc7q\x8b\x97\xad\xb9yn\xcb\xa1\xad\xddIV\x0e+\xc9(%\x11\x18#A\xcf\xab\xbd\x9cj\xf9\xd9\xef\xde{\x08\xbd\xcew\x00\xe6\x02+\x00\t\x11w\xff\x87\x0f\x1f\xfe\xf0\xe1\xc3S\xa7NYY\xd5\xcf\xf7E)U*\x95\xa9\xa9\xa9\x15+V\xbcq\xe3F\xc5\x8a\x15\xa5\xb6i \xce\xfdC\x7f99|\xe0\x17\xe1\xe7\xfa\xbb\xd8+\x91A^\xb5\xde&gt;\x80 P\xd6Eu,4j\xd4\xb2\x84\xfbQa\n\x85B\x9a\x0b;\x99\x90\xd0\xe7$s\xe2Z8::z\xdb\xb6m!!!\x1a\x8dF\xfa\xa9/E\nc\xac\xd3\xe9\xca\x96-;v\xec\xd8\x01\x03\x06H\xedb\xb0 \x08\x1c\xc7]\xbb~\xf3\xdb\x01=\x8en\xed\xe4\xeafOseW\xeb\xed\x03\xb0,\xa6Y\xb9\xad[T\xd0g=\xb9z\xfd\x16\xc6\x18\x8e\x82\xcd\x08\x02\x80T\x88)q\xa3F\x8d\xea\xdf\xbf\xbf\xb7\xb7wnn.\xcc\x8c8\x8eKOO\x0f\x0e\x0eNKK;r\xe4\x88t\n\x04\x89k\x91\xe4\xe4\xd4\x8e\x1d;\xef]Z\xa7z\x9d\xd2BZ\x0e\x0b\x07\xbf\xefF\xe0\t\xeb\xac\xea\xd2\xc2kU\xc8zs?\x8b\xdcIkV%[\xe2\xe6\xcf\xc9\x93\'\xfb\xf6\xed\xfb\xf8\xf1c\x89\x0csR\xc0\xf3\xbc\xab\xab\xeb\x81\x03\x07F\x8f\x1e\xfd\xec\xd93\x96e\xcd~\x1aL)\xa5\x94\n\x02\xa9Q\xab\xde\xd7m\xc8\x98\tM\xf8DH\xfby\x0f\x84 \xc6^q?\xe2e\xd3o\xfe\x88\x8d}\xe8\xe8\xe0\x00\x17\x02\xcc\x05\xdeZ\xf3\x13c\xb0X\xf1m\xe6\xcc\x99j\xb5ZL~\x07\xe8u\xe3\xf8\xa0\xa0 oo\xefi\xd3\xa6I\xe14X\xdc\xac\x1b:bl\xd5R\xf1c&amp;7\xe3_\xc1\xe8\xff~\x18\x06\x91\x1c\x83_\x15/W\x95\xe6\xf8\x89\xb3\x08\x8e\x82\xcd\x07^\\\xf3#\x84\xb0,\xbba\xc3\x06\x8c\xf1\xd0\xa1C\xd3\xd3\xd3\xe5|\xf6\xfb&amp;\x8c1\xcf\xf3\x8b\x16-Z\xb3fMBB\x82\xd9\xcb\xc8\x88s\xd5\xeb\xd7\xae~\xd5\xa5\x12\xc9\x91\xdd-\x8dBA\x04\x8aU\x8a\x01A\xe5W\xaf^\x87^\xffI\x81\xe9A\x0003q\xf1\x9b\x9a\x9a:s\xe6\xcc\x95+W\x1a\x0c\x063&gt;\x0c!D\x10\x04\xfe\xaf\x04A0\xef&gt;\xa1\x98\x12Z\xb7n\xdd\xa0\xa0\xa0!C\x860\x0c#\x85}K{{\xfbl\x9d\x81\x81\x91\xeb\x83\xb0,\x83\xb4\xb9\xbd:V\x8e\xb9w\xfdE\xfcK\x89\xfc\xa62\x04\x01\xc0\xcc\xc4\xfd\x84\x193f\xd4\xaaU\xabE\x8b\x16YYY\xa6\xcft$\x84\x88\x9bNvvv...\xee\xee\xee\xee\xee\xeennn\xe2\x7f8;;+\x14\nA\x10\xcc8\xef\x16\xab\x84\xce\x9c9\xf3\xe2\xc5\x8b\xd7\xae]\x93\xcaF\x10\x8c\xfe\x1f\nc$\xe8\x8c%}&lt;j\xfbr\xeb\xd6oEP\x16\xc2L`\xab\xc1\x9c\n\xa6~\xde\xb9s\xc7\\\xa9\x9fj\xb5Z\xa9TfddDFF\xc6\xc4\xc4&lt;{\xf6,##\xc3`0\xd8\xd8\xd8\xb8\xb9\xb9U\xa8P\xa1Z\xb5je\xcb\x965\x18\x0c\xd9\xd9\xd9fyB\x8cqnnn\xd9\xb2e\'L\x980x\xf0\xe0\xb0\xb00\xb3\x07\x00\xf0\xd10\xa2\xb4\x7f\x90\xdf\x0f[\x0e\xcd\x995YR7&lt;\xe4\x03\xb2\x80\xccIL\xfei\xd9\xb2\xa5\x8f\x8f\xcf\xaaU\xab\xccr\xf3\x8be\xd9\xbbw\xef\x1e9r\xe4\xcc\x993\xd1\xd1\xd1\xff8\x11+^\xbcx\xabV\xadF\x8f\x1e]\xb5jU3v&amp;\xa0\x94\xda\xdb\xdb\xd7\xae]{\xec\xd8\xb1\xfd\xfb\xf77W\x95P1l\xd7\r\x08\x9c\xdc\x07w\xecZ]H\xcba\xa1\xe6\xf3\xfb\x13\xcbBdi\r&gt;-\xf6\x1e?}\xb5z\xb5*P\x16\xc2\xf4 \x00\x98\x8d\xd9S?\t!\x0e\x0e\x0e#G\x8e\\\xbf\xfe\xff\xe9\xd8e\xca\x94)S\xa6\x8c\xab\xab\xabR\xa9\xcc\xc9\xc9\x89\x8f\x8f\x8f\x8e\x8e\xd6\xeb\xf5\x08!\x07\x07\x87\xc5\x8b\x17\x7f\xf3\xcd7\xe9\xe9\xe9f\x19y\x05Apqq\t\r\r\x1d6l\xd8\x83\x07\x0f\xd4j5\xc30\xa6??\x84\x00PXx\x9ep\x9e\x8e\x03\xbe\xde\x87\xdd\xbbl\xde\xb8R\xbcYm\xee\x87\x92\x17\xf8s\x9b\xc7\x9b\xa9\x9f\xa6o\xf9K\x08Q(\x14\xe5\xca\x95C\x08U\xadZ\xb5C\x87\x0e\xcd\x9a5\xf3\xf6\xf6vqq\x11\xdb\x0fPJsrr\x9e&gt;}\xfa\xf3\xcf?\x87\x84\x84dee\r\x1e&lt;\x98\xe3\xb8\xfe\xfd\xfb\x9b%\x06\xb0,+\xa6\x84\xae]\xbbv\xc6\x8c\x19+V\xac\x80!\xc3\xa2a\x8cQ\xae\xb1\x7f\x90\x7f\xdfi\xc7t\xba\x85\xb6\xb6\xb6p!\xc0\xc4`\x05`\x1e\xe2\xf4?$$d\xf5\xea\xd5\xf7\xef\xdfOKK3\xfd\xe2\x97R\xaaP(\xd2\xd3\xd3\xaf]\xbb\xd6\xbcy\xf3b\xc5\x8a\xe9\xf5\xfa\xdc\xdc\\\x9e\xe7\xf3\xdf\n\x96emll\xec\xec\xec\xae^\xbd\xda\xbd{\xf7\x17/^8::\xde\xbcy\xb3d\xc9\x92f\xa9SM\x08Q\xa9T111\xcd\x9b7\xbfv\xedZ\xf9\xf2\xe5\x11B&amp;\xfe\xd3\xc1\n\xa0\x10\x11J\xb1\x9dM\xa5F?\xcdX\xb8\xbb{\xd7\x8ebJ\xb4\xb9\x1fJF`\xc7\xcd\x0c$\x92\xfa\x8916\x1a\x8dNNN]\xbata\x18&amp;99Y\xab\xd5\n\x82\xc00\x0c\xfb\x1aBH\xa7\xd3%&amp;&amp;\x06\x04\x04\xac[\xb7N\xa1Pdeem\xd9\xb2E\xadV\x9b%m\x83a\x18\xadV[\xa3F\x8d\xa0\xa0\xa0\xb1c\xc7B\xfa\xa0\xa5#\x02\xc5\xf6\xcaN\xcdJ\xef\xda\xbd\x1f\xe6\xfe\xa6\x07\x01\xc0\x0c\xa4\x90\xfa)\x12Kqedd\x10B8\x8e\xfb\xc7-u\x86alll\x92\x93\x93[\xb6l\xf9\xf9\xe7\x9fc\x8c\x7f\xfb\xed7\xadVk\xae\x99\x1a\xc7q\x99\x99\x99\xb3g\xcf\xbeq\xe3\xc6\xe9\xd3\xa7\xa5S \x08|\x00\x86a\x90V\xdf\xb7\x8b\xff\xf5?\xce\xbeJJbY\x16"\xba)A\x000\xb5\x82\xa9\x9f\xabV\xad2{\xd5O\x8c\xb1X`\xe7?\xff79\x8e\x0b\x0c\x0c\xa4\x94&gt;{\xf6,%%E\xa1P\x98\xe5[\xc5\x18\x1b\x0c\x06OO\xcf\xa9S\xa7~\xff\xfd\xf7\x90\x0fj\xd1\x18\x06\x91l\xbd_\xad\xd2\xe5=s\xf7\xee\x0b\xa5\x94B87%\x08\x00\xa6f\xa1U?\xc5j\xcc%K\x96D\x08egggee\x99q\xb2\xc6q\\JJ\xca\x88\x11#rss\xd7\xacY\x03\x8b\x00\x8bF(\xa2\x18uo[n\xff\xcf\x070\xc6\x90\tjJ\xf0\xb76\xa9\xfc\xd4\xcf\xbbw\xef\xce\x9d;\xd7\xe2\xca\xfe\x88\x1f\xa7D\x16\xe9\x06\x83a\xc5\x8a\x153g\xceLMM\x95Z\xb7\x00\xf0\xeeX\x96\xc1\x1a}\x8fN\xfe\x8f\xa3\xafE\xc7&lt;\x90\xc25o\xf9\x80\x00`:\x16]\xf5S\\\xb8\xa4\xa5\xa5!\x84T*\x95x\x08l\xc6\xb5\x0b\xcb\xb2YYY-Z\xb4\xa8U\xab\xd6\x8c\x193`\xd4\xb0\\bY\x88\xe2\xde\xee\xb5\xfc\x94;v\x1e@P\x1c\xd4\x84 \x00\x98\x8e\xa5W\xfd\xa4\x94FEEa\x8cK\x95*\xe5\xea\xeaj\xf6\xe8%\x16\x08Z\xb5j\xd5\xb6m\xdb\xa2\xa3\xa3!\x06X0\x8c\xa9\x9e\x1f\xd2\xab\xea\xfe};\rF\x03d\x82\x9a\x0c\x04\x00\x13\x91H\xea\xe7\x87\xa1\x94\xda\xd8\xd8\xc4\xc7\xc7\x9f&gt;}\x9aR\xda\xa0A\x03GGG\x9e\xe7\xcd{z!\x16\x08\xf2\xf6\xf6\xee\xdf\xbf\xff\xa8Q\xa3`\x17\xc8r\xb1,F\x9a\xdc\xd6-*\xf0\xd9\x7f\xfeq\xf5&amp;\xf4\x894\x19\x08\x00&amp;"\x9d\xd4\xcf\x0f\xc0\xf3\xbc\xa3\xa3\xe3\x92%K\x12\x13\x13\x95Je\xbf~\xfdrss\xa5\xf0\xfcb\xcf\xc8\xb9s\xe7\x86\x87\x87\x9f:u\nN\x83-\x97\xc0\x13\xd6\xc5\xaei]\xb7m\xdb\xf7"\xc9\x9c3Y=\xf3\x7f\xc3r \xb5\xd4\xcfwG)5\x1a\x8d\x1e\x1e\x1e\x9b7o^\xb3f\rBh\xc8\x90!\xb5j\xd5\xca\xce\xce\x96B\x00@\x08\t\x82\xa0V\xab\x97,Y2j\xd4(qW\n\xc6\x0eK\xc40\x18\xe5\x18F|U\xf3\xe4\xf1\x83Y\x1a\r\xc7q\xf0;\x9a\x80$\xbea\xab\'\xee\xff\x0c\x1f&gt;\xdc\xb2R?\t!\x94R\x0f\x0f\x8f\x8d\x1b7\x0e\x192\x84\xe7\xf9F\x8d\x1a\xcd\x9a5+33S"\xa3?B\x88e\xd9\xf4\xf4\xf4\xde\xbd{\xdb\xd8\xd8,Z\xb4\x88eY8\t\xb0D\x0c\x83I\xb6\xbez\x9d2\xce6\x19\xc7O\xfc\x86\xe0(\xd8$\xa4\xf2\x19[11\xf5344\xf4\xe9\xd3\xa7\xb3g\xcf6W)\xcd\xf7%\x08\x82R\xa9tpp\x986m\xdaw\xdf}g0\x18\x1a5j\xb4\x7f\xff~\xb1#\xa3\xd4\x02\x98\xc1`X\xbf~\xfd\x8f?\xfe\xf8\xfc\xf9s\xa8\x0fa\xa1(AH\xc9\x0e\xfa\xd2\'$d\xb5\x04\xdf1\xab\x04\x01\xa0\xc8\x89\x83\xd1\xc1\x83\x07+T\xa8\xe0\xec\xecl4\x1a\xa5\xfff\xf3&lt;\xafV\xab\xb5Z\xed\x97_~9g\xce\x1c\x84P\xf7\xee\xddCCC\xed\xec\xec\x0c\x06\x83t\xa6\xff"\x86at:]\xd5\xaaU\x05A\xb8r\xe5\x8a\xd9\x9b\x06\x83\x0f\x831\xa2\x06\xbeQ\xdd\xb2\xb1\x0f"u:\x1d\x04r\x13\x90\xd6\x97l\x95\xc4\xe1\xf2\xfb\xef\xbf?u\xea\xd4\xf9\xf3\xe7\x9d\x9d\x9d%~P)\x08\x82\x83\x83\xc3\x93\'OZ\xb4h\x11\x1a\x1a\xca\xb2\xec\xcc\x993w\xec\xd8\x811\xd6\xeb\xf5R\x1b\xfd\x11B&lt;\xcf\xbb\xb8\xb8,Z\xb4H\xa1Pt\xee\xdc\x99R*\xc1\x87\x04\xff\x89\x12\x8am\x14\xdb\x0fG\x056neooo\xde\x8b&amp;2aIy\xe8\x16\x8aa\x18A\x10*V\xac8r\xe4\xc8!C\x86DFFJ\xf9\xb5\x16\xeb-\xc7\xc5\xc5\xb5k\xd7\xee\xcf?\xfftuu\xdd\xb8qc\xe7\xce\x9d\xc5\xdb\xb6\x12\x1cX)\xa5\xb6\xb6\xb6O\x9e&lt;\x999s\xe6\xb1c\xc7lmm\xcd\xd5)\x0c|$\x86c\x84\xcc\xdc\x03\xa7^\xec&lt;0\xd8\xdc\xcf"\x17\x92\xfb\x9e\xad\x92xGi\xee\xdc\xb9\xa9\xa9\xa9!!!R\xb8E\xf56bp\x1a8p\xe0\x9f\x7f\xfe\xe9\xee\xee\x1e\x1a\x1a\xda\xb9s\xe7\xa4\xa4$\xb3\xf4\xdez\x17\xe2ze\xc4\x88\x11-Z\xb4h\xdb\xb6-\x8c\xfe\x16J\x10(r\xb0=y\xe6\x81\x8d\xd3g\x01ukRJ\xe1w4\x01\x08\x00\xa6 \xdeQR\xab\xd5\xf3\xe7\xcf\x9f5kVrr\xb2R\xa9\x94\xe0\xfe\xa6 \x08NNN\x07\x0f\x1e\xbct\xe9\x12\xc7q\xabW\xafn\xd8\xb0\xe1\xabW\xaf\xc4\x06a\x12$v\xb5\xfc\xfd\xf7\xdf\x8f\x1f?\xbez\xf5j\xe8\'e\xc1(\xc56\xdc\xda\xdd\xe1\xdd\xbb\xf7V*\x95\x12\xdf&amp;\xb5\x1a\x10\x00LD\xbc\xa34p\xe0\xc0R\xa5J\xcd\x981\xc3\xc9\xc9I\x9a\x8b\x00J\xe9\xa1C\x870\xc6\xad[\xb7\x0e\n\n\x12c\x95\xb9\x1f\xea\xad\xc4\xfd\x9f!C\x86\x8c\x1c9\xd2\xdb\xdb\x1b\xba\x8a[(J\x11\xabR\xbcz\x98|+\xda\xd0\xb7OWd\xf2.o\xb2\x05\x7fe\x93\xc2\x18\xafZ\xb5j\xe3\xc6\x8dQQQ\x0e\x0e\x0e\x92JV\xa1\x94\x8a\x17k\xef\xdd\xbbG)\xed\xda\xb5+z\xbd#$M&lt;\xcf\xbb\xb9\xb9m\xd8\xb0\xe1\xd9\xb3g?\xfc\xf0\x03\x8c\xfe\x96K\x10\x08u\xb0\xd9\x1b\x1aY\xce\xaf\x9e\x9f\xaf\x0f\xfc\x94&amp;\x03\x7fe\xd3\x11\x17\x01\x8d\x1b7n\xdf\xbe\xfd\xb0a\xc3lll\xa4\xb6\x0b\xc4q\\FFFbb"\xc6\xd8\xd7\xd7W\xaf\xd7K6\x00PJ\x95Jerr\xf2\xc4\x89\x13W\xacX\xe1\xec\xec\x0c\xfb?\x96\x8b\xc1\x08S\xb4\xff\xf8\xe3\xee\xdd\xbaRJ%51\xb2n\x10\x00LJLQ_\xb7n\xdd\xa5K\x97\x8e\x1c9\xe2\xe2\xe2"\x9d\xbdN1{R\xab\xd5\x1a\x0c\x06GGGWWW)\xe7\xe1\xf1&lt;\xef\xe4\xe44c\xc6\x8c2e\xca|\xf7\xddwp\xf6k\xb9\x08A\x8c\xbdM\xf4\xad\xb8\xc7\xafT=\xbe\xec$\xb6\xa83\xf7C\xc9\x05\x04\x00\x93\x12\xef\xb6xxxL\x992e\xf4\xe8\xd1z\xbd^R\xef:\xc30z\xbd\xde`0dee\x99\xab\xe3\xe3\xbb\x10\xcf~\xa3\xa2\xa26n\xdc\xb8r\xe5Js?\x0e\xf8(\x84\x10\xe4`\xb3\xe3PD\xad\xbaM\x8a{xHy\xdaa} \x00\x98\x9a\x98\x12:c\xc6\x0c\x9dN\xb7x\xf1b\x17\x17\x17\x89\x9c\x06c\x8c\x8dF\xa3\xbb\xbb{pp\xf0\x8c\x193lll$\xbb\x12\x17\xcbS\x0f\x1b6\xac}\xfb\xf6\x8d\x1b7\x86\xe9\xbfEc9\xc6\x90\x9a\xb3\xffT\xfc\x90A_Kv\xcea\xad\xe0"\x98\xa9\x89\xbb@\x1c\xc7m\xdb\xb6\xad]\xbbv\x03\x07\x0etrr\x92B}\x88\xfc\x00\xb0`\xc1\x02\x84PFF\x864\xeb\xb1\x08\x82\xe0\xe2\xe2r\xe4\xc8\x91K\x97.%&amp;&amp;J\xf3!\xc1;\x12\x04\xca:\xdb^=\x13\xab\xc7\x9e\xad[5E\x08A,7%X\x01\x98\x81x\x1a\xdc\xa6M\x9b:u\xea\x8c\x1f?\xde\xc1\xc1A"\'\x01\x18c\x9e\xe7\x93\x93\x93\x93\x93\x93%;\x17cYV\xa7\xd3\x8d\x1e=z\xca\x94)\x1e\x1e\x1eP\xf8\xc1\xc2Q\xa4\xe0V\xed\x08\xeb\x12\xf4%\xcbr\x12\xf9\x10\xe4\x03\xbe\x1c\xf3\x10\xaf\x86m\xdb\xb6m\xdf\xbe}7o\xde\x94NJ\xa8X\xefA\xb2C\xaaX\xf6g\xdd\xbauZ\xadv\xc6\x8c\x19\x90/h\xd1(E\xac\x92\xcb\x8a\xcf\xbc\x1c\xa6\x1d\xf4m?\x04\xe9\xff&amp;\x07\x7fn\xf3\x10O\x02|||\xfa\xf7\xef\xff\xddw\xdf\xd9\xd8\xd8\x98\xfb\x89\xf2PJ\xed\xed\xed\xd5j5\x92^g\x15\xf1\xdaW||\xfc\x94)SBBB\xc4\x9e!\xb0\xffc\xb9\x08\xa1\xc8\xc1\xe6\xf8\xd9\x07\xae\x9e&gt;~\xbep\x8f\xcf\x0c\xe0\xcfm6b\x0cX\xb1bELL\xcc\xa6M\x9b$r\x1alccs\xfb\xf6\xed\xabW\xaf2\x0c\xc3\xb2\xac\xa4b\x80X\xf6g\xdc\xb8q\xd5\xaaU\xeb\xd9\xb3\'\x9c\xfdZ:\x8c\x10\xa2h\xf5\xce\xa8\x01\x03\xbe\xc6\x98\x91\xc8"XV \x00\x98\x8d\xb8\x0b\xe4\xe4\xe4\xb4b\xc5\x8a\xf1\xe3\xc7\xe7\xe4\xe4\x98\xb7\r\x9e8\xbc.Y\xb2\xa4a\xc3\x86M\x9a4\x193f\x8c\xa4\xae\xaa\x89\xa9\x9f7o\xde\xdc\xb7o\xdf\xf6\xed\xdba\xeeo\xe9(E\x8c\x8a{\x11\x9b\x1c\xf3\x9c\xf6\xea\x19\x84\xe0\xf8\xd7\x1c \x00\x98\x93\xb8\x08\x188p\xa0\x9b\x9b\xdb\xf4\xe9\xd3\xcdx/L\xac\x03\xa1\xd1h\xb6o\xdf\x8e\x10\xc2\x18\xef\xdd\xbb\xf7\xc5\x8b\x17\x92\x8a\x01J\xa5r\xd0\xa0A\xfd\xfb\xf7\xf7\xf1\x81j\x01\x16O\x10\x08r\xb0]\xb7\xf3v\xed\xfa-K\x96\xf0\x84\xf4\x7f\xb3\x80O\xc8\x9c\xc4E\x00\xc7q\x1b7n\\\xbe|\xf9\xd3\xa7Ommm\xcd8\xe0\x8a\xd3\xea\xfc\xefP:C\xbf \x08\xce\xce\xce?\xff\xfcsxx\xf8\xf2\xe5\xcb%2\xfaK\xe6\xcfc\x91\x18\x16\xa3\\\xfe\xd0\x99\xe7\xfd\xfb\xf51\xf7\xb3\xc8\x97\xf9\xbf"\x99\x13SB\x9b6m\xda\xa2E\x8ba\xc3\x86\x99+%TL\x00utt\xec\xd5\xab\x17\xa5T,\x06W\xbati)\x94\x03\x12K\xc3\xebt\xba!C\x86,Z\xb4H"e\x7f0\xc6\n\x05\xf4,\xfc@\x84P\xc6\xde\xe6\xf6\xb5\xa7F\xb6T\xbb6- \x97\xd7\\\xe0"\x98\xf9\x89\xeb\x80\xf5\x</t>
        </is>
      </c>
    </row>
    <row r="372">
      <c r="A372" s="1" t="n">
        <v>370</v>
      </c>
      <c r="B372" t="inlineStr">
        <is>
          <t>polygon_sides_number</t>
        </is>
      </c>
      <c r="C372" t="inlineStr">
        <is>
          <t>What is the missing number of the part denoted with a question mark?</t>
        </is>
      </c>
      <c r="D372" t="inlineStr">
        <is>
          <t>[8, 7, 4, 5]</t>
        </is>
      </c>
      <c r="E372" t="inlineStr">
        <is>
          <t>4</t>
        </is>
      </c>
      <c r="F372" t="inlineStr">
        <is>
          <t>There are 6 numbered polygons arranged in a triangle with number ['?'] in the top row, [3, 9] in the middle row, and [7, 6, 5] in the bottom row.</t>
        </is>
      </c>
      <c r="G372" t="inlineStr">
        <is>
          <t>We observe that the polygon with 3 sides has the number 3, the polygon with 7 sides has the number 7, the polygon with 6 sides has the number 6, the polygon with 5 sides has the number 5, and the polygon with 9 sides has the number 9. Thus, the pattern is that the number inside the polygon represents the number of sides the polygon has.</t>
        </is>
      </c>
      <c r="H372" t="inlineStr">
        <is>
          <t>Based on the pattern that the number inside the polygon represents the number of sides of the polygon, the missing number of the polygon with 4 sides should be 4.</t>
        </is>
      </c>
      <c r="I372" t="inlineStr">
        <is>
          <t>b'\x89PNG\r\n\x1a\n\x00\x00\x00\rIHDR\x00\x00\x02\x00\x00\x00\x02\x00\x08\x02\x00\x00\x00{\x1aC\xad\x00\x00\x91\xc5IDATx\x9c\xed\xddwx\x14U\xbb\x00\xf0s\xce\xcc\xec&amp;\xd9$\xbb\xa9T\xe9M\x08\x1d\x0c\xcd\xd0\x91"*J\xaf\x82R&gt;\x05.\x88\x82\x08\nHS\xa4I\x93\x80"\x88\xa0\x14\x05TTz\x13\x04B\x0fU:R\xd3v7\x9bl\x9b\x99s\xee\x1f\x07\xd6H\x13\x91l\x9b\xf7\xf7\xdc\xe7&gt;~iL23\xef{\xea{0c\x0c\x01\x00\x00\xd0\x1e\xe2\xeb\x0b\x00\x00\x00\xe0\x1b\x90\x00\x00\x00@\xa3 \x01\x00\x00\x80FA\x02\x00\x00\x00\x8d\x82\x04\x00\x00\x00\x1a\x05\t\x00\x00\x004\n\x12\x00\x00\x00h\x14$\x00\x00\x00\xd0(H\x00\x00\x00\xa0Q\x90\x00\x00\x00@\xa3 \x01\x00\x00\x80FA\x02\x00\x00\x00\x8d\x82\x04\x00\x00\x00\x1a\x05\t\x00\x00\x004\n\x12\x00\x00\x00h\x14$\x00\x00\x00\xd0(H\x00\x00\x00\xa0Q\x90\x00\x00\x00@\xa3 \x01\x00\xed\xa2\x94RJ}}\x15\x00\xf8\x8c\xe8\xeb\x0b\x00\xc07(\xa5\x84\x10\x84\x10?\x16\x1bc\xec\xeb+\x02\xc0\xdb\xa0\x07\x00\xb4HQ\x14B\xc8\xcc\x993{\xf7\xee\x8d1f\x8c\xf14\x00\x80\xa6@\x0f\x00h\x8e\xa2(\xa2(.\\\xb8p\xe8\xd0\xa1\x08!\x9dN\x97\x9c\x9c\xac\xaa*!\x04\xfa\x01@S \x01\x00m\xf1D\xff~\xfd\xfaI\xa2$\x88\xc2\x82\x05\x0b\x18c\x0b\x16,\x80\x1c\x00\xb4\x06\x12\x00\xd0\x90\xbc\xd1_\x14%Y\x91eE\xd6\xe9\xf4\x0b\x17.D\x08A\x0e\x00Z\x03s\x00@+\xf2F\x7f\x9dN\xaf(r\xed\x9au;\xb5\xef\xeev\xbbBBB\xf8\xc7\x05A\xa0\x94\xc2|\x00\xd0\x08\xe8\x01\x00M\xb8+\xfa\xbb\xdd\xae\x84\x8aU\xbf\x98\xffM\x81\x02\x85(e\xab\xbe_\x16\x1a\x1a\n\xfd\x00\xa05\x90\x00@\xf0\xbbo\xf4_\xb6x]Dxdff\xc6\xccO\x16`\x8cV~\x079\x00h\x0e$\x00\x10\xe4\x1e\x14\xfd\x8d\x91F\xbb\xc3N\x08\xc9\xc9\xb5\xcd\x98\x92\x8c\x10\xe4\x00\xa09\x90\x00@0{x\xf4\x17\x04\x01!D\x19\xcd\xc9\xcd\x81\x1c\x004\x08\x12\x00\x08Z\x8f\x12\xfd\x11B\x04\x13\xc8\x01@\x9b \x01\x80\xe0\xf4\x88\xd1\x9f\x83\x1c\x00\xb4\t\x12\x00\x08B\xff*\xfas\x90\x03\x80\x06A\x02\x00\xc1\xe61\xa2?\x079\x00h\r$\x00\x10T\x1e;\xfas\x90\x03\x80\xa6@\x02\x00\xc1\xe3?F\x7f\x0er\x00\xd0\x0eH\x00 H&lt;\x91\xe8\xcfA\x0e\x00\x1a\x01\t\x00\x04\x83\'\x18\xfd9\xc8\x01@\x0b \x01\x80\x80\xf7\xc4\xa3?\x079\x00\x04=H\x00 \xb0\xe5S\xf4\xe7 \x07\x80\xe0\x06\t\x00\x04\xb0|\x8d\xfe\x1c\xe4\x00\x10\xc4 \x01\x80@\xe5\x85\xe8\xcfA\x0e\x00\xc1\n\x12\x00\x08H^\x8b\xfe\x1c\xe4\x00\x10\x94 \x01\x80\xc0\xe3\xe5\xe8\xcfA\x0e\x00\xc1\x07\x12\x00\x080&gt;\x89\xfe\x1c\xe4\x00\x10d \x01\x80@\xe2\xc3\xe8\xcfA\x0e\x00\xc1\x04\x12\x00\x08\x18&gt;\x8f\xfe\x1c\xe4\x00\x104 \x01\x80\xc0\xe0\'\xd1\x9f\x83\x1c\x00\x82\x03$\x00\x10\x00\xfc*\xfas\x90\x03@\x10\x80\x04\x00\xfc\x9d\x1fF\x7f\x0er\x00\x08t\x90\x00\x80_\xf3\xdb\xe8\xcfA\x0e\x00\x01\r\x12\x00\xf0_~\x1e\xfd9\xc8\x01 pA\x02\x00~* \xa2?\x079\x00\x04(H\x00\xc0\x1f\x05P\xf4\xe7 \x07\x80@\x04\t\x00\xf8\x9d\x80\x8b\xfe\x1c\xe4\x00\x10p \x01\x00\xff\x12\xa0\xd1\x9f\x83\x1c\x00\x02\x0b$\x00\xe0G\x02:\xfas\x90\x03@\x00\x81\x04\x00\xfcE\x10D\x7f\x0er\x00\x08\x14\x90\x00\x80_\x08\x9a\xe8\xcfA\x0e\x00\x01\x01\x12\x00\xf0\xbd \x8b\xfe\x1c\xe4\x00\xe0\xff \x01\x00\x1f\x0b\xca\xe8\xcfA\x0e\x00~\x0e\x12\x00\xf0\xa5 \x8e\xfe\x1c\xe4\x00\xe0\xcf \x01\x00\x9f\xf1r\xf4g\x8cQF\x11c\x08a\xee\xce\x87\x19c\x0c!\x9cO\xb1\x18r\x00\xf0[\x90\x00\x80ox3\xfa\xab\xaa\x8a\x10\xd2\xe9t!!\xa1\xa2(RJUUU\x14\x99R*\x08"\xa7\xaa\xaa\xdd\x9e+\xcb\xb2 \x10\x84\x9ep8\x86\x1c\x00\xfc\x13f\x8c\xf9\xfa\x1a\x80\xe6x-\xfaSJ\t!\xe1\x86p\x8c\xc9\x8d[\xd7\x8e\x9f8\x9az\xe2\xc8\xc5\x8b\xe7o\xde\xban\xb7\xe7\xaa\xaa*\xe9t\xd1Q\xd1\xa5J\x96\xabU#1\xb1v\xbd\xb8\xb8\x02\xd9\xd9V\xfe]O\xea\x1a\xfe\xba\x18F\t&amp;\xe1\x86\xf0\xa1\xc3\xfb\xf3\x1c\xe0p8\xfa\xf6\xed\x0b9\x00\xf8\n$\x00\xe0m\xde\x8c\xfe\xe1\xe1\x11N\xa7c\xd7\xeem?\xfc\xb4z\xcf\xde\x9di\xe9\xb7\x1e\xf2\xf5E\x8b\x14\xeb\xd5\xbdo\xef\x9e\x030&amp;n\xb7\x0br\x00\x08z\x90\x00\x80Wy3\xfa\x87\x85\x86m\xdd\xb1q\xfa\xa7\x93RO\x1c\xe1\x1f$\x84\x88\x82\x881f\x88?\xf8\x8c\x07\\J\x19\xa5*\xa5\x14!T\xafn\xd2\xdc\x99\x8b\x8d\x91F\x97\x0br\x00\x08rO\xfe\xf9\x06\xe0A\xbc9\xee\xcf\x18\x93t\xba\xac\xac\xcc\xd4\x13GDQ\x94$I\x14%J\xa9[v\xbb\xdc.\xb7\xdb-\xcbnY\x96\xddn\xb7\xdb\xedV\x14\x99\xcf\x0cK\xa2\xb4\xe7\xf7\x9d}\xff\xd7EQ\x14A\x10\xf2\xa3y\x94w&gt;\xa0\xe3+\xdd\x1c\x0e\x07\x9f\x0f\xe8\xd7\xaf\x9f \x08\x94Rh\x93\x01\xaf\x81\x1e\x00\xf0\x12_\xac\xf8d:\x9d\xfe\xf9\x97\x1b\x9d:u\x9c2\x8a\x10\x12E1\xa1b\xd5\x84J\xd5\x9e*Z,2\xc2\x8806[\xb2N\x9dJ\xdd\xbek\xb3\xcd\x96M\x08\xa1\x94J\x92$\xcb\xf2\xff\r\x1c1\xf2\xedqY\xe6\x0cA\xc8\x97\x85\x12\xd0\x0f\x00\xfe\x00\x12\x00\xf0\x06\x9f\xac\xf7WU%**\xe6\xab\xaf\x17\x8e\x18=\xb8|\xb9\x8a/\xb5\xed\xd0\xacI\xab\xd2\xa5\xca\x85\x85\x86!\x8c\x18c\x88!\x8c1e\xf4\xf2\x95\x8bc\xc6\x0f\xdf\xb8y=!\x84/\t\x8d\x8a\x8a\xda\xb4~\x9f1\xd2\xa8(J&gt;\xc5b\xc8\x01\xc0\xe7 \x01\x80|\xe7\xbb\xdd^L\x10\xc4\xeclk\xca\xc1\xdf\x93\x1a4\x8d\x8e\x8aq8\xecN\x97\x93R\x15!tg\xad\'c\x0c\x19\x0c\x06\xc4\xd0\xcb\x9d[\x1c:\x92B\x88\x80\x10\xa3\x94&amp;\xcfY\xda\xb6\xf5\xcb\x16\xab%\xff\xae\x10r\x00\xf0-\x98\x03\x00\xf9\xcb\xa7{}\xb1\xa2(\xe1\xe1\x91\xcf\xb7zY\x10\x84\x8c\xact\x87\xd3\x811\x16\x04Q\x10D\xe16Q\x14\xc5\x9c\x1c\x9b&gt;$\xe4\xb5W\xdf\xe0\xdf\xc6#\xef\xe93\'\x05Ad(\x1f[H0\x1f\x00|\x0b6\x82\x81|\xe4\xf3J\x0f\x18cJUk\xb6\x85\xaf\xffy\xd0\x97\t\x82\xe8r9K\x97.\'\x08\x82\xaa\xaa\x84\x88\x8c\xb1,s&amp;c\x0c?\xe9Maw\x81=b\xc0\x87 \x01\x80\xfc\xe2\xf3\xe8\xcfa\x8c\x1f\xe9\xdfbH \x02\xc6\x04!\xf5\xf67\xe6\xefu\xfd\x05r\x00\xf0\x15H\x00 _\xf8I\xf4\x7ft\x82(dfe(\x8a\x8c1A\x08a\x8c\xa3\xa2b\xf8\x8e\x01/\xfc\xeb\x90\x03\x80O@\x02\x00O^\xc0E\x7fUUC\xf4\xa1\xdbwlD\x08\t\x84\xf0\xc1\xf7\xf2\xe5*\xaa\xaa\x92\xdfC@\x1e\x90\x03\x80\xf7A\x02\x00OX\xc0E\x7fEQ\x8cF\xd3\xd1\xd4C\xcb\xbe]\xccW\x852\xc6\xa2\xa3c\x9f\xa9U\xd7\xee\xb0\xe7\xc7f\xe0\x07\x81\x1c\x00\xbc\x0cV\x01\x81\')\x10\xa3\x7fDxDz\xfa\xad7\x87\xf4\xb6\xe5dc\x8c\xf9V\x80^\xdd^/\\\xa8\xa8\xdb\xed\xf2r\xc0\x85uA\xc0\x9b`\x1f\x00xb\xfe\x1e\xfdun\xb7\xdb\xef\xa3\xbfl2E_\xbct\xfe\xb5\x01\x9d\xcf\xfcq\x92\x10B0QT\xa5JB\xf5U\xdf\xfc\x8a\x11\xa2\x94\xfa\xa4\xc5\r\xfb\x03\x80w@\x0f\x00&lt;\x19\x94RO\xf4\x97$\xc9\xedv\'T\xac\xb2|\x89\xffF\x7fUUbb\xe2\xf6\xed\xdf\xdd\xbek\xcb3\x7f\x9c\x14\x04\x81G\xff\x12\xc5J%\xcf\xf9Z\'\xe9TU\xf5U\x9c\xbd\xb7\x1f\xa0\xd3\xe9&lt;\xfd\x00\x8c\xa1\xdd\x06\x9e\x0cH\x00\xe0\t\xe0u4g\xcc\x98\xc1\xa3\xbf\xaa\xaau\x13\x9f]\xb6x]Dx\xa4\x9fF\x7f\xaaFG\xc5~\xb3rI\x97\x9emo\xde\xbc.\x08\x02BXQ\x95\x8a\x15*\x7f\xf3\xd5\x0f\x85\x0b\x17uxw\xf4\xff^\x04\x13\xc6hNn\xce\xd4\x8f&gt;{\xb5G\x7fEQx\x0e\xe8\xd9\xb3gnn\xee\x9dS\xcc\x00\xf8O \x01\x80\'\x831v\xf4\xe8Q\x84\x10\x1f\xaa.\xf6T\x89\x82\x05\n;\x9c\x0e\xdf\x86\xd1\xfbRU5\xca\x18=g\xfe\xb4\xa1\xef\xf4w\xb9]\x02\x11\x18C\xaa\xaa4i\xf4\xdc\x8a\xaf\x7f*T\xa8hn\xae\xcd\x1f\x92\x16\xc6D\x96\xdda\xa1a\x15\xcaWB\x08\xf1\xee\xc8\xe1\xc3\x87].o\xcfL\x80`\xe5w/\'\x08D\xfc\x88\xdd\xc5\x8b\x17\xf7\xeb\xd7\xcf\xe9t\xea\xf5\xfa\x15\xab\x97\xbe9\xa4\xb71\xd2\xc4\xd7\xd5\xf8\xfa\x02\xff\xa2\xaa\xaa\xc9\x14\xf5\xf57\x8b&amp;|4J \x02!\x84!F\xa9\xda\xff\xb5\xc1_&amp;\xaf\x08\x0b5\xd8\xed\xb9\xf9T\x01\xf4\xdfR\x14\xa5@|\xa1\xcf\x16\xce|w\xf4`Q\x14].W\xed\xda\xb5\x7f\xfb\xed\xb7\xe8\xe8ht\'\x1f\x00\xf0_\xc0`"x2\xf8\xa0\x04!\xa4_\xbf~\x0b\x17.\x0c\t\tq:\x9d\x1d_\xe96cJrNn\x0e\x9f\xd5\xf4\xf55"JihH\xe8\x85K\xe7\xda\xb4Kr:]&lt;\x84RJ\xc7\x8c\xfa\xe8\x8d\xfeC\xcd\xe6,\xfe+\xf8\xfa2\x11BHQ\x94\xf8\xb8\x02\xc9_\xcc\x1a=v\x18\x9fQ\xaf]\xbb\xf6\x86\r\x1b\xa2\xa2\xa2\xf2\xe9\xc4J\xa0A~\xd1\xd2\x01A\x807HUU]\xb0`\x01Bh\xe1\xc2\x85\xa1\xa1\xa1+\xbf[\x86\x10\xf2\x9f\x1c\xc0\x18\xd3\x87\x84$\x7f&gt;\xcb\xe1p\x88\x82H\x19\xa5\x94\x8e\x1d\xfd\xf1\x9b\x03\x86\xa5\xa5\xdf\xe4\x1d\x02\xdf^!\x977\xfa\xeb\xf5z\xde\xf6\x87\xe8\x0f\x9e8H\x00\xe0\x89\xe1\x8b\xe8\xfd6\x070\xc6$IJK\xbb\xb9m\xe7&amp;\x8c1\xc2\x98\xaa\xf4\x95\x97\xba\xbc\xd1\x7fhz\xdaMQ\xf4\x97w\x01\xa2?\xf0\x1ax\x98\xc0\x93\x947\x07\xf4\xed\xdb\x97\xefcZ\xf9\xdd\xb2\xa1\xc3\xfb\x87\x1b\xc2\xf9\xeaF_]\x1bcL\xa7\xd3_\xf9\xf3Rz\xfa-\x84\x90\xaa*\x92$\xf5{m\x90\xddn\xc7\xc4_\xc6\xd3!\xfa\x03o\xf2\x97V\x0f\x08\x1a~\xdb\x0f`\x8c\x89\xa2\x98\x99\x95\x81\x10\x12\x05QQ\x95bO\x95,^\xac\xa4\xcb\xe5$\xc4\xf7k~\x10D\x7f\xe0u\xf0H\x81\'\xcf\x9f\xfb\x01\x0e\x87\x831\xa6\xa8\nc,2\xd2\x18\x12\x12\xca71\xf8\x1cD\x7f\xe0}\xd0\x03\x00\xf9\xc2?\xfb\x01\x8c1I\xd2EF\x1a%Q\x92\x15\xd9\x14i\xf4\x93\xb5\x94\x10\xfd\x81O\xc02P\x90\x8f\x18c\x94RA\x10\xf8\xdaP^\xd3\xc6\x87kC1\xc6\xb2,\xdb\xed\xb9\x08#\xc4\x90 \x8a\xe1a\xe1\xde\xa9\xf8\xff\x10\x10\xfd\x81\xaf@\x02\x00\xf9\xcb\x0fs\x80 \x08\x8c1\x840BLUUo\xfe\xeb\xf7\x82\xe8\x0f|\x08\x86\x80@\xfe\xf2\xb7\xb1 UUeY\x16\x04\x01!\xa6\xaa\x94\xd7V\xf3\xda\xbf~\x17\x88\xfe\xc0\xb7 \x01\x80|\xe7?9\x801\xa6\xd7\xe9CBCsss0&amp;\xc6HCN\xae\xcdWU?!\xfa\x03\x9f\x83\x04\x00\xbc\xc1\x1fr\x00\xdf\x07p\xeb\xd6\x8d9\xf3\xa7\x1d9v\x80`\xd2\xa0~\xe37\xfa\r\t\r\rS\x14\xc5\xcb9\x00\xa2?\xf0\x070\x07\x00\xbc\xc7\x87\xf3\x01\x8c!\x8c\x11c\xac}\x97\xe7\x8e\x9f&lt;\xe6\xf9x\x8bfm\x16\xce[\xe6\xb0\xdb\xb1\x17c.D\x7f\xe0\'\xe0Q\x03\xde\xe3\xc3\xfd\x01\x8c\xd1\xb00\xc3\xd1c\x07\x8f\x9f&lt;&amp;\x8a"!D\x10\x04A\x106o\xfd\xf5\xfc\x85\xb3z/\xee\x06\x80\xe8\x0f\xfc\x07&lt;m\xc0\xab|\x95\x03x\x99O\xb3%\x8b\x10B)\xa5\x94\xaa\xaa\xaa\xaa*c\xd4l\xce\xf2Z\xf5\x7f\x88\xfe\xc0\xaf\xc0\x1c\x00\xf06\x9f\xcc\x07`\x8c\x19\xa5&amp;c\x14?\xba\x921\xc6\xcf0@\x8c\x19\x8d&amp;\xef,\x06\x85\xe8\x0f\xfc\r&lt;s\xc0\x07\xbc\xdf\x0f\xc0\x98\xd8\x1d\xf6\xaaUj\x96)]NQ\x14&gt;\x1b\xa1\xaaj\xfdz\x8d\xca\x94.\xe7t\xe5\xfb\xc9e\x10\xfd\x81\x1f\x82\xc7\x0e\xf8\x86\x97s\x00\xc6HU\xd5\xd0\x90\xd0\xe49_7m\xdc2&amp;&amp;\xae@|\xc1W^\xea2\xfd\xe3\xf9\xaa\xaab\x94\xbfK\x80 \xfa\x03\xff\x04\xab\x80\x80/yy]\x10\xa54$$T $=3\x8d\x10!.6\xde\xe5r\xca\xb2\x9c\xafk@!\xfa\x03\xbf\x05\t\x00\xf8\x98\xf7s\x00BH\x92$\x84\x90,\xbb1&amp;\x10\xfd\x81f\xc1$0\xf01/\xcf\t\xf3\x98\xab(\nB(\xbf\x8f\x01\x80\xe8\x0f\xfc\x1c$\x00\xe0{\xde_\x17\xe4\x85}\xbf\x10\xfd\x81\xff\x83\x04\x00\xfc\x82?\xd4\x8ax\x82 \xfa\x83\x80\x00\t\x00\xf8\x8b\xa0\xc9\x01\x10\xfdA\xa0\x80\x04\x00\xfcH\x10\xe4\x00\x88\xfe \x80@\x02\x00\xfe%\xa0s\x00D\x7f\x10X \x01\x00\xbf\x13\xa09\x00\xa2?\x088\x90\x00\x80?\n\xb8\x1c\x00\xd1\x1f\x04"H\x00\xc0O\x05P\x0e\x80\xe8\x0f\x02\x14$\x00\xe0\xbf\x02"\x07@\xf4\x07\x81\x0b\x12\x00\xf0k~\x9e\x03 \xfa\x83\x80\x06\t\x00\xf8;\xbf\xcd\x01\x10\xfdA\xa0\x83\x04\x00\x02\x80\x1f\xe6\x00\x88\xfe \x08@\x02\x00\x81\xc1\xafr\x00D\x7f\x10\x1c \x01\x80\x80\xe1\'9\x00\xa2?\x08\x1a\x90\x00@ \xf1y\x0e\x80\xe8\x0f\x82\t$\x00\x10`|\x98\x03 \xfa\x83 \x03\t\x00\x04\x1e\x9f\xe4\x00\x88\xfe \xf8@\x02\x00\x01\xc9\xcb9\x00\xa2?\x08J\x90\x00@\xa0\xf2Z\x0e\x80\xe8\x0f\x82\x15$\x00\x10\xc0\xbc\x90\x03 \xfa\x83 \x06\t\x00\x04\xb6|\xcd\x01\x10\xfdAp\x83\x04\x00\x02^&gt;\xe5\x00\x88\xfe \xe8A\x02\x00\xc1\xe0\x89\xe7\x00\x88\xfe@\x0b \x01\x80 \xf1\x04s\x00D\x7f\xa0\x11\x90\x00@\xf0x"9\x00\xa2?\xd0\x0eH\x00 \xa8\xfc\xc7\x1c\x00\xd1\x1fh\n$\x00\x10l\x1e;\x07@\xf4\x07Z\x03\t\x00\x04\xa1\xc7\xc8\x01\x10\xfd\x81\x06A\x02\x00\xc1\xe9_\xe5\x00\x88\xfe@\x9b \x01\x80\xa0\xf5\x8f9\x801\x8a1\x81\xe8\x0f4\x0b\x12\x00\x08f\xff\x90\x03rrd\xd9] \xbe\x10D\x7f\xa0M\x90\x00@\x90{H\x0e\x98\xf6\xd1g\xa1\xa1\xb1\xf3\x17~:z\x1cD\x7f\xa0E\x90\x00@\xf0{P\x0e\x08\r\r\xab\xf8t\xe5\xd1\xe3\x86\xe9t:\x88\xfe@\x830c\xcc\xd7\xd7\x00\x8070\xc6(\xa5\x82 \xf4\xeb\xd7o\xe1\xc2\x85:\x9d\xde\xedv!\x84$I\x92e\x19\xa2?\xd0 \xe8\x01\x00\xad\xb8\xb7\x1f\xa0\xd3\xe9\x10Bn\xb7\x1b\xa2?\xd0&amp;H\x00@C\xee\xcd\x01\x08!\x88\xfe@\xb3`\x08\x08h\x8eg,\xa8G\x8f\x1eG\x8f\x1e\xdd\xb9s\xa7\xc9d\x82\xe8\x0f4\x08\x12\x00\xd0"\xfe\xd83\xc6\xecv{xx8D\x7f\xa0M\x90\x00\x80\xd61\xc60\xc6\xbe\xbe\n\x00|\x00\xe6\x00\x80v\xf1\xd6\x0fD\x7f\xa0Y\xd0\x03\x00\x00\x00\x8d\x82qO\x00\x00\xd0(H\x00\x00\x00\xa0Q\x90\x00\x00\x00@\xa3 \x01\x00\x00\x80FA\x02\x00\x00\x00\x8d\x82\x04\x00\x00\x00\x1a\x05\xfb\x00\x00\xd0\x10\x96\x07\xc6\xd8\xb3\x07\x026Bk\x13\xec\x03\x00 \x98\xf1\xc2G\xfc?\x08!\x0f\n\xf4\xaa\xaa\x12B`O\x9c\xd6@\x02\x00 x\xdc\xdb\xc0\xbf+\xe2SJ\xaf]\xbbv\xf6\xec\xd9\xd4\xd4\xd4\xa3G\x8f\x9e;w\xced2M\x9e&lt;\xb9R\xa5J\x08\xd2\x80\xf6@\x02\x00 \x80\xf1\x06&gt;\x7f\x8b\xef\xdb\xc0\xb7Z\xad\x7f\xfc\xf1\xc7\xd5\xabW\x0f\x1e&lt;\x98\x92\x92r\xf5\xea\xd5+W\xae\xe4\xe4\xe4\xe4\xfd\x1a\x9dN\xd7\xbf\x7f\xff\xd1\xa3G\xc7\xc7\xc7#\x84TU\x15\x04\xc1k\xbf\x02\xf0!H\x00\x00\x04\x8c\xbb\x1a\xf8\xf7\xb6\xd6\xedv{ff\xe6\xa9S\xa7RRR\xce\x9f?\x7f\xe1\xc2\x85S\xa7N\xa5\xa5\xa5=\xfc\xc7\x12B(\xa5\xf1\xf1\xf1\xa3G\x8f\xee\xdf\xbf\xbfN\xa7\xe3\xa3F01\x10\xf4 \x01\x00\xe0\xbf\xfe\xb1\x81o6\x9b\xcf\x9d;w\xe2\xc4\x89\xf3\xe7\xcf\xef\xdf\x9fr\xfa\xf4\xa9\xac\xac\xac\xbb\x1a\xf8yEG\xc7\x14-\\\xac|\xb9\xa7\x8b=U2\xa1RUYv/^\xba`\xcf\xde\x9d\x9e/HHH\x982eJ\xabV\xad\x10B\x8a\xa2\x08\x82\x00#BA\x0c\x12\x00\x00\xfe\xe2\xd1\x1b\xf8\xfb\xf7\xef\xbfp\xe1\x02\x8f\xfb\x99\x99\x99\x0f\xfa\x81\x06C\xb8\xc9\x18U\xbaT\xd9J\x15\xab\x16/V\xa2B\xb9JE\x8b\x143\x99\xa2\r\x06\x03!D\x96e\x81\x08N\x97s\xf5\xf7\xcb\xe6-\x98q\xf1\xd2yB0\xa5\x0c!\xd4\xb9s\xe7Q\xa3F%$$ \x84\x14E\x11EX.\x18\x9c \x01\x04&lt;\x98\xb8\x0b\x02\xaa\xaa\xde;a\x8b\x10JOO?y\xf2\xe4\xc5\x8b\x17\x8f\x1e=\x9a\x9a\x9az\xee\xdc\xb9\xcc\xcc\xcc\x874\xf0cc\xe3J\x95,\xfbT\x91\xe2\x95*V)[\xa6\xfcSE\x8b\xc7D\xc7E\x99\xa2$IG\x19\x95e\xd9\xedv\xab\xaa\xac\xaa\x941F\x08f\x8caL\xa2\xa3bn\xde\xba\xf1\xe5\xd2\xf9_|9\xd7\x96c\x13EQQ\x14\x9dN7|\xf8\xf0A\x83\x06\xc5\xc7\xc7{\xceP\xcb\xe7?\x03\xf06H\x00A\x02&amp;\xee\x02\x97\xe7&lt;2\xbb\xdd~\xf9\xf2\xe5?\xff\xfc3%%\xe5\xe0\xc1\x83|\xb9\x8e\xd9l~\xd07\x1a\xc2\x0c\x85\x0b?U\xb8P\x91\x8a\x15*\'T\xaaZ\xb8P\xd1\xe2\xc5J\xc6D\xc7J:\x1d!\x82\xa2\xc8\xb2\xecV\x14EQ\x14\xca(F\xd8\xe3\xae\x9f\xc3\xc3\xbd\xd1h:q\xe2\xd8\xf4Y\x93~\xfc\xf9{\x84\x10!\x02\xa5j\xe1\xc2\x85\'L\x98\xd0\xbbwo\xf4\xe0,\x05\x02\x17$\x80@\xc5G\t233\x97,Y\xf2\xe6\x9bo\xea\xf5z\x98\xb8\x0bD&lt;s/Z\xb4\xe8\xeb\xaf\xbf\xbex\xf1\xe2\xb5k\xd7dY\xbe\xefW\xea$\x9d\xd1d*Y\xbc\xccSE\xffj\xe0\x17*X\xc4`\x08\x17E\x91R\xaa(\x8a\xdb\xed\x92e\x991\xc6\x10\xc3\x18\x13L\xd0\xa3\x9dx\xc3\x18SU\xc5`\x88\x10\x88\xb0\xe3\xb7\xcdSgL8r\xec \xc6\x88\x87\x87\xa6M\x9b\x8e\x1c9\xb2i\xd3\xa6\x08&amp;\x06\x82\x0b$\x80@\xc5\x13\x80\xd9l\x8e\x89\x89\xa9P\xa1\xc2\x981c:u\xea\x84`D(\xa0\xf0\xe8\xbfw\xef\xde\xbau\xeb\xde\xfbY\x931*66\xbel\x99\xf2\xe5\xcaT(S\xa6B\xb92\x15\xe2\xe3\nDE\xc5\xe8\xf24\xf0\xddn7\xa5*c\x0c=\xb8\x81\xff\xe8\xf8\x84\xb3\xd1h\xca\xcd\xcdY\xfb\xc3\xca\xa9\x9fNLK\xbb)\x08\x82\xaa\xaa\x08\xa1&gt;}\xfa\x8c\x181\xa2\\\xb9r\x08z\x9c\xc1\x02\x12@\xa0\xf2$\x80\xf2\xe5\xcb\xa7\xa7\xa7#\x84\x9a7o&gt;~\xfc\xf8\xc4\xc4D\x04\xcd\xb4@\xc0G~.^\xbcX\xabV-\xab\xd5\xaa\xaa\xaa\xc1\x10^\xb9R\xb5\n\xe5+&gt;U\xb4\xf8\xd3\x15*\x97*Q\xc6d2EF\x9a\x04"\xa8\xaa\xea\x96\xdd\x8a"\xcb\x8a\xcc(c\x88\x11\x8c1\xce\x97L\xcf\x83\xbb1\xd2t\xed\xc6\x9f\xb3\xe6NY\xbeb\xb1,\xcb&lt;\r\x18\x8d\xc6!C\x86\x0c\x1d:\xd4h4B\x8f3\x08@\x02\x08T\x9e\x04P\xbati\xab\xd5J\x08Q\x14E\x92\xa4\x1e=z|\xf8\xe1\x87E\x8a\x14A\xd0L\xf3c&lt;z\x9a\xcd\xe6\x96-[\x1e8p\x00!T\xb9R\xd5\xf9s\xbe.V\xb4\x84(\x89\x18cEV\\n\x97\xaa*\x8a\xa2x\xb6\xf5\xfe\xc7\x06\xfe\xbf\xa2(JHHHhhXj\xea\xe1\xc9S\xc7l\xdf\xb9\x19!\x841f\x8c\x95/_~\xec\xd8\xb1\x9d;wF\xd0\xe3\x0cp\x90\x00\x02U\xde\x04p\xd7&lt;a||\xfc\xa0A\x83\x86\x0f\x1f\x0e;z\xfc\x13_\xe8I\x08i\xde\xbc\xf9\xe6\xcd\x9b\x11BQQ\xd1\x1b\x7f\xfc\xbdP\xa1"V\xab\x05c\x8c\x10\x8f\xf8\x04c\x84\x90\xcfb+_\xfcc0\x84\x13L6m\xfdy\xf2\'c\xce\x9e;\xcds\x00\x82\x1egP\x80\xb8\x10\x040B(&lt;&lt;\xa2M\xcb\x97\xf8z\xed\xb4\xb4\xb4\xf7\xdf\x7f\xbff\xcd\x9a\xbf\xfc\xf2\x0b\xdf=\xa4\xaa*dz\xff\xc1[\xcd\xfd\xfa\xf5\xdb\xbcy\xb3$I\x91\x91\xc6E\xf3W\x14,P\xc8j\xb5\x88\xa2(\x08\x82 \x88\x84\xf0x\xea\xcb\x90\x8a1\x16\x04\xc1n\xcf\xcd\xc9\xb5\xb5h\xd6\xe6\xe75;\xc7\x8c\xfa(**\x1a!D\x08\xd9\xb4i\xd3\xb3\xcf&gt;\xfb\xdak\xaf]\xbbvM\x14E\x8c1\x9f*\x00\x01\x04\x12@\x90\x10\x05q\xc6\'\xc9\xdf\xaf\xd8\xd8\xa0^#\xfe\x91\xe3\xc7\x8f\xb7n\xdd\xbau\xeb\xd6\xc7\x8f\x1f\xe7\xad3H\x03\xfe@\x96eQ\x14g\xce\x9c\xb9p\xe1B\xbd^/\xcb\xf2\xc4\xb1\xd3\x1b\xd4ol\xcd\xb6\xfa\xe7~+\xde\x86\xc8\xce\xb6RF\xff\xd7w\xc8\xfa5;;\xbc\xdc\rc\x82\x10RUu\xd1\xa2E5j\xd4\x980a\x82\xdb\xed\x16\x04\x81R\xca;\x9d  @\x02\x08\x12\x0c\xb1\xcc\xac\x8c\x9a\xd5\x13\xbf\xf9\xea\xc7\xd9\xd3?/Y\xa24\xff\xf8/\xbf\xfcR\xb3f\xcd\xc1\x83\x07\xa7\xa5\xa5y\xd2\x80o/U\xcb\xf8&lt;\xcdw\xdf}7t\xe8P\x9dN\xe7r\xb9\xc6\xbd?\xa5\xc3+\xddn\xa5\xdd\x90$\xc9\xd7W\xf70|2)\xd3\x9c\x11\x1fW`\xce\x8cE\xab\x96\xff\xd2\xa0^#\x1e\xeb\xa1\xc7\x19\xb8 \x01\x04\x0fQ\x10\xed\xf6\xdcl\x9b\xb5\xfd\xcb\xdd\xd7\xae\xdc2d\xd0\xbb\x11\x11\x91\x08!Y\x96g\xcf\x9e]\xb9r\xe5\xd9\xb3g\xf3\xe5\x1c\xd0L\xf3\tUUEQLII\xe9\xdb\xb7\xaf(Jn\xb7\xbbS\xfb\x1e\xfd_\x1b\x9c\x95\x95)\x89~\x1d\xfd=DA\x94e9#3\xbdV\xf5g\xbe]\xfa\xd3\xaci\x0b\xcb\x96\xa9\x80\x10"\x84\xdc\xdb\xe3\xe4\xd3\xd7\xbe\xbed\xf000\t\x1c\xa8\xf2L\x02\x971\x9b\xb3\x8cF\xd3\xe6\xf5\xfb\xa2\xa3cdYV\xa9\xaa\x93tFcT\xea\xf1\xc3\xf3\x17\xce\\\xf5\xfdr\xcfw%&amp;&amp;\x8e\x1f?\xbey\xf3\xe6\x08&amp;\xee\xbc\x8b/\xfaLOO\xafT\xa9\x12_\xb6[7\xf1\xd9\xd5\xcb\x7f\xb1\xe5\xd8\xd0\xa3\xed\xd5\xf2+\xbc\x01a\x8c4\xd9r\xb2\x17|1{\xc1\x17\xb3l96\xbeT\x14\x8aK\x07\x10\xe8\x01\x04!Q\x10UUMO\xbfU\xaad\xd9\xd9\xd3\x17-\xfbrm\xbd:I\xfcS\xfb\xf6\xedk\xd1\xa2E\x97.]\x8e\x1f?\xce\'\xee\xa0\x99\xe6\x05\xfc/l\xb7\xdb\xdb\xb4i\xc3\xa3\x7f\xa5\x8aU&gt;\x9b\xb5\xc4\xe1t\xf0D\xee\xeb\x0b\xfc\xd7\xf8P\x8f\xc5jF\x08\x8d\x186f\xed\xaa-\x1d^\xee\xcaG\x17UU\x9d={v\x8d\x1a5\xbe\xfc\xf2K\xe8q\xfa9H\x00\xc1\tc,\x8a\xa2\xd3\xe9\xc84g4Jj\xbe|\xc9\xba\x8f\'\xce\x8e\x8f/\x88\x10"\x84|\xfb\xed\xb75k\xd6|\xff\xfd\xf7\xd3\xd2\xd2`\xfdF~c\x8c)\x8aB\x08y\xf3\xcd7SRRDQ2F\x9a\xe6\xce\\\x1c\x1b\x13\xe7v\xbb\x03z\x85.o\xda\xa7g\xa4\xe5mj\xf0g\xe9\xda\xb5k}\xfa\xf4y\xf6\xd9g7m\xda\xe4\x99\x18\xf0\xf5\xf5\x82\xbb\x05\xf0\xc3\x07\xfe\x11!D\x14Dk\xb6\xc5\xe9t\xf4\xea\xd6\xf7\xe7\xb5;\x07\x0e\x18\xc6_ZY\x96\'L\x98\xc0\x9bi|,HQ\x14h\xa6\xe5\x07UU%I\x1a:t\xe8\xe2\xc5\x8bEQR\x14y\xe1g\xcb\xcb\x96.o\xcd\xb6\x06\xc7\xd8\xc8\x83\x9a\x1a\x82 xz\x9c\'N\x9c\x10\x04\x01\xfa\x9a\xfe\x06\x12@\xf0\x13\x04\x01c\x92\x99\x95\x11e\x8a\x1e\xf5\xee\x84\xf5kv\xb6m\xfd2\x7f\x15y3\xadA\x83\x06[\xb6l\x11E\x91o\'\x86\xb7\xf4\t\xe2\xc5\xf4\x17.\\8s\xe6L\xbd^\xaf(\xf2\x84\xb1\xd3\x92\xea7\xb1X\xcd\xfe\xb9\xe8\xf3\xf1\xdc\xb7\xa9\xc1K\xd1\x89\xa2\xf8\xed\xb7\xdfV\xaf^}\xea\xd4\xa9\x18chd\xf8\x15\x98\x04\x0eT\x0f\x99\x04~\xd0\x982cLU\xd5\xf0\xf0\x08\x82\x89\xa7\xe2#\xc2\x081\x84\xa0\xd4W&gt;\xf0\xd4z\xabW\xaf\x9e(\x8a\xb2,\x0f\x1c0\xec\xc3\x0f&gt;\xb9q\xf3z0E\xff\xbb\xf0\x1a\x12aa\x86\xd4\xe3Gf\xcf\xfb\x84\x17\x97F\x08\t\x82\xf0\xe7\x9f\x7f\x16*T(@\xa7=\x82\x12\xf4\x004\x84O\x0c\xd8\xed\xb9\xb6\x9c\xec\xc6\r[\xac\\\xf6\xf3\x94\x89\xb3\xe3\xe3\n"\x840\xc1\x8b\x16-JLL\x1c7n\x9c\xd5j\x85\x89\xbb\xff\x8eG\xff\xd4\xd4\xd46m\xda\xf0\xe8\xffR\xdb\x0e#\x86\x8d\xb9\x95v3\xb8\x93+\xffe\xb3\xb22\xcb\x97\xab8\xef\xd3%\xcb\x16\xaf-_\xeei^\xb0z\xf9\xf2\xe5\x08!\x98\x0c\xf0\x1f\x90\x004\x87\x10"\x08\x82\xd5ja\x8c\xf5\xec\xd6\xf7\x97u\xbbzu\xef+\n"B\xc8b\xb1\x8c\x1d;611\xf1\xcb/\xbf\x84\x1d=\xff\x05\xa5\x14c\x9c\x95\x95\xd5\xad[\xb7\xac\xac,Y\x96\x13*U\x9d&lt;\xfeS\x97\xdb\x8d\x02p\xd1\xe7\xbf\xe5ijX\xb3\xcdm[\xbf\xf8\xce\xd0\x0f\xf8\xd0\xe2\xaaU\xab&lt;\xa7\xdf\x00\x7f\x00wB\xa3no\xec\xcc\xca0\x19\xa3&amp;\x8f\xff\xf4\xa7\xef\xb67Jj\xc6?u\xe6\xcc\x99&gt;}\xfa4k\xd6l\xdf\xbe}\xb0\xa3\xe71\xf0\xbf\x15\xc6\xb8M\x9b6\xa9\xa9\xa9\x08\xa1"\x85\x9fZ\xf6\xe5Z\xbd&gt;\xc4\xedvi\'\xfc\x11BDQ\xbaq\xf3V\xcd\xea\x89qq\x05\x10B))))))\xb0"\xc8\x7fh\xe5Y\x04\xf7\xc5{\xeb\x16\x8b\xb9B\x85\x84\xa5_\xacY\x94\xbc\x82o\xecD\x18m\xd9\xb2\x05J}=\x1e^\xeb\xad\x7f\xff\xfe{\xf7\xee\x95$\xc9d\x8c\x9a\xf7\xe9\xe2\xe8\xe8X\x87\xc3\x1e\xdc\x83?\xf7\xe2\xad\x87\xc2\x85\n\xbf\xd0\xfae\x84\x10\xa5\xf4\xbb\xef\xbeCwr$\xf09H\x00Zw\xdf\x8a\x8f\xd1Q1\x08!Y\x96\xa1\xd4\xd7\xbf\xf5\xb7Zo:\xbd,\xcb3\xa7.\xa8\x9b\xf8,\xaf\xf4\xe9\xeb\xab\xf3\x01\x8c\xb1,\xcb-\x9a=\xcf\x0b\x9b\xae]\xbb\xd6n\xb7\xc3\x92P?\x01\t\x00 \xf4\x80\x8a\x8fw\x15\x97\xfe\xf6\xdboab\xe0\xe1x\xad\xb7%K\x96\x0c\x1d:T\xa7\xd3\xbb\xdc\xaeq\xefOy\xae\xf9\xf3\xe9\x19\xb7\xfc\xbc\xd6[\xfe\x11\x04!\xd7\x9e[\xbdj\xcd\xb2\xa5+ \x84\xce\x9e=\xbb}\xfbvX\x0f\xea\' \x01\x80\xbf\xdcU\xf1q\xe5\xb2_\xf2\x16\x97\xee\xd2\xa5K\x8b\x16-&lt;\x13\x03\x90\x06\xee\xe2\xa9\xf5\xf6\xc6\x1bo\x88\xa2\xe4v\xbbx\xad7\x8b\xc5,\x06H\xad\xb7|\xa2(\x8a\xd1\x14\xd5\xee\x85\x8e\x08!\x8c1_\x0b\x04\xfc\x01$\x00p\xb7\x07U|D\x08\xf13@\xa0\xb8\xf4\xbd(\xa5\x82 \xa4\xa7\xa7\xb7i\xd3\xc6\xe1p(\x8a\xdc\xa2Y\x9b\x19\x9f$\x9b-YA\xbf\xe6\xe7\x1f\x11B\x1c\x0eG\xb3\xc6\xadBBB\x19c\xeb\xd6\xad\xbbq\xe3\x06\x8c\x02\xf9\x03H\x00\xe0&gt;\xf82\xbe\\{\xae\xcd\x96\xdd\xbe]\xb7\x9f\xbe\xdf\xfe\xd6\xff\xbd\x17\x1d\x1d\x8b\x10R\x14\xc5S\\\x1a&amp;\x068\x1e\xc8\xccf3\xaf\xf5\xc6\x18\xabT\xb1\xca\xd4\xc9s\xed\xf6\\\xa4\x81E\x9f\xff\x88\x10b\xb7\xe7&amp;T\xaaR\xf7\x99\x06\x18\xe3\x9c\x9c\x1c~\x10&amp;\xb4\x1e|\x0e\x12\x00x\xa0\xbfU||k\xcc\xfa5;:\xbc\xdc\x95\x07\xbb\xb4\xb4\xb4\xc1\x83\x07\xc3\x19 (O\xad\xb7~\xfd\xfa\xa5\xa4\xa4\x08\x82\x10\x19i\x9c7sqTT\x8c\xa6\x16}&gt;\x1cc\x8c\x10\xa1E\xb36\xfc!Y\xbcx1l\x08\xf0\x07p\x03\xc0?\x10\x04\x01!\x96\x91\x99\x1e\x1fW\xf0\xae\xe2\xd2p\x06\x08\xcaS\xebm\xf5\xea\xd5\xa2(I\x92n\xc9\xc2\xd5\xa5K\x95\xcd\xce\xb6\n\x82\x16\x97\xfd\xdc\x97 \x08\xb9\xf6\x9c&amp;\x8d\x9e\x8b\x8e\x8eA\x08\xed\xdc\xb9\xf3\xec\xd9\xb3\x84\x10\x8d\xf7\x1d}\x0e\x12\x00x\x14X\x14EYvg\x9a3\x1a%5[\xb6x\xdd\'\x93\xe6\xdcu\xea\xa46\x8bK\xe7\xad\xf5\xa6\xd3\xe9\x15E\x1e7\xfa\xe3\xfa\xf5\x1aZ\xb4\xba\xe8\xf3A0\xc6N\xa7\xb3D\xf1\x92\x8d\x9em\x8e\x10V\x14\xe5\xa7\x9f~Bw\x0e\x96\x01\xbe\x02\t\x00&lt;*\x8c\xb1(\x88\xd6l\xab\xd3\xe9\xe8\xd9\xad\xef]\xa7Nz\x8aKk\xe7\x0c\x10\x1e\xfd7o\xde\xdc\xaf_?\x9dN\xe7v\xbb\x06\x0e\x18\xf6z\xef7\xd3\xd2\xb4\xbb\xe8\xf3!0\xc6\xaaJ[4k\xc3\xab\x0f~\xf9\xe5\x97|\x0e\xc9\xd7\xd7\xa5i\x90\x00\xc0\xbf#\x08\x02!$#3=,,\xec\xbd\xe1\xe3\xd7\xae\xdc\xec\x99\x18\xb8\xf7\x0c\x90 \x1e\x11\xe2\x8b&gt;\x0f\x1c8\xd0\xb9sgI\x92\xdcnw\x87\x97\xbb\x0e\x7f\xeb\x83\xb4t\x88\xfe\xf7G\x08\xc9\xc9\xb5%\xd5o\\\xa2x)\x84\xd0\x89\x13\'\x8f\x1c9\xa2\xa9\xfe\xa2\x1f\x82\x04\x00\x1e\x87(\xfe\xed\xd4\xc9\xe5\x8b\xd7U\xabR\x93\x7f\xea\xbe\xa7N\xfa\xf6j\x9f8\xc6\x18!$++\xabc\xc7\x8e\x99\x99\x99\xb2,W\xad\\c\xca\xa4\xb9.\xb7\x0b\xd6\xfc&lt;\x08\xdf\x12\x1c\x1b\x1b\xdf\xb4qK\x84\x10B\xec\xf3\xcf?\xf7\xf15i\x1e$\x00\xf0\x98\xfe:u2+\xa3aR\xb3\x95\xcb~\xfex\xe2\xec\x02\xf7\x9c:i\xb5Zy)\xe0\xa0i\xe81\xc6\xf8\xc9\n\xcf?\xff\xfc\xc5\x8b\x17\x11B\xe5\xcaV\xf8\xea\x8b\xefUUU\x14\x05\x12\xc0C\x10B\x1cN\xc7Km;J\x92\x0e!\xf4\xc3\x0f?\xd8l6\xd8\x10\xe0C\x90\x00\xc0\x7fB\x08\x11E\x91\x17\x97\xee\xd5\xad\xef\xfa5yO\x9dT&amp;L\x98\xf0\xcc3\xcf\xf0\xe2\xd2\x82 \xa8\xaa\x1a\x04\x13\x03|\xfd\xe2\x88\x11#~\xff\xfdwQ\x14\xa3\xa3cf~\xb2 &amp;&amp;\xd6\xe5r\xc2\xba\xc6\x87#\x848\x1c\xf6*\t\xd5*=]\x19!t\xeb\xd6\xad\x9d;w"\x98\n\xf6\x1dx^\xc1\x13\xe0).\x1d\x15u\xfb\xd4\xc9\xe7[\xbf\xcc\x18E\x08\xfd\xf1\xc7\x1f\xbc\xb8\xf4\x96-[\xf8\xfcA\xa0O\x0c\xf06\xfe\x9e={\xf8\xef2\xee\xfdOj\xd7\xacg\xb1d\xc1\xb2\x9fG\xa1\xaa\xaa&gt;$\xe4\xb9\xe6\xcf\xf3\xff9\x7f\xfe|\x04{\xe5|\x07\x12\x00\xb8\x8d1\xc6\x07j\x14UQ\xef\xfc\x9f\xa2*\xbc\xd9\xfe(!;\xefQP\xc9\xb3\xbf\xfa\xab\xb84B[\xb6li\xd6\xac\xd9k\xaf\xbd\xf6\xc7\x1f\x7f\x04\xc7RQ\x83\xc1\xc0\xdb\xadQ\xa6h\xa7\xd3A\x88\x1f\xadf\xe1#T\xca=7\xd1\xd7\xd7\x85\x10B\x82 \xd8\xed\xf6\xb6\xad_1\x18\xc2\x11B;v\xec\xbcq\xe3\x06!$\xa0\xdb\x04\x81\x0b\x12\x00@\x94\xaa\xfc\xfcB\x83!\xdcd\x8a\x8a\x8d\x8e\x8b\x8e\x8e\x8b\x8e\x8a\x8d\x8e\x8e\x8d\x8d\x8e\x8b2E\x1b\x0c\xe1\x8f8\x80\xe39\n*\xdbf\xf5\x14\x97\x8e\x89\x8e\xe5\x9f\xe2\xa7N\x8e\x1d;6\x08N\x9d\xf4\\9\xdf\x06\xec\xdb\x8b\xf1P\xa9J)\xd5\xe9\xf4F\xa3)6:.::6:*66:.**\xda\x10f@\x08\xa9\xaa\x8f\xbb_\x18c\xa7\xd3Q\xb2D\xa9gj\xd5E\x08\xd9l\xd9pN\xa4\x0fA\xa7U\xd3\xf8\xd1%\x11\xe1\x91D\x1022\xd3O\x9c:v\xf1\xe2\xf9\xab\xd7\xafdg[e\xd9-\nRxDD\xe1BEK\x97,[\xb6L\xf9\xb8\xb8\x02.\x97\xcbn\xcf\xfd\xc7\xb5\xdb&lt; \xf2\xad\xb0\x03^\xff\xbf\x17\xda\xbc2k\xde\x94\xe5+\x16\xcb\xb2l\xb1X\xc6\x8d\x1b\xf7\xed\xb7\xdf\x8e\x1d;\xb6s\xe7\xce\x9ek\x08\xdcA\x00?\xb9r\xc6\x18c42\xc2\xc8\x18\xbbt\xe9\xfc\x89S\xc7.\\&lt;g6g\xc9\x8a\x1c\x16f(V\xb4\xf8\xd3\x15\x12*\x94\xaf\x14\x1d\x15k\xcb\xc9\xe6{5|x\xb5\x18\x93N\xed{n\xdb\xb1\t!\xb4j\xd5\xaaa\xc3\x86\xf9O\x12\xd5\x14H\x00\x1aE\x19E\x0c\x19\x8d&amp;\x97\xcb\xb5\xe3\xb7-k\x7fX\xf5\xfb\xbe]W\xaf]y\xd0\xd7\x17-R\xacQR\xb3\xee\x9d\xfbT\xadR\xd3\x9amA\x8f\x10\xf8\x04A@\x88fY2M\xa6\xa8\xc9\xe3?\xed\xda\xf1\xd5\xc9S\xc7l\xdf\xb9\x19!t\xe6\xcc\x99.]\xba,Z\xb4h\xfc\xf8\xf1\x89\x89\x89\x08!EQx1\x89\'\xf9Kj\x06\xa5T\x92\xa4\x90\x90\xd0\xad\xdb6|\xb5\xfc\xf3\xdf\xf7\xed\xca\xcd\xcd\xb9\xf7\xcb*\x94\xaf\xd4\xbe]\x97.\x1d{EF\x9al6\x9fU\xaa \x84\xd8\x1d\xb9u\x9e\xa9\x1f\x1b\x1b\x97\x91\x91~\xf8\xf0\xe1\x13\'NT\xaaT\t\xaa\x03y\x1f\xfc\xb9\xb5\x881\x16\x1a\x12\x16n\x88\xf8\xf9\xd7\xb5\x9d\xba\xb7\xe9\xf6\xeaK\xab\xbe_v\xf5\xda\x15\x8c\xb1$J:\x9d\xdeC\xa7\xd3\x8b\xa2\x88\x10\xbez\xed\xca\xd7\xdf,z\xb1C\xd3)\xd3?\x0c\r\r\xc3\x18?\xdaH\x02\xe6\xc5\xa5\xefs\xea\xe4\x9d\xe2\xd2p\xea\xe4\x7fD\xa9\x1a\x12\x12\xe2p8\x06\xbf\xf5Z\xcf\xd7_\xd9\xbc\xf5\x97\xdc\xdc\x1cA\x10tyn\xa4$J\x08\xa1\xd3gNL\xf8ht\xbb\x8e\xcd\x7f\xdf\xb7+\xca\x14\xa3\xaa\xbe\xd9\x9f\x811v\xbb\xdd\x05\n\x14j\xd2\xf09\x84\x90\xdb\xed^\xbcx1\x82\xb5@\xbe\x00\t@s\x18c\x92$\x9d;\x7f\xa6\xef\x9b]\xfb\xbe\xd1-\xe5\xe0\xef&lt;\xeeK\xa2\xc4\x18\x93\x15\xd9\xedvy\xb8\xdd.EQ\x04\x81\xf0u\x9c.\xb7{\xc6\xec\xc9\xc3\xdf\x1b\x18\x1a\x1a\xca7\xf4?\x8a\xbc\xa7N&gt;\xd7\xec\xf9\x9f\xbe\xdf&gt;\xecNqi8u\xf2?\xa2\x8c\xeat!\x16\x8b\xb9\xdb\xab/~\xbfn\x05!\x02\xa7\xaa\xaa;\xcf\x8d\x94\x15\x99\xdfAQ\x10\xff8w\xbak\xaf\x17\xbe_\xf7m\x94)\xc6\x87{\xf4TEm\xdf\xae+?\'r\xdd\xbau\x0e\x87\x036\x04x\x1f\x0c\x01i\x0e\xa544$4\xe5\xe0\xde_7\xfe(\x8a\x12c\x0c!&amp;+2BH\x10\x842\xa5\xcb\x97*Q&amp;66^\xaf\xd7;\x1c\x8e?\xaf^J=~\xc4l\xc9\xe2\xdf\x8b1\x16\x05i\xc5\xea\xa5\xa5K\x97\x1b\xf4\xbf\xb7\xcd\xe6\xacG\x1fJ\xe6\xbd{k\xb6E\x10\x84\xe1o\x8di\xffr\xb7\xe9\x9fNZ\xf3\xc3\nEQ\xf8\xa9\x93+V\xac\x982eJ\xabV\xadP\xe0O\x0cx\r\xc1\x04c\xf4\xbf\xc1\xbd\x8e\x1d?,I\x92,\xcb\xbc\xc4\xa6(J5\xab?S\xbat\xb9\xb0\x90P\xb3%\xeb\xd8\xf1#g\xcf\x9dF\x08\xf14\xa0(\xea\xe0a\xafGG\xc5&lt;\xdb\xa0Iv\xb6\xd5\xfb\xf3\x01\xbc8h\xd5*5\xca\x96.\x7f\xf6\xdc\x99\xb3g\xcfn\xdd\xba\xb5u\xeb\xd6\xfc\\\x1d/_\x8c\x96A\x02\xd0\x1cA\x10\xac\xd9\xd6\x9e\xdd^\xdf\xf3\xfb\x8e\x1f\x7f\xfe\x9e\x7f\xb0D\xf1R\x1d_\xe9\xde\xa4\xd1s\xa5J\x961\x18\xc2y\xf0e\x8c)\x8a|\xeb\xd6\xcd\xe5+\x17\xcf\x9e\xfb\x89\xa2*\x08!EU\x08!\xb3\xe7~\xd2\xb6u\xbb\x02q\x85\xdc\xb2\xfb_\x85\xe9&lt;\xc5\xa5\x0b\xcc\x99\xb1\xa8K\xa7W\xa7\x7f:\xf1\xb7=\xdb\xd1\x9d\xe2\xd2\xadZ\xb5\x9a2eJBB\x02\x824\xf0OTU\x89\x8e\x8a\x9d9\xe7\xa3\xbd\xfb\x7f\x13\xc5\xbf\xa2\x7f\x9bV\xed\x86\x0ez\xb7l\x99\n:I\x871\xa6\x8c\xe6\xe6\xe6l\xdd\xbe\xf1\xc3I#\xaf]\xff\x13cB\x08VU\xf5\xadw\xff\xf7\xcb\xda]\xe1\xe1\x11&gt;\xd9\xc0\xac(Jll\xdc\xcb/v\xfex\xda8\x8c\xf1\xea\xd5\xab\xdb\xb4i\xe3\xe5k\x000\x04\xa4E|)\xde\xf8\xb1\xd3\n\x14(\x14\x19i\x1c;\xfa\xa3\xf5kv\xbe\xf5\x7f\xefU(_\x891f\xb5Z\xcc\xe6\xac\xac\xac\x0c\xb39+\'\xc7f2F\x8d~w\xe2\xf4)\xf31\xc6&lt;+`\x8cm9\xd9\xbfn\xfc1,\xcc\xa0\xd2\xc7\x18\xb5\xe7\xc5\xa5\xff:ur\xf6\xf4\xcf\xef*.\r\xa7N\xfe#\xc6\x98N\xa7\xbfz\xedJ\xf2\x17\xb31&amp;&lt;YRJ_{\xf5\x8d/\xe6\x7fS\xa6ty\xbb=\xd7l\xc9\xca2gX,fUU_l\xdb\xfe\xbbo6\x94)]\x9e1\xca\x18\x12\x04\xf1\xc6\x8dks\xe6O\x0b7D\xd0\xc7\xb9\x89\xff\x15!\xc4\xe9p4Jj.\x88"cl\xfd\xfa\xf5\xe9\xe9\xe90\n\xe4e\x90\x00\xb4\x08c\xecv\xbb\xa2\xa3b\x92\xe7|\xbdz\xf9\xafo\x0e\x18&amp;IRff\x86\xc3aG\x08\xdd\x1eE\x16DA\x10\x08\x11\x14U\xb9~\xfdj\xa7\xf6=Z\xb6h\xeb\xe9\xa1c\x8cS\x0e\xee\xa5T\xc5\xe81[\x8e\x9eS\'\xb3\xb3\xad\xed_\xee~Wqi8u\xf2\x1fQ\xaa\x86\x1b"~\xde\xb0\xcel\xce$\x04c\x8c)\xa55k$\x8e\x1d\xf5\x91\xd5j\xb6\xdbs\xc9\xed\t\x01\x91\xe7\xd1\x8c\x8c\xf4\xa7\x8a\x16\x9f3\xe3\x8b\xb00\x03\xc6\x881\x8a1^\xb1j\xe9\x85K\xe7\xf4\xfaP\xef\x87]B\x88\xdda\xafX!\xa1v\xcd:\x08\xa1\xf4\xf4\xf4\xf5\xeb\xd7#\xd8\x10\xe0]\x90\x004\x8a\x10!77\xa7Z\x95\x9ae\xcbTHK\xbbE)\x15E\xf1\xbe\x8b\xf00\xc6\x84`EQZ6o\xcb?\xc2\x18b\x8c\xdd\xbcu\xc3\xedv\xff\xc7u{&lt;He\x993\xee-.}\xef\xa9\x93\x81^C\xe2\xc9\xc2\x98(\x8a\xbcm\xfb\xc6;\xa37\x0c!\xd4\xaf\xcf A\x10\x14U\xbdw$]\x92$\xb3%\xabF\xf5g^\xed\xde\x8fR\x8a1&amp;\x84\xd8r\xb2\x7f\xfeu\x9d!\xcc\xe0\x93N\x00\xa5T\x1f\x12\xd2\xee\x85N\x08!&gt;\n\x84\xee\xcc\x15\x01\xef\x80\xbf\xb5v\xf1\xca\\N\x97\x83/\xc1|\xc8WbLT\xaa\xc6\xc7\x17Dy\xd6\xeaQU\xa5O(\x1c\x8b\xc2\xdf\x8aK\xdf{\xea\xe4]\xc5\xa5!\r0\xc6DQ\xcc2g\x9e\xfa\xe3\x04c\x0c1D)\x8d\x8e\x8a\xa9U#\xd1n\xb7\x0b\x0f\xa8K!\x8aBNNN\xa7\x0e=CC\xc3TUE\x08c\x8c7m\xf9\xd9\xe5\xf6M\x19;\xbe6\xac~\xdd\x86aa\x06\xc6\xd8\xd6\xad\xdb\xe0\x9cH/\x83\x04\xa0i\x84\x10\x82\x1f\xe5\x19`\x18!E\x96\x11B\x9e\x1d`\x11\x11\x91\x92$=\xa9X\xfcWqisF\xa3\xa4\xe6yO\x9d\xcc[\\Z\x83\xa7N\xde\x17cL\x12\xa5\xf4\x8c\xb4\xcc\xcc\x0c\x84\x10\x1f\x87+Q\xbcTtt\xac\xa2&gt;pF\x17c\xe2r9K\x16/]\xbdj-\xcf\xcf9q\xea\xd8\xb5\xebWu\x92\xde\xfbi\x95\x9f\x13Y\xaad\xe9f\x8d["\x84\x1d\x0e\xfb\xbau\xeb\x10l\x08\xf0"H\x00\xe0\x9fQ\xcaDQ:w\xe1\x0ft\xbb\x87\x8e1\xc6e\xcbT\x90$\x89\x97\xfc|R\x08!\xa2 Z\xb3-\xfc\xd4\xc9u\xab\xb6\xe6).\xfd\xd7\xa9\x93|\xdb\xb0\xa2(Z\x8e\x14D\x10\xacV\x8b,\xbb=\x1f\x89\x89\x89\xd3I\x12}\xe8\x1d\xa1\x8c\xea\xf4\xba*\t\xd5\x11B\x18#\x8cqN\x8e\xed\xc2\xc5\xb3:\x9d\x9eR_\xf5\xabp\x9bV\xed\x10b\x18\xe3\xc5\x8b\x97\xc09\x91\xde\x04\t\x00\xfc\x03\xc6\x18&amp;\xd8-\xbb\x7f\xf8i5B\x881\xcaODi\x94\xd4&lt;\x9f\x96\x0fzN\x9d\x0c\r\r\xe3\xc5\xa5\xdb\xb6~9\xef\xa9\x93\r\x1a4\xd8\xb2e\x0b\x9f\xb4\xd0\xec\x88\x10\xc6\x98\xef\xde\xc0\x18\xf3.\x80^\xafG\x18?|\x7f\x1eF\x981V\xa4\xc8S\xe8\xce\xb9f\x08\xa1K\x97/\x88\xa2\x80\x90\x0f\xb2)!$\'\xc7\xf6l\xbdF%\x8a\x97b\x8c\x9d8q\xe2\xf0\xe1\xc3\xd0\xc3\xf3\x1aH\x00\xe0\xfexuh\xbeS\xb4`|\xa1\x05_\xcc&gt;t$\x85O\xc6R\xaa\xd6\xaaQ\xe7\xd9\xfa\x8dsrl\xf9W\x06Y\x14EUUxq\xe9y\x9f.\xf9\xfa\xcb5\xb7O\x9d\xc4h\xdf\xbe}AV\\\xfaq0\xc6O \xe0[\xf9\x10BN\x87\x931\xf6\xcf\x19\x99!\xbd^\xcf\xff\x93/\xe2\xbay\xf3:\xc6\xc4\'Y\x94\x9f\x13\x19\x13\x1b\xd7\xacI+~q|*X\x9bI\xdd\xfb \x01\x80\xdbX\x1e\x08!Q\x14\xc3\xc2\xc2b\xa2cEQ\xfch\xea\x98\x89\x1f\xbfO\x08!DP\x14\xc5`\x08\x9f8n:y\xd4r@\x8f\xcfS\\\xda\x96\x93\xdd\xb8a\x8b\x95\xcb~\x9e2qv|\\A\x84\x10&amp;\xb7\x8bK\x8f\x1b7\xceS\\ZSi@\xa5jd\x84\x91\x17\xf9\xe1n\xdc\xba\xe6r:\xf1C\'u\x18b\x84\x90\xeb\xd7\xaf!\x84\x10\xc2\xfc\xfeY\xb2-\x94\xd1\xc7^\xd1\xfb\x1f\xf1\xd2@\xcd\x9b\xb6\xe1\xdd\x91e\xcb\x96\xd9l6Q\x14!\x07x\x01$\x00\x80\x10B\x84\x10\x9d\xa4\xe3\xf8y\xad\xd9\xb6\xec\xd4\x13G\xe7-\x98\xd1\xf6\x95\xc6S\xa6\x8f\x17\x04\xc27\x06GG\xc5,\x9c\xb7\xbcR\xc5*\xb9\xf6\\\xef,\x1d\xe1KE\xf9\xa9\x93=\xbb\xf5\xfde\xdd\xae^\xdd\xfb\x8a\x82\x88\x10\xb2X,c\xc7\x8e\xcd{\xea\xa4\x17\xae\xc7\x1f`\x8ceY\x89\x8f+\xc0K*\xf1Xy\xe1\xc2\xd9k\xd7\xff\xd4\xe9t\x0f\n\x9d|\xcc\'\xd7\x9e\xbba\xf3O\x08!\xc6\xe8\x9d\xae\x83\xc3\x87\xd1V\x10\x84\xdc\xdc\x9c\xc4Zu\x13*UE\x08\xdd\xb8qc\xd7\xae]\x08\xa6\x82\xbd\x02JA\x046&gt;P\x83n\xaf\xd6\x7f\x9cpL)\x8d\x88\x88\xfc\xf1\xe7\xef\xe7/\x98I\x04\x81R\x951\xe6t:\xcd\xe6\xcc\xf4\x8c4\xcf\x97\xf1\xb1\xa0\x96-\xda\x8e|{\\\xe9\xd2\xe5\xbc_@\xc6s\xea\xa4\xc9\x185y\xfc\xa7\x1d_\xe9&gt;}\xd6\xe4}\xfb\x7fs\xb9]\xfc\xd4\xc9\x15+V\x0c\x192\xa4q\xe3\xc6:\x9d.\xe8\xabG`\x8c\x15E\x8e\x89\x8e{\xbaBBZ\xfaM^n\xcf\xe1t\xfc\xf8\xf3w\xc3\x87\x8d\xb9y\xf3\xbaN\xa7\xbf\xeb[x\xa5\xbf\xc2\x05\x8b\xcc\x99?\xed\xd4\xe9\xe3|\xb5%\xff\xab\xfa&lt;\xd4\xaa\xaa\x1a\x12\x1a\xda\xb6\xd5\xcb\xc7R\x0f#\x84\xe6\xcc\x99\xd3\xb2e\xcb\xa0\xbf\x89\xfe\x00z\x00\x81\x8aWe\x88\x8c\x8c,W\xae,B(\'\xc7v\xf1\xd2\xf9\xc7X\xcc\xc7W\x94\xa7\xa5\xdd&lt;\x9az\xe8\xf0\x91\x94\xa3\xc7\x0e\x1dK=\xfc\xc7\xd9S&lt;\xfa\x8b\xa2H\x88P\xbcx\xa9\xff\x1b8b\xfb\xc6\x83\xdf,\xf9\xa1X\xb1\x12\xff\xaa\x06\xdc\x93%\x8a\xa2\xd3\xe9\xb4X\xb2\x1a\xd4K\x9a\xf9Ir\xcd\x1au\x14E\xd1\xeb\xf5\x82 l\xd8\xb0\xe1\xd5W_\xbd|\xf92\xd2\xc6\x082cT\x10\x85\xe7\x9a\xb5\xf1\xec\x03\xc0\x18\'\x7f1\xfb\xc8\xd1\x83\xf1q\x05\x15UQ\x14E\xbdMQTE\x10\x84B\x05\n\x7f\xb7\xf6\xdbIS&gt;\x10\x84\xbf\r\xb0\xf8\xfc4cB\x88\xecv\xd7\xa8\xfe\x0c\xbf\x92#G\x8e\xd8\xedv8\'\xd2\x0b \x01\x040\x1e\xbb\x8dF#BHQ\x14[\x8e\xed\xf1\xde\x19\xc6\x98N\xa7\x13EI\xaf\x0f\x11E\xe9\xce\xff\x89\xa2("\x86\x10b\xf6\xdc\x9c#G\x0f|\xbb\xea\xab\xb5?\xad\x96e9:*\xda\'\xa3\xed|\x94\xdfd\x8a\x12Ei\xde\x82O\x9b\xb4zf\xc7\xae\xcd\x84\x10\x97\xcb%\x08\xc2\x981cRSS\xcb\x95+\x87\xfc\xe6\x94\xae|E\x88\x90\x93c{\xbeu\xbb\xc2\x85\x8aPF\xf9\xaf\x9c\x9dm\xed\xdd\xaf\xe3\xb6\x9d\x9b\x8c\x11\xa6\x98\x98X\x93)\xcad\x8a\x8a\x8e\x8a\x8d6\xc5\xe4\xe6\xe6\x8c\x9b8r\xc0\xa0\x1e.\x973\xcf\xc1\x90\x18!\x14\x1a\x1a\xfah\xdbA\xf2\x0b\xa5T\xa7\xd7\xff\xba\xf1\x07\xde\xd1l\xd3\xa6Mxx\xb8\xaa\xaaZ\xb8\x8f\xbe\x05C@\x01\xcfS\xd2\xfdA\xfb?\xff\x11\x9f\x85S\x14YQ\xe4\xfb~AzF\xda\x8e][v\xec\xda2\x7f\xe1\xa7U\xab\xd4\x18:\xe8\xbd\x16M[[\xb3-^\xdb&gt;\xca\x18SU\xc5`\x88\x10\x88\xb0m\xc7\xc6\xa93&amp;\x1c9v\x90\x7fJU\xd5\xce\x9d;\x8f\x1a5\x8a\x17\x10\xe5\xb5\xea\xbcsU\xbeu{\xfdLt\xdc\xbb\xef\x8c\x1b\xfc\xd6\xeb\xfc\x0c\x00\x8c\xf1\xd5kW:\xf7x\xbeA\xbdF\xcf\xd4\xaeW\xa8`\x11A\x10,\xe6\xacSg\x8e\xef\xd8\xb55-\xfd&amp;\xbfe\x9d:\xf4\xf8n\xcd7\x8a\xa2\xdc\xde\xd3\x17\x1e\x891f\x8f|\xc0\xc3\x93\xc5\x0f\xa8\xc8\xccH\xdf\xb8\xe5g\xfe\x9b\xf5\xeb\xd7\xcf\'W\xa2A\x90\x00\x02\x9e\'\xde=\xde\x0bL\x08\xc9\xcd\xcdi\xd2\xe8\xb9\x12\xc5Kc\xcc\xeb\xfcP\x97\xcbi\xb1\x98\xaf\xdf\xb8z\xe6\xec\xa9\xa3\xc7\x0e\xdd\xb8y\r!$I:UU\x8e\x1e;\xf4j\xdf\xf6#\x86\x8d\x19\xfc\xe6\xf0\xecl\xab\x17r\x80\xa2(:\x9d.::\xe6\xc4\x89c\xd3gM\xf2\x94\xb0F\x08%&amp;&amp;\x8e\x1f?\xbey\xf3\xe6H\x93\x87J\n\x82`\xcd6\xbf\xf2R\x97\x93\'S\xe7\x7f\xfe)\x9f\x07\xe2\xd3B\xbf\xed\xd9\xce\x8bl\xe7%\x8a\xa2\xa2(\xef\x0c\x1d]\'\xf1\xd9\x15\xab\x96\x12Bx7 ::\x96!\xe6\xab?\x1c\xa542\xd2\xf8\xe3\xfa\xef/_\xb9\x881\xaeX\xb1R\xd5\xaaU\x19c\xda\x99\xd2\xf7!H\x00Z\xc7\x1b\x92</t>
        </is>
      </c>
    </row>
    <row r="373">
      <c r="A373" s="1" t="n">
        <v>371</v>
      </c>
      <c r="B373" t="inlineStr">
        <is>
          <t>grid_number_color</t>
        </is>
      </c>
      <c r="C373" t="inlineStr">
        <is>
          <t>What is the missing color if the part denoted with the question mark has the number 1?</t>
        </is>
      </c>
      <c r="D373" t="inlineStr">
        <is>
          <t>['red', 'blue', 'orange', 'green']</t>
        </is>
      </c>
      <c r="E373" t="inlineStr">
        <is>
          <t>green</t>
        </is>
      </c>
      <c r="F373" t="inlineStr">
        <is>
          <t>There is a 3x3 colored grid of numbers. The first row has number-color pair [(6, 'orange'), (6, 'orange'), (3, 'blue')], the second row is [(1, 'green'), (1, 'green'), (2, 'red')], and the third and final row is [(2, 'red'), (3, 'blue'), (1, '?')].</t>
        </is>
      </c>
      <c r="G373" t="inlineStr">
        <is>
          <t>We observe that the grid cells with number 6 is orange in color, the grid cells with number 3 is blue in color, the grid cells with number 2 is red in color, and the grid cells with number 1 is green in color. Thus, the pattern is that the grid cell with the same number will have the same color.</t>
        </is>
      </c>
      <c r="H373" t="inlineStr">
        <is>
          <t>Based on the pattern that the grid cell with the same number will have the same color, the missing color of the part with 1 should be green.</t>
        </is>
      </c>
      <c r="I373" t="inlineStr">
        <is>
          <t>b'\x89PNG\r\n\x1a\n\x00\x00\x00\rIHDR\x00\x00\x02\x00\x00\x00\x02\x00\x08\x02\x00\x00\x00{\x1aC\xad\x00\x00|\xaaIDATx\x9c\xed\xddu\x9cTU\xff\x07\xf0\xef9\xf7\xde\xe9\x9d\xed\x06\x96\\:\xa5\x91\x92.\x05\xc5\x06\xfb\xb1\xf3\xf1\xb1~&amp;bw\x17X\x08\n\x06\x82 \x8d\x80E\x83\x80t\xe7vL\xcf\x8ds\xce\xef\x8f++\n*1\xbb;\xe3|\xdf\xfa\xf2%\xbb\xc3\xec\xdd9\xf7\x9e\xcf\xa9{.\x11B\x00B\x08\xa1\xf8Ck\xfb\x00\x10B\x08\xd5\x0e\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J\xae\xed\x03\xf8\x9d\x10B\x08Q\xdbG\xf1\xafB\x08!\x84\xd4\xfc\xcf\xc5\xa2\x8c\xb8Z)J\xb3\x10\xb1(#\xc8,\xc4Z\xb9*O\x88\xd4n\xe9\n!8\xe7B\x08J)\xa5\xd8\x1d\xa9\x16\x8c\xb1\x1a\xf8\x849\xe7\x9csB\x88$I\xd5\xf7S\xe2\x99\x10\x821F\x08\xa1\x94V_\rb\x867\x16e\xb5\xaa\xba$k\xab\x89V\xa5\xd6\x02\xc0\xac\xf7\x8f=\xc3\x02\xa1paQqqI\x19!\x04\xb0\xd1qf\x04\x00\xa5\xa4i\xe3Fn\xb7\x8b\x1es\x861\xc6"[}\x98\x95\x05\xa5\x84\x90\xdf\xd3\xc5\x1f\x08\xed\xd8\xb5[\xd5tB\x00\xb0$\xcf\x04!B\x88$wB\xbd\xbau\x9c\x0e[\xd5\x97\x19c\x00\x10\xd9\n\xda\x0c\x18Y\xfe}T@\xd7\xd4\xca\xca\x8aC\x07\xf6G\xf0\xa7\xc41\x02 \xea\xd4\xcdKJNV,\xd6\xaa\xaf\x1a\x86!IRm\xc5@-\x04\x00\xe7\x9c\x00\x10J\x01\xa0\xac\xa2r\xd9\x0f\xcb\x17.Z\xb8k\xdb\xaf\xe5\x85\x07X\xd8\x9fd\x13\\\x00V\x1bg\x88\x12\x12\xd6Y\x98&amp;8\x13\x123\xeb6\xea\xd4\xb9\xdb\xe0A\x03\xda\xb7ii~7R1\xc0\x18\xab\xaa\x83\xb6\xee\xd8=o\xc1\xa2\x95\xcb\x7f*8\xb0;\xe0-#a\x8f\xd3J9\x17\x10-\x9d\xdd\xd8$\x80J\xd4\x1b\xe2\x92=\xd1\x9d\x96]\xbfQ\xb3\x9e\xbdz\x0f\xe8\xd7\'7;\x13\x8e\xb6\xd6\xcf\xbccg\xa6\xb8Y\x94\xaa\x1a\xde\xb0v\xf5\xbcy\xf3\xd6\xac\xffe\xef\xa1b\x7f0\xacI\x0eBjy\xa8\xe0_\xc0\xfc\x0c\x15\x16Lp\xd8\x1a\xe4ft\xec\xd0v\xd0\xe0!\xed:t\xb2\xdalP\r-\xb3\x93=\xaa\x9a,\xd7c\xcf\xb3\x15\xab\xd7\xbd\xfb\xee{\xeb~^\xd8(\x99w\xcfO\xed\xd0$\xb3I\xdd\xb4\x04\x87-)\xd1\x89\xcd\xff\x08 \xc0\r^X\xe6\xad\xf0\x85~\xdd[\xbcb[\xc1\x9a\xbd\x01\x92\x987l\xd4\x85\xff\xb9\xe6\xca\x94\xa4D\xf8c\xf5}\xaa8\xe7f\xbd\x13V\xd5IS&gt;\xffb\xea\x14\xcf\xe1-g\xd5\xb5vm\x91\xdd\xbaAFfJBz\x92\xcbbU\xb0(#\x80\x10\xbf?\\\xe9\x0f\xee+\xac\xd8\xb8\xbb\xe8\xa7\xad\xc5[\x8bE\xe36\xdd\xaf\xba\xfa\x9a\xa1\x83\xfa\x81\xd9\xa2:\x83\x91\x84\xaa\xd3`\xff\xde\xdd\x13\xde{g\xd6\xfc%\x1e\xe1Ln\xd0&gt;\xabQ\x9b\xcc\xfaMm\x0eWBr:D\xcd\x98ul\x13\xe0\xab(\x0e\x07\x03E\xfb\xb7\x17\xee\xdaP\xb1\xf7\x97D\xf0\x8f\x18\xd4\xe7?7\xdc\x94\xd7\xa0\x11\x9c\xd9%yzj.\x00\xaa\xaa\x8cUk\xd6\xdf\x7f\xff}\xb2g\xd7\x90v\xe9\xa3\xfb\xb4\xa8\x9b\x93\n\xb2\x04\x9aah\x06\xe3\xc20\x18\xb6\x19#\x82\x00\xb1(\x92D)\xb1\xc8\xa0P\xc3\x17Z\xfe\xeb\x81)\xdfm]s\x18\x06\x8e\xbc\xfc\xa1\xfb\xefq8\xec\x86a\x1c\xdb\xe5?IU\x7f\xeb\xb5\xb7\xde\x9b\xf4\xdekM\x93B\x97\xf4n\xdc\xafccG\x92\x0b\xb8\x00U7\x18\xd7\r\x86\xcd\xff\xc8\x10 IT\x96\xa8\xacH`\x91A@iq\xe57?m\x9b\xb1\xf2P)\xc9\xfa\xbf\x87\x1f\x1b&gt;d \x9cV\xddQ\xd5\x818r\xf8\xd0\xc3\xffw\xffwk\xb6\xb9\x1bwm\xd3\xf7\x82\xac\x06\xcd\xac6\x87\xa1k\x86\x16\xe6\x9c1C\xaf\x9e_,\x1eI\xb2B\xa9$[\xac\xb2bU\xc3\xa1\xc2\xbd[7-\xf9\xca\xb3kE\xdf\x8eM\xc7?\xf9Ln\x9d\xbag\x18\xe7\xa7\xaa\x86\x02\xc0\xac2\x82\xc1\xe0M\xb7\xde\xb9\xe1\xfbo\x1e\x18\xdd\xea\xc2\xbe-\xa9\xddf\x04\xc2a\xcd\x10B\x98\xb3!@\xb0\xc6\x88$s\x11\x07\x17 \x84\x90$\xea\xb0[\xc0\xaa\x1c\xd8_\xf4\xecg+\x96\xec\x16\x8f=\xf9\xecE\x17\x8c4O\x80\x93?\xe1\xcc\x8a\xe6\xa7\xe5\xabn\xbb\xe5\x96\xc6\x8e\x92\x87\xc6tk\xd3\xa2.\x18&lt;\x1cTu\x83U\x15#6\x19#\xc8\x1c\x13\x15\xe6z\x1c\x01\x16E\xb2\xb8l\xc0\xd8\xa2\x95;\x1e\x9f\xb2\xc6\xd5\xa0\xcb{\xef\xbcU\'7\xe7\x94\xe2\xbc\xaaA\xf6\xdcS\xe3_\x9b\xf0I\x9d\xee\x17v\x1avebjf8\xe8\xd3\xd5\x90\xe0\x9c\x90\xa3#\x12X\x96\x11tta\x95\x10\x9cP\xaaX\xed6G\x82\xa7\xach\xcd\x9cI\x07\x7f\xfa\xfc\xd6\xeb\xc6\xdc\xff\xe0#pL\xe9T\xb7\x9a\x08\x00\xf3\xbc\\\xb3~\xc3\x95c\xc7\x0en\xa4?q}\x7f\xbb\xd3\x16\xf4\x86\x18\xe7\x12\xa5xv\xd5\x18.\x04\xe7\xc2nUd\x97m\xc5\xfa=7\xbf\xb2\xb8\xeb\x88k\xdez\xf5\x058\xb9\x13\xae\xaa\xc1\xf8\xcc\x8b\xaf}\xfc\xea\xe3O_\xddqd\xbf6"\xac\xfb\x83*%\x84R,\xc8\x1a"\x008\x17\x00\xe0r\xd9\x84\x10\xafL\xfb\xe9\xcd\xc5\x85/\xbc\xfa\xf6\xc8\x11CO2\x03\xcc\x14\xaf(/\xbf\xf2\xf2K\xd6\x14\xb0\xe1\xb7&gt;\x97^\xa7a\xd0[\xc1\x0c\x9d\xd0Z\x9b\x90\x8cCB\x08\xc1\x99$+\x0ewr\xe9\xe1\xbd\xb3_\xbf\xb7}6\x994ejJJj\xcd\x0c\x07U{\x00\xe8\xba\xae(\xca\xd4/g\xdcw\xcbUo\xdc\xd4m\xc4\xc0v\xe1r\xbfa0I\xc2E\x9f\xb5C\x08\xc1\x98Hp\xdbU\x83]\xff\xcc\xcc\x9dF\xbd\x85\xf3\xe79\x1d\xf6\xbf\xcf\x80\xaa\xda\x7f\xf4%c=[\xe6Oy\xe4\xfc\x8c4\xb7\xaf\xd2O)\xc1\x0c\xaf-\x8c\x0bB\xc0\x99\x92\xb0v\xc3\xde1O\xcd\xbd\xfc\xb6G\x1f\xba\xff\xee\x7f\xcc\x00\xf3\x05;\xb6m\x1d&lt;txZ\xe7\x0b\x07\\u\xbf\x1a\xf4i\xe1 \x95\xa2\xe8\xae\xa0x\xc3\x99\xa1X\xed6\xa7{\xe1\xc7\xcf\x95\xac\x9c:\xef\xdbYM\x9b\xb7&lt;\xbd\x11\xdaSR\xbd\x01`\xfe\x02\x9fL\xfd\xea\xb9\xfb\xae\x9b\xf3\xcc\xf9usR\xbd\xe5~Y\xc6\xb6b\xedc\\H\x94\xd8\xd3\xdc/N\x98\xff\xf9V\xfb\xa2\x85\xf3\x13\\\xce\xbf\xca\x80\xaa\xda\x7f\xd4\x85\x97e{W\xbe\xf5\xd0h\xcd\x1fVU]\xc6\x14\x8f\x02\xba\xc1\xdd\t\xf6\xa0\xae\x0f\xbb{J\xef\xcb\xef\x7f\xec\xc1{\xfe\xa6\xe20\xdb\x95\xdb6o\x1a8|d\x87\xb1O\xb5\xe99\xac\xb2\xf4\x08!\x7fX\xc5\x8bj\x85\x10\\p\x9e\x94\x9e\xb3\xe9\xa7\xb9k&gt;z`\xc1\xec\xaf\x9b\xb7jS\xdd\xfd\x80j\x0c\x00\xf3\xd0\xa7~9\xe3\xc9\xbb\xaf^\xf4\xc2\x85\x19\xc9.\x9f/\xac\xc8x\x9eE\x0b!\x801\x9e\x90\x95\xf4\xca\xfb\x0b\xa7m\xb5-\\0\xcfn\xb3\x1d\xbf\x16\xadjy\xf8\xe8K\xc6dV\xaex\xf3\xe1\x0b\x03\xa5^ \x80\r\xff\xe8\xc1\x18\xb7X\x14"\xd3\x81w~\xd2\xef\x8a\x07\xfe\xaa\x1f`\x06\xfc\xf6m[\x06\x0c=\xaf\xe3U\xcf\xb4\xe8\xdc\xcfSV \xc9\x96Z9ftB\xcc\xd0\x12S\xb3\xb6\xae^\xba\xfa\x83{\x16\xcc\x99\xd9\xacy\xcbj\x9d\x0f\xa8\xae\x000\x0fz\xfd\xc6_G\xf4\xeb\xb6\xf2\xb5\x8br\xd2\x93\xfc\xfe\x106\x18\xa3\x90n0wn\xea\x83\xcf|\xf5\x0bk\xf9\xed\xcc/u\xc3P\xfeXq\x98U\xc9]\xf7&gt;t`\xc9\x84\xaf^\xbf\xceWX\x8137Q\x88s!+\x12\x95\xa5\xb6W\xbd\xfb\xd8\x1b\xd3.:\x7f\xc4\x9f\x1a\x8f\xe6"\xecp8\xdc\xa1}\xbbF\xa3\x1e&lt;\xab\xdf\xa8\xca\x92#X\xfbG!f\xe8I\xe9\xd9\xeb\xbe\x9b\xb9\xf3\xab\xf1\xeb\xd7\xaf\xb7;\x1c\xd5\xb7.\xa8Zjds\xc4 \x10\x08^v\xc9%o\xdf|vnN\xaa\xdf\x87\xb5\x7f\x94Rd\xc9w\xa4\xfc\xc9\xbb\xce\xd3\xf6,}\xf6\xc5\xd7\x14Y6\xef25\x99m\xff\x99\xb3\xe7\xcd\xff\xf4\xd5O\xc7_\x1a,\xf1J\xb5p\xb7\n\xfag\x94\x12]7$B\xbe|\xfc\xfc\xbbo\xbdn\xdf\xfe\x83\x94R\xcey\xd5\x0b\xcc&lt;\xb8\xfe\x9a+,M\x07t\x1c0\x1ak\xff\xa8%\xc9Je\xc9\x91\xb3\xfa\x9fok&gt;\xf0\xba\xab\xaf\xf8S9FV\xb5T\xca\xe6\xdd^7\xdev\xd7\xa0\x06\xea\x88A\xed\xbd\xe5&gt;\x19G~\xa2\x98D\xa9\xea\x0b~\xf6\xd8\xe8\xb7\x9e{h\xfd\x86_)\xa5f\x06\x08!\x08!\xc5%\xa5\xb7\xdft\xed\xa7\x0f\x0cUdj.R\xae\xed\xe3E\'&amp;Q\x1a\xf0\x87[4\xab\xf3\xc8\xa8F\x97\x8d\xb9\x02\x8e\xb9}\xd7\x0c\xf2\x8f?xo\xce\x9a}#nz\xc2S\x82#?QM\x92-\x95%G\x86\xdf4~\xfe\xfa\x03\x1fN|G\x92\xa4c\x9be\x11\x14\xf9z\xd9\x1c\xfcY\xbb~\xe3\xea\x05\xd3\x9e\xbeeH\xa8\xcc+\xcb\xb8\xa5TT#\x044\xcdH\xcbH|ht\xab{\xee\xbb\xbf\xaa\x8a7oO\x7f\xec\x89\xa7G\xb5q\xb4\xeb\xd0\xc8\xef\x0bI8\x7f\x1f\xddd\x99\xfaK\xbd\xff\xb9\xb8\xa7\\\xba\xe1\xb3\xcf\xa7\x9b\x15\x87\x19\xe4\x01\xbf\xff\xf1\xa7\x9e\x1fz\xf33\x86\x1e\xc6\xdbm\xa2\x1f!\xc4P\xc3Co~f\xfc\xd3/\xfa}\xbej\xda\x8d\xa3Z\x1a\xe6\x84\x90\xbb\xfe\xfb\xdf\xc7.mow\xd8\x0c\xc6\xf1d\x8b~\xb2D\x03\xe5\xbe\xff\\\xd8#\xb4o\xf9W3\xbf\x95$I\xd34I\x92~\xdd\xb2\xed\xbb\xaf?~\xe2\xc6A\xa12\x9f\x82A\x1e\x0b\x08%L\xd5_\xb9\xb9\xdf\xf8G\xfe/\xac\xaa\x94R\xc30(\xa5O?\xf1\x98\x94\xd7\xb5a\x9b\xaea\xbf\x17\xd7\xfcD?Bh8\xe0m\xd0\xba\x8b\xd2\xa0\xfbS\xe3\x1f\xad\xea\x97GV\x84\xcf\x03\xb3\xf9\xbfj\xdd\x06V\xb4y\xf4\x80\xb6Ao\x00\x87\xfec\x85\x00\x02\x02\xfew~\xbb\x89\xef\xbdk~\x85\x10\xf2\xe6;\x13\xae\xe8U\xc7\x95\xec2\x8cj\xe9\x81\xa2\x88\xa3\x84\x04\x03\xe1\x0e\xed\x1a\xb6H\x0e|&gt;\xfd\x1bsWg\xbf\xcf\xfb\xd5\xb7\x8bz\x8c\xbe9\xe4\xab\xc0\xf5\xfe\xb1\x82Jr\xc8[\xd1c\xf4M\xd3\xe7|\xe7\xf3z$I\x8ax\' \xf2\x01\x00\x00\xaf\xbe\xf6\xfa\xa8\xce9\xb2\xdd\xc68\xee\x05\x163$JB\xfe\xd0\xb0\x9e-\x8b\xb6\xafX\xb7\xe1W\x8b\xc5RRV\xfe\xfd\xdc/\xaf\x18\xdc^\xf7\x85$|ZC\xec \x84\x08\x9d]3\xb0\xc5\x84w\xde2\xdbd_L\xfd\xd4o\xcb\xc9m\xd8\\\x0b\x87pk\x87\x98A\x88\xa6\x86r\x1a4\x0f:r\xbf\x98:\x85\x10\x12\xf1N@$\xafj!\x84,\xcb\x15\x95\xde_~^ti\xff6\x86?\x84\xb7\xfb\xc6\x16\x83qK\x82cP\xdb\xf4\t\xef\x7f\x08\x00S?\xff\xbay\x1a\xab\x93\x97\x11Vu\xac4b\x88DI8\x10\x1e\xd0\xb5i\xe0\xf0\xe6_6m\x01\x80O&amp;\x7f\xda\xaa\xefhC\xd7\xb1\xf6\x8f1\x84\x18\xba\xda\xaa\xef\x85\x93?\x9d\x06\x00\x11\xbf! \x92og6\xff\x97\xfd\xb8\xbcQ\x12\xcb\xa9\x93\x1a\xd6\x0c&lt;\xd7b\x0b\xa5\x84\x87\xb4\x91g\xe7oX\xfd\x93\x10\xb0l\xe9\xe2\xf3\xba5\x04&amp;p\xe5O\xcc1\x18\xb7\xb8\xec=\xf2\x13\xbf[\xfa\xa3\x16\xf2\xef,\xa8l\xd8\xa6\xbb\x1a\xf4Q\x8a\x139\xb1\x84RI\r\xfa\x1b\xb6\xe9\xba\xb7\xd8Wp\xf8 \xa54\xb2\xa3@\x11\xee\x01\x00\xc0\xbcy\xf3z6O\'\xd50\\\x85\xaa\x1b%D\rkm\x9b\xe4\x82\xef\xc8\xfa_\xb7\x16\xed\xdb\xd2\xabm\x1e\x0bi\xb8\xf6\'\xe6PB\xc0\xe0\xe7\xb4\xab\xbbn\xf5\x8aeK\x97\x80;7)-\x8b\xe3\xc6\xce1\x88\x19zbj\x96p\xe7~\xbf\xf4;8\xda\xce\x8e\x94H\x06\x80y\xc3\xc2\xce\xad\x9b\xcej\x9a-4\x03\x9b\x8d\xb1\x88qasZ\x9b\xe68\'M\x99\x96jc9\xe9\x89\xaa\xaecQ\xc6\x1cB\x80\xabz\xab\x06\x99\x95E\xfb\xbf\x99=\'\xbbq;\xc0\xa7\xf3\xc4\xb2\xd4\xfa-W\xafY\x03G\xdb\xd9\x91\x12\xb1\x0007\x0b\xd3\x0cVYr\xa4qn\x1a\xd3\x0c\xdc. \x16\t!\x80\xd2\x16\xf5R\xa6~1\xbdN\xb2\xa2\xd8\xad8\x93\x1f\x8b\x08!\xaan\xd4\xcdL2\x02\xa5\xf3\x17-\xcdi\xd4\xd2\xd0u\\\xfd\x19\x8b\x08\xa1\xdc0\xd2r\x9b\xec\xd8\xb5\x1bN\xe5\xd1\x1d\'#\x92\x01\x00\x00G\x8e\x14\xb0\xb07\xc1ec\xd5v\xef2\xaav\x9cg&amp;;\xbd\xa5\x87S\\\xd6\x7f~1\x8aV\\\x08\xd9j\xb1\x82V\\T\x9a\x90\x92\xc6\x99Q\xdbG\x84N\x13gFBrjAa\xa9yKG\x04;\x01\x11n\x11\x14\x14\x16\xbb\xad,9\xc9i0\x8e\x1d\x80XD\x08\x01\x837\xad\x93\x1a\xf2\x967\xcev\xd7\xf6\xe1\xa0\xd3\xc7\xb9\x90\xed\xd6l7\xf5x\xfc\xa9Y\xf5\x98\xa6\xe2P^,"\x84\x18\x86\x9a\x9cU\xaf2\xa8\xea\x91.\xc4\x08\x07\x80,\xcb\x00\x04p\xd0 \xc6\x19\x8c\x03!\x06\x96c\xac\x13\x82\x0b \x84rf\xe0\x02\xd0XF83\xe4j\xd8\x881\xc2\x01\x80+\x7f\xfe\x1d\x08\x01\x10\x02+\x8c\x7f\x07!\xf0\xb9\xbe\xb1\x8f\x90\xea\xa8\\qR\x08!\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J\xae\xed\x03\x88=\\\x08\xce\x05\x00PB\x08%\x04\x00\x00\x84\x10\\\x80\x10\x82\x10"QR\xbbG\x88N\x86\x10\xc0\x850\x8b\x8c\x108Z\x92\xe6\x17A\x08!QB\x08\x16e\x14\x12\xc2,$\x02\x84\x10B\xe8\xb1_\x05\x01\x84\xfe\xfeE\xf4\xf70\x00N\x96\x00`\x8cK\x94:m\n(\x12\x00\x80\xc1u\x9d\x19\x8c\x13B\xac\x8aDe\t$\x02\x8c\x07C:V\x1b\xd1\xcc\x8cp\xab"Y\xac\nH\x12p.\x0c\xae\xe9\x8c\x0b!QbWd\x90)\x10\xca\xc2\xba\xaa3\x8c\x80\xe8!\x04\x17\\H\xb2\xac8\xec\x92\xac\x08.\x18\xd3\x99\xae\t\xce\x08\xa5\xb2l\x93d\x0b!\xc4\xd0U]\r\x82\x00B1\x06\xfe\x01\x06\xc0Ia\\\xc8\x948\xdcvC5\xd6\xed*^\xb1\xb5p\xe3\xde\xd2\xbd\x85\xdeJ\xbf\xaa\xeaL\xa2\xc4i\x93\xd3\x12\xed\r\xb3\x12\xfb\xb4\xad3\xe8\xac&lt;\xdd`\xd8x\x8cN\x06\xe3N\x9bB\xadryY`\xf5\x86C\xab\xb6\x17m;X~\xa4,\xe0\ri\x8c\t\x8bL\x13\x1c\x96:i\xaefu\x93\xcf\xef\xd1\xb8AN\xa2\xa1cQ\xd6&gt;!\x84\x10\\\xb1:\x14\xab-\xe8)=\xb2}]\xe1\xae_\xca\x0e\xee\xf4\x95\x1e\xd6B~\xc6\x0cJ%\x8b#!1\xbdNz\x83\x96uZt\xc9h\xd8\x92\x10\xaa\x06}\x94J\xb5}\xecQ\r\x03\xe0\x9f\x19\x8c\'\xb8\xac\xc1\x90&gt;q\xd6\x86\x8f\x16n]\xb5\xadPg\xfc\xaf^&lt;g\xd5\xbe\xe1]\xea\xebFM\x1e :)\\\x08BHB\xa2}\xc7\xbe\xb2w\xbf\xdd4\xe3\xe7\xdd{\n&lt;\x7f\xf3z\x8b"\xdf}Y\'\xb5"(K\x18\x00\xb5\x893\xa6Xm\xb2\xd5^\xbcw\xf3\x96%_\xecZ5\xbf\xfc\xf0\xee\x13\xbe\xf2 \x00\x00H\x8a\xb5n\xabn\x9dG\xdd\\\xbf}\x9f\xb0\xdfC\x00\x00#\xfc/`\x00\xfc\x03\xc6EB\xa2}\xf1\xea\xfd\xf7N\xf8a\xdd\xaeb\xf3\x8b\x99\xc9\x8e6\r\xd2\x9a\xd6I\xceLv8\xac2\xe7\xc2\x1b\xd4\x8e\x94\x076\xed-u\xd9-\xe6\x0c\x01\x8a*\x9c\x0b\x8b"\x01%ONZ\xf1\xe2\x97k+\xfc\xaa\xf9\xf5\x16\xf5RZ\xd6Om\x98\x95\x98\x9c`U$\xaa\xea\xbc\xdc\x17&gt;P\xe2[\xb3\xa3\xc8\xa6H\x80%\x19\x05\x1c\x89\xa9\xe5\x87v\xae\x9a\xfe\xe6\xd6\x1ffh!\xbf\xf9EgRzj\xdd\xfc\xc4\xcc&lt;Gb\x8a\xa4X\x99\xa1\x07+J\xca\x0e\xed(\xde\xfb\xab\xa1\xa9\xfb\xd6/\xdd\xb7~i\x97\xd1\xb7\xf5\xbc\xfc~]\r\x81\x10\x98\x01\'\x84\x01\xf0w\x18\x17\xae\x04\xdb\x8bS\xd7\xdc7\xf1\x07\xc6\x05\x00\xf4k_\xf7\xba!\xadz\xb7\xce\xcdNq\x82"\x01!\xbf\x9f[BhA\xad\xb82\x14\xd69\x0e\x1aD\x15\xce\x85\xd5"{\x82\xda\x98g\xe6\xcd[\xb3\x0f\x00\xdc\x0e\xcb\xd8\xfe\xcd/\xeb\xdb\xb4m\x834\xa7\xcb\n\x12\x05\x80\xdf\x8aR\x00\x08^^\x11\xd4\r\xae\x06TY\xc2q\xe4Z%\xc4\x9a\x99\xef,\xff\xfc\xe5\xa0\xa7\x0c\x00,vW\xe3.\x83\xf2\xbb\r\xcbj\xd2\xde\x99\x94.)\x16B(\x10\x00\x01BpC\r\x97\x1f\xd9\xbdi\xe1\xa7\xbf\xcc\xfd\x88\x19\xfa\xca/_\xd7B\x81\xfe\xd7?\xa5\x06\xbcxI\x9e\x10\x06\xc0_b\x8c\xbb\x12\xedO|\xbc\xfc\xe1\x8f\x97\x03@v\x8a\xf3\xc5\x1bz^\xda\xa7\x19\xc8D\x0f\x1b\x81\x90\xce\x83\xda\xb1\xaf\'\x00\x92D\xb3\x92\x1d\x7f3@\x84j\x1e\x17BV$_X\x1f\xfa\xe0\xd7\xab\xb6\x17\x01\xc0\x90\x8ey/\xdc\xd8\xbbE\xa3t\xd0XX\xd3\xfd~U\x88?4\xf5\t!N\x9bB\x00\x18v\xe6j\x91\x10D\x92\xb4P\xe0\xe7i/\x85\xbc\xe5\xb2bmy\xceEg\r\xbf.\xad~s\xc1\xb9\xa1\x85t5\xa8\x85\x03PUv\x84\x10BSr\x1b\x0f\xb8\xe9\xd9F\x9d\x06\xccz\xe1\xc6\xb0\xdf\xb3\xfe\xdb\x0fr\xf2\xcfj\xd1w\xb4\xea\xaf$8\x1fp\x1c\x0c\x80\x133\x18Op\xdb?\x99\xfb\xabY\xfb\xb7\xa8\x97\xf2\xf5\xb8\x11\xf9\xf5\xd3\xfc\x9e\x90\x10B\xa2\x94R\xb3\xe1\xf1g\x9a\xc1\xb1\xa9\x11U\x08\x80,\xd31\xe3\xe6\x9a\xb5\xffm\xe7\xb5}\xf5\x96&gt;\x82\x83\xaf2h.\xe4\x95(\x81\xe3\x8a\x921\x018t\\\xbb\x08\xe1\x86\xe1J\xce\x1c|\xebKkf\xbe\xdbs\xec\xfdu[\xf5\xd0\xd5`\xc8WA\x00\x08\xa1\xbf\xaf\xc2&gt;\x86\xa1\x85\xb4\x90\xbfa\xa7\x01\x83o{e\xe6\xd3W\x03!\xcb\xa7\xbd\xd8\xb8\xcb Be\x00~|A\xc79\xec\xde\x9e\x00\x17\xc2nSv\xec/\xbb\xf5\xcd\xa5\x00P/#\xe1\xdb\'G\xe6\xe7&amp;{+\x82\x12%\xb2t\x82\xd3\xae\nV\x19Q\xc5`\xdc\x91`{\xf1\xf35sV\xed\x03\x80\xeb\x06\xb7|\xed\x8e\xfe\xa1\x90\x11\x0c\xeb\xb2D\xe9_\x97$!X\x94\xb5\x8fP\xaa\x06\xbdy\xedz\x8f~\xec\xd3\x9cf\x9d\x82\x9e2C\x0bS*\x11*\xfdU\xf1\x10B%Y\t\x94\x15\xe5w\x1b\xd2\xb0c\x7f!D\xf9\x91=\x077/\xb7\xd8\x9d\x02\xfbs\xc7\xc1\x008\x11\x01\xb2"\xdd7\xf1GoPSd\xfa\xe1\xdd\x03\xea\xe7$y\xfd\xaa"\xe3\xc7\x15K\xcc \xdf\xb9\xaf\xec\x89OW\x11\x02\x1d\x9bd\xbcq\xdb9!\x7fX\x80\xc0\x9b\xf5b\x88`\x06g\x86\x16\xf4SI:\xd9;\xbc\x08\x11\x9c\xe7w\x1ff\xfe\xa1`\xdbZ*\xc9B\xe0\xd8\xec\x9fa\x8d\xf6g\x8c\x0b\x87\xc3\xf2\xfd\xfa\x833\x97\xef\x01\x80\xeb\x06\xb7&lt;\xa7K\x03\xaf\'\x88\xb5\x7f\xcc\xe1\\\xc8V\xf9\x85/\xd7\xfaB\xba,\xd1Wn\xecm\xb5H\x06\xe3\x7f\xd7\x83CQ\x88\x98C&gt;\xa7p\x01\x12J\x98\xa1\'\xe74"T\x02\x10\x9e\xe2\x03Bp\xec\xd3\x1d\x0f+\xb5\xe3\t"\x917gm\x14B$\xbb\xac\xf7^\xd8Q\x0f\xea\x12.\x05\x895B\x80\xdd*\xef;X1m\xd9\x0e\x020\xb2{\xa3\x1e\xed\xea\xfa\xfd\xb8\xaa\'^\x08\xc1-v\xa7\xacX\x01@\x0b\x07A\x08\xac\xfe\x8f\x87\x17\xc3\x1f\x08!l\x16e\xef\xc1\ns\xb1\xe0\x05g7\xae_79\xac\xea\xd8f\x8c9\x8cs\xd9f\xf9\xea\xc7]\x9e\x80F(\xb9iX\x1b\xc1\xb0\r\x18G\x08\x10f\x18\x9c\x19\x00 [l\x00\x04g\x00\x8e\x87\x01\xf0\x07\x8c\x0b\xd9&amp;\xcf[\xbb\xdf\x1b\xd4\x08\x81K\xfa4\x15\x0c\x17\xf5\xc7$J\t\xd3\xf4\x99\xcb\xf7\x10\x80\xd6\xf5S\xbb\xb7\xcc\x0e\x87u\x1c\xfa\x8f\x17B\x10Y\x0eT\x141C\x03 \xee\xf4\\B)\xde\xd6w&lt;\x0c\x80? \x84\x00\x17\x0b\xd7\x1e \x00\r\xb3\x12;\xe5gja\x83b\xad\x11k\xb8\x106\x8b\xbc\xe7\xb0g\xfd\xaeb\x010\xa8c\x9e\xd5i5\xf0\xfe\x8c\xb8!\x04\x97$\xe5\xd0\xe6\x15\xe6\x9f\xb2\xf3;p\x8e\xfb\xfa\x9d\x00\xde\x07\xf0;\x01`\x91iEep\xdd\xae\x12\x01\xd0\xa5Y\x96;\xd1\xe6\xf3\x86\xcdQ\xe3?\xec\x1e|\xf4\xf5\xe6\rD\x94\x9ehA2\xaa=\x82\x0b\xc9"\xaf\xd9Y\xe4\x0f\xeb\x00\xd0\xbbu.\x18\xbf\xf7\xe4\xaa6\xf4\xfeSQ\x12B(\x01\xec\xf0\xc5:!\xb8\xa4X\x03\x95\xc5[\xbf\x9fN\x08IH\xafS\xafuw=\x14\xc0\xcdA\x8f\x87\x01\xf0;\xc1\x85\xc5*o\xd8Sz\xa8\xd4\x0f\x00\x9d\x9bf\x99C\xc6B\x00\xe3\xdc\xa2H\x0e\x9b\x05$\n\x8c\x83\xb9\xa0\x98\xc0o[\x08h,\xa8\xea\\\x00\x8e0D\t\x01\x00\x04\xd6\xec,\x06\x80$\x97\xb5E^*\xd3\rJ\x08\xe7B\x008\xac2\xb5\xca\x00\x00L\xfcv\x1f)%@)\x08n\x84\x8d\xb0fP|\x12@\xcc\x12\x9c\x01\xa16g\xe2\xb7\xef=\xe4-9\x0c\x00\x9d\xcf\xbf\xc5\xeeN\ry+\xa8\x84w\x02\xff\x19\x06\xc0\xef\xb8\x00\x90\xa5m\x07+\x18\xe7\x00\xd0"/\x05\x98\xe0\x02\xac\x12q$\xd8\xcb\xcb\x02\x8b\xd6\x1dX\xbd\xa3hO\x81\xa7\xd4\x1b\xd6\rn\xb7\xca\xb9\xa9\xce\x96y\xa9\xdd[f\xb7o\x94A$\xea\x0f\xa8XuD\x03J\x08\x18|\xcb\xfe2\x00\xc8\xcbpg\';U\x9d3.\x12\x1c\nP\xba\xfd@\xd9O\x9b\x0b6\xec)9T\xea\xf7\x075\x00HrY\xf32\xddg5\xce8\xbbUNnv\xa2\x11\xd6\xc3\xaa\x81K\xbf\xa2\x95\xf8\xd3h\xbe\x00s\xc3hN\x08\xb58\x12\x00`\xf1\x84\x876-\xfa\x14\x00\xf2\xbb\rk7hl\xd8\xef\xc1\xda\xff\x840\x00\x8e%\x80\x92]G*\x01\xc0a\x95\xeb\xa5\'\xe8\xaa\x9e\xe8\xb2\x96T\x86\xde\x9a\xb6f\xd2\xa2\xad\x7f\xb5{\xb0E\x96z\xb5\xce\xfd\xef\xe8\x0eC\xba6\x08\x054s0\xa1F\x0f\x1c\xfd\x11\xa5$\x18\xd2\xf6\x17\xfb\x00\xa0~f\x82\xd5*\xfb\x83j\x82\xdb\xbe|\xd3\xa1W\xbf\xfee\xd6\x8a=A\xf5\xc4\x1bvg&amp;9F\xf7jr\xcf\x85g\xe5e\'\xfa}a\xcc\x80(D\x88t\xec\xdc%\x01B(\xa5\xb2"\xc9\x8a\xa1k\x05\xdb\xd7\xfd4\xf5\x85}\xeb\x97\x02@~\xb7\xa1C\xee|\xcd\xd0\xd4\xda:\xd4\xe8\x87\x01p,\x02\\\x98\xb5FJ\x82-\xc9iQ\x9c\xd6\xf9\xcbw\xdf\xfa\xc6R3\x15\xea\xa4\xb9\xda7\xceh\x94\x9d\x98\xe4\xb2\x82\x80\n\x7fx\xe7\x11\xcf\xba]\xc5\x85\xe5\x81E\xeb\x0f,Z\x7f\xe0\xb6\xf3\xda\xbdxC/\xc6\x18\xc7\x05\x87\xb5G\x08\xa1\xc8RQe\xb0\xd4\x13\x02\x80\x9cT\x17(\x92E\x91\x1f\x9c\xf8\xc33\xd3\xd6\x98\xa3\xff\xed\x1b\xa7\xb7\xcaK\xcdMs9\xac\xb2\xaa\xf3\xc2\x8a\xc0\x96\xfd\xe5kw\x15\x17U\x06\xdf\xfcf\xc3W?\xeez\xe7\xf6s\xce\xeb\xd9\xc4\xef\ra\x06D\x1bC\x0bs~\xf4)=Bp\xce\xb4P\xc0Wv\xa4h\xd7\xc6\xdd\xab\x17\x1e\xda\xb2\x02\x00\x9cI\xe9\x9dF\xdd|\xd6\x88\xeb\x98\xa1sf\xe0\x13"\xff\n\x06\xc0\xef\x08\x01\xe0\xbc\xb82\x08\x00\t\x0eKfz\xc2\xb4\x85[.{z\x1e\x17\xe2\xecV9\xb7\x8fl\xdf\xb7m\x9d\xb4$;H\xb4j\xffg0xay`\xe6\xf2=O\x7f\xb6j\x7f\xb1\xef\xf5\x99\xbf\x94T\x06\'?0DU\r\x81\xfbN\xd5\x12\x01 K\xc4\x13P\xbdA\r\x00\xb2S\x1c\xa0\xd0+\x9e\x9b?m\xd9\x0e\x89\x92\x9b\x86\xb7\xb9fp\xcb\xd6\xf5S\xadv\x05\xaaf\x05\xb9`\xaa\xb1\xf9`\xf9[\xdfl\x988\xf7\xd7\xc2\xf2\xc0\xa8q\xb3\xa6\xfd\xdf\xd0\x0b\xfb6\xc5~@\xf4\x10\x9c+6\xe7\xfc\xb7\xee9\xb2u5\x91$\xc19\x00p\xa6kA\xbf\xf9\x9c\x00*\xc9\x8d;\x0f\xca\xef&gt;\xbcQ\xa7\x81\x8e\xc4\x94\xa0\xa7\x8cP\x8a\xb5\xff\xdf\xc0\x00\xf8\x1d%\xc0t\xe6\t\xa8\x00P/#a\xf5\xd6\x82\xb1\xcf\xce\'\x04\x9e\xbf\xae\xe7\x1d\xe7\xb7W,\xb2\x1a\xd2\xfc\x01\xed\xd8\xad\x83\t!).\xeb\r#\xdb\r\xef\xda`\xf4\xb8\xd9+\xb6\x15N]\xb6\xa3y\xbd\x94G\xae\xee\xee\xf3\x84\xf0\xa6\xd3\xda!\x80P\xe2\xf1k\x9a\xc1\x00\xa0aV\xe2\xe3\xef\xfe0m\xd9\x8eVy\xa9\xef\xdc\xd9\xafG\xbb:\xa0\xb1\x90j\xf8}\xbf\xef\x02M\x00(%\xad\xf3R\xde\xb9wP\xff\xf6u\xaf|~AP5\xaezaA\xf3z)\xcd\xf2R\xd5\xb0\x8eK\x81\xa3\x04\xa1\xb4\xfc\xd0No\xc9\xa1\x13~WR,Bp_\xd9\x91\xc2\x9d\xeb3\x1b\xb5q$\xa5\xa9\x01\xaf97P\xc3\xc7\x19+0\x00~G\x08\xd1\x19\xf7\x87t\x00\xf0\x85\xb4\x1b^Y,\x00\xbe|x\xf8\xc8s\x9a\x06+\x83\xe1\xb0.Qz\xfc\xd6\xc1\x06\x13\xe1\x8a`n\x8as\xfac#\xba\xde&gt;\xf5P\xa9\xff\xe9i\xabG\xf7l\xd2\xb4^rX5pyh\xcd3\x17x\xfa\xc3\xba\xf9|\x97oV\xec\xf9\xfc\xfb\x9d\x9d\xf23g?92#\xd9\xe1\xad\x0cI\x84\xd0\x13\xed\x02\x1d\x0c\x1b,\xa8\x8d\x1e\xd8\xd2\x1b\xd0\xae}yQP5\xee\x9d\xf0\xe3\xb7O\x8f\xac\x9d_\x03\x1d\x87\x10\xc2t\xb5\xdbEw\xf9\xcb\x8b\x08!\xe6*l\xcet-\xe8\x0bT\x14{\x8a\x0e\x96\x1e\xd8\xb6{\xf5\xc2\xdd\xab\x17\x02@Z\xbd\xa6m\x07]\xd1f\xe0\x18 \xc04\x15\xd7\x80\x9e\x10\x06\xc0o\x84\xd9\x03\xe0"\xa4\x19\x00\xb0bK!\x17\xe2\xb5\x9bz\x8f\xec\xd7\xccS\xeaSd\xe9\xaf\x1e\x0cK\x08(2\xf5\x06\xd4\xecL\xf7SW\xf7\x18\xf3\xec\xbc\xb0\xc6\xde\x9c\xb5\xe1\xcd\xbb\xfa\xf3\x90N\xf1q\xb2\xb5\x82\x10\xb3\xf9/Q\xfa\xf9\xf7;3\x92\x1c_&lt;4,\xddm\xf3z\xc3\x7f\xb3\xa9\x1f\xa5\x84R\xc9W\xe6\xbffx\x9b/~\xd89\x7f\xed\xfeyk\xf7/\xdft\xb8[\xab\xdc`P\xc3N@\xed#\x843=\xbf\xdbP*\x9d\xa0\xe2b\x86\xae\xfa=e\x87v\xedZ5\x7f\xd3\xa2OK\x0fl_&lt;\xe1\xc1\x9d+\xe7\x0e\xbd\xf3uGb\xaa\xa1\x861\x03\x8e\x87\x9f\xc8\x1f\x08\x01\xe6$!\x17\xa2g\xab\x9c[G\xb5\x0f\x94\x07,\'\xf1PpE\x96B\xbe\xf0\xf9g7jV7\x85\x00|\xbbroeE\xd0"K\x02\xef&gt;\xaf%\x8cq8\xfax\x86qc\xbb\xe6\xd5K\xf6\x05NjCoB\x88\xe0\xe2\xf6\x91\xed\x84\x00!\xc4\x97?\xee"2\xe5X\x90\xd1\x82\xa8\x01o\xd0S~\xfc\xbfZ\xd0/)\xd6\x9c\xa6\x1d\xfa^\xf3\xd8\xd8\x17\xe7\xe7w\x1b\x06\x00\x076\xfe\xf8\xd5\xe3\x97iA\x1f\x95\x15\xc0B&lt;\x0e\x06\xc0\x1f\x98c\xc1\xe6\xff\xdf&lt;\xbc\r\x91N\xe1\xca7\x18\xb7;\xad\x83;\xd6\x13\x00\x07K\xfc\x9b\xf7\x97Y\xad\xb2\xc0s\xae\x96PJ\x01@7xn\xaa\xeb\x92&gt;\xf9\xaaO\x95\xe5\x93Z\tN)\xd1\xc2z\xb7\xe6Y\xf5\xd2\x13\x00\xe0\xe7\xcd\x05F\xd8\xc0[\xfc\xa2\x07\xa1\x12\x95N\xf0/\xa1T\x08\xa6\x85\x02AO\xa9+9c\xe4\x03\x1f\xb4\xec{\x11\x00\x94\xec\xdb\xba\xe4\xc3q\x16\x9b\x03\x9f\x07p&lt;\x0c\x80\xdf\x10\x00!@\x96\xa8\xc3*\x03\x80\xc3\xa6tl\x9a\xc9\xb4S\xd8\x08\x88\x10\x02\x02:4\xce\x04\x00.\xc4\xb6\x83\x15\x80-\xc7\xda"\x84\xdd\xf2[u\xdf\xb9YfR\xa2]g\xfc$\x0b\x92\x00\x18\x8c\'%\xd8[\xe4\xa5\x00\xc0\xfe\x12o\xa97\xa8`g.6\x10B)\x95dC\x0bk\xa1\xc0\x80\x1b\x9fI\xad\xd3\x84\x10\xbau\xd9\xf4\xc2]\x1b\x14\xcc\x80\xe3`\x00\xfc\x8e\x0baQ\xa4$\xa7\x15\x00\x9cV\xd9eS8\x17\xe4\x94\x16sr^\'\xdde\xfeoAY\x00\xef\x05\xa8\x15\x04\x00\xb8Hr\xd9\xccf{\xb2\xcb*(9\xa5\xae\x18\x17\x02dZ\'\xcd\x05\x00\x9e\x80V\xe9\xd7$J\xfe|\xfb)\x8ab\x84J\xcc\xd0\xac\xce\x84vC\xaf\x12\x82sf\xecZ5_\xb6\xd8\xcd\x95\xa3\xa8\n\x06\xc0\xef\x84\x00\xa2H9\xa9N\x00\xd0\x0c\x16\xfcm\r\xcf\xc9^\xf6f\xbd\xe3\xb0\xca\xe6-*\x01U\xaf\xbeCE\x7f\x83\x100\x18OO\xb4\'8,\x00\xe0\x0f\x19\x84\x9f\xc6\xbd\xd9\xc4e\xb7\x00\x80a\xf0\xb0\x86\xab\xb9b\x0f\xa1TW\xc3uZt\x91d\x0b\x00\x14\xee\xda\xc0\x99\x8e\xb7\xe8\xff\t\x06\xc0\xef\x84\x10@I\x93\xdcd\x00\xf0\x85\xf4\x92\xca\x90$\x91S\xeb\xf8\x13\xc2\xb903\x03\x17\x8d\xd4\x1aB\x0c\x83\xa7\'\xda\xb2S\x9c\x00p\xb8\xcc\xcf\xf5\xd3\xd9\n\x98\x1d\xdd\xf2\x0fk\xffXD\x80pf8\x12\xd3\xed\t\xc9\x00\x10\xa8(2p1\xe8q\xf0\xe3\xf8\x1d!\x04\x18o\xdb0\r\x008\x17\xdb\x0fU\x80,\x9d\xfc \xbe\xb9\x03\xa5?\xa4\x9b\x7f#\xd1a\xa9\xb6#E\x7f\x87\x00\x18\\8\x9c\xd6\xe6uS\x00`_\xa1\xa7\xcc\x17V$z\x8a\x83\xf8\xc2\x1bT\x01\xc0\xaaH\x0e\x9b\xccp\x06 \x16\t!\xc9\nU,\x00\xc0t\x9d3\x86\xb7\xe7\xff\t\x06\xc0\xef(\x01\xa6\xb1\xf6\x8d\xd2\xdd\x0e\x0b\x00,\xdfZpJg\x8b\x10\x02(=X\xe23\xffX\'-\x01Ng\xe4\x01E\x80\xd9\x99\xeb\xd12\x1b\x00\n\xca\x83[\x0f\x94+\x96SX\x91E)\x11:;T\xe2\x07\x80\x94\x04[\x8a\xcb\xc6\x18?\xb5\xd9 \x14\x05\x08!\x86\xae2]\x05\x00I\xb1PI\xc6\x95\xa0\x7f\x82\x01\xf0;BHX3\xf2\xb2\x13;\xe5g\x12\x02\x8b\xd6\x1f\xf4{B\'\xb3r\xfc\x98\xb7\x80_\xf6\x94\x00\x80,\xd1\xa6u\x93\x85\x81\x0f!\xaa\x1df\r~N\xbb\xba\x16Y\xe2B\xcc]\xbd\x8f(\'\xdb\x99\x13\x02\x14J+\xbc\xe1\xed\x87*\x00\xa0AVb\x92\xdb\xa63\x8eE\x19[\x04\x08*)\xc1\xca\x92\x90\xb7\x1c\x00\\)\x99\xb2\xc5\x82\xab\x80\xfe\x04\x03\xe0\x0f\xb8\x10T\x91.\xec\xd5D\x08\xd8u\xa4r\xce\xea\xfd6\x87\xe5$\x1f%(S\xaa\x06\xb4%\x1b\x0e\x11\x80\x86Y\xee\xa6u\x92U\xcd\xc0\x1e@\xad\xa0\x84\x04\xc3z\xeb\x86\xe9]\x9bg\x11\x02S\x97\xee\xf0\x94\x07\x14Y:\x99\x04\xe0B(6y\xed\xce\xe2\xc3e~\x00\xe8\xd12\x9bZd\xf3\xf6@\x14C\x04\xe7\xb2\xc5zd\xdb\x1a\xf3\xb9\xf0\x99\x8d\xdaPI\xc1\x0e\xc0\x9f`\x00\xfc\x81$Q-\xa8]\xd0\xb3In\x9a\x8b\x12\xf2\xdc\x17kt\x8dI\x94\xfc\xe3ic0nwZ\x16\xffrp\xf3\xbe2\x010\xa4s}W\xa2]7Nv\xed9\x8a8\xce\x85\xa4H\xd7\x0fm%\x04\xec+\xf2N\x98\xbb\xd9\x96`5\x0c\xf6\x8f\x7fQpA$\xfa\xc1\x82\xcdB\x80D\xc9y]\x1b\n\\\x05T\x8bN\xb7\xce&amp;\x94\x1aZh\xd3\xe2\xcf\x80\x10Bi\x83\x0e}\r]%\xb84\xe3\x8f0\x00\xfe\x80\x00\xa8:KKs\xfewT{.\xc4\xda\x9d\xc5/~\xb1\xd6\x91\xec\xd4\xff\xb6\xe2\xe0\\H\x12\xd5u\xf6\xd8\xe4\x15\x84\x10\xab"];\xa8\x15S\xf1i\xf2\xb5I\x96h(\xa0\x8e\xee\x95\xdf\xa1q\x06\x01xz\xda\xea\x1d{J\xdd.\x9bn\xfc]\x7fN7xB\xa2\xfd\xfb\xb5\x07\xbe\xfaq\x17\x00\x9c\xd3\xaen\xc7\xe6\xd9\xc1\x10\xee\x06Zk\xa8\xac\x00\x00g\xec\x14\xee\xe4\x10\x82\x19\xba3)c\xcd7\xef\x15\xed\xde\x04B\xe4\xb5\xed\x95\x9d\xdfA\x0f\x05p[\xd0?\xc1\x8f\xe3\xcfd\x89\x86|\xea\xcd\xe7\xb5=\xabI\x06\x00&lt;:i\xc5W\x0b\xb7$\xa6\xb9\x18\xe3\x8c\xfda\x18Y\x00p!t\xc6e\x99:\x12lw\xbd\xb5t\xf5\xf6".\xc4\rC[\xb7\xce\xcf\x08\x854l6\xd6.\xc6\x85\xc5"\xbdtC/ P\xee\x0b_\xf2\xe4\x9cRo\xc8\xed\xb2\xea\x06\xe7\x7f\x9c\x10\x10\x02\x18\x17\xba\xc1\xddn\xdb\xc1B\xcf5//4\x98\xa0\x94\x8c\xbb\xa2\xdbq\xcf\x1fD5\x87\x10\xea\xaf("Tr$\xa6H\xb2"8\xe7\x8c\t\xce\x84\x10\xc7\xf5\x0c\x84\x10Bp\xc6\x99A$)!5k\xe3\xc2)?Ly\x96P*\xc9\x96\x9ec\xee\x17\x9c\xe3,\xfe\xf10\x00N\x80q\xa1\xc8\xd2\xc7\xf7\x0cJrY5\x83\x8dyv\xde[\x9f\xafu\xb9l\xae\x04\x9b9\',\x84\x10BPB\x1c\x16\xd9\x9d\xe4\x08\xe9\xec?\xcf\xce{s\xd6F\x00h\xdf(}\xfc\xd5\xdd\xc3\x01\x8d\xe2\x8a\xe3\xda&amp;Q\x12\xf0\xab\xbd\xcf\xaa\xf7\xc4\x95\xdd\x01`\xfd\xee\x92\xfe\xf7~\xf5\xcb\xee\x12w\x8a\xc3iW$B\xcc\xed\xde\x00@\x96\x88\xcbaq\';Vn92\xf0\xfe\xafw\x1f\xf1\x08!\xc6\x8d\xed\xda\xadMn0\xa8\xe2F@\xb5\x823\xc3\xeaLX5\xfd\xcd/\x1e\xb9h\xd3\xc2\xcf\x02\x95%\x16\x87\xcb\x91\x98bu\xbae\xc5J$\t\x8e^\x89 \x04!TV,V\xa7\xdb\x91\x98\xa6\x87\x83\xdf\xbd\xff\xe8\xdcWn\xe7\x86.8\xef\x7f\xc3S\xd9\xf9\x1d4l\xfe\x9f\x08n\x07}\x02\x12%\xa1\x90\xd6\xb2A\xea\xcc\xc7F\x9c?nv\x99/|\xcb\x1bKf\xad\xd8s\xe3\xf06\x1d\xf33\xd2\xddvE\x96\xb8\x80@X\xdfu\xa4r\xc1\xba\x03\xef\xce\xde\xb8\xe3p%\x00\xb4\xccK\xfdz\xdc\x08\x87UVq\xfc\':H\x12\rx\xc3\xff7\xa6\x8b\'\xa0&gt;\xf7\xc5\xda\r{J{\xdf\xfd\xc5\xf5\xc3Z_\xd4\xabI\xe3\x9c$\xb7\xddB)\xe8LT\xfa\xc2\x9b\x0f\x14L]\xba\xfd\x93E\xdb\xcc\xfd\xc0\xef\x18\xd5\xee\xa11]\x02\xf88\xb0ZE\x08\xd5B\xbe\xc3\xdbV\x1f\xde\xb6\xda\xeeN\xc9\xce\xef\x90\xdb\xacSf\xc3V\x89YyvW\xb2lsH\x92\x0c\x00BpC\r\x05*\x8a\xca\x0f\xef\xde\xbf\xf1\xc7\x1d\xcb\xe7x\x8b\x0f\x02\x80l\xb1\xf5\xbb\xfe\xc9\xb6\x83\xc6\x86}\x15\xf8P\xf8\x13\xc2\x0081I\xa2&gt;\xbf\xda\xab]\xdd%/\x8c\xbe\xe9\xd5\xc5?m)\x98\xb7f\xff\xbc5\xfb\xd3\x13\xedu\xd2].\x9b\xa23Q\xe6\r\xed+\xf2V\x8d)_\xdc;\xff\xb5[\xfa\xa4\xb9mA\xdc&lt;2\x9a\x10B\x82\x01\xf5\xd9\x1bz5\xccN|\xf0\xa3\x9f\xcb\xbc\xe1\x17\xbeX\xfb\xc2\x17k\x1bf\'f$\xda\x15Y\n\xaazAy\xe0HY\xc0|}J\x82m\xdc\x15\xddn\x1d\xd5.\x18\xd4p\xed\x7f-"\x84\xeaj\xa8i\x8fs+\x0b\xf6\x15\xee\xdc\x10\xf2\x96\xefY\xb3h\xcf\x9aE\x00\xa0\xd8\x1c\x8e\xc44\xab3Q\xb1\xda\x80\x10\xa6ij\xd0\x1b\xa8(6\x1f\x0cij\xd0\xbe\xef\xd9c\xee\xcf\xceo\x1f\xf6U\x10\x8a\xb5\xff\x89a\x00\xfc%Y\xa2~\x9f\xda*/u\xf1s\x17|\xbcp\xeb\x87\xf37\xaf\xddU\\\xe2\t\x95xB\xc7\xbe,\xd9e=\xbbU\xee\r\xc3Z\r\xeb\xdaP\xd7X\x08k\xff(C\x08\x08 ~\xbfz\xc3\xc8v\xfd\xda\xd7{c\xe6/3\x97\xef\xd9W\xe4\xddS\xe0\xd9S\xe09\xf6\x95\x8ds\x12\xcf\xed\xda\xe8\xa6\x11m\x1a\xe7\xa5\x04\xbcaBq\x11om"\x94\xeaj\xa8q\xe7A\r\xda\xf7-\xdc\xb9~\xdf/\xdf\x1f\xda\xb2\xb2\xec\xd0\x8e`e\xa9\x1e\x0ez\xc2\x07\x8e\xff+T\x92\x92\xb2\xea\xe76\xef\xdc\xac\xe7\xc8z\xad\xcf\x06\x10!/\xb6\xfd\xff\x0e\x06\xc0\xdf\x91$\x12\x0c\xeb\x94\x92\xeb\xcfm{\xf5\xc0\x16\xbf\xee/\xfbuo\xe9\x81\x12\x9f/\xa8K\x94\xa4\xbam\x8ds\x92Z\xd7Ok\x90\x93\x08\x84\x04\x02*!\xb8\x05P4"\x00\x12%~O\xa8A\x96\xfb\x95\xdb\xcfy\xe8\xb2\xce\x1b\xf6\x94n=P^\\\x19T\r\xe6\xb4*Y)\x8e\xe6uSZ\xd5OKNq0\xd5\xf0{B8\xf2\x13\r\x08!Z\xd0O(\xc9m\xde\xa5^\x9b\xb3\r5\xec\xaf(\xf6\x96\x1c\xf4\x96\x1c\x0eT\x96h\x01\xaf\xa1\xa9\x00BR\xac6W\xa2+5;)+/)3\xcf\x9e\x98\xca\x19\xd3B&gt;\x10\x80\xb5\xff\xdf\xc3\x00\xf8\x07\x94\x12\x01\xe0\xf7\x86$\x89\xb6o\x98\xde\xbei\x16Tm\x11J\x080\xce4\x16\x08j\x02\x00\x1b\xfeQN\x92hX3xXw;,\xfd\xce\xaa\xd7\xafs\xfd?|\xdb\xe0\xaaf\xf8&lt;!J\t\xd6\xfe\xd1\xc3\xdc\xbeM\x0b\xf9EP\x10J\x1d\x89\xa9\t\xa9\xd9u[J\x84J\x7f\xdc\xa9\x97p\xce\xb8\xa13]\r\xf9*\x08\x10B)\x0e\xe0\xfd#\x0c\x80\x7fF\x00\xcc\x1a!\xa0\xea&lt;\xa4\xfd\xe1[\x84Pl\xf5\xc7\x0eJ\x08\x95\x88\xc1\x84\x16\xd0\xfe\xb4\xae\x9c\x10B\t\x91\xb1\xea\x8fJ\xe4\xe85\xc6\x0c\x9d\xe9\x9a\x00s\x19\xe8\xb1\xd7\x9d \x84\x00!\x84\x10\x8a#\xfe\'\r\x03\xe0\x14\x98\xd5Gm\x1f\x05:S\x84\x80D\x08n\x0c\x19\x8b~\xab\xe5k\xfb0\xfe5\xb0\xbd\x83\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x1f\x00\x84\x10 \x11\x7fWT\xa3(!U\xffE1\xcd,D\x82E\x19\xe3\x08!P\r\x15k\x84\x03\x80\x12\xa2\xea\xcc08\x9ep1\x8c@@\xd5)\xa5A\xd5\xa8\xedCA\xa7\x8f\x00\x08.B:\xa3\x14\x0cM\xc5K2v\x11B\x0cM\x15\x9cA\xa4\x0b1b\x01`\x9e^M\x9a4\x0crGI\xb9\xcf"IBD\xea\xbdQ\xcd\x11B\x80"o\xd9_\xeaH\xcd\xddq\xa42\xe2\'\x1c\xaa1T\xa2F0\\\xe0\'\x19\x99\xc9\xc5\x87\xf6H\x16\xab\xc0k2\x06\t!\x14\xc5ZzhonF\x92\xd5jc\x8cE0\xcb#\xd9\x03\x10B8\x1d\x0egbr\x857H$\x82\xe7Z\xec*\xa9\x0c\xb6h\xd9\xda\x1bf\xc2`\x18\x011J\xa6\xc4\x17\x08\xcbVW~\x93\xc6\xde\xf2bI\x92\x01\xf0\xa2\x8cE\x82HR\xc0S\x96\x93\x9d\x15\xf1n\\${\x00\x9cs\x8b"g\xd6m\xb4aW\xa1dU\xb0\xb9\x11\x8b\x08!B7\xd6\xed.\xbd\xe1\xba\xab\xf7\x97\xea~oP\x91\xa4\xda&gt;(t\xca\x84\x10\x16\x8b\xb2\xf3`\x89%1\xfb\x82\x91\xc3\xf6oY#\xc9xI\xc6$!\x04\x95\xe4\xc2=\x1b\xdb\xb5ne\xfe1\x82o\x1e\xe1\x1e\x00\x00t\xea\xd2m\xe5\xb6B\x90%&lt;\xdbb\x8e\x00\xb0*RI\xa9\xb70 \x9d7t \xb7\xa7n\xdd_l\xb1*\x1c\x8b2\xd6p\x01\xc2\xaa\xac\xde~\xa4^\xe3\xe6\xc3\x86\x0c\xf5\x1c\xda\xa6\xa9*!\xb8\xea/\xf6\x10BuM\xf5\x17\xec\xec\xde\xe3l\x00\xa04\x92\x85\x18\xd1\xf7\xa2\x14\x00F\x0c\x1d\xf2\xf3.\x8f\xe6\x0b\xca\x12\x9em1\x86s\xae8l\x8b\xd6\xecJ\xaf\xdf25\xd9\xdd\xbc]\xd7Y\xcbw\x12\xbb\x85s\x0c\x80\x18#\x84  \xe6\xad;\xdc\xabW\xafF\xcdZ&amp;\x92@\xc1\xbem\x8a\xd5\x8e\xcd\xb2\xd8"\x84P\xac\xb6\xc2}\xdb\x12\xb8\xb7c\x97n\x10\xe5\x01\xc09o\xd1\xac1$\xd6[\xb1q\x9f\xd5n\xc5\x96c\x8c\x11\x00\x12\x99\xfe\xd3\xeea#\xce\x03\x80\xf3G\x9e\xbbxc\xb1\x11R%\x8a\xf3\x00\xb1D\x08\xb0Y\x95\x83\xfb\x8b\xf7\xf9\xac\xbd{t\x11\x00\xbd\xba\xb4\xdf\xfa\xf3\x1c\x9b\xc3%\x04\xab\xed\xa3C\xa7@\x08fu\xb8\xb6\xfc&lt;\xafG\xa7\xb6\x16\xab\x8d\xb1\x08\x17_\x84\x1b\xe9\x9csY\x96/\xbc\xf4\x8a\x8f\x16\xfcJ\xed\n\xb6\x1cc\x88\x10`\xb5*\x07\xf7\x15\xed\xa8\xb4\x8f\xbd\xf4B\xce\xf99\xbd{\x88\xd4\xfc\x9f\xd6\xed\xb69mX\x941\x84q\xae$\xd8?]\xb4\xa9s\x9fa\x99\x19\xe9\x04\xe0\x86\x1bo:\xbc~\xa1\xaa\x86p\x14(\xb6\x10\xa0\xba\xa6\x1eZ\xb7\xe0\x86\x1bn\xa8\x8e\xf7\x8f\xf0\xd9 I\x92\x10\xe2\x86k\xaf\\\xbe\xdf8\xb8\xa7\xd0fU\xb0\x0f\x10+\x18\xe3J\xa2\xf3\xb5/\x97\xf7\x1b~a\xa2;A\xd34B\xc8\xb5\xff\xb9\xe9\xe5/WS\x1b\x8e\x02\xc5\x12Y\xa2\xaa/\xf8\xe9\x0f\xfb\xff{\xe7\xed\x00\xa0\x1b\xc6Y\x9d\xbb\xb6\xccuo\xfc~\xb6\xd3\x9d,8v\x02b\x83\xe0\xcc\x91\x98\xbc\xf1\xfbo\x9b\xe7\xb8:v\xe9\xce\x18\x93"\xbd"#\xc2\x01`\xae\x05r\'\xb8F^\xf6\x9f\xf1\x9f\xfc\xa0$\xd8\x19\xe3\x91\xfd\x11\xa8:p!,6\xe5\xe0\xde\x82\xd9\xbf\x06o\xbf\xf5&amp;!\xb8\xc5b\xe1\x9c_r\xe1\xc8\xfdz\xe6O\xcb\xb7:\x13\xec\x98\x011\xc1`\xdc\x9e\xe4|\xf3\x8b\xe5\x8d;\rn\xd5&lt;\x9fsN\t\x11\x00\xf7\xdes\xf7/\xb3\xde1\x0c\x03\xef\xed\x88\x1d\x84\x19\xc6\xfao\xde\xbe\xef\x7fwW\xd3\x0f\x88|\x7f\xd0\x9c\tx\xf4\xff\xee]\xb8\x93\xafZ\xb33\xc1mg\x1c3 \xda1\xc6\xadI\xce;_\x9d{\xe1U\xb76\xc8\xab\xcb\x18\xa7\x94\n!\\N\xe7\x03\x8f&lt;~\xdb\x1b\x8b\xa9"a\xf5\x1f\xfd\xb8\x10V\xabR\\P\xf1\xd2\xec\x9d/&lt;\xf7\xb49\xe5+I\x12gl\xe0\x90\xe1]\x9b\xa4-\x9d\xf6\xa6;5\x8b\x19zm\x1f)\xfa\x07\xcc\xd0\xddiY\xcb\xbex\xbbs\xa3\xe4A\xc3FTG\xf3\x1f\xaai/ !\x84\xcdf}\xfe\xe5\xd7\xae{ia\xd80\xab\x92\x88\xff\x1c\x141\x86\xc1\xdd\xa9\xee\xa9_\xaf\xd8\xc3\xea&gt;|\xff\x7f\xabN5I\x92\x18c\x17\x9d\x7fn\xdd\xb3\x86&gt;\xfa\xd6\\W\xba[\xd7q\xf4 \xaaq.,.\xdbUO\xcd\xb8\xe9\xee\x87\x1b\xe4\xd5\xe5\x9c\x9b\x8bF\xcc\xae\xf9\xabo\xbc\xb5o\xc9G\x07\xb7o\xb0;\xdd8\x10\x14\xcd\x04g6g\xc2\xa1\x9d\x1b\xf7.\xfe\xe0\xb57\xde\xe6\xbc\xba6\xd7\xa9\x96\x19!\xb3\xe2\x18=rD\xcf\xf3o\xb8\xee\x89/\x1c\xe9\x89\x06\x0e\x04E+\x83q\xa7\xcb\xb6g_\xd1=\x93~\xf9\xf4\xd3O\x15E!\x84T\x9dmf\x7fn\xd2\x87\x13\'\xaf\r/^\xf6\xab;\xd5m\x18XqD)]g\tY\xc9O\xbe3O\xcf\xe9\xf6\xe0}w\x1f\xdbf4\xfbs\xf5\x1b4z\xe7\x95\xe7\xa6?s\x1d\xa1\x94J\x92\x10xUF#!\x04\x95$*\xc9_=u\xdd[/?\xd3\xa0Qc!DdW\x7fV\xa9\xae%\x01\x94R\xc30\xdex\xf9\xb9=\xa4\xc9\x8b\xef\xcesg%kXqD\x1f\xc6\xb8\xcd\xaa\x84t\xfd\xfc\x87\xbfz\xe2\xc5\xb7\x9b7mb\x18\xc6\xb1\xa7\x9a\xd9\x9fKt\'L\x9a\xfc\xe9u\xaf\xfd\xb0\xe7@Q\x82\xdb\xa1cQF\x1fMg\xee\x8c\xc4Ys\xd7|\xbc:8u\xf2\xc7Um\xff*\x92$\x19\x86q\xfeE\x97^?\xba\xff\xe4\xc7\xafu&amp;\xa6\x01\x00f@\xb4\x11\x82\x03\x08WR\xfa\x94\xc7\xaf\xbb\xee\xfcsF_|\xb9a\x18\xd51\xf8c\xaa\xae\x00 \x84\x98+\x82\x16\xcc\xfd\xf6\xf3m\xf6\x97\xdf_\x90\x98\x9bj0\x8ew\x06D\x0f\xc3\xe0.\xa7M\xe3\xbc\xef\xed\x93\xaf\xbe\xf7\xc5+/\xbf\xd80\x0cY\x96\xff\xf42\xb3?\xd7\xa3k\xa7\xd7?\xfcr\xc8\x03\xdf\xec9R\xe6NI\xc0\x0c\x88\x1e\x02@7Xbv\xca\xacE\xbf\xfc\xef\xd3\xdd\xf3\x16,NMI\x82\x13m\x01-\xcb\xb2a\x18/\xbc\xf2\xc6\xb9\xed3&gt;y\xec*wJ&amp;\x95d\x8ecAQ\x83sF\xa9\xe4N\xcd\xfc\xe4\xb1\xab\x86\xb7I}\xe9\xb57OxIFP5.\n6\xcf?\x97\xd3\xb1x\xd1\x82\xcf\xb7\xda\xfe\xef\xb9\xaf\x13R\x13,\x8a\x84\xc3A\xb5N\x08a\x18&lt;!\xd5\xb5\xbb\xa0\xfc\xec[&gt;\xbe\xec\xaeg\xef\xb8\xe5\xfa\xbf9\xd5\xcc\xc6\xe3\xf0\xc1\xfd_\x9c\xf8\xf9\xa0\xfbg\xfe\xb0f\x97;#\xd1`\x1c\xd7\x05\xd5:\xc68\x01pg&amp;\xbd7e\xe9\xbd\x9f\xed\x9e\xb</t>
        </is>
      </c>
    </row>
    <row r="374">
      <c r="A374" s="1" t="n">
        <v>372</v>
      </c>
      <c r="B374" t="inlineStr">
        <is>
          <t>color_hexagon</t>
        </is>
      </c>
      <c r="C374" t="inlineStr">
        <is>
          <t>What is the missing color of the part denoted with a question mark?</t>
        </is>
      </c>
      <c r="D374" t="inlineStr">
        <is>
          <t>['orange', 'purple', 'yellow', 'green']</t>
        </is>
      </c>
      <c r="E374" t="inlineStr">
        <is>
          <t>purple</t>
        </is>
      </c>
      <c r="F374" t="inlineStr">
        <is>
          <t>There is a hexagon split into six parts with the colors ['?', 'green', 'orange', 'purple', 'green', 'orange'] in an anti-clockwise order.</t>
        </is>
      </c>
      <c r="G374" t="inlineStr">
        <is>
          <t>We observe that a green part is opposite another green part, and a orange part is opposite another orange part. Thus, the pattern is that the colors in opposite parts are the same.</t>
        </is>
      </c>
      <c r="H374" t="inlineStr">
        <is>
          <t>Based on the pattern that spatially opposite parts have the same color, the missing color of the part which is opposite a purple part should be purple.</t>
        </is>
      </c>
      <c r="I374" t="inlineStr">
        <is>
          <t>b'\x89PNG\r\n\x1a\n\x00\x00\x00\rIHDR\x00\x00\x02\x00\x00\x00\x02\x00\x08\x02\x00\x00\x00{\x1aC\xad\x00\x00|nIDATx\x9c\xed\xddy`TE\xba7\xfe\xaa\xa7N\xaf\xe9\xa4\xb3\x08\x04A\xd0@\x0c\x9b\xb2\r\x9b\x19\xc2" \xa3"8\xca\xa8 wT\x18qF\x9daq\x81\x1fF$\xa8\x11\x05\xcd\xeb\x88\xdbu\x14d\x11A\x19\x81\xc1\x0b\x01e\x13P\x94\x00\x0e.\x98\x80\xb2\x07\x14\x92t\xd2\xdb\xe9SU\xbf?*i\x10A\x81,\xbd\x9c\xe7\xf3\xd7\xbds\xe7}m\xd3}\xceS\xa7\xea9\xcf\x97J)\tB\x08!\xf3\x81H\x7f\x00\x84\x10B\x91\x81\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a\x01@\x08!\x93\xc2\x02\x80\x10B&amp;\x85\x05\x00!\x84L\n\x0b\x00B\x08\x99\x14\x16\x00\x84\x102),\x00\x08!dRX\x00\x10B\xc8\xa4\xb0\x00 \x84\x90Ii\x91\xfe\x00(\x92\xa4\x94R\xcaH\x7f\n\x141\x94RJi\xa4?\x05\x8a\x18\x8a\xd7\xbfi\x19\x86\xa1i\xb8\x020;\xc30\x18cX\x06\xcc\t\x0b\x80I\t!\x00\xe0\xdbo\xbf\xfd\xdb\xdf\xfe\x06\x00B\x88H\x7f"\xd4\xa04M3\x0cc\xcc\x981#F\x8c\x88\xf4gA\x11\x83\x0b@\xd3Q%\xdf\xef\xf7\xcf\x9a5+99y\xdd\xbau\x91\xfeD(b\xda\xb5kw\xf8\xf0\xe1\xc1\x83\x07w\xe8\xd0AJ\t\x80\x87\x82\xe6\x82O\x00\xa6\xc39g\x8c\xcd\x9d;\xf7\xae\xbb\xee\xa2\x942\xc6\xc2\xbf\x01\xbc\xfe\xe3\x1e\xa5T\x08\x11\xfe\xc6\x19c\xba\xae\x8f\x1a5\xea\xed\xb7\xdf\xc6-A\x13\xc2\x02`.\xea\xd4\xb7\xa2\xa2\xa2]\xbbv?\xfd\xf4\x93\x10\x027\x7fL\xcej\xb5r\xce\xd7\xad[\xd7\xbbwo\xb58\x88\xf4\'B\r\x07\x0b\xbe\xb9\x08!\x18c\xb9\xb9\xb9\xa5\xa5\xa5j\xed\xaf\xfa@\x84\x10#G\x8e\xbc\xe7\x9e{***\xf0\x16\x10\xaf\x84\x10N\xa7\xf3\x8b/\xbe\x98:u\xaa\x10B\nA\x81\x1a\x86!\x84\x187n\xdc\x96-[,\x16\x8b\xfaID\xfa\x93\xa2\x06\x82O\x00&amp;"\x84\xa0\x94~\xf7\xddw\x1d:tP\xfb\x00\xea\xdbW\x87\xc0\x97^z\xe9W_}\x95\x9c\x9c\x1c\n\x85\xf0\x16\x10\x978\xe76\x9bm\xf0\xe0\xc1\xabW\xaff\x8cq\xce\t!\x94\x10`\x8cs&gt;g\xce\x9c?\xff\xf9\xcf\xf8\x10`*X\x00LD]\xdb\xd7]w]aa\xa1f\xd1\x8c\x90\xd1\xb2\xed\xa5\x9e\x93\xde\xb2c\x15\xaa\'\xe4\xee\xbb\xef~\xfd\xf5\xd7O\x9c8\x81\xb7\x80\xf8\xc39OIIy\xfb\xed\xb7\xff\xf2\x97\xbf0\xc6\x04\xe7\x16\x8d\xe5t\xb8t\xed\xce\x83\xea\xec\xa7q\xe3\xc6j\x05\x80/\x07\x98\x07\x16\x00\xb3Pw\xff\xc2\xc2\xc2\xeb\xae\xbb\x8e1F\x88\x14RNz\xeb\xde\xef\x8a~x\xff\xff\xadf\x0c\xa4$\x00\xb0e\xcb\x96\xab\xae\xba\xca\xeb\xf5\xe2\x81p&lt;\t\xef\xf5u\xed\xdau\xdf\xbe}\x16\x8d\x85\x0c&gt;\xf8w-\xdf\xfe\xff\xaeo\x7f\xf7\x9c\x9f&lt;\x01Mc\xa1\x901e\xca\x94\'\x9f|\x12\x1f\x02\xcc\x03/rSP\xd7\xbfa\x18\x7f\xff\xfb\xdf\t!\x00\x94s\xf1\xbb\x81\x1d2\xbb\\\x9e\xf3\xc7n\x8d\x9a\xa7r.\x00\xc00\x8cG\x1f}\x14/\xfe\xf8\xa3\x96\xff3g\xce\xdc\xb7o\x9f\xa6i\\\x08\x8d\xc1Sw]\xd3(=)\xef\x7fzJ)\xa5\x10\x0c\xe0\xb9\xe7\x9e+..\xc6\xf7B\xcc\x03\x0b\x80)\xa8\xd7\xbe^{\xed\xb5={\xf6h\x9a\xc69w\xb8\xec7\x8c\xe9\xeb\xaf\n8\x13\xedC\xee\xedG\x08\x11R0\xc6\xd6\xad[\xb7|\xf9r\xb7\xdb\xad6\x88Q\x1c\x90R:\x1c\x8e\x92\x92\x92\x97_~\x99RJ\x88\x14B\x8e\x1e\xdc\xbeK\xdb\xa6U\xc7&lt;\xff3\xa8}\xe7\xd6\x8d\xb8\x10\x8c\x81\xae\xebS\xa6L\xa1\x147\x06\xcc\x02\x0b@\xfcSg\xbf\xa5\xa5\xa5\xb9\xb9\xb9\xe1\xeb\xbf\xef\xf0\xee\x97\xb7k\x16\n\x1a\xbe\xaa@\xaf!\x9d3;\xb5\x14\\\xa8]\x82I\x93&amp;UUU\x9d\xfe~\x00\x8ai\x9cs\x97\xcb\x95\x9b\x9b[VV\xa6iLp\x91\xec\xb2M\x1b\xd5S\x0f\x84\x84$N\xa7\xf5\x99\xbb\xb3\xa5$\\\x08\xc6\xd8\x92%K\n\x0b\x0b\xc3G\xc4(\xbea\x01\x88\x7f\xea\r\xcf\xc9\x93\'\x97\x95\x95i\x9afp~\xc9\xa5)\x03GeW\x95\xfb\x80\x01!Dpq\xf3\x83\x83\x18\x03.8c\xac\xa4\xa4d\xe6\xcc\x99)))x\x0b\x88\x03j\xf3g\xe5\xca\x95\x8b\x17/f\x8c\t!\x84\x94\x8f\x8f\xe8\xd1\xa4qbP7,\x1ax+\x03\x03\xba_~\xf35\xad8\x17\x00\x94R\xfa\xf7\xbf\xff\xdd0\x0c|\x0e0\x03,\x00qNm\xfel\xdf\xbe\xfd\x9dw\xdea\x8c\t\xc1\x89$7\xdd\xd7\xdf\x9d\xe62\x0cN)\x01\xa0\x01o\xb0M\xf7+\xb2\x87v\x91BJ")\xa5/\xbf\xfcrII\x89\xddn\xc7[@\xac\xa3\x94\x86B\xa1\xa7\x9f~Z\x08\x01@\x85\x10\x9d[7\xfa\xeb\xd0\x8e\xfe\xaa c\xd5\x97\xbf\xe02\xff\x9elw\x82\x95s\xce\x18\xec\xd9\xb3\xe7\xb5\xd7^\xc3\x93\x003\xc0\x02\x10\xe7\xd4\xf1\xef\xc4\x89\x13\x83\xc1 \x00p.2;\xb5\xec5\xa4sU\xb9?|\xfdS\xa0\x81\xaa\xe0\x90\xb1\xfd\x9d\x89v\xc1\x05\xd3XYYYnnnbb"&gt;\x04\xc44\xc30\xd2\xd2\xd2\xe6\xcc\x99\xb3e\xcb\x16\xa61\xc1\xb9\x94\xe4\x99\xbb\xb3\xed6\x8ds\xa9:=\x01\xa8\xdf\xa7ge6\xbe\x7fHG!$%\x84R\xaa\xf6\x8b\x00\x00W\x00\xf1\r\x0b@&lt;S\xfd|K\x96,\xd9\xb0a\x83\xa6i\x9c\x1b\x9a\x85\xdd\xfc\xe0 \xc1\x059\xad\xcf\x9bR\xaa\xebFj\xba\xfb\xfa1}\xa5\x94\xea\xa1a\xe9\xd2\xa5\xeb\xd7\xafOLL\xc4e`\x8c\x92RZ\xad\xd6\xa3G\x8f&gt;\xf7\xdcs\x94R \x84\x0b\xf9\xc7\xec\xd6\x03\xba_\xee\xad\n2v\xea\x17\xc0\x18\x04&lt;\x81\t\xb7v\xcdh\xea68\xd7jV\x00\xea\x15\xf1\x08\xfe+\xa0\xfa\x86\x05 n\xa9\xb5\x9b\xea\xeb \x84PJ\x84\x90]\x07th\xd3=\xc3\xef\r\x02\xfc\xecM\x1f\xc6\xc0_\x19\xe8;\xbcG\x93\x16i\x82\x0b\xa8i\x08\xd14\r\xd7\x801\xca0\x0c\xb7\xdb]PP\xf0\xfd\xf7\xdf3\xc6\xb8\x10V\x0b\x9b6\xaa\xa7\x14g~\xa1\x94\x92\x90\xc1\xd3\xd2\x12&amp;\xdf\xd6MJ"O\xeb\x19\xc3\x8d\xa0\xf8\x86\x05 n\xa9\xb1?3g\xce,..\xb6X,\x86\xc1\x13\x92\x1c\xc3\xee\x1f\x10\xf0\x06\xce\xb8\xfb+\x9c\x0b\x9b\xc3r\xcb\xb8\xc1\x84\x10\xc19cl\xcb\x96-\xf3\xe7\xcfOKK3\x0c\xa3\xc1?&gt;\xaa\x15!Dbb\xe2\x97_~\xa9v\xf3U\xeb\xd7\xb8a\x9d:\\\xd9\xc4\xe7\xd3\x7f\xf9\x03\xd0\x18x+\xfc\x7f\x1e\xdc\xfe\xf7\x1d.5\xb8\xd0\x18\xa8\xb7F\xf0(8\xbea\x01\x88Oj\x1bg\xef\xde\xbd3f\xcc\x00\x00)\x85\x94\xb2\xdfm=\x9b\xb4L\xd3\x83\xc6Y_\xf4\x07\x06\xfe\xca@\xa7\xbem\xdat\xcb\x10BRJ(\xa5O&lt;\xf1Dii\xa9\xd5j\xc5\xbb@l\x91Rj\x9a\x96\x9b\x9b[QQ\xc1\x008\xe7MR\x9c\xe3o\xe9\xa2\xfbuv\x8ew\xbc%!\x9a\x06SG\xf6\x00\xa0\\p\x8d\xb1\xc2\xc2\xc2%K\x96`Kh\x1c\xc3\x02\x10\x9f\xd4\xd9o^^\x9e\xc7\xe3a\x8c\x19\x06o\xd2"\xed\xba\xbbz\xfb*\xfc\xc0\xce\xf9\xa5KB$\x97\xc3\'\x0c\xd6,Lu\x85\xef\xdf\xbf\xbf\xa0\xa0\xc0\xedv\xe3C@\x0cQ\xad\x9f\xabV\xadZ\xbe|9cLH!%\x99\xfe?\xbd\xd2\x9b$\x05u\xe3\\c~\x18Poe`@\xcf\x8c;\xfafq.UK\xe8\x94)St]\xc7\xe7\x80x\x85\x05 \x0e\xa9\xb3\xdf\x8d\x1b7.X\xb0 \xbc|\xbbe\xdc`\x87\xd3\xca\xb9\xf8\x95)_\x00\xd4\xef\x0b^\xd1\xbey\xff;z\xa9\x96P\xb5\x17\xbck\xd7.\x97\xcb\x85{\xc1\xb1\x821VUU\xa5Nq\x81R\xce\xc5\xef;\\z\xf7\x1f:x=~\xed\xdc\xe5\x9f\x10B\x01t\xbf\x9e\x7fwvj\xa2=dpMc\xc5\xc5\xc53g\xce\xc4\x93\x80x\x85\x05 &gt;q\xcesss9\xe7\xea\xd2m\xd3-\xa3S\xdf6\xbe\xca\xc0\xaf,\xff\x15\xf5Z\xc0\x80\x91\xd7$\xa5\xb9\xd4ipEEE~~\xbe\xd3\xe9\xc4[@L0\x0c#%%e\xfe\xfc\xf9\xbbv\xed\x02\x00!8\x03:uD\x0f\xa6\xc1o.\xe2\x81\x92`\xd0\xb8\xacy\xf2\x83C;J)\x89\x94@a\xd6\xacY\xa5\xa5\xa5\xd8\x11\x14\x97\xb0\x00\xc4\x1b\xc30\x18c\x0b\x17.\xdc\xb8q\xa3\xa6i\x067\x18\x83\xe1\xe3\x07K~^\xcf\xf0\xaa%\xf4\x92\xa6\xc9C\xc6\xf6W-\xa1\x8c\xb1\xf7\xde{o\xe5\xca\x95\xf8np\xf4\x93R\xda\xed\xf6\x03\x07\x0e\xe4\xe5\xe5\x01\x00P\xc2\x85\xbc\xad\xcf\x95\x03zex+\x03\xecl\x87\xffgP\xfd`\x8f\xfc\xa9[\xebK\xdd\xea!\xe0\xe4\xc9\x93\x93\'O\xc6w\x02\xe2\x12\x16\x80\xb8\xa2\xa6&gt;x&lt;\x9ei\xd3\xa6\xa9\x93^)d\xf6\xd0.\x97\xb7o\x16\xf0\x9d\xd9\xfay.\x8c\x81\xd7\xe3\xefuc\xa7\x16YM\x85\x10\x14(\xe7\xfc\xe9\xa7\x9f\xc6\xa0\x98\xe8\xc79OLL,((8~\xfc8\x00p!\xdc\t\xd6\xc7F\xf4\x08\x05B\xf4\xfc\xbe}J\x08\xe7\xd2\x99`}\xe2\xce\x9e\x84\x10!\xb8ZO\x14\x15\x15\xa9I\x12\xf5\xfco\x80\x1a\x14\x16\x80\xb8\xa2\x9a\x7ff\xcc\x98\xb1w\xef^\xb5\xfb\xefL\xb4\x0f\x19\xdb?\xe8\xd7\xcf\xf3\xfa\xaf\xfe\xff\x87\x0b\xbb\xd3:\xec\x81\x81D\x9ej\t}\xf3\xcd7\xb1%4\x9a\xa9\xd6\xcf/\xbe\xf8b\xf6\xec\xd9\x00@\x88\x10B\xde?\xa4c\xdb+\x1b\x07\xfc!8\xef\xe2\xcd\x18\xf5V\x06F\x0ej\xa7ZB\x19P]\xd7\xc7\x8d\x1b\xc79\xc7\x87\x808\x83\x05 ~\xa8\xed\x9a\x9aS;\xa6Z?\xaf\x1f\xdd75\xdd}\xae\xd6\xcfs\x01\x06^O\xa0Cvf\xe7\xbem\xc3-\xa1yyy\x07\x0e\x1c\xc0\x01A\xd1\x8c1\xf6\xc8#\x8f\xe8\xba\xce\x008\x17W\xa4\'M\xb8\xb5k\xc0\x13`\xbfu\xf6s\x06I\x08\xe7\xe2\xd9\xd1\xbf\xd7\x18\x18\x9ck\x9a\xb6i\xd3\xa6\x85\x0b\x17bKh\x9c\xc1\x02\x10?\xd4}Y\xf5\xed1\x06\\\x88\x16YM\xfb\xdd\xd6\xc3Wy\xc1\xd7\xbf"\xb8\x18\xf6\xc0@\x87\xcb\xaeZB\x8f\x1f?^PP\xe0r\xb9\xf0\x16\x10\x858\xe7n\xb7{\xf9\xf2\xe5\xeb\xd6\xad;\xbd\xf53-\xd5\x192\xf8\x85n\xdd1\xa0~\x9f\xde\xab\xd3e\xa3\x07\xb7\x17BR"\x81\xd2i\xd3\xa6UTT`Kh&lt;\xc1\x02\x10\'T\xeb\xe7\x86\r\x1bj\xde\xdc1\x88$\xc3\x1e\x18h\xb3[8\xbf\x98}[\x00\x1a\xf0\xea-\xda6\xed;\xbc\xbb\x14R\x9d.\xcc\x9e=\xbb\xa8\xa8\x08\x07\x04E!M\xd3|&gt;\xdf\xa4I\x93\x08\xa1@\x89j\xfd\x1c9\xa8\x9d\xd7\x13\xf8\xf5\xd6\xcfs\x01\x00\xdd\xa7O\x1b\xd53\xd9e38g\x1a\xdb\xbbwoAA\x01\x00\xe0\n n`\x01\x88\x07\xea\xb5\xaf`08q\xe2DJ)\x00\x15Bv\xee\xd7\xaeCv\xa6\xf7b\x97\xffDm\x04\x95\xfb\x07\xde\x99\xdd\xa8Y\x8a\x10\x82\x01\xe8\xba&gt;}\xfat\xcc\x8a\x896\x86a$%%\xbd\xfa\xea\xab%%%\x1a\x035\xf6\xe7\xd9{~\xcf\xf9/\xe6\xfe\x9c7JIP7\x9a4N||D\x0f5 \x88\x01{\xe1\x85\x17\xd4\xf1\x12\xae\x00\xe2\x03\x16\x80x\xa0\xce~\x17-Z\xb4}\xfbv\xb5K\xabY\xd8\x90\xb1\xfd~9\xf6\xeb\x82PJ\x0c\x83\'7N\x1c|W\x8e\x94\x92K\xc1\x18[\xb6l\xd9\xea\xd5\xab\x93\x93\x93q\x19\x18%T\xeb\xe7\xa1C\x87\xf2\xf3\xf3)\xa5j\xea\xdf\x9fzg\xf6\xear\x99\xdf\xa7\x9fO\xeb\xe7\xb90\x06\xfe\xaa\xe0_o\xba:\xb3Y\xb2\xc1\x05cPQQ\x91\x97\x97\x87\xef\x04\xc4\r,\x001O-\xff\xcb\xca\xca&amp;M\x9a\x14\x1e\xfb\xd5\xff\x8e^-\xdb5\xfb\xe5\xd4\xcf\x0b\xc5\x18T\x95\xf9\xb2\x87ui\xdd\xa9E83\xf2\xb1\xc7\x1e\xf3\xfb\xfd\x98\x1d\x1f%T\xebg^^^yy9c\xcc\xe0"5\xd1\xfe\xd4\xdd\xd9\xbaW\x87s\x8c\xfd9O\x94\x10.\xa4\xddn\x99\xf5\x97\x1cB\x08\xe7\x86\xc6\xd8\x82\x05\x0b6m\xda\xa4\x92\xa5\xeb\xe8\xdf\x00E\x0c\x16\x80\x98\xa7\x96\xff\xb9\xb9\xb9\xa5\xa5\xa5j\x7f6)\xd55p\xe45\xc1Z\xdf\xfd\x15I\x08\xd3\xd8\rc\xfa\x01P!8\x00\xec\xda\xb5\xeb\x95W^\xc1\x01A\xd1@\xb5~\xae_\xbf~\xee\xdc\xb9\x00@\xa4\x90R&gt;8\xb4c\x8b\xe6\xc9\xbf2\xf6\xe7\xfc1\xa0\xde\xaa\xe0\x90\xec\x8ck;_\xc6\x85T/\x85\x8c\x1b7.\x18\x0c\xe2ip\x1c\xc0\x02\x10\xdb\xd4\xdd?\x9c\xe1\'\xa5\x90\x92\xdct_\xff\xb4\xa6\xc9\xba~a\xad\x9f\xe7\x02@\xbd\x1e\x7f\xc7\x9c\xacn\x83\xaeR-\xa1\x00\x90\x9f\x9f\x7f\xe8\xd0!l\t\x8d\x06\x9a\xa6M\x992\xc50\x0c\xc6\x80s\x91\xd9&lt;\xf9\x91?u\xf3\xd7\xe2\xec\xe7\x97\xb8\x90\xcf\xdf\x9bc\xb50\xce\xb9\xa6iEEE\x8b\x16-\xc2\x01Aq\x00\x0b@lS\xfb?*\xc5\x9b1\xc6\xb9h\xdd\xa9\xc5\xefo\xeeZU\xe1\xab\xc3\xeb\x1f\x80\x06|\xfa\xb0\x07\x06&amp;$98\x17\x00P^^\x9e\x97\x97\x97\x90\x90\x10[\xfb\x00j\xb8\x05\xe7\xdc\xf89\xcey,\xde\xcb\x0c\xc3HNN\x9e7o\xde\x96-[\x18c\x82sI\xc8\xac19N\xa7%\x9c\xf8X{\x00\xd4\xe7\xd3\xafn\x93&gt;nX\xa7\xea\x96P\x80I\x93&amp;\x9d&lt;y\x12\x1f\x02b\x1d\x16\x80\x18\xa6Z?\x0b\x0b\x0b\x0b\x0b\x0b\x19c\\p\x00z\xc3\x98~Lcu{URJ\xf5`\xa8I\xcb\xb4~\xb7\xf5\x94RJ)\x00`\xee\xdc\xb9\xdb\xb7o\x8f\x89\x96P)%\xe7\\\xad^].Wjjj\xa3F\x8d\x1a5jt\xc9%\x97\xa8\xff!%%\xc5\xe9t\xaa\xffZ\xa4?\xec\xf9R\x13\xff+++\x9f|\xf2IB\x88\x1a\xfbsm\xe7\xcb\x86dg\x9c\x91\xf8X{\x0c@\xf7\xe9\xe3o\xe9\xd2$\xc5\xc9\xb9`\x0cJKK\x9f\x7f\xfey|\x08\x88uX\xc0c\x95Twb!:t\xe8\xb0g\xcf\x1e\x8bE\x0b\x85\x8c\xee\xd7]}\xdfs\xb7{\xca\xbcu\xb8\xfc\xaf\xfe\xc7\xa9\xc5\x02\xa5y\xb7\xbdt\xfc\xd0IM\xd3\x0c\xc3\xe8\xd7\xaf\xdf\xea\xd5\xab=\x1eO-\x0f\x1b\xeb\x8f\xba\xa7\xdbl65\xce\xba\xb4\xb4\xb4\xb8\xb8x\xef\xde\xbd\x07\x0f\x1e\xf4x&lt;\xc1`\xd0b\xb1\xa4\xa4\xa4dddt\xe8\xd0!++\xcb\xe1p\x94\x97\x97\xab\x97\x1e"\xfd\xd9\x7f\x83a\x18\x8d\x1a5z\xec\xb1\xc7\x9ez\xea)M\xd3\x84\xe0@\xe9\xf6\x97\xeeh\x9fqI\xc0\x1f\xaa\x93\xe3\x9f\x9f\xfd\xe3\xb8HLv\xbe\xfe\xef\x9dc_\xfcHc %a\x9a\xb6{\xf7\xee\xd6\xad[\xc7\xc4\x9f\x0b\x9d\x15\x16\x80X\xa5\x96\xff\xb3g\xcf~\xe0\x81\x07\xd4\xf5os\xda\x1e}\xeb/\xe9-/\xd1\x83\xf52\xb5\x8ds\xe1r;\xb7,/z\xf3\xf1\xf7\x81\x01%\x94s\xfe\xde{\xef\r\x1d:T\xf5\x9f\xd4\xf9?\xb1\x96\xa4\x946\x9b\xcd\xe9t\x1e:t\xa8\xb0\xb0p\xe5\xca\x95\x9f}\xf6\xd9\x91#G\xce\xfa_\xb6Z\xad\xbf\xfb\xdd\xef\xee\xb9\xe7\x9e\xdbo\xbf]J\x19\x08\x04\xa2\xf0\xdf(L\x05\xbe\x97\x96\x96v\xef\xde\xbd\xbc\xbc\x9c10\x0c&gt;\xf6\x86\xab^\x9d8\xb0\xaa\xc2_\xe7\xe5\xff\xd4?\x97\xd2\xdf\x8f\x7fw\xe7\xde\x1f-\x9a\xa6\x87\x8c\xe1\xc3\x87/^\xbcX\xfd\x14\xeb\xe9\x9f\x88\xea\x15\x16\x80\x98\xa4\x9e\xbb\x8f\x1f?\xde\xae]\xbb\xf0\xf5\xff\x87\xbbsn{\xe8\xfa\xf2\x1f+\x99Vo\xd7\xbf\x90\x8eD\xfb\xb3w\xffo\xf1\xce\xfd\xaa\x11\xb0U\xabV\x9f\x7f\xfe\xb9z\x1c\x89\xaaY\xa1j\x87\xe4\xe0\xc1\x83o\xbd\xf5\xd6;\xef\xbc\x13\xbe\xefSJ\x19c\x00\x10\xfe\xb4B\x08u0\xa0\xfe\xd7\x01\x03\x06\xbc\xfe\xfa\xeb\xe9\xe9\xe9&gt;\x9f/j\x17\xb6j\xf9\x7f\xc7\x1dw,Z\xb4\xc8b\xd1\xb8\xc1\x93\x12\xac\xdf\xbe\xf1?)\x89v\xc3\x10\xf5\xf4=p.]I\xf6\xc2O\xf7]7\xe5\x03\xc6\x80\x10\xca9_\xbdz\xf5\xa0A\x83\xb0\x06\xc4\xa8(\xfd}\xa3_\xa7\x1e\xba\'O\x9e\\VV\xa6i\x9a\xc1\xf9%\x97\xa6\x0c\x1c\x95]U\xee\xfb\xcd\xc8\x97Z\xfds\t\x11\\\xdc\xfc\xe0 \xc6\x80\x0b\xce\x18+))\x999sf\x14F\x05\xa8\xfe\xc8\x0f?\xfcp\xd6\xacYG\x8e\x1ca\x8cY,\x16\x8b\xc5B\x081\x0cC\xd7\xf5`\x8dP($\xa5TUA\xd3\xb4\xb5k\xd7\xdep\xc3\r?\xfd\xf4S\xd4&amp;!\xab\xc4\xc7\x95+W.^\xbcX\xbd\x94+\xa4||D\x8f&amp;\x8d\x13\xeb\xa4\xf5\xf3\\\xd4\x94\xd0\x01\xdd/\xbf\xf9\x9aV\x9c\x0b\x95\x19\xa9\x1a\x10\xf048F\xe1\xd7\x16{\x84\x10\x94\xd2\xa2\xa2\xa2\xec\xecl\xc30\x08\x91\x9c\x8b{\xf2n\xc9\x1e\xda\xa5\xb2\xbc.\x9b\x7f\xce\xfeO\xe7"15a\xce\xd4\xa5\x1b\x97~\xc14&amp;\xb8HNN\xde\xb6m[\x93&amp;M\xa2*0@=\x01x&lt;\x9e\x9e={\x1e?~\xfc\xf45\xfe\xa5\x97^\xda\xacY3\xb7\xdbm\xb1X*++\xf7\xef\xdf\x7f\xf0\xe0AB\x88:\xd2\xb4Z\xad\xba\xae\x0f\x192\xe4\xbd\xf7\xde\xab\xac\xac\x8c\xc2\x87\x00!\x84\xd3\xe9\x1c0`\xc0\x96-[,\x16\xcd0\x8cN\xad\x1am\xf9\x7f\xb7K.$!\xf5\xfa\x05\x08!mv\xcb\xdeCe=\xfe\xb1\xa8\xd2\x1f\x02\x00\xc3\xe0/\xbd\xf4\xd2\xfd\xf7\xdf\x8f\x0f\x01\xb1(\xea~\xdc\xe87\xa9\xcd\x96\x89\x13\'\x06\x83A\x00\xe0\\dvj\xd9kH\xe7\xaa\xf2z\xdc\xfc\r\xa3@\x03U\xc1!c\xfb;\x13\xed\x82\x0b\xa6\xb1\xb2\xb2\xb2\xdc\xdc\xdc\xc4\xc4\xc4\xa8z\x08P\xc3\x91\x9a7o\xfe?\xff\xf3?\xa1P\x88s\xde\xbe}\xfb\xc7\x1e{l\xfd\xfa\xf5\xdb\xb6m[\xb7n\xdd\x87\x1f~\xb8l\xd9\xb25k\xd6l\xdb\xb6m\xd9\xb2e]\xbbvU/U\xe8\xba\xce\x18[\xb1b\xc5\xda\xb5k\x93\x92\x92\xa2\xea_\x8a\x10b\x18FZZ\xda\x9c9s\xb6l\xd9\xc24&amp;8\x97\x92&lt;sw\xb6\xdd\xa6\xd5a\xeb\xe7\xb9\x00P\xbfO\xcf\xcal|\xff\x90\x8eBHJ\x08\xa5477\xb7\xac\xac\x0c#\xc3b\x11\x16\x80\x18\xa3\xd6YK\x96,\xd9\xb0a\x83\xa6i\x9c\x1b\x9a\x85\xdd\xfc\xe0 \xc1E\xfd\xae\xfdj\xa8\xcc\xc8\xd4t\xf7\xf5c\xfa\xaa6$\x00X\xbat\xe9\xfa\xf5\xeb\xa3\xad%\x941\xe6\xf3\xf9F\x8e\x1cy\xf3\xcd7\xbf\xff\xfe\xfb\x9f|\xf2I^^^\xcf\x9e=\x13\x13\x13\x83\xc1`EEEEE\x85\xd7\xeb\xb5\xdb\xed7\xdcp\xc3\xc7\x1f\x7f\x9c\x93\x93\xa3\xfeu\xd4\xc4\x8b\xc5\x8b\x17k\x9a\x16U75u\xf6{\xf4\xe8\xd1\xe7\x9e{\x8eR\n\x84p!\xff\x98\xddz@\xf7\xcb\xeb\xbc\xf5\xf3\\\x18\x83\x80\'0\xe1\xd6\xae\x19M\xdd\x06\xe7Z\xcd\n\x00\x07\x04\xc5",\x00\xb1D\xdd\x8ct]\x9f2e\n!D\x8d\xfd\xea:\xa0C\x9b\xee\x19\xb5\x1f\xfbs\xfeTll\xdf\xe1=\x9a\xb4HS\xc1\xf1\xea#E\xdb\xedR=\x044k\xd6\xec\xddw\xdf\xbd\xe9\xa6\x9b\xa4\x94?\xfd\xf4SUU\x95\xda\xb3f\x8c\xa9}\x7f!\xc4O?\xfd\xe4p8\x9ey\xe6\x19\x8b\xc5"k\x14\x15\x15y&lt;\x1eM\xd3"\xfd\xefq\x8aa\x18n\xb7\xbb\xa0\xa0\xe0\xfb\xef\xbfg\x8c\xa9\xa9\x9f\xd3F\xf5\xac\xe5\xd4\xbf\x0bB)\t\x19&lt;--a\xf2m\xdd\xd4\x94P\x00x\xed\xb5\xd7\xf6\xec\xd9\x83\xaf\x05\xc4\x1c,\x00\xb1De~\xcd\x9c9\xb3\xb8\xb8\xd8b\xb1\x18\x06OHr\x0c\xbb\x7f@\xc0\x1bh\xb0\xbb\xbf\xc2\xb9\xb09,\xb7\x8c\x1bL\xc8\xa9\xcc\xc8\xf9\xf3\xe7Gaf\xa4\x94\xd2\xe3\xf1\x94\x97\x97\x13B4M;\xbd\xffG\xa1\x94Z\xad\xd6\xca\xca\xca\xb6m\xdb\xaa\xaev\xf5_8~\xfcxeee\xf4\xcc\xbeV\xc7\xda_~\xf9\xa5\x1a\xfb\xa1\xa6\xfe\x8d\x1b\xd6\xa9\xc3\x95M|&gt;\xbd!\x7f\x00\x1a\x03o\x85\xff\xcf\x83\xdb\xab\xccH\x8d\x81a\x18\x7f\xff\xfb\xdf\xf1(8\xe6`\x01\x88\x19jwb\xef\xde\xbd3f\xcc\xa8\x19\xfb#\xfb\xdd\xd6\xb3I\xcb\xb4\x0bM|\xac=`\xe0\xaf\x0ct\xea\xdb\xa6M\xb7\x8cpf\xe4\x13O&lt;QZZ\x1a\x85\xcd3\x00\xf0\x9b\xe7\x93\xea\xa5\x81\xd4\xd4\xd4\xf0\x7f\xa2\xeb\xbazV\xa8\xe7Ow\xbe\xd4\xb1vnnnEE\x05\x03\xe0\x9c7Iq\x8e\xbf\xa5\x8b\xee\xd7Y\x83\x9fTKB4\r\xa6\x8e\xec\x01@\xb9\xe0\x1ac\x85\x85\x855aD\xd1uj\x82~\x05\x16\x80\x98\xa1V\xa6yyy\x1e\x8f\x871f\x18\xbcI\x8b\xb4\xeb\xee\xea\xed\xab\xf0\xd7k\xeb\xe79?\x0f!\x92\xcb\xe1\x13\x06k\x16\xa62#\xf7\xef\xdf_PP\x10\xa3SB)\xa5\xa1P\xa8\xaa\xaa*\xfc\x9f8\x1c\x8e\xe8)f\xaa\xf5s\xd5\xaaU\xcb\x97/?=\xf11\xbdIR\xbd\xb6~\x9e\x0b\x03\xea\xad\x0c\x0c\xe8\x99qG\xdf,\xce\xa5:7Qq\xa4\xf8\x1c\x10C\xb0\x00\xc4\x06u\xf6\xbbq\xe3\xc6\x05\x0b\x16\x84\x17Y\xb7\x8c\x1b\xecpZ9\x17\x11Y\xa3\x02P\xbf/xE\xfb\xe6\xfd\xef\xe8%\x85\x94D\xaa\xbd\xe0]\xbbv\xa9\xb9\x0b\x91\xf8P\x17Iu\x7f\x1e;vl\xef\xde\xbd\xa4\xe6\xac\xa5i\xd3\xa6IIIQ\xf2\x10\xc0\x18\xab\xaa\xaaRg\xad@\xa9J|\xbc\xfb\x0f\x1d\xbc\x1e\xff\xc5%&gt;\xd6\x1e\x05\xd0\xfdz\xfe\xdd\xd9\xa9\x89\xf6\x90\xc15\x8d\x15\x17\x17\xcf\x9c9\x13O\x02b\x08\x16\x80\x98\xc19\xcf\xcd\xcd\xe5\x9c\xab\x0b\xacM\xb7\x8cN}\xdb\xf8*\x03\x11Y\xfe+\x004\xe0\r\x0e\x18yMR\x9aK\x9d\x06WTT\xe4\xe7\xe7;\x9d\xce\xd8\xba\x05\x18\x86\xe1r\xb9\xe6\xcd\x9bWUU\xc5\x18Sw\xfc\x1e=zD\xc9\xb8S\xc30RRR\xe6\xcf\x9f\xbfk\xd7.\x00\x10\x823\xa0SG\xf4`\x1aDp\xa9\r\x94\x04\x83\xc6e\xcd\x93\x1f\x1c\xdaQJI\xa4\x04\n\xb3f\xcd*--\xc5\x8e\xa0X\x81\x05 \x06\xa8Q\xcf\x0b\x17.\xdc\xb8q\xa3\xa6i\x067\x18\x83\xe1\xe3\x07K\x1e\xe1\'m\xd5\x12zI\xd3\xe4!c\xfb\xab\x96P\xc6\xd8{\xef\xbd\xb7r\xe5\xca(|7\xf8\\B\xa1P\x93&amp;M&gt;\xfa\xe8\xa3\xf0\xeaU\xbd\x18&lt;r\xe4H\xf5\xa6Ed?\x9eJ|&lt;p\xe0@^^\x1e\x00\xa8\xa9\x9f\xb7\xf5\xb9r@\xaf\x0coe\xa06\x89\x8f\xb5\xa7\xfa\xc1\x1e\xf9S\xb7\xd6\x97\xba\xd5C\xc0\xc9\x93\'\'O\x9e\x8c\xef\x04\xc4\n,\x00\xd1NM}\xf0x&lt;\xd3\xa6MS+S)d\xf6\xd0.\x97\xb7o\x16\xf05\\\xeb\xe7\xb90\x06^\x8f\xbf\xd7\x8d\x9dZd5\x15B\xa8\xc4\xa8\xa7\x9f~:\xaa\xde\n\xfe\x15\xa1P\xa8Q\xa3F\x1b7n\xbc\xfd\xf6\xdb\xfd~\xbf:h\xe5\x9c\x8f\x1e=\xbag\xcf\x9eUUU\x11/\x00*\xf1\xb1\xa0\xa0\xe0\xf8\xf1\xe3\x00\xc0\x85p\'X\x1f\x1b\xd1#\x14\x08\xd1H\x7f\xfb\x94\x10\xce\xa53\xc1\xfa\xc4\x9d=\t!Bp\xb5R)**\xc2\xe0\xf8\x98\x80\x05 \xda\xa9\xe6\x9f\x193f\xec\xdd\xbbW\xed\xfe;\x13\xedC\xc6\xf6\x0f\xfa\xf5\x88_\xff\x8a\xe0\xc2\xee\xb4\x0e{` \x91\xa7ZB\xdf|\xf3\xcd(l\t=\x9d\x9a\x14\xdd\xb8q\xe3\x7f\xff\xfb\xdf7\xdex\xe3O?\xfd\xa4\x9a\x85B\xa1P\xb7n\xdd\xf2\xf3\xf3\xa3a\x0e\x84j\xfd\xfc\xe2\x8b/f\xcf\x9e\r\x00\x84\x08!\xe4\xfdC:\xb6\xbd\xb2q\xc0\x1f\x82((\xb1j@\xd0\xc8A\xedTK(\x03\xaa\xeb\xfa\xb8q\xe38\xe7\xf8\x10\x10\xfd\xb0\x00D5\xb5\xa9Rs\xb6\xc6T\xeb\xe7\xf5\xa3\xfb\xa6\xa6\xbb\x1b\xbe\xf5\xf3\\\x80\x81\xd7\x13\xe8\x90\x9d\xd9\xb9o\xdbpKh^^\xde\x81\x03\x07\xa263R}\xaa\xd4\xd4\xd4\x993g\x0e\x1f&gt;\\\xdd\xeb\x01\xc00\x8c\xdf\xfd\xeewK\x97.\xb5\xd9l\xd1s\xfc\xfb\xc8#\x8f\xe8\xba\xce\x008\x17W\xa4\'M\xb8\xb5k\xc0S\x97\x89\x8f\xb5$\t\xe1\\&lt;;\xfa\xf7\x1a\x03\x83sM\xd36m\xda\xb4p\xe1Bl\t\x8d~\xd1\xf2\x1bBg\xa5\xeeS\xaa\xbb\x8e1\xe0B\xb4\xc8j\xda\xef\xb6\x1e\xbe:M|\xad\x13\x82\x8ba\x0f\x0ct\xb8\xec\xaa%\xf4\xf8\xf1\xe3\x05\x05\x05.\x97+\no\x01jW\xcd\xe9t\xde\x7f\xff\xfd\x0f?\xfc\xb0\xfa_)\xa5\x86a\\w\xddu+W\xaeLMM\xf5\xfb\xfd\x11_\xfes\xce\xddn\xf7\xf2\xe5\xcb\xd7\xad[wz\xebgZ\xaa3d\xf0(\xa8M\xd5\x18P\xbfO\xef\xd5\xe9\xb2\xd1\x83\xdbWgFR:m\xda\xb4\x8a\x8a\nl\t\x8dr\xd1u\x13A\xa7S\xad\x9f\x1b6l\xa8y\xbf\xc6 \x92\x0c{`\xa0\xcdn\xe1&lt;\xbavW\x01h\xc0\xab\xb7h\xdb\xb4\xef\xf0\xeeRHuK\x9d={vQQQ\xb4\r\x08R\x1c\x0e\xc7_\xfe\xf2\x97W_}U\xd34u\x93\xe2\x9c\xff\xedo\x7f{\xff\xfd\xf7\x1d\x0e\x87\xcf\xe7\x8b\x86\xc1\x96\x9a\xa6\xf9|\xbeI\x93&amp;\x11B\x81\x12\xd5\xfa9rP;\xaf\'\x10\xa9\xd6\xcfs\x01\x00\xdd\xa7O\x1b\xd53\xd9e38g\x1a\xdb\xbbwoAA\x01\x00D\xe1\n\x00\x85E\xd7\xcf\x08\x85\xa9\xd7\xbe\x82\xc1\xe0\xc4\x89\x13)\xa5\x00T\x08\xd9\xb9_\xbb\x0e\xd9\x99\xde\xe8[\xfe\x13\xb5\x11T\xee\x1fxgv\xa3f)B\x08\x06\xa0\xeb\xfa\xf4\xe9\xd3\xa3g\x94\x82\xc29ONN\xce\xcb\xcb\x9b?\x7f\xbe\xc5b\toU\x17\x14\x14\xbc\xf4\xd2K\xc1`PM\x03\x8d\xf4\xc7$\x86a$%%\xbd\xfa\xea\xab%%%\x1a\x035\xf6\xe7\xd9{~\xcfy\x03\xce\xfd9o\x94\x92\xa0n4i\x9c\xf8\xf8\x88\x1ej@\x10\x03\xf6\xc2\x0b/\xa8\x83\xab(\\\x01 %\xea\xee#HQg\xbf\x8b\x16-\xda\xbe}\xbb\xdaK\xd5,l\xc8\xd8~\r9\xf6\xeb\x82PJ\x0c\x83\'7N\x1c|W\x8e\x94\x92K\xc1\x18[\xb6l\xd9\xea\xd5\xab\x93\x93\x93\xa3d\x19(\x84HHH\xd8\xb6m\xdb\xb3\xcf&gt;\xab\xfe\xaa\x94RM\xd3\xe6\xcd\x9b\xf7\x8f\x7f\xfc\xe3\xa7\x9f~"\x84D|\xe7\x87\xd4\xb4~\x1e:t(??\x9fR\xaa\xa6\xfe\xfd\xa9wf\xaf.\x97\xf9}zd[?\xcf\x851\xf0W\x05\xffz\xd3\xd5\x99\xcd\x92\r.\x18\x83\x8a\x8a\x8a\xbc\xbc&lt;|\' \x9aE\xfe\xb7\x8e~I-\xff\xcb\xca\xca&amp;M\x9a\x14\x1e\xfb\xd5\xff\x8e^-\xdb5k\xc8\xa9\x9f\x17\x8a1\xa8*\xf3e\x0f\xeb\xd2\xbaS\x0b\xc1\x85\x1a\xaa\xfc\xd8c\x8f\xf9\xfd\xfehXS\x13B\x84\x10v\xbb\xfd\x7f\xff\xf7\x7f\xc3\x07\xbcB\x88\x7f\xfe\xf3\x9f#G\x8e&lt;~\xfc\xb8\xda\x0e\x8a\xf4g$\xa4\xa6\xf53//O\x85-\x1b\\\xa4&amp;\xda\x9f\xba;[\xf7\xea\xd1P\x9f\xce\x8a\x12\xc2\x85\xb4\xdb-\xb3\xfe\x92C\x08\xe1\xdc\xd0\x18[\xb0`\xc1\xa6M\x9bTgm\xa4? :\x8b(\xfd1\x99\x9cZ\xfe\xe7\xe6\xe6\x96\x96\x96\xaa]\xd4\xa4T\xd7\xc0\x91\xd7\x04\xa3\xf8\xee\xafHB\x98\xc6n\x18\xd3\x0f\x80\n\xc1\x01`\xd7\xae]\xaf\xbc\xf2J\x94\x0c\x08\xb2X,eee\x9b6mR\xc5I\x08\xf1\xc7?\xfeq\xec\xd8\xb1?\xfe\xf8\xa3J\x8b\x8c\x06\xaa\xf5s\xfd\xfa\xf5s\xe7\xce\x05\x00"\x85\x94\xf2\xc1\xa1\x1d[4O\x8e\xc8\xd8\x9f\xf3\xc7\x80z\xab\x82C\xb23\xae\xed|\x19\x17R\xbd\x142n\xdc\xb8`0\x88\xa7\xc1\xd1\t\x0b@\xd4Qw\xff={\xf6\xa8\xa9\xbfR\n)\xc9M\xf7\xf5Ok\x9a\xac\xebQ\xd1\x98\xf8+\x00\xa8\xd7\xe3\xef\x98\x93\xd5m\xd0U\xaa%\x14\x00\xf2\xf3\xf3\x0f\x1d:\x14\xf1\x96P)\xa5\xc5b9v\xec\xd8\xe1\xc3\x87\xd5{\xcb\x84\x90\xbb\xee\xba+\n\xdfY\xd34m\xca\x94)\x86a0\x06\x9c\x8b\xcc\xe6\xc9\x8f\xfc\xa9\x9b?*\xcf~~\x89\x0b\xf9\xfc\xbd9V\x0b\xe3\x9ck\x9aVTT\xb4h\xd1"\x1c\x10\x14\x9db\xe0\xf7d6j\xffGem3\xc68\x17\xad;\xb5\xf8\xfd\xcd]\xab*\xea=\xef\xb7N\x00\xd0\x80O\x1f\xf6\xc0\xc0\x84$\x07\xe7\x02\x00\xca\xcb\xcb\xf3\xf2\xf2"&gt;WG\xf5&amp;UTT\x84\x8fy].W\xeb\xd6\xad\xa3a\xdeC\x98a\x18\xc9\xc9\xc9\xf3\xe6\xcd\xdb\xb2e\x0bcLp.\t\x995&amp;\xc7\xe9\xb44@\xe2c\xed\x01P\x9fO\xbf\xbaM\xfa\xb8a\x9d\xaa[B\x01&amp;M\x9at\xf2\xe4I|\x08\x88B\xd1\xf2\xbbG\x8aj\xfd,,,,,,d\x8cq\xc1\x01\xe8\rc\xfa1\x8d\xc5\xca\xb5C)\xd5\x83\xa1&amp;-\xd3\xfa\xdd\xd6SJ)\xa5\x00\x80\xb9s\xe7n\xdf\xbe=\xe2-\xa1*\xf2\xd70\x0c\xce9\xe7\\\xd7u\xa7\xd3\x19=w%5\x88\xa2\xb2\xb2\xf2\xc9\'\x9f$\x84\xa8\xb1?\xd7v\xbelHvF\x83%&gt;\xd6\x1e\x03\xd0}\xfa\xf8[\xba4Iqr.\x18\x83\xd2\xd2\xd2\xe7\x9f\x7f\x1e\x1f\x02\xa2\x10\x16\x80(\xa2\xd6\xfe*\\\x89\x10\x02@\x05\x17\xbf\x1bxU\xc7\x9c,\xaf\xc7\x1f\xe5\xbb\xff\xa7\x03\x06\xbe\n\xff\xe0\xbbz7n\x9e\xaa\x1e\x02\x0c\xc3x\xf4\xd1G#{\x14L)U\x87\xab\xbd{\xf7\xce\xc9\xc9\xe9\xdd\xbb\xf7\xc0\x81\x03\xa3*\xc6R\r\xfd\x9f9s\xe6\xbe}\xfb4M\xe3Bh\x0c\x9e\xbf7\'*;?\xcfI\xb5\x84\xa67I\xca\x1b\xd5KH)\x85`\x00\xcf=\xf7\\qq1\xd6\x80h\x83\x0feQD-\xffg\xcf\x9e\xfd\xc0\x03\x0fh\x9a&amp;\x04\xb79m\x8f\xbe\xf5\x97\xf4\x96\x97\xe8\xc1\xa8\xdb\xa7\xfeu\x9c\x0b\x97\xdb\xb9ey\xd1\x9b\x8f\xbf\x0f\x0c(\xa1\x9c\xf3\xf7\xde{o\xe8\xd0\xa1\xaa\xb3%R\x1f\x0c\x00\x1c\x0e\x87\xfa\x9f\xa5\x94j\x00\\\xa4&gt;\xcc\xe9T\xe0{iii\xf7\xee\xdd\xcb\xcb\xcb\x19\x03\xc3\xe0co\xb8\xea\xd5\x89\x03\xab*\xfc1\xb1\xfbw\x06I\xe9\xef\xc7\xbf\xbbs\xef\x8f\x16M\xd3C\xc6\xf0\xe1\xc3\x17/^\xac~\xe4\x91\xfeh\xa8Z\xec\xfd\xaa\xe2\x95\x10\x82RZZZ\xaaB?T\xebg\xdf\xe1\xdd/o\xd7,\xe0\xd3c\xeb\xeeO\x08a\x0c|\x1e\x7f\xaf!\x9d3;\xb5\x0c\xb7\x84N\x9a4I\r\xdc\x8f\xe0=W\x08QYY\xe9\xf1x&lt;\x1eOUUU\x94\xdc\xfd\t!\x9cs\x97\xcb\x95\x9b\x9b[VV\xa6iLp\x91\xec\xb2M\x1b\xd5S\xf7\x87\xa2\xe7\x88\xe2\xfcq.\x9dN\xeb3wgKI\xd4t\x90%K\x96TolbKh\xd4\x88\xbd\x1fV\xbcRG\x94\x93\'O.++\xd34\xcd\xe0\xfc\x92KS\x06\x8e\xca\xae*\xf7E0\xf2\xa56$!\x82\x8b\x9b\x1f\x1c\xc4\x18p\xc1\x19c%%%3g\xce\x8clT\x80\x1a\xf7o\xb5Zm6\x9b\xfa_#\xf5IN\xa76\x7fV\xae\\\xb9x\xf1b\xf5\xea\xac\x90\xf2\xf1\x11=\x9a4N\x8c\xf2\xd6\xcfsQSB\x07t\xbf\xfc\xe6kZq.Tf\xa4jm\xc0\xd3\xe0\xe8\x11\x93w\x96\xf8\xa3Z?\xb7o\xdf\xfe\xce;\xef0\xc6\x84\xe0D\x92\x9b\xee\xeb\xefNs\x19\xd14\xf6\xeb\x82\xa8\xbc\xb06\xdd\xaf\xc8\x1e\xdaEeFRJ_~\xf9\xe5\x92\x92\x92H\xb5\x84\xaa\xe4w\xb7\xdb]YYy\xf2\xe4I\xa7\xd3\x19%\xe9\x95*\x91\xf8\xe9\xa7\x9f\x16B\x00P!D\xe7\xd6\x8d\xfe:\xb4\xa3\xbf*\x18\x8b\x9b?a\x82\xcb\xfc{\xb2\xdd\tV\xce9c\xa7\x9a\x9b\xa3\xe1o\x8e\x08\x16\x80(\xa1\x8e\x7f\'N\x9c\xa8Z\x129\x17\x99\x9dZ\xf6\x1a\xd2\xb9\xaa&lt;&amp;7\x7f\xc3(\xd0@Up\xc8\xd8\xfe\xceD\xbb\xe0\x82i\xac\xac\xac,77711\xb1\xe1\x1f\x02\xd4\xc2\xff\xc8\x91#w\xdeyg\xf7\xee\xdd\x7f\xf7\xbb\xdf\xddx\xe3\x8d[\xb7nMHH\x88\xec\xfd\xc80\x8c\xb4\xb4\xb49s\xe6l\xd9\xb2\x85iLp.%y\xe6\xeel\xbbM\x8b\x89\xd6\xcfs\x01\xa0~\x9f\x9e\x95\xd9\xf8\xfe!\x1d\x85\x90\x94\x10J\xa9\xda\xe3\xc2\xc8\xb0(\x11\xc37\x97\xb8\xa1\x8e\xc5\x96,Y\xb2a\xc3\x06M\xd3874\x0b\xbb\xf9\xc1A\x82\x0b\x12\xbbW?!\xa4&amp;325\xdd}\xfd\x98\xbe\xea\xdd+\x00X\xbat\xe9\xfa\xf5\xeb#\xd2\x12J)\xbd\xe7\x9e{\x16/^|\xe4\xc8\x91\x9f~\xfa\xe9\xe3\x8f?\xbe\xf9\xe6\x9b\x0f\x1d:d\xb5Z#u?Re\xe9\xe8\xd1\xa3\xcf=\xf7\x1c\xa5\x14\x08\xe1B\xfe1\xbb\xf5\x80\xee\x97\xc7P\xeb\xe7\xb90\x06\x01O`\xc2\xad]3\x9a\xba\r\xce\xb5\x9a\x15\x00\x0e\x08\x8a\x12X\x00"L\xddwt]\x9f2e\n!D\x8d\xfd\xea:\xa0C\x9b\xee\x19\xd1&lt;\xf6\xe7\xfc\xa9\xd8\xd8\xbe\xc3{4i\x91\xa6\x82\xe3\xd5\xbfl\x03\xf7_\n!\x1c\x0e\xc7\x9e={\xb6n\xdd\xca\x18S\x01\x00V\xab\xb5\xbc\xbc\xfc\xe3\x8f?\x8e\xe0C\x80a\x18n\xb7\xbb\xa0\xa0\xe0\xfb\xef\xbfg\x8c\xa9\xa9\x9f\xd3F\xf5\x8c\xda\xa9\x7f\x17\x84R\x122xZZ\xc2\xe4\xdb\xba\xa9)\xa1\x00\xf0\xdak\xaf\xed\xd9\xb3\x077\x82\xa2\x01\x16\x80\x08S\x99_3g\xce,..\xb6X,\x86\xc1\x13\x92\x1c\xc3\xee\x1f\x10\xf0\x06\xe2\xe0\xee\xafp.l\x0e\xcb-\xe3\x06\x13r*3r\xfe\xfc\xf9\r\x9c\x19\xa9^\x03V\xa3\xff\xd5Q0\xe7\x1c\x00\xca\xca\xca"u,\xa9\xc6\xfe|\xf9\xe5\x97jg\\\xb5~\x8d\x1b\xd6\xa9\xc3\x95M|&gt;=&gt;~\x00\x1a\x03o\x85\xff\xcf\x83\xdb\xab\xccH\x8d\x81z\xd3\x05\x8f\x82\xa3\x01\x16\x80HR["{\xf7\xee\x9d1cF\xcd\xd8\x1f\xd9\xef\xb6\x9eMZ\xa6EO\xe2c\xed\x01\x03\x7fe\xa0S\xdf6m\xbae\x843#\x9fx\xe2\x89\xd2\xd2\xd2\x86\xdc{\xe1\x9c\xa7\xa5\xa51\xc6\xc2O\x00j\x11\xda\xb8qcu\x06\xd30\x1f\xe3t\xea\xd5\xdf\xdc\xdc\xdc\x8a\x8a\n\x06\xc09o\x92\xe2\x1c\x7fK\x17\xdd\xaf\xb3\x18l\xfd&lt;\x17I\x88\xa6\xc1\xd4\x91=\x00(\x17\\c\xac\xb0\xb0\xb0&amp;\xe6\x08[B#)~~d\xb1H\xddw\xf2\xf2\xf2&lt;\x1e\x0fc\xcc0x\x93\x16i\xd7\xdd\xd5\xdbW\xe1\x8f\xd1\xd6\xcfs\x91\x84H.\x87O\x18\xacY\x98\xea\n\xdf\xbf\x7f\x7fAAA\x83M\t\x05\x00\xbf\xdf\x7f\xe5\x95W^{\xed\xb5\xe1\'\x80P(\xd4\xb4i\xd3k\xaf\xbd\xb6\xaa\xaa\xaa\xe1{\xedU\xeb\xe7\xaaU\xab\x96/_~z\xe2cz\x93\xa4\x18m\xfd&lt;\x17\x06\xd4[\x19\x18\xd03\xe3\x8e\xbeY\x9cK\xd5\x12\xaa\x82N\xf19 \xb2\xe2\xea.\x13[\xd4\xd9\xef\xc6\x8d\x1b\x17,X\x10^\n\xdd2n\xb0\xc3i\xe5\\\xc4\xd1\xe5OHuCH\xf0\x8a\xf6\xcd\xfb\xdf\xd1K\xb5\x84\xaa\xbd\xe0]\xbbv5X#\xa6\x1a\xb3\xf1\xdak\xaf\xddy\xe7\x9d\x97^z\xe9%\x97\\2p\xe0\xc0\x0f&gt;\xf8\xa0q\xe3\xc6\x11\x19\x08\xca\x18\xab\xaa\xaaR\'\xa2@\xa9J|\xbc\xfb\x0f\x1d\xbc\x1e\x7f\xb4%&gt;\xd6\x1e\x05\xd0\xfdz\xfe\xdd\xd9\xa9\x89\xf6\x90\xc15\x8d\x15\x17\x17\xcf\x9c9\x13O\x02"+\xde~g\xb1\x85s\x9e\x9b\x9b\xabv\xa2\x85\x10m\xbaet\xea\xdb\xc6W\x19\x88\xb3\xe5\xbf\xa2^\x0b\x180\xf2\x9a\xa44\x97:\r\xae\xa8\xa8\xc8\xcf\xcfw:\x9d\rV\x00t]OMM}\xf3\xcd7\xb7m\xdb\xf6\xc5\x17_,_\xbe\xfc\xaa\xab\xae\xf2z\xbd\r\xbf\xfc7\x0c#%%e\xfe\xfc\xf9\xbbv\xed\x02\x00!8\x03:uD\x0f\xa6A\\.\x88\x81\x92`\xd0\xb8\xacy\xf2\x83C;J)\x89\x94@a\xd6\xacY\xa5\xa5\xa5\xd8\x11\x14Aqx\xa3\x89\tj\xd4\xf3\xc2\x85\x0b7n\xdc\xa8i\x9a\xc1\r\xc6`\xf8\xf8\xc1\x92\xc7\xe5\xe5OHMK\xe8%M\x93\x87\x8c\xed\xafZB\x19c\xef\xbd\xf7\xde\xca\x95+\x1b\xec\xdd`\xf5\xbeUEEEbbbjj\xaa\xd7\xeb\xf5\xf9|\r\x7f\xf7W\x89\x8f\x07\x0e\x1c\xc8\xcb\xcb\x03\x005\xf5\xf3\xb6&gt;W\x0e\xe8\x95\xe1\xad\x0cDg\xe2c\xed\xa9~\xb0G\xfe\xd4\xad\xf5\xa5n\xf5\x10p\xf2\xe4\xc9\xc9\x93\'\xe3;\x01\x11\x84\x05 \x02\xd4\xd4\x07\x8f\xc73m\xda4\xb5\xf3 \x85\xcc\x1e\xda\xe5\xf2\xf6\xcd\x02\xbexh\xfd&lt;\x17\xc6\xc0\xeb\xf1\xf7\xba\xb1S\x8b\xac\xa6B\x08\x95\x18\xf5\xf4\xd3O7\xe4\x0e\x0c\xa5\x941f\x18F(\x14\x02\x80\x88\x8c\xd9QCI\x0b\n\n\x8e\x1f?\x0e\x00\\\x08w\x82\xf5\xb1\x11=B\x81\x10\x8d\xdfo\x9f\xaa\x01A\t\xd6\'\xee\xecI\x08\x11\x82\xab5PQQ\x11\x06\xc7G\n\x16\x80\x08P\xcd?3f\xcc\xd8\xbbw\xaf\xda\xfdw&amp;\xda\x87\x8c\xed\x1f\xf4\xebq|\xfd+\x82\x0b\xbb\xd3:\xec\x81\x81D\x9ej\t}\xf3\xcd7\x1b\xb8%T\r\xa7k\xb0\x7f\xdc\xe9T\xeb\xe7\x17_|1{\xf6l\x00P\xd3\x89\xee\x1f\xd2\xb1\xed\x95\x8d\x03\xfe\x10\xc4\xd3\xe1\xef/\xa8\x01A#\x07\xb5S-\xa1\x0c\xa8\xae\xeb\xe3\xc6\x8d\xe3\x9c\xe3C@D`\x01hhj\xeb\xa3\xe6\x04\x8c\xa9\xd6\xcf\xebG\xf7MMw\xc7S\xeb\xe7\xb9\x00\x03\xaf\'\xd0!;\xb3s\xdf\xb6\xe1\x96\xd0\xbc\xbc\xbc\x03\x07\x0eD&lt;3\xb2\xc10\xc6\x1ey\xe4\x11]\xd7\x19\x00\xe7\xe2\x8a\xf4\xa4\t\xb7v\rxb#\xf1\xb1\x96$!\x9c\x8bgG\xff^c`p\xaei\xda\xa6M\x9b\x16.\\\x88-\xa1\x11\x11\xff?\xb8h\xa3\xeeq\xaa\x07\x8e1\xe0B\xb4\xc8j\xda\xef\xb6\x1e\xbe\x18I|\xad\x13\x82\x8ba\x0f\x0ct\xb8\xec\xaa%\xf4\xf8\xf1\xe3\x05\x05\x05.\x97+\xeeo\x01\x9cs\xb7\xdb\xbd|\xf9\xf2u\xeb\xd6\x9d\xde\xfa\x99\x96\xea\x0c\xc5\xec\xd4\xbf\x0b\xc2\x80\xfa}z\xafN\x97\x8d\x1e\xdc\xbe:3\x92\xd2i\xd3\xa6UTT`Kh\xc33\xcb\x1d\'J\xa8\xd6\xcf\r\x1b6\xd4\xbc\x05c\x10I\x86=0\xd0f\xb7pn\x96=P\x00\x1a\xf0\xea-\xda6\xed;\xbc\xbb\x14R\x9d\x88\xcc\x9e=\xbb\xa8\xa8(\xe2\x99\x91\xf5M\xd34\x9f\xcf7i\xd2$B(P\xa2Z?G\x0ej\xe7\xf5\x04\xe2\xaf\xf5\xf3\\\x00@\xf7\xe9\xd3F\xf5Lv\xd9\x0c\xce\x99\xc6\xf6\xee\xdd[PP\x00\x00q\xbf\x02\x886f\xf9\xcdE\x03\xf5\xdaW0\x18\x9c8q"\xa5\x14\x80\n!;\xf7k\xd7!;\xd3k\xa6\xe5?Q\x1bA\xe5\xfe\x81wf7j\x96"\x84`\x00\xba\xaeO\x9f&gt;=\xb2Y1\xf5\xcd0\x8c\xa4\xa4\xa4W_}\xb5\xa4\xa4Dc\xa0\xc6\xfe&lt;{\xcf\xefylE&gt;\xd6\x9a\xca\x8cl\xd28\xf1\xf1\x11=\xd4\x80 \x06\xec\x85\x17^PGb\xf1\xbd\x02\x886&amp;\xba\xe9D\x9c:\xfb]\xb4h\xd1\xf6\xed\xdb\xd5\x8e\xa7faC\xc6\xf6\x8b\x8f\xb1_\x17\x84Rb\x18&lt;\xb9q\xe2\xe0\xbbr\xa4\x94\\\n\xc6\xd8\xb2e\xcbV\xaf^\x9d\x9c\x9c\x1c\x97\xcb@\xd5\xfay\xe8\xd0\xa1\xfc\xfc|u\x02-\x84\xfcS\xef\xcc^].\xf3\xfb\xf4xm\xfd&lt;\x17\xc6\xc0_\x15\xfc\xebMWg6K6\xb8`\x0c***\xf2\xf2\xf2\xf0\x9d\x80\x06\x86\x05\xa0\x81\xa8\xe5\x7fYY\xd9\xa4I\x93\xc2c\xbf\xfa\xdf\xd1\xabe\xbbf\xf11\xf5\xf3B1\x06Ue\xbe\xeca]Zwj\x11\xce\x8c|\xec\xb1\xc7\xfc~\x7f\\f\xc6\xaa\xd6\xcf\xbc\xbc&lt;\x15\x89lp\x91\x9ah\x7f\xea\xeel\xdd\xab\xc7b\xe2c-QB\xb8\x90v\xbbe\xd6_r\x08!\x9c\x1b\x1ac\x0b\x16,\xd8\xb4i\x93\xa6iq\xb9\x02\x88N\xa6\xfb\xe5E\x8aZ\xfe\xe7\xe6\xe6\x96\x96\x96\xaa\xbd\xce\xa4T\xd7\xc0\x91\xd7\x04My\xf7W$!Lc7\x8c\xe9\x07@\x85\xe0\x00\xb0k\xd7\xaeW^y\xa5\xc1\x06\x045\x18\xd5\xfa\xb9~\xfd\xfa\xb9s\xe7\x02\x00\x91BJ\xf9\xe0\xd0\x8e-\x9a\'\xc7\xd9\xd8\x9f\xf3\xc7\x80z\xab\x82C\xb23\xae\xed|\x19\x17R\xbd\x142n\xdc\xb8`0\x88\xa7\xc1\r\x06\x0b@CPw\xffp\x1e\x9e\x94BJr\xd3}\xfd\xd3\x9a&amp;\xebz\xfc\xb7~\x9e\x0b\x00\xf5z\xfc\x1ds\xb2\xba\r\xbaJ\xb5\x84\x02@~~\xfe\xa1C\x87\xe2\xaf%T\xd3\xb4)S\xa6\x18\x86\xc1\x18p.2\x9b\'?\xf2\xa7n~\x93\x9d\xfd\xfc\x12\x17\xf2\xf9{s\xac\x16\xc69\xd74\xad\xa8\xa8h\xd1\xa2E8 \xa8\xc1\x98\xfa\xc7\xd7`\xd4\xfe\x8fJ\xc4f\x8cq.Zwj\xf1\xfb\x9b\xbbVU\xf8L~\xfd\x03\xd0\x80O\x1f\xf6\xc0\xc0\x84$\x07\xe7\x02\x00\xca\xcb\xcb\xf3\xf2\xf2\x12\x12\x12\xe2f\x1f\xc00\x8c\xe4\xe4\xe4y\xf3\xe6m\xd9\xb2\x851&amp;8\x97\x84\xcc\x1a\x93\xe3tZb:\xf1\xb1\xf6\x00\xa8\xcf\xa7_\xdd&amp;}\xdc\xb0N\xd5-\xa1\x00\x93&amp;M:y\xf2$&gt;\x044\x0cS\xdf}\x1a\x86j\xfd,,,,,,d\x8cq\xc1\x01\xe8\rc\xfa1\x8d\xe1/\x9cR\xaa\x07CMZ\xa6\xf5\xbb\xad\xa7\x94RJ\x01\x00s\xe7\xce\xdd\xbe}{|\xb4\x84\xaa\x89\xff\x95\x95\x95O&gt;\xf9$!D\x8d\xfd\xb9\xb6\xf3eC\xb23\xe2 \xf1\xb1\xf6\x18\x80\xee\xd3\xc7\xdf\xd2\xa5I\x8a\x93s\xc1\x18\x94\x96\x96&gt;\xff\xfc\xf3\xf8\x10\xd00\xb0\x00\xd4/\xb5\xf6W\x11H\x84\x10\x00*\xb8\xf8\xdd\xc0\xab:\xe6dy=~\xd3\xee\xfe\x9f\x0e\x18\xf8*\xfc\x83\xef\xea\xdd\xb8y\xaaz\x080\x0c\xe3\xd1G\x1f\x8d\x8f\xa3`5\xf4\x7f\xe6\xcc\x99\xfb\xf6\xed\xd34\x8d\x0b\xa11x\xfe\xde\x1c\x93u~\x9e\x93j\tMo\x92\x947\xaa\x97\x90R\n\xc1\x00\x9e{\xee\xb9\xe2\xe2b\xac\x01\r\x00\x0b@\xfd\x12\xa7\x85\xa0\xaa\xf6\x06\x87\xcb~\xfd\x98&gt;z \x84w\x7f\x85\x12bpaO\xb0\xddxo?B\x88\x90\x821\xb6n\xdd\xba\xe5\xcb\x97\xbb\xdd\xee\x98\xde\x08\x92R:\x1c\x8e\x92\x92\x92\x97_~\x99R\xaaZ\xbfF\x0fn\x7fuV\x13\x7f\xbc$&gt;\xd6\x9e\xc6\xc0_\x19\xb8s`\xdb\xce\xad\x1bq!XMj4\xee\x025\x00,\x00\xf5H\x08A)---U\xa1\x1f\xea\xfa\xef;\xbc\xfb\xe5\xed\x9a\x05|\xbai\xcf~\x7f\x891\xf0y\xfc\xbd\x86t\xce\xec\xd42\xdc\x12:i\xd2\xa4\xaa\xaa\xaa\x98~5\x8cs\xeer\xb9rss\xcb\xca\xca4\x8d\t.\x92]\xb6i\xa3z\xea\xfe\x90\t[?\x7f\x05\xe7\xd2\xe9\xb4&gt;sw\xb6\x94DM\x07Y\xb2dI\xf5\x96i,\xaf\x00\xa2\x1f\xfe\n\xeb\x91\x1ar0y\xf2\xe4\xb2\xb22M\xd3\x0c\xce/\xb94e\xe0\xa8\xec\xaar_\\F\xbe\xd4\x86$Dpq\xf3\x83\x83\x18\x03.8c\xac\xa4\xa4d\xe6\xcc\x99\r\x16\x15P\xe7\xd4\xe6\xcf\xca\x95+\x17/^\xac^p\x15R&gt;&gt;\xa2G\x93\xc6\x89\xa6m\xfd&lt;\x175%t@\xf7\xcbo\xbe\xa6\x1</t>
        </is>
      </c>
    </row>
    <row r="375">
      <c r="A375" s="1" t="n">
        <v>373</v>
      </c>
      <c r="B375" t="inlineStr">
        <is>
          <t>triangle</t>
        </is>
      </c>
      <c r="C375" t="inlineStr">
        <is>
          <t>What is the missing number of the part denoted with a question mark?</t>
        </is>
      </c>
      <c r="D375" t="inlineStr">
        <is>
          <t>['6', '2', '1', '8']</t>
        </is>
      </c>
      <c r="E375" t="inlineStr">
        <is>
          <t>8</t>
        </is>
      </c>
      <c r="F375" t="inlineStr">
        <is>
          <t>There are three groups of numbers with a triangle arrangement in the image. The first group is [9, 4, 36], the second group is [8, 1, '?'], and the third group is [6, 3, 18].</t>
        </is>
      </c>
      <c r="G375" t="inlineStr">
        <is>
          <t>We observe that the number 36 is the product of 4 and 9. Similarly, the number 18 is the product of 3 and 6. Hence, the pattern is that the rightmost number in each group is the product of the other two numbers.</t>
        </is>
      </c>
      <c r="H375" t="inlineStr">
        <is>
          <t>Based on the pattern that the rightmost number in each group is the product of the other two numbers, the missing number of the group [8, 1, '?'] should be 8.</t>
        </is>
      </c>
      <c r="I375" t="inlineStr">
        <is>
          <t>b'\x89PNG\r\n\x1a\n\x00\x00\x00\rIHDR\x00\x00\x02\x00\x00\x00\x02\x00\x08\x02\x00\x00\x00{\x1aC\xad\x00\x00\xbbEIDATx\x9c\xec\x9dw|\x14\xc5\xfb\xc7\x9f\xd9\xdd\xdb+)w\x97F/\xa1\xb7P\x02\xa1\x87^\x02\x16P\xaa JG\xc1\x02\xa2 \x8a4Q\x04i\nX@\x9a\xd2D\xaa\xa0\x10\x9aH\x87\x10ZB\x0f\x01BM\xbf\xdevw\xe6\xf7\xc7\xc0\xfd\xf2\xa5IB\x08\x17\x98\xf7\x8b\x97\xc2\xde\xde\xde\\\xd9\xe7\xf3\xcc3\xcf&lt;\x0f"\x84\x00\x83\xc1`0^&lt;\xb8g=\x00\x06\x83\xc1`&lt;\x1b\x98\x000\x18\x0c\xc6\x0b\n\x13\x00\x06\x83\xc1xAa\x02\xc0`0\x18/(L\x00\x18\x0c\x06\xe3\x05\x85\t\x00\x83\xc1`\xbc\xa00\x01`0\x18\x8c\x17\x14&amp;\x00\x0c\x06\x83\xf1\x82\xc2\x04\x80\xc1`0^P\x98\x000\x18\x0c\xc6\x0b\n\x13\x00\x06\x83\xc1xAa\x02\xc0`0\x18/(L\x00\x18\x0c\x06\xe3\x05\x85\t\x00\x83\xc1`\xbc\xa00\x01`0\x18\x8c\x17\x14&amp;\x00\x0c\x06\x83\xf1\x82\xc2\x04\x80\xc1`0^P\x98\x000\x18\x0c\xc6\x0b\n\x13\x00\x06\x83\xc1xAa\x02\xc0`0\x18/(L\x00\x18\x0c\x06\xe3\x05\x85\t\x00\x83\xc1`\xbc\xa00\x01`0\x18\x8c\x17\x14&amp;\x00\x0c\x06\x83\xf1\x82\xc2\x04\x80\xc1`0^P\x98\x000\x18\x0c\xc6\x0b\n\x13\x00\x06\x83\xc1xAa\x02\xc0`0\x18/(L\x00\x18\x0c\x06\xe3\x05\x85\t\x00\x83\xc1`\xbc\xa00\x01`0\x18\x8c\x17\x14&amp;\x00\x0c\x06\x83\xf1\x82\xc2\x04\x80\xc1`0^P\x98\x000\x18\x0c\xc6\x0b\n\x13\x00\x06\x83\xc1xAa\x02\xc0`0\x18/(L\x00\x18\x0c\x06\xe3\x05\x85\t\x00\x83\xc1`\xbc\xa00\x01`0\x18\x8c\x17\x14&amp;\x00\x0c\x06\x83\xf1\x82\xc2\x04\x80\xc1`0^P\x98\x000\x18\x0c\xc6\x0b\n\x13\x00\x06\x83\xc1xAa\x02\xc0`0\x18/(L\x00\x18\x0c\x06\xe3\x05\x85\t\x00\x83\xc1`\xbc\xa00\x01`0\x18\x8c\x17\x14&amp;\x00\x0c\x06\x83\xf1\x82\xc2\x04\x80\xc1`0^P\x98\x000\x18\x0c\xc6\x0b\n\x13\x00\x06\x83\xc1xAa\x02\xc0`0\x18/(L\x00\x18\x0c\x06\xe3\x05\x85\t\x00\x83\xc1`\xbc\xa00\x01`0\x18\x8c\x17\x14&amp;\x00\x0c\x06\x83\xf1\x82\xc2\x04\x80\xc1`0^P\x98\x000\x18\x0c\xc6\x0b\n\x13\x00\x06\x83\xc1xAa\x02\xc0`0\x18/(L\x00\x18\x0c\x06\xe3\x05\x85\t\x00\x83\xc1`\xbc\xa00\x01`0\x18\x8c\x17\x14&amp;\x00\x0c\x06\x83\xf1\x82\xc2\x04\x80\xc1`0^P\x84g=\x00\xc6S\x87\x10B\xffK\xff\xe2\x05\xdd\xe5\x19\x8d\x8b\xc1`&lt;c\xd0=F\x81\xf1|@\x08\xc1\x18\x13B\x10B&lt;\xcf?\xe6\x99\x1c\xc71=`0^\x1c\x98\x00&lt;W\x10B\x14E\xe18\x8e\xe3\xfe?\xb8\xa7(\x8a\xd5j\xbd}\xfb\xf6\xad[\xb7\x00\x10\xc0\x9do\xbcB\x85\n\x01\x01\x01\x06\x83!\xe7\x15\x14E\x01\x00\xa6\x04\x0c\xc6\x8b\x00\x13\x80\xe7\x04\x8c1\xc6X\x10\xee\xc4\xf4\xb2\xb2\xb2N\x9c8\xb1w\xef\xdeC\x87\x0e]\xbf~\xfdvj\xaa\xc5b\xf1\xb8\xdd9\x9f\x12\x10\x18\xa8Q\xab\xcb\x97/_\xb2d\xc9\xa6M\x9b6n\xdc\xb8z\xf5\xea:\x9d\x8e&gt;*\xcb2\xcf\xf3L\x06\x18\x8c\xe7\x18&amp;\x00\x85\x1e\x1a\xc3\xa1q\x1e\xab\xd5\xbaa\xc3\x86\xb5\xeb\xd6\x1d&lt;p0--5\xb7\x97\n\x0f\x0fo\xd9\xb2e\xcf\x9e=[\xb5jE/H\xe7\x13L\x06\x18\x8c\xe7\x12&amp;\x00\x85\x98\x9c\xa6?11q\xe9\xd2\xa5\xab\xff\xf8#\xe5\xeaU\xef\t\x01\x81\x81\xe5*V-R\xbcD\x85\xca\xd5\xfd\xfc\xfc+\xd7\xa8\x85\x15\x99\xae\xfe\xca\x92t&amp;\xe1\x98\xcb\xe9&lt;\x7f\xfa\xe4\xed\x9b7\xae&amp;_t\xe7\x98\x1f\xd4\xae]\xbbw\xef\xde}\xfa\xf4)R\xa4\x08\x00(\x8a\xf2\xe8\x85\x04\x06\x83Q\x18a\x02PX\xc1\x18\xd3@\xff\x8d\x1b7\xc6\x8d\x1b\xb7r\xe5J\xa7\xd3I\x1f*^\xb2t\xc3\xe8V\xcd\xdb\xc6T\xa9Q\xa7D\xa9\xb2j\x8d(\x08\x80\t(\xf2\xff\\AP\x01\x10\x90e\xb0\xdb\xac)\x97\x93\x12\x8e\xc7\xff\x13\xbb\xe9\xe8\xc1\xbdfS6=\xa1h\xd1b\xc3\x86\r\x1d5j\x94(\x8a\x18c\x962\xc4`&lt;g0\x01(\x94\xc8\xb2,\x08\x82$I?\xfd\xf4\xd3\xd7_\x7f}\xfb\xf6m\x00\x10E1\xaaI\xf37\xfa\xbeS\xb7a\xd3\xb0\xa2a\x18\x83\xdb\xed\xf1\xb8\xddw\x92|\x00r\x9ao\x02\xe0=\xc8\xf1\x82Z\xadVk\x04Y\x86\xebW/\xed\xdb\xb5m\xd5\x92\x9f\xcf&amp;\x9e\xa4gFDDL\x9d:\xb5C\x87\x0e\xc0\xa6\x02\x0c\xc6\xf3\x05\x13\x80\xc2\x07\xb5\xfe\x17/^\xec\xd7\xaf\xdf\xfe\xfd\xfb\xe9\xc1\x8e\xaf\xf5\x18\xfc\xe1\xa8\xca\xd5j\n*\xc1awH\x92\x07\xe0\xf1\xd3:\t\xc6\x84\x10\x8c\x00\x89\x1a\x8dN\xa7\xb6Z\x1d\xf1\x07\xf7|\xff\xcd\x84\x93\xf1\x87\xe9\x19\x03\x07\x0e\x9c9sf@@\x00}\xf5\xa7\xf6\xe6\x18\x0cF\xc1\xc1\x04\xa00A7sq\x1c\xb7z\xf5\xeaa\xc3\x86edd\x00@\xcd\xc8\xfa\x1f\x8e\x99\xd8\xa4e{B\x88\xc3n\xa3\'\xe49VC\x08\xc1X\xe18&gt; 0\xc0n\xb3mZ\xb3r\xce\xd4\ti\xb7o\x02@dd\xe4/\xbf\xfcR\xa7N\x1d\xa6\x01\x0c\xc6\xf3\x01\x13\x80B\x83\xd7\xfaO\x9c8q\xc2\x84\t\xf4\xe0\xbb\x1f}\xfe\xceG\x9f\xeb\xfc\xb4f\x93\x99\xee\xe4\xca\xaf\x97\xa3\xd1\x1e\xbd\xc1\xff\xda\x95\xab_}\xfe\xd1\xb6M\xeb\x00 ((\xe8\xc7\x1f\x7f\xec\xde\xbd;\xd3\x00\x06\xe39\x80\t@\xe1\xc0\x9b\xf03x\xf0\xe0\x05\x0b\x16\x00@h\x91\xa2\x93g-h\xf7\xca\xcb\xa6l\xdb\xd3\x0b\xcd\xcb\xb2\xa4\xd5\xfa\x89\xa2\xea\x979\xd3g}=V\xf2x\x00`\xfe\xfc\xf9\x83\x06\rb\x1a\xc0`\x14v\x98\x00\x14\x02\xe8\xfe^A\x10\xbc\xd6\xbfZ\xcd\xc8\x1f\x97\xaf/^\xb2\xb4)\xdb\xf4\xb4\xb7ka\x8c\x01 (8p\xdf?\xbb\x87\xbd\xf5\xba\xc5\x94\rL\x03\x18\x8c\xe7\x02&amp;\x00\x85\x00jg\xdfy\xe7\x9d\x9f\x7f\xfe\x19\x00\xaa\xd5\x8c\\\xb4f\x8b\xde\x10d\xb3Y\x05AU0c\x90$)$\xd4xd\xff\xfe\xc1=_\xb6\x98M\x00\xb0d\xc9\x92\xb7\xdf~\x9bi\x00\x83Qxa\x02\xe0\xebP\x0b;\x7f\xfe\xfc!C\x86\xc0]\xeb\x1f\xa078\xed\x0e\xbe`-\xaf,I\xc6\x10\xe3\xd1\x03w4\xc0\xcf\xcfo\xf7\xee\xdd\xf5\xea\xd5\xf3\xeeH`0\x18\x85\x0b&amp;\x00&gt;\r\xb5\xad\x87\x0f\x1fn\xdc\xb81\xc6\xb8b\x95\xea\xbf\xfd\xb9+@op:\x9c\xcf$\x1f_\x96\xa4\xa0\x10\xe3\x91\xfd\xfb\x07tk\xef\xb0\xdb\xc3\xc3\xcb\xc5\xc7\x1f\xa5\xe5\xe4\xd8\x1e1\x06\xa3\xd0\xc1\x1c7\xdf\x85jsfff\xaf^\xbd\x08!:\x9d\xdf7\xf3\x96\x04\x85\x848\xec\x8eg\xb5\x1bKP\xa923\xb2\x1b5o2j\xc2\xb7\x00p\xf9r\xf2\xe0\xc1\x83\xe9\x02\xf53\x19\x0f\x83\xc1x\x12\x98\x00\xf8.\xd4\xfd\x1f9rdrr2!\xe4\x93\x89\xdfF\xd6\xafg\xca6?\xdb\x98\xbbJ\xa5\xcaH5\xf5\x19\xfc\xee\xab\xdd\xde\x04\x805k\xd6\xfc\xf6\xdbo&lt;\xcf\xd3:\xd2\x0c\x06\xa3\x10\xc1B@&gt;\n\xcd\xec\xdc\xbbwo\xcb\x96-\x15Ei\xf7\xf2\xeb?\xadX\x9b\x95a*\xe0\xb8\xff\x03!\x84\xf0&lt;/y&lt;\xaf\xb7\xaa{=\xe5JXX\xd8\x993g\xf4z=+\x16\xc4`\x14.\xd8\x0c\xc0\x17\xa1\xfd\xb9\xdcn\xf7\x88\x11#\x14E1\x04\x05\x7f\xf6\xd5,\xbb\xdd\x85|c\xad\x15!$y&lt;z\xa3\xe1\xd3\xc9\xb30\xc6\xb7o\xdf\x1e7n\x1c\xc7q,\x10\xc4`\x14.|\xc2\xa00\xee\x81\x06\x7fV\xadZ\x15\x1f\x1f\x0f\x00\xbd\x07\x0c+S\xae\xb4\xcb\xe9z\x92d\x1b\xba\x99\xc0\x0b!Od\xacyA\xb0\x98,\xad;\xbc\xdc\xa8Yk\x00\xf8\xf9\xe7\x9f\xcf\x9d;\xc74\x80\xc1(\\\xb0\x10\x90/B\x8du\xadZ\xb5\xce\x9d;\x17^\xb1\xf2\x9a\xedG\x00\x01`\x02y\n\xb0`E\x01\x84\xd4\x1a\x8d(\x8aTA0\x01\x8f\xdb\xe3v\xb9\x80\x10.\xaf\xeb\xc9\x18c\x9dNw\xfeL\xe2\x1b\x1d\x9b:\x1d\xf6\x81\x03\x07.X\xb0\x80\x95\x0be0\n\x11\xcf&gt;\xa0\xcc\xb8\x07o\xf4\xff\xdc\xb9s\x18\xe3N\xdd\xfa\x18\x8c\xfe\x19\xe9\xa6\xbc\xad\xfd*\x8a\x12\x10\xa8\'\x04_MNJ\xbex.3=\x8d\x10\x12\x14\x12Z\xbeR\xd5\xb2\xe5+"\xc4Y-\xe6\xbc\x99l\x8e\xe3\xecv{\x8d\xda\xb5\xa3\x1aG\xef\xd9\xb1\xf5\xcf?\xff\x9c2eJpp0\x8d_\xe5\xe1\x82\x0c\x06\xa3\x80a\x02\xe0\xa3\xfc\xf2\xcb/\x18\xe3\xe0\xd0\xb0W\xba\xf6\xb6Y]y\xb3\xd1\x84`\xbdQ\xbfo\xd7\x8e\xc5?\xcc\x8c?\xb8\xd7n\xb7y\x1f\xd2\xf9\xf9\xd5k\xd4\xac\xdf\xbb#\x9a\xb6jk\xb5X!O\x89\xfc\x08\x00+\xb8W\xffa\xfbvmOKK[\xbf~=\xab\x0f\xc1`\x14"X\x08\xc8\xb7\xa0\xee\xf3\xad[\xb7\xaaT\xa9b\xb1X:u\xef3\xeb\x97_33\xf2\xe2\xfe\x13B\xfc\xfc\xfd\xbe\x9b2\xe1\x87\xe9_&gt;\xe2\xb4w&gt;\xfal\xc4g_\xda\xed\xf6\xbc\xba\xed\x88C\xe8\xb5V\x91\x97\x93.4h\xd0\x80\xf6\'`\x1b\x83\x19\x8cB\x01\xbbQ}\x0b\x9aM\xbfm\xdb6\x8b\xc5\x02\x00\xad;\xbc\xaa(y\x89\xa8(\x8a\x12\xa8\x0f\xf8q\xe6\xd7?L\xff\xd2[-\xae|\xe5\xaa\x1d:u{\xa5k\xaf\x88:\xf5\xe8i\xbc \xfc4\xf3\xeb\x99\x93\xc7\x06\xea\x03\xf2\x96\xc8/\xcbR\x80^\x17\xdd\xba\x03!\xe4\xc4\x89\x13IIIl)\x98\xc1(,0\x01\xf0-\xa8\xa5\xfe\xf7\xdf\x7f\x01\xa0h\xf1\x92\xf5\x1a5s:r\x9d\xfc\x831\xf6\xf3\xf3;q4n\xce7\x13\x04AE\x08\xf1\x0f\x08\xfc\xf6\xa7_\xd7\xef:\xfa\xdd\x92\xd53\x17,\xff}\xeb\xc1_V\xff]\xbcdiE\x96U*\xf1\xe7\xd9S\xfe\x89\xdd\x12\x18\x18\x80s\xaf\x01\x1cB\x92\x84[\xc7\xbc\xca\xf3\xbc\xcb\xe5:p\xe0 \xdc- \xca`0|\x1c&amp;\x00\xbe\x05\xc7q\x92$\x1d&gt;|\x18\x00\xaa\xd7\xaa\x1bZ$\xcc\xe3\xf1\xe4v\x06@\x08V\x89\xc2\xaf?\x7f\x7f\xd7\xa9GS\x7f\xf8\xb5g\xdf&gt;\x92$[Lf\xb3\xc9\xecp\xd8[w\xe8\xf0\xf3\xaa\xcdz\x83\x91\x1a\xeb9S\'x$)\x0f\xfb\x0c\x10\xc7\xb9\x9c\xae\xca\xd5k\x86\x15+\x0e\x00{\xf6\xec\x01V\x17\x88\xc1($0\x01\xf0!0\xc6\x08\xa1\xa4\xa4\xa4K\x97\x92\x01\xa0^\xa3h\x9e\x07\xc8\xe5"\r!D%\xaa\xd3n\xa7\x1e\xf8w;BH\x96\xa5\xa6\xad\xda\xb5\x7f\xe5\xd5[7\xb29\x0e\xf1wI\xbb\x9d\x19Q\'\xe2\x9d\x8f&gt;S\x14\x99\x17\x84S\xc7\x8e\xc4\x1f\xda\xef\xe7\xef\x87q\xee&amp;\x01\x08!I\x92\x8c\xc1\xc1\x11\xb5\xa3\x00\xe0\xd0\xa1\x83.\xd7\x13\xedW`0\x18\x05\x06\xbbQ}\x08\xba \x7f\xe5\xca\x15\xb7\xdb\x05\x00\xe5+U\x95\xe5\\{\xd3\x84\x10\xb5\xa8\xbe\x9a\x9c\x94\x91\x96\xcaq&lt;\x00D\xb7\x8e!@8\x84\x00\xfe\xffR*Q\xb4\x98\x9c/\xbd\xfe\x86\xde\x18D#?{\xb6\xff\xadRq\x04\xe7:)\x80\x10\xa2RA\xb9\x8aU\x00\xe0\xd6\xad\xdb\x16\x8b\x05!\x96\\\xc0`\x14\x02\x98\x00\xf8\x10\xd4h\x9e8q\x12\x00\x02\xf5\xfaRe\xcbIy\x89\xff\x10^\xe0\xd2\xd3n\x03\x00\xe2\x10\x00\x94,\x1d\x8e\x95{\xab\xf4 \x84$\xc9\x13V\xb4X\xf5\x9a\x91\xf4uO\x1d\x8fs\xbb\x14\x8e\xcf\xf5O\x82CH\x96\xa1b\xd5\x1a\x00`\xb1\x98\xcf\x9f?\x0fl\x19\x80\xc1(\x0c0\x01\xf09\xecv;\x00\xf0\xbc\xe0\xef\x1f\x801\xce\xcb\xee_\x04n\x97\x13\x00\x80\x00\x00\xa8\xd5\x9a\x07\xba\xe3\x84\x80 \xa0\x92\xa5\xcb\xd2\x7f\xde\xbc\x96b\xb5\x98y^\xc8\x83\xf3N\x08\x04\xea\r\x00\x801v:\x9d\xb9\x1e0\x83\xc1x\x160\x01\xf0!h\xe8&lt;&gt;\xfe(\x00\x94*[No\x0c\x96e9/\x0b\xaa\x044Z\x1d\xc0\x9d\x90\x8f\xddn\xe5\xb8\x07K\x00B\xc8{\xdcl\xca\xb2\xdb\xad4j\x94+hm\xb8\x92\xa5\xc3\x03\x02\xf5\x00\x10\x17w\x14\xee\xcef\x18\x0c\x86/\xc3\x04\xc0\xe7\x90$\t\x00\xfc\x03\x02\xd5\x1aM\x1e\x02)\x08!Y\xc6aE\x8a!\x84\x08\xc6\x00p\xfe\xf4)\x9e\xbf\xf3w/\x84\x10\x0e\xf1\x0e\xbb\xfb\xd8\x91\x03\xf4\x88,Kn\x97\x0bq\xe8\xce\xc4!7/\x891\x0e\x08\x0c\x14E\xd1;~\x06\x83\xe1\xfb0\x01\xf09\xa8\xcb\x8f\x15%oN4B\xc8\xe3v\x95-_\xa9H\xb1\x124\x82\xf4\xd7\xbaU\x16\x8b]\xad\xd1\xc8\x92DK\x81\xca\xb2L\x08\t+\x1a\xf0\xdb\x829\x97\xce\x9f\xa1u&amp;\x08\x01B\x08\x82&lt;fpz\x07\xccr@\x19\x8c\xc2\x02\x13\x00\x9f\x83\x1a\xd0&lt;\x07P\xe8\xeanHXp\xdb\x97^#\x84\x88*\xf1r\xd2\xf9/G\x7f\xc0\x0b|p\xa8Qo\xd0\xeb\r\xfa\xe0\x10\x83V\xab\x9d7}\xd6\xf4I\x9f\xc2\xddp\r\xcfs*\x95H\x08\x86&lt;i\x80w\xc0L\x00\x18\x8c\xc2\x02+\xda\xe5s\xc8\xb2\x0c\x00\x82 p\\\x1e-)\x878\x87\xc3\xd5\xff\xbd\x91\x7f\xad[\x95\x95\x99\xae\x12\xd5k\x97/:}\xf2XL\xa7.%\xcb\x94\x03B\xae]I\xde\xbd\xed\xaf\x93\xf1\x87EQ\x1d\x11\xd5(\xfe\xd0&gt;\x00Pk\xb4\x1a\xad\x16\xe7&gt;\r\x14\x00\x08!\x82  \xc4y\xc7\xcf`0|\x1f&amp;\x00&gt;\x04\xf5\xc4\x83\x83\x83\x01 \xf5\xd6M\x8b\xd9,\x08\x02\xdd\x1d\x96\xab\xeb \x8es\xbb\xdc\xc5K\x96\x9a\xf9\xcb\x8a\xf7\xdf\xeej\xb5\x989\x8e;\x97x\xe2\\\xe2\x89{\xce\x1c\xff\xed\x9c\xcc\x8c\x0c*\x00\x81z\xa3F\xab\xc5X\xc9\xad\xec\x10BT*\xd5\xed[7\x1c\x0e\x9bw\xfc\x0c\x06\xc3\xf7a! \x1f\x82\n@\xf5\xea5\x00 #\xed\xb6\xd3n\xcbss\x15\x9e\xe7\xad\x16k\xe3fm\x96m\xfa\xb7e\xfb\x97\xef\xef\xfaR5\xa2\xf6\x8c\xf9+\xfa\x0f\x1bt\xfe\xf4)z$\xb4HQ?\xff\x00EQr\x9dxJ\x08/\x08\x99\x19\xe9N\x87\x03\x00j\xd6\x8c\x00\x16\x08b0\n\x03l\x06\xe0s\x18\x8d\x06\x00\xf0\xb8\xdd\x19\xe9\xa9\xc1aE$\x8f\'o\x8d\xc0x\x9e\xb7X\xcc\x15\xabV\xffq\xf9\xc6s\x89\xa7N\x9f\x8c\xbfu=EQ\x14cpH\xa5j\x115#\xeb\xfb\x07\x04\xa4\xa5:S.\'\xd1\xf3\xc3+T\x12E\xden\xc3\xb9u\x0b\x08\x00\xc7A\xea\x8dk\x00 \x8a\xa2\xbf\xbf?0\x01`0\n\x03L\x00|\x08j4k\xd5\xaa\x05\x00\x0e\x87\xfd\xc6\xb5\x94\x1a\xb5#\x9d\x84\xe4\xd9\x94\xf2&lt;O\xbd\xf2J\xd5j\xd4\xa8]\x9b\xa6\xf8\x13\x0c\xb2L\xec6\x9b\xd3\xe1HO\xbdu\xe9\xc29Z\xb9\xa1F\x9d\xa8\xbc\xbd\n!\x84\xe7\xe1\xca\xa5\x0b\x00\x10\x10\x10X\xb1bE`\x02\xc0`\x14\x06X\x08\xc8\x87\xa0F3&lt;&lt;&lt;  \x10\x00\xce\x9c\x8c\xe7y\xc0O\xb6\xa3\x8a\xe38\x8e\xe3\x9c\x0e\x87)\xdb\x9c\x95n\xcaL7eg\x99lV\xab\xa2\xc8~\xfe\xba\xb8\x83{\x1dv\x1b\x00\x88\xa2\xban\xfd\xa6.\x97D\x17rs\xfb\x12.\x97r&amp;\xe1\x04\x00\x94+\x17\xee\xe7\xe7\xc7\xbaB2\x18\x85\x02&amp;\x00&gt;\x04\xc7q\x84\x90R\xa5JU\xadZ\x15\x00\x8e\x1d\xd9\xef\xf1\x90|\xa9\xac\xc9q\x1c\xcf\xf3\xbc \x08\x82\xc0\xf3\x02\xc7q\x1c\xe2dYY\xfd\xeb|j\xa9\xeb\xd4oT\xa1r\x15\x97\xd3\x99\xdb\x97#\x84\x88\xa2\x98\x91z\x9b\xae%4m\xdaT\xa5R\xe5\xad\xb7\x0c\x83\xc1(`\x98\x00\xf8\x16\x8a\xa2p\x1c\xd7\xa8Q#\x008\x9bp\xe2\xfa\xd5\xcbj\xb5&amp;\x7f\xcb*`\x8c%\x8f\'\xb4\xa8~\xd9\x82\x1f\x8e\x1f9H\x8b\xff\xf4x{\x08/\xf0yx!\x8c\xb1F\xab&gt;q\xf4PvV\x06\x00DG7\x03\x16\xffa0\n\tL\x00|\x0bj:\xdb\xb4i\r\x00fS\xf6\xfe\xdd\xdb\xb5:1\x0f\x8d\xba\xbcW#\x84(\x8a\xac\xc8\xb2\xa2\xc8\x8a\xa2\x10B4ZmX\xb1\xa0?~[1u\xdc\xc7*\x95(\xcbR\xbd\x86\xd11\xaf\xben\xb5X\xf3\x96t\x848\xb4\xe3\xaf\r\x84\x10\xbd^\xdf\xa0A}x\xa6=\x81\xc9}&lt;\xab\x910\x18\xbe\x0f\x13\x00\xdf\x82\x9a\xce\xe6\xcd\x9b\x97(Q\x12!\xb4k\xebFB oY@\x08\x90$yD\xb5\xda\x18d\x08\n1\x18\x83\x0cz\x83^\x14\xc5\xe4\x0bg?\xfb`\xd8\xc8\xc1\xbd1\xc1\x92\xe4\t\xd4\x1b&amp;\xcd\xfa\t\xf2T\xbe\x8d\xc6\x7f2\xd32\x0f\xee\xdb\x85\x10j\xd6\xacY\xf1\xe2\xc5\xf3\xb0q\xe1I\xc0\x18\xd3\xe2\x16\x8a\xa2\xd0\x97\xbe\x07\xef\t\xb2,c\x8c\x99$0\x18^X\x16\x90o\x81\x10\x92e9  \xa0g\xcf\x1e3f\xcc8\xb2\x7f\xcf\xa9\xf8\xf8*5j:s\x19\x9dW\x14\xd9\x10\xa4\xffy\xe6\xbc\xd8Mk\xab\xd4\xa8\xa5\xf3\xf3\xc7\x8a\x92\x9d\x95q9\xe9\xfc\xb9\xc4S\xb2,\xf1\xbc\xa0\xc8r\xa0\xc18w\xe9\xda\n\x95\xabZ\xcc\x96&lt;\xb8\xffXQt\xfa\x80\xf5\xab\x96\xa6\xdd\xba\t\x00\x83\x07\x0f\x86\x82\xaa\x03Jg3&lt;\xcf\xdf\xf3\xb18\x9dN\x97\xcbu\xa7\x9c\x06!\x1c\xc7\xe9\xf5\xfa\xfb\x9f\x0b\x00\x1c\xc7\xb1P\x15\xe3\x05\x87\t\x80\xcfA-Z\xbf~\xfd\xbe\xff~\x8e\xd3a\xdf\xf0\xfb\xaf\x93\x1a~g\xb7\xd9s\x17W!\xc0\xf3\xc8l\xca&gt;u\xec\xc8\xa9cG\xee\x7f\\Q\xe4\x06M[\x8c\x9d\xf2]\xe5\xea5-f\x13\xcf\xe7\xe5\x97\x808N\x96\xf1\x9ae\x0b\x11B\xe5\xcb\x97o\xdd\xba5\xb5\xb9y\xb8\xd4cB\x08\xc1\x18\xd35mz\xe4\xda\xb5kG\x8f\x1eMHH8u\xea\x94\xd9l\xbet\xe9\x92\xd5jC\x08\x08\x00\x10\xe0\x05\xbeZ\xd5\xaa\x1a\x8d\xa6^\xbdz\xe5\xca\x95o\xd0\xa0~\xc5\x8a\x15\x05\xe1\xce\x9bU\x14\x05!\xc4\x1aX2^X\x98\x00\xf8\x1c\x1c\xc7a\x8c\xabW\xaf\x1e\x1d\xdd\xf4\x9f\x7f\xfe\xf9k\xfd\xef}\xdf\x1d\x11Z\xa4\xa8$I\xb9\xf2X1\x06\x8dFs\xff\xf1\xe0\xd0\xb0\xda\xf5\x1av\xea\xde\xa7u\x87W\x11\xc7Y\xcc\xe6\xbcY\x7fEQ\x02\xf5\x81;\xfe\xfa\xf3\xcc\xa9\xe3\x84\x90&gt;}\xfah\xb5ZY\x96\xbd\xe65\x7f\xa1\xa6\x9f64\x06\x80\x03\x07\x0e\xac_\xbf~\xdf\xbe}g\xce\x9c\xb1X,\x8fxb\xea\xed\xdb\x00\xb0e\xcb\x16\x00P\xab\xd5\x15+V\x8a\x8a\xaa\xd7\xa9S\xa7\x98\x98\x18\xb5Z\rL\x06\x18/0\xacw\xab/\xa2(\n\xcf\xf3\xbbw\xefn\xd9\xb2%\x00\xbc\xda\xad\xf7w\x8b\x96e\xa4\x9bra[\t\xe1x\xdeb\xca\xbet\xf1\\VF\xba\xcdj\x01\x84\x02\x03\x03C\x8b\x14/U6\xbcH\xb1\x92\x1c\x07V\x8b\xf5\t\x1dv\x8e\xe3:\xb7\xa8s9\xe9BHHHbbbhh(\r\xbb\xe7\xf9\x82\x0f\x83~ \x00\x90\x9a\x9a\xfa\xe7\x9f\x7f.\xfd\xf5\xd7\xfd\xfb\xf6\xe5&lt;\xc1`\x0c\n+Z&lt;\xb4H\xd1\x90\xb0b\xa5\xcb\x86K\x92\x0c\x00\xbc \x98\xb23/_&lt;o\xb3Z\xae\xa7\\\xce\xcaH\xcf\xf9\x94j\xd5\xabw\xef\xd6\xadG\x8f\x1eU\xaaT\x01\x00Y\x96y\x9egA!\xc6\x0b\x05\x13\x00\x1f\x85\x9a\xbc\xee\xdd\xbb\xff\xf1\xc7\x1f\xa2Z\xbdt\xfd\xae\xc8\xfa\r\xac\xd6\xdcT\x07"\xc0\x0b\xbcZ\xa3\xe5\xb8;\xab\xc8\x84\x80\xa2\x10\x8f\xc7-y\xdc\x84@\x9e\x0b\r\x01\x80,I\xc1a\xc6\x9fg\xcd\x98:\xeec\x84\xd0\xf4\xe9\xd3?\xfa\xe8#\xba\xc4\xfa$\x97\xbd\x1f\x9a\xc9\xc3q\x9c\xd9l\x9e5k\xd6\xfc\xf9\xf3o\xdd\xbaE\x1f\x12\xd5\xea\x1a\xb5\xeb6\x8cnU\xbb^\xa3JUk\x04\xea\r\xfe\x81\x81\x08\x81\xa0\x02B\xee\x94\xb4\xc6\x18\x14\x19\\.\x97\xd9\x94u\xedJ\xf2\xa9c\x87\xe3\x0e\xec9zp\xaf\xd9\x94M/\xa2\xd3\xe9z\xf6\xec9z\xf4\xe8J\x95*\x01\x00\x8d/\xe5\xe3\xf8\x19\x0c_\x86\t\x80\x8fB\x13Z._\xbe\\\xa7N\x1d\x8b\xc5R\xb5F\xed?\xb6\x1f\x90$%W\x9bl\t!\x84\xfc\xcfVbon\xcc\x13\x8dMQ\xb4~~W\x92.vkW\xdf\xe9p`\x8c\xabT\xa9\xf2\xc9\'\x9f\xbc\xf5\xd6[\xb4|)\xe4S&amp;\xa8\xd7\xf1_\xb5j\xd5\xc4\x89\x13\xcf\x9d;G\x8fW\xae\x16\xf1j\xf7\xdeMZ\xb4\xafX\xb5\x9aV\'\xca\x12\xb8]n\x9a\xedJ\xfew\x15\x1a!@\x08q\x88\xe3U*Q\x14E\x91\x93%H\xb9\x92tx\xdf\xbf\x7fo\xf8}\xff?\xdb\xe9i\xc6\xa0\xa0\x8fF\x8c\x185j\x94(\x8a\xde\x17e0\x9e{\x98\x00\xf8.\xd4\x12M\x992\xe5\xb3\xcf&gt;\x03\x80^\xfd\x87~\xf5\xdd\xbc\x8c\xb4lA\xa5z\x86\xa3"\x84 \x00A%\xbc\xf1R\xb3\xc4\xe3Gi.\r\xcd\xabi\xd4\xa8\xd1\xc4\x89\x13\xdb\xb6m\x0b\xf9\x11Q\xa1\xcb\t7o\xde\x1c8p \x8d\xe0\x03@\xa3f\xadz\x0f|\xafat\xab\xe0\x10\xbd\xd3!\xbb\\NEQ8\x84\x10m\x9e\xf0\xf0\x97\xbb\xb3)\x00c\x84\x90Z\xa3\xd1\xfa\xa9\xddN\xf9x\xdc\xfe5\xcb\x17oX\xb5\x94\xde\x045j\xd4\xf8\xe9\xa7\x9f\x9a4i\xe2M\'\xcd\xf3\xe0\x19\x8cB\x01\x13\x00\x9f\x86\xaeO\xc6\xc4\xc4l\xdf\xbe\x1d\x00\xa6\xff\xb4\xac[\x9f\xde\xa9\xb7\xb2T\xa2\xf8\xac\x86$\xcbR\x91\xa2\xc6O\xdf\x1b\xb6b\xd1\x0f\x00\xf0\xe5\x97_v\xec\xd8\xf1\xd3O?\xa5#\x04\x80^\xbdz\x8d\x193\xa6F\x8d\x1ap\xd7\x88\xe7\xf6%\xbca\x9f\xd8\xd8\xd8\xfe\x03\x06\xdc\xbcq\x03\x00\xc2+T\x1a\xf0\xde\xc7\xaf\xbd\xf1\xb6Z-Z-vY\x96h\x99\xa3&lt;\xbc\x05B\x08V\x14\xc4q\xfe\xfe\x01\x82\n\xed\xde\x1e\xbb\xe0\xbb\xa9\x87\xf6\xfe\x03\x00\xa2Z=\xf5\x9bo\x86\x0f\x1f\x0e,\x1c\xc4x\x01`\x02\xe0\xd3P\x1b\x94\x9a\x9aZ\xb3f\xad\xb4\xb4T\xbd\xc1\xf8\xf3\xcaM\xf5\x1a7\xc9\xcex6\xf3\x00Y\x96C\xc3\x0c\x0b\xe7\xcd\x9d\xfc\xe9\xfb\x84@\x9b6m\xb6m\xdbF=\xe5U\xabVM\x992\xe5\xd4\xa9S\x00\xa0\xd3\xe9F\x8e\x1c9r\xe4H\xbd^\x9f\xdb\x85\x01\xaf\xf5\x9f={\xf6\x88\x11#\xe8\xc1^\xfd\x87\x0e\xfflbHXHv\x96\x85\x10\xcc\xf3|\xde\xfaV\xde\x03\xc6\n\xc1$\xd0`P\x14\xf9\xb7\xf9s\xbf\xfff\xbc\xcdj\x01\x80\xfe\xfd\xfb\xcf\x9e=;  \x80i\x00\xe3\xf9\x86\t\x80\xafC\x03A\x07\x0f\x1el\xda\xb4)\xc68Po\x98\xbfjs\xbd\xc6M\xb22\xb2U\x05\xa9\x01\x84\xc8\xb2\x1cZ\xc4\xb8h\xde\xbcI\xa3\xdf\x03\x80\xf0\xf0\xf0\xb8\xb8\xb8\xa0\xa0 \x1a0\xe18\xce\xe3\xf1L\x9b6\xed\x87\x1f~\xa0\xeb\xb4U\xabV\xfd\xe4\x93O\xfa\xf5\xeb\x07\x8f\x9dj\xe9\xcd\xf5\x1c&lt;x\xf0\x82\x05\x0b\x00@o\x0c\x1a7\xf5\xfb\xd7\xdf\xe8m1;&lt;\x1e\xcf\xd3\xc81\xa5c\x0b\x0e\t\x8c?\x1c\xf7\xf9\x87\x83\xce%\x9e\x04\x80\xfa\xf5\xebo\xdd\xba\xd5h42\r`&lt;\xc70\x01(\x04P\rX\xb0`\x01\xddjK5\xa0At\x93\xf4\xd4\x02\xd2\x00\x8c1\x10\x12ZD\xff\xcb\x9c;\xd6?(((66\xb6^\xbdz^\xfb\xe8];\xbdy\xf3\xe6\x17_|\xb1d\xc9\x12\xba\x1a\xdc\xb6m\xdb\xd1\xa3G\xb7n\xdd\x1a\xfeka\xc0\xeb\xfb{\xad\x7f\xb5\x9a\x913\xe7/\xabX\xb5jV\xa6\xe9i\xe7h\xca\x92\x14\xa0\xd7\xdbm\x96I\xa3&gt;\xd8\xb8\xfa7\x00\x88\x8a\x8a\x8a\x8d\x8de\x1a\xc0x\x8ea\x02P8\xa0\xc1t\xaf\x06\xe8\r\xc6i?\xfe\xda\xee\xe5\x97\xb3\xb3\xac\x84`\x8e{\x8aY+\xb2,k4\x1a\xb5F\xbd\xe0\xbbo\xbf\x9d8\x1a\x00\x82\x82\x82\xb6n\xdd\x1a\x15\x15uO\xc2\x0c!DQ\x14\xea\xa4\xef\xdc\xb9s\xea\xd4\xa9ta\x80\xe3\xb8\xbe}\xfbzS-\x1f\x96fC\x8f\xe7\xb4\xfe\x8b\xd6l1\x06\x87XL\xe6\x82\x89w)\x8a,\x8aj\xadN;jh\xbf\xf5+\x97\xc0]\r0\x18\x0c\xc0J\x9c2\x9eG\x98\x00\x14\x1a\xee\xd1\x00\x00x\xf7\xa3\xcf?\xf8t"\x01b\xb7ZyA\xc8w\x0b\x851\xc6X1\x06\x19\xd3n\xdf\x9e\xf0\xf1\xb0m\x9b\xd7\x01@pp\xf0\x96-[\xa2\xa2\xa2\x1e\xb6\xc0\xeb\r\xe3\x00\xc0\xe2\xc5\x8b\xbf\xfd\xf6\xdb\xb3g\xcf\xd2\'\xbe\xff\xfe\xfb\xc3\x87\x0f\xa7\x0b\x03\xf0\xbf\xa9\xa2\xf4j\xde\xb8?\xb5\xfe\x01z\x83\xc3\xeexJ[\x8b\x1f\x08\xc6\x98\xe3\x90\x9f\xbf\xff\xe8a\xfd\xa9\x06t\xed\xda\xf5\x8f?\xfexz;\x9c\x19\x8cg\x08\x13\x80\xc2\x045C\xb1\xb1\xb1o\xbe\xf9fFF\x06\x004n\xde\xe6\xf3\xafgW\xafU\xddlrx&lt;\x9e\xfc\x8a\x93\x10\x8c\x15\x8cu:?\xadN\xb5\xe3\xef\xcd_}6\xe2jr\x12\x00\xd4\xaf_\x7f\xd9\xb2e\x15+V\xfc\xcfdyo\xd0\xdfl6\xcf\x9e={\xce\x9c9\x99\x99\x99\x00P\xb5j\xd5q\xe3\xc6\xf5\xec\xd9\x13\xee6?\xa0Y\xa4&lt;\xcfo\xdf\xbe\xbd]\xbbv\x00P-\xa2\xce\xa2\xb5[\x03\xf4\x06\xa7\xc3Y\xf0)\xf9\x04c\xc4!\x7f\xff\x80QC\xfb\xae_\xb5\x14\x00&amp;L\x980~\xfcx\xa6\x01\x8c\xe7\x0f&amp;\x00\x85\x0cj+/^\xbc\xd8\xaf_\xbf\xfd\xfb\xf7\x03\x80\xde`|s\xd0{o\x0e|\xbfh\xf1P\xab\xc5\xe5v\xbb\x9e(?\x12c\x00\xd0\xeat~~\xaa\xd3\'\x13~\x993c\xe3\xea\xdf\xe8\xc1\x81\x03\x07\xce\x981#00\xf0\xf1\xb7Jy\xcf\xbcp\xe1\xc2\xb4i\xd3\x16/^L/\xd5\xae]\xbbI\x93&amp;5h\xd0\x00\x00$I\xe2y&gt;--\xadv\xed:\xa9\xa9\xb7\x03\r\xc6\xd5[\x0f\x84W\xa8d\xb1X\x9e\x95\xc1\xa53\x18\x95J\xd5\xb3C\x93\x84\xe3G\x11B\xb1\xb1\xb1m\xdb\xb6e{\xc4\x18\xcf\x19L\x00\n\x1f\xd4\x0cI\x924j\xd4\xa8\x1f\x7f\xfc\xd1\xedv\x03@x\x85\xca\xfd\x86\x0eo\xde\xb6c\xa9\xb2\xa5=n\xe2t\xd8\x15Y\x86\xbb\x897\x8f\x98\x16\xdc\xed\x9b\x82\x01@\xa5R\xeb\xfc\xb4\x08\xc1\xd9\xc4\xc4\xd8\x8d\x7f\xfc\xb6`\x0e-\x99P\xa4H\x91\xc9\x93\'\x0f\x1c8\x10r\x9f\x1d\x7f\xcf\xc2\xc0\x17_|q\xf0\xe0A\x00\xd0h4\xbdz\xf5\x9a4iR\x89\x12%\x00 &amp;&amp;&amp;66\x16!\xf4\xed\x8f\xbf\xbd\xd6\xabwfz\xc1\xe68\xdd\x87\xa2(:\x9d\xeejrR\xcf\x0eM\xcc\xa6\xec"E\x8a\x9e={F\xaf\xd7\xb3\rb\x8c\xe7\t&amp;\x00\x85\x12\xaf\x15&gt;|\xf8\xf0\xd8\xb1cw\xec\xd8A\x8f\x87\x15-\xf6r\x97^-\xdb\xbf\\\xa3v=\xbd\xc1_Q\xc0\xed\xf6\xd0f(\xf0\xbfE!\x10\x00\xe2\x10\x02$\xa8T\x82J%\xaa\x05\x04\x90z;\xed\xd8\xa1\xbd\xdb\xff\xda\xb0m\xd3:\xa7\xd3\x01\x00\x08\xa1~\xfd\xfa}\xf9\xe5\x97\xdeN/y3\x7f\x18c\x8c\xb1 \x08\xb2,\xff\xf6\xdbo\xe3\xc7\x8f\xbfv\xed\x1a\x00\x14-Zt\xf4\xe8\xd1\xa1\xa1\xa1o\xbe\xf9&amp;\x00t\x7fk\xd0\xd4\x1f\xe6g\xa4\xe5\xa6\xec\xddSC\x96\xe4\xe0P\xc3\x1f\xbf\xfd:z\xd8\xdb\x00\xf0\xde{\xef\xcd\x993\x87M\x02\x18\xcf\x13L\x00\n+9\xd7Z\x17-Z4{\xf6\xec\x84\x84\x04\xef\xa3\x95\xaa\xd6h\xd4\xacU\xed\xfa\x8d\xabGD\xea\x8dA\x86\xa0`\x84 \xa7KM\x08H\x12(\x8a\x9c\x9d\x99\x9e\x91v;\xf1\xc4\xd1c\x87\x0f\x1e\xda\xbb\xeb\xc6\xb5\xab\xdes\xda\xb5k7j\xd4(\x9a\xc1\x99/\x86\xcf{\x91\xb4\xb4\xb4\xb9s\xe7\xce\x981\xc3\xe1\xb8#3\x08\xa1\x12\xa5\xcb\xae\xdd\x19\xa7Vk\xe8\xfa\xc1\x13\xbeV\xbe\xa0(\x8a\xc1\xa8\x1f\xfaf\x97m\x9b\xd7\xa9T\xaa\x83\x07\x0f\xd6\xad[\x97e\x852\x9e\x1b\x98\x00\x14n\xbc^\xb9\xc7\xe3\xd9\xbau\xeb\xa2\xc5\x8b\xb7o\xdbF\xad*\xc5? \xd0\x18\x14\\\xaal9\x9d\x9f\x7f\xe5\xea5\x15E\x01\x02\x80@\x96\xe4s\x89\'\xdcn\xd7\xd5K\x17L\xa6l\x8f\xdb\xed}J\xb1\xe2\xc5_~\xf9\xe5\xbeo\xbf\xdd\xb8qc\xc8\xb1T\x9b/\x03\xce\x19\x11JLL\x9c:u\xea\xfa\xf5\xeb\xdd\x1e\x8f,I_\xce\x9c\xdf{\xe0\xa0\xcc\x8c\xc7r\xffsU\x14\xef\xd1W\x82\x877\xdd\xc4\x18\xebt\xda\x8b\xe7\xcetm\xd3\xc0\xe3q7o\xdeb\xf7\xee\x7f\x98\x000\x9e\x1b\x98\x00&lt;\x0f\xe4t\xcf\xcf\x9f?\xbfi\xf3\xe6m\xb1\xb1\'O\x9eLKK{\xfc\x8b\x84\x87\x87GFF\xbe\xfc\xf2\xcb\x1d;v\x0c\x0b\x0b\x83\xff\x9dd\xe4/\x84\x10Y\x96U*\x95\xcdf+_\xbe|zFFT\xc3\xe8%\xeb\xb79\x9d\xae\x87\xd9\xd6\xbb\x0b\xd4\x04!\x8e\n\x12=B\x08F\x80\xb8\xdc\x0c\x92&gt;\x0b\x00q\x1c\x87\x10\x87\xd0\xff\xaf~\xdf\xff\xea\xb2,\x07\x05\x1b\xbe\x19;z\xc1\x9ci\x08\xa1]\xbbv\xb5h\xd1\x82\x05\x82\x18\xcf\x07L\x00\x9e\x13\xa8\t\xcbYn!++\xeb\xf8\xf1\xe3\x87\x0e\x1f\xbe\x94t\xe9\xda\xb5k\xa9\xa9\xb7o\xdd\xba\x8d\x10X\xad6Y\x96\x05\x81\xaf]\xbb\xb6\x7f@@D\x8d\x1ae\xca\x94i\xdc\xb8q\xf5\xea\xd5u:\x1d}n\x014\xc9\x92e\x99\xe3\xb8_~\xf9e\xc8\x90!\x000g\xc9\x9a\x0e\x9d\xbb\x98\xb2L\xfc}\xee?\xc1\x18\x13\xacVk\xb5:5 \x90\xdc\x8a\xdb\xedR\x14\x85\xe7\x05\x8dV\xa3Rq\x8a\x02v\x9b\xedq\x1c\xf3\xbb9N~j5\x8f1x\xdc\x92\xdb\xed"\x84\xf0\x82\xa0Vk\x08!.\xa7\xe3\x9e\x89\x05m|\x9fv\xfb\xd6+\xd1\x11v\x9b\xadW\xaf^\xcb\x97/g\x02\xc0x&gt;`\x02\xf0\xbcA\x97[\xef\xcf\x04\xc5\x18\x9bL&amp;\x8e\xe3^{\xed\xb5\xdd\xbbw\xb7h\xd1\xe2\x9f\x7f\xfe\xb9\xe7\xb9\xdeN\xeb\x05\x10\x82\xa7\xb6\xb8q\xe3\xc6G\x8e\x1c)_\xa9\xea\xef[\xf7s\xb4\x93\xcb}C\xd2h\xb5Z\xad\x98r%\xe5\xe0\x9e\x9d\xc7\x8f\x1c\xb8\x9ct\xdeb6\xc9\x92$\x8ajCPP\xa5\xaa\x11MZ\xb6m\xd4\xac\xb5JT\xdbm\xd6G\xd8eEQ\xfc\xfc\x03\x10\x82\xd3\'\x8f\x1d\xda\xb3+\xf1d\xfc\xad\xeb)v\x9b\x15cE\xad\xd1\xfa\xf9\x07t\xee\xf9v\x97^o\xd9m\x8e{&gt;:EQ\xf4\x86\xc0\x8f\x87\xbc\xbdq\xf5o\x81\x81\x81\xe7\xce\x9d+V\xacX\xfe\xc5\xa0\x18\x8cg\xc6\xb3\xcf\xb5`\xe4/^\xd3\x7f7BB\xe8"\x01\xc7qAAA\x00@\xd3+U*\x15\r\xc7\xd3g\xd1\x13\n\xcc\xab\xa5\x1e\xf4\xe1\xc3\x87\x8f\x1e=J\x08y\xb5\xdb\x9bA\xa1\x86\xfb\x93\x7f0&amp;z\x83&gt;\xf9\xe2\x85_\xe7\x7f\xbfe\xc3\xea{z:R\x0e\xed\xfd\xe7\xd7\xf9\xdf\xd7\xae\xd7\xf0\xb3\xafg\xd5\xaa\xdb\xc0j\xb1&lt;\xf0]`\x8c\rF\xfd\xb1\xc3\x87~\x9c\xf9\xd5\x9e\x9d[\x15Y\xbe\xff\x9cRe\xcb\xbf\xd1\xb7\xbf\x8d`\x80\xff\x11\x00\x04\x801\xe9\xf6\xe6\x80MkVX,\x96\x15+V\x8c\x1c9\xd2\xbb\x92\xc1`\x14^\xd8Z\xd6s\x0bB\x88\xe7yA\x10x\x9e\xe78\x8e\x9a{\x9a\xf3\x0fw\x17Q9\x8e\x13\x04\x81\x9eS\x90\xfe,\x1d\xc3\x9a5k\x14E\x11\xd5\xea\xe8\xd61N\x87\xcc\xdf7e\xd1\xf9\xe9\x96/\xfc\xb1k\x9b\x06\xcb\x7f\x99\x97\xd3\xfas\x1c\x97\xb3:\x90 \x08\'\x8e\x1e\xea\xf7z\xbb\xf8C\xfb\xfc\x03\xfc1V\xeey9\x8c\x95@}\xe0\xc2\xb93{\xbf\xdc\xfc\x9f\xd8\xcd^\xeb\x8f\x10\xd2\xf9\xf9\xfb\x07\x04\xfa\x05\x04&gt;b\xb4\x1c\xcf;\xec\xcej\xb5"\xcb\x96\xaf\x00\x00k\xd7\xae\xa5\x0b\xe3O\xf6\x190\x18\xcf\x1e\xe6\xc2\xbc(\xe4K3\xc8\xfc\x82\xe7yEQ\xfe\xfd\xf7_\x00\xa8^+\xb2R\xb5\x1a.\xa7\x13\xddkR\t\xcf#^PY-&amp;\xfa\xef\xb2\xe5+\xb5\xee\xf0j\x9d\xfa\x8d\xc3\x8a\x16\x17\x04\xc1f\xb3&amp;\x1e\x8f[\xf6\xcb\xbc\x9b\xd7\xae\xaaT\xa2\xddf\x1d\xf3\xfe\x80u\xbb\x8e\xf0\xbc\x8a.\x87\xd0g\xd1T\xce\x1fg~3c\xd2\x18\xbaV\x8c\x10j\xfbR\xe7\x96\xed_)W\xb1\x8a\xde\x18$\xa8T\x92\xdb}=\xe5\xb2\xa8\xd68\xec\xae\x07V\xd6\x93e)8\xc4\xd0\xbc\xedK\xc9\x17\xcf\'$$\xde\xbe}\xbbD\x89\x12,\n\xc4(\xec0\x01`\x144t\x89\xe2\xf6\xed\xdb\xe7\xcf\x9f\x07\x80F\xd1\xadu:\x95\xc3n\xbf\'\xa2\xc2q\xbc\xd5l}k\xf0\xc0\xc4\xe3q\xbb\xb7m\x1e1\xf6\xab\xb6/\xbfn4\x06\xca\xf2\x9d\xb5\n\x8e\xe3\xa2[\xb5x\xb5[\xef\x01];\\8\x9b\xa0R\x89W\x93/\xfe\x13\xfbw\xe7\x1e\xbdL\xd9f\x1a\x08R\x14%P\x1f\xf8\xcf\xb6-3&amp;\x8d\x11T*Y\x92J\x97-\xff\xf5\x9c\x85\r\xa3\x9b\x03\x80$aE\x91\x81\x10\x84\xb8\xf2\x95\xab*\x8a\xe2t\xdc\xbb\x08|g0\x08\xc92i\xdc\xbc\xcd\x92\x1fg\xd9l\xd6\xb8\xb8\xa3%J\x94xJ)R\x0cF\x81\xc1\xa6\xb1\x8c\x82\x86\xc6\x7f\x0e\x1d:d\xb1X8\x8e\xab\x1d\xd5H\x92\x08\xf7 \xb3\x8b8\xce\x94\xed\x181\xf6\xab\xd5\xdb\x0ew\xef\xd3\x97\xe3\xf8\xac\x0c\x93\xc5lv\xd8\xedN\x87\xc3n\xb3\xa5\xde\xca(Q\xaa\xf8{\xa3\xc7\x13Bh\xff\xf7S\xc7\x8e \x0e\xbc\x8b\xc9&lt;/\xd8m\xb6)\x9f\x7f\x84\x10\xc2\x8aR\xbcT\x99\xc5\xeb\xb75\x8cn\x9e\x9d\x95m\xca69\xec6\x8f\xdb\xed\xf1x\xdcn\xa7\xd5lv\xd8\xed\x0f\xf3\xe8\x11\xc7\xb9]\xeeJUk\x04\x87\x84\x02\xc0\xae]\xbb\x9e\xda\xc7\xc3`\x14\x1cL\x00\x18\x05\r\x15\x80\xc4\xc4\xd3\x00\xe0\x1f\x10P\xa1r5\x8f\xdbs_\xfc\x07\x00\x00!\xa4\xc8\x8aF\xab3\x06\x87de\x98\x80`\xfe\xee\x92\x06E\x14\xd56\x9b\xbbb\x95\xeaj\x8dF\x92$B\x88\xcdb&amp;\xf8\xce\xc6.EQ\x02\x02\xfd\xb6l\\\x93|\xf1\x1c]\x05\x19\xff\xed\xbc\xb2\xe5\xcaeed\t\x82\x8a\xe7\x05\xba\x9f\xe0\xce\x1a9\xcf?"\xacO\xb7\xda\x85\x15-Q:\xbc\x02\x00\x9c={\x06X\x87\x00F\xe1\x87\t\x00\xa3\xa0\xa1v6!\xe1\x14\x00\x14-^\xca`\x0c\x92e\xf9\xa1\xae7BXQdI\xe2\x05\xe1A}\x80\t\x02\xa4(2\xc1w\x92\x9d\x02\xf4z\xee\xee\x0c\x00!$K\xca\x9f\x7f,\xa3\x15\xa7\x1b4m\xd9\xa2]\xc7\xec,\xb3J\x14\xef\x96\xc0#\xf7\'\x9e&gt;\x0cB\x88J\xe4\xca\x94\xaf\x08\x00\x97.]\xb2Z\xadt3Z\x1e?\x05\x06\xc3\x07`\x02\xc0x6\x98L&amp;\x000\x06\x87\xf8\x05\x04z\xb3Q\x1f\xc8#\xd6\xae%I\xd2\xf9\x89\xe7\x12Oz&lt;n\x9e\x17\x08!5j\xd7S0\x00B\x84`\xb5F{\xf5J\xf2\xc9\xa3\x87\xe9\xc9\x1d_\xeb\xc1sHQd\xac(4\x8fHP\xa9\x10\xc7)\x8a\xf2\xe8\x01P\x08!\x82\x00E\x8b\x95\x04\x00\xb3\xd9\xe2;\x05\x8b\x18\x8c&lt;\xc3\x04\x80Q\xa0\xd0\xcc\x19\xab\xd5\x9a\x9c\x9c\x0c\x00E\x8b\x97\xe28\xf2\x98~\xb4\xa2\xc8\x8a|\xf7\x8f"c\x8c\x83\x82\x83\xb32\xb2\x7f\x9e5\x85\xe7\x05I\xf2\x94,\x1d\xde\xa2]G\xbb\xd5\xc1q\x1c\xc6D\xadQ\x9d=u\xdc\xe9\xb0\x03\x80J%\xd6\xaa\xd7\xd0\xe5\xf4\x18\x8c\xc1\x01z\xbd,I\xa6\xacLsv\x96\xa2(z\x83&gt;P\xaf\xf7&amp;\xc8&gt;\x0c\x84\x90,C\x91\xe2%\x01\xc0f\xb3&amp;%%\xc1\xddp\x16\x83QHaY@\x8c\x82\x06!$I\x92\xc9d\x01\x80\xd2e\xcb\xa9T\x8f\x15HA\x08\x19\x8c\x06o\x94\x1ecp:\xdd\x87\xf7\xfd;u\xdc\'\x17\xce&amp;\x02\x80J\x14\xbf\x9c\xfds\xa0\xde`\xb3X9\x9e\x07Bx\x0e\xce\x9f&gt;\x05\x00\x84\x90"\xc5\x8a\x97*S\x96\x17\x84m\x9b\xd6\xfe\xb5n\xd5\x85\xb3\x89\xd9Y\x19\x00`\x0c\n\xa9R\xa3\xd6K\xaf\xf5l\x19\xf3\x8a,K\x92\xc7\xf3\xb0\x95\x00\x04\x801\x94.[\x0e\x00&lt;\x1e\x0f\x9d\xc10\x01`\x14j\x98\x000\x9e\x01\x08!A\xe0\x01@\x92\xa4\xc71\xa1T3\x16\xcd\x9bm\xb3Z8\x8es\xbb]\xe9\xb7o\x9dI8~\xe6\xd4qzB\xf9JU?\x9f\xf2]\x93\x16m-\xe6;\t\xa0\x80\x90\x82\xe1\xda\x95dzB\x99r\x15E\x91\xff\xb0_7\xda\xd9\xd8KvfF\xf2\xc5s\x7f\xaf\xff\xbdM\xc7N\x93g/\xf0\x0b\x08\x90\x1e\xb2"M\x91$\x89\xfe\x85m\x03f&lt;\x07\xb0\x1f1\xe3\xd9\xf0\xf8\xbe3!\x84\xe3xY\x96\xe6L\x9d`\xb5\x98s&gt;\xc4\xf1|D\xedzo\xf4\x7f\xf7\xf57\xde\x16\xd5\x90v+K%\x8a\xf4!\x84\x90"\xe1\xb4\xd4[\xf4\x9fzc\xd0\xa8\xa1\x03\xa9\xf5\xd7\x1b\x83\x8a\x97,#\x08BFz\xea\xad\xeb)\x00 \xa8T;\xfe\xde\x98\x9d\x95\xb9\xf0\x8f\xad\x88\xe7\x00\x93\x87\x15\x88\xce\xc3\xf8\x19\x0c\x9f\x85\t\x00\xe3\xd9@\rhn\xfc\xe8\x07\xc4\xe8\xb1\xa2\\O\xb9\xb2r\xd1\x8f\'\xe3\x0f\xbf\xfeF\xdf:Q\xf5\xcd&amp;\xcb\x9d.\x98\x1c\xf2x\xdc6\xab\t\x00\x10B\xbb\xb6nr9\x1d\x06c\xf0\xd0O\xc6\xb6}\xe95cp(\xcfq\x0e\x87\xfdD\xdc\xc1)c?\xbar\xe9\xa2\xa8V\xc7\x1f\xda\xb7h\xde\xcc\x0f\xc7|\x91\x9d\xf9\x80\xa2\xa4\x14\xef\x80\x99\x000\x9e\x03\x98\x000\x9e\x01\x08!jIM\xd9\x99\x18\xffGA\x05\x84\x10!X\x10\xc4!#\xc6\xd8\xadV\x00\x90$\x8f);\xeb\xfa\x95\xe4\xf3g\x132\xd3S3\xd3SO\xc6\x1f^\xbbl\xd1\xf0\xcf\'\x0fxo\xa4\xcdj\xe58\xc4!N\x96%\xb7\xcb\r\x00\x1c\xcf\xbb\x9c\x8e\xb0\xa2\xc5\xe7\xaf\xda\\;\xaa\x8e\xc5\xecRdYR\x14QT\xb7{\xf9\xe5\xf0\nU\xde\xe8\xd8$+3\x03q\xdc\xaa%?\xf5\x1a\xf0\xaeV\xab{`\x92\x0fB`\xca\xca\x04\x00\x848\x16\x02b&lt;\x07\xb0\x1f1\xa3@A\x08a\x8c\xf5z}\xd5\xaaURSo\'\x9d?#\xcb\xff]\xa1\x88\x10\xa2R\xa9\x86\x8e\xfc\x94\xe3\x80\x00\x00\x01\x8cA\x92pF\xea\xadm\x9b\xd7\xd1\xd0\x90,K\xd3\xc6\x7fb\x0c\n\xee\xfaf?s\xb6IPq\x84\x90;\x85\xe1\x08\x00B\x9f\x7f=\xabvT\x9d\xd4\x9b\x99*Q\xbc\x93ZJH\xda\xed\xccJ\xd5*\xf4\x1e0\xec\xfbo\xc6\x0b\x82*\xed\xf6\xcd\xc4\x13\xf1\xd1\xad\xdaY\xad\x16\x1e\xfdO\x99\x07L\x88J\x05I\xe7\xcf\x00\x80\xd1h\xacV\xad\x1a&lt;\xa8\x81\x0c\x83Q\x88`?_\xc63\x00!\xa4\xd5j\x01\xc0a\xb7\xbb]\x0f\xed\x02\x96\x13BHv\x96)#\xdd\x94\x99n\xca\xca0\x99\xb2\xcd\x0e\xbb-\xd0`\x1c&lt;\xfc\xfdy\xbf\xad\x17\xd5\x1a\x848\x84\xd0wS\xc6ege\t*\x15]9\x10\x04\x15\x00(\x8a\\&amp;\xbcB\xb36/eeXE\xb5\xfa\xff\xf5\x06!A\xa5r:\x94F\xcdZ#\x84\x00\x08 \x94|\xe1\xac  \xc0\xf7Fx\x10B\x8aB\xe8"\x84(\x8a\xaa\x9c\x1d\x96\x19\x8c\xc2\t\x13\x00FAC[\xc1\xd4\xaaU\x1b\x00\xae]\xb9d\xca\xca\x10\x04\xe1qB\xea&lt;/\xdc)^}\xb7 \x84\xa2(7\xafe6m\xd9,\xe6\xd5\xae\x8a"\xf3\x82p\xfb\xe6\xf5S\xc7\xe2\xb4:\x9d"\xcbj\xb5\xc6\xffn\x9d\xe7\xb0\xa2\xc54\x1a\xcd\xfd\xafB\xabM\x04\x87\x86i4ZEQ\x80\x10SV&amp;\xa2\xf3\x8c\xfb\xce\x94$t\xf1\\"\x00T\xacX!000g\xcdQ\x06\xa30\xc2\x04\x80\xf1l\xa8X\xb1\x02\x00\xd8\xac\xd6\xeb)WT*1ok\xaa\x08!^\xe0%\x89T\xab\x19\t\x00\x1c\xe2\x10B7S\xae\xf0\x02R\xb0\xa2R\x0bEK\x94\xa2gZ\xcc&amp;\x8f\xc7\xfd\x90\xa9\x06-#q\xe7!\x02\xe4\x01\x15\'\x08\x11\x04\xc1\x9c\x9dq\xf3\xdaU\x00(W\xae\x1c\xab\x03\xc1x\x0e`\x02\xc0(h\xa8\x15n\xda\xb4\xa9Z\xad\x91$\xcf\x89\xb8\x83\xa2\x9a\xa3\xd3\x82\xbc\x81\x10\x10r\xe7\xe9\x84\x00\xc6\x18\x01\xd0\x8d`Uj\xd4\x02\x00\x84\xd0\xf5+\xc9\x19i\xb7ih(\xe7s\t!\x1c\xcf[-f\x97\xcb\xc9q\x1c\x00\xd2\x1b\x8c\x18\xdf[u\x88\x10\xa2\xd6h.]8{\xf3z\n\x00\xb4l\xd9\x12X"\x10\xa3\xf0\xc3\x04\x80Q\xd0\xd0\xc2\x9ce\xcb\x96-W\xae\x1c\x00\x1c9\xf0\xaf,?4\x11\x08+\xca\xfd\x1d\xbe\xfe\xe7\x04\x8c\x11B\x17\xcf\x9d\x86;\x16\x99\x84\x14)\x8a1p\x1c\xefq\xe3\xa8\xc6\xcdi\xe33\xbb\xdd\xb6\x7f\xf7v\x9d\x9f\xfa\x9ef\x90\x04c\x95($\x9d?\x8b\xb1\x828\x0e\x80\x94)WIQ\xe0\x9e}\x00\x18cQ\xe4\x8e\x1e\xdc\xa7(\x8aZ\xadi\xd8\xb0!\xb0\x15`F\xe1\x87\xfd\x82\x19\xcf\x00\x8c\xb1(\x8a\r\x1b6\x00\x80\xf8C\xfbR\x92\x93\x1f\x18\xa0\x07\x80\x00\xbd\x9e\xc6\xf1\x15YV\x14\x85\xb6\xbc\'\xf4\x7f\x8a"y&lt;\x81zC\xca\xe5\x94\x9d\x7foD\x08\xc9\x8a\xac\xf3\xf3\xabR\xbd\xa6\xdb\xe5\xe1x\xde\xe1\xb0\xd7\xacS\xb7Z\xcd:\x18c\xc4q\x8b\xe6\xce0e\x995Z\xad$Iw. \xcb\x08!\x0e\xc1\xfa\x95K\xe0N\xf3wc\xb5\x9au\xee_\x97\xe6y\xde\xe9\xf0\xec\xdc\xba\x11!T\xbe|\xb9\xf0\xf0p\xda\x91\xa6 &gt;,\x06\xe3\xa9\xc1~\xc1\xcf3\xb4\x0f\xb0,\xcbrN\xeby\xb7\'\xb0\xf78m\xb0U\xf0\xc3\xeb\xd2\xa5\x0b\x00X-\xe6\x83{w\xe9\xfc\xd48GINj^]N\xe7\xb7\x13F\x1f\xda\xfb\x0f\xcf\x0b\xc6\x10\x83\xc1\xa8\xf7\xf3\x0f\xd0juj\xadV\xa7\xf3\x0b\xd0\xebC\x8b\x04e\xa4\xdf\x1e\xf5\xee[Y\x99\xe9*\x95H0n\xd9\xee\x952\xe5\xca\xd3x\x0e\xc6X\xa3\xd5\xf4}\xf7#B\x88JP]I\xbe8\xe6\xfd\x01\x00$8\xc4\xa8\xd5\xea\xb4Z]\xa0\xc1\x10\x14\xa2\xff\xfe\x9b/\x0f\xee\xd9I\x9f\xde\xf6\xe5\xd7K\x96.\xe9v\xbbr\xceH\x08\xc6Z\xad6\xe9\xfc\xd9s\t\'\x08!\x1d;v\x14E\xf1q\n\x882\x18&gt;\x0e\xdb\x07\xf0\xbcA\x08\xa1V\x9e\xb6L\xb9\xbfg!\xdd\xc1D\xd3ir\x1e\xf7\xf6Y,\x00\xc7\x96F\x81Z\xb5jU\xb1b\xc5\xa4\xa4\xa4\xcdkWt\xe9\xf5\xf6\xfd\x15xx\x9e_\xb3l\xd1\x82\xef\xa7U\xae^\xb3^\xc3\xa6\x11u\xa2J\x96\x0e\x0f\xd0\x1bx\x9ew\xb9\x9c\xe9\xb7o\xc5\x1f\xde\xbf\xe1\xf7_3\xd2n\xabD\xd1\xe3q\x07\xe8\r\xef\x7f:\xc1\xe3vS\xf3\xcd\xf3\xbc\xd9ly\xa5K\x8f-\x1b~\xdf\xb5u\x93Z\xa3\xd9\xb6im\x8f\xab\x97\xdf~\xe7\x83\n\x95\xabs\x1cw\xe3\xda\xd5u+\x16\xef\xda\xbaIP\xa9$\xc9\x13\xa87\xbe3b\x8c\xd3\xe9\xf6.\x08S0\xc6\xa2Z\xf8{\xc3\xefn\xb7[\x14\xc5\xbe}\xfb\x02\x8b\xff0\x9e\x0bX&amp;\xc3\xf3\x03\xf5\xf7s\x9a\xf5\xcc\xcc\xcc\xd3\xa7O_\xbat\xe9\xda\xb5k)))W\xae^\xe5\x10:~\xfcxvv\xb6\xd1h\xec\xd3\xa7\x8f^o\xa8Y3\xa2d\xc9\x92\xd5\xabW\xd7\xe9t\xde\xeb\xd0\xb6\xbdO5\xc7Q\x96eA\x10\xc6\x8d\x1b\xf7\xe5\x97_"\x84~\xdb\xb8;\xaaI\xd3;\x85&lt;\x01\x08!&lt;\xcf;\x9d\x8e\x97\x1aU\xcf\xccH\xcb\xf9DQT#\x8e\x93%\x8f\xd7\x07\xa7\t9A!a\xb3~Y\xd90\xba\xa5\xd5b\xf1\xca\x1e!X\x10T.\xa7cH\xafW\x8f\x1f9\xc0q&lt;]Q\xe0y\x01qH\x96$\x00\x10\x04\x95,K*Q=g\xc9\x9aV1/Y\xcc\x96\x9c\xaaIG\xe2r:_nZ##-\xb5e\xcb\x96;w\xee\xa4\x9f\xcf\xd3\xfbp\x18\x8c\x82\x81\t\xc0\xf3\x00u\xf9\xa9\xd9\xc2\x18\x1f&gt;|x\xdb\xb6m\xfb\xf7\xef?q\xf2dzZ\xda\x7f&gt;\x1d\x00\xc2\xc3\xc3#\xeb\xd6\x8dn\xda\xb4]\xbbvU\xabV\xa5\x07\x15Eyz2 I\x92J\xa5JOO\xafX\xb1\xa2\xd9l\xee\xd4\xfd\xcdY\xbf\xfc\x96\x99a\xfa\x9fy\t\x82\xe9\x13&gt;\xfdk\xddJSv\xd6#.\xa5\xd1j\xdb\xbd\xfc\xfa{\xa3\xc6\x95)W\xc9j1\xdf3\xe9\xc1\x18\x8bj\xb5\xdb\xe5\x9c&gt;\xf1\xd35\xcb\x17\xc9w\xcby\xe6\xa4z\xcd\xc81_\xcd\xac\xdf\xb4\xb9\xc5t\xef\xd3eY\x0e\x0e1,[\xf0\xf3\xf8\x91\xef\x10\x80\x15+V\xbc\xf1\xc6\x1bT\xbd\x9e\xe8\xfd3\x18&gt;\x00\x13\x80\xc2\r\xf5\xd6\xa9\xcd\xba~\xfd\xfa\xaaU\xab\x96/_~\xe2\xc4\x89\x9c\xe7 \x04A\xc1\xa1\x1a\xad\xaeL\xb9\nt\x19\x00\x00\x14E\xb9\x9a|Q\x96\xa4{l\xabZ\xadn\xd1\xa2E\xef\xde\xbd;u\xea\x14\x18\x18H\xcf\xbc?\x8e\xf4$\xd0\x01p\x1c\xe7\xf1x\xe6\xcf\x9f?a\xc2\x04\xab\xcd&amp;\xcb\xf2\x82U\x7fG\xb7nc1[\xbd/\x87\x10\xd2\xea\xfcn^\xbbz\xec\xc8\xfeS\xc7\xe2\xae\\\xba\x90\x9d\x</t>
        </is>
      </c>
    </row>
    <row r="376">
      <c r="A376" s="1" t="n">
        <v>374</v>
      </c>
      <c r="B376" t="inlineStr">
        <is>
          <t>color_overlap_squares</t>
        </is>
      </c>
      <c r="C376" t="inlineStr">
        <is>
          <t>What is the missing color of the part denoted with a question mark?</t>
        </is>
      </c>
      <c r="D376" t="inlineStr">
        <is>
          <t>['yellow', 'blue', 'orange', 'purple']</t>
        </is>
      </c>
      <c r="E376" t="inlineStr">
        <is>
          <t>blue</t>
        </is>
      </c>
      <c r="F376" t="inlineStr">
        <is>
          <t>There are 3 squares which overlap each other in the image. The color of the squares are ['red', 'yellow', '?']. The part where the first and second squares overlap is orange. The part where the second and third squares overlap is green.</t>
        </is>
      </c>
      <c r="G376" t="inlineStr">
        <is>
          <t>We observe that the red and yellow squares overlap to form orange. Hence, the pattern is that the color of the part where two squares overlap is determined by mixing the two colors.</t>
        </is>
      </c>
      <c r="H376" t="inlineStr">
        <is>
          <t>Based on the pattern that the color of the part where two squares overlap is determined by mixing the two colors, the missing color of the part which overlaps with yellow to form green should be blue.</t>
        </is>
      </c>
      <c r="I376" t="inlineStr">
        <is>
          <t>b'\x89PNG\r\n\x1a\n\x00\x00\x00\rIHDR\x00\x00\x02\x00\x00\x00\x02\x00\x08\x02\x00\x00\x00{\x1aC\xad\x00\x00!\x0eIDATx\x9c\xed\xdd}\x8c]e\x81\xc7\xf1\xe7\xbc\xdc{;w\x86v\x86n!\x8b]c\x90\x88\xd9\xd8m\xbbPV\x88\x0c$\x85\x14\x8cF6\xae/\xbbUbV\xdb\x8a \x9a\x18Q\x90\xdd\x84\x15\xc1\x8df\x83]hJ\x1b\xb0\x96f\x17I\\\xb3\xc6\xe0\xb2\x11B\'\x18\xa8- /\xa2uW\xd7\xad\xa8[\nL\xdby\xbd\xf7\x9es\x9e\xfd\xe3\x81a\x9c\x99\xce\xdc\x97\xe7\x9c\xf3\xbc|?\x7f\x98n\xad\xdb\xd3;\xcf\xfd}\xe7\xde\xb9s\'\x90R\n\x00\x80\x7f\xc2\xb2/\x00\x00P\x0e\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93\xa6\xa9\x94\xb2\xec\xab@q\x02&gt;\xde\x00\x84\x10R\xca \x08f\xff\x02\xce\xe3\x11\x00\xe0;)\xa5\x1a\xfd\xdbn\xbb\xed\xe8\xd1\xa3A\x10dYV\xf6E\xa1\x08\x04\x00\xf0\x9a\x942\xcb\xb2 \x08&gt;\xf9\xc9O~\xe9K_z\xdf\xfb\xde7::\x1a\x86!\r\xf0\x01\x01\x00\xfc\xa5\xd6?\x8a\xa2\xad[\xb7\xde}\xf7\xdd\xf5z\xfd\xc0\x81\x03\x9b6m\xa2\x01\x9e \x00\x80\xa7f\xaf\xff\xee\xdd\xbbk\xb5\xda\xe4\xe4d\x1c\xc7\x07\x0f\x1e\xa4\x01\x9e \x00\x80\x8f\xe6\xaf\x7f\xa3\xd1x\xd7\xbb\xde\x95\xa6)\r\xf0\x07\x01\x00\xbc3g\xfd\xfb\xfa\xfa\x1a\x8d\xc6\xe6\xcd\x9b\xf7\xef\xdf\x7f\xc7\x1dw$IR\xab\xd5h\x80\x0f\x08\x00\xe0\x97\xf9\xeb?55u\xf5\xd5W\xef\xd9\xb3gtt\xf4\xfa\xeb\xaf\xff\xc67\xbe\xd1h4h\x80\x0f\x08\x00\xe0\x91S\xad\xff=\xf7\xdc366&amp;\x848v\xec\x18\r\xf0\x07\x01\x00|\xb1\xf8\xfagY\x16\x86a\x1c\xc74\xc0\x1f\x04\x00\xf0B;\xeb\xaf\xfe$\r\xf0\x07\x01\x00\xdc\xd7\xfe\xfa+4\xc0\x13\x04\x00p\\\xa7\xeb\xaf\xd0\x00\x1f\x10\x00\xc0e\xdd\xad\xbfB\x03\x9cG\x00\x00g\xf5\xb2\xfe\n\rp\x1b\x01\x00\xdc\xd4\xfb\xfa+4\xc0a\x04\x00p\x90\xae\xf5Wh\x80\xab\x08\x00\xe0\x1a\xbd\xeb\xaf\xd0\x00\'\x11\x00\xc0)y\xac\xbfB\x03\xdcC\x00\x00w\xe4\xb7\xfe\n\rp\x0c\x01\x00\x1c\x91\xf7\xfa+4\xc0%\x04\x00pA1\xeb\xaf\xd0\x00g\x10\x00\xc0zE\xae\xbfB\x03\xdc@\x00\x00\xbb\x15\xbf\xfe\n\rp\x00\x01\x00,V\xd6\xfa+4\xc0v\x04\x00\xb0U\xb9\xeb\xaf\xd0\x00\xab\x11\x00\xc0J&amp;\xac\xbfB\x03\xecE\x00\x00\xfb\x98\xb3\xfe\n\r\xb0\x14\x01\x00,c\xda\xfa+4\xc0F\x04\x00\xb0\x89\x99\xeb\xaf\xd0\x00\xeb\x10\x00\xc0\x1a&amp;\xaf\xbfB\x03\xecB\x00\x00;\x98\xbf\xfe\n\r\xb0\x88\x11\'\x06\xc0\xe2lY\x7f\x85\x06\xd8\xc2\xa0C\x03`Av\xad\xbfB\x03\xac`\xdc\xb9\x010\x9b\x8d\xeb\xaf\xd0\x00\xf3\x19zt\x00\x08\x9b\xd7_\xa1\x01\x863\xfa\xf4\x00&gt;\xb3}\xfd\x15\x1a`2\x0b\x0e\x10\xe0!7\xd6_\xa1\x01\xc6\xb2\xe6\x0c\x01\xfepi\xfd\x15\x1a`&amp;\xcb\x8e\x11\xe0&lt;\xf7\xd6_\xa1\x01\x06\xb2\xf2$\x01\xaeru\xfd\x15\x1a`\x1a\x8b\x0f\x13\xe0\x18\xb7\xd7_\xa1\x01F\xb1\xfe&lt;\x01n\xf0a\xfd\x15\x1a`\x0eG\x8e\x14`5\x7f\xd6_\xa1\x01\x86p\xeaT\x016\xf2m\xfd\x15\x1a`\x02\x07\x0f\x16`\x11?\xd7_\xa1\x01\xa5s\xf6l\x01\xe6\xf3y\xfd\x15\x1aP.\xc7\x8f\x17`,\xd6_\xa1\x01%\xf2\xe2\x84\x01\xa6a\xfdg\xa3\x01e\xf1\xe8\x90\x01\x86`\xfd\xe7\xa3\x01\xa5\xf0\xee\x9c\x01\xe5b\xfdO\x85\x06\x14\xcf\xd3\xa3\x06\x94\x82\xf5_\x1c\r(\x98\xd7\xa7\r(\x12\xeb\xdf\x0e\x1aP$\x0e\x1cP\x04\xd6\xbf}4\xa00\x9c9 w\xac\x7f\xa7h@18v@\xbeX\xff\xee\xd0\x80\x02p\xf2\x80\x1c\xb1\xfe\xbd\xa0\x01y\xe3\xf0\x01ya\xfd{G\x03r\xc5\xf9\x03r\xc1\xfa\xebB\x03\xf2\xc3\x11\x04\xf4c\xfd\xf5\xa2\x019\xe1\x14\x02\x9a\xb1\xfey\xa0\x01y\xe0 \x02:\xb1\xfe\xf9\xa1\x01\xdaq\x16\x01mX\xff\xbc\xd1\x00\xbd8\x8e\x80\x1e\xac\x7f1h\x80F\x9cH@\x03\xd6\xbfH4@\x17\x0e%\xd0+\xd6\xbfx4@\x0b\xce%\xd0\x13\xd6\xbf,4\xa0w\x1cM\xa0{\xac\x7f\xb9h@\x8f8\x9d@\x97X\x7f\x13\xd0\x80^p@\x81n\xb0\xfe\xe6\xa0\x01]\xe3\x8c\x02\x1dc\xfdMC\x03\xba\xc31\x05:\xc3\xfa\x9b\x89\x06t!\x90R\x96}\r\x805X\x7f-\xe6\xccN\x10\x04\xba\xfe?\'I\xb2j\xd5\xaa\xed\xdb\xb7\x7f\xe63\x9f\xa9\xd5j\x8dFc\xc3\x86\r\x0f=\xf4\xd0\xd0\xd0\x10\x1f\x9d\xf9\x08\x00\xd0.\xd6\xbf\x17Y\x96eY\x16\x04A\x14EQ\x14\x85a\x18\x04\x81\xbaI\xd34M\xd3T\x08\xa1~\xb3\xc7\xbf\x88\x06\xb4\x8f\x00\x00ma\xfd\xbb#\xa5L\xd34\x8e\xe3z\xbd^\xadV\xd34\x1d\x1f\x1f\x1f\x1b\x1b\x9b\x9a\x9aj6\x9b\x95J\xa5^\xaf\xafX\xb1b`` \xcb\xb2\xb1\xb1\xb14M\xa3(\xea\xf1/\xa5\x01m"\x00\xc0\xd2X\xff\xeedYV\xab\xd5\xfa\xfb\xfbO\x9c8\xf1\xcc3\xcf\x8c\x8c\x8c\x1c:t\xe8W\xbf\xfa\xd5\xd1\xa3G\xa7\xa6\xa6\xd24\r\xc3\xb0^\xaf\xaf^\xbdz\xed\xda\xb5\xef~\xf7\xbb/\xbb\xec\xb2\x81\x81\x81\x13\'N\xd0\x80b\x10\x00`\t\xac\x7fw\xb2,\xeb\xef\xef?r\xe4\xc8\xfd\xf7\xdf\xff\x9d\xef|\xe7\xd9g\x9f]\xf2\x7f\xb2v\xed\xda[n\xb9\xe5\xbd\xef}\xaf\xfa\xcam\x8f\x17@\x03\x96D\x00\x80\xc5\xb0\xfe\xddI\xd3t\xc5\x8a\x15\xdf\xfa\xd6\xb7n\xb8\xe1\x86\xd1\xd1Q\xf5\x9b\x95JE=\xc5\xaf\xbe\x1e \x84\x08\x82@\xdd\x80\xeavV\xbfy\xfb\xed\xb7\x7f\xfe\xf3\x9f\x1f\x1d\x1d\xe5q@\xde|\xff\xf7\x03\x8b`\xfd{!\xa5&lt;\xf3\xcc3GGG+\x95J\xa5R\x89\xa2\xa8\xd5j5\x9b\xcdf\xb3\x99$\x89\x9a\xfb4M[\xadV\xab\xd5J\xd3TJ\xa9\xbe&gt;|\xe3\x8d7\xee\xdd\xbbwhhH}e\xb8\x17\xbc6tq&lt;\x02\x00\x16\xc6\xfa\xf7(\xcb\xb2\x15+V\\q\xc5\x15\x0f?\xfc\xb0\xfa\x9d3\xce8\xe3\xa2\x8b.:\xff\xfc\xf3\xdf\xfa\xd6\xb7\x0e\x0e\x0eFQ411\xf1\x8b_\xfc\xe2\xc1\x07\x1f\xdc\xbf\x7f\xbf\xfa3a\x18J)W\xae\\y\xe8\xd0\xa1\xd3O?\xbd\xd5j\xf1\xba\xa0\xfc\x10\x00`\x01\xac\x7f\xef\xd24\x1d\x1c\x1c\xfc\xde\xf7\xbe\xf7\xfe\xf7\xbf\xff\x92K.\xf9\xc8G&gt;r\xd9e\x97\xad^\xbd:\x8e\xe34M\xb3,\x93R\x86a\x18EQ\x92${\xf7\xee\xfd\xf4\xa7?\xddh4\xd4o\xa6iz\xfb\xed\xb7\x7f\xf1\x8b_&lt;v\xecX\x1c\xc7\xbd_\x0c\rX\x10\x01\x00\xe6b\xfdu\t\x82\xa0\xd9l\xbe\xf0\xc2\x0b\x17\\pA__\xdf\xf8\xf8\xb8\x9ax\xf5I\xbd\xfa&gt;\x005A\xabV\xad\xfa\xda\xd7\xbev\xc3\r7\xa8\xe7\xfd\xb3,\xbb\xf4\xd2K\x7f\xf0\x83\x1f\x8c\x8f\x8f\xeb\xba\xb5i\xc0|\x04\x00\xf8\x03\xac\xbf^A\x10\xf4\xf5\xf5MLL\xa8\x17\xf8/\xf8|\x8e\xfa\xac\x7fbbb\xfd\xfa\xf5\xc7\x8e\x1d\x8b\xa2(M\xd3\xb7\xbc\xe5-O&lt;\xf1\xc4\xb2e\xcb\xd24\xd5\xf5\xad\xc24`\x0e\xef\xfe\xc1\xc0"X\x7f\xed\xa4\x94\xe3\xe3\xe3A\x10\xc4q|\xaa\x1d\x0f\x82@=_t\xf6\xd9g\x8b\xd7\xdf\x19\xe2\xe4\xc9\x93\xd3\xd3\xd3zop\xbe&amp;&lt;\x07\xa7\x19x\r\xeb\x9f\x936o\xb7 \x08f\x17B\xcb\xdbB\xccG\x03f\xe3@\x03B\xb0\xfe\xa5R/\x00\x9d\x98\x98\xf8\xfd\xef\x7f?\xf3\x9b\x83\x83\x83\xf5z\xbd\xf7W\x82\xceG\x03fp\xa6\x01\xd6\xbfdi\x9a\x0e\x0c\x0c&lt;\xf5\xd4SG\x8e\x1cQ/\x03\r\x82\xe0mo{\xdb\x8a\x15+\x92$\xe1q@~8\xd6\xf0\x1d\xeb_\xae,\xcb*\x95J\xab\xd5\xba\xe5\x96[f^\x93"\xa5|\xcf{\xde\x13EQ~\xafR\xa1\x01\x82W\x01\xc1s\xac\x7f\xb9\xd4-\xbc|\xf9\xf2O|\xe2\x13{\xf6\xecQ\xb7v\x96e\xe7\x9cs\xce\xe3\x8f?\x1e\xc7\xb1z\x07\xe9\xfc.\xc0\xf3\xd7\x059\xfe\xcf\x03\x16\xc1\xfa\x97+I\x92Z\xadV\xab\xd5&gt;\xf6\xb1\x8f\xed\xd9\xb3g\xf6;\xff\xdcq\xc7\x1d\xf9=\xff3\x9b\xe7\x8f\x038\xdf\xf0\x14\xeb_\xae$I\x96/_~\xf2\xe4\xc9\xab\xae\xbaj\xdf\xbe}3\xcf\xf6dY\xb6}\xfb\xf6+\xaf\xbc\xf2\xf8\xf1\xe3\xbd\xbf\x19\\;|n\x00O\x01\xc1G\xac\x7f\xb9\x92$\x19\x1a\x1az\xe6\x99g6o\xde|\xf8\xf0a5\xf4\xea\xc7\x03\xdcu\xd7]\xdb\xb6m{\xe5\x95W\x8aY\xff\xd9\x97\xe4\xe1sA\x04\x00\xdea\xfd\xcb\xa5\xd6\x7fdd\xe4\x03\x1f\xf8\xc0\xab\xaf\xbe:\xb3\xfeCCC\xf7\xde{\xefUW]\xa5\xeb\xfd\x7f\xba\xb80\xdf\x1a@\x00\xe0\x17\xd6\xbf\\\xea\xa7\xc4&lt;\xff\xfc\xf3\x97_~\xf9\xcc\x93&lt;i\x9a\xbe\xe3\x1d\xef\xb8\xef\xbe\xfb\xd6\xacY\xf3\xea\xab\xaf\x96\xb2\xfe\x8ao\r \x00\xf0\x08\xeb_.\xf5\x02\xff \x08\x86\x87\x87\x9f{\xee\xb98\x8e\xd5O\x0c\xbe\xf4\xd2K\xef\xbf\xff\xfe\xc1\xc1\xc1\x13\'NT*\x95r/\xd2\xab\x068\xf5\x8f\x01\x16\xc1\xfa\x97N\xfd\x98\xb0}\xfb\xf6\xa9\xf5W?\x10\xe6\x92K.\xf9\xeew\xbf\xdb\xdf\xdf\x7f\xf2\xe4\xc9\xd2\xd7_x\xf65aN&lt;\xbc\xc0\xfa\x9b \x0c\xc3V\xab\xf5\xc0\x03\x0f\xa8\xc7\x01R\xca\xd5\xabW\xef\xdd\xbb\xb7Z\xadNOO\x97\xf8\xcc\xcf\x1c\xfe4\x80C\x0f\xf7\xb1\xfe&amp;\x90RV\xab\xd5\xa3G\x8f\xfe\xecg?\x93\xaf\xbb\xfe\xfa\xeb\xdf\xfc\xe67\x8f\x8f\x8f\x17\xfc\x9a\x9f%y\xd2\x00\xce=\x1c\xc7\xfa\x1bB\xbd\xe3\xdb\xcb/\xbf|\xe2\xc4\t!\x84\xfa\xf1\x00\xc3\xc3\xc3SSS\xa6\xad\xbf\xe2C\x038\xfap\x19\xebo\x940\x0c\xa7\xa6\xa6f~2\xcc\xf2\xe5\xcbW\xadZU\xc0\xb7\xfbv\xcd\xf9\x06p\xfa\xe1,\xd6\xdf@\xea\xa7\x01\xab\xff\x9c\x9e\x9e6\xf3s\xff\xd9\xdcn\x00/\x03\x85\x9bX\x7f\xd3\xa8\xa7\x80\xc6\xc6\xc6\x9ez\xea)\xf5;\x95Je\xc3\x86\r\xea\xc5\xa0\xe5^\xdb\x92\\}m(\x01\x80\x83X\x7fc\x85a\xd8\xdf\xdf\xaf~-\xa5\x9c\x98\x98\xb0e\x82\x9cl\x00\x01\x80kX\x7f\x93I)\x93$Q\xcf\x9c\x84ah\xc2\x0b\xff\xdb\xe7^\x03\x08\x00\x9c\xc2\xfa\x1bN\xbd\x15\xc4\xb2e\xcb\x84\x10\xadVkllL\xbc\xfeS\xe0\xad\xe0X\x03\x08\x00\xdc\xc1\xfa\x1bNJ\xd9\xdf\xdf\xff\xe3\x1f\xffx\xff\xfe\xfd\xd3\xd3\xd3\x17\\p\xc1\xe5\x97_\xdeh4\xf2\xfe\xa9/z\xb9\xd4\x00\x02\x00G\xb0\xfe\x86S\xef\x03\xb1}\xfb\xf6/|\xe1\x0b3?\xea\xfd\xea\xab\xaf\xde\xb1cG\xa3\xd1\xb0(\x00\xc2\xa1\x06\x10\x00\xb8\x80\xf57\x9c\x942\x8e\xe3\xe3\xc7\x8f\xafY\xb3F\xbd\xe7\x8f\xfaN\xe04M\x1f|\xf0\xc1\x8d\x1b7\x8e\x8d\x8d\xd9\xf51r\xa3\x01v\\%\xb0\x08\xd6\xdf|R\xcaZ\xad\xf6\xeb_\xffzll,\x08\x82V\xab\xa5\xbe\xff+\x0c\xc3\x9f\xfe\xf4\xa7\x95J\xc5\xba\x17\xd4\xbb\xf1\xfd\x01\xdc1`7\xd6\xdf"\x0b~,\xec\xfd\x009\xd0\x00[oz@\xb0\xfe\xf6\x08\x82`zz\xfa\xec\xb3\xcf^\xb9r\xa5zW8\xf5v\xd0Y\x96\xad[\xb7\xae\xd9lZ\xfa\x91\xb2\xbd\x01V\xde\xe8\x80`\xfd\xad\xa2\x9e\xf6Y\xb5j\xd5W\xbe\xf2\x95j\xb5\xdal6\xd5w\x03\\w\xddu\x17]t\xd1\xf8\xf8\xb8\xbd\x1f,\xab\x1b\xc0\x17\x81a%\xd6\xdfFR\xca\x81\x81\x81\'\x9f|\xf2\x91G\x1e\x99\x9a\x9a\xba\xf0\xc2\x0b7n\xdc8==\xed\xc0\nY\xfa5a\x02\x00\xfb\xb0\xfe\xf6\xca\xb2\xac^\xaf\xf7\xf5\xf5\t!\x9a\xcd\xa6u/\xfeY\x84\x8d\r \x00\xb0\x0c\xebo;\xf5\xd4\xbf\x10"\x08\x02\xf3\xdf\r\xb4#\xd65\x80\x00\xc0&amp;\xac?\x0cgW\x03\xcc\xba\x1a`\x11\xac?\xccg\xd7\xd7\x84\xb9\xc3\xc0\x0e\xac?laQ\x03\xb8\xcf\xc0\x02\xac?\xecbK\x03\xb8\xdb\xc0t\xac?ldE\x03\xb8\xe7\xc0h\xac?\xece~\x03\xb8\xf3\xc0\\\xac?lgx\x03\xb8\xff\xc0P\xac?\xdc`r\x03\xb8\x0b\xc1D\xac?\\bl\x03\xb8\x17\xc18\xac?\xdccf\x03\xb8#\xc1,\xac?\\e`\x03\xb8/\xc1 \xac?\xdcfZ\x03x/ \xbf\x94\xfe\xaa\x83EH)\xd5\xcf\x08T\xeb\xaf\xde5~\xf3\xe6\xcd\xf7\xde{/\xeb_\x18n\xe4\x02\xcc~\xbf\xa0(\x8a\xd24\x9dy\xbf u/(\xecJ\x08\x00\xcc\xa2\xd6\xbfV\xab\xb5Z\xadm\xdb\xb6\xed\xd8\xb1\xa3\xd1hH)\x19\xa6\x02\xa4i:==]\xf6Uxa\xa6\x017\xddtS\xab\xd5j6\x9b\xef|\xe7;\xbf\xfd\xedo\xaf^\xbd:\x08\x82\xc2\x1a@\x00|\xa1&gt;\xb3\xf8\xdc\xe7&gt;\xf7\xf4\xd3O\xabO:\xca\xbe\xa2\xb9\x82 8q\xe2\xc4\x93O&gt;\xa9./\x8a\xa2\x8b/\xbeXJ\x99$\t\xeb\x9f7\xf5\xfc\xc3\x9a5k\xbe\xfe\xf5\xafOMM\x15\xf9I\xa8\x9f\xd4c\xf1\x95+W^|\xf1\xc5\x8f=\xf6X\xbd^\x9f\x9c\x9c\xfc\xf2\x97\xbf|\xf3\xcd7\xab\xc3_\xcce\xc4\xc5\xfc5(\x9d\n\xc0\x8f~\xf4\xa3\x03\x07\x0e\x94}-\x8b\xa9U\xe34\xcb\xe2(L\xd2\xf4\xd1G\x1f-\xfbr\xfc299\x19\xc7q\xc1\xcfBxH=\x9fy\xdai\xa7}\xf4\xa3\x1f}\xec\xb1\xc7j\xb5\xda\xe4\xe4\xe4\xb6m\xdbn\xbc\xf1F\xf55\xb0\xc2\xae\x84\x00\xf8e`` \x8a\xa2(\x8a\x9a\xcdf\xd9\xd7\xb2\xb0F3Q\xbf\x08\x02\x11\x86\xaf\xdd\x13\x0c|\xbc\xe2\x98j\xb5\x9a\xa6\xe9\xc0\xc0\x00O\t\xe4mf\xfd?\xfe\xf1\x8f\xef\xdb\xb7O\xfd\xcc\x80-[\xb6\xec\xdc\xb9\xb3\xf8\x1b\x9f\x00\xf8%\xcb\xb24M\xa5\x94\x97\xfe\xc5Y\x97\x0e\xffI6\xd9\nC\xb3&gt;\xd7\x93R\x888|\xe5\x95\xa9;\xef{&gt;\xcb\xb2 \x10"\x08.\xf9\xc0\x05\x83\x7ft\xda\xf4d3\x8aB)d \xcc\xbaf{eR\xd6\xfa*/&lt;\xfe\xcb_&gt;sd\xe6\x07u!?\xb3\xd7\x7f\xef\xde\xbd\xeaun[\xb6l\xd9\xb5kW\x9a\xa6a\x18\x16\xfc\xd8\x8b\x00\xf8(\xcb\xb2w\x0f\xff\xc9\xe7o\xbbD\xbc4)b\xf3\x9e^\x97R\xd4\xe2?;\xf7\xf4\xad7\x8fDQ\x98e\xf2\xd8\x91W\xfe\xe6\x0b\xef\xa9\x9f\xb6\xac1\xd5\n\xa3P\x08&gt;K\xd5#M\xb3\x15+\x07\xfe\xe5\xb6\xef\xff\xd7\xd3\xbf.\xfbZ\xdcg\xda\xfa\x0b\x02\xe0\xad\xf1\xc9V\xf2\xd2d\xf2\xf2dl`\x00\x84\xc8\xa4\xd8\xb2m\x9d\x10b\xeb\xcd#q\x1c\xbep\xe0\x97\xff\xf0\xe1\xbb&gt;\xbb\xe3c\xf5\xd3\x965\xa6\xd4\xe3\x00h\x90\xa5\x99\x90\xa21e\xe8\xf3\x81.1p\xfd\x05\x01\xf0V\x18\x06q\x1c\x8a843\x00B\x88\xe4\xa5\xc9\x99\x06T\xaa\xd1o\xff\xfb\xe8?_\xbf\xf7\xb3w\xbd\xd1\x80\xb2/\xd0\x11Q\x1c\x06\x86=\r\xe8\x1e3\xd7_\xf0\x9d\xc00V\x1c\x87\xaa\x01\xbbn\x1dn5\xd3J5:\xf2\xf3\xdf\xdfq\xed\x9e\xc9\xb1\xe9Z_5Ky\xb6\x1av0v\xfd\x05\x01\x80\xc9h\x00lg\xf2\xfa\x0b\x02\x00\xc3\xd1\x00\xd8\xcb\xf0\xf5\x17\x04\x00\xe6\xa3\x01\xb0\x91\xf9\xeb/\x08\x00\xac@\x03`\x17+\xd6_\x10\x00\xd8\x82\x06\xc0\x16\xb6\xac\xbf \x00\xb0\x08\r\x80\xf9,Z\x7fA\x00`\x17\x1a\x00\x93\xd9\xb5\xfe\x82\x00\xc0:4\x00f\xb2n\xfd\x05\x01\x80\x8dh\x00Lc\xe3\xfa\x0b\x02\x00K\xd1\x00\x98\xc3\xd2\xf5\x17\x04\x00\xf6\xa2\x010\x81\xbd\xeb/\x08\x00\xacF\x03P.\xab\xd7_\x10\x00\xd8\x8e\x06\xa0,\xb6\xaf\xbf \x00p\x00\r@\xf1\x1cX\x7fA\x00\xe0\x06\x1a\x80"\xb9\xb1\xfe\x82\x00\xc0\x194\x00\xc5pf\xfd\x05\x01\x80Kh\x00\xf2\xe6\xd2\xfa\x0b\x02\x00\xc7\xd0\x00\xe4\xc7\xb1\xf5\x17\x04\x00\xee\xa1\x01\xc8\x83{\xeb/\x08\x00\x9cD\x03\xa0\x97\x93\xeb/\x08\x00\\E\x03\xa0\x8b\xab\xeb/\x08\x00\x1cF\x03\xd0;\x87\xd7_\x10\x00\xb8\x8d\x06\xa0\x17n\xaf\xbf \x00p\x1e\r@w\x9c_\x7fA\x00\xe0\x03\x1a\x80N\xf9\xb0\xfe\x82\x00\xc0\x134\x00\xed\xf3d\xfd\x05\x01\x80?h\x00\xda\xe1\xcf\xfa\x0b\x02\x00\xaf\xd0\x00,\xce\xab\xf5\x17\x04\x00\xbe\xa1\x018\x15\xdf\xd6_\x10\x00x\x88\x06`&gt;\x0f\xd7_\x10\x00\xf8\x89\x06`6?\xd7_\x10\x00x\x8b\x06@\xf1v\xfd\x05\x01\x80\xcfh\x00|^\x7fA\x00\xe09\x1a\xe03\xcf\xd7_\x10\x00\x80\x06\xf8\x89\xf5\x17\x04\x00\x104\xc0?\xac\xbfB\x00\x00!h\x80OX\xff\x19\x04\x00x\r\r\xf0\x01\xeb?\x1b\x01\x00\xde@\x03\xdc\xc6\xfa\xcfA\x00\x80?@\x03\\\xc5\xfa\xcfG\x00\x80\xb9h\x80{X\xff\x05\x11\x00`\x014\xc0%\xac\xff\xa9\x10\x00`a4\xc0\r\xac\xff"\x08\x80_\xa4\x94e_\x82Mh\x80\xedX\xff\xc5\x11\x00_H)\xa5\x94q\x1c\x97}!\x96\xa1\x01\xf6b\xfd\x97D\x00\xbc \xa5\x0c\x82 \x08\x82\xe3\xc7\x8f\xfb~\xe4;G\x03l\xc4\xfa\xb7\x83\x00\xb8OJ\xa9\xee\x0c[\xb7n=t\xe8P\xa5\x1a\x0b!x*\xa8#4\xc0.\xac\x7f\x9b\x08\x80\xe3\xd4\xfaGQ\xb4u\xeb\xd6\xdd\xbbwGQ\x94e\x99\x10\xa2\x12\x87\x19\x11\xe8\x04\r\xb0\x05\xeb\xdf&gt;\x02\xe0\xb29\xeb_\xadT\xd24U\xff\xd5K\xafL\x85\xb5\x98\x06t\x84\x06\x98\x8f\xf5\xef\x08\x01p\xd6\xfc\xf5o\xb6Za\x10$I\x16\x86\xc1\x8e\x7f}a\xf7\x9dOV\xcf\x1cH\x12f\xab\x034\xc0d\xac\x7f\xa7\x08\x80\x9b\xe6\xac\x7f_\xad\xd6l\xb5\xfev\xcd\x9a\x8b\xde\xf4&amp;!D D\x9a\xca\xad\x7f7\xb2\xfb\xee\xa7\xe33\xea4\xa0#4\xc0L\xac\x7f\x17\x08\x80\x83\xe6\xaf\xffT\xa3\xf1\xc1s\xcf\xbds\xe3\xc6\xd7\xbe\x0f@\n!d%\x0e\xb7\xde&lt;\xb2\xfb\xee\x9f\xd0\x80N\xd1\x00\xd3\xb0\xfe\xdd!\x00\xaeYp\xfd?\xfc\xf6\xb7\xdfy\xd9e\xe3\xcdf\x9ae\xaf\xff1\xd1J2\x1a\xd05\x1a`\x0e\xd6\xbfk\x04\xc0)\x8b\xaf\x7f&amp;\x84\xba\'\xa4R^\xfb\xde\xb5\x1b\xd7\xaen%Y\xad\x1a\xd1\x80\xee\xd0\x00\x13\xb0\xfe\xbd \x00\xeeXb\xfd\xa5\x0cg\xdd\x13\xfe\xf8\xf4\xfa\xbf\x7f\xed\xaf\xd6\x9e\xbd\xaa\xd1Li@\xd7h@\xb9X\xff\x1e\x11\x00Gt\xb4\xfeB\x88\xb1\xa9V\x7f\x7f\xf5\xa1\xdb\xae\xfa\xf3s\xce\xa0\x01\xbd\xa0\x01ea\xfd{G\x00\\\xd0\xe9\xfa\x0b!\xe2(\x94\xd3\xc9\xd0@\xed\xa1\xaf\xfe%\r\xe8\x11\r(\x1e\xeb\xaf\x05\x01\xb0^\x17\xeb\xaf\x04a09\x9d\x0c\xf5\xd3\x00\rh@\x91X\x7f]\x08\x80\xdd\xba^\x7f%\x8a\x82)\x1a\xa0\t\r(\x06\xeb\xaf\x11\x01\xb0X\x8f\xeb\xaf\xd0\x00\x8dh@\xdeX\x7f\xbd\x08\x80\xad\xb4\xac\xbfB\x034\xa2\x01\xf9a\xfd\xb5#\x00V\xd2\xb8\xfe\n\r\xd0\x88\x06\xe4\x81\xf5\xcf\x03\x01\xb0\x8f\xf6\xf5Wh\x80F4@/\xd6?\'\x04\xc029\xad\xbfB\x034\xa2\x01\xba\xb0\xfe\xf9!\x006\xc9u\xfd\x15\x1a\xa0\x11\r\xe8\x1d\xeb\x9f+\x02`\x8d\x02\xd6_\xa1\x01\x1a\xd1\x80^\xb0\xfey#\x00v(l\xfd\x15\x1a\xa0\x11\r\xe8\x0e\xeb_\x00\x02`\x81\x82\xd7_\xa1\x01\x1a\xd1\x80N\xb1\xfe\xc5 \x00\xa6+e\xfd\x15\x1a\xa0\x11\rh\x1f\xeb_\x18\x02`\xb4\x12\xd7_\xa1\x01\x1a\xd1\x80v\xb0\xfeE"\x00\xe6*}\xfd\x15\x1a\xa0\x11\rX\x1c\xeb_0\x02`(C\xd6_\xa1\x01\x1a\xd1\x80Sa\xfd\x8bG\x00Ld\xd4\xfa+4@#\x1a0\x1f\xeb_\n\x02`\x1c\x03\xd7_\xa1\x01\x1a\xd1\x80\xd9X\xff\xb2\x10\x00\xb3\x18\xbb\xfe\n\r\xd0\x88\x06(\xac\x7f\x89\x08\x80A\x0c_\x7f\x85\x06hD\x03X\xffr\x11\x00SX\xb1\xfe\n\r\xd0\xc8\xe7\x06\xb0\xfe\xa5#\x00F\xb0h\xfd\x15\x1a\xa0\x91\x9f\r`\xfdM@\x00\xcag\xdd\xfa+4@#\xdf\x1a\xc0\xfa\x1b\x82\x00\x94\xcc\xd2\xf5Wh\x80F\xfe4\x80\xf57\x07\x01(\x93\xd5\xeb\xaf\xd0\x00\x8d|h\x00\xebo\x14\x02P\x1a\x07\xd6_\xa1\x01\x1a\xb9\xdd\x00\xd6\xdf4\x04\xa0\x1c\xce\xac\xbfB\x034r\xb5\x01\xac\xbf\x81\x08@\t\x1c[\x7f\x85\x06h\xe4^\x03X\x7f3\x11\x80\xa29\xb9\xfe\n\r\xd0\xc8\xa5\x06\xb0\xfe\xc6"\x00\x85rx\xfd\x15\x1a\xa0\x91\x1b\r`\xfdMF\x00\x8a\xe3\xfc\xfa+4@#\xdb\x1b\xc0\xfa\x1b\x8e\x00\x14\xc4\x93\xf5Wh\x80F\xf66\x80\xf57\x1f\x01(\x82W\xeb\xaf\xd0\x00\x8dll\x00\xebo\x05\x02\x90;\x0f\xd7_\xa1\x01\x1a\xd9\xd5\x00\xd6\xdf\x16\x04 _\xde\xae\xbfB\x034\xb2\xa5\x01\xac\xbfE\x08@\x8e&lt;_\x7f\x85\x06hd~\x03X\x7f\xbb\x10\x80\xbc\xb0\xfe3h\x80F&amp;7\x80\xf5\xb7\x0e\x01\xc8\x05\xeb?\x07\r\xd0\xc8\xcc\x06\xb0\xfe6"\x00\xfa\xb1\xfe\x0b\xa2\x01\x1a\x99\xd6\x00\xd6\xdfR\x04@3\xd6\x7f\x114@#s\x1a\xc0\xfa\xdb\x8b\x00\xe8\xc4\xfa/\x89\x06hdB\x03X\x7f\xab\x11\x00mX\xff6\xd1\x00\x8d\xcam\x00\xebo;\x02\xa0\x07\xeb\xdf\x11\x1a\xa0QY\r`\xfd\x1d@\x004`\xfd\xbb@\x034*\xbe\x01\xac\xbf\x1b\x08@\xafX\xff\xae\xd1\x00\x8d\x8al\x00\xeb\xef\x0c\x02\xd0\x13\xd6\xbfG4@\xa3b\x1a\xc0\xfa\xbb\x84\x00t\x8f\xf5\xd7\x82\x06h\x94w\x03X\x7f\xc7\x10\x80.\xb1\xfe\x1a\xd1\x00\x8d\xf2k\x00\xeb\xef\x1e\x02\xd0\r\xd6_;\x1a\xa0Q\x1e\r`\xfd\x9dD\x00:\xc6\xfa\xe7\x84\x06h\xa4\xb7\x01\xac\xbf\xab\x08@gX\xff\\\xd1\x00\x8dt5\x80\xf5w\x18\x01\xe8\x00\xeb_\x00\x1a\xa0Q\xef\r`\xfd\xddF\x00\xda\xc5\xfa\x17\x86\x06h\xd4K\x03X\x7f\xe7\x11\x80\xb6\xb0\xfe\x05\xa3\x01\x1a-\xd6\x80e\xa7l\x00\xeb\xef\x03\x02\xb04\xd6\xbf\x144@\xa3S7`\xaa\xb6\xac\x9a\xcek\x00\xeb\xef\t\x02\xb0\x04\xd6\xbfD4@\xa3\x05\x1b\xf0\x8d\xeb\xf6N\x8eO/\xabWg\xffI\xd6\xdf\x1f\x04`1\xac\x7f\xe9h\x80F\xf3\x1b\xf0\xe2\x7f\xfd\xdf?}\xf2\x9b\'^\x19\x9b\xf93RJ\xd6\xdf\x1f\x04\xe0\x94X\x7fC\xd0\x00\x8d\xe64 \x8e\xc3\xc3\x87\xfe\xe7\xd1\x07~\x1cE\x91\x10"\xcb2!\x04\xeb\xef\x0f\x02\xb00\xd6\xdf(4@\xa3\xd9\rH\x92,\x8e\xdf8\xcbq\x1c\xd7j5\xd6\xdf\x1f\x04`\x01\xac\xbf\x81h\x80Fs\x1a \xc4k\xe79\x08\x82k\xae\xb9f\xdf\xbe}\xac\xbf\'\x08\xc0\\\xac\xbf\xb1h\x80F\xaf7`\xfd\xae/\x0fGQ e&amp;\x84\x18\x19\x19\xd9\xb9sg\xadVc\xfd=A\x00\xfe\x00\xebo8\x1a\xa0Q\x1c\x87\xcd\xa3\xe3[\xae;\xefS\x7f\xfd\xa7Y&amp;\xe38\xcc\xb2\xacZ\xad6\x1a\r\xd6\xdf\x13\x04\xe0\r\xac\xbf\x15h\x80Fa\x10d\x8d\xe4\x8c\x95}\xea\xff\x8c\xa2\xa8\xd9l\xb2\xfe\xfe \x00\xafa\xfd-B\x034\n\x83\xa0\x95dB\x880\x0c\xd34e\xfd\xbdB\x00\x84`\xfd-D\x034R\xa7\xbb\xd5L\xce?\xff\xfc]\xbbv\xa9o\x04c\xfd}@\x00X\x7f[\xd1\x00\xbd\xa4\x10\x83\x83\x83RJ)%\xeb\xef\t\xdf\x03\xc0\xfa[\x8d\x06\xe8\x95$I\x10\x04\xac\xbf?\xbc\x0e\x00\xeb\xef\x00\x1a\xa0\x11\xd3\xef\x1b\x7f\x03\xc0\xfa;\x83\x06\x00\xdd\xf14\x00\xac\xbfch\x00\xd0\x05\x1f\x03\xc0\xfa;\x89\x06\x00\x9d\xf2.\x00\xac\xbf\xc3h\x00\xd0\x11\xbf\x02\xc0\xfa;\x8f\x06\x00\xed\xf3(\x00\xac\xbf\'h\x00\xd0&amp;_\x02\xc0\xfa{\x85\x06\x00\xed\xf0"\x00\xac\xbf\x87h\x00\xb0$\xf7\x03\xc0\xfa{\x8b\x06\x00\x8bs&lt;\x00\xac\xbf\xe7h\x00\xb0\x08\x97\x03\xc0\xfaC\xd0\x00\xe0\xd4\x9c\r\x00\xeb\x8f\x194\x00X\x90\x9b\x01`\xfd1\x07\r\x00\xe6s0\x00\xac?\x16D\x03\x809\\\x0b\x00\xeb\x8fE\xd0\x00`6\xa7\x02\xc0\xfacI4\x00\x98\xe1N\x00X\x7f\xb4\x89\x06\x00\x8a#\x01`\xfd\xd1\x11\x1a\x00\x087\x02\xc0\xfa\xa3\x0b4\x00\xb0&gt;\x00\xac?\xbaF\x03\xe09\xbb\x03\xc0\xfa\xa3G4\x00&gt;\xb38\x00\xac?\xb4\xa0\x01\xf0\x96\xad\x01`\xfd\xa1\x11\r\x80\x9f\xac\x0c\x00\xeb\x0f\xedh\x00&lt;d_\x00X\x7f\xe4\x84\x06\xc07\x96\x05\x80\xf5G\xaeh\x00\xbcbS\x00X\x7f\x14\x80\x06\xc0\x1f\xd6\x04\x80\xf5Gah\x00&lt;aG\x00X\x7f\x14\x8c\x06\xc0\x07\x16\x04\x80\xf5G)h\x00\x9cgz\x00X\x7f\x94\x88\x06\xc0mF\x07\x80\xf5G\xe9h\x00\x1cfn\x00X\x7f\x18\x82\x06\xc0U\x86\x06\x80\xf5\x87Qh\x00\x9cdb\x00X\x7f\x18\x88\x06\xc0=\xc6\x05\x80\xf5\x87\xb1h\x00\x1ccV\x00X\x7f\x18\x8e\x06\xc0%\x06\x05\x80\xf5\x87\x15h\x00\x9caJ\x00X\x7fX\x84\x06\xc0\rF\x04\x80\xf5\x87uh\x00\x1cP~\x00X\x7fX\x8a\x06\xc0v%\x07\x80\xf5\x87\xd5h\x00\xacVf\x00X\x7f8\x80\x06\xc0^\xa5\x05\x80\xf5\x873h\x00,\x15\x97\xf2\xb7\xb2\xfe\xa5\xcb2\x99\xa4Y\x92\xb2M\xda\x8cM4\x07\x96U\xbe\x7f\xebUW\xdc\xf8o\xcf\xfe\xcf\xcb\x958\xdcz\xf3\x88\x10b\xcb\xb6u\xcd\xa3\x93\xa1\x91\':I2\x91dY&amp;\xcb\xbe\x10\x94\xa3\x84\x00\xb0\xfe&amp;\xe8\xef\xab\xc4C\xfdCB\x88\xa8\xfc\x17\x028"\x10"\x95\x7f&lt;T\x7fz\xe7\xe6+o\xfc\xee\x0f\x7f\xf2\x9b7\x1ap\xedy\xa2\x91\x08\xf3\x0ev\x9cd\xe2\x8c\xfa@\xbdR\xf6\x85\xa0\x1cE\x07\x80\xf57A\x18\x04\xff\xf9\xe4\xff&amp;\xff\xfcHc\xba\xc5\r\xae\x8f\x14"H\xd3\xac^\xaf\x9e\xf3\xa6\xc1G\x9ey1\xcdd\x10\x88\xad7\x8f&lt;{\xf8\xd5\x95+\xfbD\x92\x99vcg\x99\x0c\xeb\x95GG~\x13\x86a\x96\xf1p\xd0;\x85\x06@J)\x84\x98Y\xffZ\xb5\xca\xfa\x17,\x0c\x82(\x08\xa2 \x18y\xee\xb7#\xcf\xfd\xb6\xec\xcbq\x99:\xcc\xa1\x08\xb2@\xdey\xdf\xf3e_\xce\x12\xaa\xd5j\x9a\xa6a\xc8\xc3A\xbf\x14\x1d\x00)\xe5\xb5\xd7^\xab\xd6\xbf\xd1l~\xf0\xdcsY\xff\xc2\x04BL\xb4Z\xa9\x94\xa9\xe49\xdf\xdce\xb3n\xe48\nE \xa20l4\x93\x12/i\x11\xcdfS\x081&gt;&gt;^\xf6\x85\xa0P\xc5\x05 M\xd3(\x8an\xbd\xf5\xd6\xbb\xef\xbe\xbb\xde\xd7795u\xe1Yg\xdd{\xc5\x15/MN\x8a\xd7?]B~\x02!\x12)\xcf?\xf3\xcc\xbe8\x8e\x82\x80\x06\xe4*\x10"\x13"\n\x82@\x88\xc7\x7f\xf7\xbb$\xcd\xa2(j4\x93\xf3\xce;o\xc5\x8a\x15\xd2\xbc\x1b?\x8a\xa24M\xd7\xaf_/\x84\x08\xb83z#(\xec,\xaaO\xff_|\xf1\xc5\x0f}\xe8CO&lt;\xf1D\xb5R\x89\x85\xf8\xfb\x0b/\xbcf\xdd\xbac\x93\x931\x8f=\x0b\xb1,\x8ax\x98_\x00)e\x10\x04\x03\x95\xca\xa7\x1f~\xf8\x9b\xcf?_\xa9T\x1a\xcd\xe6\x96-[v\xed\xdaU\xf6\xa5\x01o(.\x00\xe2\xf5{\xc5\xe8\xe8\xe8\xa6M\x9b\x0e\x1e&lt;\x18\xc7q\x92$\xff8&lt;|\xcd\xbau/\xd1\x80Bd\xe6}\xee\xe9\x1e\xf5|\xe6@\xb5z\xdd\x0f\x7f\xf8\xc0\xe1\xc3\xd5j\xb5\xf9\xfa\xfagY\xa6\xee\x05e_\xe3)\xf1\xf9\x81W\n\r\x80\x10"\xcb\xb20\x0cg\x1aP\xabT\x1a\xad\xd6W\x87\x87?E\x03\xe0\x84\xd9\xeb\x7f\xff\xcf\x7f\xae^\xe7\xa6\xd6_}\x95\xd5\xe4\xf5\x87o\x8a\x1e\\\xf5j\xb3\xa1\xa1\xa1\x87\x1ezh\xc3\x86\r\x8dV\xabV\xa9|qdd\xc7O~rF\xbd\x9e\xf0B4\xd8\x8c\xf5\x87]J\xf8\x8c\x9b\x06\xc0I\xac?\xacS\xceS.4\x00\x8ea\xfda\xa3\xd2\x9es\xa7\x01p\x06\xeb\x0fK\x95\xf9EW\x1a\x00\x07\xb0\xfe\xb0W\xc9\xaf\xba\xa1\x01\xb0\x1a\xeb\x0f\xab\x95\xff\xb2K\x1a\x00K\xb1\xfe\xb0]\xf9\x01\x104\x00\x16b\xfd\xe1\x00#\x02 h\x00\xac\xc2\xfa\xc3\r\xa6\x04@\xd0\x00X\x82\xf5\x873\x0c\n\x80\xa0\x010\x1e\xeb\x0f\x97\x98\x15\x00A\x03`0\xd6\x1f\x8e1.\x00\x82\x06\xc0H\xac?\xdccb\x00\x04\r\x80aX\x7f8\xc9\xd0\x00\x08\x1a\x00c\xb0\xfep\x95\xb9\x01\x104\x00\x06`\xfd\xe10\xa3\x03 h\x00J\xc5\xfa\xc3m\xa6\x07@\xd0\x00\x94\x84\xf5\x87\xf3,\x08\x80\xa0\x01(\x1c\xeb\x0f\x1f\xd8\x11\x00A\x03P \xd6\x1f\x9e\xb0&amp;\x00\x82\x06\xa0\x10\xac?\xfcaS\x00\x04\r@\xceX\x7fx\xc5\xb2\x00\x08\x1a\x80\xdc\xb0\xfe\xf0\x8d}\x01\x104\x009`\xfd\xe1!+\x03 h\x00\xb4b\xfd\xe1\'[\x03 h\x004a\xfd\xe1-\x8b\x03 h\x00z\xc6\xfa\xc3gv\x07@\xd0\x00\xf4\x80\xf5\x87\xe7\xac\x0f\x80\xa0\x01\xe8\n\xeb\x0f\xb8\x10\x00A\x03\xd0!\xd6\x1f\x10\xce\x04@\xd0\x00\xb4\x8d\xf5\x07\x14w\x02 h\x00\xda\xc0\xfa\x033\x9c\n\x80\xa0\x01X\x14\xeb\x0f\xcc\xe6Z\x00\x04\r\xc0)\xb0\xfe\xc0\x1c\x0e\x06@\xd0\x00\xcc\xc3\xfa\x03\xf3\xb9\x19\x00A\x030\x0b\xeb\x0f,\xc8\xd9\x00\x08\x1a\x00!\x04\xeb\x0f\x9c\x9a\xcb\x01\x104\xc0{\xac?\xb0\x08\xc7\x03 h\x80\xc7X\x7f`q\xee\x07@\xd0\x00/\xb1\xfe\xc0\x92\xbc\x08\x80\xa0\x01\x9ea\xfd\x81v\xf8\x12\x00A\x03\xbc\xc1\xfa\x03m\xf2(\x00\x82\x06x\x80\xf5\x07\xda\xe7W\x00\x04\rp\x1a\xeb\x0ft\xc4\xbb\x00\x08\x1a\xe0(\xd6\x1f\xe8\x94\x8f\x01\x104\xc09\xac?\xd0\x05O\x03 h\x80CX\x7f\xa0;\xfe\x06@\xd0\x00\'\xb0\xfe@\xd7\xbc\x0e\x80\xa0\x01\x96c\xfd\x81^\xf8\x1e\x00A\x03\xac\xc5\xfa\x03="\x00B\xd0\x00\x0b\xb1\xfe@\xef\x08\xc0kh\x80EX\x7f@\x0b\x02\xf0\x06\x1a`\x05\xd6\x1f\xd0\x85\x00\xfc\x01\x1a`8\xd6\x1f\xd0\x88\x00\xccE\x03\x8c\xc5\xfa\x03z\x11\x80\x05\xd0\x00\x03\xb1\xfe\x80v\x04`a4\xc0(\xac?\x90\x07\x02pJ4\xc0\x10\xac?\x90\x13\x02\xb0\x18\x1aP:\xd6\x1f\xc8\x0f\x01X\x02\r(\x11\xeb\x0f\xe4\x8a\x00,\x8d\x06\x94\x82\xf5\x07\xf2F\x00\xdaB\x03\n\xc6\xfa\x03\x05 \x00\xed\xa2\x01\x85a\xfd\x81b\x10\x80\x0e\xd0\x80\x02\xb0\xfe@a\x08@gh@\xaeX\x7f\xa0H\x04\xa0c4 \'\xac?P0\x02\xd0\r\x1a\xa0\x1d\xeb\x0f\x14\x8f\x00t\x89\x06h\xc4\xfa\x03\xa5 \x00\xdd\xa3\x01Z\xb0\xfe@Y\x08@Oh@\x8fX\x7f\xa0D\x04\xa0W4\xa0k\xac?P.\x02\xa0\x01\r\xe8\x02\xeb\x0f\x94\x8e\x00\xe8A\x03:\xc2\xfa\x03&amp; \x00\xda\xd0\x806\xb1\xfe\x80!\x08\x80N4`I\xac?`\x0e\x02\xa0\x19\rX\x04\xeb\x0f\x18\x85\x00\xe8G\x03\x16\xc4\xfa\x03\xa6!\x00\xb9\xa0\x01s\xb0\xfe\x80\x81\x08@^h\xc0\x0c\xd6\x1f0\x13\x01\xc8\x11\r\x10\xac?`0\x02\x90/\xcf\x1b\xc0\xfa\x03&amp;#\x00\xb9\xf3\xb6\x01\xac?`8\x02P\x04\x0f\x1b\xc0\xfa\x03\xe6#\x00\x05\xf1\xaa\x01\xac?`\x05\x02P\x1cO\x1a\xc0\xfa\x03\xb6 \x00\x85r\xbe\x01\xac?`\x11\x02P4\x87\x1b\xc0\xfa\x03v!\x00%p\xb2\x01\xac?`\x1d\x02P\x0e\xc7\x1a\xc0\xfa\x036"\x00\xa5q\xa6\x01\xac?`)\x02P&amp;\x07\x1a\xc0\xfa\x03\xf6"\x00%\xb3\xba\x01\xac?`5\x02P&gt;K\x1b\xc0\xfa\x03\xb6#\x00F\xb0\xae\x01\xac?\xe0\x00\x02`\n\x8b\x1a\xc0\xfa\x03n \x00\x06\xb1\xa2\x01\xac?\xe0\x0c\x02`\x16\xc3\x1b\xc0\xfa\x03.!\x00\xc61\xb6\x01\xac?\xe0\x18\x02`"\x03\x1b\xc0\xfa\x03\xee!\x00\x862\xaa\x01\xac?\xe0$\x02`.C\x1a\xc0\xfa\x03\xae"\x00F+\xbd\x01\xac?\xe00\x02`\xba\x12\x1b\xc0\xfa\x03n#\x00\x16(\xa5\x01\xac?\xe0&lt;\x02`\x87\x82\x1b\xc0\xfa\x03&gt; \x00\xd6(\xac\x01\xac?\xe0\t\x02`\x93\x02\x1a\xc0\xfa\x03\xfe \x00\x96\xc9\xb5\x01\xac?\xe0\x15\x02`\x9f\x9c\x1a\xc0\xfa\x03\xbe!\x00V\xd2\xde\x00\xd6\x1f\xf0\x10\x01\xb0\x95\xc6\x06\xb0\xfe\x80\x9f\x08\x80\xc5\xb44\x80\xf5\x07\xbcE\x00\xec\xd6c\x03X\x7f\xc0g\x04\xc0z]7\x80\xf5\x07&lt;G\x00\\\xd0E\x03X\x7f\x00\x04\xc0\x11\x1d5\x80\xf5\x07 \x08\x80K\xdal\x00\xeb\x0f@\t\xa4\x94e_\x03t\xca\xb2,\x0c\xc3\xd1\xd1\xd1M\x9b6\x1d&lt;x\xb0V\xa94Z\xad\xaf\x0e\x0f\x7fj\xdd\xba\x97&amp;\'\xc3 `\xfd\x01(&lt;\x02p\xcd"\x8f\x03V\xd5\xebB\x08\xd6\x1f\x80\xc2#\x007-\xf88\xe0\x1f\x87\x87\xaf]\xbf\xfeo\xff\xe3?\x1e8|\x98\xf5\x07@\x00\x9c5\xa7\x01q\x1c\xa7I\xf2\x17g\x9d\xf5\xc4\xef~W\xabV\x1b\xcd&amp;\xeb\x0fx\x8e\x00\xb8l~\x03\x92$Q\x8f\x06X\x7f\x00|\r\xc0es\xbe\x1e\x90$I\xbd\xaf\x8f\xf5\x07\xa0\xf0\x08\xc0}3\x8f\x03\xae\xbc\xf2\xca\x03\x07\x0el\xdb\xb6m\xe7\xce\x9d\xac?\x00\x02\xe0\x05\xd5\x80\xa3G\x8f\xdes\xcf=7\xddt\x93\xfa\xa0\xb3\xfe\x80\xe7\x08\x80/\xa4\x94j\xf1g~\x01\xc0s|\r\xc0\x17A\x10H)\xd34e\xfd\x01(&lt;\x02\x00\x00O\xf1\x08\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ff\x0f\x13\x02\xd8\x7f+K\x05\x1e\x00\x00\x00\x00IEND\xaeB`\x82'</t>
        </is>
      </c>
    </row>
    <row r="377">
      <c r="A377" s="1" t="n">
        <v>375</v>
      </c>
      <c r="B377" t="inlineStr">
        <is>
          <t>color_size_circle</t>
        </is>
      </c>
      <c r="C377" t="inlineStr">
        <is>
          <t>What is the missing color of the part denoted with a question mark?</t>
        </is>
      </c>
      <c r="D377" t="inlineStr">
        <is>
          <t>['dark blue', 'light purple', 'light blue', 'light red']</t>
        </is>
      </c>
      <c r="E377" t="inlineStr">
        <is>
          <t>light blue</t>
        </is>
      </c>
      <c r="F377" t="inlineStr">
        <is>
          <t>There are circles of various sizes and colors in the image. The circles are ['extra large', 'large', 'small', 'medium'] size, and their colors are ['very dark blue', 'dark blue', '?', 'medium blue'].</t>
        </is>
      </c>
      <c r="G377" t="inlineStr">
        <is>
          <t>We observe that the largest circle is very dark blue color, and the smaller circles change color from dark blue to medium blue. Hence, the pattern is that the circles become lighter as they become smaller.</t>
        </is>
      </c>
      <c r="H377" t="inlineStr">
        <is>
          <t>Based on the pattern that the circles become lighter as they become smaller, the missing color of the smallest circle denoted with a question mark should be light blue.</t>
        </is>
      </c>
      <c r="I377" t="inlineStr">
        <is>
          <t>b'\x89PNG\r\n\x1a\n\x00\x00\x00\rIHDR\x00\x00\x02\x00\x00\x00\x02\x00\x08\x02\x00\x00\x00{\x1aC\xad\x00\x00\xe4JIDATx\x9c\xec\x9dw|TU\xfa\xffO\xb9\xf7N\xcf\xa4\x87\x84\x90\x90\x00\x81\xd0;\n\x88\xa0\xa2bY\xdb\xda\x0b\xaem\xd7\xae\xeb\xee\xeaW\xf7g\xdbuw\xd9]\xd7\xb6\xba\xf6\x15\xb1`\xef\xa8X(\n"\xbd\x87\x1a\x02\t\t\xc9$\x99L\x9f[\xcey~\x7f\x9c0F\x8ak\x83\x9cI\xee\xfb\xb5/w\xee\x10\xc2\x99;\xf7&lt;\x9f\xe7&lt;\xcfs\x9e\x83\x01\x00\xd9\xd8\xd8\xd8\xd8t?Hg\x0f\xc0\xc6\xc6\xc6\xc6\xa6s\xb0\x05\xc0\xc6\xc6\xc6\xa6\x9bb\x0b\x80\x8d\x8d\x8dM7\xc5\x16\x00\x1b\x1b\x1b\x9bn\x8a-\x006666\xdd\x14[\x00llll\xba)\xb6\x00\xd8\xd8\xd8\xd8tSl\x01\xb0\xb1\xb1\xb1\xe9\xa6\xd8\x02`ccc\xd3M\xb1\x05\xc0\xc6\xc6\xc6\xa6\x9bb\x0b\x80\x8d\x8d\x8dM7\xc5\x16\x00\x1b\x1b\x1b\x9bn\x8a-\x006666\xdd\x14[\x00llll\xba)\xb6\x00\xd8\xd8\xd8\xd8tSl\x01\xb0\xb1\xb1\xb1\xe9\xa6\xd8\x02`ccc\xd3M\xb1\x05\xc0\xc6\xc6\xc6\xa6\x9bb\x0b\x80\x8d\x8d\x8dM7\xc5\x16\x00\x1b\x1b\x1b\x9bn\x8a-\x006666\xdd\x14[\x00llll\xba)\xb6\x00\xd8\xd8\xd8\xd8tSl\x01\xb0\xb1\xb1\xb1\xe9\xa6\xd8\x02`ccc\xd3M\xb1\x05\xc0\xc6\xc6\xc6\xa6\x9bb\x0b\x80\x8d\x8d\x8dM7\xc5\x16\x00\x1b\x1b\x1b\x9bn\x8a-\x006666\xdd\x14[\x00llll\xba)\xb6\x00\xd8\xd8\xd8\xd8tSl\x01\xb0\xb1\xb1\xb1\xe9\xa6\xd8\x02`ccc\xd3M\xb1\x05\xc0\xc6\xc6\xc6\xa6\x9bb\x0b\x80\x8d\x8d\x8dM7\xc5\x16\x00\x1b\x1b\x1b\x9bn\x8a-\x006666\xdd\x14[\x00llll\xba)\xb6\x00\xd8\xd8\xd8\xd8tSl\x01\xb0\xb1\xb1\xb1\xe9\xa6\xd8\x02`ccc\xd3M\xb1\x05\xc0\xc6\xc6\xc6\xa6\x9bb\x0b\x80\x8d\x8d\x8dM7\xc5\x16\x00\x1b\x1b\x1b\x9bn\x8a-\x006666\xdd\x14[\x00llll\xba)\xb6\x00\xd8\xd8\xd8\xd8tS\x94\xce\x1e\x80\x8d\xcda\x02\x00\xbe\xe7Ob\x8c\x0f\xe9Hll$\xc1\x16\x00\x9b4&amp;e\xd39\xe7\xfb\xbc\x831\xeeh\xc7\xf7\xb9\xfc\x9f\xbf\xb6\xa3Zt\xbcL\xfd\x12B\xc8&gt;\xef\xd8\xd8\xa4\x1d\xf8\xfb\xbbE66\x9d\x85xJ\x85\x95\x17\xaf\x85AOY\xe1\xefC0\x18\xc4\xf8\x7f&lt;\xf0\xe2\x07\xb2\xb2\xb2\xbe\xff\xaf\xe5\x9c\xa7\x14B\x88\x81\x18\x95-\x0c6\xf2c\x0b\x80\x8dt@\x07\x10B\x18cJ\xe9\x01\x7f\x921\x16\x0e\x879\xe7\x1b6l`\x8cY\x96\xb5t\xe9R\xd341\xc6;w\xee\xac\xa9\xa9IY\xfch4\xbam\xdb\xb6\xef9\x80\xbe}\xfbz\xbd^\xb4W\x0fz\xf7\xee]ZZ\n\x00\xaa\xaa\x8e\x1d;VQ\x14J\xe9\xa0A\x83\x08!\x19\x19\x19\xdf1\xb6\x8eZ\xf5\x83\x96 66\x87\x07[\x00l:\x1f\x00Hy\xf7\x84\x90\xfd\xfdz\xc6X$\x12\xd9\xbauk4\x1a]\xb3fM(\x14Z\xb3fM[[[cccCC\x03\xe7&lt;\x14\n\x1d\xe61\xfb\xfd~BHaaaAAAff\xe6\xb0a\xc3\xfc~\xff\xb0a\xc3\xbc^o\xbf~\xfd|&gt;\xdf\xfe\xc2\xc09\xe7\x9c\xa7V\t\xb6\x1e\xd8t:\xb6\x00\xd8t\x02\x1d}\xfc\xfd-~"\x91hnn\xde\xb6m\xdb\xda\xb5k\x03\x81\xc0\xb2e\xcbjkk\xf7\xec\xd9\x13\x0c\x06\x0f\xf6\x0b1F\x08\x10Bh\xef\xff\xa3\x9f\xf7\xb1\xc6{\xff\xbb7\x15\x80\xbec\xdedee\xf5\xe8\xd1\xa3W\xaf^c\xc6\x8c\xc9\xcb\xcb\x1b:th\xdf\xbe}sss].W\xc7\x1fK\xe9\x81\xbd&gt;\xb0\xe9,l\x01\xb09L\x087\x1f\x00\xf6\x0f\xe9\x84B\xa1-[\xb6\xd4\xd5\xd5\xad\\\xb9r\xe9\xd2\xa5UUU---\xf1x|\xff_\x82\xf7Z\xe1}\x9eZ\xa2:\xa8\xea\x00\x00WN1uz\x813\xd5\xe9\xf3\x14U\x00g\xed\x86\x95P_q%!\n|\xa74`\x849\xb7"uU\x8831fLh\xac~\x8b\x99\x8c`BY2\x9ah\xa9\xc3\x183S\xe7\xa6\xfe}\x06&amp;p\xbb\xdd999\x95\x95\x95c\xc7\x8e\x1d9rdqqqEE\x85\xdf\xef\xef\xf83"d$\x12\x1b\xb6\x18\xd8\x1c\x1el\x01\xb09\x84\x1c\xcc\xe83\xc6\xb6l\xd9\xb2i\xd3\xa6\x95+W~\xf5\xd5Wk\xd6\xacinn\xde\xe7\xef\xeeoR1\xa1\x8a\xd3\xabz\xb3\x1c\x19y\x9a?\xdf\x95\xdd\x93\xa8No\xcf\xfe\xc0\x99+\xa7Xq\xfa\x803\xd5\x93IT\x07\x02@\x18\x13\xaav\xfc\x85\x9cY\xdfs\xd8\x84~\xab:\x8e3S\xfcBn\xeaf\xac\r\x13j%#\x89\x96:Lht\xf7fn&amp;\x13\xad\xbb\x8dP\x93\x1e\x0e\x98\xd1\xa0\x95\x8c\x02g\x07\xfb\x08)rss\x87\r\x1bv\xe4\x91G\x8e\x1c9r\xc0\x80\x01\x15\x15\x15\xfb\xdc\x1f[\x0cl\x0e\x03\xb6\x00\xd8\xfc\xfc\x08\xa3\x8f\x10\xeah\xd4\xe2\xf1\xf8\xfa\xf5\xeb\x17/^\xbcv\xed\xda\xaf\xbf\xfez\xcb\x96-\x96\xf5\x8dE\xc6{\xd3\xb5\xa9\xc7Qqz\xb4\x8c|GF\x9e+\xbf\xb7+\xa7\xd8SP\xaez\xb3\x1c\x19\xf9Du*.\x1f\xc6\x08\x13\x05\x00\x80[\x08a`\x06\x88,\x02\xb7\xda\x1fi@\xfb\x19\xde\xefoI\xf7\xfb\x8bx\xef \x89\x82\x10\xc2\x84`\xaa!\x04\x98(\x18c\xe0\x16\x00\xb2\x12\x11n&amp;\xf5p\x93\x19\r\xc6\x1a\xab\x13-u\x89\xa6\x1a=\x1c0\xc2MV2\x96\x1a\x01F\x08\xbe]\x8c\xa4(JEE\xc5\xb8q\xe3\x86\x0e\x1d:~\xfc\xf8\xc1\x83\x07\xbb\xdd\xee\xd4\x9f2\xc6\xc4?\xfd\x83J\x9ell\xbe\x0f\xb6\x00\xd8\xfc&lt;\xa4\x9c\xfd\x8e1}\xc6\xd8\xca\x95+\x17-Z\xf4\xc5\x17_,_\xbe|\xd7\xae]\x1d\xff\n\xf9\xb6w\xacz\xb2\xdc\xf9\xbd\xbdE\x15\xde\xc2\ngNOWN/\xd5\xed\xa7N\x0f&amp;\x14!\x0c\xdc\x02\xce\x80Y\x00\x1c\x18\xeb\xb80@\x1dk.\x0f\xb5\xbf\xbcw\xbe\xec\x9d8\xdf\x0c\x03S\x8a1\xc1T\xc1\x84b\xa2 \x04\xc0\x19K\xc6\xccx(\xd1R\x9bl\xd9\x1dm\xd8\x12\xad\xdf\x12o\xaa1c\xc1\xd4\xd01B\xfc\xdb\xffBII\xc9\xe8\xd1\xa3\x8f:\xea\xa8\t\x13&amp;\x8c\x1c92%\xa2\xa9\x9c\x81\xbd,\xb0\xf9\xb9\xb0\x05\xc0\xe6\'\x91\xb2\xfb\x8a\xf2M\xd8\xa4\xae\xaen\xe9\xd2\xa5\xef\xbf\xff\xfe\x92%_WUmL\xbd/\xdc\xfc\x94\xbdS\xdd\x19\xee\x82&gt;\xc2\xe2\xbb\x0b\xca]9\xc5\xaa7\x8b(\x0ea:\xb9e\x00c\x00l\xaf\xcd\x15F\x0f\x1fr\x13\xffS\x00\xd8+\r"%\x8d1\xa6\x98R\xa2hB\xc6\xb8\xa5\x9b\xd1`\xa2\xa5.\xdeX\xdd\xae\x07\x8d\xdb\xcdxX\xfcm\xb2\xdf\xe2\xa0\xb2r\xe0\x11G\x8c;\xe5\x94S\xc6\x8e\x1d[\\\\\x9cz\xdf\xb2,[\tl~:\xb6\x00\xd8\xfc\x18\xf6\xb7\xfb\xc2\xd9_\xb0`\xc1G\x1f}\xb4t\xe9\xb2H\xa4\xdd\xa8\xedc\xf4\x9d\x99=\xbc\xc5\x95\xfe\xde\xc3\xbdE\x15\xee\xbc\xde\x9a?\x9f(*B\x08\x98\xc9-S8\xf8\xed\x7fMr[\xff\xfd\x01\x00\x04\xa8}O\x00\xc1T!\x8a\x8a\xa9\x8a\x10\xe2\x96i\x84\x9a\xe2\x81\x9ah\xfd\x96P\xcd\xeah]U\xb2m\x8f\xf8K\xfb\x88\x81\xcf\x971v\xec\x98\x13O&lt;\xf1\xe8\xa3\x8f\xee\xb8,\xb0\x95\xc0\xe6\xa7`\x0b\x80\xcd\x0f\xe0\x80v\xff\xeb\xaf\xbf~\xeb\xad\xb7\xe6\xcc\x99\xb3q\xe37\xce&gt;\xc1\x88\xef}\xb2RF?\xa3t\x88;\xbfL\xf5daB\x81[\xdc483\xda\x1d\xfc\xaed\xf1\xbf\x9b\x0ez\x800&amp;T#\xaa\x86\x89\x02\x9c\x99\xb1`\xbciGx\xe7\xba}\xc5\xa0\xc3\xcdD\x08\r\x1c8\xf0\xa4\x93N:\xe3\x8c3\xc6\x8d\x1bg+\x81\xcdO\xc1\x16\x00\x9b\xef\x85\x08@\x7f\xb7\xdd\xc7\x18\xa7B\xe3\xd4\xe1\xf1\xf5\x1a\x98\xddo\x9c\xbf|\x94;\xbfw\xbb\xd1g\x067\r\xce,\x84\xa0\x1bY\xfc\xef\xe6\x1b=\xc0\x84*D\xd50\xd5\xf6\x8aAM\xa8zE\xeb\xd6\xaf#\xb5\x1b\x99\x1eC{\xd3\x1d\xa99{0%8\xe0f:\x1b\x9b\xfd\xb1\x05\xc0\xe6\xbb\x10.\x7f\xca\xaf&lt;\x98\xddO\x05y&lt;\x05e\xbe\x92!\xd9\x03&amp;\xf8zV\xbar\x8a1U\x80Y\xdc\xd4\xbf1\xfa\x18\xff\x90j\x9c\xee\x06\x00t\x14\x03\x87\xb8\x81\x89\x96\xba\xc8\xee\xaa\xd6M\x8b"\xbb\xd6\xc5\x1aw\xa0\xfd\x02D\xfb+\xc1&gt;_\x9c\x8d\xcd\x01\xb1\x05\xc0\xe6\xc0\x88\xea\xc3\x94_\xb9q\xe3\xc69s\xe6\xcc\x9a5k\xed\xda\xb5\xe2\x9d\x8e\xfe\xbe\xbb\xa0,\xa7\xff\x84\x9cAG\xfb\x8a\x07*.\x1f\x02`\xa6\xce-]\x94\xcf\xdbF\xffG\xb1W\x0c0&amp;\x8a\x83\xaa\x0e\x84\xb1\x95\x88D\xea6\xb6lX\xd0\xb2yQ\xbcq\x07\xdaoM0t\xe8\xd0\x8b/\xbe\xf8\xa4\x93N\x1a8p\xa0xg\x9f\xef\xd1\xc6\xa6#\xb6\x00\xd8|\x8b}&lt;\xc7p8\xfc\xce;\xef\xcc\x9a5k\xde\xbcy\xa2l\x1fc\x82\xa1\xbd\xf9rF\xe9\x90\xdcAS\xfce#\xbc\x85\xfd\x14\x8f\x1f,\x93\x19\t\xb1\r\ncb\x87w~6\x00\xc4\x12\x0b\x13J5\x17VT+\x16\x8a6l\r\xedX\xd5\xbca^x\xe7:\xd4\xbe&amp; \xe2\xc7\x14E\x992e\xca\xc5\x17_|\xdai\xa7edd {A`s\x10l\x01\xb0iGdwS\xae\xe2\xe2\xc5\x8b\x9f{\xee\xb9\x0f?\xfc\xb0\xae\xae\x0e!\x840!{\xed\xbe\xa7\xa0,\xbb\xff\x84\x9cAG\xfb{\x0f\'\xaa\x13\x98\xc1\x8c$p&amp;6Ju\xda\x07\xe8\x1e\x00p\x04\x80\t\xa5\x9a\x13S\x8d\x9b\xc9P\xcd\xea\x96\r\x0bZ7/JE\x878&amp;\x088B\xa8\xb8\xb8x\xda\xb4i\x97^z\xe9\xf8\xf1\xe3\xc5_g\x8c\xd9{\xcalR\xd8\x02`\xf3\xad(A\xca\xe5\xff\xe4\x93O\xc4\x9f\x12BD\xabN\x87??\xbb\xff\xf8\x1e\xa3N\xf1\x16W*\xae\x0c`&amp;\xd3\xe3\x00\xdc\xb6\xfb\x9dB\xbb\x12`B\x1dnLU+\x11\x8e\xd6U\xedY\xf1~\xeb\xe6\xc5z\xa8\tu\xf8\xe2\x10BS\xa7N\xed\xb8 \xb0\xe3B6\x02[\x00\xba/\xfb\x84\x056m\xda\xf4\xca+\xaf&lt;\xfd\xf4\xd3\xc2\xe5\'\x84\x02g\x80\x10Q\xb4\xac\x8a#\xf2\x06\x1f\x933p\x92\xe6\xcb\x01\xce\xda\xe3&lt;\xb6\xdd\x97\x83\x0ek\x02\x17&amp;\xd4\x88\xb4\xb4l\\\x18X\xffyp\xcb\x12n\x19\x18!L(\xe7\x0c!T\\\\|\xc5\x15W\x9c{\xee\xb9\x03\x06\x0c@v\\\xc8\xc6\x16\x80\xee\x89\x98\xf9)\x07\xf0\x93O&gt;y\xe1\x85\x17^y\xe5\x15]\xd7\x11B\x94R\xe1!\xba\xf3J\xf3\x87\x9f\x907t\xaa\xa7\xb0\x1f\xc6\x98\xe9q\xceL\xdb\xeeK\x8bP\x02BU\xeap\x03@\xacak`\xed\'M\xab?\x8e\x07v\xa2\x0e_\xab\xc3\xe18\xf7\xdcs/\xba\xe8\xa2\xa9S\xa7\x8a\xbf\xc8\x18\xb3e\xa0{b\x0b@\xf7\xa2\xa3\xe97\x0c\xe3\xa3\x8f&gt;\xfa\xf7\xbf\xff\xdd\x1e\xed\xc1\x84 \xce\x01aB2\xfb\x8c)\x1a\x7fNV\xdf1\xaa\'\x8b\x9bIf$\x11\x02L\x88]\xcc\x93\x0e\x00p\x8e\x10\xa6\x9a\x93\xa8N3\x16\x0cn[V\xbf\xf8\xd5\xb6\xed\xcb\x80s\x82\x11G\xed\x19\x82\xa9S\xa7^w\xddu\'\x9ex\xa2\xa6i\xc8\x96\x81n\x89-\x00\xdd\x85}L\xff\x8b/\xbe\xf8\xaf\x7f\xfdk\xfd\xfa\xf5Ht?f\x16GH\xf3f\x17\x8c:)\x7f\xf8\x89\xde\x9e\x95\x84*V2\x06\xdc\xb2\xeby\xd2\x15\x00\x00\x8e\x89\xa28=\x9cY\xd1\xddUM\xab?j\\1\xc7\x88\xb6\x12\x84\x10UD\x7f\xec\xc1\x83\x07\xff\xf6\xb7\xbf\xbd\xf0\xc2\x0bm\x19\xe8\x86\xd8\x02\xd0\xf5\xf9\x0e\xd3O\x15\x85Y\x16B\xc8S\xd0\xa7\xc7\xe8S\xf2\x86\x9f\xe0\xce-af\x92\x19\t\x11V\xee\xe4\xa1\xdb\xfc\x1c\x88\x84\r\xd5\\Tu\xc6\x9bw\x05V\x7f\xbcg\xf9\xfb\xb1\xc6\xed\xa8\xc3\x03`\xcb@\xf7\xc4\x16\x80\xae\xccw\x98~EQD]\x7fV\xbfq\x05#O\xca\x1br\xac\xea\xc9\xb4\x92Qn\xe9\x18\x13dG\xf9\xbb\x1e\xc0\x018Q\x1c\x8a\xd3k\xc6\xda\x02\xeb&gt;k\\9\'\xb8\xf5k\xd4\xe1a\xb0e\xa0\xbba\x0b@\x97\x851v`\xaf\x9f\x12\xc68B(\xab\xdf\xb8^G_\x9cUq$QT+\x11\xb5\xa3=\xdd\x82T\\\xc8\xe5\xe5\x96\x19\xdc\xf2U\xed\x82YB\x06R\x0f\xc6\xfe2`\x17\x8cvUl\x01\xe8\x82\xa46\xfb\xecg\xfa)c\x8cP5o\xd8\xd4\x82\x91\'eW\x1c\x89\x08\xb1\x92Q;\xda\xd3\r\x11q!\xc5\xe9E\x9c\xb7n\xf9\xaaq\xe5\x9c\xc0\x9aO83S\xc5B\x1de`\x9fM\x826]\x06[\x00\xba\x14\x1d\'\xea\xec\xd9\xb3\xef\xbb\xef\xbe\xbd\xb1~\x95Y&amp;\xa6J\xc1\x88i\xc5G]\xe0\xeb5\x088c\xc9(\x00\xc2\xf6\xa6\xd0n\x0cp\x8e1\xa2N/&amp;4R\xbb\xa1\xee\x8b\x97\x1aW}\x08\xcc\x12\x0f\x0cBh\xf0\xe0\xc1w\xdcq\xc7y\xe7\x9d\x87\xec]\xc4]\x11[\x00\xba\x08\x1d\xc3\xfd\x9f}\xf6\xd9\x8c\x193Dq\xa7\xa2\xa8\x96e"\x84\xf2\x87\x1d_r\xec\xe5\xbe\x9e\x95\x9c\x19L\x8f#\x84m\xd3o#\x00\xce\x11\x02\xeap\x13\xaaEvW\xed\xfa\xec\x99\xa65sQ\x87\x87g\xea\xd4\xa9\xb7\xdez\xeb\xb1\xc7\x1e\x8b\xec\xc4@\xd7\xc2\x16\x80\xae@*J\xbb~\xfd\xfa\x07\x1ex\xe0\xd9g\x9fE{\xbd~\xb47\xd6\x9f\xdd\x7f\x02\x00gz\xcc\xde\xc9es@\xc4&gt;2\xea\xf0`LZ7/\xfa&amp;7\xb0\xf7A\xba\xec\xb2\xcbn\xbe\xf9\xe6\xc1\x83\x07#;1\xd0U\xb0\x05 \xbd\x11\xcd^\x08!\xa1P\xe8\x9f\xff\xfc\xe7\xdf\xff\xfew\xc30\x08U\x80Y\x80PF\xaf\xc1\xbdO\xbc:\xab\xdf\x11X\xc4\xfaE\x93N\x1b\x9b\x83\xd3\xdeO\xd4\xe9\x05\xce\x83[\x97\xd4|\xf4\x9fp\xedz\x8c\x10\xa6\ng\x96\xa6i\x7f\xf8\xc3\x1f~\xf7\xbb\xdf\xf9\xfd\xfe\xd4\xb3\xd7\xd9C\xb6\xf9\xf1\xd8\x02\x90\xaet\x8c\xf9\xcc\x9e=\xfb\xae\xbb\xee\xda\xb2e\x0b&amp;\x94 \xce8x\n\xca\x8b\x8f\xba0\x7f\xc44\xc5\xe96\x13\x11d\xc7\xfam~\x08\xc09\xc2Hu\xf9\xacd\xbci\xd5\x87u_\xbc\x18k\xac\xa6\x04sD\x80\xb3\x8a\x8a\x8a{\xee\xb9\'\x95\x18\xb0#B\xe9\x8b-\x00iI\xc7\x98\xcf\x1f\xfe\xf0\x87\x0f?\xfc\x10!\xa4\xa8\xaae\x9a\xaa\'\xab\xe7\x84s{\x1d}\xb1\xe2\xf2Y\x89\x08pfW\xf8\xd8\xfc8\xc4\xc3#\x1e\xa4\xda\x05\xb3v/z\xc5\x8c\x05\xc5c\x86\x10\x9a6m\xda\xdf\xff\xfew;"\x94\xd6\xd8\x02\x90f\xa4\x1c\xff\x8e1\x9fT\x94\xb6\xc7\xe8S{\x1f\xff\x1bw^\xa9\x19\x0f\xd9\xa6\xdf\xe6gA&lt;H\xaa\xdb\x1f\x0f\xec\xac\x99\xfb\xf8\x9e\xe5\xef\xa1\xbd\x89\x81\x8e\x11!{)\x90\x8e\xd8\x02\x90NX\x96%\x8ee\xff\xf0\xc3\x0fo\xba\xe9&amp;\x11\xf3\xc1\xc08\xa0\x8c^\x83\xca\xa6]\x97=`\x023\x12\xdcLb\xa2t\xf6`m\xba\x14\xc0-\xa2:\xa9\xe6j\xdd\xb4h\xc7\x87\xff\x0e\xd7n \x18\x01\xa6""\xf4\xe0\x83\x0fN\x9b6\ruxDm\xd2\x02[\x00\xd2\x83\x94\xe3___\x7f\xcb-\xb7\xcc\x9e=\x1bu\x88\xf9\x94\x1e{y\xd1\x91\xbf$\xaa\xd3J\x84\xed\xdd\xbc6\x87\n\x00\x00\xae\xb82\xb8\x99\xac\xff\xea\xf5\x9d\x9f=\xd31"t\xdey\xe7\xdd\x7f\xff\xfdEEE\xf6R \x8d\xb0\x05 \rHyU\xb3g\xcf\xbe\xe5\x96[\xea\xeb\xeb\xf7\x89\xf9\xb8rK\xacD\xd8\x8e\xf9\xd8\x1c\x06\xf6&amp;\x062\x12\xcd\xbb\xf6\x89\x08\x15\x15\x15\xdd\x7f\xff\xfd"9l/\x05\xd2\x02[\x00\xa4\xe6\xc0\x8e\xbf\xa2X\x96\xe5\xca\xed\xd5\xf7\xb4\xdf\xe7\x0e&gt;\x86%c\xdc\xd2m\xd3os8\x01\xce\x88\xe2\xa0NO\xf3\xfa\xcf\xb7\xbd\xf3\x8fDsm\xaa\xa3\x9c\xbd\x14H#l\x01\x90\x97Te\xc57\x8e\xbf\xaa1\xd3\xc0\x84\xf6\x9a&lt;\xbd\xd7\xd1\x17\xab\xdel+\x1e\xb2c&gt;6\x9d\x83\x88\x08\xb9\xfdf\xb4\xb5v\xc1\xac\xda\xf93\x813\xf1\x88v\\\n\xd8\x05B2c\x0b\x80\x8c\x00\x00cLQ\x94\x96\x96\x96\xeb\xae\xbb\xae\xa3\xe3\xef\xeb5\xa8\xdfi\xbf\xcf\xec3\xdaLD\x80\x99\xb6\xe3o\xd3\xb9\x00g\x98\xaa\xaa\xcb\xd7\xb6}\xf9\xd6w\xfe\x11\xa9\xdd\xd0q)\xf0\xef\x7f\xff;\'\'\xc7\xb2,J\xa9\xbd\x14\x90\x10[\x00\xa4C\x9c\xd3\x8d\x10\xfa\xf8\xe3\x8fo\xb8\xe1\x86-[\xb6\x88&lt;\x1b&amp;\xa4\xe4\x98\xcbK\x8f\xb9\x8c\xa8\x0e+\x11\xc1\x84\xda\x8e\xbf\x8d\x14\x00\x00g\x8a\xcb\xc7M}\xe7\xe7\xcf\xee\xfa\xfc\x19\xe0\\&lt;\xb4\x15\x15\x15\x0f?\xfc\xf0\t\'\x9c\x80:&lt;\xd86\xf2`\x0b\x80\\\x88\xd4\x99eY\xbf\xff\xfd\xef\x1f|\xf0A\xb4\xb7\xd4G8\xfe\xfe&gt;\xa3-\xbb\xc0\xdfFJ\xda\x93\xc3n\x7f(\xb5\x14\xd8[ t\xd3M7\xfd\xe3\x1f\xff\x10\x0f\xb6\x9d\x19\x96\n[\x00d!\x15\xf6\xd9\xbau\xeb\xaf~\xf5\xabE\x8b\x16QE\xe5\xcc\x04@\xc5\x13\xcf+?\xf9&amp;\xa2hV2\x82\t\xb5Of\xb7\x91\x15\x00\xce\x14\xa7\x8f[F\xf5\x07\x0f\xd6}9\x1bcD\xa8\xca,s\xc2\x84\t\xff\xfd\xef\x7f\xfb\xf5\xebg\x87\x83\xa4\xc2\x16\x00)H\xad\x8e_}\xf5\xd5k\xae\xb9\xa6\xa5\xa5E\xd5\x1c\xa6\xa1k\xbe\x9c\xfeg\xdf\x99;x\x8a\xdd\xd4\xc1&amp;]H5\x90h^?o\xf3k\xf7\x1a\x91\xf6\x879\'\'\xe7\xb1\xc7\x1e;\xe7\x9cs\x90\x1d\x0e\x92\x06[\x00:\x9f\xfd\xc3&gt;\xe2T\xa6\xbc!\xc7\xf6=\xedw\xce\xac"3\x1e\xc2\x84\xd8\x8e\xbfM\xfa\x00\xc0\xb9\xea\xf6\'\x83\xf5\xdb\xde\xf9g`\xddg\xa9\x83\xc6\xecp\x90T\xd8\x02\xd0\xc9\x88i\x90\n\xfb(\xaaf\x99\x06&amp;\xa4\xfc\xa4\x1bzM\x9e\xce-\x93\x9bI\xdb\xf1\xb7IG\x803\xa2:\x89\xa2\xd6\xce\x9fY=\xe7a\xe0\\&lt;\xde\x1d\xc3A\xb6\x06t.\xb6\x00t\x1a\xa9M^\xfb\x84}\\9\xc5\xfd\xcf\xb9;\xbb\xe2\x08#\x16Dv\x07\x7f\x9btF\x9c.\xa0y\xb2Z\xb7,\xd9\xfc\xea\xdd\x89\x96\xba}\xc2A\xf6f\xb1\xce\xc5\x16\x80\xce!\xb5;\xe6\x9e{\xee\xb9\xfb\xee\xbbQ\x87\xb0O\xbf3o\xd7|9V&lt;\x84\xa9\xed\x1c\xd9t\x05\x80Y\x8a\xdboDZ\xb6\xbe\xf9\x97\x8e\xe1\xa0\xbb\xef\xbe\xfb\xae\xbb\xeeB\xf6f\xb1\xce\xc3\x16\x80N@\xac|\x83\xc1\xe0o~\xf3\x9bW_}\x95**\xb7LDh\xf9I\xd7\xf7\x9a&lt;\x9d\x9b\x86\xdd\xda\xc1\xa6\x8b!ZG\x10U\xab\x9d?\xb3z\xce#\x883\xa2\xa8\xcc2\xcf9\xe7\x9c\xc7\x1f\x7f&lt;++\xcb\x0e\x07u\n\xb6\x00\x1cn\x84\xb3\xb3u\xeb\xd6\x0b/\xbcp\xd9\xb2e\x9a\xc3i\xe8I\xcd\x973\xf0\xc2\xbff\xf7\x1fo\xc4\x82\x18!d\x87}l\xba\x1e\xc0A\x84\x836/\xde\xf8\xe2\xff\x19\x91\x16\xf1\xf0\x8f\x193\xe6\xc5\x17_\xec\xd7\xaf\x9f\xbd\x0e8\xfc\xd8\x02pX\x11n\xce\xa2E\x8b~\xf1\x8b_\xb4\xb6\xb6\x8axhF\xe9\x90A\x17\xfd\xdd\x91\xd5\xc3\x8a\x87\xed\xb0\x8fM\xd7\x06\x98\xa5\xb83\xf4\xe0\x9e\r/\xfc!\xbcs\x9d\x98\x02\xd9\xd9\xd9\xef\xbe\xfb\xee\x84\t\x13\xecu\xc0a\xc6\xf64\x0f\x13\xa9}^O=\xf5\xd4\xe4\xc9\x93[[[\x15E5\r\xbdp\xdc\x19#\xae~F\xf5\xe5X\x89\x88m\xfdm\xba&lt;\x98*V"\xa2\xfarF\\\xfdL\xe1\xb83LCW\x14\xb5\xb5\xb5u\xf2\xe4\xc9O=\xf5\x94\xa2(\x8c1\xdb+=l\xd8+\x80\xc3Aj\xdb\xcb\xcd7\xdf\xfc\xe0\x83\x0fbB1p\x0e\xd0\xef\xf4[\x8b\']h%\xa2\x00\xcc\xae\xf6\xf9y\x00@\x08\x01\x02\xd4\xfe\\\x7f\xfb\xf1\xfe&gt;\xd5&amp;\xfb\xce\x08,\xfe\x83\xdb_\xd8\xf5*?\x03\x00\x1cc\xaa\xb8\xbcu\x0b_\xdc\xfa\xf6\x0c\x821`\x02\x9c\xddt\xd3M\x0f&lt;\xf0\x00\xb2w\x8a\x1d.l\x018\xe4\x88G\xd9\xb2\xack\xae\xb9\xe6\xa9\xa7\x9e\x12\rR\x14\xa7\xaf\xf2\x82\xfbr\x07\x1dm\xc6\xc3\x18c\xdb\xac\xfcp\x00\x01\x02\x80oL&lt;\xc6\x18cq\x16&amp;Q4\x84\tB\x80\x89\x92*1\x04\xe0\xc0\xac\xff\xf9{1URb\x0c\x00\xc0-\x840\x02\xce-\x03!\x04\xdc\x02\x80\x0e"\x811\x16\xd2`\x7f\x83?\x10\x00\x00P\xdd\x19\xcd\x1b\x16T\xbdt\x87\x95\x8c\x88\xa9q\xe5\x95W&gt;\xf6\xd8c\x8a\xa2\xd8\x1ap\x18\xb0\x05\xe0\xd0"\xf2Z\xc1`\xf0\xd4SO]\xb4hQ\xaa\xd2\xbf\xf2\xfc?g\xf6\x19cD\x9a\xed\xb0\xcf\xf7\x05 e\xee1&amp;\x98*\x98\x10LU\x8c)&amp;\x048\x03\xe0\xdc\xd4\xcdX\x1b&amp;$\x1e\xd8\xc5\x8c8&amp;4Z\xbf\x85%\xa3\x08!\x84\x89\x15\x0f\xc5\xf6l\xff\x9f\xff\x8e\xa7G\x1f\xc5\xedG\xc0\x11B\xd4\xe9\xf5\x16U\x00gTs\xbb\xf3J\x80s\xd5\x93IT\x07\xc6\x04\x13\n\x9c\x030`&amp;p\x0e\xcc\x125\xef{%\xc1\xd6\x83\xef\x050K\xf3\xe5\xb6m_V\xf5\xf2\x1fS\xbb\x04&amp;L\x98\xf0\xde{\xefeee\xd9i\xe1C\x8d-\x00\x87\x10\xf1\xf8644\x9cv\xdai\xcb\x96-S\x1d\x0eS\xd7}\xc5\x95C\xaf\xf8\xb7\xea\xc9\xb2\x83\xfe\xff\x83\x8e\x16\x9fPBU\xach\x84*\xc0\x19g\xa6\x19k\xb3\xe2a\xbdmO\xa2\xb5\xce\x087\'Zw\xebmML\x8f&amp;Z\xea0\xc6f&lt;\xfc\xb3\x0fGug\x00\x80+\xa7\x98:\xbc\x8e\xcc|WvO-#\xd7\x95]\xec\xc8\xec\xa1\xb83TO&amp;\xa1*&amp;\x943\x0b,\x833\x138C\x08\xd9z\xf0?\x01f).\x9f\x19\x0b\xae}\xfa\xbaH]\x95\x98&amp;c\xc6\x8cy\xe7\x9dw\n\x0b\x0bm\r8\xa4\xd8\x02p\xa8\x10\xf5\x0c\xcb\x96-;\xed\xb4\xd3\x1a\x1a\x1a\x84kS0\xea\xe4~g\xdcF\x14\x87\xdd\xe0\xe1\xc0\x00\x17\x0f$\xc6\x84(\x1aV4L)\xe2\xdcJF\xf5PS\xbc\xa9&amp;\xd6\xb05\xde\xbc3\xd9\xb2;\xde\xbc\x93\xe9qn\xea\x9d=bDT\x07u\xb8\xdd\xb9\xa5\xce\x9c\x9e\xee\xdcROa?w~o\x87?_qz\x11!\xc0\x18X\x06\xb7\x0c\xb1&gt;\xc0\x18\xdb5\xbe\xfb#\x9aFpK\xdf\xfa\xd6\xdf\x1aW| &amp;Kaa\xe1;\xef\xbc3f\xcc\x18\xbb4\xe8\xd0a\x0b\xc0!!e\xfdO8\xe1\x84`0(Z\xa0\xf4\x18\xf3\x8b\x01\xe7\xde\xcb\xcd$\xb7Ll\x077S\x00\xb4\x1bGB\xc5^!\x8407\x12\x89\xd6\xdd\xf1@Mt\xf7\xe6h\xfd\x96x\xd3\x0e\xbd\xad\x81\x19\xc9\xef\xf9+\x15\xcd\xa9hN\x00\xee\xc9\xcc\xf3f\x17rn!\x84\x1c\xee\x8c\xfc\xde\x039\xe7\x07s\xc7\x01\x10!\xa4\xa9f\xa3\x1e\x0f#\x84\x08Q\xa2\xad\r\xb1\xb6\x00\xc6\xc42\x92\xd6\xf7\xfe\xd7\xa9\xe6td\x16\xba\xf3\xcb\xbcE\x15\xde\x9e\xfd\xddy\xbd]\xd9=\x89\xe6B\x08\xc4.?\xb18\xb0\xcf\xf2\xec\x08pN\x14\x95\xa8\xceM\xaf\xdc\xb9g\xd9\xbbb\xcadee}\xfc\xf1\xc7\xb6\x06\x1c:l\x01\xf8\xf9I\x15\xfb\x9fz\xea\xa9\xc1`\x90**\xb3\xcc&gt;\'\xdf\xd8k\xf2tf$\x00\xb8]\xf0\x83D\x97\x18\x00\x841Q\x1cTu B\xacx8\xd1R\x17\xd9\xb5&gt;\xbag[x\xe7\xda\xf8\x9e\xed\xcc\xfc\x1f6Ws\xfb\x1cn_f\x8f\xde\x9a\xcb\x9b\xdf{\xa0\xea\xf4\xe4\x97\x0f\xe2\x8ce\xf6\xe8\xedp\xfb\x803\xcd\xe5sx2\x80s\x84\x11\xc6\x84** 8x\xc2\x160\xc2\xcc2\x018\x02\x84\t\xd1ca#\x11\xc1\x84\xea\xf1H\xdb\x9e\x1aBiS\xf5\x063\x19k\xaa\xd9h$\xa2m{j\xf4x\xc4\x88G\xbe{\x90Tu\xba{\xf4\xc9(\x1d\xea\xed\xd1\xd7W2\xd8\x95S\xac\xb83\x10\xe7\xcc\xd4\xb9\xa5\x8b\x9b`?\x12\xa8\xbd4\x88P\xcdU;\x7f\xe6\xf6\x0f\x1e\x12\x13\'++\xeb\xbd\xf7\xde\xb3\xb7\x08\x1c"l\x01\xf8\x99\x11\x8f\xe9SO=u\xcd5\xd7X\x96E\xa9\xc2\x98\xd5\xef\x8c\xdbzM\x9enD\x9a1\xea\xee\xe1`a\xf71\xa1Tsa\xaa\x00\xb3\x12-u\x91\xba\x8d\xe1\x9a5\xc1\xad_\xc7\x03;\xf7\x86\xce\x0f\x80\xc3\xed\xcb,,\xcb\xc8\xed\x99[\xd2?\xbb\xb8\x9f;3/\xab\xb0\xb7\xea\xf4\xb8}\xd9\x08#\xaah\x00\x9c3\x86\x10b\xa6\x01\x9c!\x8c9g\xc0\xac\xbd\x16\x1f\xbe\xcf\xd3\x8e1N\xfd&lt;\xa6\n!\xb4}\xc0\xaa\x86\x10"\x94bL\x98e @\xf1H\xab\x99\x8c\x05\x1bj\xe2m\x81\xd6\xba\xad\xcd\xbb6\x87\x9bw\xb75\xec\xd0\x0f.\t\x98Pw^iV\xbfq\x19\xbd\x87\xf9\x8a\x07\xbar\x8a\xc5M`FB\x0c\xb8\xbb+\x01\x00 \xd0|\xb9\xb5\xf3gn}\xebob\xfa(\x8a\xf2\xd8c\x8f]y\xe5\x95\xb6\x06\xfc\xec\xd8\x02\xf0s\x92\xb2\xfeW]u\x15&amp;\x04\x03p\x80~g\xdc\xd6\xeb\xe8\x8b\x8dp\xb7.\xf8\xf9\x96\xddWT+\x16\x8a6l\rU\xafh\xdd\xfau\xa4v#\xd3c\xe2\xc70\xfe\xd6\x03\xa9:\\9\xbd\xfa\xe7\xf4\xea\x97\xd7{`^ieVQ\x1fOf\xbe\xe2p\x12J\x811\xe0\xdc2u\x00\xce-\xab\xfd\x9f@{k&gt;1i\x97\xd9\x9fZ\xa0\xd9\xbe\x9f\x00\x10\x12uAb\x9b\x810\xd3DQ0&amp;\x8a\xea\xc0\x84`J9c\x96\x9e\x8c\xb55\x05\xeb\xb7\x07vV\x05j6\xb6\xd4nm\xa9\xddl\xea\x89\xd4\xaf\xeb\xf8\x01\xa9\xc3\xe3\xeb50\xbb\xdf8\x7f\xf9(oa?\xc5\xe3\x07\xcb\xb4\x95\x00\x89\xd2\xa0\x8c\xdc\xda\x05\xb3\xb6\xbe\xf57\x821`\x0c\x9c?\xf9\xe4\x93\xb6\x06\xfc\xec\xd8\x02\xf0\xb3\xd1\xd1\xfa+\x8a\xca,\x93~S\xec\x1f\xea\xa6)_\xe0\xf0\x8d\xbf\xafZ\x89p\xa4nc\xcb\x86\x05-\x9b\x17\xc5\x1bw\x88\x1f\xc1\xdf\xde\xac\xe5\xf4f\xe6\xf5\x1e\xd8s\xc0\x98\xc2\x8a\x91\xd9=\xfb\xf8\xf3K\x14\x87\x13c\xc2-\xd32un\x99 ~\xa7\xf0\xd3\x85\xc1\xef\xacE\x95\x98&lt;\x00bm!\xb6!\x10EUT\x07QT\x00n\xe9\xc9P\xd3\xae\xd6\xdd\xdb\x1b\xb6\xac\xdc\xbdiY\xa0fc2\xda\x96\xfa\xdb\x1d?\xb8\xbb\xa0,\xa7\xff\x84\x9cAG\xfb\x8a\x07*\xae\x0c`\xedJ\xd0m\x93\xc6\xc0\x99\xea\xf6\x8b-\x02,\x19\xa1\x8ajY\xa6\xad\x01?;\xb6\x00\xfc&lt;\x1c\xd0\xfa\x0f\xbd\xe2\x91nZ\xec\x0f \xe2\xb9Ds\x12E\xb3\x12\x91\xfd\xed&gt;\xc28\xb5\x9dJsy\x0b\xfa\x0e\xeb\xd9\x7ft\xcf\x01c\xf2zWz\xb3{P\xd5\xc1\x99\xc5LC\xf8\xf8\x08@\xa4L\xe5o\x1c/\xb6\x89\x01p\xe1\xc5+\xaa\x83\xaa\x1a\xa1\n3\xf5h\xeb\x9e@M\xd5\xeeM\xcbvo^\xde\xb8m\x8d\x91\x88\xb6\xff\x9d\x0e\xb7\xe2\xdbJ\xe0\xe3\x96\xc1\x8dd{\xdeH\xfa\xcf\xfe\xf3\x92\xda"\xb0\xf6\xe9\xebm\r8D\xd8\x02\xf03p \xeb\xef\x1dz\xc5\xbf\xfd\xe5#\xcdh+\xa6jg\x0f\xf00\x02\x1c\x00\x88\xa2Q\x87\x87\x9bz\xbc\xb1\xbai\xed\'\x81u\x9f~\xe3\xefw\x88\x81\xf8\xf2z\x96\x0c\x1e_&gt;zjA\xf9\xe0\xcc\x1e\xbd\xa9\xa2qfYF\x92Y\x06p.\x9c_\xf9-\xfew\x03\x00{\x97A\x84*\x9a\xa29\tU\x98e\xb4\xed\xa9i\xac^_\xbd\xfc\x93]\xeb\x17G\x02\xbb\xc5\x0fw\xbc9\xee\x82\xb2\xbc!\xc7\xe5\x0f\x9d\xea.(\'\xaa\x83\xe91n\x19\xddmA\x00\xccT\xbd\xd9\xa1\xea\x95k\x9f\xbe\x8e%\xa3\xb6\x06\xfc\xec\xd8\x02\xf0S\xf9N\xeb\x1f\xec&gt;\xbe\xbf\x88\\S\xcdE\x14G\xa2\xa5.\xb8eI\xd3\xea\x8f\xda\xb6/\xdf[\xf2\xf8\xcd\x93\x96S\xdc\xafl\xe41}\xc6\x1c\x9f\xd7\xbb\xd2\x9d\x91\x8b\x10XF\xd22t\x80.b\xf4\x0f\xc67b\x80\x89\xa29\x14\xcd\x89\x10\x8e\x87\x9b\x035U\xdb\x97\xcd\xdd\xb1\xf2\xf3\x96\xba\xad\xe2\'S\xb7\x0b\x13\x9a\xd9gt\xfe\xf0\x13\xb3*\x8ep\xe5\x14sKgFBdS:\xf5\xa3\x1c&gt;\x80Y\xaa7\xcb\xd6\x80C\x84-\x00?\t\xdb\xfa\xb7G{\x88\xa2\xb8\xbc\xdc2\xa3\xbb7\xd5/y\xbde\xc3\x02#\xda\x8a\x0eb\xf7{\xf4\x1d\xe6\xf4f2\xcb\xb0\xf4$c&amp;\x12\xad\x1d\xba\xa8\xd1?\x18\xb0w\xf7\x03\xa5\xaa\xe2pREKF\xdb\xf6l[s0%\xd0\xbc\xd99\x83\x8e.:\xe2\x97\xde\x9e\x03\x88\xa2Z\x89(p\xab\x9b\xc4\x85l\r8t\xd8\x02\xf0\xe3\x11\x0f\xdf\xd3O?}\xe5\x95WvG\xeb\x0f\x1c\x80\x13\xc5I\x1dn3\xde\xd6\xbc\xee\xf3\xc6\x95s\xda\xb6/\x03\xce\x11\xfa&amp;\xae\xed\xcd)\x1c0\xe1\xd4\xbecN(\xd8k\xf7\xcdd\x9c3\x0bc\x82\t\xfei%:]\x03\x91\xd5\xe6\x84*\xaa\xd3-\x94\xa0q\xdb\x9am\xcb&gt;\xde\xb4\xe8\xbdhK\x03B\xdf\xdcLLHf\x9f1\x05#O\xca\x1dr\x8c\xea\xcedz\x9c[I\x8cI\x97\x8f\x0b\x1dP\x03\x9ez\xea\xa9+\xae\xb8\xc2\xd6\x80\x9f\x82-\x00?\x12\xf1\xd8-Y\xb2d\xfc\xf8\xf1\x84P\xce,\x91\xf5\xed\x0e\xd6_de\xa9\xe6&amp;\x9a3\xd9R\xd7\xf0\xf5\x9bM\xab\xe7\xc6\x035\x08!L\x88\x10\x00\xaaj\xbd\x87O\x1e4\xe5\xec^\x03\x8f\xf0\xe6\x14~\xdb\xeewqk\xf5\xa3\x01\xce;*A\xb4\xa5\xa1v\xe3\x92\r\xf3^\xabY=\x9f\x99\x06\xeap{\xddy\xbd\xf3\x87\x1f_8\xeeLgN17\x92\xcc\x88w\xf9\xca\xd1\x0e\x1ap=KF\x08U8g\x8b\x17/&gt;\xe2\x88#l\r\xf8\xd1\xd8\x02\xf0c\x10\r\xaa\x96-[v\xe2\x89\'\xb6\x85B\x08a\xe2p\x0f\xb9\xec\xa1\xcc\xf2Q]\xdb\xfa\xb7\x9b~\x87\x9b(Zx\xd7\xfa\xa6\x95s\x1aW\xcei\x8f\xf6\x10*\xc2\xfd\xd9=\xfb\xf4\x9fpZ\xff\t\xa7\xe6\x95V"\x8c\xcdd\x8c\x99\x86m\xf7\x7f\x10B\t\xa8\xaa\xa9N\x0f\x02\x08\xec\xac\xda\xbc\xe8\xbd\xcd\x8b\xdei\xdd\xbd\x1du\xb8\xd5\x9a7\xbb`\xe4I\xf9#O\xca(\x19\xcc-\x83\xe9]\\\x06\x84\x06\xb4U\xafX\xf7\xec\x8d\\\x8f#\x04\x99~\xffG\x1f}4f\xcc\x18\xbbg\xdc\x8f\xc3\x16\x80\x1fL\xca\xfa\x8b&gt;?b\xb3\xe2\x90\xcb\x1e\xca\x1br\x9c\x1ei&amp;]\xd4\xfaw4\xfd\x91\xda\ru_\xbc\xd4\xb4\xea#\xceL\x84\x10\xc2Dl\x92*\x1dz\xd4\xc0\xc9g\xf5\x1bw\x92+#\xcb\xd2\x93\xa6\x1eGv\xc7\x9b\x9f\xc2\xde&lt;\x81\xeap+\x0eg"\x1c\xdc\xfa\xf5\x9c\x8d\xf3\xdf\xd8\xb9\xf6\x0b\x84\xbe\xb9\xed\x84\xaa\xf9#N,&gt;\xea\x02_\xafA]^\x068\xb3\x1c\xbe\xdc\xc0\xbaO\xd7={\xa3\x98z\xa9~A\xb6\x06\xfc\x08l\x01\xf8a\x88C*\x02\x81\xc0\xa0A\x83\x02\x81\x80\xa2\xa8\x96e\xf6;\xe3\xb6\xe2\x89\xe7\x9b\xb1\xb6\xae\xe9\xfb\x03\x00\xf0\x8e\xa6\xbfq\xd5\x87\xc0\xac\x94\x1fJ\x15m\xc0\xa4\xd3\x87\x1c{~\xcf\xfe\xa3\x15\xcd\x99\x8c\x85931!]\xd5\x06\x1d~\x008pN\xa8\xea\xf4dXFr\xf7\xe6\xe5\xeb&gt;{y\xd3\xc2\xb7\x99%\xe2B\x148\xc3T)\x181\xad\xa3\x0ctU\xe9\x05f\xa9\x9e\xcc\xba/_\xde\xfa\xd6\xdf\xc4\x04\xcc\xcb\xcb\xdb\xb0aC^^\x9e}\x86\xcc\x0f\xc5\x16\x80\x1f\x00\xe7\x1c!\xd4\xd6\xd66m\xda\xb4\xa5K\x97*\xaa\xc32\xf5\xf6N\x0f\x91\x96\xaeX\x99\x07\xc0\x19Q\x9cTsF\xea6\xeeo\xfa\xdd\xfe\xdca\'\\\xdc\x7f\xc2/\xf2{\x0f\xe4\x9c\x19\x89(p \xb6\x17v\xc8\xe0\x8ca\x825\x97\x97\x10\xdaT\xb3q\xf3\xa2w\xd7|&lt;+\x1ejF\xfb\xcb@\xf1@f$\xb9%\xba\x8ew5\x19\x00\xce4_\x8e\xe8\x15!\xa6\xe1\xd8\xb1c?\xfc\xf0\xc3\xcc\xccL\x84\x90\xad\x01\xdf\x1f[\x00\xbe/\x00\xed\xdb\xfd\'L\x98\xf0\xd5W_\x89\x96\xe5\xe5\'\xddPv\xc2\xd5z\xa8\xa9\xeb\xf9\xfe\xc0\x19\xa1*uz\xf5\xb6\x86\x9d\x9f&gt;]\xff\xf5\x9b\xfb\x9b\xfea\xc7_\xec/(\xb1\xf4\x84\xa1\xc71\xc2v\x94\xff\xf0\x00\x9c\x03\x02\xcd\xe1V\x1c\xaeP\xe3\xae5sg\xed/\x03E\xe3\xce,=\xee\nGf!KF93\xbb\x9ew\x02\xccr\xf8\xf3w|\xfc\x9f\xea9\x0f\x8b\xc9x\xe4\x91G.Z\xb4hoO\x8e\xae\xa6y\x87\x08[\x00\xbe\x17\x00\xc0\x18S\x14\xe5\xaa\xab\xaez\xea\xa9\xa74\x87\xd3\xd0\x93=F\xffb\xc0\xb9w[z\xac\x8b\xc5:\x80s\x84\xb1\xea\xc94BMu_\xbe\xdc\xb0\xe4\r#\xdaz@\xd3o$\xa2\x96\x91\xb4\xa3=\x9d\x82\x88\x0b)\x9aSsy\x0f(\x03\x9a7\xbb\xf0\x88\xb3\x8a\'\x9e\xaf\xf9\xf3\xcdX\x1b\x02\xe8b\n\r\xc0\x15\x87g\xd3+w\xefY\xfe\xae\x98\x92W^y\xe5\x93O&gt;iY\x16\xa5\xd4\xd6\x80\xef\x83-\x00\xdf\x0bQgv\xf3\xcd7?\xf8\xe0\x83\x9a\xe64\x8cd\xc1\x88i\x03/\xfa\x9b\x95\x8c\x8a~\xee\x9d=\xc0\x9f\t\x00\x00\xae8\xbd\xc0\xd9\x9e\xe5\xef\xed\x9a\xf7\\\xa2y\x17F\x080A\xc0\x0fd\xfa\xedi\xd6\xc9\x00\x00pv\x00\x19\xc0\x04\x03\x07\x84\\\xb9%%S.\xed1\xfaTL\xa8\x95\x8cv\xa9\xc4\x00\x00\xc2Xqz7\xbep[\xe3\xaa\x0f\xc5\xc4\xbc\xe9\xa6\x9b\x1ex\xe0\x01\xbb0\xf4{b\x0b\xc0\xff\xa6\xe3v_\xb1\xd8\xf4\xf5\x1c0\xfc\xea\xa70U93\xbb\x8c\xf3\x0b\x9c\x89\x1e&gt;m\xdb\x97\xef\xf8\xe8\xd1\xb6\xed\xcb\x11B\xa2[=Q\xd41\xa7\xfdf\xc4I\x97\xf9\xf3{\xd9\xa6_B\xbe%\x03M\xb5\xab\xe6&lt;\xbb\xec\x9d\xc7\xb9e\x8a\xaf\x0f!\x94\xd9gt\xd9\x89\xd7f\xf6\x19\xdd\xdeS\xa8\xabD\x84\x008\xa1*0s\xf5\x7f\xae\x8c\xec\xde$\xa6\xa7\xbdI\xf8\xfbc\x0b\xc0\xff@\xd4\x96\xa56|1f9\xb3\nG\xdd\xf8\x02u\xfa\xb8\xa9w\x9155p@Hue\xe8\xa1\xc6\x9d\x9f&gt;S\xbf\xe4u!\x06\xdc2\x10B\x83\xa6\x9c3\xea\xd4+\x0b\xfb\x0e7\x921\xdb\xf4\xcb\xcc72\xe0\xf44l[\xbd\xe2\xbd\xa76\xcc{\x15!$\xbeJLh\xd1\x11\xbf,=\xeer\x87\xbf\xc0L\x841B]c\xff0pNT\x07KFV&lt;tQ2\xd8@;l\x10\xb3\x0bC\xff\'\xb6\x00|\x17\xa2\xaal\xc7\x8e\x1d\xa3G\x8fNm\xf8\x1az\xd9\xc3\x19\xa5C\xadd\xb4k\xb8Q\xc0-\xaa\xb91U\x1aW|\xb0\xfd\x83\x07\x8dp3\xa1T\x9c\xab\xd5k\xf0\xf8qg]\xdfg\xd4q\x96\xa9\x1b\x89\xa8m\xfa\xd3\x02!\x03\x9a\xcb\xab\xa8\x8e\xed+&gt;\xfd\xfa\x8dGj\xd7/F\x08\x89\xafU\xcb\xc8\xeds\xf2M\x05\xa3N\x06f1#\x8eIW\xf0\x91\x813\xc5\xe9\r\xef\\\xbb\xf6\xd9\x1bR\x1b\xc4\x96/_^VVf\x17\x86~7\xb6\x00\x1c\x14qg\xda\xda\xda\x8e?\xfe\xf8\xe5\xcb\x97\x8bS\xaa\xc5\x86\xaf\xae\xd1\xe2\x1f\x80c\x84\x15\x8f?\xba{\xf3\xf6\xf7\xfe\xd5\xbay1\xda\x9b?\xf4d\xe5O8\xff\xf7C\x8e9\x8f(j2\xdaf\xa7y\xd3\x0e\x91"vz3\xb9e\xae\xfb|\xf6\xa2\x97\xff\x11\x0b6}\xb3[\xbb\xff\xf8&gt;\xa7\xfe\xd6\xdb\xb3\xbf\x15\x0b\xc1\xde\x03\xce\xd2\x1aqx\x80\xd8 &amp;\xa6\xea\xe8\xd1\xa3\xe7\xce\x9d+\nCm\xc7\xe5`\xd8\x02pPD\x0c\xf1\xec\xb3\xcf~\xfd\xf5\xd7El\xb1\xefi\xbf\xef5\xe9b3\xd6\x15\x9a=\x00\xb3\xa8\xc3\x830\xde\xbd\xe8\xe5\x9a\x8f\xfec\xe91\xa2\xa8\xdc21\xa1\xc3O\xb8\xe4\x88\xb3o\xcc\xc8\xed\x99\x88\x06\xbbU\xe7\xe1\xae\x87\xe8\xd1\xed\xf2f\x85\x9bw/y\xed\xa1\xd5\x1f?\x0f\x9c\x89/Zqxz\x9fxu\xcf\t\xe7#\x00\xa6\xc7\xba\xc6#\xadz\xb2j\x17\xce\xda\xf6\xce?\xc4\x84\xfd\xe5/\x7f\xf9\xdak\xaf\xd9\xc9\x80\xef\xc0\x16\x80\x03#\x1e\x9a{\xee\xb9\xe7\xee\xbb\xefn/\xfa\x1c\xf3\x8b\xca\xf3\xef3\xe3m\xe9\xee.\xb5w\x17\xf0dFwo\xde\xf6\xce?\x82[\xbf\xc6\x18\x8b\xa3\r{\xf4\x1b~\xcc\xe5\xf7\xf6\x1ax\xa4\x91\x8cZ\x86\xdeU\xdbZt78\xb3\x14\xcd\xa19\xbd\xb5\x1b\xbf\xfa\xfc\x99;\xf7l]-\\b\x00\xc8\xea7\xae\xefi\xbf\xf7\xf6\xeco\xc6\xda\x90\xe8\xdb\x91\xce\x00p\xd5\x9dY\xf5\xf2\x1d{\x96\xb5\x17\x86\xde}\xf7\xddw\xddu\x97\xad\x01\x07\xc3\x16\x80\x03 rGo\xbc\xf1\xc6/\x7f\xf9KU\xd3L\xc3\xc8\xe85h\xc4\xb5\xff\xe5\xccL\xf7\xa2O\xe0\x8c\xa8NB\x95\xba/_\x12\x8e?U5f\x1a\x9a\xcb;\xf1\x82?\x0c=\xfebEs\xe8\xb1\xb0\x1d\xee\xefb\x88\xc4\x80\xc3\x93a\x19\xfa\xda\xb9\xb3\xbe|\xe9\xefF"*\xbez\xb1\x14(\x9ex\x01g\x167\x93\xe9\xbd\xe0\x03@\x18\x13\xaa\xaez\xf4W\xe1\xda\rb\xf2\xbe\xfe\xfa\xebg\x9du\x96\x9d\x10&gt; \xb6\x00\xec\x0b\xe7\x1cc,\x12\xbf\xa1P\x18\x10(n\xff\xe8\x9b^R\xbd9\xe9^\xf6#\x9a\xa8$\x83\xf5\xdb\xde\xf9g`\xddg)\xc7\xbft\xd8\xa4c.\xbf7\xbflp2\xda\x06\x9c\xa5\xb7\t\xb098\xe2\xcbuz3\x9bv\xac\xff\xfc\x99;w\xaeY\x98Z\n\xe4\r9\xb6\xefi\xbfsf\x15\xa5{K+Q\x14dF[\x96?x\x81\x15\x0fa\x84\xfd\xfe\x0c\x91\x10\x06\x00;!\xbc\x0f\xb6\x00|\x0b\x00\x10\r\x7f&amp;N\x9c\xb8d\xc9\x12\xaa\xa8\x9c\xb3aW=\x9e\xd9w\x8c\x95\x88\xa4\xb1e\x04\x8e\x10V&lt;\x99\xcd\xeb&gt;\xdb\xfc\xda\xbdF\xa4\x85\xaa\x0ef\xea\xaa\xd3s\xd4\x85\xb7\x8e8\xe9r\x84\xb8\x91\x88\xd91\x9f\xee\x00g\x96\xe6\xf2 DV\xcdy\xe6\x8b\x17g\x98\xc9\x98x\x184_N\xff\xb3\xef\xcc\x1dr\xac\x15kC\x08\xd2\xb7H\x148S\\\xbe\xb6m\xcb\xd6&lt;\xf9\x1bB(\xb3\xcc#\x8e8\xe2\xcb/\xbfD\x08\x11\xd2\xed\xce\x9e\xfbn\xd2\xf5;&gt;D\x88u\xe2\xef~\xf7\xbb%K\x96\xa8\x9a\x83Yf\xd9\x89\xd7e\xf7\x9f`\xc5\xc3\xe9k\xfd\x813\xac8\x88\xe6\xac~\xff\xc1u\xcf\xdehDZ\x08U\x99\xa9\xf7\xe8;\xec\xdc?\xbd&gt;\xf6\x8c\xeb\xccd\xccL&amp;l\xeb\xdfM T1\x93\t3\x19\x1b{\xc6u\xe7\xfe\xe9\xf5\x1e}\x871S\'T5"-\xeb\x9e\xbd\xb1\xfa\xfd\x07\x89\xe6\xc4\x8aC\xd4\x0b\xa5#\x98P+\x1e\xce\xee?\xa1\xec\xc4\xeb\x98e\xaa\x9ac\xc9\x92%\xbf\xfb\xdd\xef(\xa5\x8c\xa5\xeb\x87:D\xd8+\x80o\xf8v\xe8\xdfa\x1az\xee\xa0\xc9C~\xf5\xa0\x99\x8c\xa4or\x0c8S\xdd\xfeD\xeb\xee\xcd\xaf\xde\x13\xdc\xfa5\xa1\ng\x16B\xe8\x88\xb3o&lt;\xe2\x977)\xaa\xa6\xc7\xc3\x84\xaa\x9d=L\x9bN\x803\xd3\xe1\xce\xb0Lc\xc9\xeb\x0f.y\xed!\x84\x90x&lt;\xb2\xfa\x8d\xeb\x7f\xce]\xae\xec\x9ef&lt;\x94\xc6~\x0fp\xd5\xe9[\xf7\xdf\x9b\x9a7\xcc\x17\xd3\xd9N\x06\xec\x8f-\x00\xed|+\xf4\x1f\x8e\x00pGf\x8fQ7\xcc\xa2\x0e\x0f0+-\x13\xbf\x00\x80\x90\xea\xf67\xaf\xff\xbcc\xd8\xc7\x93\x99w\xc2\xb5\xf7W\x1cyr"\x12\xb4#\xfe\xdd\x1c\xf1\x00\xb8|Y[\xbe\xfa\xe0\xe3Go\x89\xb5\x05\xbe\x15\x0e\x1a|\x8c\x19\x0fa\x84\xd2\xf4\xf9\xc7Tazl\xc5\xc3\x17\xebm{0&amp;\xfe\x0c\x9f\x9d\x0c\xd8\x07[\x00\x10:X\xe8\xff\xd7Od\xf6\x19\x9d\xa6\xa1\x7f\xe0\x9c(*Q\xb4\xda\xf93\xb7\x7f\xf0\x8dsW:\xf4\xa8\x13\xaf\xfb\x97\xbf\xa0$\x11\t\x12\xda\x05;\xc5\xdb\xfcp\x803\xe6\xf2e\x85\x1aw}\xf4\xef\xdf\xee\\\xfbEj\x99\xd8\xe7\xe4\x1b{M\x9e\xce-\x83[f:\x96?\xb4\'\x03\xb6/_\xf3\xc4\xaf\xedd\xc0\x01I\xbf/\xf5Pp\xe0\xd0\x7f\xc5\x91i\x1a\xfa\x07\xce\xa8\xe6\xe4\xcc\xdc4\xfb\xce\xed\x1f&lt;$\x82\xfb\x9cYG\x9c}\xe3/\xefz\xd9\x93\x95\x9f\x88\x04\tUl\xebo\x83\x10B\x08\x13\xaa$"AOV\xfe/\xefz\xf9\x88\xb3o\x14\xd6\x9fPe\xfb\x07\x0fm\x9a}\'g&amp;\xd5\x9c\xe9\x98\x12hO\x06T\x1ci\'\x03\x0e\x86\xbd\x02h\xb7\xfe\x9f}\xf6\xd9q\xc7\x1d\xd7\x1e\xfa\x1f&lt;y\xc8\xa5\xe9\x1a\xfa\x07f).\x9f\x1ejZ\xff\xdc\xcd\x91\xba*\xb1\xa2wx\xfc\'\xdf\xfc\xef~\xe3NJFZ\xbb\xc6\xd6\x7f\x9b\x9f\x1d\xd1\x1a\xc4\xe9\xcb\xde\xfa\xf5\x9c\x0f\x1e\xb8N\x8f\x85\xc4\xc3\xe3+\xae\x1c|\xe9\x03\x0e\x7f\xbe\x95\x88\xa4c\x85h{2\xe0\xb9\x9b\x9a\xd7\xb7\'\x03&gt;\xfd\xf4\xd3c\x8f=\xd6N\x06 [\x00\xc49_mmmc\xc7\x8e\xdd\xb1c\x07BHqg\x8e\xba\xe9%\xd5\x9b\r\x96\x9ev\x95p\xa2#Jp\xdb\xd2\r3o1\xa2\xadb\x02\x17\xf4\x19r\xf2\xcd\x8f\xe5\x96\xf4O\x84[\xedR\x1f\x9b\xef\x863\xcb\x95\x91\xdd\xbck\xf3\x07\x0f\\\xd3\xb8}]{J\xc0\x9b=h\xfa\xfdY}\xc7\xa6e\x17,\xe0Xq\x98\xd1\xd6\x15\x0f^`\xc5\xdb\x10BeeeK\x97.\xcd\xcc\xcc\xb4\xcf\x0eK3\x03\xf7\xb3\xc3\x18#\x84\\}\xf5\xd5\xdb\xb7o\'T\xe1\x9c\xf7?\xe7NgV!7\x93if\xfd\x01\x80s\xcd\x97\xb3{\xf1\xec\xb5O]kD[\x89\xa22S\x1f4\xf9\xecs\xef}#\xbb\xa8\xdc\xb6\xfe6\xdf\x07B\x95D\xb85\xbb\xa8\xfc\xdc{\xdf\x184\xf9lf\xeaDQ\x8dh\xeb\xda\xa7\xae\xdd\xbdx\xb6\xe6\xcb\x01\xceQzy\x8d\x98p3\xe9\xcc*\xec\x7f\xce\x9d\x9csB\x95\xed\xdb\xb7_}\xf5\xd5\x84\x10;\x10\x94V6\xee\xe7F\x9c\xf2\xf8\xea\xab\xaf\xbe\xfa\xea\xab\xaa\xa6Y\xa6\xd1s\xfc9\xb9\x83\x8fM\xbf\xea7\x00\x84\x90\xea\xf1\xd7.\x98\xb5\xf9\xb5?q3\x810\xe6\x96y\xf4\xf4\xff7\xed\xc6\x87\xa9\xa2\x1a\x89\xa8m\xfdm\xbe\'\x84*F"J\x15u\xda\x8d\x0f\x1f=\xfd\xffq\xcbD\x18s3\xb1\xf9\xb5?\xd5.\x98\xa5z\xfc\x08\xa1\xf4\xd2\x00L\xa8\x19\x0f\xe5\x0e&gt;\xb6\xe7\xf8s,\xd3P5M\xcczEQ\xba\xb9\x06t\xdf\x10\x90(\xfbinn\x1e2dHsK\x0bp\xe6)\xac\x18y\xc3,`Vz5\xfc\x01\xe0\x18\x13\xeapo~\xed\xde\x86\xaf\xdf\x12\xbd\x1eU\xa7{\xcae\xf7\x8e&lt;\xf9\xf2x[\x00\xe1\xb4o\xf2es\xf8\x01\xe0\x08\x90;3o\xe5\x07\xcf\xcc{\xf6N3\x19\x17\x8fV\xe1\xb83\xfa\x9f}\'\xd3\xe3\xe2\xc1\xeb\xeca~o\x00\x10\xc6\x98*+\x1f\xbe8\xd6\xb0\x05\x13\x9a\x9b\x93\xb3n\xdd\xba\xdc\xdc\\\x84P\xb7\xad\n\xed\xa6\x1f\x1b\xed=\xec\xe5\xfa\xeb\xafojj"\x84 \xa2T\x9cy;\xa1\xaa8\x12\xbd\xb3G\xf7}\x01\xce\tU\x15\xa7w\xd3+w5|\xfd\x16Q4n\x99\x0eO\xc6\xd9w\xcd\x1ey\xd2\xafb\xad{\xecV\xfe6?\x0e\x8c\t&amp;$\xd6\xbag\xe4I\xbf:\xfb\xae\xd9\x0eO\x06\xb7L\xa2h\r_\xbf\xb5\xe9\x95\xbb\x14\xa7\xb7}\xb2\xa4\x0b\x18\x8b\xc9Rq\xe6\xed\x88(\x84\x90\xa6\xa6\xa6\xeb\xaf\xbf\x9e\x10\xc2\xd3\xe8S\xfc\xdctS\xd3 \x82?\xaf\xbd\xf6\xda\xab\xaf\xbe\xaa\xa8\x9ae\x9a\xbd\x8e\xbedo\xd5\x7f\xda\xdc\x13Q\xee\xc9\xf4\xf8\xba\xe7n\xde\xb3\xec]\xaa:\xb8e\xe4\x97\x0f\xbep\xc6\x07E\x03\xc6\xc4\x82MD\xb1\xb7\xf8\xda\xfc$\x88\xa2\xc6\x82ME\x03\xc6\\8\xe3\x83\xfc\xf2\xc1\xdc2\xa8\xea\xd8\xb3\xec\xddu\xcf\xdd\xcc\xf4xz\x95\x87bB\xacD$\xb3\xcf\xe8^G_b\x99\xa6\xa2j\xaf\xbe\xfa\xeak\xaf\xbd\xd6\x9d\x03A\xdd1\x04$6\xfd\x06\x02\x81o\x05\x7f\xae\x7f\x1e8C\x906\xc5\xf1\xc0\x19\xd5\\V"\xb2\xf6\xa9k"\xbb7\xb5\x17\xfc\x94\x0f\xf9\xe5]/\xbb2\xb2\xf5X\xd8\x0e\xfa\xdb\xfc\\pf9&lt;\x19\x89p\xeb\xeb\xf7\x9c\xdfX\xdd^\x1a\xe4\xeb9`\xe8\x95\x8f).\x1f3\x12i\x933\x03\x840\xc2\x84\xae|\xe4\x92\x8e\x81\xa0\xbc\xbc\xbc\xee\xb9=\xb8\xdb}`\x84\x10\x00`\x8c\xdb\x83?\x98 \xa2\xf6;\xf3\xff\x88\xa2\x01\xe7ig\xfd\xd7t\xb0\xfe%C\'\x9eu\xe7\x8bN\x8f\xdf\xb6\xfe6?/\x84*z,\xec\xf4\xf8\xcf\xba\xf3\xc5\x92\xa1\x13\x99\xa9S\xd5\x11\xd9\xbdi\xcdS\xd7X\x89\x08\xd5\\i\xb3\x0e\xc0b\x93\xbc\xd6\xef\xcc\xffCD%\xb8=\x10\x84qwt\x85Q7\x14\x00\xb1\xfb\xe3\x93O&gt;i\x0f\xfeXf\xf1\xc4\xf3\xb3\xfa\x8eM\xa3\xe0OG\xeb\x1f\xddk\xfd\x07\x1fs\xce\xb9\xf7\xbe\xeep\xf9L=n[\x7f\x9b\x9f\x1dB\x15S\x8f;\\\xbes\xef}}\xf01\xe7\x08\r\x88\xa6\xa1\x06\x88@PV\xdf\xb1\xc5\x13\xcf\xb7\xac\xf6@\xd0\'\x9f|\xd2=\xb7\x07w/\xdd\x13\xdb\xbe\xa2\xd1\xe8\xa8Q\xa3\xaa\xabw \xc4\x1d\x99E#o|\x81\xa8N\xc4YZ\xe4~\x0fb\xfd\xcf\x9dv\xc3CF"\n\x9c\xa7\x8b\x8c\xd9\xa4#\xe2\x01\xd3\\\xde\x0f\x1f\xbeq\xfd\xe7\xaf\x88\</t>
        </is>
      </c>
    </row>
    <row r="378">
      <c r="A378" s="1" t="n">
        <v>376</v>
      </c>
      <c r="B378" t="inlineStr">
        <is>
          <t>venn</t>
        </is>
      </c>
      <c r="C378" t="inlineStr">
        <is>
          <t>What is the missing number of the part denoted with a question mark?</t>
        </is>
      </c>
      <c r="D378" t="inlineStr">
        <is>
          <t>['8', '0', '2', '7']</t>
        </is>
      </c>
      <c r="E378" t="inlineStr">
        <is>
          <t>2</t>
        </is>
      </c>
      <c r="F378" t="inlineStr">
        <is>
          <t>There are 3 overlapping circles containing the numbers ['?', 9, 7]. The overlapping part between the first and second circle contains the number 11. The overlapping part between the second and third circle contains the number 16.</t>
        </is>
      </c>
      <c r="G378" t="inlineStr">
        <is>
          <t>We observe that the circles with 9 and 7 overlap to form the part 16, where 9 + 7 = 16. Hence, the pattern is most likely that the numbers in the overlapping parts are the sum of the numbers in the corresponding circles.</t>
        </is>
      </c>
      <c r="H378" t="inlineStr">
        <is>
          <t>Based on the pattern that the numbers in the overlapping parts are the sum of the numbers in the corresponding circles, the missing number of the circle where the overlapping part is 11 should be 2.</t>
        </is>
      </c>
      <c r="I378" t="inlineStr">
        <is>
          <t>b'\x89PNG\r\n\x1a\n\x00\x00\x00\rIHDR\x00\x00\x02\x00\x00\x00\x02\x00\x08\x06\x00\x00\x00\xf4x\xd4\xfa\x00\x00\x9csIDATx\x9c\xec\xddy\x9cU\xf3\xff\xc0\xf1\xd79\xe7\xee\xcb\xec\xed\xcb\xb4iUZ\x88"e+\x14\xb2g\x89\x94J\x11\xca\x92\x10";\x11QB\x85P\xc8\x92\xb5\x90\xa8$i\x976\xed\xfb2\xdb\xbds\xf7{\xce\xf9\xfdq\xee\x9d\xa6\xf0\xfbV35s\xef\xfd&lt;\x1f\x0f_\xbe\xcd4s\xee}\xdfs&gt;\xef\xcf\xe7\xf3\xfe|&gt;\x92\xae\xeb:\x82 \x08\x82 \xa4\x14\xb9\xa2/@\x10\x04A\x10\x84\x13O$\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D\x02 \x08\x82 \x08)H$\x00\x82 \x08\x82\x90\x82L\x15}\x01B\xc5\xd0u\xfd\x90\xff.\xfd\xff\x0f\xffz\x9c$I\xff\xf8\xef\xc3\xff-T\x0e\xf1\xf8\x1d\x1e\xdb\x7f\x8bki\x87\xc7X\xc4\xb7r*\x1d\xdf\xd2\xff&gt;\xfc\xbfK\x13\xf7\xafp8I\xff_O\x04!a\xc5C\xabiZ\xc9\x7f\xc7\x1f\xea\xb2\\\xfe\x83?\xaa\xaa\xfe\xe3\xf7\x94nD\x84\xf2\x15o\xdcK7\xf2\xf1\xd8\x1e\x8f\xf7&lt;\xfe9\xd2u\xbd\xe4\xe7\x1f\xaf\xdf%\xfcw|\x8f\xc7\xfd\xab\xeb\xfa\xbf&gt;\'\xc4\xfd\x9b\xdcD\x02\x90D\x0e\x7f@+\x8a\xf2\xff~\xbf\xcf\xe7\xc3\xeb\xf5RTTDqq1\xc5\xc5\xc5\x04\x02\x01\xfc~?\xd1h\x94p8\x82\xa6i\x98L\nf\xb3\x19\xb3\xc5\x82\xc3n\xc7\xe1p\xe2r9q\xb9\xdcdd\xa4\xe3t:\xb1\xdb\xed\xff\xf9{J?\\\x8eg\x03\x95\xcc\xe2q\xd54\r0\x1a\xde\xff\xaf\x11\xf0\xf9|D"\x11\xf6\xef\xdfO~~&gt;\xa1p\x98p(LAA&gt;^\xaf\x97h4J(\x1cF\xd7u,f3f\xb3\x19\x87\xc3Aff&amp;\x0e\x87\x03\x93\xc9Dzz:\xd5\xabW\xc7b\xb1\xe0v\xbb\xff\xdfk\x13\xf1-\x9b\xc3\x1b\xfb\xff\x15_UU\xf1\xfb\xfd\x14\x15\x15\xe1\xf1x\xf0\x16\x17\xe3\xf7\xf9\xf0\xfb\x03\x04\x02\x01T5J8\x1cF\xd7\xc1l1c2\x99\xb0Y\xad\xd8\x1d\x0e\x9c\x0e\x07.\x97\x0b\xb7\xdbMzz\x06N\xa7\x03\x8b\xc5\xf2\xff^\x9b\xaa\xaa\xc0\xc1\x84O\xc479\x88\x04 \x81\x95n\xf0M\xa6\x7f\xce\xe6\xe8\xba\xce\xde\xbd\xfb\xd8\xbau\x0b\x9b6mf\xe3\xc6\x8dl\xda\xbc\x89\xed\xdb\xb7\xb3g\xf7n\xf6\xed\xdbKQQ\x11\xa1P\xf8\x98\xaf\xc1\xe1\xb0\x93\x91\x91I\x8d\x1a5\xa8^\xbd:\xf5\xea\xd5\xa7~\xfdz4j\xd4\x88z\xf5\xeaQ\xb7n]233\xff\xf5\xda5M\x13\r\xc6\x7f(\xdd\xe0\xffW2W\\\\\xcc\x8e\x1d;\xd8\xbau+k\xd6\xaca\xc7\x8e\x1d\xac[\xb7\x8e\xbc\xbc|\xb6m\xdb\x8a\xd7\xeb\xc5\xe3\xf1\x94\xe9:\x9cN\'N\xa7\x93\xda\xb5kS\xa5J\x15\xea7h@nn.M\x1a7&amp;77\x97\xfa\xf5\xeb\x8b\xf8\x1e\x83#\x89o(\x14b\xcf\x9e\xbdl\xd9\x12\xbbw7mb\xd3\xa6M\xec\xdc\xb9\x93=\xbbws\xe0\xc0\x01&lt;\x1e\x0f\xd1X\xe3|\xb4$\xc0\xe5v\x93\x9d\x9d]r\xff6h\xd0\x90z\xf5r\x8d\xfb\xb7~}j\xd7\xaa\x85\xcb\xe5\xfa\xc7\xdf\x15\xf1M\x0e"\x01H \xa5\x1f\x1a\x8a\xa2\xfc\xe3\xa6\xdb\xb1c\x07\x7f\xfd\xf5\x17K\x97.e\xd9\xb2e\xac^\xbd\x9a\x8d\x1b7\x12\x0c\x06\xff\xf5\xe7)&amp;3\xee\xb4t\xd232q\xb9\xd3p\xb9\xdd\xd8\xed\x0elv\xa3\x07h6[\x90\x15\x99hT%\x1a\r\x13\t\x87\t\x06\x02\xf8\xfd&gt;|^/^o\x11\x85\x05\xf9\x14{\xbd\xa0k\xff\xfa;\xd2\xd3\xd3i\xdc\xb81-[\xb6\xa4m\xdbv\xb4m\xdb\x86&amp;M\x9a\x90\x95\x95u\xc8\xf7\xc5\x1f(\xff\xab\xe7\x93\xccJ\xf7\xf0\x0fo\x10\x82\xc1 \xeb\xd7o`\xc5\xca\x15,[\xba\x94\xe5\xcb\x97\xb3v\xedZv\xef\xde\xfd\x9f?\xcfd\xb6\xe0t\xb9p\xba\\ddd\xe1N\xcfDQ\x14Lf3\x8a,c2[\x90$\x89h4\x82\x1a\x8d\x12\x8dF\xd14\x15_\xb1\x97\xc2\xfc|\xbc\xde"\x02~?\xc1\x80\xff?\x7fGFF\x06M\x9a4\xa1y\xf3\xe6\xb4m\xdb\x96\xb6m\xdb\xd2\xacY\xb3\x7f$\x05"\xbe\x87\x8e\x94\x1c\x9e\xb0G\xa3Q6o\xde\xcc\xca\x95\xabX\xbat\t\xcb\x97/\xe7\xaf\xbf\xfeb\xfb\xb6m\xa8\xda\xbf\xdf[\x16\xab\x8d\xb4\xf4\x8c\x92\xfb\xd7\xe1ta\xb7;\xb0\xda\xed(\x8a\x12\xeb\xd5\x1b\xf1\x8dF\xa3\x84CA\xe3\xfe\xf5\x15S\xec\xf5\xe0)*\xa2\xa80\x9f\x80\xdf\xf7\x9f\xd7\\\xb5jU\x9a6mJ\xabV\xa7\xd0\xb6m[Z\xb7&gt;\x85\xc6\x8d\x1b\xe3t:\x0f\xf9\xbe\xf8\xf4_*\xc77\x11\x89\x04\xa0\x92\xfb\xff\x1e\x1a\xdb\xb6mc\xd1\xa2E\xcc\x9b7\x8f_\x7f\xfd\x95\x95+W\x12\x89D\x0e\xf9\x1ewz\x06u\xeb5$\xb7A#\xea\xd4k@\xed:\xf5\xa8V\xb3\x16Y9UI\xcf\xcc\xc2\xe9tc\xb5\xd9\xb0X,\x98-\x16$IF\x92 \x9e[H\x12\xc4?!\xban\xfc\xa3\xa9*\xe1H\x98p(D(\x18\xa0\xd8\xeb\xa10?\x8f\xbc\xfd\xfb\xd8\xbds\x1b;\xb7oa\xeb\xa6\xbf\xd9\xb6y#\xdb\xb7n&amp;\x14\x0c\x1crM\x99\x19\x19\xb4n\xdb\x96\xb3\xce&lt;\x93Ng\x9fM\xdb6m\xc8\xce\xce&gt;\xe4{\xa2\xd1hJ&lt;L\xfe\xab\xd1\x8fF\xa3\xac^\xfd\x17\x0b\x16\xcc\xe7\x97y\xf3X\xfc\xfb\xefl\xda\xb4\xe9\x1f\x7f?=#\x93\xba\xf5\x1bR\xabN.\xb9\r\x1bS\xadzMj\xe76\xc0\xe5v\x93S\xb5\x06N\x97\x0b\xc5d2\x1a\x06\x9b\x1d\tJ\x82[\x92?\xea\xa0\xc7\xff\x03\x08\x87\xc2\x04\x02&gt;"\xe10\xe1p\x88\xfd{wS\xec\xf5\xb2g\xe7v\xf6\xec\xdc\xce\xf6\xad\x9b\xd9\xbee\x13\xdb\xb6nd\xdf\xee]\xff\xb8\xa6\xec\xeclZ\xb7n\xcd\x99g\x9e\xc9\xd9g\x9fM\xdb\xb6m\x0fI\x08\xe2C\xca\xa9\x1c_]\xd7Y\xb7n\x1d\xbf\xfe\xba\x90y\xf3~\xe1\xb7\xdf~c\xed\xda\xb5\xff\xf8\xfb9U\xab\x93[\xbf!\xb9\rO\xa2Nn}j\xd6\xa9G\xd5j5\xc8\xcc\xaeBzF&amp;v\xa7\x13\x8b\xc5\x8a\xc5j\xc5l2#\xc9\xd2\xc1\xb8JF/\xff\xf0\xfbW\x8dF\t\x87C\x84C!\x82\x01?\x9e\xa2B\n\xf3\xf38\xb0\x7f\x0f\xbb\xb6oe\xe7\xf6\xadl\xd9\xb8\x9em[6\xb1s\xdbV4\xed\xd0\x11\x86\x9a5kr\xea\xa9\xa7rV\xa7N\x9cu\xd6Y\xb4j\xd9\n\xa7\xd3q\xc8kK\x95\xf8&amp;:\x91\x00TR\xf1\x1eS\xe9F_UU\x96-[\xc6\xec\xd9\xdf3k\xd6w,\xfa\xed7B\xe1\x83\xc3\xf7i\xe9\x194n\xde\x92\x93[\xb7\xa3y\xcb\xd6\xd4k\xd4\x94\x1a\xb5\xea\x90\x91\x99\x85\xcdnCQb\x0f\x00\x15TUC\x8d\xf5\xf8\xe2\xbf\xcb\xf8(\xe8\xa5\x1a\x84CI\xa5\xfe\xc7\x18\xf63npEQPL&amp;\x14EB\x8e=\xe3\xa2\x11\xf0\xfb\x8a)\xc8\xdb\xcf\x8em[\xd8\xb4~-\x7f\xadZ\xc6\xea\x15KX\xf7\xd7\x9fD#\x07\xaf;;;\x9bN\x9d:\xd1\xad[7\xce9\xe7\x1c\x9a4iR\xf2\xb5\xf8\xc3\xe4\xdfF&lt;\x12\xd5\x7f5\nyyy\xcc\x9b7\x8fY\xb3f1w\xee\xdc\x7f4\x08\x99Y94nv2-Z\xb7\xa5i\x8bS\xa8\xd7\xa815j\xd5!=3\x1b\xfba\xf1\xd54\x9dh4\x82\xa6j\xe8\xbaV\x12\xe3\xd8\x15\x1c\xf2/J\xde\xd6\x83\x15\xe1\xb2\xa2 K\x12\x92,c2\x99Q\x14\x19Y\x06Y\x01M\x85p(\x8a\xa7\xa8\x80\xfd{w\xb3u\xd3\xdf\xac\xffk\x15kV-g\xdd\x9aUl\xdb\xbc\xf1\x90\xeb\xaeZ\xb5*g\x9du\x16]\xbbv\xa3\xcb9]h\xd2\xb8\xf1!\xefE\xb2\xc5\x17(\x993/\x1d_\xaf\xd7\xcb\xc2\x85\x0b\xf9\xee\xbbY\xfc\xf0\xc3\xf7\xacZ\xb5\xea\x90\xbfS\xadfm\x9a\xb5hE\x8bS\xda\xd2\xa4E+\xea5lB\x95\xea5HK\xcf\xc0j5#\xcb\xa0i\xc6?\xd1\xa8\x8a\xaaF\x0f\x89\xef\x91\xdd\xbf\x07\x0b\xfb\xe2\r\xb4\xac\x980\x99L\xc82%\x9f\xa1HD\xa3\xd8\xeb%o\xdf\x1e\xb6m\xd9\xc4\xdf\xebV\xf3\xd7\xcae\xacY\xb5\x9c\xbf\xd7\xfdu\xc8\xcf\xadS\xa7\x0e\x9d;w\xe6\x82\x0b.\xa0s\xe7\xce\xe4\xe6\xe6\x96|-~]b\x9a\xa0r\x12\t@%RzN0\x9e9k\x9a\xc6o\x8b\x16\xf1\xc5\xe7\x9f\xf3\xf5\xd7_\xb3z\xf5\xea\x92\xefw\xb9\xd3i}\xea\xe9\x9c\xd6\xf1lZ\xb5kO\xc3\xc6\xcd\xc9\xa9R\r\xab\xdd\x84\xae\x197q$\x12F\x8dD\x8caD]/i\xc0\x0f/\xe49\x96\x9b\xf3\xe0GG\x8f\xf5.\xf4\x92\xee\x86$K\xc8\xb21\xdcl\xb1X1\x99\x8c\x87\x92\xdf\x17d\xcf\xce\x1dlX\xb3\x8ae\xbf\xff\xca\xe2\x85\xf3X\xb5\xec\x8fCz\x19\x1d;v\xe4\xb2\xcb.\xa3G\x8f\x1e4o\xde\xbc\xe4\xcf\xff\xed\xa1\x9aH\xe2\x8d]\xe9\xa4.??\x9f\x1f~\xf8\x91\x99_\xce\xe4\x87\xef\xbfg\xef\xde\xbd%_\xcb\xcc\xce\xa1u\xbb\xd3iw\xc6Y\xb4l\xdb\x9e\x06\'5%\xbbJ5l6\x05\xed8\xc7\xf7\x1f\xcb\xcat\xddhTt\x1d$\tY\x96P\x14s\xac8\xd4\x84\xa2@4\nE\x85\x05l\xdf\xb2\x895\xab\x96\xb3t\xd1|\x96-^\xc8\xa6\r\xebJ~\x96"\xcbt\x88\xc5\xb7{\xf7\xee4k\xd6\xac\xe4k\xc9\x18_\xaf\xd7\xcb\xdc\xb9s\xf9\xe2\x8b/\x985k\x16;v\xec(\xf9Z\xb5\x9a\xb5i\xd7\xbe#\xa7v\xe8D\x8b\xd6\xa7R\xaf\xc1Iddea6K\xa8*D"Q"\xe1\x88\xd1\xd0\x97\xc4W:\xa4!\x07\x0e\x19\xd59\xda\xeb=\xf8o\xe3\x1e\x8e\x7f\x86$\xc9H\xec\xcdf\x0bf\x8b\x19\xc5d$~\xc5\xdebvm\xdf\xca\x9a?W\xb0\xe4\xb7y,Y\xb4\x80\xf5\x7f\x1dLd\xacV+\x9d;w\xa1\xe7\xe5=\xb9\xb0[7\xea\xd7\xaf_\xf25UU\x8f\xdb\n$\xe1\xd8\x88\x04\xa0\x12\xf8\xb7\x07\xc7\xbau\xeb\xf8\xe4\x93O\xf8\xf8\xe3\x8fY\xb1bE\xc9\x9f\xe7\xd6oD\x87\xce\xe7q\xe69\x17\xd0\xb2\xf5iT\xabY\x1b\x8bU&amp;\x1a\x81P(H4\x12FS\xb5C2\xfd\x8a\xcb\xbc\xe3\x89A\xbcw"\xa1(2f\x8b\x15\xab\xd5\x82\xac@\xc0\x17f\xfb\x96\x8d,\xff\xe37\x16\xcc\xfd\x9e\x85\xbf\xcc!o\xff\xc1F\xb0K\x97.\xf4\xea\xd5\x8b\x1e=zP\xabV\xad\x92?\x8f\x0f1&amp;B\xaf"\xde\x0b\x8a7l\x9a\xa6\xf1\xf3\xcf?\xf3\xe1\x87\xd3\xf8\xea\xeb\xaf\xd8\xbd\xeb\xe00\xfaIM[p\xc6\xd9\xe7\xd2\xb1\xf3\xf9\xb48\xa5\x1dU\xab\xd7\xc4b\x91\x88D \x14\x8c\xc5W\xab\x1c\xf1=d\x89Z|\xe5\x89\xc9\x8c\xd5j\xc5bU\xd0u(*(\xe2\xef\xf5k\xf8c\xe1/,\xf8\xe9{\xfe\xf8m\x1e\xe1P\x08\x00Y\x96\xe8\xd2\xe5\\z\xf5\xba\x96\xee\xdd\xbbS\xb3f\xcd\x92\x9f\x9d\xc8\xf1\x05\xf8\xf5\xd7_\x996m\x1a3g\xced\xeb\xd6\xad%\x7f~r\xebv\x9cun7:t:\x97&amp;-Z\x91\x95S\x05E\x81pX#\x1c\n\x12\x8dF\xd1+Q|AG\xd7b1\x8e\x15+Z\xac6\xacV\x13\x92\x04^\x8f\x9f-\x1b\xd7\xb3t\xd1|\xe6\xff4\x9bE\xf3\xe7\xe2+\xf6\x02`\xb1X\xe8\xda\xad\x1b\xbd\xae\xed\xc5\x85\x17]Hv\xac\xee\'\xde\xd1I\x94\xf8&amp;3\x91\x00T\xa0\xc3\x1f\x1c\x81@\x90o\xbf\xfd\x86)S\xa6\xf0\xf5\xd7_\x97\x0c\xd9\xd6\xad\xdf\x90\xf3.\xbc\x94.]\xbb\xd3\xe2\x94vdfg\xa0i\x10\x0c\x84\x08\x87C\xe8\xb1Q\x03)An\xa8\x92!p]GV\x14\xacV\x1bV\xbb\x19]\x83\xbd\xbbw\xb3l\xf1B\xe6|\xfb\x05\xbf\xfc\xf8\x1dy\xfb\xf7\x01F1\xe1\xe5\x97_\xc1M7\xdd\xc49\xe7t)\xf9Y\xd1h\xb4\xd2\x0e\x1f\x1f\xde\xe3\xd9\xb1c\x07\x1f\x7f\xfc1\xef\xbd7\x95e\xcb\x96\x96|\xdfIM[p\xee\x85\x97p\xf6\xf9\x17\xd3\xacUk\xd23\xdc\xa8Q\xa3\xf0/\x12\x0e\x1b\xf1\x95\xa5X}F\xe5{\x9d\xa5\x1dL\n4@\xc2d2a\xb5\xd9\xb1Xe\xc2\xc1([6\xfd\xcd\xef\x0b~\xe6\xa7\xef\xbe`\xe1/?\x11\n\x19\x05\xaaYYY\xf4\xec\xd9\x93\xde\xbdo\xa2K\x97\xce%?/\x91\xe2\xbbw\xef^&gt;\x991\x83w\xdf}\x97\xdf\x17-*\xf9\xbe\x96mO\xe3\x82\xee\x97sV\x97\x0bh\xd4\xf4d\x9cn\x1b\xd1\x08\x04\x03~\xa2\x91\x08:zIl+\xe3\xeb&lt;\x9c\xaeih\xb1\xe4@Q\x8c\xf8Z\xad\n\xd1\x88\xce\xce\xed[X\xbc\xf0\x17\xe6|\xfb%\xf3\x7f\x9a]\x92\x0c\xd4\xa8Q\x83\xab\xae\xbe\x9a\x1bo\xb8\x81\xf6\xed\xdb\x97\xfc\xac\xca\x1c\xdfT \x12\x80\npx\xc3\xbfk\xd7.\xa6N\x9d\xca\xa4I\x93X\xb7\xce\x18.u\xa7\xa7sn\xb7K\xb8\xf8\xf2ki{\xfa\x99deg\x12\x8dB\xc0\xef#\x1a\x8dpp\x1e&gt;\xf1o\x9c\xf8\x1c&amp;HX,\x16\xec\x0e;\x92\x04\xbbw\xeeb\xe1\xcf?\xf0\xed\x17\x1f3\xf7\xfbo\x8c\x9e\x11\xc6\x14A\xbf~\xfd\xb8\xfa\xea\xabK\xd6\xa7W\xa6\x1e\xe3\xe1\xd7\xf2\xc7\x1f\x7f0i\xd2$\xa6M\x9fNA~&gt;\x00U\xaaV\xe7\xdc\x8b.\xe1\xc2\xcb\xae\xe6\x94vg\x90\x9e\xe9&amp;\x12\xd6\t\xf8\xfd\xa8\xd1Hl\x98\xbdr\xbc\x9e2\xd1u4]\x8f%126\x9b\x1d\x9b\xddL$\xa2\xb1y\xc3:~\xfe\xfek\xbe\x9b9\x83\xe5\x7f\xfcV\xf2W\xce&lt;\xeb,\xfa\xf5\xed\xcbUW]U\x12\xdf\xca\xd4P\x1c\xde\xf0\xaf\\\xb9\x92\xc9\x93\'\xf3\xfe\xfb\xef\xb3\x7f\xff~\x00j\xd7\xadG\xb7K\xaf\xa2k\x8f+h\xd6\xaa\rN\x97\x8dpP%\x18\xf4\xa3F\xd5\x84I\xe8\x8e\x84\xf1&lt;\xd3\x90$\x19\x8b\xd5\x8a\xddnE\xd3`\xfb\x96M\xcc\xfbq\x16\xdf}\xf11\xbf\xcd\xff\xa9\xe4\xfb/\xb8\xe0\x02\xfa\xf7\xef\xcf\xa5\x97^\x8a\xd5j\x05*W|S\x89H\x00N\xa0\xc3\x1b\xfe\xf5\xeb\xd73\xf1\xcd7\x992y2yyy\x00\xb48\xa5-\x97]s#\xe7_|9u\xea\xd7C\xd7\xc0\xef3\x1a}\xa3\x87\x90\x1c\x0f\x8d\xffR\xba@\xceb\xb1\xe2p\xda\x88F5\xd6\xff\xb5\x8aY3g\xf0\xc5G\xef\xb1c\xdb\x16\x00\xea\xd7\xaf\xcf\x80\x01\x03\xe8\xdb\xb7/U\xabV\x05*\xf6Arx\xc30g\xce\x1c\xc6\x8d\x1b\xc7g\x9f}V\xf2=\xed\xce8\x8bK\xaf\xbe\x81s/\xbc\x84\x1a\xb5k\xa1\xc6\x93\xbaH\x04)\x05\xaa\xa6\xe3\xc9\x9e$\x1dL\x06\xfc\xbe \xcb\x17/\xe4\xab\x19\x1f2\xeb\xcb\x19\x14\x16\x18IR\xc3\x86\r\xb9\xf5\xd6[+M|Ko\xc2\x04\xf0\xcb\xbcy\xbc6n\x1c\x1f\x7f\xfcq\xc9|z\xe7\xf3/\xe2\xd2kzs\xd69\x17\x90S5\x87HX#\xe0\xf7\x19\x9f\x8d\x94\x88o\xac\x8e\t\xb0\xdal\xd8\x1dVB\xc1(\x7f.\xff\x83o&gt;\x9f\xce\xd73\xa6\xb1\x7f\xdf\x1e\x00Z\xb48\x99\x81\x03\x07\xd0\xbbwo222\x80\xca\x95\xc8\xa7\x02\x91\x00\x9c\x00\x87\xcf\xf1\xaf]\xbb\x96W_}\x95\xc9S&amp;\x13\xf0\x1bK\xe4\xce\xbb\xe8R\xae\xbe\xf1V:t&gt;\x0f\x97\xdb\x81\xdf\x1f"\x14[\xbf\x9f\xaa7D\xe9\xa2H\xbb\xc3\x81\xd5f\xe2\xc0\xde\x03\xfc4\xeb+&gt;z\xef-\x96.Z\x00@\xf5\xea\xd5\x198\xf06\x06\r\xba\x8dj\xd5\xaa\x01\'\xf6Arxb\xf7\xfd\xf7\xdf3f\xcc\x18\xbe\xfb\xee;\x00\xccf3]/\xb9\x82\xabn\xbc\x95\xd3:\x9e\x8d\xddn\xc1W\x1c$\x1c\x0e"!!+2\xa5J\xf1S\x86\x1e\xdf\x1b@Qp:](f\x89\xad\x9b\xb6\xf0\xdd\x17\x1f1\xe3\xfd\xc9l\xda`\xac\x82\xa8Q\xa3&amp;\x03\x06\xf4g\xd0\xa0A\x95"\xbe?\xfd\xf4\x13c\xc6\xbc\xc4W_}\t\x80\xd3\x95\xc6%W]\xc7\x15\xd7\xddL\xab\xb6\xa7c2\xcb\xf8\x8a\xfdD\xc2\xe1\x94h\xf4\xff\x8bq\xff\x1aq\xb2;\\X,2\xbbv\xec\xe2\xfb\xaf&gt;\xe5\xe3\xa9o\xb3f\xd5r\x00rss\x19&lt;x0\xfd\xfb\xf7/Y.\x1a_\x19"\x1c_"\x018\xceJ\x7f\x90\xb7l\xd9\xc2K/\xbf\xcc\x9b\x13\'\x12\x08\x04P\x14\x13\x97^}=\xd7\xf6\x19H\x9b\xd3: I\x12\xbe\xe2b\xd4h\x14Y\x0c\x87\x1dB\xd34tM\xc3l\xb1\xe0t9\x08\x04B,\xfc\xf9\x07\xde\x7f\xeb5~\xfe\xe1[\xc0H\x04\xee\xb8c\x08\xb7\xdf&gt;\xf8\x90\x1e\xc5\xf1z\x90\x1c\x9e\xd8\xcd\x9f?\x9fg\x9ey\x86\xaf\xbf\xfe\x1a\x00\xa7\xcbM\xcfko\xe4\xea\xde\xb7\xd2\xe2\x94\xb6h\x1a\xf8\x8a\xbd\xb1\x87\xa2\x88oi\x9afl$c\xb5\xd9q8\xad\xe4\x1f(\xe0\xc7o\xbf\xe0\xc3I\xe3Y\xb1\xe4w\xc0\x88\xef\xed\xb7\xdf\xce\xed\xb7\xdf~B\x1a\x8a\xc3\xe3\xbbp\xe1B\x9e}\xf6Y\xbe\xf8\xe2\x0b\x00\xb2\xabT\xe5\xea\xde\xb7rE\xaf\x9bi\xd8\xa41\x91\xb0\x86\xcfW,\x96\xbd\xfd\x8b\xf8\xfdk\xb1\xdap\xbalx\x8a\x8a\xf9\xe5\x87o\xf9\xe0\xed\xd7X\xb4\xe0g\x00\xea\xd6\xcd\xe5\xee\xbb\xef\xa2\x7f\xff\xfe\xb8\\\xaeC6=\x13\x8e\x0f\x91\x00\x1c\'\xf1\x9e\xab$I\x14\x16\x16\xf2\xca+\xaf\xf0\xf2\xcb/SPP\x80,+\\q\xddM\xdc\xd0\xefvNn\xdb\x0e5\xaa\xe1+.\xfeG%\xb1\xf0O\x07{\x15\n.\xb7\x1bU\xd5X4\x7f\x0eS^\x7f\x89\xb9\xdf\x7f\x03@\x83\x06\r\x18&gt;|8}\xfb\xf6\xc5d2\x1d\x97\xdeb\xe9\x86g\xed\xda\xb5&lt;\xf5\xd4S\xbc\xf7\xde{\x008\x9c.\xae\xba\xe1\x16\xae\xeb{\x1b\x8d\x9b5\'\x14\x8a\xe2\xf7\xf9\x90\x00Y\xc4\xf7\xff\xa5\xeb:\x9a\xaab2\x9bq\xa59\xf1\x17\xfb\x99\xf3\xddL\xde\x99\xf0\n\xcb\x16/\x04\x8c\xa9\x9f\xfb\xee\xbb\x8f[o\xbd\x15\xb3\xd9|\\\x96\x97\x95\x8e\xef\x86\r\x1bx\xea\xe9\xa7\x992y2\x00Y9U\xb8\xbe\xef \xae\xba\xa1\x1fu\xeb\xd7\xc5\xef\x0f\x13\x0c\xf8K\xf6\xc5\x10\xfe[&lt;\xbe\x8a\xc9\x84\xcb\xed"\x1c\n3o\xce,\xde\x99\xf02\x0b\x7f\x99\x03@\xb3\xe6\xcdy\xe0\x81\x07\xb8\xa9wo@L\x0b\x1cO"\x01(g\x87\xf7\x1a\xde}\xef=\x9ex\xfcq\xfe\xfe\xfbo\x00.\xeey\r}o\xbf\x87\xd6\xa7\xb5\'\x12V\xf1\xf9\x8a\xc5\xda\xd8c\x14\x7f\xf0\xbb\xdci\xe8\x9a\xc6\xfc\x9ff\xf1\xe6+\xcf\xb1h\xfe\\\x00:t\xe8\xc0\xa8Q\xa3\xb8\xe0\x82\x0bJ\xbe\xbf\xac\tV\xe9y`\x8f\xc7\xc3\x0b/\xbc\xc0\xcb/\xbf\x8c\xd7\xebEQ\x14\xae\xb8\xae\x0f}\x06\xddM\xd3\x96\'\x13\xf4G\x08\xf8})=\x0c|\xac\xe2\x89\x9e\xa2(\xb8\xd2\xdc\x04\xfc\x01f\x7f9\x83\xb7\xc7\xbd\xc0\x9aU\xc6\xb2\xd8\xd3O?\x9d\xc7\x1e{\x8c\x0b/\xbc\x100\xea\x03\xfe\xedL\x8c\xa3Q:\xbe^\xaf\x971c\xc6\xf0\xe2\x981x=\x1e\x1cN\x17\xd7\xf7\x1d\xc4\xf5\xfd\x06\x93\xdb\xa0\x1e\xfebc\'LY16\xc5\x12\x8eN\xbcaw\xb9\xddD"\x11\xe6\xce\xfa\x92\xb7^}\x9ee\x8b\x8d\x82\xd0.]\xba0j\xd4(\xce&gt;\xfb\xec\x92\xef\x17\x1d\xa4\xf2%\x12\x80rT\xfa\x03\xbat\xe9RF\x8c\x18\xc1\xec\xd9\xb3\x01h\x7ffgn\x1b\xf6 g\x9d\xd3\x15UU\xf1\x15\x8b\x86\xbf\xbch\xaa\n\x92\x84;-\x8dp8\xccw_|\xcc\x841O\x95\xecX\xd6\xa7\xcf-\x8c\x1a\xf5\x18u\xeb\xd6\xfdG!\xd7\xd1(\xdd\xc0\xcc\x981\x83\x87G\x8ed\xed\x9a5\x00t\xb9\xe0bn\xbb\xe7!N=\xa3#\xa1P\x84\x80\xcfg\xf4ZD|\xcb,\xdeP\xa4\xa5\xbb\xf1\x14y\xf8\xf4\x83)\xbc\xf5\xcas\xec\xd9\xbd\x13\x80\x1bo\xec\xcd\xe3\x8f\x8f\xa2~\xfd\xfa\x87\x9c\xa6w,\xbf\'~\xff~\xfa\xe9g&lt;\xfc\xf0\xc3\xacYc|\x86z^\xdb\x9b\xfew\xdeO\xd3\x96\'\xe3\xf7\x85\x08\x06\x02\xa2j\xbd\x9c\xc4\xe3\xebNs\x13\xf0\xfb\xf9\xf2\x93\x0fy\xe3\xe5\xa7Kv\x94\x1cx\xdbm&lt;\xfa\xc8#\xd4\xa8Q\xa3L\xf7\xaf\xf0O"\x01(\x07\xa5{\xfd\x81@\x80\xa7\x9f~\x9a\xe7\x9e{\x8eP(D\xcd\xda\xb9\x0c\xbe\xefaz^\xdb\x1b\x8b\xd9\x8a\xc7S$\x1a\xfe\xe3\xa4tCQ\x90_\xc0\xd47\xc7\xf1\xf6\xab\xcfS\\\xec\xa5J\xd5\xaa&lt;9z4\xfd\xfb\xf7\x07\x8e\xae\xb7Xz.r\xeb\xd6\xad&lt;\xf0\xc0\x03L\x9b6\r\x80FM\x9as\xfb}#\xb9\xa8\xe75\x00\x14{=b(\xf88Q\xd5(&amp;\x93\x99\xb4t\';\xb6\xed\xe0\xedq/\xf0\xc1\xdb\xaf\x13\x89D\xc8\xc9\xc9a\xd4\xa8Q\x0c\x1e&lt;\x18([|G\x8cx\x90\x0f?\xfc\x00\x806\xed;2d\xf8\xa3t:\xb7+\x91p\x04\x9f\xcf\'\x1a\xfe\xe3$\x9e\x80\xa5\xa5\xbb\xd8\xb7w\x1f\xefL\x18\xcb\x94\xd7_"\x18\x0cP\xabV-\x9e|\xf2In\xbe\xf9f\xa0|F{\x04\x91\x00\x94Y|G+0\x8a\xc0\xee\xbe\xfbn\x96,Y\x02\xc0\r\xb7\xde\xce\xa0a\x0fR\xa3VM\x8a\n\xbd\xa2\xa0\xe5\x04Q\xa3QL\x16\x0bii\x0e\xd6\xac\xfa\x93\xb1O?\xc2\xec\xaf\x8c\xa5x\xdd\xbbw\xe7\xa5\x97^\xe2\xa4\x93N:\xa2\xb9\xc5\xd2\xbd\xc2)S\xa6\xf0\xc0\x88\x11\xec\xdd\xb3\x07\xab\xd5J\x9f\xdb\x86r\xeb\x9d\xf7\x91\x99\x9dEQ\xa1\x07\xd0\x91e\x11\xdf\xe3)\x9el\xdbl6\x1c.\x1b\x8b\x7f\xfd\x95\x97F?T2\xed\xd3\xb5kW^z\xe9%\x9a7o~H\x1d\xce\x7f)\x1d\xdf\xc9\x93\'3b\xc4\x08\xf6\xee\xddKzF&amp;\x83\xef\x1d\xc9u}o\xc3f\xb3\xe3)\x12\x89\xfb\x89\xa2F\xa3\x98\xadV\xdcn;+\x97.\xe3\xe5\xa7F2w\xb6QX{\xf9\xe5\x97\xf3\xe2\x8b/R\xbf~}Q\x1bP\x0eD\x02P\x06\xf1,4\x12\x890z\xf4hF\x8f\x1e\x8d\xa6i4o\xd9\x86\xfbG=G\xa7\xf3\xce7\x96{\x85\x82("[=\xa1\xe2\r\x85\xd3\xe5DQL|1\xfd=\xc6\x8c~\x88=\xbbv\x90\x95\x95\xc5s\xcf=G\xbf~\xfd\x80\xff\x9e[\x8c\xc7w\xef\xde\xbd\x0c\x1d:\x94\x0f?\xfc\x10\x80vg\x9c\xc9\x03\x8f\xbf@\xbb3\xce\xc0\xeb1\x96{\x89\xf8\x9eX\xf1\xf8\xba\xd3\xd2Q\xd5\x08\x1f\xbc=\x9eq\xcf\x8d\xa2\xa8\xb0\x80\xf4\xf4t\x9ez\xea\xa9\x92\xd1\x80\x7f\x8bo\xe9Q\xbb\xdd\xbbw3l\xd8\xb0\x92Q\x9d\x0bz\\\xce=#\x9f\xa6q\xb3&amp;\x14\x15\x16\x8b\xb9\xe7\n\x10\x8f\x8f\xcb\xe5F\x92\xe0\x93\x0f&amp;\xf3\xf2\x93\x0fs`\xdf^\xaaT\xa9\xc2\xf3\xcf?_2\x1a \xe2s\xecD\x02p\x0cJ\x0f\x19\xaeY\xb3\x86\x81\xb7\xdd\xc6\xbc_~\x01\xe0\xd6!\xf71\xe8\x9e\x87q\xa7\xa5\xe1),\x14\xcb\xf9*X|\xcb\xe1\x8c\xact\xb6o\xdd\xc6\x0b\xa3\x86\xf3\xd5\x0c\xe3A\x7f\xe3\x8d7\xf2\xf2\xcb/\x93\x9d\x9d}\xc8\x90b\xe9\x9e\xe3\xb7\xdf~\xcb\xe0\xdbog\xcb\xe6\xcdX\xad6\x06\xdf\xfb\x10}o\xbf\x17\xb3\xc5\x82\xd7\xe3\x11\xc3\xc1\x15L\x8bm\xb0\x93\x91\xe9f\xdd\xea5&lt;=\xf2\x1e~\x89-\x0b\xbd\xfa\xea\xaby\xe5\x95W\xa8^\xbd\xfa\x7f\xc6\xf7\xeb\xaf\xbf\xe6\xf6\xdbog\xeb\xd6\xaddfes\xef\xa3\xcfp\xd5\x8d}\x89FU\xfc&gt;\x9f\x18f\xae`\xf19\xff\x8c\xcc4\xb6l\xda\xc4\xf3\x8f\xde\xcfw3g\x00\xd0\xa7O\x1f\xc6\x8c\x19Cff\xa6\x98\x128F"\x018J\xa5\x1f\x1e\xef\xbf\xff&gt;C\x86\x0c\xa1\xa0\xa0\x80\xfa\x8d\x1a3\xf2\x99W\xe8\xdc\xb5\x1b\xde"_\xc9\x8eeB\xe5\x10\x8dF\xb1\xd9\xedX\xadV&gt;\x99\xfa6\xcf&gt;r\x1fE\x85\x054i\xd2\x84\xb7\xdez\x8b\xb3\xce:\x0bU5\xd6\xa2\xc7\x1f$\x8f&lt;\xf2\x08O&lt;\xf1\x04\x00\xcd[\xb5\xe1\x91\xe7\xc6\xd1\xfe\xcc\x8e\x14\x15\x88^ae\x13\x8dFq:\x9dH\xb2\xcc;\x13^f\xecS\x8f\x10\x08\xf8\xa9_\xbf\x01o\xbe9\x91\xf3\xce;\xef\x90#\xb65Mc\xe4\xc8\x91&lt;\xf5\xd4S\x00t:\xb7\x1b\x0f==\x96\x93\x9a5\xa10\xdf\x03\x88B\xb3\xca$\x1a\x8dbw80\x9b\xcdL\x7fg"\xcf=z?\xc5^\x0f\xcd\x9a7\xe7\xed\xb7\xde\xa2C\x87\x0ebJ\xe0\x18\x88\x04\xe0(\xc4\x1f\xfa\xd1h\x94\xfb\xee\xbb\x8f\x97_~\x19\x80K\xae\xba\x9e\x11O\x8e\xa1J\xd5j\x14\x16\x14\x8a^a%\xa5\xc7vt\xcb\xccNg\xcd\xaa?y\xf4\xde\xc1\xfc\xb1p\x1e\x16\x8b\x85\x17^x\x81!C\x86\x00\xb0{\xf7n\xfa\xf7\xef_\xb2\xa1O\xaf&gt;\x03\xb9o\xd4\xb3\xb8\\ix\x8a\x8a0\x99\x14Rq\xe7\xbe\xca\xceH\xce!#+\x8d%\x0b\x7f\xe3\x91{\x06\xb1f\xd5r\x14E\xe1\xa9\xa7\x9e\xe2\xfe\xfb\xef\x07\x8cC\x99n\xbd\xb5?\xb3f}\x87$\xcb\xdc9\xfc1\x06\xde\xfd@\xec\xb8j\xd1\xeb\xaf\xac\x8c\xd1\x00\x9d\xcc\xact\xfe\\\xbe\x82G\xef\x1d\xcc\xb2\xdf\x7f\xc5j\xb52f\xcc\x18\x06\x0f\x1e\\\xa6U \xa9H$\x00G(&gt;\xc4\xb4s\xe7N\xfa\xf4\xe9\xc3\x0f?\xfc\x80\xc5b\xe1\xbeQ\xcf\xd1\xe7\xb6\xbb\x08\x04\x02\x84\x83!1\x17\x9c\x00\xa2\xd1(.\x97\x8bH$\xcc\x8bO&lt;\xc8;\x13\xc6\x020h\xf0`\xae\xbe\xea*\xfa\xf5\xeb\xc7\xe6\xcd\x9bq\xa7\xa5\xf1\xd0Sc\xb9\xbaw\x1f\xbc\x1e1\xaa\x93(\xa2\xd1(ii\xe9x\xbdE&lt;\xf5\xe0P&gt;\xfdp\n`\x0c\x19_{\xed\xb5\x0c\x180\x80\xed\xdb\xb7S\xabN.O\xbc\xf4\x06]\xbau\xa30\xdf+\x1a\x8e\x04\x11\x8dFq\xb9\xdd\x84\x83A\x9e\x7f\xfc\x01\xa6\xbe9\x0e\x80\x81\x03\x07\xf2\xca+\xaf`\xb1X\xc4\x08\xdd\x11\x12\t\xc0\x11\x887\xfe\xbf\xff\xfe;\xd7]w\x1d\x9b6m\xa2Nn\x03\x9e\x1e7\x89\x8e\x9d;S\x90WTr\x1c\xaf\x90\x184UE6)\xa4\xa5\xb9\xf8\xe8\xddI\xbc\xf4\xe4H\xf6\xed\xd9U\xf2\xf5\x96mN\xe5\xd1\xe7_\xa3m\xfb\xf6\xe4\x1f\x10\xb5\x1c\x89FUU\xccf3\x0e\xa7\x83)\x13\xc62\xe1\xc5\xa7\xc8;\xb0\xaf\xe4\xeb\xe7t\xeb\xc1\xc3O\x8f\xa5n\xfd\x06\x14\x16\x14\x8a^\x7f\x82\x89\x17p\xba\xd3\x9cL\x7fg\x12O&lt;p\'\x01\xbf\x8fs\xce9\x87\xf7\xdf\x7f\x9f\x1a5j\x88\xba\x80# Z\xac\xff!\xfe!\x9a1c\x06\xe7\x9f\x7f&gt;\x9b6m\xa2C\xa7sy\xef\xcb\x9fh\x7ffg\xf2\xe2\x8d\x83h\xfc\x13\x8a\xac(h\xaaF~^\x01\xfd\xee\xe8\xcb\xf9\xdd{\x96\xf4\xfelv;w\x8ex\x9c\xb3\xcei\xcf\xde\xdd\xfbQL&amp;\xd1\xf8\'\x18\xc5d"\x12\t\xe3\xf5x\x19|\xcf]\xb4?\xb3sI\x0c]n7\xfd\xef\x1cN\x93\x16\r\xc8\xdb\x7f@4\x12\tHQ\x144M\xa3 \xbf\x90^}\xfa2\xe5\xd3\xd9\xd4\xad\xdf\x90\x9f~\xfa\x89\xce\x9d;\xb3b\xc5\nL&amp;\x13\xd1h\xb4\xa2/\xb5R\x13\xad\xd6\x7f(\xbdLh\xdc\xb8q\\u\xd5Ux\xbd^\xae\xbc\xfe\x16\xde\x98\xf6\x159U\xab\xe3)\x14=\x87De\xac\xe2\x90IK\xcf\xe0\xbeAC\xf9\xe0\xed\xd7\x01\xa8\xd7\xb01\xc1@\x80\xe1\x83o\xe6\xb3i3\xa9V\xb3\x8ax\x88$ -\x1a\xc5b\xb1b\xb6\x98\x19tco\xbe\xfd\xe2c,\x16+\'5mA\xb1\xd7\xcb\xe0\xde=\xf9j\xc6\x97T\xad\x91#\xe2\x9b\xa0$IBQL\xe4\x1d(\xa4M\xfb\x8e\xbc\xf7\xc5\x1cN\xebx6\x1b6l\xe0\xbc\xf3\xce\xe7\xfb\xef\xbf\x17I\xc0\xff \x12\x80\x7fQz\x99\xdf\xa3\x8f&gt;ZR\x1cv\xc7\xfd\x8f\xf0\xcck\x93\xd04\x8dP0 \xe6\xfb\x13T\xbc\x12\xdcl\xb1\xf0\xc0\x1d\xb7\xf0\xce\x84\x97\x91e\x99Qc&amp;\xf0\xe5\xbc?\xe8v\xe9U\xe4\x1f\xd8\xcf\x9d\xb7\\\xcd\x8c\xf7\xa7\x92]%\x03U&lt;D\x12\x86\xaa\xaaXm6"\x910w\xdct%3?\x9a\x8a\xc3\xe9d\xcc\x9b\x1f\xf0\xd9\xdc\xdf\xe9v\xc9\x95\x14\xe6\xe71\xa4\x8f\x88o20\x99Lx\n\x0b\xc9\xa9Z\x9d7\xa7\x7f\xcd\xc5\x97_C^\xde\x01.\xb9\xe4\x12&gt;\xfe\xf8c\x91\x04\xfc?D\x02p\x98x\x15\xa9\xa2(\x0c\x1d:\x94\xc7\x1f\x7f\x1cY\x96y\xec\x85\xd7\x19\xf6\xf0(&lt;EE\xb1\xdd\xffD\x81I"\xd24cnX\x92\xe0\xee~\xd7\xf1\xd9\x87\xef\xe0t\xb9\x19\xf7\xce\x0c\xae\xef\xdb\x1fU\x95\x19;i:\xbd\xfb\x0f!\x12\x0es\xdf\xa0\x9bxw\xc2x\xb2\xaad\xa0\xaa\xe2!R\xd9\xa9\xaa\x8a\xdd\xe1\xa0\xd8\xeb\xe1\xb6\xeb.\xe5\xe7\xef\xbf\xa1J\xb5\x1a\xbc\xf5\xd1\xb7t\xbb\xf4r\xa2\x11\x8d\xb1\x93?\x8a\xc57th|E#\x91\xb0\x14\x93\x89` \x80$\xc9\x8cy\xf3Cz\xf7\x1fB(\x14\xe2\xdak\xaf\xe5\xed\xb7\xdf\x16I\xc0\x7f\x10E\x80\xa5\x94\xee\xf9\x0f\x1a4\x88\t\x13&amp;`\xb5\xd9x\xfa\xd5I\\\xde\xeb:\xf2\xf6\x8bb\xb0Df4\xfe\x164M\xe5\xae\xbe\xbd\xf8\xf9\xfb\xaf\xc9\xca\xae\xc2\xd8I\xd3\xe9x\xce9F\xb1_l\x1dqZ\x86\x9b1O&lt;\xc2\xeb/\x18\xfb\x00&lt;\xf8\xe4K\xdc:\xe4n\xf2\xf3\x8aDuq%e4\xfev\x8a\xf2\xf3\xb9\xed\x86\xcbX\xb9\xf4w\xea\xd4k\xc0\xeb\xef}F\xd3\x93[QXP\x80"+ I\xa4\xa5\xbb\x19\xf3\xc4H^\x7fq4 \xe2\x9b,\xe2\xfb\xb4\xa4\xa5\xbb\x193z$\xaf\xbf`\xc4\xf7\xf5\xd7_g\xd0\xa0A\xa20\xf00"\x01\x88)\xdd\xf8\x0f\x180\x807\xdf|\x13\x87\xd3\xc5\x987?\xa0\xeb%\x97\x90\xb7_\xcc\xf7\'2M\xd30\x99\xcd\xa0k\xdcq\xf3U\xcc\xfb\xf1;\xaaT\xab\xce\xebS\xbf\xa0\xcdi\xed)\xc8/\xc0d2\x03\xf1Q \x8d\xcc\xact^{\xfe\x19^|b\x04\x00#F\x8fa\xc0]C\xc9;P\x88\xa2\x88\xcfBeR\xd2\xf8\x17\xe4\xd3\xff\xda\x1e\xac^\xb1\x84\x06\'5e\xc2\x873\xc9\xad\xdf(\xb6\x7f\x83\x11\xb3C\xe3\xfb4/&gt;\xf1  \xe2\x9b,\xfe+\xbe\xe3\xc6\x8d\xe3\xf6\xdbo\x17I@)"\x01\xe0\xd0\xc6\x7f\xf0\xe0\xc1\x8c\x1f?\x1e\x97;\x8d\x97\xdf\x9e\xce\xb9\x17^H\xde\x81\x83\x8d\x83\x90x4MC1)(\xb2\xcc\x9d\xb7\\\xc3O\xb3\xbe\xa2j\xf5\x9a\xbc\xf1\xe1LNn\xdd\x8e\xc2\x82\x7f\xc67\xfe\x99\xc8\xcaIg\xc2\x98\x17x\xee\xd1\xfb\x00\x18\xf9\xec\xab\xdc2\xf8\x0e\xf2\xf7\x17\x8a\x1a\x90JB\x8b\xcd\xf9\x17\x17{\x18pm\x0fV.\xfd\x9dFM[0q\xda\x97\xd4\xac]\x17\xaf\xc7\xfb\x8f\x07\xfe\x7f\xc5\xf7\x91g\xc7\xd1g\xf0\xed"\xbe\t\xee\xbf\xe2;q\xe2D\xfa\xf7\xef/\x92\x80\x98\x94O\x00JW\xfb\xdf{\xef\xbd\xbc\xf8\xe2\x8b8\x9c.\xc6N\xfa\x88\xf3.\xba\x88\xbc\xfd\x05F\xcfQHH\xba\xae#I\xc6\xd2\xbea\xb7^\xcf\xb7_|LN\x95jL\x9c\xf6\x15-\xdb\x9e\xfa\xaf\x8d\x7fi\xaa\x1a%;\'\x83\xd7\x9e\x7f\x96\x17\x1e\x7f\x00\x80\xa7\xc7M\xe6\xda\x9b\xfb\x18\x9f\r\x91\x18V(M\xd30\x9b\xcdD\xa3\x11\xfa_\xdb\x9d%\xbf\xcd\xa7\xc1IMy\xeb\xe3o\xa8Q\xab.&gt;\xaf\xf7\xffm\xc8\xff-\xbe\xcf\x8c\x9b\xcc5"\xbeI\xe1\x9f\xf1\x95\xf8\xe0\x83\xf7\xb9\xee\xba\xebD\x12\x80(\x02,i\xfcG\x8f\x1e\xcd\x8b/\xbe\x88\xd5j\xe3\x857\xa6\x8a\xc6?\t\xc4\x0b:]n7\x8f\x0e\x1b\xc4\xb7_|Lzf\x16\xaf\xbd\xf7\xa9\xd1\xf8\xe7\xff\xef\x07\xbc\xb1\xcc\xa8\x88\xc1\xf7\x0eg\xc8\xf0\xc7\x00xd\xe8@\xbe\xfd\xfcs\xb2\xb23EaQ\x05\xd2uc)\xa7,K\x0c\xed\xd7\x8b%\xbf\xcd\xa7N\xbd\x06\xbc\xf1\xe1Lj\xd6\xaeK\xf1\xffh\xfc\xe1\xd0\xf8\xdeq\xffc\x00\x8c\x1c6\x90\xef&gt;\xffB\xc47\t\xfc\xf3\xfe\xd5\xe9\xd3\xa7\x0f\xdf}\xf7\x9d(\x0c$\xc5G\x00\xe2\x19\xe0\x9bo\xbe\xc9\x80\x01\x03Pd\x99g^\x9b\xc2\x957\xf6\x16\xd9\x7f\x12P\xd5(Y\xd9\x19&lt;\xff\xd8\xc3\x8c\x1f\xf3$\x0e\xa7\x93q\xef~\xca\xd9\xe7u\xa5 \xef\xc8\x93\xbb\xf8\x9cbFf:O&lt;0\x8c)\xe3_\xc2\xe5N\xe3\xad\x8f\xbe\xa1\xed\xe9g\xe2)\x14\xc3\xc5\'Z&lt;\xb9s\xa7\xb9\xb9o\xd0\xcd|1\xfd=\xaaT\xab\xc1\xdb\x9f|G\x93\xe6-\x0f\x99\xf3?\xb2\x9fe\xc4\xf7\xf1\xe1Cyg\xc2\xcb\xb8\xd2\xd2\x8d\xf8\xb6\xef(\xe2\x9b\xe0\xfe-\xbe\xe9\xe9\x19\xfc\xf8\xe3\x0f\xb4k\xd7.\xa5\xb7\rN\xd9\x04 \xde\xf8\x7f\xf3\xcd7\\z\xe9e\xa8j\x94\x87\x9ez\x99[\xef\xbc\x8b\x03\xfbD\xe3\x9f\xe8\xa2\xd1(\xd9U2x\xef\x8d\t&lt;z\xef dE\xe1\x85\tS\xe9\xd9\xab\x17y\xfb\x8e~d\xc7\xb8Mt\\\xee4\xee\x1d\xd8\x9b\x99\x1fO\xa5z\xcd\xda\xbc7\xf3\'j\xd5\xcd\xc5\xef\xf3\xa7\xecC\xa4"\xc4\x93\xbbgF\x8e`\xe2\xd8gp\xb9\xd3\x988\xed+N;\xb3\x13\x85\xf9G_\xb0{0\xben\xee\x19\xd0\x9b/?y\x9f\xea\xb5j3u\xe6\\j\xd6\xa9+\xe2\x9b\xe0J\xc7\xd7\xb8\x7f\xdf\xa7n\xdd\\\xe6\xcf\x9fG\x9d:ubK\xbbSo@&lt;%\x13\x80x\xc6\xb7j\xd5*:w\xeeLAA\x01\xfd\xef\xbc\x9f\x11\xa3\x9f%?OT\x00\'\xbah4JFf\x06\xbf\xfc0\x8bA7^F8\x14*\xa9\xf0&gt;p\x0c\x8d\x7f\x9c\xaei\xc8\x8a\x82bR\x18\xd8\xeb\x12~\xfd\xf9\x07Z\x9c\xd2\x96w?\xff\x11\x93\xc5\x82\x1a\x8d"I\xa9\xf7\x109\xd1\xa2Qc^w\xea\xdb\x13yd\xe8@L&amp;\x13/\xbd5\x8d\x8b\xaf\xb8\x92\xfc2\x14\xec\xc6\x0b\x81\x15\x93\xcc\x80k/a\xe1/?rr\xebSy\xe7\x8b\x1f0)fTU\x15K\x80\x13\xd8\xbf\xc5\xf7\xf4\xd3Og\xce\x9c9\xd8l\xb6\x92c\xdeSI\xca=\xad\xe2\'~\xe5\xe7\xe7s\xf5\xd5\xd7PPP\xc0\xc5\x97_\xcb}\x8f=Ca\x81Gl\xf0\x93\xe0TU\xc5\xe9r\xb2i\xc3:\x86\xdf~3\xe1P\x88\xde\xfd\x87p\xeb\x9d\xc6\xf2\xae\xb2\xd4tH\xb2\x8c\xaa\xaa\x80\xc4\x8b\x13\xa7\xd2\xb0qsV\xafX\xca\x88;o\xc5f\xb3\x93z\xa9\xf4\x89\xa7\xc6\x92\xbb\xf9?\xfd\xc4S#\xee\x06\xe0\xdeG\x9f\xa5\xc7\x95W\x92_\xc6i;9\x16_\t\x99\x17\'N\xa5\xc1IM\xf9s\xf9\x1f&lt;|g\x7f\xec\x0e;)\xd8WJ*\x87\xc7\xb7a\xe3\xa6,Z\xb4\x88\xfe\xfd\x07\x94|-\xd5\xa4T\x02\x10_\x1a"I\x127\xddt\x13\xeb\xd6\xad\xe5\x94v\xa7\xf3\xe4+o\x11\xf0\x07\xd0uR.\x03L&amp;\xba\xaec2\x99\x08\x05\x83\xdc;\xb07\x07\xf6\xed\xa5\xf3\x05\x17\xf3\xe0Sc\xf0\x14x\xcb%\xb9\x93e\x99P0Hfv\x15^z\xeb\x0322\xb3\x98\xfd\xe5\x0c^}v\x14\x99\xd9i)_Tt&lt;i\xaa\x86\xddag\xc7\xb6-\x0c\x1f|3\xc1`\x80\xeb\xfa\x0e\xa2\xff]\xc3\xca\x9c\xdc\xc5\xc9\xb2L0\x18$+\xa7*c\xde\xfc\x80\xf4\x8cL\xbe\xfd\xe2c^{\xfeI2\xb3D|\x13]\xe9\xf8\xbe8\xf1\x03\xd233\xf9\xe0\x83\xf7y\xee\xf9\xe7S\xb2(0\xa5\x12\x80\xf8\xd0\xff#\x8f&lt;\xc2\xd7_\x7fM\xb5\xea5y\xe1\x8d\xa9X\xadV"\x91HJ\xce\x01%\x13M\xd3p\xb9\x9d&lt;\xf1\xc0]\xacZ\xb6\x98\xfa\x8d\x9a\xf0\xcc\xb8ID#Q4]/\xb7\xe4NQ\x14\xbc\x1e\x0f-N9\x85Q/\xbe\x81,\xcb\xbc\xfe\xe2hf\xcd\x9cIfVF\xca=DN\x08]GV\x8c\xf8=p{_v\xef\xdc\xce\x19\x9d\xce\xe1\xa1\xa7^\xc2SX\\\xae#wF|\x8bh\xd9\xa6\r\x8f\xbd\xf0:\x92,3\xee\xf9Q\xfc\xf0\xcd7dd\x8a-\x83\x13\xdd!\xf1}~&lt;\xb2,\xf3\xe0\x83\x0f2g\xce\x1cL&amp;SJ\x8d\x04\xa4L\x8b\x17_\xee\xf7\xf5\xd7_3z\xf4h\xccf3O\xbc\xfc&amp;\xf5\x1b5\xc2W\xec\x13\x05&gt;\t.\x1a\x8d\x92\x95\x9d\xce\xfbo\xbf\xc1\xa7\x1fL\xc6\xe1t\xf1\xec\xebS\xc8\xca\xa9J(\x18,\xf7\xe4\xced2\x91\x9fW\xc8\xa5W_\xc5\xc0\xa1#\xd0T\x95G\x86\xdd\xc6\xd6M\x9bp8\xech\x9aV\xae\xbf/\xd5\xa9\xaaJz\x86\x9b\x17\x9fx\x88E\xf3\x7f\xa2F\xad:&lt;\xf3\xda\x14\xc0\xd8\x08\xa8\xbcG\xeeL&amp;3\xf9y\x85\xf4\xbc\xb6\x17\xb7\xdeq\x1fj4\xca#\xc3\x06\xb2s\xdbVlv\x11\xdfDw0\xbe\xd7\xd2o\x88\x11\xdf&gt;}\xfa\xb0w\xef^dYN\x99\xf8\xa6D\x11`|\xd8\x7f\xd7\xae]\x9cz\xeai\xec\xd9\xb3\x9b;\x1f\x18\xc5\xdd\x0f="\x96\xfb%\x01MSq8\x9d\xac\xfbk\x157\xf6\xe8B\xb1\xd7\xc3c\xcf\xbf\xceM\xb7\r:\xa6\x8a\xff#\xa7\xa3\xeb`w\xd8\xe9\x7fm\x0f\xe6\xcf\x99E\xc7\xce\xe7\xf3\xf6\xc7\xdf\x10\x08\x04\xc5tR9Q\xa3Q\xd2\xb32\x98=\xf33\xee\xb8\xf9JLf3\x13\xde\x9f\xc9\xd9\xe7w\xa3\xb0\xe0xn\xd1m\xc4\xd7f\xb7\xd2\xef\xaa\x8bY\xf8\xcb\x8f\x9c}\xfeEL\x9c\xf6%\xbeb\x9f\x181Lx\xb1\xf8\xda\xac\xf4\xbb\xda\x88\xef%\x97\\\xc2\xcc\x993Sf\x93\xa0\x94\xf8\x04\xeb\xb1\xe1\xdf[o\xbd\x95={vs\xf6y\x172\xf8\xde\x87(\xcc\xf3\x88\xc6?\xc1\x19E\x9d\n\xe1P\x88\x91w\x0f\xa4\xd8\xeb\xe1\x92\xabn\xe0\xc6\xfe\x83\xc8?Pt\x9c7r\x92Jv\x92|\xe2\xa57\xa8V\xa3\x16\xbf\xfe\xfc\x03\x13^z\x86\x8cL\xb7\x98\n(\x07\xba\xa6a\xb5\xdb\xd9\xb9m\x1b\x8f\x0f\x1f\x82\xae\xeb\x0c\x1c:\x82s/\xec\x16\xdb\xc5\xf1x&gt;\xa4\x8d\xf8\xea\x1a\x8c~\xf9\rr\xaaV\xe3\x97\x1f\xbe\xe5\xedq/\x8az\x80\xa4\x10\x8b\xafn\xc4\xb7J\xd5\xea|\xf9\xe5\x97\xbc\xf2\xca+)S\x0f\x90\xf4\t@|\xde\xff\x95W^\xe1\xbb\xef\xbe\xa3Z\xf5\x9a\x8czq&lt;\xd1h\x94\xa4\x1f\xfaH\x01\x9a\xaa\x92\x9e\xe1\xe2\xd5g\x1fg\xd5\xb2\xc5\xd4k\xd8\x98\x87\x9f~\x19\xbf\xcf\x7fBzh\xb2,\x13\xf0\x07\xa8\x93\x9b\xcb\xc3\xcf\xbc\x82,\xcbLx\xe9i~\xffu!\xee\xb44\xb4\x14\x9aO&lt;\x1et\xc0b\xb10\xfa\x81\xbb\xd8\xbb{\'\x1d\xce&gt;\x8f\xdb\xefy\x88\x82|\xef\tI\xdeeY\xc6\xef\xf7S\xafaC\x1e|\xf2e$I\xe2\xb5\xe7\x1fg\xf9\x1fKp\xb9\xddh\x9a\x88o"+\x1d\xdf\x11O\xbe\x84$I&lt;\xf8\xe0C\xfc\xf5\xd7_\x98L\xa6\xa4\x9f\nH\xea\x04 \xbe\xees\xcd\x9a5&lt;\xf8\xe0CH\x92\xc4\x03\xa3\xc7P\xb7~=\x82\xfe\x80\x18\xc2Kp\xaa\xaa\xe2\xceHc\xfeO?\xf1\xce\x84\x970\x99\xcd&lt;\xf2\xec\xabde\xe7\x10\x0e\x85O\xd8\x10\xbc\xc9d\xa20\xbf\x90\xee\x97_\xc1\xb57\x0f \x14\x0c\xf0\xf8\xfd\xb7\x13\x0c\xf8\x91\x15\x05\xb1&gt;\xf0\xd8D\xa3Q2\xb2\xd2\x98\xfe\xce\x9b\xfc\xf0\xcd\xe7dfe\xf3\xd8\x0b\xaf\xa3\xc5v\x01&lt;QL&amp;\x13\x05\xf9E\\vM/.\xef\xd5\x07\xbf\xcf\xc7\xe3\xf7\xdfA\xb4\xa4pX\xc47\x91\x95\x8e\xef\x15\xd7\xf5\xc1\xe7+f\xc0\x80\x01\xa8\xaaZ\xb2\xe3d\xb2J\xda\x160\x1e8M\xd3\x184h\x10&gt;_1\x97\xf7\xba\x99K\xae\xbe\x96\x82|\xb1\xb5g\xa2\x8b/\xf9\xf3\x17\xfbx\xf2\xc1\xbb\x89D"\xf4\xee?\x84.\xdd\xbaRX\x01[\xb7\xca\x8a\x82\xc7\xe3g\xd8\xc8\xa7hpRS\xfeZ\xb9\x8c7^~\x86\xf4\x0cWJU\x15\x97\x17M3\x96\xfcm\xde\xb0\x91\x97\x9e|\x18\x80a#\x9f\xe6\xa4\xa6\x8dO\xd8\xe8Ni\xb2,\xe3+\x0ep\xff\xa8g\xa8S\xaf\x01\xcb\xff\xf8\x8d\xc9\xaf\xbfDz\x86\x9bhT\xc47\xd1\xc5\xe3{\xdfc\xcfP\xb7^\x03\x16,X\xc0\xd8\xb1cQ\x14%\xa9\xef\xdf\xa4M\x00\xe2\xbd\xff\xf1\xe3\xc7\xf3\xf3\xcf?S\xabN.\xf7&lt;\xfa4~\x9f\xe8\xf9\'\x03UUIKw2\xf1\xe5gY\xb7z%\x8d\x9a\xb6\xe0\x8e\xfb\x1f\xc1SX1+:$I"\x1a\x89\x90\x91\x99\xc9\x83O\xbe\x84\xa2(L~}\x0cK\x17\xfd\x8e\xd3\xed\x16S\x01GI\xd7u\xac\x16+\xcf&gt;z\x1f\x05y\xfb9\xa7[\x0f\xae\xbd\xa9\x1f\x05\xf9\x9e\n)\xce\x92$\x89p(DN\xd5\xaa\x0c\x1f\xf5\x02\x92$\xf1\xc6\xcbO\xb3z\xc5*\x9c.g\xd2\x0f\x15\'\xbb\xd2\xf1\xbd\xffq#\xbe\x8f=\xf6\x18\x1b7nDQ\x94\xa4\x8doR\xb6\x84\xf1}\x9d\xb7o\xdf\xce\xc8\x91#\x01c\</t>
        </is>
      </c>
    </row>
    <row r="379">
      <c r="A379" s="1" t="n">
        <v>377</v>
      </c>
      <c r="B379" t="inlineStr">
        <is>
          <t>rectangle_height_color</t>
        </is>
      </c>
      <c r="C379" t="inlineStr">
        <is>
          <t>What is the missing color of the part denoted with a question mark?</t>
        </is>
      </c>
      <c r="D379" t="inlineStr">
        <is>
          <t>['red', 'yellow', 'blue', 'green']</t>
        </is>
      </c>
      <c r="E379" t="inlineStr">
        <is>
          <t>red</t>
        </is>
      </c>
      <c r="F379" t="inlineStr">
        <is>
          <t>There are 7 rectangles in the image with varying colors and lengths. The lengths from left to right are ['medium', 'medium', 'long', 'long', 'short', 'short', 'long']. The colors from left to right are ['purple', 'purple', 'red', 'red', 'orange', 'orange', '?'].</t>
        </is>
      </c>
      <c r="G379" t="inlineStr">
        <is>
          <t>We observe that the purple rectangles are of medium length and the orange rectangles are of short length. Hence, the pattern is that the color of each rectangle corresponds to its length.</t>
        </is>
      </c>
      <c r="H379" t="inlineStr">
        <is>
          <t>Based on the pattern that the color of each rectangle corresponds to its length, the missing color of the part denoted with a question mark should be red.</t>
        </is>
      </c>
      <c r="I379" t="inlineStr">
        <is>
          <t>b'\x89PNG\r\n\x1a\n\x00\x00\x00\rIHDR\x00\x00\x02\x00\x00\x00\x02\x00\x08\x02\x00\x00\x00{\x1aC\xad\x00\x00&gt;\x8eIDATx\x9c\xed\xdd{xT\xd5\xbd?\xfe\xcfZ{\xee\xc9$3\tI\xb8\x8aB\x00AlB\xb8\x89A\xc0Z\x04\xdazG\x04\x05\xcf\xf9\xa2`{\xa46\x1e\x8fm=\xc7\xefA\xf4\xd7*\xa2\xb5\xda\xfa\xad\x82\x88\xa0"Vm\xab\xd6J\x00\xad@U\xaeJ\xb8$\xdc\xef\x84\x84\\g\x92\xccdf\xf6^\xeb\xf7\xc7\xd6\x14\x111\xc4Lfv\xd6\xfb\xf5&lt;}\x1e\x98\xc4\xc9\xa7\xe43\xeb\xbd\xf6\xdak\xd60)%\x01\x00\x80zx\xa2\x0b\x00\x00\x80\xc4@\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l\x89.\x00,@J\xd9\x86\xff\x8a1\xd6\xee\x95\xb4\x8d\xd5\xeb\x87\xc4\xea\xc4\xfd\x83\x00\x80\xb3\x90R\n!\xa4\x94\x8c1\xc6\x18\xe7m\xb9Rl\x97\'i\x1b\xab\xd7\x0f\x89\xa5N\xff\xb0\xb6\x85\x1btJf\xcb\x12\x91\xa6i\xa7?\x1e\x08\x04\x84\x10\x8c\xb5\xb6[\xcc\xb9\x8f\xcf\xe7;\xfdA\xf3\xc5\xc09\x8f\xdf\xcc\xc8\xea\xf5Cb)\xd8?\x08\x00 "\x92R\x1a\x86a\xb3}qE\xd8\xd0\xd0\xb0i\xd3\xa6\x8d\x1b6|\xf6\xd9g\xb5\xb5\xb5e\xa5\xa5\xba\xae3\xa2V\xf6\x8a\xf9R\xc9\xcd\xcd\xf5\xf9\xfd\xc3\x86\x0f/((\x181bD\x8f\x1e=\xcc\xaf\xea\xba\xce9o\xdf\t\x91\xd5\xeb\x87\xc4:{\xffl\xdc\xf8E\xff\x94\x95\x19\x86q\xbe\xcf\xd9\xb7o_\x9f\xcf7l\xd8\xb0d\xee\x1f\x04\x00\x90a\x18\xe6\x94\'\x1a\x8d\xae\\\xb9r\xd9\xd2\xa5[6o&gt;r\xecX;\xfe\x08\x7fz\xfa\xb0\xe1\xc3\xa7L\x99r\xedu\xd7egg\x13\x91\xae\xeb\x9a\xa6\xb5\xcbl\xc8\xea\xf5Cb\x9d\xd9?\xcb\x96m\xd9\xb2\xe5\xc8\x91#\xed\xf8#\xfc~\xff\xb0a\xc3\xa6L\x99r\xed\xb5\xd7&amp;U\xff \x00\x94f\xfe\xf6\x19c\x81@`\xd1\xa2E//[\xb6}\xc7\x8e\x96\xafz]\xae\x9e^o\xb6\xdb\x9d\xeb\xf3\xf9].]\x88Vv+c,f\x18\xbbjk\xeb#\x91C\x81@](\xd4\xf2\xa5n]\xbb\xde6}\xfa\x9dw\xde9`\xc0\x00"\x12B|\x97\xa9\x90\xd5\xeb\x87\xc4:\xb3\x7f^~y\xfb\xf6\xed-_\xf5z\xbd\x17\\pA\xd7\xae]\xfb\xf7\xef\x9f\x91\x91\xa1\xebz+\xc7k\xc6X,\x16\xdb\xbe}{]]\xdd\x81\x03\x07jkk[\xbe\xd4\xbd{\xf7[o\xbd5y\xfa\x07\x01\xa0\xae\x96\x89\xcf\x92%K\x1e\x9f?\x7f\xf7\x9e=\xe6\xe3=\xd3\xd3\xaf\xe8\xde\xfd\x07\xbd{\x0f\xce\xcc\xccNII\xb5\xdbm\x9c\xf3\xf3\x9c\xaaH)u!\x9a\r\xa3*\x14\xdaSW\xb7\xee\xf8\xf1\x7f\x1c;VVSCR\x12Q\x86\xdf\xff\xb3{\xee\xb9\xf7\xde{\xd3\xd3\xd3u]o\xb9\xf4V\xaa~H\xac\xaf\xf4\xcf\xe3\x8f\xef\xde\xbd\xdb|\xfc\x82\x0b.\x187n\xdc\xc4\x89\x13\xf3\xf2\xf2\xbav\xed\xea\xf5zm6[\x1b\xa6\xea\xb1X,\x12\x89TVV\x96\x95\x95}\xf0\xc1\x07\xabW\xaf\xde\xb5k\x97\xf9\xa5\x8c\x8c\x8c\x9f\xfd\xecg\xc9\xd0?\x08\x00E\x99\xdd_^^&gt;s\xe6\xcc\xe2\xe2b\xf3\xc1\x81]\xba\xcc\xba\xf4\xd2\x1f\xf5\xe9\x93\xe5\xf1H)#\x86\x115\x0c!\xa5l\xd3N8\xc6\x18g\xcc\xce\xb9K\xd3l\x9c\x07\xa3\xd1O\xca\xcb\x9f+)\xf9\xe8\xd81s\x18\x1d0`\xc0\xe2\xc5\x8b\x0b\x0b\x0b\xcd;l\xe7\xf5\x1a\xb3z\xfd\x90Xg\xed\x9fK.\xb9d\xce\x9c9\xd7_\x7f}vv\xb6\x94\xb2\xb9\xb99\x1a\x8d\x9a\xab\xffm\xec\x1f\xce\xedv\xbb\xdb\xed\xd64-\x18\x0c\xae_\xbf\xfe\xe9\xa7\x9f^\xb3f\x8d\xf9\r\xc9\xd0?\x08\x00\x15\x99\x93\x8e\xe2\xe2\xe2\x993g\x96\x97\x97\x13Q\xae\xdf\x7fw~\xfe\xf5\xfd\xfa\xf9\x9c\xce\x86h4f\x18\xc4\x18o\x8f\xbd\xcc\x92HH)\xa5\xb4q\x9ej\xb7\x1bR~t\xec\xd8\xef?\xff\xfc\x9f\xc7\x8f\x13\x91\xd3\xe1xl\xfe\xfc\xa2\xa2\xa2\xf3z\rX\xbd~H\xac\x96\xfe\xb9\xe3\x8e;N\x9c8AD\xfd\xfa\xf5\xbb\xef\xbe\xfbn\xbe\xf9f\xbf\xdf\x1f\x0c\x06\xa3\xd1\xa89|\xb7C\xff|\xb9\x19\xd4f\xb3y\xbd^\xc30V\xaf^\xfd\xe4\x93O~\xf4\xd1GD\xe4t:\x1f{\xec\xb1\x04\xf6\x0f\x02@9f\xf7/Z\xb4h\xf6\xec\xd9DD\x8c\xfd\x9fK.y\xe0\xb2\xcb\xb2\xdd\xee\xfaHD\x17B\xe3&lt;NmhH\xc9\x88\xd2\x9cNC\x88E\xdb\xb7\xcf\xdf\xbc\xb9!\x12!\xa2Y\xb3f-\\\xb8\xd00\x8c\xd6\xbc\xe4\xac^?$\xd6\x99\xfdC\xf4\x93\x9f\xfc\xe4\xa1\x87\x1e\xca\xc9\xc9\xa9\xab\xab\x8b\xeb\xbdY\xc30\x18c\xe6\xb2\xcf\xb3\xcf&gt;;o\xde\xbc\x86\x86\x06Jh\xff \x00\xd4b^\xf9\xb6t\xbf\xcf\xe5z\xec\x8a+\xa6\r\x1c\x18\x88D\xa2\x86a\xeb\x90\xfbQ\xe60\xda\xc5\xed\xdeTQ\xf1\xf3\x0f?\xdcUSCR\x9a\xaf\x81o\x9d\x07Y\xbd~H\xac3\xfa\xc7\xef\xf7?\xfd\xf4\xd33f\xcc\x08\x04\x02\xd1h\xb4c\xd6\xe2\xcd\x18\xc8\xcc\xcc\xdc\xb0a\xc3]w\xdde\xdevNT\xff \x00\x14\xf2\x95\xeeg,\xdb\xed^2q\xe2\x98^\xbd*\x9a\x9alq\x9b5\x7f\x93\x98\x10~\x97\xab*\x14\x9a\xfe\xde{[\xab\xaaH\x88\x96y\xd0\x19o\xc3\xe94\xf5Cb\x9d1\xfa\xe7\xe4\xe4\xbc\xfe\xfa\xebc\xc7\x8e=u\xeaT\xdbn\xf3~\x17\xb1X\xcc\xef\xf7WUU\xddp\xc3\r\x9b6m\xa2\xd3\xae\x03:\xb2\x7f\x10\x00\xaa0\x1bk\xcd\x9a5\xe3\xc7\x8f\'\xa2L\xb7\xfb\xfd\x9bn\xea\x93\x9e^\x17\x89\xd8\x13\xb4\x11M\x17\xc2e\xb3q\xc6n~\xe7\x9d\x8fO\x9c \xa2\x87\x1ezh\xee\xdc\xb9g\xdd\x17a\xf5\xfa!\xb1\xce\xe8\x9f.]\xba\xac_\xbf\xbeo\xdf\xbeuuuv\xbb=!%\xe9\xba\xeer\xb94M\x9b4i\xd2\xbau\xeb(\x11\xfd\x83\x00P\x82\xb9\xdd\xb8\xb2\xb22//\xef\xd4\xa9S\xe9N\xe7\xab?\xfc\xe1\xc8n\xdd\xea#\x91\x8eY6\xf9&amp;\x86\x94.M\x0bF\xa3S\xde}wGu5#*..\x1e?~\xfc\x19\xf3 \xab\xd7\x0f\x89\xd5\xd2?\xf9\xf9\xf9\x95\x95\x95&gt;\x9f\xef/\x7f\xf9\xcb\xe5\x97_\x9e\xc0\xd1\xdfd\x18\x86\xcb\xe5\n\x04\x02?\xfe\xf1\x8f\xb7m\xdb\xc6\x18\xeb\xe0\xfe\xc1{X\x94`\xbe\xd3}\xc6\x8c\x19\x95\x95\x95D\xf4\xe8\x15W\x8c\xe9\xd5\xab.\xd1\xa3\'\x11i\x8c\x85\r\xa3\x8b\xdb\xfd\xfc\xf8\xf1&gt;\xa7SJ9c\xc6\x8c\x8a\x8a\n\xc6\x98y*\x8b\xc9\xea\xf5Cb\xb5\xf4OEE\x05\x11\xfd\xeew\xbf\x1b;vl\xc2G\x7f"\xd24-\x1c\x0egee\xbd\xfc\xf2\xcb~\xbf\x9f\x88n\xbf\xfd\xf6\x8e\xec\x1f\x04@\xe7g\xce&amp;\x96/_\xbez\xf5j"\x9a&gt;p\xe0m\x83\x06U45%j\xe5\xe4\x0c6\xc6\xea#\x91A]\xba\xfc\x7f\x85\x85DTYY\xf9\xc0\x03\x0fp\xce[\xaeM\xad^?$\xd6\x19\xfd3s\xe6\xcc\xdbo\xbf\xfd\xd4\xa9S\t\x1f\xfdM6\x9b\xad\xbe\xbe~\xf0\xe0\xc1O&gt;\xf9\xa4\x94\xb2\xa2\xa2\xa2#\xfb\x07K@\x9d\x9c\x94RJY__?r\xe4\xc8\x83\x07\x0e\xf4NK[u\xf3\xcdNM3\xb7\xb2$\x0fC\x08\xbf\xcb5\xe3\xfd\xf7\xdf;x\xd0\xe9p\xac_\xbf~\xd8\xb0a\xe6Q\xba\x96\xae\x1f\x07E$\xd6W\xfa\xff\xe0\xc1\x0b/\xbc\xf0\x93O&gt;q\xb9\\\xe6V\x9cDW\xf7/\x86addd\xdct\xd3M\x7f\xfd\xeb_\x9dNg\x87\xf5\x0f\xba\xb3\x9337\x17/Y\xb2d\xff\xfe\xfdB\xca9C\x86d{&lt;Q\xc3H\xa2\xde\'""\xc6XT\x88\xfb\x87\rsiZ$\x12\x99;w\xae9\xf4[\xbd\xfeD\xd7\xa5\xba\xaf\xf4\x8f\x10\xf7\xddw_NN\x8e\xf9&gt;\xafD\x97\xf6\x15\x8c\xb1h4\xfa\xe0\x83\x0f:\x9d\xce\x8e\xec\x1f\x04@g&amp;\xa54\x17\x19\x97\xbc\xf8"c,\xd7\xef\xbf\xa9\x7f\xff\xba\xe6\xe6\x84/\x9d\x7f\x1dg\xac1\x1a\xcd\xcb\xce\xfeq\xdf\xbeD\xb4n\xed\xda\xb2\xb22M\xd38\xe7\x96\xae\x1fw\x02\x12\xe8_\xfd\xbfd\tc\xac\x7f\xff\xfe\xd3\xa6M\xab\xab\xabK\xc2=Z\x9c\xf3\x86\x86\x86\x82\x82\x82\x1bo\xbc\x91\x88\xd6\xad[\xd71\xfd\x93t/$hG\xe6\xfbJ\xd6\xacY\xb3\xab\xb4TJ\xf9\xd3\xbc\xbct\xa7SO\xd6!\x893\x161\x8c\xff\xc8\xcb\xf38\x1cM\xa1\xd0\x0b/\xbc@D\x9csK\xd7\x8f\x00H\xa0\x7f\xf5\xff\xae]R\xca\xa2\xa2"\x9f\xcf\xa7\xebz\xa2\xeb:;\xceyss\xf3\xbd\xf7\xde\xeb\xf1x\x9a\x9a\x9a:\xa6\x7f\x10\x00\x9d\xdfKK\x960\xc6\xbaz\xbd?\xea\xdb\xb7!\x1a\xd5\x92o\xfal\xe2\x8c5E\xa3y\xd9\xd9\x97w\xef\xce\x18{\xf3O\x7fjll$"s\xfao\xc5\xfaC\xa1\x90\xcdf\xc3BPb\xbd\xf4\xd2K\x8c\xb1n\xdd\xba\xddp\xc3\r\xc1`0i\xb7\xe7r\xce\x9b\x9a\x9a\n\n\n\xc6\x8c\x19\xc3\x18{\xf3\xcd7;\xa0\x7f\x92\xf4\xb5\x04\xdf\x9dy\xfd\x1b\x08\x046m\xda$\xa5\x1c\xd3\xa3G\xb6\xc7\x13K\xbe\xd5\xf3\xd3I"\xce\xd8\xa4\x0b/\x94R\x9e8y\xb2\xb4\xb4T\xd7\xf5\x8d\x1b6X\xb4\xfe\x92\x92\x12\xc2E@\x82\xb4\xf4\xff\xe6\xcd\x9b\xa5\x94W]uUvvv,\x16K\xb6\xd5\xff\xd3\x99\xbb\x1e\xae\xb9\xe6\x1a)eyyy\x07\xf4\x0f\x02\xa0\xd32\xfbf\xcb\x96-\xc7O\x9c \xa2\xf1\xbd{\x13\x11%q\xf7\x13\x91\xc6yX\xd7G\xf7\xe8\xe1u\xb9\x0c\xc3X\xb7n\xdd\x8e\x1d;\xca+*\xc8\x9a\xf5\xbf\xff\xfe\xfb\xd4\xa6\x93\x84\xe1\xbbk\xe9\xffc\xc7\x8e\x11\xd1\xc4\x89\x13\x93\xff\x17a\xde\xb1\xb8\xf2\xca+\xd3\xd2\xd2t]_\xb9r%\xc5\xb9\x7f\x10\x00\x9d\x96\xd97\xe61#)N\xe7%\x99\x99\xcd\xba~\xbe\x9f\x8b\xd2\xc1\x18Q\xc40zx\xbd\x17\xa5\xa7\x13Q\xc9\xb6m\x1f\x7f\xfc1Y\xb6\xfe-\x9b7\x13\x11v\x82&amp;\x84\xd9\xff\x9b7o&amp;\xa2\xd4\xd4\xd4\xbc\xbc\xbc\xe6\xe6\xe6$\xff]0\xc6"\x91H\xaf^\xbd\xfa\xf6\xedK_\x16\x1f\xd7\x9a\x93\xfa\x9f\x03\xbe\x0b\xf3Rw\xeb\x96-DtAZZ\xb7\xd4\xd4$_?1\t!&lt;v\xfb%\x19\x19D\xb4\xbd\xa4\xe4\xfd\xf7\xde#\xa2^^\xaf\x15\xeb/+-mll\xc4\x9b\xc2\x12\xc2\xec\xff-[\xb6\x10Q\xef\xde\xbd{\xf4\xe8\x91\xe4\xeb?&amp;!\x84\xc7\xe3\xb9\xf4\xd2K\x89\xa8\xac\xac,\xde\xfd\x83\x00\xe8\xb4\xcc}\xc4UUUD\x94\xe9r\xa5:\x1c\x86\x15\x86!I\xa41\xd6-%\x85\x88jkj\x8e\x1e=J\x96\xad\xbf\xbe\xbe&gt;\x1c\x0e\'\xba"E\x9d\xde\xffYYY\xa9\xa9\xa9\xe6g{%9\xf3\xcd_=z\xf4 \xa2@ \x10\xef\xfeA\x00tNf\x1b\x05\x02\x81\xbd{\xf6\x10\xd1\x00\x9f\xcff\x91\xf7%1\xc6t!\xfa\xfb\xfdDTYU\xb5\x7f\xff~"\xeao\xcd\xfa\x83\x8d\x8deee\x84\xfb\xc0\x1d\xee_\xfd\xbfw/\x11]|\xf1\xc5\x9a\xa6Y\xa5\x7f\x0c\xc3\xb8\xf8\xe2\x8b\x89(\x10\x08\xc4\xbb\x7f\x92\xee\r\x11\xd0\x8e\xa4\x94\xb1X\x8c\x88\xfc.\x17g\xcc\x02\xedODD\x92(\xc3\xe5""]\xd7\x05cD\x94a\xcd\xfa\x85\x10I\xbb\xeb\\\x05RJ\xf3\xdf?33\xd3B\x0bqR\xca\xcc\xccL\xea\x90\xfe\xc1\x15@\'g.z\xea\x16i\xfd\x16f\xc1-\x9f\x8ed\xd1\xfa\xa9=&gt;\x94\x18\xbe\x8b/\xfa\xc7j1\xdcRp\xbc\xfb\x07\x01\xa0\x04\xcb\rB\xec\x9c\x7fM~\x96+\xb8s\xb3\\\x0cwX\xc1\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eKt\x01\xad"\xa5l\xc3\x7f\xc5\x18k\xf7J\xda\xc6\xea\xf5\x03@\xa7\x94\xa4\x01 \xa5\x14BH)\x19c\x8c1\xce\xdbr\xa5\xd2.O\xd26V\xaf\x1f\x00T\x90\\\x01`\x0eyD\xa4i\x9a\xa6i-\x8f\x07\x02\x01!\x04c\xac\x95Sis\xee\xec\xf3\xf9N\x7f\x12s0\xe5\x9c\xc7ofm\xf5\xfa\x01@)\xc9\x12\x00RJ\xc30l6\x9b9\xe4544l\xda\xb4i\xc3\x86\r\x9f\x7f\xf6yMmmYi\x99n\xe8\xe7\xfb\x9c\xb9}\xfb\xfa\xfc\xfe\xe1\xc3\x87\x15\x14\x14\x8c\x181\xa2G\x8f\x1e\xe6\xe3\xba\xaes\xce\xdbwBm\xf5\xfa\x01@AI\x11\x00\x86ah\x9af\xb3\xd9\xa2\xd1\xe8\xca\x95+\x97-]\xb6y\xcb\x96\xa3G\x8f|\xc7\xa7\xad\xa9\xa9&amp;\xa2\xe2\xe2\x95D\xe4\xf3\xf9\x87\r\x1b:e\xca-\xd7]wmvv6\x11\xe9\xba\xaeiZ\xbb\xcc\xa6\xad^?\x00\xa8)\xc1\x01`.\x89h\x9a\x16\x08\x04\x16-Z\xb4l\xd9\xcb;vlo\xf9\xaa\xc7\x9d\xeaO\xef\x9a\x96\xda%;\xf3\x82\x14O\xba\x10\x06Qk\xc6;\xc9\x183\x0c\xfdD\xe5\xbeP8X]w\xbc\xa1\xb1\xbe\xbe\xben\xcd\x9a5k\xd6\xac\x99\xfb\xbf\xff{\xdb\xf4\xdb\xee\xbc\xf3\xce\x01\x03\x06\x10\x91\x10\xe2\xbbL\xa5\xad^?\x00\xa8,\x91\x01`N\x9c\x89h\xc9\x92%\xf3\xe7?\xbeg\xcfn\xf3\xf1L\x7f\xb7\xfe\x17\r\xbf\xa4_a\x8f\xae\xfd\xd3\xbd]\x9c\x0e\x0f\xe7\x1a\xe7\x9c\xceg+\x8d$i\x18\xba\xaeG\x83M5\x15\xa7\x0e\xed&gt;\xb8q\xf7\x81\r\'*\xf6\x9f\xac8\xf9\xc4\x13O,^\xfc\xe2=\xf7\xfc\xec\xde{\xefMOO\xd7u\xddfk\xcb\xbf\x83\xd5\xeb\x07\x00\xc5%l\xe00G\xcf\xf2\xf2\xf2\x993g\x16\x17\x17\x9b\x0f\xf6\xc8\xc9\x1d{\xd9\xd4\xfc\x81WzS3\xa4$]\x8f\xe8F,\x1ci\xa46m\xa3$\xc68ci)\x99\x99\xfd\xbb]z\xf1\x98ps\xe3\xfe\xc3\x9f}\xf8\xe9\xab\xbb\x0fl\xa8\xab\xab\x9d7o\xde\x8a\x15+\x16/^\\XXh\xde\xa1=\xaf\xe5\x14\xab\xd7\x0f\x00\x90\x98\x000\'\xad\xc5\xc5\xc53g\xce,//\'\xa2\x9c.\xbd\x7fPx\xfb\xd0K\xafv\xbb\xbc\xcd\x91\xa6\xa6P\x80\xbe\x18\x00\x19g\xbcU\x0b\'\xdf\xf4\xb3\x8cX\xcc\x88\x92\x94\x9ck\x83\xfa_&gt;0\xf7\xb2\xb2\xfd\x1b\xd6|\xbcl\xcf\xc1\xcd{\xf6\xec\xf9\xfe\xf7\xbf?\x7f\xfe\xfc\xa2\xa2"s\xf7N+\xc7P\xab\xd7\x0f\x00@\t\t\x00s\xf4\\\xb4h\xd1\xec\xd9\xb3\x89\x88\x18\x8d\x19~\xf3\x8f\xaf\xfaiZjf(\x1cl\n\xd5s\xce9\xd7\xbe\xediZ\x8b1\xc6\x88\x99Cp8\xdc\xc8\x18]\xd2\xbfp`\xeee\x1fmX\xf1\xde?\x9e\x0b77\xdd{\xef\xbd\xa5\xa5\xa5\x0b\x17.4\x0c\xa35\x9b,\xad^?\x00\x80\xa9\xa3\x03\xc0\xdc+\xd92z\xa6x\xd2n\xfe\xe1/G\r\xb9&amp;\xd4\xdc\xd0\xd0T\xabq[;\x0e\x9d_g\xde/\r\x85\x83\x8c\xb1\xab\xaf\xf8\xf7\xbe\xbd\x87\xbc\xf2\xd7y\'*\xf6-Z\xb4\x88\x88\x16.\\\xf8\xad\xf3h\xab\xd7\x0f\x00\xd0\xa2C7\x90\x98\xeb\xe6\xe6\xe8\xc9\x18\xa5\xa5f\xfe\xe4\xd6\xa7.\x1fz]\xb0\xb1F\x08C\xe3\x1d\x94F\x9ck\x8c\xf1@Cu\xef\x1e\x03\xef\xf9\xb7\xffwa\xcf\xc1\x8c\x91Y\x15\xe7\xdc\x1cC;e\xfd\x00\x00\xa7\xeb\xb8\x000G\xcf5k\xd6|1wv\xfb\xfe\xf3\xce\xc5}.\xc8\x0f\x04\xab4\xcd\xd6\xf1\x93VM\xb3\x85\xc2\rNg\xca\x7f\xde\xb98\xb7\xf7P"Z\xb4h\xd1\xbcy\xf34M\xd3\xf5\xb3\xbci\xcb\xea\xf5\x03\x00\x9c\xa1\x83\x02@\x08\xa1iZee\xe5\xf4\xe9\xd3\x19c\x1ew\xda]\xb7\xfe6+\xa3W\xa89\xa8i\t\xdb\x89\xc4\xb9\xa6\xeb1)\xc5\x1d\xb7&lt;\xd6\xab\xdb\x00b4o\xde\xbc\xd5\xabW\xdbl6\xc30:S\xfd\x00\x00_\xd7A\x01`\x9e\x940c\xc6\x8c\xca\xcaJ"\x9a\xf2\xa3_\x0c\xe8;"\x14\x0ev\xd8\xb2\xc97\xe1\x9c\xc7b\x11oJ\xc6\xff\xb9\xf97\x1eW\x9a\x94r\xc6\x8c\x19\x15\x15\x15\x8c\xb1\xd3\xd7R\xacX\x7fb\x0b\x03\x80\xe4\xd7\x11\x01`.\x9e,_\xbe|\xf5\xea\xd5Dty\xc1\xf5\xa3\n\xae\x0b4T%p\xee|:\xce\xb5P8\xd8=\'w\xf2\xa4\xfb\x88\xa8\xb2\xb2\xf2\x81\x07\x1e\xe0\x9c\xb7\x1c\xdcf\xc5\xfaO?E\x0e\x00\xe0\xac\xe2\x1e\x00\xe6i\xc6\xb5\xb5\xb5\x0f?\xfc0\xe7&lt;+\xa3\xe7\xf5W\xff,\x14\x0er\x96D#\x94\xa6\xd9\x1a\x9b\xeaF\x15\\\x9b?\xe8\xfbD\xf4\xdak\xafm\xde\xbc\xd9\xbc\xa1j\xd1\xfa7m\xda\xd4r4)\x00\xc0Y\xc5=\x00\xcc\xcd\xe9K\x96,\xd9\xbf\x7f\xbf\x10\xe2\x07\xa3oOK\xed\xa2\x1b\xb1\xa4[\xa3`L7b?\x1c7\xcbnwF"\x91\xb9s\xe7\x9a\xa77[\xbd\xfeD\x97\x05\x00\xc9+\xbe\x01 \xa5\xd44-\x1c\x0e\xbf\xf8\xe2\x12\xc6XN\xd6\x85\xc3\xbf7\xa9)\x1c\xd0\xe2\xb9Y\xbem8\xe3\x91H\xe8\x82\xee\x03\x87\x0c\xfa&gt;\x11\xad]\xbb\xae\xac\xacL\xd34\xce\xb9\x15\xeb_\xb7n\xdd\xbe}\xfbRSSq\x11\x00\x00\xdf$\xbe\x01`\x9eQ\xb3f\xcd\x9a\xd2\xd2]R\xca\xabF\xdd\xe6q\xa5\t\x91\xa4\x1bT\x18c1=z\xd5\xe5\xd3\x9d\x0ew(\xd4\xf4\xc2\x0b/\x10\x11\xe7\xdc\x9a\xf5\x87^xa\xb1\xcb\xe5B\x00\x00\xc07\xe9\x88\x9b\xc0K\x96\xbc\xc4\x18\xf3\xa5g\xe7\r\xba2\x1cid,I\x8f/f\x8cG\xa2\xa1^=\x06\xf5\xbbh(c\xec\x8d7\xdelll$"s\xfao\xc1\xfa\xdf\xa8\xac\xact:\x9d\x89\xae\x0b\x00\x92T\x1c\xc72s\xfd\'\x10\x08\x987$\x07\xf4\x19\x91\x96\xda\xc5H\xc2\xd5\xf3\xd31\xe2\xc4.\x1d0VJY^~\xa2\xb4\xb4T\xd7\xf5\x8d\x1b7Z\xb1\xfec\xc7\x8en\xdd\xba\xd5\xe3v\'\xba&amp;\x00HRq\xdc\xc8h\xbeyj\xcb\x96-\'N\x1c\'\xa2Kr\x0b\x89$%\xf3\xe8I\xc4\x88Gb\xcd\x03.\x1a\xe6q\xa5\x86\x9a\x1b\xd7\xad[g\xb7\xdbO\x9e,\'\xab\xd5\xefr\xa5477\xad\\\xb9\xd2\xe1p$\xba(\x00HR\xf1\xbd\x02 \xa2M\x9b6\x11\x91\xcb\xe9\xe9\xd9\xad\x7f,\x16a\xdf\xe5d\xe4\xf8c\x8c\x19F\xd4\xef\xeb\xda%\xb3\x17\x11m\xdbV\xf2\xf1\xc7\x1f\x93\x05\xeb\xcf\xca\xe8ED\x9b7o\x8e\xe1X\x08\x00\xf8\x06q\xbc\x020\x97J\xb6l\xd9JD\x99\xfe\xee\xbe\xb4,\xdd\x88%\xf9\x00JDB\x08\xb7\xcb\xdd#\'\xf7\xe8\x89\xb2\x92\x92\x92\xda\xda\x1a"\xca\xf0u\xb3Z\xfd\xfd\x8e\x95\xef.\xddUj\xe81\xfa2\x8c\x01\x00N\x17\xdf\x00\x90RVUU\x11Qj\x8a\xdf\xe9LinN\xde;\xa8\xa7\xe3\x8c\xfb\xbc\xd9DTSS#\x85 +\xd6\x9f\x96MD\xc1\x86\x06-\xd9\x03\x0b\x00\x12&amp;^\x01 \xa5\xe4\x9c\xd7\xd7\xd7\xef\xdd\xbb\x97\x88\xbav\xb9\x883MJ\x99\xdcK\xe8DD\xc4\x98\x10F\xd7\xac\x8b\x88\xa8\xaa\xaa\xaa\xa6\xa6\x86,[?\xe7\x9c\x91l\xe3\x07R\x02@g\x17\xdf\xd3l\xa4\x94\xb1X\x8c\x88R&lt;&gt;n\x85\xb9\xb3I\x92L\xf1\xf8\x88H\xd7us!\xcbr\xf5\xa7z|d\xae\xfc$\x7fb\x01@\x82\xc4}P3\x07P!,v+\xd2,\xb8\xe5\x93\xd6-Z?\x00\xc09t\xd8\xac\xd6r\x13Qv\xce\xbf&amp;?\xcb\x15\x0c\x00\x1d\xcd2\xcb\x1a\x00\x00\xd0\xbe\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b2%\xba\x00\x00\xf8\x16R\xca6\xfcW\x8c\xb1v\xaf\xa4m\xac^\x7f\'\x86\x00\x00H:RJ!\x84\x94\x921\xc6\x18\xe3\xbc-W\xea\xed\xf2$mc\xf5\xfa\xd5\x81\x00\x00H\x16\xe6\x90GD\x9a\xa6i\x9a\xd6\xf2x \x10\x10B0\xc6Z9\x956\xe7\xce&gt;\x9f\xef\xf4\'1\x07S\xcey\xfcf\xd6V\xaf_A\x08\x00\x80\xc4\x93R\x1a\x86a\xb3\xd9\xcc!\xaf\xa1\xa1a\xd3\xa6M\x1b7l\xf8\xec\xf3\xcfjkk\xcbJK\rC\'bD\xad\\KaD\xd4\xb7o_\x9f\xdf?l\xd8\xf0\x82\x82\x82\x11#F\xf4\xe8\xd1\xc3\xfc\x9a\xae\xeb\x9c\xf3\xf6\x9dP[\xbd~e!\x00\x00\x12\xcc0\x0cM\xd3l6[4\x1a]\xb9r\xe5\xb2eK\xb7l\xde|\xe4\xe8\xb1\xef\xf8\xb4U\xd55D\xb4re1\x11\xf9}\xe9\xc3\x86\r\x9f2e\xca\xb5\xd7]\x97\x9d\x9dMD\xba\xaek\x9a\xd6.\xb3i\xab\xd7\xaf2\x04\x00@\xc2\x98K"\x9a\xa6\x05\x02\x81E\x8b\x16\xbd\xfc\xf2\xb2\xed\xdbw\xb4|\xd5\x9b\xe2\xea\x9d\x9d\x96\x93\xe1\x19\xd8\xc3\x97\x91\xee2\x0c\xc1\xa8U\xe3\x1dc\x14\xd3\xc5\xe7\x07\xab\xeb\x1b"\xfbO\xd6\xd7\x04Bu\xf5\x81\xd5k\xd6\xac^\xb3f\xee\xdc\xff\xbd\xf5\xb6\xe9w\xdey\xe7\x80\x01\x03\x88H\x08\xf1]\xa6\xd2V\xaf\x1f\x10\x00\x00\x89aN\x9c\x89h\xc9\x92%\x8f?&gt;\x7f\xf7\xee=\xe6\xe3\x17\xe4\xa4_\x95\xdfs\xd2\xf0\x0b\x87\xf4\xcd\xea\x9e\x99\xe2q;Hc\xc4Yk\x97OZ\xe8B\x8f\xea\x15u\xa1]GkV}vl\xd5\xd6\xa3;\x0fU\x97\x9f\xacx\xe2\x89\'^\\\xbc\xf8g\xf7\xdcs\xef\xbd\xf7\xa6\xa7\xa7\xeb\xban\xb3\xb5e\x1c\xb0z\xfd@\x08\x00\x80\x840G\xcf\xf2\xf2\xf2\x993g\x16\x17\x17\x9b\x0f\x0e\xbe(\xeb\x9e\xeb\xf3n,\xcc\xcd\xf4{HJ#j\xc4t\xa3\xa9)"\xda\xba\x8d\x923\xd6\xd5\xef\xe9\x99\x936\xe1\xb2\xbe\xe1\xa6\xc8\xda\x1d\xc7\x7f\xfb\xd6\xe7\xab\xb7\x1e\xad\xad\xab\x9b7o\xde\x8a\x15+\x16/^\\XXh\xde\xa1=\xaf\xe5\x14\xab\xd7\x0f&amp;\x04\x00@G3\'\xad\xc5\xc5\xc5w\xcc\x9cy\xa2\xbc\x9c\x88\x06\xf4\xca\xf8\xaf\x9b\x0b\xa6\x8e\x1d\x90\xeauFB\xd1\x86`\x981\xc6\x19\x11c\x9c3\xde\xba\x95\x93\xb3\x8a\xeaFs\xcc\x90R\xda4&gt;q\xf8E\x13\x87^X\xbc\xf5\xc8\xe3\x7f\xda\xf2\xe1\xb6c{\xf6\xec\xb9\xea\xfb\xdf\x7fl\xfe\xfc\xa2\xa2"s\xf7N+\xc7P\xab\xd7\x0f-\xb0|\x06\xd0\xa1\xcc\xd1s\xd1\xa2E\x13\'N&lt;Q^N\xc4\xee\xbe&amp;\xef\x93\xdfM\xb9\xf3\x9a&lt;\x8dQC l\x18\xd2\xa6q\x8d\xb7\xcf\x9c\x961\xa6qf\xd38\x1156E\x9a\xc2\xd1\t#.\\5\xff\xc6\xdf\xfdtlZ\x8a3\x12\x8d\xde{\xef\xbd\xb3g\xcf\xe6\x9c\x9b\xfb,;}\xfdp:\x04\x00@\xc71\xf7J.Z\xb4h\xf6\xec\xd9D\x94\xe1u/\x7f`\xe2\x1f\xfe\xf3\x07)\x0e[C}\x88\x88l\x1a\x8f\xdf,V\xe3\x8cs\xd6\xd8\x18i\x0e\xc7~~\xcb\xf0\x0f\x1e\xbf)\xafO\x16\x113\xeb\xd14MJy\xee1\xd4\xea\xf5\xc3\x19\x10\x00\x00\x1d\xc4\\7\xffr\xf4d\xdd2R\xfe\xf6\xf05\xd3&amp;^\x12\xac\x0b\x19B\x9a\x93\xdc\x0e`\x0e\xa3\xc1\xda\xa6a\xfdsV\xcf\xbf\xf1\xb2\x8bs\x88\xb8Y\x959\x8f\xee\xac\xf5\xc3\xd7!\x00\x00:\x829z\xaeY\xb3\xc6\x9c;wIw\xfd\xf3\xa9)\xa3\x06\xf7\x08\xd64\xd9mq\x9c5\x7f\x13\xbb\x8d746\xa7{\x1c\xeb\x9e\x9are^w"Z\xb4h\xd1\xbcy\xf34M\xd3u\xbd\xf3\xd5\x0fg\x85\x00\x00\x88;!\x84\xa6i\x95\x95\x953\xa6Og\x8c\xf9\xbd\xae\xb7\xe7]\xdb\xa7\xbb\xaf\xa1\xb1\xd9nK\xd8k\xd0\xa6\xf1h\xcc\x90R\xae\xf8\x9f\x1f\x15\xe4f\x13\xb1y\xf3\xe6\xad^\xbd\xdaf\xb3\x19\x86\xd1\x99\xea\x87o\x82\x00\x00\xe8\x08\x86a\xcc\x981\xa3\xa2\xb2\x92\x88\x9e\xbd\xfb\xca\xcb\x87\xf4\n64w\xd8\xb2\xc97\xd18\x8bF\x8cl\xbf{\xf9\x03\x93\xfc^\'Iy\xfb\x8c\x19\x15\x15\x15\x8c\xb1\xd3\xd7R\xcc\x93\x1e\xacU\x7fb\x0b\xb3\n\x04\x00@\xdc\xd9\xed\xf6\xe5\xcb\x97\xaf^\xbd\x9a\x88fM\x1a&lt;m\xe2%\xe6\xcaI\xa2\xeb""\xd24\x16l\x88\x0c\xe8\xd3\xe5\x99\x9f\x8e\x95D\x15\x95\x95\x0f&lt;\xf0\x00\xe7\xbc\xe5n\xaa\xb9\xf8c\xad\xfaO?E\x0e\xce!)~\x85\x00\x9d\x959\x8c\xd6\xd4\xd4&lt;\xfc\xf0\xc3\x9c\xb3\xbe\xdd}\x8f\xdd1\xba9\t\xe6\xce\xa7\xb3\xdbxc}h\xfa\x84Kn\x1c\xdd\x8f\x88\xbd\xf6\xdak\x9b7on\xd9X\xc9\x18\xab\xad\xad\xb5V\xfd\x9b6mj9\x9a\x14\xce!\x89~\x8b\x00\x9d\x8fyCr\xf1\xe2\x17\xf6\xef\xdf/\x84\xfc\xd5\xcd\xc3\xfc\x19\x9e\x98n$\xdb\x12\x05c\xcc\xd0\x8dy\xd3G\xba\x1cZ$\x12\x99;w\xaeyz\xb3a\x18\x9c\xf3%K\x96X\xb4~\xec\n=7\x04\x00@\x1c\xd9\xedv!\xc4\x92%K\x18c\x03zeL\xbbj@8\xc9\xa6\xcf&amp;\xceY8\x14\x1d\xdc?{\xf2\x15\xfd\x88h\xdd\xba\xb5eee\x9a\xa6q\xce\xc3\xe1\xf0\x92%/Z\xad\xfeu\xfb\xf6\xedKMM\xc5E\xc0\xb9%\xdd/\x12\xa03IKK[\xbf~\xfd\xee\xdd{\xa4\x94\xffuSAJ\xaaS7\x92tHb\x8c\x19Q\xe3\xfe\xc9\x05).GSS\xe8\x85\x17^ "\xce\xf9\x9a5kv\xed*\xb5V\xfd\xa1Ph\xf1\xe2\x17\\.\x17\x02\xe0\xdc\x10\x00\x00q\xc4\x183\xa7\xff\xdd\xbbxo\x1a\x9d\x1b\tE\xb5d=\xbe\x98s\x16\x0eG\xbf\xd7?gl^O\xc6\xd8\x9bo\xfc\xa9\xb1\xb1\x91\x88,[\xff\x1b\x95\x95\x95N\xa73\xd1u%\xb5$\xfd]\x02t\x0e\'N\x9c\xd8\xbci\xa3\x94r\xfc\x90^~\xbf\'\x16K\xba\xd5\xf3\xd3I"bt\xfd\xa8&gt;R\xca\xf2\xf2\x93\xa5\xa5\xa5\xba\xaeo\xdc\xb0\xc1\x8a\xf5\x1f=zl\xeb\xd6\xad\x1e\x8f\'\xd1E%5\x9c\x06\n\x10/6M\xfb\xf4\xd3O\xf7\xed\xdbGD?\x1aq!\x11Q2\x0f\x9fD\x1a\xe7zD\xbf*\xafgZ\x8a+\xd8\xd4\xbcn\xdd:\xbb\xdd^~\xf2$Y\xad~\xaf\xc7\xd9\x10\x8a\xac\\\xf9\xbe\xc3\xe1HtQI\rW\x00\x00\xf1\xe2p8\xb6l\xd9\x12\xd3\r\xb7\xd3\x9e\xdf\'\xcb\x88\xea\t83\xe1|0F\xd1\xa8\xd1+\xc7\xdb\xaf\x87\x8f\x88JJ\xb6}\xfc\xf1\xc7D\x94\xe2vZ\xb1\xfe-\x9b7\xc7b\xb1D\x17\x95\xd4\x10\x00\x00\xf1\x12\x8dF\xb7l\xd9LD\x17\xe6x\xbbwIM\xf2\xf5\x13\x93\x10\xc2\xee\xb4\x7f\xef\xa2L"\xda^R\xf2\xfe\xdf\xdf#\xa2\x8b\xbaZ\xb2\xfe\xd2\xd2\xd2\xca\xcaJ\xfa\xf2\xdd\x18\xf0uX\x02\x02\x88\x17!D]]=\x11\xe5\xf8\xdc)\x1eGSS\x84\xf3d\x1fA%\x11q\xd6\xb3K\n\x11\xd5\xd6\xd4\x98\xbbh\xb2\xd2-W\xbf\x97\x88\x1a\x1a\x1a\x18\xc7[\x82\xcf\x05\x01\x00\x10G6\x8d\xeb\x86\xb8\xa4w\x17\xe2LJI\xdf\xe1\xb3\xb1:\x06c\x8c\x84\x18\xd4+\x93\x88*\xab\xaa\xaakj\x88h\xd0\x05\x19\xd6\xaa\xff\x92\x0b2\x88\x88q\x8eC\x81\xce\r\x01\x00\x10w\x99i.\xe2\xcc2\xcb\x10\x922\xd3\\D\xa4\xeb\xba`\x8c\x882\xbd\x96\xac_J\x89\xf1\xff\xdcp\x0f\x00 \xeet\xc32\x83\xa7\xc9,\xb8\xe5\x93\xd6-Z?|+\x04\x00@\xdcYn\x1ezF\xc1V\xaf\x1f\xbe\t\x02\x00\x00@Q\x08\x00\x00\x00E!\x00\x00\x00\x14\x85\x00\x00\x00P\x14\x02\x00\x00@Q\x08\x00\x00\x00E!\x00\x00\x00\x14\x85\x00\x00\x00P\x14\x02\x00\x00@Q\x08\x00\x00\x00E!\x00\x00\x00\x14\x85\x00\x00\x00P\x14\x02\x00\x00@Q\xf8&lt;\x00\x00\x80V\x91\xa7iy\x90\x9d&amp;\x81\xb5\xb5\r\x02\x00\x00\xe0\\\x84\x10B\x08M\xd3\x1c\x0e\x87\xc3\xe1\xd04\x8ds\xce\x98\xf9\x11i$\x84\x88F\xa3\x91HD\xd7u\xc6\x18\xe7VZVA\x00\x00\x00\x9c\x85\x94\xd20\x0c\x9b\xcd\xe6\xf5z\x1d\x0eGcccyy\xf9\xd1\xa3G+**\xaa\xab\xab\x9b\x9b\x9b\x89(%%%\'\'\xe7\xc2\x0b/\xbc\xe8\xa2\x8b233c\xb1XCC\x03\xb7\xceGQ"\x00\x00\x00\xce$\xa5t:\x9d\x1e\x8f\'\x10\x08\xac[\xb7\xae\xb8\xb8x\xed\xda\xb5\xfb\xf6\xed\xab\xaf\xaf\xff\xfa7\xdb\xed\xf6\xde\xbd{_y\xe5\x95\xb7\xdezkaaa$\x12inn\xd64\x0b|\x1e=\x02\x00\x00\xe0+\xa4\x94\x9a\xa6\x1d;v\xec\xcf\x7f\xfe\xf3\xeb\xaf\xbf\xbe}\xfb\xf6s\x7f\x7f,\x16\xdb\xbf\x7f\xff\xfe\xfd\xfb\x17-Z4u\xea\xd4_\xff\xfa\xd7={\xf6\x0c\x06\x83\xc9\x9f\x01\x08\x00\x00\x80\xaf0\x0c\xc3\xef\xf7?\xfa\xe8\xa3\xf3\xe7\xcfoy\x901\xd6\xa7O\x9f\x01\x03\x06\xf4\xed\xdb7++\xcb\xedvK)\xeb\xeb\xeb\x0f\x1d:\xb4m\xdb\xb6\xb2\xb22"\xd24m\xc5\x8a\x15\x9f|\xf2\xc9\x8a\x15+\x86\x0e\x1d\x9a\xfc\x19\x80\x00\x00\x00\xf8\n\xcey8\x1c\x9e:u\xea\x82\x05\x0b\x84\x10\x83\x06\r\xba\xfe\xfa\xeb\'L\x980p\xe0@\x9f\xcfg\xb7\xdb\x89\xc8\xbc\x03\xcc\x183\x0c#\x18\x0cn\xd9\xb2\xe5\x99g\x9e\xf9\xdb\xdf\xfef\xb7\xdb\x8f\x1e=z\xddu\xd7}\xf4\xd1G\x17^xa8\x1cN\xe6\xdb\xc2\x08\x00\x00\x80\xaf\xe0\x9c777\xf7\xef\xdf\xffW\xbf\xfaU\xbf~\xfdn\xb8\xe1\x86\xf4\xf4\xf4H$\x12\x0e\x87\x03\x81\xc0\xe9{@\x89\x881\xa6i\xda\xd8\xb1c\xaf\xba\xea\xaa\xe7\x9e{\xee\xe7?\xff\xb9\xc3\xe1\xa8\xaa\xaa\xba\xfb\xee\xbb\xdf\x7f\xff\xfdD\xfd_h%\x04\x00\x00\xc0\x99\x18c\xcd\xcd\xcd\x0f=\xf4\x10c\xac\xb1\xb1\xb1\xaa\xaa\xca\xdc\xdb\xf3MK:\xc1`PJ\xf9\x1f\xff\xf1\x1fR\xca9s\xe6\xd8l\xb6\x8f&gt;\xfa\xe8\xbd\xf7\xde\xbb\xee\xba\xeb\xea\xeb\xeb\x93v!(y\xafM\x00\x00\x12\x881\x16\x08\x04\xea\xeb\xeb\x85\x106\x9b\xed\xdc\x9b;5M\xd34\xad\xaa\xaa\xea\xa7?\xfd\xe9UW]e\xbe\'`\xf9\xf2\xe5I\xbe\x1f\x14\x01\x00\x00pv\xe6\xb0\xde\xcaA\xdc\xfc6)\xe5\x1dw\xdca\xfea\xd3\xa6MUUUv\xbb\xfd\x8cU\xa3\xe4\x81\x00\x00\x00h\x1f\x9a\xa6\x85\xc3\xe1\x82\x82\x82\x94\x94\x14"\xaa\xa8\xa88~\xfc\xb8\xc3\xe1@\x00\x00\x00t~\xba\xae\xfb\xfd\xfe\x9c\x9c\x1c\xf3\xcf555\x9a\xa6!\x00\x00\x00:9\xf3\x80 \xbb\xdd\xee\xf1x\xccG"\x91H2o\x03M\xde\xca\x00\x00\xacEJ\xc9\x18\x13B\xc4b1\xf3\x11\x9b\xcd\x96\xb4\xd3\x7fB\x00\x00\x00\xb4#\xcey(\x14\xaa\xab\xab3\xff\xec\xf3\xf9\x0c\xc3H\xda\xbd@\x08\x00\x00\x80\xf6!\xa5t8\x1cG\x8f\x1e\xad\xa9\xa9!"\xbf\xdf\xdf\xbd{\xf7X,\x86\x00\x00\x00\xe8\xe4\x84\x10.\x97\xeb\xc3\x0f?4g\xfd\x83\x07\x0f\xee\xd6\xad[4\x1aE\x00\x00\x00tf\xe6\xed\xdf\xea\xea\xea%K\x96\x98\x7f\xbd\xe1\x86\x1b\x1c\x0e\x87\x10"\xd1\xa5}#\x1c\x05\x01\x00\xd0\x0et]\xcf\xce\xce\xbe\xef\xbe\xfb\x0e\x1d:\xc4\x18\xeb\xd5\xab\xd7-\xb7\xdc\x92\xe4\x07\x82\xe2\n\x00\x00\xe0\xbb\x8a\xc5b\xd9\xd9\xd9K\x97.}\xea\xa9\xa7\xcc\xb7\xfe&gt;\xfc\xf0\xc3YYY\xc9\xbc\xfeC\x08\x00\x00\x80\xefBJi\xce\xfd_y\xe5\x95Y\xb3f\xd9\xed\xf6X,\xf6\xef\xff\xfe\xef\xd3\xa7O\xaf\xab\xab\xb3\xd9\x92z\x95\x05\x01\x00\x00\xd0FB\x08\xc6XVV\xd6o\x7f\xfb\xdb\xdbo\xbf\x9d\x88\xa2\xd1\xe8\x8f\x7f\xfc\xe3\xdf\xff\xfe\xf7\xe6\x87\x03\'\xba\xc0o\x91\xd4\xe9\x04\x00\x90\xb4t]OII\x11B\xfc\xf4\xa7?}\xee\xb9\xe7\xcc\xb9\xff\xcd7\xdf\xfc\xe2\x8b/\x1a\x86a\x18F\xf2\x07@\xb2\xd7\x07\x00\x90\x84\xcc3\x7f\x8e\x1d;6i\xd2\xa4\xe7\x9e{N\xd3\xb4X,VTT\xf4\xf2\xcb/\xeb\xba\xae\xebz\xf2\x8f\xfe\x84+\x00\x00\x80\xf3\xa5\xebzFF\xc6\xfa\xf5\xebo\xbb\xed\xb6\xf2\xf2r"\xb2\xdb\xed\x7f\xf8\xc3\x1f\xee\xba\xeb\xae\xba\xba:)\xa5%F\x7fB\x00\x00\x00\x9c\x17\xf3#\xe3?\xf8\xe0\x83\x9bn\xba\xa9\xb1\xb1\x91\x88rss_z\xe9\xa5\xc2\xc2\xc2\xaa\xaa*M\xd3\xac2\xfa\x13\x02\x00\x00\xa0\xf5\x84\x10)));w\xee\xbc\xe5\x96[\x9a\x9a\x9a\x88\xa8\xb0\xb0p\xc5\x8a\x15\xd9\xd9\xd9\xa7N\x9d2?/\xdeB\x10\x00\x00\x00\xad\xc597\x0c\xe3\xae\xbb\xee\xaa\xaf\xaf\'\xa2\xcb.\xbb\xec\x9dw\xdeq:\x9d\x81@\xc0r\xa3?\xe1&amp;0\x00@+\x19\x86\x91\x96\x96\xf6\xd6[om\xda\xb4\x89s\xde\xb5k\xd7W^y\xc5\xedv\x87B\xa1$\xdf\xef\xffM\x10\x00\x00\x00\xadb\x9e\xf5o~\xd4\xbb\x10\xe2\xbf\xff\xfb\xbf\xfb\xf6\xed\xdb\xd0\xd0`\xd1\xd1\x9f\x10\x00\x00\x00\xada\x9e\xf5v\xf2\xe4\xc9m\xdb\xb6I)\xbbv\xedz\xe3\x8d7\x06\x02\x01\xeb\x8e\xfe\x84\x00\x00\x00h\x8d3\xce\xfa\xbf\xec\xb2\xcbrrr\x92\xf9\xac\xff\xd6@\x00\x00\x00|;)\xa5\xcdf;u\xea\x94a\x18D4p\xe0\xc0$\xff\xb8\xc7\xd6@\x00\x00\x00\xb4\n\xe7\xdc\xdc\xfcCD\xdd\xbau3?\x018\xa1\x15}W\x16^\xbd\x02\x00\xe8`\x91H\xc4|\x9fWZZZ2\x7f\xd2K+!\x00\x00\x00Z\x851\x16\x8dF\xcdq\xbf\x13L\xff\t\x01\x00\x00\xd0\x1a\x9c\xf3\xc6\xc6\xc6\t\x13&amp;\xbc\xfd\xf6\xdbD4p\xe0\xc0\xa6\xa6&amp;\x0b\x9d\xfapV\x08\x00\x00\x80o\xc7\x18\x8b\xc5b={\xf6\xcc\xcd\xcd%\xa2p8l\xf5-@\x84\x00\x00\x00h%s\t\xa8\xb9\xb9\x99\x888\xe7V\x1f\xfd\t\x01\x00\x00\xd0z\x8c\xb1d\xfe\x90\xf7\xf3e\xed\x05,\x00\x80\x0e&amp;\xa5\xec\x04\xfb\x7fL\x08\x00\x00\x80\xd6\x12B8\x1c\x0e\x97\xcb%\xa5\xb4\xfa\xbb\xc0\x08\x01\x00\x00\xd0J\x8c\xb1\xd4\xd4\xd4\xf2\xf2\xf2\x83\x07\x0f\xda\xedv\x87\xc3a\xf5\x0c@\x00\x00\x00|;\xf3,\xa0_\xfe\xf2\x97\xc3\x87\x0f\x1f9r\xe45\xd7\\SUUe\xb7\xdb-\x9d\x01\x08\x00\x00\x80o!\x84HMM\xfd\xf4\xd3O\x9f~\xfa\xe9`0\x18\x89D\xd6\xae]\xfb\xc7?\xfe155\xd5&lt;\x1a\xc8\xa2\xb0\x0b\x08\x00\xe0[\x98\'\xc1\xed\xde\xbd[\xd34s\xf7\'c\xac\xac\xac\xcc0\x0cKo\x06\xc5\x15\x00\x00@\xab\x98\xf3}\xce\xb9\xa6iB\x08\x8f\xc7c\xf5w\x02[\xbbz\x00\x80\x0e\xc09ojj\x1a3fLNNN4\x1a\x8dD"R\xca\x9bn\xba\xc9\xd2\xeb?\x84% \x00\x80oe\xbe\x07\xb8k\xd7\xae\xef\xbc\xf3\xce\xd2\xa5KC\xa1\xd0\xd5W_}\xcd5\xd7444X\xfa}a\x08\x00\x00\x80o\xc79\x0f\x85B\x83\x07\x0f\xfe\xc3\x1f\xfe`\xbe\x17,\x18\x0cZ\xfa\x06\x00!\x00\x00\x00Z\x89s\x1e\x0e\x87\x9b\x9a\x9a\xccq\xdf\xd2s\x7f\x13\x02\x00\x00\xa0\xb58\xe7V\xbf\xf1{\xba\xce\xf3\xff\x04\x00\x00\xce\x0b\x02\x00\x00@Q\x08\x00\x00\x00E!\x00\x00\x00\x14\x85\x00\x00\x00P\x14\x02\x00\x00@Q\x08\x00\x00\x00E!\x00\x00\x00\x14\x85\x00\x00\x00P\x14\x02\x00\x00@Q\x08\x00\x80\xb8\xb3\xdc\x89ag\x14l\xf5\xfa\xe1\x9b\xe0, \x80\xb8\x8b\xe9\x82,\xf5\xc1\xb1Q]\x10\x91\x94RH\xf9\xc5_-X?|+\\\x01\x00\xc4\x91\x10\x82\x88&gt;;p\x8a\x0c\xc1\xad0/\x95R\x92\xc6K\x0eV\x11QNvvnn.\x11\x95\x1c\xac\xb2V\xfd\xdb\x0eT\x11\x91\x05\xcaM4\x04\x00@\x1c\xd9\xed\x0e"\xaa\t6G\xa3\xbae\xce\x8e\x97\xf2T}\x88\x88\xbcii999DT\xdb\x10\xb1V\xfd\x95\xf5!"\xb2\xdb\xed\x9d\xe9\xe4\xcex\xc0\xbf\x0e@\xbc\xb8\\\xae\x82\xa1C\x89h\x7fy\xa0\xb2\xb6\xc9a\xe72\xe9\x17R8c"fl;XCD\x83\x07\x0f\xbez\xc2\x04\xb2`\xfd%\x07\xab\x89h\xc0\x80\x01]\xbbv%"\xcbDW\x87C\x00\x00\xc4\x8b\xae\xeb\x05\x05\x05\x9cQc(Zv\xb4Ns\xd8Dr\x8f\xa0R\x92\xc3\xae\x9d\xaam\xdas\xbc\x9e\x88.\x1d|\xe9\xe8\xd1W\x10Q\xa0\xb1\xd9\x8a\xf5\xe7\xe5\xe5\xbb\xdd\xeeD\x17\x95\xd4\x10\x00\x00\xf1\x12\x8b\xc5.\xbf\xfc\xf2\x9e={\n)W}v\x94q.\x93{\x00\x15R\xda\x9c\xb6O\xcb*\xaa\xea\x1b9c\xa3\xaf\xb8b\xc4\x88\x11\xbe\xf4t\xcb\xd5_]\xdf\xc49\x1f\x7f\xf5\xd5\xba\xae\'\xba\xa8\xa4\x86\x00\x00\x88\x17I\xd4\xaf_\xbf!\x05\x05\x8c\xb1\xf76\x1fnn\x8a\xd8\xb5\xa4~\xc5I)\x99\xc6\xff\xfa\xc9A)\xc9\xe7\xf7\r\x1d:\xd4\xe3\xf1\xe4\xe7\xe7[\xaf~\xa2\xac.\x99\xa3G\x8f\x0e\x85B\x89.*\xa9%\xf5\xaf\x13\xc0\xeal6\xdb-\xb7L\x95R\xee=^\xf7Q\xc9q\xa7\xc7a\x88$\x9dDKIN\x87\xed\xe4\xc9@\xf1\xd6#D4q\xc2D\xbf\xdfODS\xa7M\xb3b\xfd\x13&amp;N\xec\xd9\xb3gsss\xa2\xebJj\x08\x00\x808jll\xbc\xfe\xfa\xeb\xb3\xb2\xb2\xa4\x94\xf3\xdf\xd8*\x85L\xda\xdb\x91\x86\x10\x0e\x8f\xe3\xd9w\xb7W\xd65i\x9a6k\xf6l\xc6\x98\x94r\xf2\xe4\xc9999\xd6\xab\x7f\xd6\xecDWd\x01\x08\x00\x808\n\x87\xc3n\xb7\xfb\xd6[o\x95R\xae\xdd~|\xf5\xa6\xc3)\xa9\xce$\x9cD\x9b\xd3\xe7\x8a\x8a\xe0\xc2\xf7w2\xc6\x86\x0c\xc9\x1f7n\x9c\x10\xc20\x8c\xcc\xcc\xcc\xe9\xd3\xa7[\xab\xfe\xbc\xbc\xbc\xd1\xa3G\x07\x83AM\xd3\x12]ZRC\x00\x00\xc4\x91\xa6iR\xca\x9f\xfc\xe4\'&gt;\x9f\x8f\x88~\xfd\xfa\x16a$\xdd\xe8ID\x86!\x1c)\xce\xa7\xfe\xfcyU}\x88\x88\xee\xbf\xff\x17D$\xa5\xe4\x9cK)g\xcf\x9em\xb5\xfa\xef\x97R\n!\xb0\x01\xf4\xdc\x10\x00\x00q\xc49g\x8c]|\xf1\xc5EEER\xca\xf5;\x8e?\xf3\xe7\xcfR\xfd\x9eX2\x9dU\xa0\x1b"\xd5\xeb\xdc\xb8\xed\xd8\xd3oocDc\xc7\x8c\x992e\x8a\x10B\xd34\xce\xb9\x10\xa2\x7f\xff\xfe\xd6\xaa\x7f\xea\xd4\xa9\x8c1L\xff\xbf\x15\x02\x00 \xeet]/**\xea\xd3\xa7\x0f#\xfa\xdf\x977|\xb6\xa3&lt;\xcd\xeb2\x8c\xa4\x18C\x85\x94\x0e\x87\xd6\x10\x8a\xde\xf9\xbb\x0f\xa21C\xd3\xb4\'\x9e|\xf2\xf4\xed\x9e\x9cs\xc30\xac[?\x9c\x03\x02\x00 \xee\xa4\x94\xe9\xe9\xe9\xcb\x97/\xd7l\xb6\x86p\xec\xdf\x9e(\xae\xaa\x0f\xd9\x1d\xb6\x84/\xa6KIR\x92\xc3a\xff\x8f\xa7?\xdcy\xb8ZJ\xb9\xe0\x89\'\x86\x0e\x1d*\x84h9D\x811\xc6\x18\xb3V\xfd\x86a$\xb60\xab@\x00\x00\xc4\x1d\xe7\\\xd7\xf5\x91#G.X\xb0\x80\xa4\xdcy\xb8\xe6G\xff\xf3W\xce\x99\xcb\xa1\x19\x89[R\x17R\n)S3S\xee\xf9\xfd\x87\xaf~\xb8\x9b\x88&amp;O\x9e\\TT\xa4\xeb\xfa\x19\x8b\'V\xaf\x1f\xbe\t\x02\x00\xa0#\xd8l6s!h\xd6\xacYD\xb4y\xef\xa9I\x0f\xfc\xa5\xae1\x9a\x9a\xeaH\xc8z\xban\x08\xbbMK\xf58\xeeyb\xd5\xb3\x7f\xdbAD\xc3\x87\x0f_\xb8p\xa1\xb9\xf4\xff\xf5\xef\xb7z\xfdpV\x08\x00\x80\x0e\xa2i\x9a\x10b\xe1\xc2\x85\xb3f\xcd"\x92\x1fl;6\xe9\x7f\xfe\xb2\xfbX]\x9a\xcfc\x18Rt\xd4r\x8a\x942\xa6\x0bo\xaa3\x1c3\xfe\xed\xf1\xe2\xdf\xbf]"\x85\x18&gt;|xqq\xb1\xf9\xce\xafo\xda9c\xf5\xfa\xe1\xeb\x10\x00\x00\x1d\xc4\\L7\x0c\xe3\xcb1\x94\xb6\xee;5\xba\xe8O\xaf\xae\xda\x95\xeauz\\v\xdd\x10q\x1dF\xa5\x94\xe6\xc49\xcd\xef\xf9\xb4\xf4\xe4\xb8\xfb\xdeX\xb6\xa6\x8c\x88F|9z\x9e\xbe\xf4\xdf\xf9\xea\x87\xaf\xc3?\x16@\xc7a\x8c\x99\x1b+\x17.\\8\xf7\xa1\x87\x88\xa8&amp;\x18\x9e\xfeX\xf1\xd4G\xfe\xbe\xfdp\x8d7\xcd\xedq\xd9\r!uC\xb4\xe3&gt;\x16)\xc9|N\xbbM\xf3\xfa&lt;U\xc1\xe6\xffY\xb8\xfe\xca\xffz\xcb\xfc\xd4\x94)S\xa6\xacl\xf5\xe8i\xf5\xfa\xe1\x0c\xf8HH\x80\x0ee.P\x08!\x1e\x9a;w\xd4e\x97\xdd1s\xe6\x89\xf2\xf2\xd7\xd7\xeeyg\xc3\xa1[\xc6\xf6\xfb\xf9\r\xf9\xf9\xfd\xb2\x891#\xa2Gb_\xcc\xa8\xdb\xb6\xa6a\x0e\xc1\x9c3\x87M\xb3;m\xa4\xf1\xf2\x93\x81\xe7_\xdb\xb4\xf0\xef\xbb*j\x1b\x89\xc8\xe9\xb0?6\xff\xf1\xa2\xa2"\xb3\x9eV\x8e\x9eV\xaf\x1fN\x87\x00\x00\xe8h\xe6Z\x8a\xae\xeb\x13&amp;L\xd8\xb4y\xf3\xff}\xf0\xc1\xe5\xcb_\rG\xa2/\xad\xda\xf5\xa7u\xfb~P\xd0\xeb\xda\x91}\xc6\xe5\xf5\xec\x9d\xed\xb59\x9d\xa412?\x92\xf7|GQ\x8d\x93\x94\x143N\xd6\x86&gt;);\xf9\xde\xc6C+\xb7\x1e=Y\xdd`~q\xfc\xf8\xf1\x8f&lt;\xf2\xc8\xc8\x91#\xcd\xb7\xcb\x9e\xd7\xe8i\xf5\xfa\xa1\x05\x02\x00 1l6\x9ba\x18\xdd\xbbw_\xfc\xe2\x8b\xb3\xef\xba\xeb\xd1G\x7f\xb3z\xd5\xaaP\xb8\xf9\x9dO\x0e\xbc\xf3\xc9\x81\xb4T\xf7\xc0^\xfeA\x17\xf8{e{\x07\xf6\xf4g\xa4\xb9\x0cC\xb0\xd6\r\xa2\x8cQT\x17\xdb\x0eVW\x07\xc2%\x87\xaa\xcb\x8e\xd6\x9d\xaakl\xf9j\xe1\xe5\x97\xdf=g\xce\xb4i\xd3\x88\xc80\x8c6\xef\x99\xb1z\xfd@\x08\x00\x80\x042O\n\x12B\x8c\x1c9\xf2\xaf\x7f}{\xe7\xce\x9dK\x97.}\xeb\xcd7\x0e\x1d&gt;\x12l\x0co,\x0bo,+o\xaf\x9f\x95\x93\x9d5q\xe2\xa4\xdb\xa6O\x1f?~&lt;}\xf9i\xf5\xdfq\xf4\xb4z\xfd\x80\x00\x00H$\xf3\xc8\x1a!\x84\x94r\xf0\xe0\xc1\x0b\x16,\x987o^II\xc9\xaaU\xab6l\xf8t\xcf\xee\xdd\xc1`\xb0\xa6\xb6\xae\r\xcf\xecMMIII\x198hP~~\xfe\xb8qW\x16\x16\x16fff\x12\x919d\xb7\xd7\xd0i\xf5\xfa\x15\x87\x00\x00H&lt;s\t[\x08!\x84\xf0x&lt;\xa3F\x8d\x1a5j\x14\x11\x85\xc3\xe1\xa6\xa6\xa6\xd2\xd2\xd26\x9cm\x90\x9b\x9b\x9b\x96\x96\x96\x9e\x9e\xde\xf2\x88\xf9$\x9a\xa6\xb5\xfb\xe8i\xf5\xfa\x95\x85\x00\x00H\x16\x9cs\xf3\xf8esB\xcd9w\xbb\xddn\xb7{\xcc\x981m~NsP6o\x93\xc6{\xdc\xb4z\xfd\nB\x00\x00$\x97\xd3\xcf16\xb7B\x9a\xeb\xddmx\x1es\xdc\xec\xe0\x1d2V\xaf_)\x08\x00\x80\xe4e\xee\xa0\xb7\xee\xcc\xd7\xea\xf5wz\x88V\x00\x00E!\x00\x00\x00\x14\x85\x00</t>
        </is>
      </c>
    </row>
    <row r="380">
      <c r="A380" s="1" t="n">
        <v>378</v>
      </c>
      <c r="B380" t="inlineStr">
        <is>
          <t>polygon_sides_color</t>
        </is>
      </c>
      <c r="C380" t="inlineStr">
        <is>
          <t>What is the missing color of the part denoted with a question mark?</t>
        </is>
      </c>
      <c r="D380" t="inlineStr">
        <is>
          <t>['green', 'blue', 'orange', 'purple']</t>
        </is>
      </c>
      <c r="E380" t="inlineStr">
        <is>
          <t>blue</t>
        </is>
      </c>
      <c r="F380" t="inlineStr">
        <is>
          <t>There are 6 colored polygons arranged in a triangle with color ['green'] in the top row, ['purple', '?'] in the middle row, and ['blue', 'purple', 'green'] in the bottom row.</t>
        </is>
      </c>
      <c r="G380" t="inlineStr">
        <is>
          <t>We observe that the polygon with 3 sides is purple in color and the polygon with 6 sides is green in color. Thus, the pattern is that the polygons with the same number of sides have the same color.</t>
        </is>
      </c>
      <c r="H380" t="inlineStr">
        <is>
          <t>Based on the pattern that the polygons with the same number of sides have the same color, the missing color of the part with 5 sides should be blue.</t>
        </is>
      </c>
      <c r="I380" t="inlineStr">
        <is>
          <t>b'\x89PNG\r\n\x1a\n\x00\x00\x00\rIHDR\x00\x00\x02\x00\x00\x00\x02\x00\x08\x02\x00\x00\x00{\x1aC\xad\x00\x00b\xf9IDATx\x9c\xed\xddg@\x14\xd7\xde\x06\xf0i\xbb\xb0\xcb.,(`oX0\xb1  v\xb1F\xb1\xc7^\xa2\xc6\x1a\x8d&amp;V\xd4\xc4\xc4\x1a\x135\xb1\xf7\x1e\xbb\xc6hDPT\xec\xbd+\x1a\xbbQ\x93\xa8\xb1\xd0\x16X\xca\xee\xcc\x99\xfbat/\xb1\xc5\x02\xec\xcc\xce\xf3\xfbx\xdf\xbc\xf7N\xd8\x99\xf3\xcc\xf9\x9f3\xffC\x8b\xa2H\x01\x00\x80\xfa0\x8e\xbe\x00\x00\x00p\x0c\x04\x00\x00\x80J!\x00\x00\x00T\n\x01\x00\x00\xa0R\x08\x00\x00\x00\x95B\x00\x00\x00\xa8\x14\x02\x00\x00@\xa5\x10\x00\x00\x00*\x85\x00\x00\x00P)\x04\x00\x00\x80J!\x00\x00\x00T\n\x01\x00\x00\xa0R\x08\x00\x00\x00\x95B\x00\x00\x00\xa8\x14\x02\x00\x00@\xa5\x10\x00\x00\x00*\x85\x00\x00\x00P)\x04\x00\x00\x80J!\x00\x00\x00T\n\x01\x00\x00\xa0R\x08\x00\x00\x00\x95B\x00\x00\x00\xa8\x14\x02\x00\x00@\xa5\x10\x00\x00\x00*\x85\x00\x00\x00P)\xce\xd1\x17\x00\xf0\xdfDQt\xf4%\xbc5\x9a\xa6\x1d}\t\x00\xff\x81V\xe2\xa3\x05\x00\x00\xef\x0f3\x00\x905Q\x14i\x9aNLH$\x848\xfaZ\xde\x02\xc30\x9e^\x9e\xd2\xc5;\xfaZ\x00^\t\x01\x00\xf2%\x08\x02\xcb\xb2\x93\x7f\x98&lt;m\xc6Oz\xa3\x9e\xb7\xf1\x8e\xbe\xa27\xc2i\xb8\xb4\x94\xb4aC\x86\x8f\xfaj\x94\xf4\xaf\xe0\xe8+\x02x9\x94\x80@\xa6\xa4W\xfeG\x8f\x1e\x97-\xeb\xdfmR\xf3"\xa5\x0bdfX\xe5\xffB-\x8a\xa2\x8b\xab\xf6\xaf\x1b\x0fV\x8d\x8e\xbcv\xf5\x9a\x8f\xaf\x0fEQ\x0c\x83\xdd\x16 G\x08\x00\x90)\xe9\xdd\xb9C\x9bNw\xac\x17\x07O\xef\x95\x18gf\x152\x8c\n\x84x\xe6\xf5\x981dYq\x97\xf2\xbfl\xde\x80I\x00\xc8\x16\x02\x00\xe4\x88\x10B\xd3\xf4\xe9Sg\xea}\x14:n\xd3\x17n\xee:\x9bM\x90\xfd\xdb\xff3"\xc5r\xac5\xc36\xa1\xd3\xdc\x9d[cB\xaa\x86\x10B0\t\x00\x19B\x00\x80\x1cIo\xcd!\x81U\xf3Uwm;\xa0i\xe2\x133\xcb*i\x00\x15\x04\xe2\xe9\xed\xb1eA\xf4\xdf\x87RN\x9f;)\x8a"&amp;\x01 CJz\xa8@%\xa4\xd1\x7f\xdd\x9a\xf5\xb7\x1e]i\xd2\xad^rB\x8a\xb2F\x7f\x8a\xa2X\x961\xc7%7\xef\xd9\xf0n\xc2\xf5eKV\xb0,+\x08\x82\xa3/\n\xe0y\x98\x01\x80\xbc\x88\xa2(\x8a"\xcf\xf3~\xc5J5\x1e\x1cR=,(91Uq\x01@Q\x14!\xa2\xc1C\x7fzOl\xd4\xb4c\xbf_\xbed0\x1a\x18\x86\x91\xff"6\xa8\x8a\xf2\x9e+pnR\xb9|\xe2\xf8I\x9c\xaf\xadFXp\x8a2G\x7f\x8a\xa2\x18\x86NI\xb4\xd4h\x12\xac\xc9\xcf\x7f?q2&amp;\x01 C\x98\x01\x80\x8c\xd8\xb7~\xfa\xfb\xfb\x0f\x9c\xdf\xb1X\xd9B\xe9\x96L\x86Q\xea[\xb3(\x8aZW\xed\x83\xdb\x8ff\xf4]u\xe6\xe4\xd9R\xa5K\x8a\xa2\x88\xd5`\x90\x0f\xdc\x8b #\xd2\xf88x\xe0\x902\xb5\x0b\xfa\x07\xfa\xa5\xa5d(w\xf4\xa7(\x8a\xa6\xe9\x0cKf\xa9\x8a\xc5\xcb7(&gt;\xfa\xaboh\x9aV\xd6\xf7\xcc\xe0\xf4\x10\x00 \x17R\xf1\xe7\xd4\xc9\xd3\xdb\xf7D\xb4\xff\xa2Yjr\x1a\xc3*x\xf4\x97\xb0\x1c\x93\x14g\xfedx\xeb]\x87\xa2\xf6\xc6\xec\xe38\x0e\x85 \x90\x0f\x94\x80@.\x94\xbe\xf5\xf3U\x04\x81xx\x19\xa2\xd7\x1c\xbc\xbc\xed\xde\xb9\x0bgY\x96\xc5j0\xc8\x843&lt;`\xe0\x04\x9c`\xeb\xe7\xab\xb0,\x93\x9c\x98\xda\xa4k\xdd\x07\xa9wW,\xfd\x99eY\x14\x82@&amp;0\x03\x00\xc7s\x9a\xad\x9f\xafB\x88\xa8ws\xb9r\xfa\xd6\xea\xd1;\xae]\xbf\xea\xe9\xe9I\xd34&amp;\x01\xe0p\xce\xf3\x8c\x81r9\xcd\xd6\xcfWa\x18\xda\x92\x92\x11X\xa7\x9c\xc9\xcfe\xd2\x84\x1f\x18\x86\xc1$\x00\xe4\x003\x00p0\'\xdb\xfa\xf9*\xa2(j4\\R\\\xf2\xb8vs/\x9c\xbdX\xc6\xbf4\xb6\x84\x82\xc3\xe1\xfe\x03\x07s\xb2\xad\x9f\xafB\xd3tf\xa6\xad@\x89|\xa1\x9d\x82\xc2\x87\x8d\xa0i\xbc{\x81\xe3!\x00\xc0\x91\x9cr\xeb\xe7\xab\xb0,\x93\x9c\x90\xf2\xf1g\x8d\xf7\x1e\xdf\xb9=r\x07\xbe\r\x06\x87\xc3k\x088\x92\xb3n\xfd|\x15"\x10\x83\xc9\xedH\xd4\xe9}\x0b/\xdc\xba}C\xda\x0f\x8a\xd5`p\x14g~\xd8@\xe6\x9cx\xeb\xe7\xab0,c1\xa7\xd5j\x1eb\xd5%\xcf\x9e1\x07\xab\xc1\xe0X\x98\x01\x80c8\xfd\xd6\xcfW!D\xd4\xb9\xb9\xdc\xbe\xfc\xd7\xbc\xcf7\xdc\xfd\xf3O\x93\xc9D\xd3\x14&amp;\x01\xe0\x10\xce\xff\xbc\x81&lt;9\xfd\xd6\xcfWa\x18:=5\xa3lP\xc9\xe2!\xf9\xc2\x87\x8e`\x184\x08\x02\x87\xc1\x0c\x00\x1c@%[?_E\x14EN\xc3Y\xccic\xdb\xce&gt;}\xfc\\\xd9\x0f\xfc\xb1%\x14\x1c\x02\xf7\x1c8\x80J\xb6~\xbe\nM\xd3\xd6L\x9bO\xa1&lt;\r\xbaW\xed\xdb\xfb3l\t\x05GA\x00@n\xb3o\xfd\x8cR\xc1\xd6\xcfW\x91\x1a\x04\x85}R\xf7\xf7?\xcf\xad[\xb3\x1e[B\xc1!\xf0\xea\x01\xb9\xed\xe9\xd6\xcf\xa0\xaa\xf9\xaa\xa9b\xeb\xe7\xab\x08\x02q\xf74\x1c\x8f&gt;\x1b=\xf3\xd4\x1fwor\x1c\x87-\xa1\x90\xcb\xd4\xf8\xe0\x81\x03I\xa3\xff\xdaU\xeb\xfe2\xdfl\xd1\xeb#s\\\xb2:G\x7f\x8a\xa2X\x96IIL\xad\x1e\x16\xcc\xf9\xda&amp;\x8e\x9f\x84-\xa1\x90\xfb0\x03\x80\xdc#\x8a"!$5%\xf5\x83\x0f&gt;l&gt;\xacFH\xc3\x80Ts\x9a\xaa\xaa\xff\xcf\x91\xb6\x84\xde\xbdzo\xee\xe7\x1b\xae_\xbb\xe6\xe3\xebCQ\x14V\x83!\xd7\xe0V\x83\xdc#\xbd\xfe\x7f?\xf1\x07\x97\x02\xa4f\xb3\xca)\x89\x165\x8f\xfe\x14E1\x0c\x9d\x96\x92\xe1\x1f\xe4W\xbaV\xc1/\x07\x0ef\x18\x06/d\x90\x9b0\x03\x80\\"\xd57\xfe\xb8\xf5Gp\x95\xe0\xc1\x8b\xba\x16(\xe1k\xcd\xb0\xa2\xe4-\x8a\x14\xcb2\xd6\x0c\xdb\x84Nswn\x8d\t\xa9\x1a"-\x92;\xfa\xba@\x15p\x9fA.\x91\xb6~\x8e\n\xff\xbalh\xe1\xd2\x01\xc53,\x99\x18\xfd)\x8a\xa2i\xcaf\xe3\xbd\xf2\x99j\xb7\x0f\xea\xdfo\x00!\x04\xefd\x90k\x10\x00\x90\x1b\xa4\xe2\xcf\xbe=\xfbv\x1d\x8e\xea4\xb8UR|2\xa3\xd6\xb5\xdf\x17\xb1,c\x8eKn\xde\xb3\xe1\xdd\x84\xeb\xcb\x96\xac\xc0\x96P\xc85(\x01An\x10\x04\x81\xa6\xe9*AU\x0b\xd66\xb4\xee\x17\xa6\xda\xad\x9f\xafB\x88h\xf0\xd0\x9f\xde\x13\x1b5\xed\xd8\xef\x97/\x19\x8c\x06\x1c\x1c\x0f\xb9\x00\x0f!\xe48\xe9\xf5\x7f\xd9\x92\x15\xb7\xe3\xaf5\xef\xd1P\xcd[?_\x85a\xe8\x94DK\x8d&amp;\xc1\x9a\xfc\xfc\xf7\x13\'c\x12\x00\xb9\x033\x00\xc8Y\xf6\xad\x9f\xe5&gt;,\xdflX\xf5\xca\r*\xaa|\xeb\xe7\xab\x88\xa2\xa8u\xd5&gt;\xb8\xfdhF\xdfUgN\x9e-U\xba$\x1a\x04AN\xc3\xed\x059\xcb\xbe\xf5S\x93\x9f\xaf\xd1$\x18[?_\x85\xa6\xe9\x0cKf\xa9\x8a\xc5\xcb7(&gt;\xfa\xaboh\x1a]B!\xc7a\x06\x009\x08[?\xdf\x01\xcb\xb2#\x9bM\xfdm}d\xfd\x86\xf5\xa4\xf8t\xf4\x15\x81\xd3\xc2\x0c\x00r\x10\xb6~\xbe-A :\x83KX\xef\xda\x83\x06\r\xb2Z\xad\x14E\xe1\x15\rr\x0e\x02\x00r\n\xb6~\xbe\x03\xa9Kh\x93\xaeu\x1f\xa4\xde]\xb1\xf4g\x96eQ\x08\x82\x9c\x83\x12\x10\xe4\x14l\xfd|7\x84\x88z7\x97+\xa7o\xad\x1e\xbd\xe3\xda\xf5\xab\x9e\x9e\x9e\xe8\x12\n9\x04\x0f$\xe4\x08l\xfd|g\x0cC[R2\x02\xeb\x943\xf9\xb9L\x9a\xf0\x03\xba\x84B\xce\xc1\x0c\x00\xb2\x1f\xb6~\xbe\'Q\x145\x1a.).y\\\xbb\xb9\x17\xce^,\xe3_\x1a[B!\'\xe0\x96\x82\xec\x87\xad\x9f\xef\x89\xa6\xe9\xccL[\x81\x12\xf9B;\x05\x85\x0f\x1b\x813#!\x87 \x00 \x9bI\xcd,o\xde\xb8\xb9p\xf9\x82\xae#Z[R\xd3Ux\xe2\xe3\xfbcY&amp;9!\xe5\xe3\xcf\x1a\xef=\xbes{\xe4\x0e|\x1b\x0c9\x01\x01\x00\xd9\x0c[?\xb3\x0b\x11\x88\xd6U\xd31\xbc\xe9\x80\x01\x03y\x9e\xc7&lt;\x00\xb2\x1d\x02\x00\xb2\x13\xb6~f#\x86e,\xe6\xb4Z\xcdC\xac\xba\xe4\xd93\xe6`5\x18\xb2\x1d\xde) ;a\xebg\xf6\x92\xce\x8c\xbc}\xf9\xafy\x9fo\xb8\xfb\xe7\x9f&amp;\x93\x89\xa6)\xcc\xa8 \xbb\xe0\xe1\x84l\x83\xad\x9f\xd9\x8ea\xe8\xf4\xd4\x8c\xb2A%\x8b\x87\xe4\x0b\x1f:\x82a\xd0 \x08\xb2\x13f\x00\x90=\xb0\xf53\x87\x88\xa2\xc8i8\x8b9ml\xdb\xd9\xa7\x8f\x9f+\xfb\x81?\xb6\x84Bv\xc1m\x04\xd9\x03[?s\x08M\xd3\xd6L\x9bO\xa1&lt;\r\xbaW\xed\xdb\xfb3,\x05C6B\x00@6 \x84p\x1cw\xeb\xe6\xad\x05K\xe7c\xebg\xb6\x93\x1a\x04\x85u\xad{\xe9\xce\xd9\xb5\xab\xd7aK(d\x17\xbcM@6\x90\xd6~[\xb7l\x93h\xf8\xab\xf7\xd8N\t\x8f\x92X\x0e\xef\x16\xd9\x89\x10\xd1\xe0\xae?\xb3\xff\xe2\x8e\x19\'b/^pww\xa7(\xac\x06\xc3\xfb\xc2S\n\xd9@\xaaK\xdc\xbf\xff\x80\xe38Q\xc4*e\x8e\x10E\xa2\xe14qqq\x19\x19\x19\x18\xfa![ \x00 \x1b\x88\xa2\xc8\xb2\xec\x8f\xd3\xa6\xee[{\xea\xafk\x0f\\\xdd\xb4\x043\xcbl\xc504\x11\xc4\x15\x13~\x1d&gt;l\xb8\xaf\xaf\xaf4\xe5r\xf4E\x81\xe2\xa1\x04\x04\xd9CZ\x04\xee\xd8\xae\xd3\xa9[\x87\xc6\xac\xfe29!\x05\x9f\x80e\x17A \x1e^\xc6_\xe7F\xc7F\xdc\xb9\xfd\xd7-\x96e\xd1 \x1a\xb2\x05\x1eQ\xc8\x1e\xd2\x19\xb6\xb3\xe6\xce|\xf0{\xe2\xe9\x98X\x83\xc9\x8d\x08\xa8\x05e\x03Q\x14\xb5Z.\xe1\x91y\xfb\xa2\x83K\x96/\xd6h4\xa2(b\xf4\x87l\x81\x00\x80\xec\xc10\x8c(\x8a\xbe\xbe\xbe\xa3\xbe\x1e\xb9fr\x04\x9f\xc9c\x06\x90-D"\xea\x8d\xfa5S~\xabU=\xb4qX#\x9c\x12\x0c\xd9\x08% \xc86\xa2(\x8a\xa2(\x08B\xd1B\xc5\xabu\xfe\xa0E\x9f\xfaIq)\xf8\x18\xf8}\x10"\xba\xea\xb4\xf7n&gt;\x9c\xd8y\xfe\xb5\xab\xd7J\x97\xc1\xc1\x00\x90\x9dp\'A\xb6\x91\xf6\x02i4\x9a\x19\xb3\xa6\xfd6\'&amp;\xe1\xa1Y\xab\xe5\xf0\x86\xf1\x9e\xb4\xae\xda\xc5c6\xf4\xee\xd9\xb7\x8c\x7f\x19\xa9\xd5\xb6\xa3\xaf\x08\x9c\x07f\x00\x90\xcd\xa4\x1aE\xad\xea\xa1\x16\xc3\xe3A3z\x98\xd1\x10\xf4]\t\x02q7\xb9\xed\xff\xf5\xc4\xd6i\x07\xff\xba\x7f\xd7\xdd\xdd\x1dk\xbf\x90\xbd\xf0dB6\x93\xe6\x01K\x97/&gt;\x1fs\xed\x8f\x8b\x7f\xba\xea]\x08\xc1K\xc6\xbb`Y\xc6\x9a\xc1\xaf\xfdq\xdb\xf4\x19\xd3L&amp;\x13\xd6~!\xdb!\x00 \x9bIm\xeb\xcb\xf8\x97\xe9\xdd\xb3\xef\xe21\x1b\xb4\xaeZG_\x91"\t&lt;\xf1\xc8c\xdc8+\xb2t\xa1\x0f\xba\xf7\xe8F\x04\x14\x7f \xfb\xe1\x96\x82\xec\'e\xc0\x8f\xd3\xa6\xa4=\x10\xf6\xfdr\xcc\xe8\xa1\x17\xb0%\xf4m\x88\xa2\xe8\xaa\xd7\xde\xbdr\x7f\xff\x86\xd3\x0b\x97.\xd0h4"\x85\xd7\x7f\xc8~\x08\x00\xc8~R\x15\xc8d2M\x9f1m\xed\x8f\xdb\xac\x19&lt;\xcb2(\x03\xbd9BD\xbdQ\xb7j\xf2\xe6\xb6-\xdb\x87\x86\xd6\xc6\xd6O\xc8!X\x04\x86\x1ca\xdf\x12Z\xe1\xc3\x80\x02!\xc6\xee\xa3[\'&gt;\xc1\xf90o\x84\x10\xd1\xcd]\x17{\xe8\xea\x92\xf0\xcd\xbf_\xbeT\xbcxq\x8a\xa2P\xff\x81\x9c\x80\xbb\nr\x84}K\xe8\xfc\x85\xf3\xf6\xad=\xf9\xe8\xcfx\xad\x8b\x06o\x1bo\x82\xa6(\x9a\xa2\xd7L\xdd:x\xd0\x10???l\xfd\x84\x9c\x83\x19\x00\xe4 \xa9v\xd1,\xac\xc5\xad\xa4\xd8\xd1\xcb\x07&amp;\xe0\x88\xe0\xff"\x08\xc4\x94\xc7\x18\xb5|\xdf\x91\xd5\xbf_\xbfu\xd5\xcd\xcd\x8da\x18T\xff!\x87\xe0i\x84\x1c$\xcd\x03\xe6\xcc\x9b\xf5\xe7\xf9\'\xa7\xf7\\4x\xe8\xb1%\xf45\x9e\xb6\xfdyh\xde2\'f\xe6\xec\xe9h\xfa\x0f9\r\x01\x009\x88a\x18A\x10\x8a\x97(&gt;d\xd0\x905S\xb7\xd2\x14\x06\xb3\xd7!Dt\xf3\xd0o\x9a\xbb#\xa8\\\xe5\x0e\x1d;`\xed\x17r\x1a\x02\x00r\x96t~\xe1\xa8\xd1#u6\x8f\x9d\xab\x0f\xba\xe71`K\xe8K\x11"\xea\xdc\\\xfe\xb8\xf8\xd7\xf1\xad\xb1\x0b\x16\xcf\xc7g_\x90\x0b\x10\x00\x90\xb3\xa4Q\xcc\xdd\xdd}\xe2\xa4\x89[\x17\xc6\xa4\xc4[4\x1a\x16\x0bO/#\xba\xb8j\xd7L\xd9\xda\xb1]\xa7\xa0\xe0 \xac\xfdB.\xc0"0\xe4\x06A\x10h\x86\x0e\t\xac\xaa-f\xed\xf7}gl\t}\x0e!\xc4\xcd]\x7fjW\xec\xcf_o\xfb\xeb\xfe]ooo\n[?!\xe7\xe1\x0e\x83\xdc@\xd34C3\x8b\x96.8\xbe5\xf6\x8f\x8b\x7f\xe9\xdc\xd0 \xe8_\x18\x86\x11\xac\xc2\xca\xef\xb6L\x99:\xd9\xd7\xd7\x17=\x9f!w`\x06\x00\xb9DZ\xd2\xec\xd4\xbe\xf3\xc9[\x07\xc7\xac\xfc29\x11gF&gt;%\x08\xc4\xc3\xcb\xb0y\xee\xce\xd8\xc8\xbbw\xfe\xfa\x83~\xc6\xd1\xd7\x05\xce\x0fO \xe4\x12\xe9\xcc\xc8\x99sf&lt;\xb8\x94xzO\xac\xc1\x84\x06A\x14\xf5\xff\x13\x1f\x93\xa3\x16\x1d\\\xbct\x11\xcb\xb2X\xfe\x85\\\x83\x00\x80\\\xf2\xdc\x99\x91\x82\x8d`\x19\x80\xa2(\x91\x88n\x1enk&amp;o\xc1\x89\x8f\x90\xfbP\x02\x82\xdcco\x10T\xa2H\xc9\x8a-\x8b\xb7\x1d\x18fNP\xf5\x99\x91\x84\x88:\xbd\xcb\xad\xd8?\xa7\xf6Zz\xed\xda\xb5\xd2\xa5q\xe2#\xe4*\xdcj\x90{\xec\r\x82\x96,_\xbc}\xd1\xc1\x84G\xaa?3R\x14\xb5\xae\xda\xa5\xe37\x0e\x1b\x12^\xa6\x0cN|\x84\xdc\x86\x19\x00\xe46\xa9\xcaQ\xbbF\x9dT\xfd\xc3\xc1\xb3{%=1\xabs5XZ\xfb\xdd\xfb\xcb\xf1m\xd3\x0f\xde\xfd\xfb\x8e\x87\x87\x07\xd6~!\x97\xa9\xf1\xc1\x03\xc7\x92\xe6\x01K\x96/:\xbf\xe7\xfa\xe5\xe37tn\xae*\xdc\x12*\x8a\x14\xc7\xb1\xa9\x89i\x1b~\x8a\x9c&gt;c\xba\xa7\xa7\'\xd6~!\xf7!\x00 \xb7==3\xb2L\x99aC\xc2\x97\x8e\xdb\xa8\xce3#\x89 \x9d\xf8\x18\x15P\xa6r\xcf\xde=\xb0\xf6\x0b\x0e\x81\x00\x00\x07\x902`\xf4\xb7_\xf1\t\xcc\xde\x8dG\xd5vf\xa4t\xe2\xe3\x9d\xcb\xf7\x8en\xbd\xf0\xe3\x8c\xa9x\xf1\x07GA\x00\x80\x03HU OO\xcfi\xd3\xff\x7ff\xa4\xa3/*\xf7\x10A\xd4\x1bu\xab\xa6ln\xd3\xa2]\x9d:\xa1x\xfd\x07G\xc1"08\x86(\x8a"\x11\x05"T\xf8  \x7f\x88[\x8fo\xdb%&lt;2\xb3\x9c\xf3\xc7\x80\xd4\xf6\'\xf6\xd0\xd5\xc5\xc3\x7f\xbd|\xe5w\x9c\xf8\x08\x0e\x84\xdb\x0e\x1c\x83\xa6i\x91\x125\x1a\xcd\xc2\xa5\x0b\xf6o8}\xf7\xca}W\xbdV\r\xaf#\xf6\xb6?\xa3F\x8e\xf2\xf3\xf3\xc3\xc6\x7fp \xcc\x00\xc0\x91\xa4\xeaG\xbb\xd6\x1d.\xdc;6f\xd5\x97\t\x8f\x9d\xfc\xccHA \xa6\xbc\xc6mK\xf6\x1c_w\xf5\xcf{w\x18\x86\xc1\x89\x8f\xe0@\xce\xfc\xb0\x81\xfcI\r\x82&amp;\xff\xf8\xfd\xbd\x8b\xf1\xa7c\x9c\xfc\xcc\xc8\xa7m\x7f\xfe1o\x9d\xb7w\xc6\xaci\x1a\x8d\x86\xc2\x89\x8f\xe0P\x08\x00p$i;\x90\x9f\x9f\xdf`\x15\x9c\x19I\x88\xe8\xe6\xe1\x86\x13\x1fA&gt;\x10\x00\xe0`\xd2\x99\x91_\x8d\x1e\xe9\x92\xe9\x1e\xbd\xea\x80\xbb\x97s\x9e\x19)\x9d\xf8x\xeb\xc2]\x9c\xf8\x08\xf2\x81\x00\x00\x07\xb3\x9f\x199s\xf6\xf4-sb\x12\x1e:g\x83 \x9a\xa24Z\xcd\xd2\xb1\x1b{\xf7\xec\x8b\x13\x1fA&amp;\xb0\x08\x0c\xb2 \xd5CB\x02\xabpE3\x9d\xef\xccH\xfb\x89\x8f+GG&gt;|\xf2\xc0\xdd\xdd\x1dm\x7f@\x0e\x9c\xe7\x19\x03E\x93&gt;\r[\xb0x\xbeS\x9e\x19i\xdf\xfa9y\xca\x0f&amp;\x93\t\xf5\x1f\x90\t\xcc\x00@.\xecgF\x9e\xbauh\xcc\xea/\xcc\t)\xceQ$\x11\x04b\xcac\xfcunt\xec6\x9c\xf8\x08\xf2\xe2\x0c\x0f\x188\x07\xfb\x99\x91\xf7.\xc6\x1f\xdb~\xce\xcd]O\x88\xe2W\x83EQ\xd4\xbap\x8f\xff\x8e\x8fZ\x88\x13\x1fAv\x10\x00 \x17\xf63#\xa7L\x9d\xbc\xf2\xbb-\x82Up\x82\x19\x00\x11D\x83\x87a\xf9\xc4MM\x1b7\xc7\x89\x8f 7(\x01\x81\x8c\x88\xcf\x14/\xe2W\xb1E\xb1\xb6\x03\xc3\x92\xe2\x15|f\xe4\xb3\xad\x9f\x7fN\xed\xb5\xf4\xc6\x8d\x1b%K\x96D\xe3\x07\x90\x15\xdc\x8b #\xd2R0\xcb\xb2\x8b\x97.\x8aZx\xf0\xf1\xdf\xf1Z\x17\x05o\t\xa5)\x8ae\xd9%c7\x0c\x1b2\xbcT\xa9R\xd8\xfa\tr\x83\x19\x00\xc8\x8eT\'i\x16\xd6\xe2\x8f\xe4K_/\x1b\x90\xf08I\x89\x93\x00\xa9\xed\xcf\xf6\xe5\xfb\x8f\xae\xf9\xfd\xda\xcd\xabnnnX\xfb\x05\xb9Q\xdes\x05NO\x9a\x07\xcc\x98=\xed\xda\xb1\xbb\x97\x8e]\xd7+\xf0\xccH\xe9\xc4\xc7\xe4x\xcb\xd6\x851\x13\'M4\x1a\x8dX\xfb\x05\x19B\x00\x80\xecH\r\x82J\x95*5l\xf0\xf0e\xe37j]\xb5\x94\xd2\xe6\xa9\xd2\x89\x8f\xbf\xcc\x8e\xaaX*\xf8\xd3\x9e\xdd\xb1\xf6\x0b\xf2\x84\x12\x10\xc8\x91\xb4\x14l6\x9b\x8b\x15.\xdebhh\xfd\xf6\xd5\xcc\xf1),\xcb\x8a\x94\xfcoWZ\x14\x89\x8b\xab\xf6\xc9\xbd\x841\xedf\xed\x8b9P\xa7.\xce\xfc\x02\x99\xe2\x1c}\x01\x00/!}\x13\xe0\xe9\xe99}\xc6\xf4~\x83zWm\x14\xa0ss\x15\x04"\xff\x1a\x8aHQ\xa2\xc8\xe8\r\xba\xe5\x136\xb5\xff\xb8#F\x7f\x903\xcc\x00@\xbe\x04A`\x18\xa6Jp51\x7fJ\xd7\x91\x1f\'\'\xa42\xb2_\r&amp;\x84\xb8\x19u\xe7\x0f^\xd9\xf4\xfd\x9e\xbb\x7f\xdf\xf6\xf6\xf6\xa6p\xe2#\xc8\x15\x02\x00\xe4Kzw&gt;t\xe8P\xabV\xad\x0c\x1ez\x85\xb4\x89\x169\x8d&amp;%1e\xc4\x88\x91\xa3F\x8d\xc2\xeb?\xc8\x19\x02\x00\x14 99\xd9f\xb59\xfa*\xde\x02\xc32\x9e\x9e\x9e\xd8\xf9\x032\x87\x00\x00\xb9\xc30\n\x90C\x10\x00\xa0\x00J\xbcK\x11Z \x7f\x08\x00\x00\x00\x95\xc2\xe6\x04\x00\x00\x95B\x00\x00\x00\xa8\x14\x02\x00\x00@\xa5\x10\x00\x00\x00*\x85\x00\x00\x00P)\x04\x00\x00\x80J!\x00\x00\x00T\n\x01\x00\x00\xa0R\x08\x00\x00\x00\x95B\x00\x00\x00\xa8\x14\x02\x00\x00@\xa5\x10\x00\x00\x00*\x85\x00\x00\x00P)\x04\x00\x00\x80J!\x00\x00\x00T\n\x01\x00\x00\xa0R\x9c\xa3/\x00\x00dD\x14EB\x08EQ\x0c\xc3\xe0P3\xa7\x87\x13\xc1\x00\x80"\x84\x10Bh\x9afY\xd6\xd1\xd7\x02\xb9\x07\x01\x00\xa0^\xa2(\n\x82\xc00\x0c\xc3&lt;\xad\x06\xc7\xc5\xc5EGGo\xde\xbcY\x10\x84\xc8\xc8HA\x10\x10\tN\x0c\x01\x00\xa0:/\x8e\xfb7o\xde\x8c\x8a\x8a:y\xf2\xe4\xed\xdb\xb7\x0b\x14(\xf0\xf1\xc7\x1f\xafZ\xb5\xaaB\x85\n3f\xcc\xe0y\x9e\xe3P+vN\x08\x00\x00\xb5\x90\xea&lt;,\xcb\xda\x8b\xfb\xb7n\xdd\x8a\x8c\x8c\xdc\xb3g\xcf\x93\'O&gt;\xfc\xf0\xc3\xfa\xf5\xebW\xabV\xcd\xcf\xcf\x8f\xa2\xa8\x84\x84\x84\x80\x80\x80\xf9\xf3\xe77k\xd6\x0c\xf3\x00g\x85\x00P&lt;\xe9U\x0e\xebu\xf0*\xd2\xb8\x9f\xf5-\xfe\xb9q\xbfy\xf3\xe6\xb5k\xd7\xce\x9b7\xaf(\x8a\xa9\xa9\xa9\x99\x99\x99&lt;\xcf\xe7\xcd\x9bw\xff\xfe\xfd\x9f~\xfaill\xac\xa7\xa7\'\xee1\xa7\x84\x00p\x12xG\x83\xacDQ\x94\xf6\xf3d\x1d\xf7\xcf\x9c9\xb3u\xeb\xd6S\xa7N%%%e\x1d\xf7\x05AHII\xb1\xd9l4M\xdb\x07z\x9b\xcd\xe6\xe3\xe3\x13\x1e\x1e~\xf1\xe2\xc5]\xbbv\xd9l6\x8dF\xe3\xb8\x7f!\xc8\x11\x08\x00\xa5\x12E\x91\xa6\xe9\xf8\xf8\xf8\x9f\x7f\xfey\xe0\xc0\x81...\xf6\xdd{\x8e\xbe4p\x18i\xd0\x17E1\xeb\xb8\x7f\xfa\xf4\xe9\x88\x88\x88\x83\x07\x0f\x12B\xaaW\xaf\x1e\x16\x16V\xa1B\x85\xac\xe3~\xd6\xc5\x80\xac\x08!&amp;\x93)88\xb8G\x8f\x1e_~\xf9%^2\x9c\x0f\x02@\xa9\xa4\x00HLL\xf0\xf6\xf6-]\xba\xd4\xc8Q\xc3\xbbw\xebI\xa1"\xa4J/\x8e\xfbV\xab\xf5\xc2\x85\x0b\xdb\xb6m\xb3\x8f\xfbM\x9b6\xad\\\xb9\xb2\x9b\x9b\x9b\xd5jMKK{\xcd\xb8oG\x08quu\xbd\x7f\xff~\x8d\x1a5\xa2\xa3\xa3\x83\x83\x83\t!x\xc3p&amp;\x08\x00\xa5z6\x03\x88\x0b\n\xac\xda\xb0\xea\xe7\xfbO\xac+\xecg\x980a|\xad\x9a\xa1\x14E\xf1&lt;\x9fu\xad\x0f\x9c\xd2K\xc7\xfd}\xfb\xf6m\xd9\xb2%66\xd6`0\x04\x04\x04\xb4h\xd1"88X\x1a\xf7SSS\x9f\xdb\xfc\xf3\x9fx\x9e\xf7\xf6\xf6^\xb3f\xcd\x84\t\x13\xae^\xbdJ\xe1\x031\xe7\x82\x00P*{\x00\x94/W\xe9\xcbn+\xf2z\xe5;p\xec\xb7\x03\xa7V\xd6\xae\x174e\xca\x8f\x85\x0b\x15\xa1\xb00\xe0\xa4\xec\x1f\xeb\xda\x7f\xdc\xac\xe3\xbe\xc9d\xaaS\xa7NXXX\xd9\xb2e]\\\\\xdem\xdc\xcfJ\xca\x80\x0e\x1d:\xe8t\xba\x9f\x7f\xfe\x19\xbbB\x9d\t\x02@\xa9\xec\x01P\xa1|`\x9f\xf6s\xbc&lt;\xbc]\\\xf4\xe9\x19i\xdb\xf7,\xfb\xe3\x9f#\x9d\xba|&lt;v\xcc\x04\xadV\x8b\x85\x01\xa7\xf1\xe2\xb8\x1f\x1f\x1f\x7f\xe0\xc0\x81]\xbbve\x1d\xf7\xcb\x95+\xc7q\\ZZZzz\xbaT\xb1y\xcf__\xba\xd3\xb4Zm@@\xc0\xb7\xdf~\xdb\xad[7\xbcX8\r\x04\x80Re\r\x80\xbe\x1d\xe6yyxgZ38Ncp\xf3\xf8\xe7\xd1\x9f[\xa2\xe7X\x99\xbf\'}?\xb1U\xcb\xd6\x14\x16\x06\x94L\xda\xc4\xf9\xdc\xc7\xba;v\xec\xd8\xbe}\xfb\x9d;w\x8a\x14)\x12\x14\x14\xf4\xe2\xb8\x9f\xbd\x05@A\x10\x8cF\xe3\xef\xbf\xff\x1e\x16\x16v\xe1\xc2\x85\xfc\xf9\xf3\x8b\xa2\x88\xb7\n\'\x80\x00P\xaa\x17\x03\xc0\xc6\xdbh\x9a&amp;D\xd0j\\\xf5z\xe3\xb9\x8b\xfb\xa3\x0f.-\xe1o\xfa\xf1\xc7i\x95\x02\x02)\xc4\x80\xa2\xbc\xb4I\x83}\xdc/T\xa8P\xe3\xc6\x8d\x1b6lX\xbcxq\x8a\xa2rh\xdc\xcfJ*\x04M\x9a4i\xeb\xd6\xad\xa7O\x9fF!\xc89 \x00\x94\xeaU\x01@=\xdd\x03N\xf4:#M3{\x0fo8\x1e\xbb)\xacy\xe8\x84\t\xdf\xe5\xcfW\x80\xc2\xc2\x80\xbc\xbd\xf8\xbe/}\xb4\xb5\x7f\xff\xfe\'O\x9e\xe4\xcf\x9f?\xeb\xb8\x9f\x92\x92\x92\x99\x99I\xe5\xd6\xc2\xac \x08y\xf3\xe6m\xdc\xb8\xf1\x87\x1f~8m\xda4d\x80\x13@\x00(\xd5k\x02@BDBS\x94\xc1\xcd\xd3\x92f\xfem\xe7\xbc{qg?\xeb\xdf}\xf8\xb0Q,\xcbba@n\xde\xe4c\xdd\xe0\xe0\xe0"E\x8aP\xb9&gt;\xee\xdbI\xdb\x8d233+V\xac\xb8~\xfd\xfa\xd0\xd0P\xec\nU:\x04\x80R\xfdg\x00H\x08\x11X\x963\x1a&lt;\xff\xbe\x7f\xe3\x97\xed\xd3\xf5\x9e\x96q\xe3\xc66k\xda\x82\xc2VQ\x19xq\xdc\xbfz\xf5\xea\xce\x9d;cbb\xe2\xe2\xe2\x9e\xfbX\xd7b\xb1X\xadV\xca\xa1\x1b1y\x9e\xf7\xf4\xf4\x8c\x8e\x8e\xee\xdf\xbf\xff\xd5\xabW\xf5z=\x8a\x8a\x8a\x86\x00P\xaa7\x0c\x00\x89@x\x17\xadN\xe7j8qv\xc7\x9e\xa3\xab\x03B\x8a\x8c\x1f7\xb1b\xc5J\x14b \xd7\xbd\xb4I\x83\xfdc]\x9a\xa6K\x94(\xd1\xa2E\x8b\xe7\x9a4H\xe3\xac\x1c~&amp;\xa9ED\xbf~\xfd\x1e=z\xf4\xdbo\xbf\xa1\x10\xa4h\x08\x00\xa5z\xab\x00\x90\xfey"\x12\xa3\x9b\x89\xe7m\xbb\x0e\xae9\xf3{D\xe7n\xad\xc2\x87\x8f\xf4\xf5\xcdGaa \xe7\xbdI\x93\x86\xa6M\x9b\x06\x05\x05\x19\x8d\xc6\xffl\xd2\xe0X\x84\x10ww\xf7\xa0\xa0\xa0\xde\xbd{\xa3E\x84\xa2!\x00\x94\xeam\x03@B\x88@\xd3\x8c\x87{\x9e\xf8\x84\x07\x11\xbb\x97&lt;H8;|\xc4\x17\xfd&gt;\x1b\xc8\xb2,\xcf\xf3\xf2\x1cn\x14\xed\xa5\x1f\xeb\x1e&gt;|x\xff\xfe\xfd/m\xd2`\xb1X\xe4\xffC\x10Bt:\xdd\xbd{\xf7\xaaW\xaf~\xe4\xc8\x11\x7f\x7f\x7f,\x06(\x14\x02@\xa9\xde-\x00$\x02\xe15\x9c\xd6h\xf0\xbay\xfb\xfc\xd6\xdd\xf3\xdd&lt;-\x13&amp;Nh\x12\xd6\x8cBE(\x9b\xbc\xbeI\x83\xc9d\n\x0c\x0c\xfc\xe8\xa3\x8fBBB\xde\xb9I\x83cI\xbbB\xe7\xcf\x9f?o\xde\xbc\x8b\x17/Rh\x11\xa1L\x08\x00\xa5z\x9f\x00\x90\xfe\x0b\x04"\xb8\xba\xb8\xe9\\\xf4\xc7\xce\xec\xd8yhI\xed\xfa\x15\xc7\x8c\x99P\xd6\xbf,EQ(\xec\xbe3A\x10\xa8\xffj\xd2 }\xb4\xa5\xc4q?+)\x03\xda\xb7oo0\x18\x96/_\x8e{F\x89\x10\x00J\xf5\xde\x01 \xfd\x97\x10"\x8a\xeen\x9e\xe9\x99\x96\xdd\x07\xd7^\xbc\xb9\xbdK\xb76\xa3F~c2\x99\xa4\xb5J%\x0eLr\x10\x1f\x1f\xbf}\xfb\xf6C\x87\x0e]\xbat)\xe7\x9a48\x96\xbdED\xb9r\xe5f\xcc\x98\xd1\xaaU+,\x06(\x0e\x02@\xa9\xb2%\x00$\x84\x08\x0c\xc3\xba\x1b\xbd\x1e&gt;\xbe\x1b\x19\xb341\xe3\xca\xe0!\x03\xfb\xf7\x1bH\xe1\xe3\xe1\xb7!\x8a"\xcf\xf3;v\xecX\xbf~\xfd\xed\xdb\xb7\x0b\x15*T\xbf~\xfd\xea\xd5\xab\x97/_&gt;\xe7\x9a48\x96\xd4"\xe2\xe4\xc9\x93m\xdb\xb6=\x7f\xfe|\x81\x02\x05\xf0\xd2\xa0,\x08\x00\xa5\xca\xc6\x00\x90\x08\x84\xd7j\\\xf5:\xe3\xb5\x9bg#b\xe6\x16,\xae\xfbn\xd2\xc4\x9a5jSX\x18x\x03\xf6\xf3y\n\x17.&lt;n\xdc\xb8N\x9d:\x15.\\\x98\xa2\xa8\xf4\xf4\xf4\xb4\xb44\'\x1b\xf7\xb3\x92v\x85N\x9a4)22\xf2\xc4\x89\x13(\x04)\x0b\xb2\x1a\x9eb\x19\x8e\xe7mI\xc9q%\x8a}\x18\xde\x7fiaS\x83\x8em{v\xee\xd2\xe1\xef{\x7fq\x1cG\xd3\xb4T\xdd\x86\xd7 \x84\x14,X\xb0G\x8f\x1e&gt;&gt;&gt;O\x9e&lt;\x89\x8b\x8bKOOg\x18F\xfa\x03:\xfa\xear\x84F\xa3y\xf2\xe4\xc9\xe8\xd1\xa3]\\\\\xc6\x8f\x1f\xcfq\x1c\xcf\xf3\x8e\xbe(xS\x08\x00\xf8?\x9a\xa6Y\x86\xcd\xc8\xb0\xa4\xa4$\xd5\xac\xd2bx\x9fUO\xee\x18Bk5\x1c\xfd\xcd(\xab\xd5*\xf5\x90\x90\xdaH\xc0\xab\xf0&lt;\x1f\x1f\x1f/\xfd\xb9\x9c\xf5\xad\xff9,\xcb&amp;\'\'\xaf]\xbbv\xc1\x82\x05\'N\x9c\xe08\x0e\xef\nJ\x81\x00\x80\xe7\xd14\xc30Ljj\x12E\x89\x1dZ\x0e\xe9\xf1\xf1\xf4\x1d\x9b/\x04\x06\x06\xae\\\xb5BZ\xb7\x14\x04\x01\x95\xc3\xd7P\xc9\xb8oG\xd3tfff\xa1B\x85f\xce\x9c\xd9\xb9sg\x8b\xc5BQ\x14\xee\x10E@\x00\xc0\xcb1\x0c+\x8a\xa299\xde\xe4\x9ew@\xf7\x9f\x1a\x86\x0c\x1d?zV\xbdzu\x0e\x1f9$\rp\x88\x01\xb0\xe38\xee\xf1\xe3\xc7\x1d;v\xac_\xbf~\xd7\xae]Y\x96\xc5$@\x11\x10\x00\xf0:\x0c\xc3\xdax\xab9%\xbeT\x89\x8a#\xfa\xfd\\\xd0\xbdA\x87\xb6\x9f\xf6\xe9\xdb\xf3\x9f\x87\x0f\xec1\xe0\xe8k\x04Y\xd0h4\t\t\t\x0b\x16,\xb8q\xe3\xc6\xb2e\xcb\xb0\x18\xa0\x08\x08\x00\xf8\x0f4M3\x0c\x9b\x91aIKO\xaeU\xa5Ex\x9fU\xd7\xcf\xa7\xd7\xa8Vg\xca\xd4IX\x18\x80\xac\x08!&lt;\xcf\xaf^\xbdz\xd4\xa8Q\xd7\xaf_\xe78\x0e7\x86\xcc!\x00\xe0\x8d\xd04C\xd3LJj"M\xd3\xdd\xdb}\xdb\xb5\xf9\xd4\xd5Kb\x02\x03\x03\xb7Fl\x96\x16\x06x\x9eGEH\xe5\xa4\xd5\xe0J\x95*\x8d\x1b7\xaeM\x9b6\xd2-\x81\xbbB\xce\x10\x00\xf0\x16\xa4\x85\x81D\xf3\xe3\xbcy\xf2\x0f\xe93?4\xa0\xff\xd0\x81\xdf5hX\xf7\xfc\x85s\xd2NG\xc4\x80\xcai4\x9a\xc7\x8f\x1f\x0f\x180\xa0d\xc9\x92C\x87\x0e\xc5b\x80\xcc!\x00\xe0\xad\xb1\x0cg\xb3Y\x93\xccO\xca\xf9W\x1b\xd1o\x85\x89\xad\xd2&lt;\xac\xdd\xf0\xf0!\x0f\x1f=\xc4\x17\x03\xc0q\x9c\xd9l^\xbat\xe9\xd6\xad[#""\xb0+T\xce\x10\x00\xf0.\xa4\x85\x81\xb4\x8c\xd4\xb4\xf4\xe4\x8f\xeat\x19\xd6{\xe5\xf1\xbd\x0f\xaaV\xa91o\xfe,\xa9!\x0c\x16\x06T\x8b\xa6i\x9b\xcd\xe6\xe1\xe1\xb1f\xcd\x9a\xbe}\xfb&gt;|\xf8\x90a\x18\xdc\x0c\xf2\x84\x00\x80w\xc7H\x0b\x03)\t4M\xf7\xea4\xbeS\xd8ws\xa7\xfdZ\xb5jH\xd4\xf6mX\x18P3\x96e\x13\x13\x13k\xd7\xae\xdd\xbbw\xef\xce\x9d;\xd34\x8d\x00\x90\'\x04\x00\xbc/ia !\xe9a\xc1\xfc%\x87\xf7]X\xb1x\xc7\x81}\xbfi\xf5q\xb3\xd8\xd8\xf3\xf6\x85\x01G_#\xe46\x8dF\x13\x17\x177a\xc2\x84\x8c\x8c\x8c\xc9\x93\'cW\xa8&lt;!\x00 {\xb0\x0cg\xb5\xa6\'&amp;\xc7U\x0e\xf8(\xfc\xb3\xe5$\xb9d\xd8G\xad\xc3G\x0c1\x9b\xcd\x1c\xc7\x89\xa2\x88B\xb0\xda\xd04\x9d\x91\x91\xb1z\xf5\xea\xe9\xd3\xa7\x9f={\x16\xbbBe\x08\x01\x00\xd9\x86\xa6\x19\x96aS-I\x99\xd6\xf4\x96\x1f\xf5\x1d\xdcs\xe9\xe1]\x7fU\xa9Re\xc1\xc2\xb94M\xb3,+\x08&lt;\x86\x00\xf5`\x18&amp;--\xcd\xcf\xcfo\xc6\x8c\x19\xed\xda\xb5KMM\xc5\xaeP\xb9A\x00@6c\x18\x96\xa6\xe9\xc4\xe4\xc7.Z}\xef\xce\x13\x9a\xd5\xfcj\xfa\xf7\xab\xea\xd4\xa9\x1d\xbds;\xcbrX\x18P\x15\xa9ED\x97.]\xea\xd4\xa9\xd3\xb7o_\xec\n\x95\x1b\x04\x00\xe4\x08\x96\xe1\x04\xc2\'%\xc7\x95(V.\xbc\xff\x92\xe2y\x9a\xf6\xf9th\xc7\xce\xed\xae^\xbb\x8a\xad\xa29J\xaa\xb6\xf1\xff&amp;\x08\x82\xa3\xe6^\x1c\xc7%&amp;&amp;\xce\x9e=\xfb\xcc\x993+W\xae\xc4\xaePY\xc1\xd1\r\x90Sh\xeaisiQ\xa4\xaa\x05\x87\x05\x94\xab\xbd\xfb\xe0\xda\x8f\xea7\xe9\xdc\xad\xcdW#\xbf1\x99L\xd2\x90\x84\x03\xa4\xb2\x85t\x0c\xbdtF\xa3\xab\xab\xab\x94\xb2\xd2LK\xda\x84c\xb5Z\xd3\xd3\xd3s\xff\xd4F)\xec\xf5z\xfd\x86\r\x1b\x1a5jT\xadZ\xb5R\xa5JI\'b\xe6\xe6e\xc0K!\x00 g\xd14C\xd3TJj"\xc3\xb0\xad\x9b|^\xfdq\x93\xc8\x1dK\xb7n\t\xf9z\xf4\xa8\xee\xddzR8u2;\x88\xa2\xc8q\x9c\xc1`\xe0y\xfe\xef\xbf\xff\xbev\xed\xda\x1f\x7f\xfc\xf1\xcf?\xff\xa4\xa5\xa5Q\x14e4\x1a\x8b\x14)R\xae\\\xb9\x0f?\xfc\xd0\xc3\xc3#)))\x97\x0fndY\xd6l6\x07\x06\x06\x8e\x1e=\xbaS\xa7Ng\xcf\x9e\x95~\xf4\\\xbb\x00x\x15\x1c\t\xa9T\xd9~$d.\x90N\x9dt\xd3\xbb_\xb9~\xf2\xb7\xdd\xb3\x8a\x952\x8d\x9f0\xbeV\xcdPJ\xf9\xa7NJ?\xc7\x93\'OBBBv\xef\xde\x9d?\x7f~\xab\xd5\x9a;\xff:\xd2\xe8o6\x9b\xa3\xa3\xa3\xa3\xa2\xa2N\x9e&lt;\xf9\xf8\xf1\xe3\x17\xff1\x8e\xe3\x02\x02\x02z\xf6\xec\xd9\xb5kW\x8a\xa2233sy\x08\x16\x04!o\xde\xbc\x8d\x1b7\xf6\xf7\xf7\x9f9s&amp;\x0e\x8f\x94\x03\xfc\x00\x90{\xa4S\'\x13\xcdO\xfc\x8aW\x18\xd1\xef\xe7#\xa7";\xb5\xebU\xbb^\xd0\x94)?\x16.T\x84\xa2\xa8\xdc/P(\x1d!D\xaf\xd7_\xbcx\xb1U\xabV\x0f\x1f&gt;\x94\xfeC\x83\xc1\xe0\xe7\xe7\x97/_&gt;\xa3\xd1H\x08\x89\x8f\x8f\xff\xe3\x8f?\xee\xdd\xbbw\xe6\xcc\x993g\xcel\xd9\xb2e\xf9\xf2\xe5^^^\x19\x19\x19\xb9\x99\x01\x0c\xc3H\x07\x87U\xaaT\xa9A\x83\x06\xcd\x9a5\xc3\xcf\xedp\x08\x00\xc8U4M\xb34\x9b\x91a\xa1(\xaaV\xd5\x16\xc1\x15\xebo\xdf\xb3,\xb4V\xc3N]&gt;\x1e;f\x82V\xab\xc5\xc2\xc0[\xa1i\xdaj\xb5\x16+V\x8c\xa2(WW\xd7\x16-Z4m\xda\xb4r\xe5\xca\xf9\xf3\xe7\xd7\xeb\xf5\xd2\x9fQ:\xa5\xf2\xe4\xc9\x933g\xce&lt;|\xf8\xf0\x9e={&gt;\xfe\xf8\xe3\x9d;wj4\x1aA\x10rm\xd6%\x1d\x1c\xe6\xe9\xe9\xb9l\xd9\xb2O?\xfd466\xd6\xd3\xd3S\x9a9\xe5\xce\x05\xc0\x8b\xf0\x98\x81\x03H\xcd\xa5\x9f;u\xb2R\xa5J[#\xb6\xe0\xd4\xc9\xb7"}h\xed\xe1\xe1\xb1b\xc5\x8a}\xfb\xf6m\xd8\xb0\xa1K\x97.E\x8a\x14\x11E1%%%)))))\xc9b\xb1\x18\x0c\x86\x16-Z\xc4\xc4\xc4\x0c\x1c8\x90\xa2\xa8\xb3g\xcf~\xff\xfd\xf7\xee\xee\xee\xb9\xbc5\x88\xe3\xb8\x84\x84\x84\x86\r\x1bv\xee\xdc\xb9K\x97.,\xcb\xe2\xf3`\xc7B\x00\x80\xc3d=ur`\x8f\xe9u*}&gt;t\xe0D\xa9\xb94N\x9d|s\x0c\xc3X,\x96\xbau\xeb\x06\x04\x04\xc4\xc7\xc7\'&amp;&amp;fffJ\xff\xb9t0\xbd\x14\xa8\x89\x89\x89iii\xb3f\xcdj\xd8\xb0!\xc30\xabV\xad\xba{\xf7\xae\x8b\x8bK.\xff\x855\x1aM||\xfc\xe4\xc9\x93\x1f?~&lt;{\xf6li\x16\x92\x9b\x17\x00Y!\x00\xc0\xc1\xa4S\'\xed\xcd\xa5=\xd9*\xcd\xc3\xda\xe1\xd4\xc9\xb7\xc20LjjjZZ\x9a4\xe2\xbfXT\xa1iZ\xea\xc6#\x08\xc2\xe0\xc1\x83EQ\x8c\x8f\x8f?v\xec\x98^\xafw\xc8\xf7\x01\x19\x19\x19\x1b7n\x9c8q\xe2\x993g\xa4\xde\xb1\xb9\x7f\r@!\x00@\x0e\xb26\x97n\x18\xdaeX\xef\x958u\xf2mI\xa5\xb3\xd7\xff3,\xcb\xa6\xa7\xa7\x97/_&gt;_\xbe|4M_\xbdz\x95e\xd9\xdc\x9fcI-"J\x97.=c\xc6\x8c\xce\x9d;K\xf3&lt;L\xf5\x1c\x02\x01\x00r\xf1\xb4\xb9tj\xc2\x0b\xa7NnAs\xe9l!M\xa7\x0c\x06\x83\x8f\x8f\x8f4\tp\xd4\xdf\x93\xe3\xb8\'O\x9e|\xf2\xc9\'\x95*U\xea\xd5\xab\x17ZD8\n\x02\x00\xe4\xe5\xf9S\'+}&gt;x\xc0\xb8\xe7\x9aK#\x06\xde\x07M\xd3YkD\x8e\xda\x84#\x9d\x19\xb0|\xf9\xf2\xa3G\x8f\xaeZ\xb5\n-"\x1c\x02\x01\x00r$\x9d:\x99h~R\xde\xbfZx\xdf\xa7\xcd\xa5\x87\x87\x0fy\x84S\'\xdf\x83\xf4\x01pFF\x86\xd9l\xa6i\xda\xc3\xc3\xc3\xde."\xf7I?"\xc7q\x1b6l\x18&gt;|\xf8\x83\x07\x0fppX\xeeC\x00\x80L\xd14\xcd2\xac%=%\xd3\x9a\xde\xb2Q\xdf\xc1=\x96\x1c\xdf\xfb\xa0j\x95\x9a\xf6S\'y\x1e\xcd\xa5\xdf\x8e(\x8a\x1a\x8d\xe6\xde\xbd{\xf7\xef\xdf\x17E\xb1t\xe9\xd2R\xfb G]\x0f\xcb\xb2\xc9\xc9\xc9AAA\x83\x06\rj\xd9\xb2%\x0e\x0e\xcb}\x08\x00\x905\x86fh\x9aN4?vq\xd1\xf7\xea4\xbec\xd8\xc4\xb9\xd3~\xadR\xa5\xf2\x8e\xe8(\x8eCs\xe9\xb7#5e\x8b\x88\x88\xb0Z\xad\x06\x83\xa1J\x95*\xe9\xe9\xe9\x8e\xfd\xe6\x8e\xe3\xb8\xb8\xb8\xb8\xd1\xa3G\xe7\xc9\x93g\xd8\xb0a88,\x97!\x00@\x01X\x86#D\xc8r\xead\xa7&gt;\x9f\x0e\xed\x94\xa5\xb94F\x8d\xff\xc4\xf3\xbc\xbb\xbb\xfb\xb5k\xd7\x16-ZDQT\xcb\x96-\xfd\xfd\xfd\xd3\xd3\xd3\x1d\xfe!\xae\xd4"b\xf5\xea\xd5\xeb\xd7\xaf?x\xf0 \x0e\x0e\xcbM\x08\x00P\n\xda~\xead\x95J\x8dF\xf4[\x99\xfc\xc0\xf7\xa3\xfaMF}5&lt;))\t\xa7N\xbe\x1e\xcf\xf3z\xbd&gt;==\xbdW\xaf^O\x9e&lt;\xf1\xf4\xf4\x1c=ztFF\x86\xc3G\x7f*K\x8b\x88E\x8b\x16u\xe9\xd2%%%\x05\xbbBs\r\x02\x00\x94D:u2\xc5\x92H\x88\xd0\xba\xc9\xe7\xfd:\xcd;\xb0\xe3v\xd5\xaaU\xe7/\x98#\x9d:\xe9\xe8\x0b\x94#\x9b\xcd\xe6\xee\xeen6\x9b[\xb5ju\xec\xd81\x9a\xa6\x17,XP\xbati\x87\xd7\x7f\xec\xa4\x16\x11\xcd\x9b7o\xd6\xac\xd9\'\x9f|\xe2\x90\xaf\x13\xd4I\x16??\xbc3Q\x14E\x92\xab\xbd\xdd\xe5\x80aX\x8a\xa2\x12\xcd\x8f\x8d\x06\xaf\xde\x9d\'6\xa9&gt;b\xd6\x94u-\x9a\xb7\xda\xb9s\xa7\xd5j\xc5\xd8\x91\x15\xcf\xf3\xde\xde\xde\x97/_\xfe\xe8\xa3\x8f\x0e\x1d:\xc4q\xdc\xd2\xa5K\xdb\xb5k\x97\x90\x90 \xab\xbc\xd4h4\t\t\t3g\xce|\xfc\xf8\xf1\xacY\xb3\xb0#(w\xa8k\xe0p&amp;\xd2\x06&gt;\x0f\x0fS\x81B&gt;\x7f\xdf\xbf\xa9\xd1\xb8\x88\x94\xba\x06&gt;\x96\xe1\xac\xb6\x8c$\xf3\x93\xa0\x8a\xf5\x06\xf6\x98y`\xcf\xd9\xae\xdd&gt;\xf9\xf3\xcf?)\x8aB\x06P\xcf\xce\x08\xcb\x9b7\xef\xda\xb5k\x1b6lx\xf9\xf2\xe5&lt;y\xf2l\xda\xb4\xa9G\x8f\x1e\t\t\t2\xec\xc5\xcf\xf3\xbc\xab\xab\xeb\x80\x01\x03f\xcd\x9ae\xb3\xd9\x1c}9\xaa\x80\x00P0iW\x9f\xdeMg\xb1\x98\x19Fv\xcfs\x8e\x12E"\x10\xc1\xe8\xe6\xa9\xd3\x196DL\x9f4\xaf\xfd\xe0\xf0O\xaf\\\xbeV\xaaT)\xcaq\x1f7\xc9\x8a(\x8a&amp;\x93i\xfc\xf8\xf1]\xbbvMHH\xa8T\xa9RLLL\xf3\xe6\xcd\xe3\xe2\xe2d\xf5\xee/!\x84\xe8t\xba\xbf\xff\xfe{\xe4\xc8\x91\xcb\x97/\xd7h4\x8e\xbe"UP\xd7\xa8\xe1\x94\x08!\x0c\xc3Q*z\xfd\x17\x05"\xb8\xba\xb8\xe9\\\xf4\xc7\xcf\xee\xd8stu@H\x91]1[+V\xacD=;\x99\xcb\xd1W\xe8x\x82 xzz\x8e\x1b7\xee\xbb\xef\xbe\xa3(\xaaC\x87\x0e\xf3\xe7\xcf\xd7\xeb\xf5\xf2|\xf7\xa7(\x8a\x10b4\x1a\x9b5k\xd6\xa7O\x9f:u\xea\xe0\xac\x98\xdc!\xc7[\x01\xde\x9eZF\x7fB\x04\x8e\xd3x\xb8{\xdf\xbc}~\xeb\xee\xf9\x06\xaf\xb4\xb9\x8b\xbfk\xd6\xb4\x05\xa5\xfcC%\xb3\x91 \x08&amp;\x93)""B\x1a\xfd{\xf4\xe8\xb1x\xf1b\x8b\xc5\x92\x9a\x9a*\xcf\xd1\xdff\xb3\xf9\xf8\xf8L\x9a4)33s\xdc\xb8q8-2\xd7\xe0\xaf\x0c\xca@DBS\x94\x871OB\xd2\xa3_"\xc7&gt;H8;|\xc4\x17\xfd&gt;\x1bho&amp;\x8c!C"\xf5{HOO\x97F\xff\xd0\xd0\xd0\xf9\xf3\xe7\xa7\xa4\xa4\x10B\xe4\xf9N-\x08\x82\x87\x87\xc7\xa1C\x87f\xcd\x9au\xfe\xfc\xf9\\&gt;\xb0^\xe5\xf0\xcc\x80\xdc\x89\xa2(\x8aD\xaf3\xd24\xb3\xeb\xc0\xda#\xe7\xd6u\xe9\xde:|\xf8,_\xdf|\x14\x8e\x11~\x81(\x8a\x06\x83\xe1\xd8\xb1c\xb1\xb1\xb1\x1c\xc7\x8d\x193Fj\x9b!\xcf\x80\x14EQ\xba\xbc\xee\xdd\xbb/^\xbc\xb8`\xc1\x82\xf8As\x93\x1c\xef\t\x00;\x81\xf0.Z\x9d^g&lt;wq\x7f\xf4\xc1\xa5%\xca\x98\xa2c~\x0b\xa8\x18H=\xab\xf9`\xb0x\x0e!D\xab\xd5^\xbcx\x91\x10R\xbe|\xf9\xe0\xe0\xe0\x94\x94\x14y\x8e\xfe\x14E\t\x82\xe0\xed\xed\xdd\xbe}\xfb\xbau\xeb\xb6j\xd5J\xb6A\xe5\xac\xf0\xb7\x06\x99"D`Y\xce\xd3\xc3\xe7\xaf{76G\x8f\xa4\\\xe2\xa6\xcf\x1d\xdf\xaae\x1b\xea\xd9\xd0\x8f\x91\xe2Uh\x9a\xbew\xef\x1eEQ\x15*T0\x18\x0cr\xdb\xf2o\'}\xa30\x7f\xfe\xfc\xcb\x97/_\xbcx\x11\xef\xfe\xb9\x0f\x8f\x10\xc8\x8eT\xee7\x1a\xbc,i\xe6\x95\x9b&amp;\xde\x8b;\xfbY\xff\xeeC\x06\x87k\xb5Z\x94\xfb\xff\x93\xd4SSz\xeb/P\xa0\x80\x03\x1b&gt;\xbf\x1e!\xc4\xcd\xcd\xed\xc6\x8d\x1bc\xc6\x8c9r\xe4\x88\xb4\x96\x835\xfc\\\x86\x07\td$k\xb9?\xe6\xe0\xda\xe3\xb1\x9b\xc2\x9a\x87n\x9cp \x7f\xbe\x02\x14\xca\xfdo#&gt;&gt;^\xea\x93*\xe7!U\xa3\xd1\xb4m\xdbv\xcc\x981\xfe\xfe\xfe\xf8q\x1d\x02\x01\x00rA\x88\xa0\xd5\xb8\xea\xf5\xcf\xca\xfd\xfe\xa6\xc8\xe8M\x95\x02\x02)\x8a\x12\x04\x81a\x18\x0c\x10o\x82\xa6\xe9\x8c\x8c\x8c6m\xda\xf8\xf9\xf9\xd5\xa9SG&gt;\r\x7f\xb2\x92\xf6}\xf6\xeb\xd7\xcf\xcf\xcf\xef\xcb/\xbfD\xe9\xdfQ\xf0G\x07\xc7\x93\xca\xfd\x1e\xeey\xfey\xf4\xe7\xf2\x8dc\xad\xcc\xdf\xd3\xe7Nl\xd5\xb25\x85\xa1\xff\xedIg~\xb5n\xdd\xbac\xc7\x8e\xe9\xe9\xe92\x0c\x00\x9e\xe7\xf3\xe6\xcd\x1b\x15\x15\x15\x15\x15u\xf5\xeaU\xbc\xfb;\x10\x02\x00\x1cI\x14\tEQ\x06\x83)=\xdd\xb21b\xc6\x1f\xff\x1c\xe9\xd4\xe5\xe3\xb1c\xb6\xd9\xcb\xfd\x18\x1a\xde\x01M\xd3\xd2\xc6\x7f\x86a\xe46\xfa\x8b\xa2\xe8\xe2\xe2\xf2\xcf?\xff\xf4\xea\xd5\xeb\x97_~1\x1a\x8d(\xfd;\x10\x02\x00\x1cC*\xf7\xebt\x06\x86f\x0f\x9f\xd8v\xe0\xd4\xca\xda\xf5\x82\x96\xff\x12S\xb8P\x11\n\xe5\xfe\xf7F?\xe3\xe8\x0by\x9e \x08^^^M\x9b6\xfd\xfc\xf3\xcfCCCQ\xfcq,\xfc\xe9\xc1\x01\xa4r\xbf\xce\xd5\xed\xf2\x8dS\x111\xb3\x8b\x952\xad\xdf\xb4\xacV\xcdP\n\xbb\xfb\xb3\x03!D\xa3\xd1\xe8t\xba\xcc\xcc\xcc\xcc\xccL\xf9L\x02\xa4\xd2\xffw\xdf}\xa7\xd7\xeb\xc7\x8e\x1d\x8b\xd1\xdf\xe1\xf0\xd7\x87\\E\x88\xc0\xb0\xac\xbd\xdcoc\xef\x8d\x9d4\xac{\xb7\x1e\xd4\xb3r?F\x84\xf7$\x8a\xa2N\xa7{\xf2\xe4\xc9\xb1c\xc7\x8a\x17/^\xa4H\x119\x9c\xfbH=\xebOw\xe8\xd0\xa1\xd9\xb3g\xc7\xc6\xc6\xa2\xe5\x83\x1c\xe0a\x83\\"\x8aD\x14)\xa3\xc1333mC\xc4\x8c\xdb(\xf7\xe7\x00\xa9C\xf8\xfd\xfb\xf7\x9b4ir\xeb\xd6-oo\xef-[\xb6\x04\x07\x07[,\x16\xc7\x8e\xb6\xd2\x85\x99\xcd\xe6O&gt;\xf9d\xe9\xd2\xa5\xf9\xf3\xe7G\x95O\x0e\x10\x00\x90\xe3DQ$"\xd1\xeb\x0c\x1c\xcb\x1d?\x13\xbd\xfb\xc8\xb2\xda\xf5+\xfe\xfc\xcb\x9eB\x85\nS(\xf7g+\xe9-{\xf7\xee\xdd\xb7n\xddruu}\xf2\xe4\xc9\xe6\xcd\x9bk\xd6\xac\x99\x92\x92\xe2\xd8\x00\xe0y\xde\xcb\xcb\xabU\xabV\xadZ\xb5j\xd1\xa2\x05\x8a?2\x81\xdf\x00r\x96@x\xad\xc6U\xaf3^\xbby6b\xf7\xdc\x82%\\\x97\xae\x9c\x11\xd6\xb8)\x85r\x7f\x0e\x93\xca&gt;r\xf8\x0cX*\xfd\xcf\x9b7\xef\xd6\xad[\xbf\xfe\xfa+"_&gt;\x10\x00\x90S\x08\x11\x18\x86\xf5\xf4\xf0y\xf8\xf8\xee\xba\xdf\xa6&amp;f\\\x19\xfa\xf5\xc0\xfe\xfd\x06R\x14%\x08&lt;\xc3\xa0\x99O\xf6cY\xd6b\xb14l\xd8\xb0X\xb1bw\xef\xde\xf5\xf4\xf4l\xd3\xa6MFF\x86\x03_\xff\x05Apww?\x7f\xfe\xfc\xb8q\xe3\x8e\x1c9\xc2q\x1c\xf6}\xca\x07\x9e@\xc8~\xf6r\x7fz\x86e\xcb\x8e\xf9\x17on\xef\xd2\xad\xcd\xa8\x91\xcbM&amp;\x93tP-\xcb\xe2\xc6\xcb\x114M[\xad\xd6B\x85\n\xed\xdd\xbb\xf7\xf7\xdf\x7f\xf7\xf3\xf3+Q\xa2DZZ\x9a\x03\x03@Z\xd8\xef\xda\xb5\xeb\xe4\xc9\x93\xcb\x94)\x83\xe2\x8f\xac\xe0\x97\x80\xec%\nD\xd0\xb9\x1a4\x9c\xe6\xf8\x99\xe8\x98\xa3\xcbk\xd6\xab\xb0{\xe1\x8e\xb2\xfee)\x8a\x92\x1e~L\xffs\x14M\xd3\xe9\xe9\xe9\xde\xde\xdeM\x9a4\xc9\xcc\xcct\xec\xe8/\x15\x7f\xfa\xf4\xe9S\xbat\xe9^\xbdza\xf4\x97\x1b\xfc\x18\x90m\x04\xc2k8\xad\x87{\xde\x9b\xb7c7m\x9f^\xa8\x84\xeb\x92\x9f\xa7g-\xf7\xe3\xe1\xcf\x1d\x0c\xc3\xd8l6\xe9\x0b\x00\x07\x8e\xfe&lt;\xcf\xfb\xf8\xf8l\xd8\xb0a\xef\xde\xbd\x97.]B\xe9_\x86\xf0@B6 D\xa0i\xc6\xd3\xc3\'&gt;\xe1\xc1\xa6\xc8Y\xf7\x13\xce\x84\x7f5\xe8\xf3\xfe_R\x14%\x08&lt;Mcw\x7fn\xa3i\xda\xb1\xa3-!\xc4\xd5\xd5\xf5\xfe\xfd\xfb\x83\x07\x0f\xde\xbau\xab\x9b\x9b\x9b \x08(\xfd\xcb\r\x1eKx/\xa2H\x88(\x1a\xddL&lt;o\x8b\xd8\xb5\xf8\xcc\xef\x11\x9d\xbb\xb5\n\x1f~\xd4\xd77\x1f\xca\xfdj&amp;\x8a\xa2^\xafo\xd4\xa8Q\xff\xfe\xfd\xabV\xad\x8a\xe2\x8f&lt;\xe1\'\x81w&amp;\nDpuq\xd3\xb9\xe8\x8f\x9f\xdd\xb1\xe7\xe8\xea\x80\x90"\xd1\xbb\xb7T\xacX\x89B\xb9_\xdd\xa4\xd2\xff\xe8\xd1\xa3]]]\xd1\xf2A\xce\xf0\xab\xc0\xbb D\xe08\x8d\x87\xbb\xf7\xcd\xdb\xe7\xb7\xee\x9eo\xf0J\x9b\xbb\xf8\xbbfM[P(\xf7\xab\x9e\xbd\xe5\xc3\xd2\xa5K\xd1\xf2A\xe6\xf0\x94\xc2\xdb\x91\xcek\xf40\xe6IHz\xf4K\xe4\xd8\x07\tg\x87\x8f\xf8\xa2\xdfg\x03\xa5#\xfd(\x9c\xd7\xa8nY[&gt;,^\xbc8_\xbe|X\xfb\x953&lt;\xab\xf0\xa6\xb2\x9e\xd7\xb8\xeb\xc0\xda#\xe7\xd6u\xe9\xde:|\xf8,_\xdf|\x14::\x00EQ\xffn\xf9\xd0\xb2eK\x14\x7fd\x0e\xbf\r\xbc\x11\x81\xf0.Z\x9d^\xf7\xec\xbc\xc62\xa6\xe8\x98\xdf\x02*\x06R\xe8\xe8\x00\xcf\xa0\xe5\x83\xe2 \x00\xe0?H\xe75zz\xf8\xfcu\xef\xc6\xe6\xe8\x91\x94K\xdc\xf4\xb9\xe3[\xb5lC\xa1\xdc\x0fY\xa0\xe5\x83\x12\xe1\xd1\x85W\x92\xca\xfdF\x83\x97%\xcd\xbcr\xd3\xc4{qg?\xeb\xdf}\xc8\xe0p{\x03g\x0c\xfd`\x87\x96\x0fJ\x84_\x08^"k\xb9?\xe6\xe0\xda\xe3\xb1\x9b\xc2\x9a\x87n\x9cp \x7f\xbe\x02\x14\xca\xfd\xf0\x02\xb4|P(\xfcH\xf0&lt;\xe9\xbcF\xbd\xfeY\xb9\xdf\xdf\x14\x19\xbd\xa9R@ \xf5\xec\xd0.\x8c\xfe\xaf!\xfdqx\x9e\'\x84\xa8\xe4\x0f\x85\x96\x0f\xca\x85\x00\x80\xff\x93\xca</t>
        </is>
      </c>
    </row>
    <row r="381">
      <c r="A381" s="1" t="n">
        <v>379</v>
      </c>
      <c r="B381" t="inlineStr">
        <is>
          <t>color_hexagon</t>
        </is>
      </c>
      <c r="C381" t="inlineStr">
        <is>
          <t>What is the missing color of the part denoted with a question mark?</t>
        </is>
      </c>
      <c r="D381" t="inlineStr">
        <is>
          <t>['orange', 'purple', 'red', 'green']</t>
        </is>
      </c>
      <c r="E381" t="inlineStr">
        <is>
          <t>red</t>
        </is>
      </c>
      <c r="F381" t="inlineStr">
        <is>
          <t>There is a hexagon split into six parts with the colors ['purple', 'blue', 'red', 'purple', 'blue', '?'] in an anti-clockwise order.</t>
        </is>
      </c>
      <c r="G381" t="inlineStr">
        <is>
          <t>We observe that a blue part is opposite another blue part, and a purple part is opposite another purple part. Thus, the pattern is that the colors in opposite parts are the same.</t>
        </is>
      </c>
      <c r="H381" t="inlineStr">
        <is>
          <t>Based on the pattern that spatially opposite parts have the same color, the missing color of the part which is opposite a red part should be red.</t>
        </is>
      </c>
      <c r="I381" t="inlineStr">
        <is>
          <t>b'\x89PNG\r\n\x1a\n\x00\x00\x00\rIHDR\x00\x00\x02\x00\x00\x00\x02\x00\x08\x02\x00\x00\x00{\x1aC\xad\x00\x00|~IDATx\x9c\xed\xddy|\x94\xe5\xb9?\xfe{yf\xcd$\x93a3\x08F\x81 \x15\x91`\x10\x11\x91%(\x8bb\xc1\xaf\n\x82B\xc1\xe5W(X\x8d\x02G\xa3%\x88\x91\n\nBm\xed\xb1V\xab\xd6\x82(G[\xac\x1b\x11e\x89\xacYd\t\xbb\t\x82 aMf\xc9\xac\xcf}\xdd\xbf?\xeedD\x14\r\x90ef\x9e\xeb\xfd:\xaf\xef\xeb{\xce\xe9i\xc7$\xf3\\\xf7r=\xd7\x87J)\tB\x08!\xe3a\xcd\xfd\x01\x10B\x085\x0f,\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Jk\xee\x0f\x80\x9a\x93\x94RJ\xd9\xdc\x9f\x025\x1bJ)\xa5\xb4\xb9?\x05j6\x14\xbf\xff\x86\xa5\xeb\xba\xa6\xe1\n\xc0\xe8t]\xe7\x9cc\x190&amp;,\x00\x06\x05\x00\x8c\xb1\xdd\xbbwO\x992\x851\x06\x00\xcd\xfd\x89P\x93\xd24M\xd7\xf5\x07\x1ex\xe0\xee\xbb\xefn\xee\xcf\x82\x9a\r.\x00\rG\x95\xfc@ \xb0`\xc1\x82\xd4\xd4\xd4U\xabV5\xf7\'B\xcd\xa6k\xd7\xae\x87\x0f\x1f\x1e6lX\xb7n\xdd\xa4\x94\x8c\xe1\xa5\xa0\xb1\xe0\x0e\xc0p\x84\x10\x9c\xf37\xdf|s\xe2\xc4\x89\x94R\xcey\xf4o\x80R\xfc\xfe\'8J\x08HIH\xedo\x9cs\x1e\x0e\x87\xc7\x8f\x1f\xff\xcf\x7f\xfe\x13\x8f\x04\r\x08\x0b\x80\xb1\xa8[_\xb7\xdb\xdd\xb5k\xd7\x13\'N\x00\x00\x1e\xfe\x18\x9c\xd9l\x16B\xacZ\xb5\xaa_\xbf~jq\xd0\xdc\x9f\x085\x1d,\xf8\xc6\x02\x00\x9c\xf3\x993gVVV\xd6\xae\xfd)\xa5\x84J\t\xd7f\xde\xd2\xf7\x9a\xff\x17\x08z\x19\xc5G@b\x02\t\x16\xb3\xed\x9bC;\xfe\xfb\xf9_\xa5\x04B\x08\xa5T\xd7u\x00\xc8\xc9\xc9Y\xbf~\xbd\xc9d\x92R\xe2\x85\xb0q\xe0\x0e\xc0@\x00\x80R\xbaw\xef\xden\xdd\xba\x01@\xb4\x07\x94R*\xa5t&amp;\xb7~\xea\xe1\xf7m\xb6\x14!t|\x04$\x1cI\x08\x01\x00\xbb-e\xfe\xdf\xef\xdd\xb9o=\xa3\x0c\xeaj\x00cL\x08\xf1\xc6\x1boL\x980\x017\x01\x86\x82\x05\xc0@\xd4w{\xe8\xd0\xa1\x05\x05\x05\x9af\xd2\xf5\xc8E\x9d\xba\xfb\xabOxO\x1ea\x8c\x03\xe8\xd7g\x8d\xbc\xe7\xff\xcd\xaa\xf1W3\x86\x8f\x80D\x03 \x92l\xce\x8d_}\xf0\xd6\xbfg3\xca$\x91&amp;\x93\xa9o\xdf\xbe\xabV\xadRw\xbfm\xda\xb4\xd9\xb1cGjj*\xbe\x1c`\x1cx\xe9g\x14\xea\xe9_PPPPP\xc09\x07\t\x94\xb2\x9b&amp;=\x9bu\xeb\xfd\x84HB\t\xa5l\xe3\x96\x0f\x0f}\xb7\xdbfu\x10B\x18e\xf8_\t\xf3_\x942\x8d\x9b\xc2\x91\xc0\'k\xfeA\x08a\x9cI)\x07\x0e\x1c\xf8\xd6[o\xb5j\xd5JJ\xc99\xaf\xac\xac|\xe1\x85\x17\xb0\'\xd8P\xb0\x00\x18\x82:\xd8\xd5u\xfd\xa1\x87\x1e"\x84R\xc6A\x88.}\x7f}\xc9\x95\xd7e\x0e\x1b\x9f\x9av\x19\x08\x9d1\x06 \xde[\xb1\x90Q\x8e\xcb\xbf\x04#A$\xd9\x9c\x05\x85o\x9e8\xf5-g\x1c\x004M{\xea\xa9\xa7\xda\xb5k7s\xe6Lu\x18\xc89\x7f\xfe\xf9\xe7\xf7\xed\xdb\x875\xc08\xb0\x00\x18\x82z\xed\xebo\x7f\xfb\xdb\x9e={\xb8\xc6\x85\xd0-\xf6\xe4&gt;w=\x12\xf4{,\xf6\x94\xeb\xefz\x94\xd4\x16\t\xb6\xb7\xa2h\xdb\xee\xd56k2\x80h\xeeO\x8d\x1a\x86\x94\xd2d\xb2\x1c;y`\xcd\xa6w(\xa5\x94Q\x00\x980aB\xef\xde\xbdO\x9c81a\xc2\x84\xcc\xccL\xb5A\x0c\x87\xc3O&gt;\xf9\xa4\xba\x13j\xeeO\x8d\x9a\x02\x16\x80\xc4\xa7\xee~+++g\xce\x9cI)%\x84J\x80\x1e7O\xbc\xa8S\xa6\x08\x07C5\x9e+o\xbc\xab\xdd\x15\xd7\x02\x08u\x16\xfc\xfe\x8a?\x85\xc2~\xc68&gt;\x03\x12\x83\x94`1\xdb\x97\xaf|\xc9\x1f\xf00\xc6\x01 555//\xcf\xef\xf7\x03\x80\xc3\xe1\xc8\xcf\xcf\x97R\xaa\x1a\xb0l\xd92uH(\x04\xae\x00\x12\x1f\x16\x80\xc4\xa7\xde\xf0\xcc\xcd\xcd\xad\xaa\xaa\xe2\x9aI\x08\xdd\xd9\xe6\x92^\xb7M\x0ez\xab\x18\xd3\x08\x91 \xf4\xfe\xbfy\x92q\x0e\x12\x18\xe3\xc7O\x1e,(|3\xc9\xe6\x94\xb8\t\x88\x7f \xc1nK)\xdbSX\xb2\xbd\x80QF\x88\x04\x80\xdc\xdc\xdc\xf6\xed\xdb\x07\x02\x01\x93\xc9TUU5l\xd8\xb0\x11#F\x08!\x18c\x94\xd2\x87\x1ezH\xd7u\xdc\x07\x18\x01\x16\x80\x04\xa7\x0e\x7fJJJ\xde~\xfbm\xce9\x00\x10)\xfb\xde\xfd?vW\x1b\xa1\x87\t\xa5\x94\xf1\xb0\xdf\x9b\xde\xbdo\xb7\x1b\xc7J\x005\x1fr\xcd\xa6w\x8e\x9d&lt;`\xd2,\xf8\x08\x88w\x94\x10!\xf4\x8fW\xbf*%0\xce\x00 33\xf3w\xbf\xfb\x9d\xdb\xedV\xef\xfd\xaa\xcb\xa1\xfc\xfc|\xa7\xd3\xa96\x01{\xf6\xec\xf9\xdb\xdf\xfe\x867\x01F\x80\x05 \xc1\xa9\xeb\xdfi\xd3\xa6\x85B!\xca8\x08\xbd\xdd\x15\xd7^9ht\xd0s\x8a\xf1\xda\xd7\x00\x19\xe3a\xbf\xaf\xef\xd8\xe9\x96\xa4\x14\t\x821\xee\x0fx&gt;X\xf9W\xab5I\xbd.\x84\xe2\x94\x00\xe1\xb0\xbb\xd6\x97.\xaf8\xb8\x851\xae.{\x9fy\xe6\x19\x9b\xcd\x16=\xe1a\x8cy\xbd\xde\xee\xdd\xbbO\x9a4I\x9d\x16RJg\xce\x9cYUU\xc5\x18\xc3\x15@b\xc3\x02\x90\xc8\xa2\xa7\xbak\xd6\xac\xd14M\x08\x9dk\xa6\xfe\xbfy\x12\x84N\xc8i\x9d&gt;\x94\xea\xe1`r\xab\x8b\xfb\x8c\xca\x91RJ")e\xa5;V\xee\xa9\xd8l\xb5$\x01\xd6\x80\xf8$\x89\xd4\xb8\xa9\xda{\xec\xb3\xc27(\xa5\x8cQ!\xc4\xc8\x91#\x87\x0e\x1dZ]]}\xfa\xdb^\x9a\xa6\xb9\xdd\xee\x9c\x9c\x9c\x0e\x1d:\xa8\x89@UUU\xea\xc6\x087\x01\x89\r\x0b@\xc2Rk7\xd5\xd7A\x08!\x94I\x80\xcb\xaf\xffuz\xf7\x1b\xc2~/\xfd\xe1\xdcG\xc6y\xa8\xc6\xd3\xe3\x96{]\x17w\x00!\x18cBD\x96\x7f\xf6\x17\xc6xtp\x18\x8a/\xea\xcd\xaf\xcf\xd7-&gt;QuX\x9d\xe7\x98\xcd\xe6\x993g\n!\xcex\xcf\x8bR\x1a\x0e\x87\xdb\xb6m;c\xc6\x0c\xb5K\x88\xf6\x8c\xe1APb\xc3\x02\x90\xb0\xd4\xd8\x9f\xf9\xf3\xe7\xef\xdb\xb7O3\x99\x84\x1e\xb1:R\xfb\x8d{&lt;\xec\xf7\xfe\xd4\x8b\xbeT\x820Yl\x03\'\xe4\x11B@J\xc6x\xf9\x81-\x9b\xb6|\xe8\xb0\xa5bKh\xdc\x91\x12\xac\xe6\xa4o\x8f\xec*,ZF)Sk\xf9\xa9S\xa7feey\xbd\xde\x1f\x8f}\xd64\xed\xe4\xc9\x93\x13\'N\xbc\xfe\xfa\xeb\xd5&amp;@\xbd5\x82W\xc1\x89\r\x0b@bRw\xbf\xe5\xe5\xe5\xf3\xe6\xcdc\x8cII\xa4\x94W\xdfr\xaf\xab]\'=\x1c$?\xf5\xa2?e&lt;T\xe3\xe9\xd4{Xz\xf7\x1b$\x08B)!\xf4\xc3/^v\xfbNr\xaeI\xdc\x07\xc4\x15I\x08c|\xf9\xca\x97\x02A\x9f\x1a\xf5\xd3\xa6M\x9b\x9c\x9c\x1c\x9f\xcfw\xb6Q?RJ\x93\xc9\xf4\xc4\x13O\xa8\x7f\xbd\xa6i\x05\x05\x05\xcb\x96-\xc3\x96\xd0\x04\x86\x05 1\xa9\xbb\xdf\xa7\x9f~\xda\xe3\xf1p\xae\t=\xe2\xba\xb8C\xef;\x1e\x0cz\xab\xd8\xcf\x8e\xfa\x92 \xb2\xef\x9d\xc55\x93\x94\xc0\x18?Y\xf5\xdd\xe7\xeb\xfe\x95d\xc7M@&lt;\x01\x10I\xd6\x94\x9d\xfb\xd6m\xdb\xb5Z\xb5~J)\xf3\xf2\xf2\xd2\xd3\xd3\x83\xc1\xe0\xd9\xe6\xfcp\xce\xab\xaa\xaa\x86\x0f\x1f&gt;z\xf4\xe8hK\xe8\x93O&gt;\x19\x0e\x87q\x1f\x90\xa8\xb0\x00$ u\xf7\xbbv\xed\xda\xc5\x8b\x17s\xae\xe9B\x10B\x06N\xc83\xd9\x1c\x12\xc4\x0f\xae\x7f\x7f\x882\x16\x0e\xf8\xd2:_\x9du\xeb\x03\x12@\r\x08*,Zv\xf0\xf0N\x8b\xd9\x8e\x8f\x80x\xc1\x18\x0f\x86\xfd\xcbW\xbeD\x08e\x9c\x0b!\xae\xbf\xfe\xfa\xfb\xee\xbb\xef\xe4\xc9\x93?\x1f\xf9\xc29\xf7\xf9|\xf9\xf9\xf9.\x97+\x12\x89h\x9a\xb6o\xdf\xbe\xf9\xf3\xe7\xe3M@\xa2\xc2\x02\x90\x98\x84\x10\xb5\xd7}\x8cI\x10\xe9\xddo\xe8\xd4{X\xc8\xe7\xa6\xbf4\xe6\x931\x1e\x0e\xf8\xae\x199\xc9\x9e\xdaJ\x020\xc6\x02A\xdf\xa7k^3\x9b\xac\xd8\x12\x1a\x17\x04\x08\xbb-e\xd3\x96\x0f\x0f\x1d\xd9\xc3\x18\x93\x128\xe7O&lt;\xf1\x84\x9a\xf5\xff\xf3\xff\xb7\x94\xd2@ \x90\x91\x911e\xca\x14\xf5/f\x8c-X\xb0\xa0\xb2\xb2\x12;\x82\x12\x12\x16\x80D\xa3\xeb:\xe7|\xc9\x92%k\xd7\xae\xd54\x93\x10:\xe3&lt;\xfb\xdeY\xf5}\xad\x97R=\x1cLi\xdd\xbe\xef\x98\x19R\x82$\x92QVR\xf6Y\xd9\x9eB\xbb-\x05[Bc\x9c\x94\xd2\xa4\x99OU\x1f\xf9h\xd5+\xd1A\xffw\xdey\xe7\xf0\xe1\xc3\xab\xaa\xaa\xea3\xe8_\x1d\x04M\x9f&gt;\xbdc\xc7\x8ej\x13p\xea\xd4\xa9\xdc\xdc\\|\' !a\x01H(\xaa\x81\xcf\xe3\xf1\xcc\x9e=\x9bR&amp;\t\x91\x00\xddn\x1c{QFf8\xe0\xa3\xf5\x8b\xfcf\\\x0b\xfa\xaa\xaf\x1c4\xaaM\x87n\x00@\x19\x93\x12&gt;^\xfd\xaa\x10:=\xfb\xf1\x11\x8a\x05R\x82\xd5\x92\xf4\xc5\xfa\xc5^\xdfI\xc68\x80p:\x9d\xb9\xb9\xb9~\xbf\xbf\x9e\x81\xef\xea\xc5\xe0\xe4\xe4\xe4?\xfc\xe1\x0f\xa4\xae\x97l\xc9\x92%\xa5\xa5\xa5\xb5o\x92\xa3\x04\x82\x05 \xa1\xa8\xe6\x9fy\xf3\xe6\x95\x97\x97s\xceA\xe8\x96$g\xdf\xb1\xd3#A\xff9e\xbcH!L\xd6\xa4\xfe\xe3s\x89\x94\xaa%\xb4\xe2\xe0\x96\xf5%\xffI\xb2;\xf168f\x81\x04\x8b\xc5~\xe0\xd0\x8eU\x1b\x97R\xca(%\x000i\xd2\xa4\xcc\xccL\x9f\xcfW\xcf\x02@\x08\xd14\xad\xba\xbaz\xfc\xf8\xf1\xaa%TM\t\xcd\xc9\xc9\x11B\xe0&amp; \xc1`\x01H\x1cj\xb1\xa6n\xed8\xe3*\xf2\xb1\xcf\xa8\x87\x93[\xb5;[\xeb\xe7\xd9P\xceC\xbe\xea\x0e=\x07e\xf4\x1e\xa6ZB)\xa5\x1f\xaez\xf9T\xf5\x11M3\xe3S 6QB\x18\xe5\xef\xadX(D\x843&amp;\x84\xb8\xf4\xd2Ksrr\xa2c\x7f\xce\x89\xae\xebs\xe6\xccQ/\x04h\x9aVXX\xb8d\xc9\x12l\tM0X\x00\x12\x87z.\xd7\xf6\xedq\x0e \xdat\xe8v\xf5\xf0\xfbB5\xee\x9fo\xfd&lt;\x0b\nB\xf4\x1f\xff\x84\xc5\x9e,%P\xca\xbd\xbeS_\xac_l\xb5\xe0\x80\xa0X\x04 l\xd6\xe4m\xbbW\xef\xad(\xa2\x94I"\xa5\x94O=\xf5TZZ\x9a\xea\xe3&lt;\xa7\x7f75 h\xe0\xc0\x81\x13&amp;LP\x03\x82\x18c\xb3g\xcfv\xbb\xdd\xd8\x12\x9aH\xb0\x00$\x08\xd5\xfa\xb9f\xcd\x9a\xef\xdf\xdc\x91\xb2\xff\xf8\\\xcdb\x93\xe2\xe7Z?\xcf\x862\x16\xf6{\xdbt\xbc\xaa\xc7\xcd\x13\xa3-\xa1\xab6.=xx\'\x0e\x08\x8a5\xea\xb5\xafp$\xf0\xfe\x8a?\x11Bx]\xeb\xe7\xb8q\xe3~\xb1\xf5\xf3l8\xe7^\xaf7///55U\x1d\x04\x95\x97\x97/Z\xb4H],7\xf4?\x01j\x1eX\x00\x12\x81z\xed+\x14\nM\x9b6\x8dR\xaaZ?;_w\xf3e=\x07\x85|\xd5\xf4|\x96\xff\x84\xa8\xdb`o\xd55\xb7Mv^\x94.\xa1v@\xd0G\xab^\xa1\x14\xfflb\x8b\x04a\xb3&amp;\xaf\xdd\xb4\xec\xf8\xc9\x83\xea\xee\xd7l6\xcf\x993G\x8d\xf5?\xbf\x7fOJi0\x18l\xdf\xbe}nnn43r\xe1\xc2\x85\xb5\xd7Kx\x1b\x9c\x10\xf0\x9b\x9c\x08\xd4\xdd\xef\xd2\xa5KKJJ\xd4\xea\x8fk\xa6\xbec\xa6K\x80\xf3X\xfb\x7f\x8fR\xa1\x87\x1d-\xd2z\xdf\xf1\xfb\xe8\x94\xd0\xad\xbbV\xed\xdc\xb7\xce\x8e\x99\x911CJ\xa9i\xe6*w\xe5\'k^Sg5\x00p\xfb\xed\xb7\x0f\x1c8\xf0\'\xc7\xfe\xd4\x9f\xa6i\x1e\x8fg\xf2\xe4\xc9\x19\x19\x19j\x13\xe0v\xbb\x9f~\xfai|\' a`\x01\x88{j\xf9_UU\xf5\xf8\xe3\x8f3\xc6$\xa1\x12 \xeb\xd6\x07.\xca\xc8\xfc\xf1\xd4\xcfs\xc5\xb8\x16p\x9f\xbc\xea\xa6\xb1\xed\xae\xe8\xa5\xa6\x84\x12B\x97\xaf|)\x12\tbfd\x8c\x90\x12\xac\x16\xc7G\xab^\t\x04\xbd\x8cq!t\x97\xcb\x95\x9f\x9f\xef\xf5z\xeb\xd3\xf8\xff\xf3t]\xb7\xdb\xeds\xe7\xce%\x84\xa8\x01A\x8b\x17/.,,\xd44\r\x0f\x82\x12\x00\x16\x80\xb8\xa7\x96\xff3g\xce\xac\xac\xacT\xdf\x7f{j\xabkFN\n\x07|\xe7\xd4\xfayv\x92q\xad\xcf\xe8G)c %c\xec\xd0\x91=\xab7\xbdk\xb3&amp;cfd\xb3\x03\tVK\xd2\xde\xfdE\x1bJ\x97\xab\xd6O)\xe5\x94)S222~f\xecO\xfd\xa9U\xff\x88\x11#\xb2\xb3\xb3\xd5\x1ci!DNNN(\x14\xc2\xdb\xe0\x04\x80\x05 \xbe\xa9\xa7\x7f]\x86\x1f\x07)\x89\x947\x8c\x9d\x91\xd2\xba\xfd\xb9\xb6~\x9e\re&lt;\xe8\xab\xee\xd4k\xf0\xafn\x18)A\xa8\xc4\xa8O\xd7\xbcV\xe5\xae\xc4\xcc\xc8fG\xd5\xd4\xcf\xcf\xfe\x0c 8gB\x88\x8c\x8c\x8c\xe9\xd3\xa7\xd7\xf3\xbd\xdfz\x12B&lt;\xf7\xdcsf\xb3Ym\x02JKK\x97.]\x8a\x03\x82\x12\x00\x16\x80\xf8\xa6\xce\x7fT\x8a7\xe3*\xf1\xb1\xd7U\x83\xef\tx\xbfO|\xbcp\x8c\xf1p\xa0\xa6\xdf\xf8\'\xac\x8eT\x00A)\x0f\x04\xbd\x1f\xadz\xc5l\xb6aKh3\x02\x10v[\xca\xc6\xaf\xfe[~\xe0\xfb\xc4\xc7\xb9s\xe7:\x1c\x8e\x1f\xa7\xbe\x9c7\xd5\x12z\xcd5\xd7L\x9d:5\xda\x12\xfa\xf8\xe3\x8f\x9f:u\n7\x01\xf1\x0e\x0b@\x1cS\xad\x9f\x05\x05\x05\x05\x05\x05\x9cs\x00A\x19\xeb3\xfaQ\xc65\xd2\xb0_KJ\xf5p\xc0uq\xc7\xabo\xb9WJ\xa9ZB7\x94.?xx\xa7\xc5b\xc7\x96\xd0f\xa1Z?\x83\xa1\x9a\x8fW\xbfJ\x08Q\x89\x8f\xd9\xd9\xd9#F\x8cp\xbb\xdd\r\xb8\xfc\'u-\xa1999m\xda\xb4Q\x7fu\x95\x95\x95/\xbc\xf0\x02n\x02\xe2\x1d\x16\x80x\xa5\xd6\xfe*\xb6\x89\x10J\x19\x07!\xba\xf4\x1d\xd1\xe9\xda\xc1A_\xf5/N\xfd&lt;W\x8c\xf3\xa0\xb7\xaa\xf7\x1d\x0f\xa6\xa6]\x06Bg\x8c\x01\x88\xf7V,d\x94\xe3x\xa0f!A$\xd9\x9c\x05\x85o\x9e8\xf5-g\x1c\x004M\x9b7o^c\xdc\xcd\xaa\x96\xd0\xf4\xf4\xf4\xbc\xbc&lt;\x00P-\xa1\xcf?\xff\xfc\xbe}\xfb\xb0\x06\xc45,\x00\xf1J\x9d\xfe\xab\xe0V\xaeq!t\x8b=\xb9\xcf\xe8\x9cH0p\x81\x9d?gA\xa5\xd0\xcd\xf6\xe4\xeb\xefz\x94\xd4\x96\x1f\xb6\xb7\xa2h\xdb\xee\xd56l\tmrRJ\x93\xc9r\xec\xe4\x815\x9b\xde\xa1\x94RF\x01`\xc2\x84\t={\xf6\xbc\xc0\xd6\xcf\xb3QI\xf1\xe3\xc6\x8d\xcb\xcc\xccT\x9b\x00\x157\x8d\xa7@q\r\x0b@\\RG\xb1\x95\x95\x953g\xce\xa4\x94\x12B%@\x8f\x9b\'^\xd4)3\x12\xf05\xd2\x8bZ\x94kAo\xf5\x957\xde\xd5\xee\x8ak\x01TK(y\x7f\xc5\x9fBa?\xb6\x8461)\xc1b\xb6/_\xf9\x92?\xe0a\x8c\x03@jjj^^^MMM\xc3\x1e\xfe\x9cN\x08\xe1p8\xf2\xf3\xf3\xa5\x94\xaa\x06,[\xb6L\x1d?bKh\x9c\xc2\x02\x10\x97\xd4\xd8\xe7\xdc\xdc\xdc\xaa\xaa*\xae\x99\x84\xd0\x9dm.\xe9u\xdb\xe4\xa0\xb7\xaa\x01\xef~\x7f\x12\x08\xbd\xffo\x9ed\x9c\x83\x04\xc6\xf8\xf1\x93\x07\x0b\n\xdfL\xb29\xb1%\xb4\xc9\x80\x04\xbb-\xa5lOa\xc9\xf6\x02\x95\xf8\x08\x00\xb9\xb9\xb9\xed\xdb\xb7o\x90\xd6\xcf\xb3QQ\x01\xc3\x86\r\x1b1bD43R5 \xe0&gt; Na\x01\x88?\xea\xf0\xa7\xa4\xa4\xe4\xed\xb7\xdf\xae})_\xca\xbew\xff\x8f\xdd\xd5F\xe8\xe1\x06i\xfd&lt;\x1b5 (\xbd{\xdfn7\x8e\x95\x00jJ\xe8\x9aM\xef\x1c;y\x00[B\x9b\x0c%D\x08\xfd\xe3\xd5\xafJ\t\x8c3\x00\xc8\xcc\xcc\xfc\xdd\xef~w~S?\xcf\xed?\x9aR]\xd7\xf3\xf3\xf3\x9dN\xa7\xda\x04\xd4\xb5 \xe3M@\\\xc2\x02\x10\x7f\xd4\xf5\xef\xb4i\xd3B\xa1\x10e\xaa\xf5\xf3\xda+\x07\x8d\x0ez\x1a\xb2\xf5\xf3l\x18\xe3a\xbf\xaf\xef\xd8\xe9\x96\xa4\x14\t\x821\xee\x0fx&gt;X\xf9W\xab\x15\xa7\x846\x05\x01\xc2aw\xad/]^q\xf0\xfb\xd6\xcfg\x9ey\xc6f\xb35\xc19\x8cj\t\xed\xde\xbd\xfb\xa4I\x93\xd49$\xa5t\xe6\xcc\x99UUU\x18\x19\x16\x8f\xb0\x00\xc4\x99\xe8\xd9\xeb\x9a5k4M\x13B\xe7\x9a\xa9\xffo\x9e\x04\xa1_\xd0\xd8\x9f\xfa\xa3T\x0f\x07\x93[]\xdcgTNt@P\xe9\x8e\x95{*6\xe3\x94\xd0\xc6&amp;\x89\xd4\xb8\xa9\xda{\xec\xb3\xc27(\xa5\xaa\xf5s\xe4\xc8\x91C\x87\x0e\xad\xae\xaen\xbc\xd3\xff\xd3i\x9a\xe6v\xbbsrr:t\xe8\xa0\xa2\x02\xaa\xaa\xaa\xd4]\x14n\x02\xe2\x0e\x16\x80x\xa2VX\xaa\xfb\x82\x10B(\x93\x00\x97_\xff\xeb\xf4\xee7\\\xf8\xd8\x9f\xfac\x9c\x87j&lt;=n\xb9\xd7uq\x075 H\x88\xc8\xf2\xcf\xfe\xc2\x18\'\x04\xd7\x80\x8d\x08@$\xd9\x9c\x9f\xaf[|\xa2\xea\xb0:u1\x9b\xcd3g\xcel\xc0\xd7\xbe~\x11\xa54\x1c\x0e\xb7m\xdbv\xc6\x8c\x19j\xff\x11\xedF\xc3\x83\xa0\xb8\x83\x05 \x9e\xa8\xcc\xaf\xf9\xf3\xe7\xef\xdb\xb7O3\x99\x84\x1e\xb1:R\xfb\x8d{&lt;\xec\xf76\xd0\xd8\x9fz\xa2\x12\x84\xc9b\x1b8!\x8f\x10\xa22#\xcb\x0fl\xd9\xb4\xe5C\x87-\x15[B\x1b\x89\x94`5\'}{dWa\xd12J\x99ZqO\x9d:5++\xab\x91Z?\xcfF\xd3\xb4\x93\'ON\x9c8QeF\xaa\xd4\xb0\x87\x1ez\x08\xaf\x82\xe3\x0e\x16\x80\xb8\xa1\xee~\xcb\xcb\xcb\xe7\xcd\x9b\xc7\x18\x93\x92H)\xaf\xbe\xe5^W\xbbN\r5\xf6\xa7\xfe(\xe3\xa1\x1aO\xa7\xde\xc3\xd2\xbb\xdf\xa02#\t\xa1\x1f~\xf1\xb2\xdbw\x92sM\xe2&gt;\xa0\x11\xa8W\x7f\x97\xaf|)\x10\xf4\xa9T\x966m\xda\xe4\xe4\xe4\xf8|\xbe\xa69\xfc\xf9\xc1\x87\x91\xd2d2=\xf1\xc4\x13\xea\x93h\x9aVPP\xf0}\x18\x11\x8a\x13X\x00\xe2\x86\xba\xfb}\xfa\xe9\xa7=\x1e\x0f\xe7\x9a\xd0#\xae\x8b;\xf4\xbe\xe3\xc1\xa0\xb7\xea\xbc\x12\x1f\x1b\xe2#\x81\xc8\xbew\x16\xd7LR\x02c\xfcd\xd5w\x9f\xaf\xfbW\x92\x1d7\x01\r\x0f@$YSv\xee[\xb7m\xd7j\xd5\xfa)\xa5\xcc\xcb\xcbKOOo\xd4\xd6\xcf\xb3Q-\xa1\xc3\x87\x0f\x1f=zt\xb4%\xb46\x8e\x14\xf7\x01\xf1\x03\x0b@|Pw\xbfk\xd7\xae]\xbcx1\xe7\x9a.\x04!d\xe0\x84&lt;\x93\xcd!\xe1|\x12\x1f/\x1ce,\x1c\xf0\xa5u\xbe:\xeb\xd6\x07\xa2\x99\x91\x85E\xcb\x0e\x1e\xdei1\xdb\xf1\x11\xd0\xb0\x18\xe3\xc1\xb0\x7f\xf9\xca\x97\x08\xa1\xac.\xf1\xf1\xbe\xfb\xee;\xef\xc4\xc7\x0b\xc79\xf7\xf9|\xf9\xf9\xf9.\x97+\x12\x89h\x9a\xb6o\xdf\xbe\xf9\xf3\xe7\xe3M@\x1c\xc1\x02\x107\x84\x10\xb5\xd7}\x8cI\x10\xe9\xddo\xe8\xd4{X\xc8\xe7n\xf0\xb1?\xf5\xc7\x18\x0f\x07|\xd7\x8c\x9cdOm%\x01\x18c\x81\xa0\xef\xd35\xaf\x99MVl\tm@\x02\x84\xdd\x96\xb2i\xcb\x87\x87\x8e\xeca\x8cI\t\x9c\xf3\'\x9ex\xc2d25c\xa1\xa5\x94\x06\x02\x81\x8c\x8c\x8c)S\xa6\xa8\x8f\xc1\x18[\xb0`Aee%v\x04\xc5\x0b,\x00q@\xa5\xf1-Y\xb2d\xed\xda\xb5\x9af\x12Bg\x9cg\xdf;\xab\xf9_\xbe\xa5T\x0f\x07SZ\xb7\xef;f\x86\x94 \x89d\x94\x95\x94}V\xb6\xa7\xd0nK\xc1\x96\xd0\x06!\xa54i\xe6S\xd5G&gt;Z\xf5\x8a\x1a\xc5,\x84\xb8\xf3\xce;\x87\x0f\x1f\xde\xb0C\xff\xcf\x83:\x08\x9a&gt;}z\xc7\x8e\x1d\xd5&amp;\xe0\xd4\xa9S\xb9\xb9\xb9\xf8N@\xbc\xc0\x02\x10\xebT\x9b\x9d\xc7\xe3\x99={6\xa5L\x12"\x01\xba\xdd8\xf6\xa2\x8c\xccp\xc0\xd7d\xad\x9fg\xc3\xb8\x16\xf4U_9hT\x9b\x0e\xdd\x00\x802&amp;%|\xbc\xfaU!t\xda\x1c\x07S\x89GJ\xb0Z\x92\xbeX\xbf\xd8\xeb;\xa9\x02\xdf\x9dNgnn\xae\xdf\xefo\xca\xce\x9f\x9f\xa4^\x0cNNN\xfe\xc3\x1f\xfe@\xea\xba\xd4\x96,YRZZ\x8a\xc1\xf1q\x01\x0b@\xacS\xcd?\xf3\xe6\xcd+//\xe7\x9c\x83\xd0-I\xce\xbec\xa7G\x82\xfe\xa6m\xfd&lt;+)\x84\xc9\x9a\xd4\x7f|.\x91R\xb5\x84V\x1c\xdc\xb2\xbe\xe4?Iv\'\xde\x06_ \x90`\xb1\xd8\x0f\x1c\xda\xb1j\xe3R\x95\xf8\x08\x00\x93&amp;M\xca\xcc\xcc\xf4\xf9|\xcd^\x00\x08!\x9a\xa6UWW\x8f\x1f?^\xb5\x84\xaa)\xa1999B\x08\xdc\x04\xc4\xbe\xe6\xff\x03B?C-\xa9\xd4\xdd\x1ag\x1c\xa4\x94R\xf6\x19\xf5pr\xabvM\xdf\xfay6\x94\xf3\x90\xaf\xbaC\xcfA\x19\xbd\x87\xa9\x96PJ\xe9\x87\xab^&gt;U}D\xd3\xcc\xf8\x14\xb8\x10\x94\x10F\xf9{+\x16\n\x11\xe1\x8c\t!.\xbd\xf4\xd2\x9c\x9c\x9c&amp;\x18\xfbsNt]\x9f3g\x8ez!@\xd3\xb4\xc2\xc2\xc2%K\x96`Kh\xec\xc3\x02\x10\xd3\xd4\xd3\xb3\xb6\xbb\x8es\x00\xd1\xa6C\xb7\xab\x87\xdf\x17\xaaq7W\xeb\xe7YP\x10\xa2\xff\xf8\',\xf6d)\x81R\xee\xf5\x9d\xfab\xfdb\xab\x05\x07\x04\x9d?\x00a\xb3&amp;o\xdb\xbdzoE\x11\xa5L\x12)\xa5|\xea\xa9\xa7\xd2\xd2\xd2T\xb7es\x7f\xc0Zj@\xd0\xc0\x81\x03\'L\x98\x10\xcd\x8c\x9c={\xb6\xdb\xed\xc6\x96\xd0\x18\x87\x05 v\xa9\xd6\xcf5k\xd6|\xff~\x8d\x94\xfd\xc7\xe7j\x16\x9b\x14\xcd\xd3\xfay6jJh\x9b\x8eW\xf5\xb8yb\xb4%t\xd5\xc6\xa5\x07\x0f\xef\xc4\x01A\xe7G\xbd\xf6\x15\x8e\x04\xde_\xf1\'B\x08\xafk\xfd\x1c7n\\3\xb6~\x9e\x8d\xca\x8c\xcc\xcb\xcbKMMU\x07A\xe5\xe5\xe5\x8b\x16-RW\xd6\xcd\xfd\xe9\xd0Ya\x01\x88Q\xea\xb5\xafP(4m\xda4J\xa9j\xfd\xec|\xdd\xcd\x97\xf5\x1c\x14\xf2U\xd3\xd8Z\xfe\x13\xa2n\x83\xbdU\xd7\xdc6\xd9yQ\xba\x84\xda\x01A\x1f\xadz\xa5\x91\xd2i\x12\x9e\x04a\xb3&amp;\xaf\xdd\xb4\xec\xf8\xc9\x83\xea\xee\xd7l6\xcf\x993G\r\xdfo\xeeOw&amp;\x95\x19\xd9\xbe}\xfb\xdc\xdc\\5 \x88s\xbep\xe1\xc2\xda\x8b+\xbc\r\x8eU\xf8\xe5\x8cQ\xea\xeew\xe9\xd2\xa5%%%j\xf5\xc75S\xdf1\xd3%@L\xad\xfd\xbfG\xa9\xd0\xc3\x8e\x16i\xbd\xef\xf8}tJ\xe8\xd6]\xabv\xee[g\xc7\xcc\xc8s$\xa5\xd44s\x95\xbb\xf2\x935\xaf\xa9\x13\x15\x00\xb8\xfd\xf6\xdb\x07\x0e\x1c\xd8\xc4c\x7f\xeaO\xd34\x8f\xc73y\xf2\xe4\x8c\x8c\x0c\xb5\tp\xbb\xddO?\xfd4\xbe\x13\x10\xcbb\xf1/\t\xa9\xe5\x7fUU\xd5\xe3\x8f?\xce\x18\x93\x84J\x80\xac[\x1f\xb8(#\xb3)\xa7~\x9e+\xc6\xb5\x80\xfb\xe4U7\x8dmwE/5%\x94\x10\xba|\xe5K\x91H\x103#\xcf\x89\x94`\xb58&gt;Z\xf5J \xe8e\x8c\x0b\xa1\xbb\\\xae\xfc\xfc|\xaf\xd7\xdb\xbc\x8d\xff?O\xd7u\xbb\xdd&gt;w\xee\\B\x88\x1a\x10\xb4x\xf1\xe2\xc2\xc2BM\xd3\xf0 (6\xc5\xe8\xa3\xc4\xe0\xd4\xf2\x7f\xe6\xcc\x99\x95\x95\x95\xea\xfboOmu\xcd\xc8I\xe1\x80/FZ?\xcfN2\xae\xf5\x19\xfd(e\x0c\xa4d\x8c\x1d:\xb2g\xf5\xa6wm\xd6\xe4\xe6\x7fm-N\x80\x04\xab%i\xef\xfe\xa2\r\xa5\xcbU\xeb\xa7\x94r\xca\x94)\x19\x19\x19\xcd2\xf6\xa7\xfe\xd4\xaa\x7f\xc4\x88\x11\xd9\xd9\xd9jB\xb5\x10"\'\'\'\x14\n\xe1mpl\xc2\x02\x10s\xd4\xd3\xbf.i\x8f\x83\x94D\xca\x1b\xc6\xceHi\xdd&gt;vZ?\xcf\x862\x1e\xf4Uw\xea5\xf8W7\x8c\x94 Tb\xd4\xa7k^\xabrWbfd=Q5\xf5\xf3\xb3?\x03\x08\xce\x99\x10"##c\xfa\xf4\xe9\xcd\xfe\xdeo=\t!\x9e{\xee9\xb3\xd9\xac6\x01\xa5\xa5\xa5K\x97.\xc5\x01A\xb1\t\x0b@\xccQ\xe7?*k\x9bq\x95\xf8\xd8\xeb\xaa\xc1\xf7\x04\xbcM\x91\xf8x\xe1\x18\xe3\xe1@M\xbf\xf1OX\x1d\xa9\x00\x82R\x1e\x08z?Z\xf5\x8a\xd9l\xc3\x96\xd0_\x04 \xec\xb6\x94\x8d_\xfd\xb7\xfc\xc0\xf7\x89\x8fs\xe7\xceu8\x1cM\x99\xfar\xdeTK\xe85\xd7\\3u\xea\xd4hK\xe8\xe3\x8f?~\xea\xd4)\xdc\x04\xc4 ,\x00\xb1E\xb5~\x16\x14\x14\x14\x14\x14p\xce\x01\x04e\xac\xcf\xe8G\x19\xd7H\xbc|y(\xd5\xc3\x01\xd7\xc5\x1d\xaf\xbe\xe5^)\xa5j\t\xddP\xba\xfc\xe0\xe1\x9d\x16\x8b\x1d[B\x7f\x86j\xfd\x0c\x86j&gt;^\xfd*!D%&gt;fgg\x8f\x181\xc2\xedv\xc7\xc5\xf2\x9f\xd4\xb5\x84\xe6\xe4\xe4\xb4i\xd3F\xfd=WVV\xbe\xf0\xc2\x0b\xb8\t\x88AX\x00b\x88Z\xfb\xabp%B(e\x1c\x84\xe8\xd2wD\xa7k\x07\x07}\xd5\xcd8\xf5\xf3\\1\xce\x83\xde\xaa\xdew&lt;\x98\x9av\x19\x08\x9d1\x06 \xde[\xb1\x90Q\x1e\xeb+\xd8f%A$\xd9\x9c\x05\x85o\x9e8\xf5-g\x1c\x004M\x9b7o^|\xdd\xa0\xaa\x96\xd0\xf4\xf4\xf4\xbc\xbc&lt;\x00P-\xa1\xcf?\xff\xfc\xbe}\xfb\xb0\x06\xc4\x1a,\x001D\x9d\xfe\xabxU\xaeq!t\x8b=\xb9\xcf\xe8\x9cH0\x10\xb3\x9d?gA\xa5\xd0\xcd\xf6\xe4\xeb\xefz\x94\xd4\x166\xb6\xb7\xa2h\xdb\xee\xd56l\t=\x0b)\xa5\xc9d9v\xf2\xc0\x9aM\xefPJ)\xa3\x000a\xc2\x84\x9e={\xc6l\xeb\xe7\xd9\xa8\xa4\xf8q\xe3\xc6eff\xaaM\x80\n\xb2\xc6S\xa0X\x13O\x7fU\x89M\x1d\x98VVV\xce\x9c9\x93RJ\x08\x95\x00=n\x9exQ\xa7\xccH\xc0\x17w\xafSQ\xae\x05\xbd\xd5W\xdexW\xbb+\xae\x05P-\xa1\xe4\xfd\x15\x7f\n\x85\xfd\xd8\x12\xfa\x93\xa4\x04\x8b\xd9\xbe|\xe5K\xfe\x80\x871\x0e\x00\xa9\xa9\xa9yyy555\xf1r\xf8s:!\x84\xc3\xe1\xc8\xcf\xcf\x97R\xaa\x1a\xb0l\xd92u\xb0\x19_\x1b\x9a\xc4\x16g\x8f\x95\x04\xa6\xc6&gt;\xe7\xe6\xe6VUUq\xcd$\x84\xeelsI\xaf\xdb&amp;\x07\xbdUqq\xf7\xfb\x93@\xe8\xfd\x7f\xf3$\xe3\x1c$0\xc6\x8f\x9f&lt;XP\xf8f\x92\xcd\x89-\xa1g\x00\tv[J\xd9\x9e\xc2\x92\xed\x05*\xf1\x11\x00rss\xdb\xb7o\x1f\xe3\xad\x9fg\xa3\xa2\x02\x86\r\x1b6b\xc4\x88hf\xa4jm\xc0}@\xec\xc0\x02\x10\x13\xd4\xe1OII\xc9\xdbo\xbf]\xfb\xea\xbc\x94}\xef\xfe\x1f\xbb\xab\x8d\xd0\xc31\xde\xfay6j@Pz\xf7\xbe\xddn\x1c+\x01\xd4\x94\xd05\x9b\xde9v\xf2\x00\xb6\x84\x9e\x81\x12"\x84\xfe\xf1\xeaW\xa5\x04\xc6\x19\x00dff\xfe\xeew\xbf\x8b\xb5\xa9\x9f\xe7D]h\xe5\xe7\xe7;\x9dN\xb5\t\xa8kn\xc6\x9b\x80X\x81\x05 &amp;\xa8\xeb\xdfi\xd3\xa6\x85B!\xcaT\xeb\xe7\xb5W\x0e\x1a\x1d\xf4\xc4G\xeb\xe7\xd90\xc6\xc3~_\xdf\xb1\xd3-I)\x12\x04c\xdc\x1f\xf0|\xb0\xf2\xafV+N\t\xfd\x9e\x00\xe1\xb0\xbb\xd6\x97.\xaf8\xf8}\xeb\xe73\xcf&lt;c\xb3\xd9\xe2\xfa\xb4D\xb5\x84v\xef\xde}\xd2\xa4I\xea\x84\x93R:s\xe6\xcc\xaa\xaa*\x8c\x0c\x8b\x11X\x00\x9a_\xf4\x84t\xcd\x9a5\x9a\xa6\t\xa1s\xcd\xd4\xff7O\x82\xd0ct\xecO\xfdQ\xaa\x87\x83\xc9\xad.\xee3*\': \xa8t\xc7\xca=\x15\x9bqJ\xa8"\x89\xd4\xb8\xa9\xda{\xec\xb3\xc27(\xa5\xaa\xf5s\xe4\xc8\x91C\x87\x0e\xad\xae\xae\x8e\xc7\xd3\xff\xd3i\x9a\xe6v\xbbsrr:t\xe8\xa0\xa2\x02\xaa\xaa\xaa\xd4-\x17n\x02b\x01\x16\x80f\xa6\xd6A\xaaG\x82\x10B(\x93\x00\x97_\xff\xeb\xf4\xee7\xc4\xf2\xd8\x9f\xfac\x9c\x87j&lt;=n\xb9\xd7uq\x075 H\x88\xc8\xf2\xcf\xfe\xc2\x18\'\x04\xd7\x80\x04@$\xd9\x9c\x9f\xaf[|\xa2\xea\xb0:\x1b1\x9b\xcd3g\xce\x8c\x8b\xd7\xbe~\x11\xa54\x1c\x0e\xb7m\xdbv\xc6\x8c\x19jg\x13\xeds\xc3\x83\xa0X\x10\xf7\xcf\x97x\xa72\xbf\xe6\xcf\x9f\xbfo\xdf&gt;\xcdd\x12z\xc4\xeaH\xed7\xee\xf1\xb0\xdf\x1b\xf3c\x7f\xea\x89J\x10&amp;\x8bm\xe0\x84&lt;B\x88\xca\x8c,?\xb0e\xd3\x96\x0f\x1d\xb6T\x83\xb7\x84J\tVs\xd2\xb7Gv\x15\x16-\xa3\x94\xa9u\xf1\xd4\xa9S\xb3\xb2\xb2\xe2\xae\xf5\xf3l4M;y\xf2\xe4\xc4\x89\x13Uf\xa4J\r{\xe8\xa1\x87\xf0*8\x16$\xc2_X\xfcRw\xbf\xe5\xe5\xe5\xf3\xe6\xcdc\x8cII\xa4\x94W\xdfr\xaf\xab]\xa7\xd8\x1f\xfbS\x7f\x94\xf1P\x8d\xa7S\xefa\xe9\xddoP\x99\x91\x84\xd0\x0f\xbfx\xd9\xed;\xc9\xb9&amp;\r\xbc\x0fP\xaf\xfe._\xf9R \xe8S\xd9)m\xda\xb4\xc9\xc9\xc9\xf1\xf9|\xf1~\xf8s:)\xa5\xc9dz\xe2\x89\'\xd4?\xa3\xa6i\x05\x05\x05\xdf\xc7\x1c\xa1\xe6\x83\x05\xa09\xa9\xbb\xdf\xa7\x9f~\xda\xe3\xf1p\xae\t=\xe2\xba\xb8C\xef;\x1e\x0cz\xabb,\xf1\xb1\x01H\x10\xd9\xf7\xce\xe2\x9aIJ`\x8c\x9f\xac\xfa\xee\xf3u\xffJ\xb2\x1bw\x13\x00 \x92\xac);\xf7\xad\xdb\xb6k\xb5j\xfd\x94R\xe6\xe5\xe5\xa5\xa7\xa7\xc7i\xeb\xe7\xd9\xa8\x96\xd0\xe1\xc3\x87\x8f\x1e=:\xda\x12Z\x1bt\x8a\xfb\x80f\x85\x05\xa0\xd9\xa8\xbb\xdf\xb5k\xd7.^\xbc\x98sM\x17\x82\x102pB\x9e\xc9\xe6\x90\x10[\x89\x8f\x17\x8e2\x16\x0e\xf8\xd2:_\x9du\xeb\x03\xd1\xcc\xc8\xc2\xa2e\x07\x0f\xef\xb4\x98\xed\xc6|\x040\xc6\x83a\xff\xf2\x95/\x11BY]\xe2\xe3}\xf7\xdd\x17\x83\x89\x8f\x17\x8es\xee\xf3\xf9\xf2\xf3\xf3].W$\x12\xd14m\xdf\xbe}\xf3\xe7\xcf\xc7\x9b\x80\xe6\x85\x05\xa09\t!j\xaf\xfb\x18\x93 \xd2\xbb\xdf\xd0\xa9\xf7\xb0\x90\xcf\x1dGc\x7f\xea\x8f1\x1e\x0e\xf8\xae\x199\xc9\x9e\xdaJ\x020\xc6\x02A\xdf\xa7k^3\x9b\xac\x06l\t\x15 \xec\xb6\x94M[&gt;&lt;td\x0fcLJ\xe0\x9c?\xf1\xc4\x13&amp;\x93)!\xcb!\xa54\x10\x08dddL\x992E\xfd\x032\xc6\x16,XPYY\x89\x1dA\xcd\x08\x0b@\xf3P\x99yK\x96,Y\xbbv\xad\xa6\x99\x84\xd0\x19\xe7\xd9\xf7\xceJ\xe4Wd)\xd5\xc3\xc1\x94\xd6\xed\xfb\x8e\x99!%H"\x19e%e\x9f\x95\xed)\xb4\xdbR\x0c\xd5\x12*\xa54i\xe6S\xd5G&gt;Z\xf5\x8a\x1a\x98,\x84\xb8\xf3\xce;\x87\x0f\x1f\x1e/C\xff\xcf\x83:\x08\x9a&gt;}z\xc7\x8e\x1d\xd5&amp;\xe0\xd4\xa9S\xb9\xb9\xb9\xf8N@3\xc2\x02\xd0\x0cT3\x9c\xc7\xe3\x99={6\xa5L\x12"\x01\xba\xdd8\xf6\xa2\x8c\xccp\xc0\x97\x00\xad\x9fg\xc3\xb8\x16\xf4U_9hT\x9b\x0e\xdd\x00\x802&amp;%|\xbc\xfaU!t\x9aXG^?OJ\xb0Z\x92\xbeX\xbf\xd8\xeb;\xa9\x02\xdf\x9dNgnn\xae\xdf\xefO\x8c\xce\x9f\x9f\xa4^\x0cNNN\xfe\xc3\x1f\xfe@\xea\xfa\xdf\x96,YRZZ\x8a\xc1\xf1\xcd%a\xff\xdab\x99j\xfe\x997o^yy9\xe7\x1c\x84nIr\xf6\x1d;=\x12\xf4\'J\xeb\xe7YI!L\xd6\xa4\xfe\xe3s\x89\x94\xaa%\xb4\xe2\xe0\x96\xf5%\xffI\xb2;\rr\x1b\x0c\x12,\x16\xfb\x81C;Vm\\\xaa\x12\x1f\x01`\xd2\xa4I\x99\x99\x99&gt;\x9f/\x81\x0b\x00!D\xd3\xb4\xea\xea\xea\xf1\xe3\xc7\xab\x96P5%4\'\'G\x08\x81\x9b\x80f\x91\xc8\x7fm\xb1I-|\xd4\r\x18g\x1c\xa4\x94R\xf6\x19\xf5pr\xabv\x89\xd4\xfay6\x94\xf3\x90\xaf\xbaC\xcfA\x19\xbd\x87\xa9\x96PJ\xe9\x87\xab^&gt;U}D\xd3\xccFx\nPB\x18\xe5\xef\xadX(D\x843&amp;\x84\xb8\xf4\xd2Ksrr\xe2z\xec\xcf9\xd1u}\xce\x9c9\xea\x85\x00M\xd3\n\x0b\x0b\x97,Y\x82-\xa1\xcd\x02\x0b@SS\xcf\xb8\xda\x1e8\xce\x01D\x9b\x0e\xdd\xae\x1e~_\xa8\xc6\x9dx\xad\x9fgAA\x88\xfe\xe3\x9f\xb0\xd8\x93\xa5\x04J\xb9\xd7w\xea\x8b\xf5\x8b\xad\x96\xc4\x1f\x10\x04 l\xd6\xe4m\xbbW\xef\xad(\xa2\x94I"\xa5\x94O=\xf5TZZ\x9a\xea\x89l\xee\x0f\xd8\xe8\xd4\x80\xa0\x81\x03\x07N\x980!\x9a\x199{\xf6l\xb7\xdb\x8d-\xa1M\x0f\x0b@\x93R\xad\x9fk\xd6\xac\xf9\xfe-\x18)\xfb\x8f\xcf\xd5,6)\x12\xad\xf5\xf3l\xd4\x94\xd06\x1d\xaf\xeaq\xf3\xc4hK\xe8\xaa\x8dK\x0f\x1e\xde\x99\xd8\x03\x82\xd4k_\xe1H\xe0\xfd\x15\x7f"\x84\xf0\xba\xd6\xcfq\xe3\xc6%d\xeb\xe7\xd9\xa8\xcc\xc8\xbc\xbc\xbc\xd4\xd4Tu\x10T^^\xbeh\xd1"u\x19\xde\xdc\x9f\xceX\xb0\x004\x1d\xf5\xdaW(\x14\x9a6m\x1a\xa5T\xb5~v\xbe\xee\xe6\xcbz\x0e\n\xf9\xaa\xa9Q\x96\xff\x84\xa8\xdb`o\xd55\xb7Mv^\x94.\xa1v@\xd0G\xab^\x89\xbb\xdc\x9bs"A\xd8\xac\xc9k7-;~\xf2\xa0\xba\xfb5\x9b\xcds\xe6\xccQ#\xf2\x9b\xfb\xd35\x1d\x95\x19\xd9\xbe}\xfb\xdc\xdc\\5 \x88s\xbep\xe1\xc2\xda+1\xbc\rnB\x89\xfc}\x8b5\xea\xeew\xe9\xd2\xa5%%%j\xf5\xc75S\xdf1\xd3%\x80A\xd6\xfe\xdf\xa3T\xe8aG\x8b\xb4\xdew\xfc&gt;:%t\xeb\xaeU;\xf7\xad\xb3\'hf\xa4\x94R\xd3\xccU\xee\xcaO\xd6\xbc\xa6\xce=\x00\xe0\xf6\xdbo\x1f8p`\xc2\x8c\xfd\xa9?M\xd3&lt;\x1e\xcf\xe4\xc9\x93322\xd4&amp;\xc0\xedv?\xfd\xf4\xd3\xf8N@\x133\xd6\x9f]3R\xcb\xff\xaa\xaa\xaa\xc7\x1f\x7f\x9c1&amp;\t\x95\x00Y\xb7&gt;pQFfbL\xfd&lt;W\x8ck\x01\xf7\xc9\xabn\x1a\xdb\xee\x8a^jJ(!t\xf9\xca\x97"\x91`BfFJ\tV\x8b\xe3\xa3U\xaf\x04\x82^\xc6\xb8\x10\xba\xcb\xe5\xca\xcf\xcf\xf7z\xbdM\xd9\xf8\xafV\xdc\x00 N\xa3\xa2\xdb\x9b\xec3(\xba\xae\xdb\xed\xf6\xb9s\xe7\x12B\xd4\x80\xa0\xc5\x8b\x17\x17\x16\x16j\x9a\x86\x07AM\xc6p\xcf\x9d\xe6\xa2\x96\xff3g\xce\xac\xac\xacT\xdf\x7f{j\xabkFN\n\x07|\t\xdf\xfayv\x92q\xad\xcf\xe8G)c %c\xec\xd0\x91=\xab7\xbdk\xb3&amp;\'\xd8\x0bq \xc1jI\xda\xbb\xbfhC\xe9r\xd5\xfa)\xa5\x9c2eJFFF\xd3\x8c\xfdQ\xc1\xbcj\x0e\x8f\xc5bINNNMMu\xb9\\.\x97\xcb\xe9t\xda\xedv\xb5%m\xca\'\xafZ\xf5\x8f\x181";;[\xcd\xbe\x16B\xe4\xe4\xe4\x84B!\xbc\rn2\xf8\x83n\n\xaa\xdba\xef\xde\xbd\xdd\xbau\x03\x90\x84R\x10\xfa\x90\xdf\xcd\xbbz\xf8\xfd~\xf7\x89\xb8\xce\xfc\xba@ t\xbb\xb3\xd5\x07\xcf\xfd\x7f\xbb\xd6\xfe\x9bs\r@X-\x8e\x99\xbf_\x96ds\xea"\x920\'\xe3R\x82\xcd\x9a\xbc\xe0\xd5\xfb\xca\x0flQ+\xdcN\x9d:\x15\x15\x15\xa9\xf5x\xa3\xfec\xaa\xd5\xbd\xc5bIJJ\x92RVWWWVV\x1e9r\xc4\xedv\x07\x02\x01\xce\xb9\xc3\xe1h\xdb\xb6\xed%\x97\\\xd2\xaaU+!\x84\xd7\xebU\xd1]\x8d\xf7\x91N\xfflIIIeee}\xfb\xf6\xd5u\x9d1\xa6\xeb\xfa\x1bo\xbc1a\xc2\x04\xd5.\xd1\x04\x9f\xc1\xe0\xb0\x004\x05\xf5\xd7&lt;t\xe8\xd0\x82\x82\x02\xcdd\xd6#\xe1vW\xf4\x1a3\xe7\xdf\x91\x90?\xb1\xaf=\x7f\x99\x94L3\xd7T\x1f\xfb\xe7#\x83C5nJ9\x80\xde\xf7\x9a\xdb\xc7\xdd\x96W\xe3\xafN\x8c\xbd\x11\x80H\xb2;7\x94~\xf0\xcf\xf7g1\xc6)%B\x88\xff\xfb\xbf\xff\x1b9rd\x13d~\xd9\xedv\x93\xc9\xf4\xcd7\xdf|\xf1\xc5\x17\x9f\x7f\xfeyii\xe9\xa1C\x87\xfc~\xff\xe9\xff\x1a\x93\xc9\xd4\xbe}{\xd5\x8f4h\xd0\xa0P(\x14\x0e\x87\x9b\xe6ZB\xd7\xf5\xd6\xad[?\xfa\xe8\xa3\x0b\x17.4\x99Lj \xf6\x8e\x1d;RSS\x9b\xac\x0e\x19\x19\x16\x80F\xa7\x9e\xfe\x05\x05\x05C\x87\x0e\xe5\x9cKB\xa4\x94w\xcc\\\xdc!+;T\x93\x98s\xdf\xce\t\x08\xdd\x9e\xdaz\xed\x9b\xcflxw!\xe3\x9a\x04\xa0\x94&gt;6\xe9\xad\x8b\xd32B\xe1\x00\x8b\xf3\x02)\t\xa1\x84PJ\xe7\xbc4\xf6\xc4\xa9o\xd5\xdbO\xd9\xd9\xd9+V\xac\xf0x&lt;\x8d\xfa\x90U{\x8b\xb2\xb2\xb2\x7f\xfc\xe3\x1f\x1f~\xf8\xe1\x89\x13\'\xa2\xff+\xc6X\xf4?\x1a\x00N\xbfw\x1d5j\xd4\x82\x05\x0bZ\xb5jUSS\xd3\x04kp\x15\x15PUU\xd5\xabW\xaf\x13\'Np\xce#\x91\xc8\x93O&gt;\xf9\xcc3\xcf\xe0&amp;\xa0\t`\x01h\\\xd1;\xb7n\xdd\xba\xed\xd9\xb3W3\x99\xf4H\xf8W\xfdn\x1b\xf9\xf8\xab\xfejC\x1f\xfe\x9cF\x12B)\xa5o&lt;|cu\xe57\x9ckB\xe8\x97w\xec\xf5\xf0\xc4\x97\x83!_\xbc\xef\x90\x00DrR\x8b\xff|\xf6\xe7OV\xff\x9d3.\x89d\x8c\xad_\xbf\xfe\xaa\xab\xae\xaa\xa9\xa9i\xbc\x02\x00\x00\x0e\x87c\xc3\x86\r\xd9\xd9\xd9\xea\x7f\xc29W\xcf\xd3\x1f\x9f\xf5k\x9a\xa6\x9e\x03\xeao\xb5k\xd7\xae\x1f~\xf8a\xeb\xd6\xadC\xa1P\x13\xec\x03\xd4&amp;\xe0\xa5\x97^z\xf0\xc1\x07\xd5\'\xe1\x9c\x97\x95\x95edd\xa8\xa9Y\x8d\xfd\x01\x8c\x0c\x7f\xb8\x8dK\xdd\xfd\xaa\x10T\xaeq!t\x8b=\xb9\xcf\xe8\x9cH0`\xc0\xce\x9f\xb3\xa0R\xe8f{\xf2\xf5w=Jj\xd7\xadloE\xd1\xb6\xdd\xabmq\xde\x12*\xa54\x99,\xc7N\x1eX\xb3\xe9\x1dJ)e\x14\x00&amp;L\x98\xd0\xb3g\xcf\xc6n\xfd\xa4\x94\xfa\xfd\xfe\xcc\xcc\xcc\xee\xdd\xbb\x9bL&amp;\x8b\xc5\x02\x00\xe1p8\x1c\x0e\x0b!\xacVk\xcb\x96-\xdb\xb6m\xdb\xb2eKu\xf2\xae\xa6\xf1\x00\x80\xc9d\xda\xb9s\xe7o~\xf3\x1b\xf5o\xd2x\x9f0J%\xc5\x8f\x1b7.33S\xad\xfaUD6^\x057\x01|\x065"u\xf7[YY9s\xe6LJ)!T\x02\xf4\xb8y\xe2E\x9d2#\x81\xb8_\xdb6 \xca\xb5\xa0\xb7\xfa\xca\x1b\xefjw\xc5\xb5\x00\xaa%\x94\xbc\xbf\xe2O\xa1\xb0?\xae[B\xa5\x04\x8b\xd9\xbe|\xe5K\xfe\x80\x871\x0e\x00\xa9\xa9\xa9yyyMp\xba\xa2Fo\xba\\\xae\xa9S\xa7F"\x91P($\xa5\xbc\xfa\xea\xabsss?\xf8\xe0\x83M\x9b6\x95\x96\x96\x16\x15\x15\x95\x94\x94l\xd8\xb0a\xd1\xa2E\x9d;wV\x8b\x95H$b2\x99\xbe\xfc\xf2\xcb\xc5\x8b\x17\xa7\xa6\xa66M_\x90\x10\xc2\xe1p\xe4\xe7\xe7\xabn%\xce\xf9\xb2e\xcb\n\n\np@Pc\xc3\x1a\xdb\x88\xd4\x9f\xf2\xbd\xf7\xde\xfb\xc6\x1boh&amp;\xb3\xaeG\x9c\xad\xdb\x8f_\xf0\xa9f\xb6\xd5E\xe3\xa2Z\x12\xc0dK\xfanw\xf1;\x7f\xb8]JI\t\x05\x107\x0f\xfc\xffn\x1b\xfc{o\xcd\xa9x\xbc\r\x06\tvk\xf2\xce}\xeb_z\xeb!J\x08eT\x081o\xde\xbc\xe9\xd3\xa77\xcd\xe0\x07u\x96\x12\x0c\x06\x07\x0f\x1e\xfc\xab_\xfdj\xf2\xe4\xc9\xbdz\xf5JNN\x8eD"\x91HD-\xf9)\xa5\x9a\xa6\xd9l\xb6\x13\'N\x8c\x1d;v\xe5\xca\x95*\xaf\x11\x00\xae\xbb\xee\xba\xcf?\xff\xbc\xc9&amp;T\x0b!\x9cN\xe7\x9dw\xde\xf9\xc1\x07\x1f\x98L&amp;]\xd7/\xbf\xfc\xf2\xb2\xb22\xf5y\xf06\xb8\x91`\x01h,j\xf9_ZZ\xaaZ\xdc$\xa1 \xf4[r\xfe\xdc\xed\xa61\x01\xf7I&lt;\xfd\xff1\x10\xba=\xb5\xd5\'\x7f\xca\xd9V\xf0/\xc6558!\xf7w\x8bS\x1c\xad\xe2\xb1%TJ0\x9bl\x0b\xff\xf1\xdb\x8a\x83\xb5\xad\x9f\xdd\xbbw/,,\xd4u\xbd\t?\x83d\x8c\xf9\xfd\xfeV\xadZQJ\xbd^\xaf\xea\xb8?\xfd\x91*\xa5\xd4u\xdd\xe9t~\xf7\xddw\xbdz\xf5\xaa\xaa\xaaR\x05 ))\xa9\xb8\xb8\xb8}\xfb\xf6M3\xa5\x0e\x00\xecv\xfb\xbe}\xfb\xfa\xf7\xef\xaf\xce\xc7t]\xff\xcb_\xfe2u\xeaT\xbc\rn&lt;x\n\xd1X\xd4\xf2j\xda\xb4i\xa1P\x882\x0eBow\xc5\xb5W\x0e\x1a\x1d\xf4\x9c\xc2\xa7\xffOb\x8c\x87\xfd\xbe\xbec\xa7[\x92R$\x08\xc6\xb8?\xe0\xf9`\xe5_\xad\xd6\xf8\x9b\x12*@8\xec\xae\xf5\xa5\xcb+\x0ena\x8c\xab^\x80g\x9ey\xc6f\xb35\xe5\x99F\xf4Q\xee\xf5z\xd5\xb8MM\xd38\xe7\xd1e\xb5\x1aJa6\x9b=\x1e\xcfe\x97]\x96\x9d\x9d\xadj\x06\xa5\xb4\xa6\xa6\xe6\xf0\xe1\xc3fs\x13\xcd\xe8VSB\xbbw\xef&gt;i\xd2$\xb5x\xa2\x94\xce\x9c9\xb3\xaa\xaa\n#\xc3\x1a\x0f\x16\x80F\x11=\xc7\\\xb3f\x8d\xa6iB\xe8\\3\xf5\xff\xcd\x93 t\xc3\x8d\xfd\xa9?J\xf5p0\xb9\xd5\xc5}F\xe5D\x07\x04\x95\xeeX\xb9\xa7bs|M\t\x95Dj\xdcT\xed=\xf6Y\xe1\x1b\x94R\xc6\xa8\x10b\xe4\xc8\x91C\x87\x0em\x82\xc6\xff3\xa87l\x19c?\xff\x9f\xab\x1e\xb8\x97^zi\xf4\xbf%\x84\x04\x02\x81\xa6\xbc\x89\xd54\xcd\xedv\xe7\xe4\xe4t\xe8\xd0AE\x05TUU\xa9\xfb3\x1c\x10\xd4H\xb0\x004&lt;\xf5\x85Q\x9d\x0c\x84\x10B\x99\x04\xb8\xfc\xfa_\xa7w\xbf\xc1\x98c\x7f\xea\x8fq\x1e\xaa\xf1\xf4\xb8\xe5^\xd7\xc5\x1d\xd4\x80 !"\xcb?\xfb\x0bc\x9c\x90\xb8Y\x03\x02\x88$\x9b\xf3\xf3u\x8bOT\x1dVC\xdf\xccf\xf3\xcc\x993\xd5\xf1K\xd3\x7f\x9e\xfa\xff\x87\x86\xc3a\xf5\xffQ\x7f\xc3M\x9cPO)\r\x87\xc3m\xdb\xb6\x9d1c\x86\xda3E;\xe8\xd4\x8f\xb1\xc9&gt;\x89q\xe0\xc3\xa8\xe1\xa9\xcc\xaf\xf9\xf3\xe7\xef\xdb\xb7O3\x99\x84\x1e\xb1:R\xfb\x8d{&lt;\xec\xf7\xc6\xe3ef\xd3\xa2\x12\x84\xc9b\x1b8!\x8f\x10\xa22#\xcb\x0fl\xd9\xb4\xe5C\x87-5.ZB\xa5\x04\xab9\xe9\xdb#\xbb\n\x8b\x96QZ{\xa1:u\xea\xd4\xac\xac\xacX\x9e\xfa\xa9\xba\x86\xf6\xec\xd9\xa3\xfe[\xf5~V\xeb\xd6\xad\x9bxT\xb5\xa6i\'O\x9e\x9c8q\xa2\xca\x8cT\xef\xcd=\xf4\xd0C\xd8\x12\xdaHb\xf4\xcf1~\xa9^\xba\xf2\xf2\xf2y\xf3\xe61\xc6\xa4$R\xca\xabo\xb9\xd7\xd5\xae\x93\x11\x12\x1f/\x1ce&lt;T\xe3\xe9\xd4{Xz\xf7\x1b\xeaz\xa5\xe8\x87_\xbc\xec\xf6\x9d\xe4\\\x931\xbf\x0fP\xa9/\xcbW\xbe\x14\x08\xfaT\xc2I\x9b6mrrr|&gt;_\xcc\xded\n!\x92\x92\x92v\xed\xda\xb5n\xdd:\xf5\xa8U\xc7A\x97]vY\x93\xcd\x84\x88R\xb5\xe7\x89\'\x9eP?=M\xd3\n\n\n\xbe\x0fPB\r\n\x0b@\x03S_\x9e\xa7\x9f~\xda\xe3\xf1p\xae\t=\xe2\xba\xb8C\xef;\x1e\x0cz\xab\x0c\x93\xf8\xd8\x00$\x88\xec{gq\xcd$%0\xc6OV}\xf7\xf9\xba\x7f%\xd9c}\x13\x00 \x92\xac);\xf7\xad\xdb\xb6k5\xa3L\xbd\t\x9e\x97\x97\x97\x9e\x9e\xde4S?\xcf\x83\xda\xb0j\x9a\xf6?\xff\xf3?\xaa\xe9S\xd5\x80\xdbn\xbb\xadE\x8b\x16\x91H\xa4\x89?\x0f\xe7\xbc\xaa\xaaj\xf8\xf0\xe1\xa3G\x8fV\xb7\x17\x94\xd2\xda\x08U\xdc\x0744,\x00\</t>
        </is>
      </c>
    </row>
    <row r="382">
      <c r="A382" s="1" t="n">
        <v>380</v>
      </c>
      <c r="B382" t="inlineStr">
        <is>
          <t>color_size_circle</t>
        </is>
      </c>
      <c r="C382" t="inlineStr">
        <is>
          <t>What is the missing color of the part denoted with a question mark?</t>
        </is>
      </c>
      <c r="D382" t="inlineStr">
        <is>
          <t>['light green', 'light purple', 'dark orange', 'dark purple']</t>
        </is>
      </c>
      <c r="E382" t="inlineStr">
        <is>
          <t>light purple</t>
        </is>
      </c>
      <c r="F382" t="inlineStr">
        <is>
          <t>There are circles of various sizes and colors in the image. The circles are ['large', 'small', 'medium', 'extra large'] size, and their colors are ['dark purple', '?', 'medium purple', 'very dark purple'].</t>
        </is>
      </c>
      <c r="G382" t="inlineStr">
        <is>
          <t>We observe that the largest circle is very dark purple color, and the smaller circles change color from dark purple to medium purple. Hence, the pattern is that the circles become lighter as they become smaller.</t>
        </is>
      </c>
      <c r="H382" t="inlineStr">
        <is>
          <t>Based on the pattern that the circles become lighter as they become smaller, the missing color of the smallest circle denoted with a question mark should be light purple.</t>
        </is>
      </c>
      <c r="I382" t="inlineStr">
        <is>
          <t>b'\x89PNG\r\n\x1a\n\x00\x00\x00\rIHDR\x00\x00\x02\x00\x00\x00\x02\x00\x08\x02\x00\x00\x00{\x1aC\xad\x00\x00\xe1\xd7IDATx\x9c\xec\x9dwx\\\xc5\xd9\xb7\xa7\x9c\xb2}W\xbd\xcb\x96,\xc9\xbd\xf7\x82\x8d\x01\x03.\x94\xd0C\xc0&amp;\x10H\x80\x90\x10\xc2\x1bR\xde|\x94\x84\xe4%\xa1\x85\x04HB\x02\xd8\x18b\x0c\x040\xc6\x80\x01\xdb\x18w\x1b\xf7*\xc9\x92,\xab\xd7\xed\xbb\xa7\xcc\xcc\xf7\xc7\xc8\x8bp\xa1\xdb\x9a\x95\xce}%\\{\xd6*Ggg\x9e\xdf\xcc\xd3\x062\xc6\x80\x85\x85\x85\x85E\xdf\x03\xf5\xf4\rXXXXX\xf4\x0c\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00\x16\x16\x16\x16}\x14K\x00,,,,\xfa(\x96\x00XXXX\xf4Q,\x01\xb0\xb0\xb0\xb0\xe8\xa3X\x02`aaa\xd1G\xb1\x04\xc0\xc2\xc2\xc2\xa2\x8fb\t\x80\x85\x85\x85E\x1f\xc5\x12\x00\x0b\x0b\x0b\x8b&gt;\x8a\xd4\xd37`aq\x86`\x8c}\xc9\xaf\x84\x10\x9e\xd6;\xb1\xb0\x10\x04K\x00,\x92\x98\x84M\xa7\x94\x1e\xf7\x0e\x84\xb0\xbb\x1d?\xee\xf2\x0b\x7flw\xb5\xe8~\x99\xf8!\x08\xa1\xe3\xde\xb1\xb0H:\xe0\x97_\x16YX\xf4\x14|\x94r+\xcf_s\x83\x9e\xb0\xc2_\x86\xce\xceN\x08\xbf`\xc0\xf3/HII\xf9\xf2?\x96R\x9aP\x08.\x06\xfc\xae,a\xb0\x10\x1fK\x00,\x84\x83u\x03\x00\x00!\xc4\x18\x9f\xf4+\t!\xc1`\x90R\xbao\xdf&gt;B\x88i\x9a[\xb6l1\x0c\x03Bx\xe4\xc8\x91\x9a\x9a\x9a\x84\xc5\x0f\x87\xc3\x95\x95\x95_\xf2\x06JJJ\\.\x178\xa6\x07\xfd\xfb\xf7\xef\xd7\xaf\x1fcL\x96\xe5\t\x13&amp;H\x92\x841\x1e:t(B\xc8\xe3\xf1|\xce\xbdu\xd7\xaa\xaf\xb4\x05\xb1\xb083X\x02`\xd1\xf30\xc6\x12\xab{\x84\xd0\x89\xebzBH(\x14\xaa\xa8\xa8\x08\x87\xc3\xbbv\xed\n\x04\x02\xbbv\xed\xf2\xfb\xfd\xcd\xcd\xcd\x8d\x8d\x8d\x94\xd2@ p\x86\xef\xd9\xeb\xf5"\x84rrr\xb2\xb2\xb2|&gt;\xdf\xc8\x91#\xbd^\xef\xc8\x91#].Wii\xa9\xdb\xed&gt;Q\x18(\xa5\x94\xd2\xc4.\xc1\xd2\x03\x8b\x1e\xc7\x12\x00\x8b\x1e\xa0\xfb\x1a\xffD\x8b\x1f\x8b\xc5\xda\xda\xda*++w\xef\xde\xdd\xda\xda\xbau\xeb\xd6\xa3G\x8f655uvv\x9e\xea\x07B\x08\x18\x00\x10\x00\x06\xf8\xffO\x0f\xb0\xebW@\x00&gt;g\xde\xa4\xa4\xa4dgg\x17\x14\x14\x8c\x1f?&gt;##c\xc4\x88\x11%%%\xe9\xe9\xe9v\xbb\xbd\xfb\x97%\xf4\xc0\xda\x1fX\xf4\x14\x96\x00X\x9c!\xf82\x9f1v\xa2K\'\x10\x08\x94\x97\x97\xd7\xd5\xd5m\xdf\xbe}\xcb\x96-\x07\x0e\x1choo\x8fF\xa3\'\xf9)\xdcH\x9e0f%\xacHXa\x8cy\x9cY\xaa\xec\xa4\x8c(\xb23\xdd\xdb\x9f\xb1\xae\xe00\x828#e\x00\x82\xf8\x8b\xf4\x01RFZ;\x0fSF\xba\xae!j\x0b\xd4\xe8F\x04A\xac\x19\x91`\xa4\x19Bh\x12\xdd$\xfa\x97\xbc7\x00\x80\xc3\xe1HKK\x1b&lt;x\xf0\x84\t\x13\xc6\x8c\x19\x93\x9f\x9f_VV\xe6\xf5z\xbb\x7f\rw\x19\xf1\xc0\x86%\x06\x16g\x06K\x00,N#\xa72\xfa\x84\x90\xf2\xf2\xf2\x83\x07\x0fn\xdf\xbe}\xe3\xc6\x8d\xbbv\xedjkk;\xee{\xf9\xa2\xbe\xbb=E\x10+\xb2\xdd\xaez\x9d\xb6T\x87=\xd5\xeb\xc8\x92$5\xdd[\xc4\x18\xf18\xb3U\xd9A\x19\xb5+\x1e\x8c\x15\xc6(\x84\x08#\xa9\xfb\xf7SJ\xd81+}\xca\x1b\x06\x00\x02\x80Pw}\x82\x84\x9a\xfc\x07\x12\xa2\xc7\xf4 \x82H3\xa2\xc1H\x13\x84\xb8-Pm\x9aZ \xda\x1c\x8duD\xe2\x1d1-\xa0\x1b\xb1\x84x\x00pl\xd3p\xc2$KOO\x1f9r\xe4\xe4\xc9\x93\xc7\x8c\x193h\xd0\xa0\xb2\xb2\xb2\xe3\x9e\x8f%\x06\x16g\x00K\x00,\xbe}\xb8\xd1\x07\x00t7j\xd1ht\xef\xde\xbd\x1b6l\xd8\xbd{\xf7\xe6\xcd\x9b\xcb\xcb\xcbM\xd3L\xfc+\x84\xf0\xb8L}Ev8m\xa9N[\x8a\xcf\x9d\xe7uf\xa7z\n\xec\x8a\xc7iO\x93\xb0\xa2\xc8N\x08!\x82\x981J\x19\x85\x00\x10jPF!\x80\x94\x91\xc4\xaa\x9f}v5\x0e\xbf\xc0\xf8\x7f\xca\xa9\xbe\x11B\x84 f\x80!\x880\x92\x19\x00\x08"\x08\x11e\x841\xa6\x1b\x11\x93\xe8\x91X{L\x0fv\x04\x8f\x06"M\xfeP}$\xde\x19\x89w\xe8\xc6\xa7\xbb\x19\x08\xc1q\xf3N\x92\xa4\xb2\xb2\xb2\x89\x13\'\x8e\x181b\xca\x94)\xc3\x86\rs8\x1c\x89\x7f%\x84\xf0\xe7\xf3\x95R\x9e,,\xbe\x0c\x96\x00X|;$\x16\xfb\xdd}\xfa\x84\x90\xed\xdb\xb7\xaf_\xbf\xfe\xe3\x8f?\xde\xb6m[mmm\xf7o\x81\xf03Kc\xbb\xea\xf1\xb9\xf2\xd2\xbd\xfd\xd3\xbd\xfd=\xce,\xaf+[\x95\xdd\x8a\xec@\x10\x01\x08)%\x8c\x11BM\xc6\x18c\x04\x1c3\xd3]\xd6\xf9\xd3u\xf2\xe9^/\x1f\xdb\x960v\xdc=@\x88!\x84\x18I\x10b\x840`\x8c2\xaa\x1bQ\xcd\x08\x05\xc2M\xc1Hs[\xa0\xa6-P\xe3\x0f\xd7\xc7\xb4\xe0\xa9\x1e\x02\x00\xa0\xb0\xb0p\xdc\xb8qg\x9du\xd6\xd4\xa9S\xc7\x8c\x19\x93\x10\xd1D\xcc\xc0\xda\x16X|[X\x02`\xf1\x8dH\xd8}I\xfa\xb4\xa8\xb0\xae\xaen\xcb\x96-\xcb\x97/\xdf\xb4i\xd3\x81\x03\x07\x12\xefC\x08\x01L,\xd0\x81Mq\xa5\xba\x0b\xd3|\xfd\xd2=\xfdS=\x05\x1eg\x96]\xf5b$\x03\x00(#\x84\x1a\x94\xd2\x84\xad\x87\x00\x1e3\xf3"\xdb&gt;&gt;\x9f\xd8\xb1\x1b\x06\x10b\x84\x10F2\x82\x18\x00@\xa8\x11\xd3\x02\xc1HsG\xf0h[\xb0\xa6\xdd\x7f\xa4#T\x1b\xd7\xc3\xfc\x9b!\x02\x80}fJ\x0e\x1e&lt;x\xd2\xa4I\xf3\xe6\xcd\x9b0aB~~~\xe2}\xd34-%\xb0\xf8\xe6X\x02`\xf1u8\xd1\xee\xf3\xc5\xfeG\x1f}\xf4\xee\xbb\xefn\xd9\xb25\x14\xeaZ\xe4\x1eg\xf4]\x8e\xf4\x0c_qN\xda\xe0to\xff\x14W\x9e\xd3\x9e\x86\x91\x04\x00 \xd4$\xd4\xa0\x940@\x8f\xb9I\xe0\x97w\xda\x88\x0c\x03\xec\x98s\x8bA\x80\x10\xc2\x18\xc9\x89\xbf:\x12k\xef\x0c\xd7\xb7\x05j\x1a\xdb\x0f\xb4\xfa\xab\xc2\xd1\xaeX\xc8qb\xe0v{&amp;L\x18\x7f\xe1\x85\x17\xce\x981\xa3\xfb\xb6\xc0R\x02\x8bo\x82%\x00\x16_\x81\x93\xda\xfd\xcd\x9b7\xbf\xfe\xfa\xeb+V\xac\xd8\xbf\x7f\x7f\xe2+\x11\x82\x94v\r-\x97#=\xd37 ;mPvjY\x8a;\xdf\xaex \xc4\x94\x99\x84\x18\x84\x9a\t\x8b\x0f!\x14{u\xffm\x91\xe8,\xc1 @\x18I\x18\xcb\x08J\x8c\x91\x98\x1e\xec\x0c\xd55u\x947\xb5\x1fl\xf1\x1fN\x88A\xf7\x87\t\x00\x182d\xc8\x9c9s\xbe\xf3\x9d\xefL\x9c8\xd1R\x02\x8bo\x82%\x00\x16_\n\xee\x80\xfe|\xbb\x0f!d\xc7\x02\xa8\x8ad\xcfH\x19P\x9092/}\xa8\xcf\x9d\xc7\x8d&gt;\xa1\x06\xa1:\xa5\x84{H\xfa\x8c\xc5\xff|\xb8\x1e0\x08 B\x18#\x05#\x99\x8b\x81?T_\xdf\xb6\xefh\xcb\xae\xd6\xce\xc3\xba\x19\x03\x80G\x1b&gt;\x9d\xb3\xa7R\x82\x93\x16\xd3YX\x9c\x88%\x00\x16\x9f\x07_\xf2\'\xd6\x95_h\xf7S\xdc\xf9Y\xa9\xa5\xfd\xb2\xc6d\xf8\x06x]\xd9\x08bBM\xcb\xe8\x7fiN\x14\x03\x892\x12\x087\xb5\xfa\x0f\x1fi\xde\xde\xdcQ\xd1\x19\xaa\x03\xe0\x8b\x95\xe0\xb8\x0f\xce\xc2\xe2\xa4X\x02`qrx\xf6ab]\xb9\x7f\xff\xfe\x15+V\xbc\xf0\xc2\x0b\xbbw\xef\xe6\xefto\xac\x96\xe2\xce\xef\x97=\xa6\x7f\xf6\xf8\xcc\x94\x01\xaa\xecd\x80\x99D\'D\xb7\x8c\xfe7\xe0S1\xc0X\x91\xb0\x02\x01\xd4\x8cHK\xe7\xe1\x9a\xa6\xadG\x9a\xb6w)\xc1g?\x88\x11#F\\\x7f\xfd\xf5s\xe6\xcc\x192d\x08\x7f\xe7\xb8\xcf\xd1\xc2\xa2;\x96\x00X|\x86\xe3V\x8e\xc1`\xf0\xcd7\xdf|\xe1\x85\x17V\xaf^\xcd\xd3\xf6\xbb\xaf\xf7\xb3S\xcb\x8ar&amp;\xe6\xa4\x0fN\xf7\xf6S\x157\xa5\xa6a\xc6yb~\xaf\t\xe1\x8a@"\x8c\x8c \x92%\x1bB\x92\xa6\x87\xda\x02G\x1a\xdb\x0eT7nn\xea(\x07\xe03{\x02I\x92f\xce\x9cy\xfd\xf5\xd7_r\xc9%\x1e\x8f\x07X\x1b\x02\x8bS`\t\x80E\x17&lt;\xba\x9bX*n\xd8\xb0\xe1\xf9\xe7\x9f\x7f\xe7\x9dw\xea\xea\xf8J\x13B\xd4\x95\xcc\x93X\xef\xe7\xa4\r\x92$\x95\x10\xc3$\x1ae\x04\x02\x08\xa1\xe5z&gt;\xbd0F\x19`\x08b\t\xab\x18\xcb\xa6\xa95\xb6\x1f\xec\xbe\'\x80\x080\xda\xd5\x15)??\x7f\xf6\xec\xd97\xdcp\xc3\x94)S\xf8\xb7\x13B\xac\x9a2\x8b\x04\x96\x00X|\xc6K\x90X\xf2\xbf\xff\xfe\xfb\xfc_\x11B\xbcU\xa7\xd3\x9e\xd6/k\xd4\xc0\xc2\xb33|\x03T\xc5E\xa9\xa9\x9b1\xc6\xa8e\xf7{\x04\xae\x04\x10"E\xb2#$iz\xb8\xd5\x7f\xf8P\xed\x9a#\xcd;#\xb1v\xd0\xed\x83\x03\x00\xcc\x9a5\xab\xfb\x86\xc0\xf2\x0bYp,\x01\xe8\xbb\x1c\xe7\x168x\xf0\xe0\xcb/\xbf\xfc\xaf\x7f\xfd\x8b/\xf9\x11\xc2\x94\x11\xc0\x00FrA\xd6\xc8\xe2\xdc\x89E\xd9\xe3\xed6\x1fc\xd40\xe3\xd6z_\x1c\x12{\x02Y\xb2A\x88bq\x7fu\xd3\xd6\xaa\x86\xcdG\x9bw\x11j\x00\x08\x10\xc4\x94\x12\x00@~~\xfe\x0f~\xf0\x83\xab\xaf\xbez\xd0\xa0A\xc0\xf2\x0bYX\x02\xd07\xe13?\xb1\x00|\xff\xfd\xf7\x17/^\xfc\xf2\xcb/k\x9a\x06\x00\xc0\x18\xf3\x15\xa2\xcf\x95W\x9a?\xb5$\x7fJ\x9a\xa7\x1f\x80\xd00\xe3\x94\xf20\x80e\xf7E\x84{\xe8\x10\x92d\xc9\x06\x18k\x0f\x1e\xa9\xac\xdbPQ\xb7\xde\x1f\xae\x07\xdd&gt;VUU\xaf\xbe\xfa\xea\xeb\xae\xbbn\xd6\xacY\xfc\x1b\t!\x96\x0c\xf4M,\x01\xe8[t7\xfd\xba\xae\xbf\xfb\xee\xbb\x7f\xfb\xdb\xdf\x8ey{ B\x8cR\x00!\xca\xcf\x18&gt;\xac\xf8\x82\xfc\x8c\xe16\xc5kR\xcd45\xd0\x87\n\xb5\x92\x1dv,\x14\xacJH\x8d\xeb\x81\xba\xd6={\xab\xde\xabk\xdd\xc3\x18E\x08\xd0c\x11\x82Y\xb3f\xfd\xf8\xc7?\xbe\xf0\xc2\x0b\x15E\x01\x96\x0c\xf4I,\x01\xe8+\x1cg\xfa_|\xf1\xc5G\x1f}t\xef\xde\xbd\x00\x00\x8c0a\x040`W\xbd\x03\x0bg\x94\xe6O\xcb\xf0\r@\x08\xebF\x8c2\x13\x02\xcb($%\x8c1\x06(\x82\x92"\xdb)%\xad\xfe\xc3\x15u\xeb\x0e\xd5~\x14\xd3\x02\x00\x02\x0c1\xa1\x04\x000l\xd8\xb0\xbb\xee\xba\xeb{\xdf\xfb\x9e%\x03}\x10K\x00z?\x9fg\xfa\xb1D\x88\t\x00H\xf5\x14\x0c,&lt;\xbb,\x7f\x9a\xd7\x95k\x12\xcd05\x00\x98\xe5\xea\xe9\x1d0F\x01\x80\xb2\xa4JX\r\x84\x1b\xca\xeb\xd6\x1d\xaa]\xd3\x11&lt;\n\xba\r\x00K\x06\xfa&amp;\x96\x00\xf4f&gt;\xc7\xf4K\x92\xc4\xf3\xfa\x0b2G\x94\x15L/\xce\x9dlW\xdd\xba\x113\xa9n-\xf9{%|C !E\x91\xed1-T\xd5\xb0\xb1\xfc\xe8\xda\xa3-\xbbA\xb7\xc1`\xc9@_\xc3\x12\x80^\x0b!\xe4\x14\xab~D\x08\x05\x00\xe4g\x8e\x18]zqA\xe6h\x8c$\xcd\x88PF\x10D\x96\x97\xbf\xb7\xc3(\xa3\x08bUv\x12j\x1em\xd9\xb1\xa3bY]\xcbn\xd0m`\x9c(\x03V\xc2ho\xc5\x12\x80^H\xa2\xd8\xe7\x04\xd3\x8f\t!\x08I%yS\x06\x16L/\xc8\x1a\r!\xd2\x8d(\x03\x94w\xab\xb7\xe8;PF @\x8a\xec`\x8c\x1em\xdeq\xe8\xe8\xda\xca\xfa\r\x94\x9a\x89d\xa1\xee2p\\\x91\xa0E\xaf\xc1\x12\x80^E\xf7\x89\xbad\xc9\x92\x07\x1f|\xb0\xbb\xc3\x07!\xa9\xac\xe0\xac\x91\x03\xe6e\xa6\x94PFt#f9\xfa\xfb8&lt;&lt;\xa0\xc8v\x04qKg\xe5\xae\xc3\xcb\xcb\x8f~L\xa9\xd9\xdd)\xf4\x9b\xdf\xfc\xe6\x9ak\xae\x01V\x15qo\xc4\x12\x80^Bww\xff\x87\x1f~\xf8\xd0C\x0f\xf1\xe4\xce\xc4L.\xc9\x9f2n\xe0\x15\x19\xbebBM\xdd\x8cYe\\\x16\tx)\x99"\xd91\x92Z\xfdU\xdb\x0e\xbdZY\xb7\x01t\x1b&lt;\xb3f\xcd\xba\xe7\x9e{\xce=\xf7\\`\x05\x06z\x17\x96\x00\xf4\x06\x12^\xda\xbd{\xf7&gt;\xf6\xd8c\xcf&gt;\xfb,\xe8\x96\xe0Q\x909bT\xe9\xc5\x85Yc\x18\xa3\xba\x19\xb3b\xbc\x16\'\x85G\x89\x15\xc9\x0e!\xaam\xde\xbe\xb3b\xd9\xd1\xae\xd8@\xd7@\xba\xf1\xc6\x1b\x7f\xf6\xb3\x9f\r\x1b6\x0cX\x81\x81\xde\x82%\x00\xc9\ro\xf6\x82\x10\n\x04\x02\x0f?\xfc\xf0\x9f\xfe\xf4\']\xd7\x13y\xfd\x99)\xa5\x13\x87\\S\x909\x12B\xac\x1b\x11`\x15\xf1Z|\x11\xbc\x9cX\x91\x9d\x8c\x91\xa3-\xbb6\xef_\xd2\xd2Y\x91\xa8\x1bP\x14\xe5\x17\xbf\xf8\xc5\xddw\xdf\xed\xf5z\x13c\xaf\xa7o\xd9\xe2\xebc\t@\xb2\xd2\xdd\xe7\xb3d\xc9\x92{\xef\xbd\xb7\xbc\xbc\x1cB\x04!\xa3\x94\xa5\xba\x0bF\x96\xcc+-8K\x91\xed\x9an\x99~\x8b\xaf\x06\x97\x01Uq\xeaF\xac\xe2\xe8\xc7\xbb*\x97w\x84\x8e"\x04\x19\x83\x8c\xd1\xb2\xb2\xb2\xfb\xef\xbf?\x11\x18\xb0&lt;B\xc9\x8b%\x00IIw\x9f\xcf/~\xf1\x8bw\xdey\x07\x00 I\xb2i\x1av\xd53\xbcx\xce\xa8\xd2\x8bU\xd9\xa9\x19\x11\xc6\xa8e\xfa-\xbe\x1e|\xf0\xf0\x81\xb4\xb3b\xd9\x9e\xaa\x151-\xc8\x87\x19\x00`\xf6\xec\xd9\x7f\xfa\xd3\x9f,\x8fPRc\t@\x92\x91X\xf8\x7f\xc6\xe7s\xccK;\xa8p\xe6\x84!W\xfb\\\xb9q=L\x19\xb1\x92;-\xbe9| \xd9\x14\x97?\xdc\xb0e\xff\xcb\x07kW\x83c\x81\x81\xee\x1e!k+\x90\x8cX\x02\x90L\x98\xa6\xc9\x8fe\x7f\xe7\x9dw\xee\xbc\xf3\xce\xee&gt;\x9f\xcc\x94\x92IC\xbf\xd7/k\x8cA\xe2&amp;\xd1-\xd3o\xf1\xedB\x19\x91\xb0"c\xdb\x91\xe6\xed\x9b\xf6\xbd\xd8\xd2Y\xd9\xdd#\xf4\xf8\xe3\x8f\xcf\x9e=\x1bt\x1b\xa2\x16I\x81%\x00\xc9Ab\xe1\xdf\xd0\xd0\xf0\xf3\x9f\xff|\xc9\x92%\xa0\x9b\xcfg\xec\xc0\xcb\x87\x15] a5n\x84!D\xd6Y\x8c\x16\xa7\x03\x06\x18c\xd4&amp;\xbbL\xa2\xed\xad~\xef\x93C\xafu\xf7\x08]s\xcd5\x8f&lt;\xf2Hnn\xae\xb5\x15H",\x01H\x02\x12\xab\xaa%K\x96\xfc\xfc\xe7?ohh\x90\xb0l\x12\x03\x000\xa8\xf0\xec\tC\xae\xf1:s,w\xbf\xc5\x99!\x11\x18\x08D\x1a\xb7\xec_r\xb0v\r\x00\x80\x0f\xc8\xdc\xdc\xdcG\x1ey\x84\x07\x87\xad\xad@R`\t\x80\xd0\x9cb\xe1/\x99\xa6\xe9u\xe5\x9c5\xe2\xc6\xe2\xdc\x89\xba\x19\xb3|&gt;\x16g\x18\xee\x11R${U\xc3\xe6\x8fw?\x1b\x087&amp;\xaa\xc6\xac\xad@\x12a\t\x80\xb8$2+&gt;]\xf8K\xb2i\x1a\x10\xa21e\xdf\x19Uz\xb1]\xf5\xc6\xf5\x90\xe5\xf3\xb1\xe8\x11\xba&lt;B\x8a;\xa6\x05vV,\xdb^\xfe:c\x94\x0f\xd1\xee[\x01+AHd,\x01\x10\x11\xc6\x18!D\x92\xa4\xf6\xf6\xf6\x1f\xff\xf8\xc7\xdd\x17\xfe\x99)%g\x8d\xb81/c\x98fD\t5\xac\x85\xbfE\xcfB\x19\xc1HVeG}\xeb\xde\x8fw?\xdb\xd2Y\xd9}+\xf0\xb7\xbf\xfd---\xcd4M\x8c\xb1\xb5\x15\x10\x10K\x00\x84\x83\x9f\xd3\r\x00x\xef\xbd\xf7~\xf2\x93\x9f\x94\x97\x97\'\x16\xfec\x07^&gt;v\xe0\xe5\x12\x965#j\xb5n\xb6\x10\x06F\x19Ue\x87I\x8cO\x0e\xbd\xf6\xc9\xa1\xd7\x12[\x81\xb2\xb2\xb2\'\x9ex\xe2\x82\x0b.\x00\xdd\x06\xb6\x858X\x02 \x16&lt;tf\x9a\xe6\xff\xfc\xcf\xff&lt;\xfe\xf8\xe3\x00\x00Y\x92\r\xd3H,\xfc\xe3z\xd8\n\xf6Z\x08\x08\x1f\x966\xc5\x95\xd8\n\xf0\xa1\x0b\x00\xb8\xf3\xce;\xff\xfc\xe7?\xf3\x81mE\x86\x85\xc2\x12\x00QH\xb8}***\xbe\xff\xfd\xef\xaf_\xbf^\xc22\xa1\x06c`\xc4\x809S\x86-\xc0X\xd2\x8c\xa8\xe5\xf3\xb1\x10\x19\xca\x88*;\x0817\xec]\xb8\xfb\xf0\n\x08\x01F\xb2I\x8c\xa9S\xa7&gt;\xf7\xdcs\xa5\xa5\xa5\x96;H(,\x01\x10\x82\xc4\xeex\xe9\xd2\xa5\xb7\xddv[{{\xbb,+\x86\xa1;T\xdf\xcc\xb1\xb7\x15\xe7L\xb4\xb2&lt;-\x92\x85D\x9ehU\xe3\xe6\xd5\x9f&lt;\x15\xd5\xfc|0\xa7\xa5\xa5=\xf5\xd4SW]u\x15\xb0\xdcA\xc2`\t@\xcfs\xa2\xdb\x87\xd7\xd9\x0f\xc8\x9d4m\xe4\x8dnGf\\\x0fY\x1e\x7f\x8b\xa4\x82QFm\x8a;\x14mY\xb7\xeb\xd9\xc3\r\x9b\x12\xddJ,w\x90PX\x02\xd0\xc3\xf0i\xf0\xa9\xdb\xe7X\xbcw\xf2\xd0\xebF\x97]J\xa9i\x10\xcdr\xfbX$#\x94\x11\x19\xab\x08I;\xca\xdf\xd8\xb8oq"2\xdc\xdd\x1ddi@\xcfb\t@\x8f\x91(\xf2\xea\xe6\xf6Q\rC\xf3:\xb3\xcf\x19{{A\xe6\xc8\x98\x16\x04\x00Z\xdeR\x8b\xe4\x851\x06\x00\xb3\xab\x9e\xa3-\xbbV}\xf2d \xd2\xc4\x07y\xc2\x1dd\x15\x8b\xf5,\x96\x00\xf4\x0c\x89\xea\x98\xfb\xef\xbf\xff\xbe\xfb\xee\x03\xdd\xdc&gt;3F\xff\xd0\xa1\xfa\xe2F\xd8Z\xf8[\xf4\x0e(#6\xd9\x15\xd5\xfc\x1f\xed\xf8Gww\xd0}\xf7\xddw\xef\xbd\xf7\x02\xabX\xac\xe7\xb0\x04\xa0\x07\xe0;\xdf\xce\xce\xce\x1f\xfd\xe8GK\x97.\xe5}T\x12n\x1fB\x0c\x93Z\xad\x1d,z\x15\x94\x11\t)\x18\xcb\x9f\xba\x83\xb0l\x12\xe3\xaa\xab\xae\xfa\xfb\xdf\xff\x9e\x92\x92b\xb9\x83z\x04K\x00\xce4|\xb1SQQ\xf1\xbd\xef}o\xeb\xd6\xad\x8a\xa2\xea\xba\xe6P}\xe7O\xb8\xab0k\x94\xe5\xf6\xb1\xe8\xad$\xdcA\xb5\xcd;Wny4\xaa\xf9\xf9\xe0\x1f?~\xfc\x8b/\xbeXZZj\xed\x03\xce&lt;\x96\x00\x9cQ\xf82g\xfd\xfa\xf5\x17_|qGG\x87"+\xba\xa1g\xa5\x96]8\xf1n\x97=]3"\xd6\xc2\xdf\xa2wC\x19Qeg8\xd6\xf6\xee\xe6\x87\x9b;\xca\xf9\x14HMM]\xb6l\xd9\xd4\xa9S\xad}\xc0\x19\xc6\x12\x803D"\xe4\xfb\xcc3\xcf\xdcv\xdbm\xa6i\xf2\x8c\x88!\xfd\xcf\x9b&gt;\xeaf\x08\xa0\x95\xedc\xd1G\xe0\xd9A\x0c\xb0\xb5;\x9f\xd9_\xf3\x01\x9f\x08\x92$=\xf5\xd4S7\xdf|\xb3\x15\x16&gt;\x93X\x02p&amp;H\x94\xbd\xfc\xecg?{\xfc\xf1\xc7\x11D\x0c2F\xd9\xf4\x91?\x18Yr\x91U\xe4\xf5\xad\xc2@\x97\xb7\x81_|fx\x7f\x99\xb6\xa9\xa7\xfa\x96c&amp;\xc92L\xdf\x02\x89b\xb1]\x95o\xad\xdd\xf5/\x88 d\x902z\xe7\x9dw&gt;\xf6\xd8c\xc0\xaa\x14;SX\x02p\xda\xe1C\xd94\xcd\xdbn\xbb\xed\x99g\x9e\xe1\xeb\x1dEv\x9e?\xfe\xce\xa2\x9c\xf1q=\x0c!\xb4\xcc\xcaW\x87\xb1\xc4\x7f\x00\xe3f\x1aB\xc4wQ\x18I\x10"\x06\x00\x82\xf8\xd8R\x122F)3\x01\x80\x00\x9cj\xccC\x00\x18\x82\x12\x84\xe8\x98\x90\x00\xca\x08\x04\x801J\xa8\t\x00\xa0\x8c0F\xbb\xff\xd2c\xca`}\x82_\x15\xc6\x18\xb3)\xae\xea\xc6\xad+\xb7&gt;\xae\x1b\x11&gt;5n\xbe\xf9\xe6\xa7\x9ezJ\x92$K\x03\xce\x00\x96\x00\x9c^x\\\xab\xb3\xb3\xf3\xa2\x8b.Z\xbf~\xbd"\xab\xba\xa1y\x9cY\xb3\xc6\xdd\x99\x971,\xaa\xf9-\xb7\xcf\x97\x84\xf1\xfe\xf3]f\x17"\x84\x11D\x08\xc9\x10"\x04\x11\xb7\xcb\x84\x181=\x08!\n\x84\x1b\r3\x06!n\x0bT\xebF\x14\x00\x00!\xd2\xf4p{\xb0\xf6\x0b\x7fQ\x9a\xa7PU\\\xdc\xca+\xb2#\xdd[\xc4\x18\x91%\xbb\xd7\x95\xc3\x18\xb5+\x1e\x8c\xf9/\xc5\x94Q\xc6(\xa5\x06e\x94R\x02\xc0\xb1\xdb\x83\xd0:\xa1\xe1KB\x19q\xa8\xbe\xfa\xd6\xbd\xefo{&lt;\x18i\xe6\x13d\xea\xd4\xa9o\xbd\xf5VJJ\x8a\x15\x16&gt;\xddX\x02p\x1a\xe1\xc3\xb7\xb1\xb1\xf1\x92K.\xd9\xbau+\x1f\xdc\x19\xbe\xe2\x8b\xa6\xfe\xd6\xaez5=\x82\x905\xb8OIw\x8b\x0f!\xc2H\xc2HF\x08SF)5cZP3\xc2\xe1h[ \xd2\x1c\x8dw\x06\xa3\xcd\xe1X\xbba\xc4\x02\x91&amp;\x00\xa1\xa6\x87\xbf\xf5\xfbQ\x15\x17`\xcc\xeb\xcc\x96e\xbb\xcb\x9e\xe6qd9l)^g\x96\xcb\x91\xae\xca.\xbb\xeaAHB\x10QJ\x085\x085\x19\xa3\x96\x1e|\x19(%\xaa\xe2\x8ci\x81\xb7\xd6\xff\xae\xd5_\xc5\xa7\xc9\xf8\xf1\xe3\xdf|\xf3\xcd\x9c\x9c\x1cK\x03N+\x96\x00\x9c.x&gt;\xc3\xd6\xad[/\xb9\xe4\x92\xc6\xc6F^\x009\xb0p\xc6\xf4\x917KX\xb1B\xbe\'\x85g\n2\xc0\x10D\x18\xc9\x18\xc9\x10a\xc6\xa8nD#\xb1\x8e\xcep]{\xe0\x88?\xdc\x10\x8c4\xfb\xc3\x8d\x86\x193\x89\xde\xd3\xb7\x0c$\xac\xc8\x92\xdd\xe7\xca\xf18\xb3|\xae\xdc4o\xbf\x14W\xbe\xd3\x9e\xaa\xc8\x0e\x08\x11\xeb\xd2\x03\x832\xca\xf7.Vx\xf3DxX\xd8$\xfa\xda]\xcf\x1c\xaa\xfd\x88O\x96\x9c\x9c\x9c7\xdf|s\xfc\xf8\xf1Vj\xd0\xe9\xc3\x12\x80\xd3B\xc2\xfa_p\xc1\x05\x9d\x9d\x9d\xb2\xa4\x18\xa6&gt;\xb8\xdf9\xe7\x8e\xbd\xc3 \x1a\xa5\xa6\x15\xf2M\x90X\xe9#\x881V$$\x03\x00M\x12\x0fFZ:\xc3um\xfe\xea\xb6@Mg\xa8&gt;\x14m5\x89\xf6%\x7f\xa6,\xab\xb2\xa42F=\xae4\xaf\'\x93R\x02\x00\xb0\xdb\\yYe\x94\x91S\xad\xc7\xf9=\xd47\x97\xc7\xe2a\x00\x00B8\x10l\t\x86\xdb!D\x86\xa9\x19\xc6\x97\xfd\xed\x12V\xdd\x8e\x8c\x14w^\xba\xb7\x7f\xba\xaf(\xc5\x95\xefqfJ\xd8\x06\x003\xa9A\x88\xdeu\x0f\xd6\xce\xa0\x1b\x8cQ\x84$\x19\xab\x1f~\xf2\xd7\x03GV\xf1)\x93\x92\x92\xf2\xde{\xefY\x1ap\xfa\xb0\x04\xe0\xdb\'\x91\xec\x7f\xd1E\x17uvv\xf2\x8a\xc7)\xc3\xe6\x8f.\xbd\xc4 \x9a\x95\xf0\xc3IxH0V$\xacp\x1f} \xd2\xd4\xd2Q\xd1\x1e\xacm\xea8\xd4\x11&lt;\xfa\x85\x16\xdf\xa6:\xed6Wzj\x81Mu\xe4e\x95\xa9\xaa=?{ \xa5$=5\xdfns\x11J\xec\xaa\xd3nsQ\xca\xb8\xbd\x95\xb0|\xca\x000\x07\x02\x93\x18\x8c1\xc0\x00B0\x16\x0f\xc7\xb4\x08F8\x16\x0f\xb7u\xd4!\x84\xeb\x9a\x0eiZ\xac\xbe\xb9&lt;\xaeE\xdb:\x8e\xc6\xe2\xe1\xb8\x16\xf9\xfc\x9b\x94\xb0\x9a\xea)\xc8N\x1d\x98\xe6)\xccL-\xf5:\xb3y\x8c\xc1$:!z\xc2\xc7\xf5\x15\x9f_/\x84O\r\x19\xab;*\xde\xdc\xb0w\x11\x9f8)))o\xbd\xf5\x96U"p\x9a\xb0\x04\xe0[\x86\x0f\xd3D\xb2?o{2}\xd4\xcd\xa3K/\x8d\xc6;\xad\x84\x1fn\xf7\x11\xc4\x12V1\x92(#\x81pS\xab\xffpc\xfb\xc1\xa3-\xbb\x02\xe1F\xca\xc8\xa9\xbe\xd7\xae\xba\xd2\xd3\nR\xbd\xd99\x99\x03\xb23\xfa\xbb]\xa9\x19\xa9\x05\x8abw9R\x00\x00\x92$3\xc6\x085!\x80\xa6\xa9S\x9e\xabC)a\x84?\xf1D\xd6\xd0\x17p\xccG\xc3\x00\xc0\x10C\x84\x00\x00\x08"IR\x18`\x18I\x10B\xd34\x00\x00\xe1h\xa7\xae\xc7Z;\x8e\x86\xc2\x1dM\xad5\x8d-\x87;\x02Mm\xedGc\xda)#\x10\x08b\xaf+\xa7 sdN\xda\xa0\x0c\xdf\x00\xaf+\x1bAL\xa8i\x12\x8do\x0b\xfa\xbc\x120\xc6\x98\xc3\x96\xb2\xa3\xe2\x8d\xb5;\x9f\xe1\xd3\'Q"`i\xc0\xb7\x8e%\x00\xdf&amp;\t\xeb\x7f\xcb-\xb7 \x88\x18`\x8c\xb1\xe9\xa3n\x1e]rq$\xee\xef\xcb!\xdf\x84\xdd\x97%\x1bB\x92\xa6\x87\xda\x03G\xea\xdb\xf6\x1dm\xd9\xd5\xdayX7c\xfc\xcb \xfc\xcc\x80Td[NfqvFq^vinVIfZ\xa1\xc7\x95.\xcb*F\x12\xa1\x841\xca\r=\xa5\xe6\xa7\xc6\x1dB\xc0\x93\xf7!\x00\x0c|s\x87;c\x8c\xff\xa8\xae\xfa\x80c\xbf\x05\x02\xc0\xa3\xbe\x92\xa4@\x880\xc2\x84\x9a\x86\xa1\x05\xc3m-\xed\xb5\r\xcd\x95\xf5M\x15M\xadU\x8d-U\xba\x11O\xfc\xb4\xee\x7f\xa0"\xd93R\x06\x14d\x8e\xccK\x1f\x9a\xe6\xed\xa7*nJM\xc3\x8c[J@)q\xda|;*\x97\xad\xdd\xf9\x0c\x84\x10\x02H\x19\xfd\xe7?\xffii\xc0\xb7\x8e%\x00\xdf\x1a\xdd\xad\xbf$I&amp;1\x15\xc9y\xfe\xf8;\xfb\xe7\x8c\xd7\xf4p\xdf\x9c\xcf\x8c1\x06h7\xbb\x1fn\xe9&lt;\\\xd3\xb8\xf5H\xf3\xf6\xceP\xddI\xbf\xc5a\xf7\xe4e\x95\x16\x17\x8e\xec_0&lt;3\xad0=%O\x96m\x10BBL\xd3\xd4\t5(e]\x89\xfc\x10\xc2.\x0b\xdfS\x9b*\xee+b\xc76\x16\x10!\x88\x91,I\n\xc6\x12c\xcc0\xe2m\x9d\xf5-\xed\xb55G\xf7T\xd5\xee\xaao\xae\x88\xc6\x82\'\xfdA)\xee\xfc~Yc\xfa\xe7\x8c\xcfL\x19\xa0*\xaenJ\xd0Gkb\x19\xa3\xaa\xe2\xaa\xe1%\x02fD\xc2\x92i\x9a\x96\x06|\xebX\x02\xf0\xedp\x9c\xf5\'\xc4\x94%\xe7ES~\x93\x971\xbcO&amp;\xfb3\xca(\x04H\x92T\t\xc9\x9a\x119\xd1\xeew_\x0b\xab\xaa\xa3_\xee\x90\xa2\x82\x11\xc5\x85#s\xb3K}\xee\x0cIR(%\xa6\xa9\x1b\xa6\xceS\xf2\x8f\x99{\xd1\xad!\xeb\x12\x05\x06\x00\x80\x10\xc9\x92"I\nB\xd84u\x7f\xa8\xb5\xa1\xa9\xa2\xaavW\xf5\xd1\xddG\x1a\xf6kZ\x94\x7fK\xf7G\xf1\x19%\x90\x9d&amp;5LSc\x80\xf6\xc1#\xe1\x8e\x95\x08\xecyk\xc3\x83\x86\x19\xc1\x96\x06\x9c\x06,\x01\xf8\x168\x99\xf5w\\4\xe5\x7fs\xd3\x87\xc4\xb4 B}h\xa4\xf2%\xbf\x84\x14Y\xb2\x11\xaaw\x04\xeb\x0e\xd7o\xa8\xac\xdfxR\xbb\x9f\xe2\xcd.+\x1a7\xaclZ~\xee\xa0\x8c\xd4|\x8ce\xeeE!&lt;\x0c\x0b \xa7\xe7\xfe\x9ao\x01\xc6\x18\xcfm\x85\x10b,w\xf9\xaf\x88\xd1\xdaQW\xd7ppo\xf9\xba\xf2\xeam\x9d\x81&amp;\xfe\xc5\xc7)AI\xde\xe4\x01ySR=\xf9\x18)\x86\x197\xa9\xde\xd76\x04\x94\x9av\xd5\xd3\xd0\xb6\xff\xad\r\xbf7\xcc\xa8\xa5\x01\xdf:\x96\x00|S,\xeb\xcf\xe1y\xee\xb2\xa4b,\x07\xc3\xcdG[vV\xd4\xad\xafo\xdd\xcb\x83\xba\xddM[vF\xd1\x90\xd2)\xc3\x07\xcd\xc8\xcd*q;S\x00\x00\xba\x117M\x9d1\x96,\xcb\xfc\xafGbs\x00!\x94$E\x91m\x00\x80P\xa4\xb3\xa1\xb9r\xcf\xc1\x8f\xf6Wlhj\xad\xe6_\x99x\\\x08\xe2\xbc\x8ca\xa5\xf9S\x0b2Gy\\Y\x84\x18\x86\xa9\xf1:\x89\x9e\xfcK\xce \x96\x06\x9cV,\x01\xf8FX\xd6\x9f\x01\xc6\x18EPRe\x07\xa1F\x9b\xbfzo\xf5{\xd5\x8d[cZ\x00\x9c\xc2\xee\x17\xe6\x0ev\xd8=&amp;1\xf8b\x1f\x00\x00a\xdfZ\xd8\x82\xae\x9d\x01\x05\x00\xf0m\x81\x84\xe5h,X\xdbp\xe0TJ`W\xbdE9\xe3\x87\x15]\x90\xee+\xc2H\xd6\x8c(e&amp;\x84\xa8/T\x12X\x1ap\xfa\xb0\x04\xe0\xeb\xc3\x07\xdf\xbf\xfe\xf5\xaf\x9bo\xbeY\x92dB\x8c&gt;e\xfd\xbb{{\xe2z\xa8\xaaaS\xf9\xd1\x8f\xebZ\xf7p\xbb\x06\x01\xe4i3&gt;O\xe6\xe8a\xb3Ft\xb3\xfb\xba\x1e\xa3\x94\x1cs\xef\xf4~\xfb\xf5Ep/\x11C\x08+\x8a=\xa1\x04\xbb\x0f~\xb4c\xef\xfb\xfe`\x0b\xe8\xf60!D\xf9\x19\xc3\xcb\n\xce*\xce\x9ddS\xdc}\xc7/t\x82\x06\xc8\xa6i&lt;\xf3\xcc3?\xf8\xc1\x0f,\r\xf8&amp;X\x02\xf05\xe1\xc3n\xd3\xa6MS\xa6LA\x08QJx\xd4\xb7/X\x7f\xee\xd4\x96$\x9b\x8c\x95@\xa4y\x7f\xf5\xfb\x15\xf5\xeb\xfd\xa1z\x00\x00\x82\x88\'\xe0KX\x1e\\2y\xc2\xe8y\xa5\xfdF{=\x99\x9f\xb5\xfb}\xc5}\xf1Ua\x8cvW\x82@\xb0\xa5\xe2\xc8\x8e-;\x96\x1f\xa8\xdch\x12\x03t{\xbc&gt;w^i\xde\xd4!E\xb3\xbc\xce,\x83\xe8\xa6\x19\xef\xf5M&amp;\xbai\xc0\x83\x86\x19A\x08SJ7l\xd80i\xd2$K\x03\xbe6\x96\x00|\x1dx\x83\xaa\xad[\xb7^x\xe1\x85\x81@\x00\x00 !\xfb\xbc)\xbf\xceM\x1f\x1a\xd3\x02\xbd\xd8\xfa\xf3U\xbf"\xd91\x92\x9b;\xca\xcb\xeb&gt;&gt;T\xfb\x11\xf7\xf6 \x84y\xc7\x85\xac\xf4~c\x86\x9d?z\xd8yyY\xa5\x00\x00M\x8f\x11bXv\xff+\xc1\x95\x00cYU\xec\x00\x80\xfa\xe6\x8a\x1d{?\xd8\xbewes\xdb\x11\xd0\xedQ\xdbU\xef\xc0\xc2\x19e\xf9ge\xa5\x96\x11j\xe8f\xacw\xef\x06(5\xed\xaa\xb7\xa1m\xdf\xf2\r\x7f0i\x0c\x00\xe0\xf5z\xdf}\xf7\xdd\xf1\xe3\xc7[=\xe3\xbe\x1e\x96\x00|e\x12\xd6\x9f\xf7\xf9\xe1\xc5\x8as\xa7\xfcz@\xee\xe4h\xbc\xb3\xb7Z\xff\xee\xa6\xbf\xa5\xb3r\xd7\xe1\xe5\xe5G?\xa6\xd4\x04\xdd\x1c\x14\x03\x8b\'\x8c\x1f9g\xd4\x90\x99N\x87O7\xe2\xba\x1e\x07\x80!\xd4\xe7\xf2\x17\xbf=\x18\xa5\x14\x00\xa8(6E\xb6E\xa2\xfe\x9d\xfbWo\xdd\xb5\xe2P\xd5\x16\xd0\xed\xb1#$\x95\x15\x9c5r\xc0\xbc\xcc\x94\x92^/\x03\x94\x9a\x0e[\xca\xe1\x86\x8doo\xf8\x03\x9fz\x89~A\x96\x06|\r,\x01\xf8j\xf0C*Z[[\x87\x0e\x1d\xda\xda\xda\xca\x8f\xb0\x98&gt;\xea\xe6\x11\x03\xe6\xc6\xf5P\xaf\xcc\xf7\xe7\x89+\xb2d;\xce\xf4w\xf7\xf6\x8c\x1d~\xc1\xe4\xb1\x97\x14\x15\x8c\x90%5\x16\x0f\xf3nw\xbd\xd5\x06\x9dyx\xc4\x18!\xc9ns\x19\xa6V}t\xf7\xc6O\xde\xfcd\xcf{\xdd\xfdB\xc7\xc9\x80a\xc6{k\xb39\xca\x88Mq\xef&gt;\xfc\xf6\xda\x9d]\xc7+edd\xec\xdb\xb7/##\xc3:C\xe6\xabb\t\xc0W\x80R\n\x00\xf0\xfb\xfd\xb3g\xcf\xde\xb2e\x8b,+\x86\xa1O\x1fy\xf3\xe8\xd2\x8b\xa3Z\xa07\xba8\x18eT\xc2\x8a\x84\xd5\xd6\xce\xc3\xbb*\x97\x97\xd7}\xc6\xf4\xbb\x9d\xa9\xd3\xc6_&gt;z\xd8y\xf9\xd9e\x94\x92\xb8\x16e\x8c\xf6\xe5\x8e\x17\xa7\x1bJ\t\x84\xc8\xa6:\x10\xc2uM\xe5;\xf6~\xb0n\xebk\xa1H\x07\xe8.\x03\xf9g\x8d,\x99\x97\x912\xc0$\x9aI\xf4^YA\xc6\x18u\xa8\xde\x1d\x15\xcb\xd6\xeez\x86O\xc3\t\x13&amp;\xbc\xf3\xce;&gt;\x9f\x0f\x00`i\xc0\x97\xc7\x12\x80/\x0bO\xd5\x80\x10N\x9d:u\xe3\xc6\x8d\xbce\xf9\xe4\xa1\xd7M\x1c\xf2\xddp\xac\xa3\xf7Y=\xca\x08F\xb2"\xdb\xc3\xd1\xd6m\x07_\xdbW\xf3\xfegM\x7f\xca\xb4\xf1\x97O\x1dwYZJ\x9en\xc4u=\x06 \xec;\xc9\xe9=\x0be\x140\xa6(vE\xb6\xb5w\xd6\xaf\xdf\xf6\xdfu[_\x0bE:A7\x19\x18\xda\x7f\xd6\xb8A\x97\xbb\x1c\x19\xba\x11#\xd4\xe8}{SJ\x89\xcb\x9e\xbay\xff\x7f6\xee[\xdc5\x19\'O^\xbf~=\x9f\xa4\xd6\xee\xf3Kb\t\xc0\x97\x821F\x08\x91$\xe9\x96[ny\xe6\x99g\x14E\xd5umP\xbf\x99\xe7\x8e\xbdC7\xa2\xbdl\xed\xcf\x18\x05\x00\xdaUw$\xd6\xb1\xfb\xf0\xdb{\xabW\xc6\xb4\x00B\x88o\x80\xba\x9b\xfe\xb8\x161M\xdd\xf2\xf6\xf4\x08\xdc/$I\x8aMu\x1e/\x03\x08QJ\xed\xaawX\xd1\xf9#\x06\xccu\xdaScZ\x08\x00\xd6\xfb\x06\xaa";&gt;\xfc\xe4\xaf\x07\x8f\xac\xe6S\xf2\xe6\x9bo\xfe\xe7?\xffi\x9a&amp;\xc6\xd8\x1a\x93_\x06K\x00\xbe\x14&lt;\xcf\xecg?\xfb\xd9\xe3\x8f?\xce\x87ZY\xc1Y\xe7O\xb8K7b\x00\xb0^\xb3\xc5\xe6U]\xaa\xec\xa0\x94\x1e\xac]\xbd\xbd\xfc\xf5@\xb8\x11\x00\x00!b\x8c\xba\x9c)gY\xa6_0N\x94\x81\x8f\xb7\xbe\x16\x8et\xf2\x8f\x0c\x00\xe0u\xe5\x8c)\xfb\xce\xa0\xc2\x99\x08!\xcd\x88\xf6\xae\xda1\x06\x00Td\xfb\xca-\x8f\x96\x1f\xfd\x98O\xcc;\xef\xbc\xf3\xb1\xc7\x1e\xb3\x12C\xbf$\x96\x00|1\xdd\xcb}\x13\xe7\xfa^:\xfd\x01\x04\xa5\xdet\xb6\x17e\x84Wu5\xb4\xed\xdb\xb4\xff\xa5\xfa\xd6\xbd\x00\x00\x84$JM\x8c\xa5s\xa7^?}\xe2Ui\xbe\\\xcb\xf4\x0b\xc8gd\xc0\xdf\xb0v\xf3\xd2\x0f\xd7\xbf@\x88\xc9?&gt;\x00@^\xc6\xb0IC\xae\xcdM\x1f\xcak\xc7z\x8dG\x88\xc7\xc6)3\xdfX\xfb\xff\x12\xe7\t[E\xc2_\x1eK\x00\xbe\x00\x9e[\x96(\xf8"\x84\xb8\x1d\x19W\xce\xfc\x93*;M\xa2\xf7\x0e\xeb\xcf\x0b\xbbT\xc5\x15\x89\xb5o;\xf8\xea\xde\xea\x95\x8c\x11~\x1e\x13\x00`\xe2\xa8y3\'_\xdb/oH\\\x8f\x19\xa6\x86,\xd3/*\x8c1\xca\xa8,\xa96\xc5~\xa4~\xff\xea\x8d/m\xde\xb9\x1c\x00\xc0?J\x08\xf1\xb0\xa2\xf3\xc7\r\xba\xc2iO\xd3\xf4p\xaf)\x1cc\x8cJX\xd1\x8c\xc8+\xab\x7f\x11\x8a\xb6b\xfci\x81\x98\x95\x18\xfa\x85X\x02\xf0y\xf0\xac\xb2\xea\xea\xeaq\xe3\xc6\x05\xfc\x01\x00\x80$\xd9\xe7M\xf9Mv\xea@\xcd\x88\xf4\x8ee\x14eD\xc66\x84\xf0\xa1\xda\x8f6\xee]\x14\x89w&amp;\xea\x8cJ\x8b\xc6\x9d\x7f\xd6\r\xc3\x06N3\x0c]\xd3\xa3\xd6\xaa?)\xe0\xbb\x01Uq\xc8\xb2\xb2\xf7\xd0\xba\x95\x1f?_Q\xbd\r\x1c+\x1fs\xdaR&amp;\x0f\x9b?\xb0p\x06\xa5\xc4 \xf1^3\x86U\xd9\xd9\xd4qh\xf9\x86\x07M3\x06\x00\xf0\xfa\xbc\xdb\xb6m+**\xb2\x12C?\x1fK\x00N\t\x7f2~\xbf\xff\xfc\xf3\xcf\xdf\xb6m\x1b\xcf8\xeeM\x05_\x8cQ\x00\xa1]q\xb7\xfa\xab\xd6\xefYX\xdb\xbc\x03\x00\x80 \xa6\x8cx\xdc\xe9s\xcf\xf9\xd1\xe4\xd1\x17a,Ec!\xab\x8e7\xe9\xe0\xb5\xc4\x0e\xbb\x9b\x10s\xe3\x8e\xb7\xde^\xf5\xf7`\xa8\x8d\x7f\xb8\x00\x80\xc2\xac\xd1S\x87/\xc8\xf0\x15\xc7\xf4\x10`\xbd!8\xdc\xbd@\x8cO\xd5q\xe3\xc6\xad\\\xb9\x92\'\x86Z\x0b\x97Sa\t\xc0)\xe1&gt;\xc4+\xaf\xbc\xf2\xd5W_\xe5\xbe\xc5i#n\x1c]zIL\x0f\xf6\x82u\x13eD\x91\xec\x00\x80\xdd\x87Wl\xd9\xff\x1f\xdd\x8ca,\x13b \x84\xa7\x8d\xbb\xfc\x82\x197\xa5\xfa\xb2"\xd1\xa0\x95\xd7\x9f\xd4\xf0\xba\x01\xa7\xc3\xd3\xe1o~\xef\xa3\x7f\xaf\xdb\xf6\x1a\xa5\x84\x7f\xd0\x8ad\x9f0\xe4\xbb#\x06\xcc\x01\x00\xe8f\xacw\x0ci\xbb\xe2\xd9Q\xf1\xe6\xba\xdd\xcf\xf2\t{\xc5\x15W\xbc\xf2\xca+V0\xe0s\xb0\x04\xe0\xe4\xf0As\xff\xfd\xf7\xdfw\xdf}\xaa\xa2j\xba6\xb8\xdf9\xe7\x8d\xfbi\\\x0f%\xfbr\x89{\xfc\xed\xaa\xa7\xd5_\xbdn\xf7\xb3G[vA\x08\x19\x03\x00\xb0~yC/\x9f\xfd\xf3\xd2\xa2\xb1q-b\x98:\xb6L\x7f\xaf\x80P"K\x8aMuVT\x7f\xf2\xda;\x8f\x1c\xa9\xdf\xc7\xd7\xc4\x8c\xb1\x82\xcc\x91\xd3F\xdc\x98\xe1+\x8ai\xc1^\x10\x15`\x8c\xda\x14\xf7\x07\xdb\xfer\xe0\xc8*&gt;m\xef\xbb\xef\xbe{\xef\xbd\xd7\xd2\x80Sa\t\xc0I\xe0\xb1\xa3\xd7^{\xed\x8a+\xaePdE7\xf4\xcc\x94\xd2\xcbg&lt;H\xa8\x99\xecI\x9f\x94\x11\x19\xab\x08\xe1]\x95o\xf3\x85?\x8f\x10\xdaT\xe7\xdcs~4m\xfc\xe5\x92\xa4\xc4\xe3a\xcb\xdd\xdf\xcb\xe0\x81\x01\x9b\xcde\x9a\xfa\xba\xad\xaf\xbd\xbd\xea\xefq-\xc2?z\xbe\x15\x18Y2\x97Rb\x10-\xc9\xb7\x02\x0c\x00\x88\x91\xf4\xdaG\xbfi\xe9\xac\xe0\x93\xf7\xd5W_\xbd\xfc\xf2\xcb\xad\x80\xf0I\xb1\x04\xe0x(\xa5\x10\xc2\xae\xc0o \x00\x00Pe\xd7U\xe7&lt;\xecP}\xc9\x9e\xf6\xc3\x9b\xa8\x84\xa2-\xebv={\xb8a\x13\x84\x907\xfa\x198`\xe2\x15s\xee\xce\xcf.\x8b\xc6\x82\x94Q\xab\xa0\xb7\xb7\xc2?\\\x87\xddS\xd7T\xfe\xea\x8a\x87\x0f\x1d\xde\x0c\x01\x04\x100\xc6\x06\xe4N\x9a6\xf2F\xb7#3\xd9[Z\xf1\xa4\xa0\xa8\xe6_\xba\xean\xcd\x08\x03\x00\xbc\xde\xae\x800c\xcc\n\x08\x1f\x87%\x00\x9f\x811\xde\x7f\x11L\x9b6m\xd3\xa6M\x12\x96\t%\x97L\xbb7/c\xb8nD`\xd2N\x0c\xc6\x18\x84\xc0\xa6\xb8\x0f7lZ\xfd\xc9SQ\xcd/a\xc5$\xba\xaa\xd8\xe7\x9d{\xdb\xd9\x93\xaea\x8c\xc5\xf5\x08N\xfe\xc8\xb6\xc5\x17B\xa8iS\x9c\x10\xc25\x9b\x96,\xff\xf0)M\x8f\xf1\xc1\xe0P}3\xc7\xde6 wR\\\x0fu\x9d\xce\x99\x9c0F\x14\xd9Y\xdf\xba\xe7\xcdu\xf7c\x84MbL\x9a4i\xdd\xbau\x00\x00\x84\xac\xad\xedg\xb0\x04\xe03|\xa6\xe2WVuC\x9b&lt;\xf4\xba\xf1\x83\xaf\x8ej\xfe\xe4]\x16q\xb7\x0f\x84h\xcb\x81%\xdb\x0e\xbe\n\x00\xc0H"\xd4,\xcc\x1br\xf5\xbc_\x96\xf4\x1b\xcd\xbb\x89%\xf5\xe6\xc6\xe2+\xc1\x8e\xf5\xf2\xab&lt;\xb2\xe3\xe5\xe5\xffW[\xbf\x9f\x0f\t\x00\xc0\xb8AWL\x18|\rc4\xa9\xddA\x94\x11\x87\xea\xdbz\xe0\xe5\x8d\xfb\x16\xf3\x89lU\x08\x9f\x14K\x00&gt;\xe5D\xd7\x7fQ\xce\x84\xb9S~\xa5\xe9\x91\xe45\x8e\xdc\xed\x13\x8c4\xaf\xda\xfed]\xcb\xee\xc4&lt;\xbf`\xc6M\x17\xce\xb8Q\xc2J,\x1e\xc6\xd8\x9a\x12}\x11BL\xbb\xcde\x12\xfd\xdd\x8f\x9e}\xef\xa3\x7f\x83c+\x83\xfc\xcc\x11\xe7\x8c\xb9\xdd\xe3\xccJjw\x10cTU\x9coo\xf8cu\xe3\x16+\x18p*,\x01\xe8\xa2\xbb\xeb?\x18\x08R\xc0\\\xb6\xf4+g&gt;\xa4H\x0e\xc2\xccdl\x9f\xc2\x18\x83\x00\xa8\x8a\xab\xaaqsw\xb7\x8f\xdb\x95\xf6\xbdK~;j\xe89\x91h\xc0*\x93\xe9\xe3\xf0\x01\xe0txw\xee[\xf5\xe2\x9b\xbf\x0b\x85\xdb\xbb\xbb\x83\x8as&amp;jz\x98%g\x1e=\x03\x0cCI7\xa3\xaf\xac\xbe\'\x1coC\x00z\xbc\x1e+\x18p\x1c\x96\x00\x00pJ\xd7\xff}\xf9\x19\xc35#\x9c\x8c\xae\x7f\xc6(F\x12\xc6\xca\x8e\xf276\xec]\x04\x8e-\xee\x06\x16O\xf8\xdew\xfe_ZJ^$\xea\xc7\x08\'uF\x93\xc5\xb7\x04#\x948\x1d\xbe\xf6\xce\xfa\x17_\x7f\xe0P\xd5\x96\xc46q\xca\xb0\xf9\xa3\xcb.%D\'\xc9\xd9\xf3\x8a1\xa2\xca\xae\xba\xd6=o\xae\xbb\xcf\n\x06\x9c\x94\xe4\xfbPO\x07|Wx\xf7\xddwo\xda\xb4I\x91\x15\x93\x18\x93\x86\\[\x985:\xae\'\xa5\xf5\xa7\x8cHX%\xd4\xfc`\xdb\x13\x1b\xf6.\xe2\xa1]B\xcd\x0bf\xdct\xfb\x82\xbfy\\\xe9\xd1h\x00#\xc9\xb2\xfe\x16\x00\x00\x9e7\x19\x8d\x06&lt;\xae\xf4\xdb\x17\xfc\xed\x82\x197q\xeb\x8f\x91\xb4a\xef\xa2\x0f\xb6=A\xa8)a\x95\x97\x10\'\x17\x10\xe2\xb8\x1e.\xcc\x1a=i\xc8\xb5&amp;1\x14Y\xd9\xb4i\xd3\xddw\xdf\x8d1&amp;$\xf9\xfe\x9c\xd3\x81\xb5\x03\xe8\xb2\xfe\x1f~\xf8\xe1y\xe7\x9d\xc7O\x17*\xca\x990w\xf2\xaf4#)]\xff\x94\x11Ur\x84\xe3\x1d+6\xfe\xb1\xd5_\xc5w\xf4v\x9b{\xc1\x15\xbf\x1b5\xf8\x9cp\xd4\xdf\xfb\xfa\xc2[|+\xf0s \\\x0e\xdf\xce\x03\xab\x16\xbe\xfa\xdbX&lt;\xc4\x07O\x86\xafx\xce\xe4_\xb9l\xa9\x9a\x19M\xc6\x90\x00cT\x95\x9doo\xfccuc\xd7)~\x1f|\xf0\xc1\xb9\xe7\x9ek\x05\x03\x80%\x00\xfc\x9c/\xbf\xdf?a\xc2\x84\xea\xeaj\x00\x80*\xbb\xaf:\xe7a\x87\xea5\xa9\x0e\x93m\x87\xc4\x93\x1f\xeaZ\xf7\xbc\xbb\xe9OQ\xcd/I\x8ai\xea\x05\xb9\x83o\xb8\xe2\xf79\x99\xc5\xe1\xa8\xdfJ\xf4\xb4\xf8|\x085]\x0e_cK\xd5\xf3\xaf\xfe\xef\xd1\x86\x03|\x089T\xdf\x85\x93~\x91\x9f1&lt;\x19\xd3\xe1\x18\xa0\x12R\xa2Z`\xe9\xaa\xbb5#\x04\x00(**\xda\xb2e\x8b\xcf\xe7\xb3\xce\x0eK2\x03\xf7\xadC\x08A\x08\xddz\xeb\xad\x87\x0f\x1f\xc6H\xa2\x94\x9e3\xe66\xb7=\xc3 Z\xb2Y\x7f\xc6\x0fJ\xddS\xb5\xe2\xad\xf5\x0fD5?\xc6\x92i\xea\x13F\xcd\xfd\xe9\xf7\xff\x9e\x99VhY\x7f\x8b/\x03FR8\xea\xcfL+\xfc\xe9\xf7\xff&gt;a\xd4\\\xd3\xd41\x96\xa2\x9a\xff\xad\xf5\x0f\xec\xa9Z\xe1P\xbd\x8cQ\x00\x92i\xd5\x08\x012\x88\xe6\xb6g\x9c3\xe66J)F\xd2\xe1\xc3\x87o\xbd\xf5V\xde\xdd\xbd\xa7\xef\xae\x87\xe9\xd3;\x00\xbe\x07\\\xbat\xe9\xd5W_-\xcb\xb2a\x18\xc3\x8a/&lt;g\xcc\xadQ-\xc9\xda\xbd1\xc0 \x00\xaa\xec\xdaY\xf9\xd6\xc7\xbb\xfe\x95\xe8\xeds\xe9\xf9?9o\xda|\xc3\xd4MS\xb7z\xbaY|y(%\x92\xa4\xc8\x92\xf2\xc1\xbaEo\xac|"\xd1;\xe8\xac\x91?\x18Ur\x91f\x84\x19\x00\xc9\x95\x1aG\x19q\xa8\x9eU\xdb\x9f\xde[\xf5.\x9f\xec/\xbf\xfc\xf2UW]\xd5\xc7\x1dA}W\x00x\xdaO[[\xdb\xf0\xe1\xc3\xdb\xda\xda\x19#i\x9e\xfeW\xcc|\x88R\x92\\\r\x7f\x18\xa3\x10"Y\xb2\xad\xde\xfe\xd4\xfe\x9a\x0fx\xafGU\xb1_&gt;\xfb\xe73&amp;]\x13\n\xb7\xf7\x82&amp;_\x16g\x1e\xde4\xd0\xedJ\xfbh\xd3\x92\xd7\xdeyD\xd3\xbb\xfa\xc5\x0e\xe9\x7f\xde\xcc1\xb7\x19f\x9c\x0f\xbc\x9e\xbe\xcd/\x0f\x03\x00"\x84_]}O{\xb0\x06B\x9c\x9e\x9e\xb6g\xcf\x9e\xf4\xf4t\x00@\x9f\xcd\n\xed\xa3\x7f68\x96\x01}\xc7\x1dw\xb4\xb4\xb4 \x04!\xc03F\xdd\x82\xa1\xc4Ca=}w_\x16\x9e\xee\xc9\x8f\xc6NX\x7f\xbb\xcd}\xfb\xfc\'\xa7O\xbc*\x10j\xb5\xda\xbaY|=\xf8!\x10\x81P\xeb\xf4\x89W\xdd&gt;\xffI\xbb\xcdM\x88\x81\xb1\xbc\xbf\xe6\x83\x0f?\xf9\xab";0\xe2\x93%Y\x80\x8cQ\x0c\xa5\x19\xa3n\x81\x00#\x04[ZZ\xee\xb8\xe3\x0e\x84\x10_\x0b\xf6M\xfa\xa8\x00\x10B$Iz\xe5\x95W\x96.]*\xcb\xb2i\x9a\xa3\xca.\xc9\xcb\x18\xa6\x99\xd1$Z\xd40F$\xac\xeaf|\xc5\xc6?\x1e&lt;\xb2Z\x92\x14B\x8c\x82\x9cAw\xdf\xf2|q\xe1\xc8`\xa8\xddr\xfa[|C0\x92\x82\xa1\xf6\xe2\xc2\x91w\xdf\xf2|A\xce B\x0cIR\x0e\x1eY\xbdb\xe3\x1fu3.a\x95%Oz(\x84H3\xa3y\x19\xc3F\x95]b\x9a\xa6,\xcbK\x97.}\xe5\x95W$I\xea\xb3\xc1\x80\xbe\xe8\x02\xe2E\xbf\xad\xad\xad\x9fq\xfe\x9c\xfd\x7f\xb4+\xba\x95\x1c\xebe\xc6\x88\x84m\xba\x11Y\xb6\xfe\x81D\xbagA\xce\xa0\xdb\x17\xfc\xcd\xe5\xf0E\xe3a\xab\x9b\xbf\xc5\xb7\x05\xa1\xc4as\x85\xa3\xfe\'\x17\xfe\xf8h\xe3\xc1Dz\xe8\xc5S\xff\x9f";M\x12O\x9er\x19\x06\x00D\x10\xbd\xba\xe6\x97\xdd\x1dA\x19\x19\x19}\xb3&lt;\xb8\xcf\xfd\xc1\xa0\xab5&amp;\xfc\xd4\xf9\x03\xa5\xe9\xa3n\xc1HI"\xe7\xcfI\xad\xff\xc0\xe2\t\xb7\xcd\x7f\xc2ns[\xd6\xdf\xe2\xdb\x05#\x1c\x8d\x87\xed6\xf7m\xf3\x9f\x18X&lt;\xc1$\xba\x84\x95V\x7f\xd5\xb2\xf5\x0f\xe8FD\xc2\xb6\xe4\xd9\x07@\xc6(F\xca\xf4Q\xb7@(%\x1cA\x10\xf6\xc5\xa50\xe8\x83\x02\xc0\x83\xfe\xef\xbf\xff~\xc2\xf93b\xc0\xdc\x82\x8c\xe1\x9a\x994e_\'\xb5\xfe\x93F_\xf4\x93\xef?mS]\xba\x11\xb7\xac\xbf\xc5\xb7\x0eFX7\xe26\xd5\xf5\x93\xef?=i\xf4E\xc9\xab\x01\x10"\xcd\x8c\x14d\x0c\x1f1`n\xc2\x11\xf4\xfe\xfb\xef\xf7\xcd\xf2\xe0\xbe\xa5{\xbc\xec+\x1c\x0e\x8f\x1d;\xb6\xaa\xaa\x8a\x01\xe6\xb6g^9\xf3O\x12R\x18H\x8e\xe5\xff\xa9\xac\xff\xf5\x97\xdd\x1f\xd7"\xc9\x96\x98a\x91d\xf0\x01fS\x9d/\xfc\xf7\xdeM;\xdeJZ_\x10\x83\x00\x99T\x7fe\xf5/B\xb1\x16\x08`qq\xf1\'\x9f|\xe2r\xb9\xfaZiX\xdf2\x16&lt;\xf3\xe7\xa1\x87\x1e\xaa\xac\xacD\x08\x03\n\xce\x1ay\x93]\xf5Rf\xf6\n\xebo\xf5x\xb08\xbd@\x88\x18cq-r\xfde\xf7\'\xf3&gt;\x00Rf\xdaU\xefY#o\x02\x14 \x84+++\x1fz\xe8\xa1&gt;\x98\x11\xd4\x87v\x00&lt;\xf6[^^&gt;b\xc4\x08J\xa9i\x9ae\x05\xd3/\x9cxwT\x0b$E\xd9\x17cT\xc2\xea\xe7Z\xff$\xd00\x8b^\x00\x1fl\xa7\xde\x07hI\xb1\x10\xa1\x8c8T\xef\xbb\x9b\x1f.?\xbaV\x92$\x84\xd0\xee\xdd\xbb\xcb\xca\xca\xfaT4\xb8\xaf\xfc\x9d\xe0\xd8\xa8\xfd\xc9O~\xa2\xeb:cL\x95\x9d\x93\x86^\xab\x1b\xb1\xa48\x02\x97\xe7\xfb[\xd6\xdfB\x04x\xc8\xf4T</t>
        </is>
      </c>
    </row>
    <row r="383">
      <c r="A383" s="1" t="n">
        <v>381</v>
      </c>
      <c r="B383" t="inlineStr">
        <is>
          <t>rectangle_height_color</t>
        </is>
      </c>
      <c r="C383" t="inlineStr">
        <is>
          <t>What is the missing color of the part denoted with a question mark?</t>
        </is>
      </c>
      <c r="D383" t="inlineStr">
        <is>
          <t>['purple', 'blue', 'yellow', 'green']</t>
        </is>
      </c>
      <c r="E383" t="inlineStr">
        <is>
          <t>yellow</t>
        </is>
      </c>
      <c r="F383" t="inlineStr">
        <is>
          <t>There are 7 rectangles in the image with varying colors and lengths. The lengths from left to right are ['medium', 'long', 'medium', 'long', 'short', 'short', 'short']. The colors from left to right are ['green', 'orange', 'green', 'orange', 'yellow', 'yellow', '?'].</t>
        </is>
      </c>
      <c r="G383" t="inlineStr">
        <is>
          <t>We observe that the green rectangles are of medium length and the orange rectangles are of long length. Hence, the pattern is that the color of each rectangle corresponds to its length.</t>
        </is>
      </c>
      <c r="H383" t="inlineStr">
        <is>
          <t>Based on the pattern that the color of each rectangle corresponds to its length, the missing color of the part denoted with a question mark should be yellow.</t>
        </is>
      </c>
      <c r="I383" t="inlineStr">
        <is>
          <t>b'\x89PNG\r\n\x1a\n\x00\x00\x00\rIHDR\x00\x00\x02\x00\x00\x00\x02\x00\x08\x02\x00\x00\x00{\x1aC\xad\x00\x00=3IDATx\x9c\xed\xdd{|T\xd5\xb9?\xfeg\xad\xbdg\x92\xc9u&amp;!\tW\x91K\xb8\x15%\x86\x9b\x10\n("X\xab\xa2R\x04\x05\xdb\xa2\x80\xf5\xd6\xf0\xeb\xf1T\xfb\xf5\x14\xd0\xd3\xe3A\xb0\xad\xd6~\xb5 \xa4\xa0"\xadX/\xb4\x95\x90\xa8\x08U \x04\xe5\x9a\x84\x8b \xb7\x90\x90\xeb\xe46\x99\x99\xbd\xd7\xfa\xfe\xb1%?\x1a\x05\x92\x90\xc9\xccd}\xde/\xff\xc0\tL\x9e,\x98\xe7\xb3\xf6\xdak\xef\xcd\xa4\x94\x04\x00\x00\xea\xe1\xc1.\x00\x00\x00\x82\x03\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d2\x83]\x80\x12\xa4\x94m\xf8S\x8c\xb1v\xafDM\x18\x7f\x80\xef\x84\x00\x08\x08)\xa5\x10BJ\xc9\x18c\x8cq\xde\x96#\xadvy\x135a\xfc\x01Z\x82\xb5mr\x04\xdf\xc9j\x19D\xa4i\xda\x85\xaf\xbb\xddn!\x04c-\x1dmk\xee\xe9t:/|\xd1jF\x9cs\xccL/\x06\xe3\x0f\xd0*\x08\x80\xf6!\xa54MS\xd7\xbf9\xa2\xaa\xad\xad\xcd\xcb\xcb\xdb\xb9c\xc7\x17_~QYYYXP`\x9a\x06\x11#j\xe1h3"\xea\xd7\xaf\x9f\xd3\xe5\x1a1bdzz\xfa\xa8Q\xa3z\xf4\xe8a}\xcd0\x0c\xce9&amp;\xa4\x17\xc2\xf8\x03\xb4\x01\x02\xa0\x1d\x98\xa6iM9}&gt;\xdf\xa6M\x9b\xd6\xae]\x93\xbfk\xd7\x89\x93\xa7\xda\xf1[\xb8\x9c\xf1#F\x8c\x9c1c\xc6\xedw\xdc\x91\x9c\x9cLD\x86ah\x9a\x86\xd9(a\xfc\x01\xda\n\x01pE\xac\xd1c\x8c\xb9\xdd\xee\x95+W\xbe\xfe\xfa\xda}\xfb\xf67}56:\xb2wr\\JB\xd4\xe0\x1e\xce\x84\xf8H\xd3\x14\x8cZ\xd4/\x18#\xbf!\xbe&lt;V^]\xeb=z\xb6\xba\xc2\xdd\xd0\xf4\xa5\xee\xdd\xba\xde{\xdf\xec\x07\x1f|p\xe0\xc0\x81D$\x84Py*\x8a\xf1\x07\xb8\x12\x08\x80\xb6k\x9axfee=\xff\xfc\xd2\xa2\xa2C\xd6\xebW\xa5\xc4OJ\xeby\xcb\xc8\xab\xaf\xeb\x97\xd4=1:\xcaa\'\x8d\x11g-]~hb\x08\xc3g\x94T5\x1c&lt;Y\xb1\xf9\x8bS\x9bw\x9f&lt;p\xbc\xdcZ\xc4Hp\xb9\x1e{\xfc\xf1\x85\x0b\x17\xc6\xc7\xc7\x1b\x86\xd1\xb4\xf4\xa1\x14\x8c?\xc0\x15B\x00\xb4\x91\xd5}\x8a\x8b\x8b\xe7\xce\x9d\x9b\x9d\x9dm\xbd8\xb4O\xd2\xe3\xd3\x86\xdd\x95\xd1?\xd1\x15ER\x9a&gt;\xd3o\x98\xa6\x90\xa2\xad\xdb\x109cv\x9d\xebv\x9d4\xee\xa9\xf7~\xba\xff\xf4o\xdf\xf92g\xf7I\xab\r\r\x1c8p\xd5\xaaU\x19\x19\x19\xd6\x19N\xa5\x96#0\xfe\x00W\x0e\x01\xd0\x16\xd6\xa4/;;\xfb\x81\xb9s\xcf\x14\x17\x13\xd1\xc0^\t\xff\xf1\xa3\xf4\x99\x13\x06\xc6\xc4Fx\x1b|&gt;\xbf\xc9\x18\xe3\xac\x1d6\x93K)\x85$)\xa5\xaeq\x87\xc3NBf\xef&gt;\xf1\xfc_\xf3?\xdes\x8a\x88"\xec\xf6\xff]\xba433S\xa9\x1e\x84\xf1\x07h\x17\x08\x80V\xb3\xba\xcf\xca\x95+\xe7\xcf\x9fODD\xec\x91\xdb\xae}\xe6\'c\x12\x12\xa2=\xb5\x8d\x86)4\xce\x03\xd4\x07L!\x19QtL\x84i\x8a\x97\xdf\xdb\xf3\xeb\xb5;j\xea\xbdD4o\xde\xbc\x15+V\x98\xa6\xa9\xc2&amp;E\x8c?@{A\x00\xb4\x8e\xb5\xf2\xd0\xd4}\x12b\x1d/?:q\xd6\xcdC\xbcu^\x9fa\xeaZG\x9c\x0f\xfc\xa6\r9\xa3\xf2\x0f\x16?\xf8B\xce\xdec\xe5D\xd2\xeaA\x9d~\x1e\x8a\xf1\x07hG\x08\x80V\xf8\xf7\xee\xc3\xba%D\xbd\xf3_\xb7\x8eI\xbf\xaa\xa6\xa2^\xd7\x025\xeb\xbc\x18\xbf!\xe2b#\xcb\xaa\x1bn\xff\xaf\xf7w\x14\x9d#\x12M\xf3\xd0f\x97Au\x1a\x18\x7f\x80\xf6\x85\x00h)\xeb\x83\x9d\x9b\x9b;y\xf2d"\xea\x12\xef\xd8\xf9\xd2\xcc\xbe\xdd\x9d5\xb5\x8d6=8\x1b\x01\rSD\xd8u\xc6\xd9\x94\'\xff\xf6\xc9\xde\xd3D\xb4x\xf1\xe2E\x8b\x16u\xca})\x18\x7f\x80v\x87\x00h\x11k\xbbwiii\xda\xb0a\xa5\xe7\xce9c"\xfe\xfe\xec\x1dc\xbf\xd7\xbd\xb6\xae\xb1c\x96\x1d.\xc6\x14\xd2n\xd7\xaa\xeb|\xb7\xfc\xea\xdd/\x8e\x961F\xd9\xd9\xd9\x93\'O\xeed\xf3P\x8c?@ \xe0\x1a\x96\x16\xb1\xee40g\xce\x9c\x92\xd2R"\xfa\xe3#7\x8c\xbd\xaeWMm\x90\xbb\x0f\x11i\x9c\xf9\xbcf\xb2\xcb\xb1\xee\xa9[\\\xb1\x11$\xe5\xfds\xe6\x94\x94\x940\xc6\xac\xbb\xe2t\x0e\x18\x7f\x80@@\x00\\\x9e5\x9b[\xb7n]NN\x0e\x11\xcd\xbbe\xe8\xac\xa9\xdf\xab\xa9\xa8\x0f\xd6\xcaC3\x9a\xc6jj\xbd\x03\xfbvy\xe9g\x13$QIi\xe9SO=\xc59\xef4\xc7v\x18\x7f\x80\x00\xc1\x12\xd0eH)\xa5\x94\xd5\xd5\xd5\xa3G\x8f&gt;v\xec\xab&gt;]\xe3w\xfda\x96\xc3\xae\t!Cj\xaf\x87i\x8a\x988\xc7\xdd\x8b6\xfe\xed_G#"\xec\xdb\xb6m\x1b1b\x84u\xf7\xca`\x97vE0\xfe\x00\x81\x83\x7f\x9d\x97am\xee\xce\xca\xca:z\xf4\xa8\x10\xf2\xc9\x1f\x8dp%D\xf9\r3\xa4\xba\x0f\x111\xc6L\xc3\\2{t\xa4]\xf3z\xbd\x8b\x16-j\xf9\xdd\x8fC\x19\xc6\x1f p\x10\x00\x97"\xa5\xd44\xcd\xe3\xf1de\xadf\x8c\r\xec\x950k\xd2@O\x08,=\x7f\x1b\xe7\xcc\xd3\xe0\x1b: y\xfa\xf7S\x89h\xeb\xd6O\x0b\x0b\x0b5M\x0b\xeb\x95h\x8c?@@\x85\xdc\x07)\xa4X\xd7\xf5\xe4\xe6\xe6\x1e&lt;X \xa5\xfc\x8f\xbb\xd3\xa3c"\x0c3D?\xd2\x8c1\xd3g&gt;1==:\xd2^_\xdf\xf0\xdak\xaf\x11QX7 \x8c?@@!\x00.\xef\xcf\x7f\xceb\x8cu\xef\x12{\xf7\xb8\xfe\xde\x06\x9f\x16\xaa\xab\xba\x9c3\x8f\xc7w\xed\x80\x94\t\xc3z2\xc66l\xf8kCC\x83\xae\xeb\xe1\xbe\x10\x81\xf1\x07\x08\x90\x10\xfd,\x85\x02k\xfd\xc1\xedv\xef\xca\xcb\x93RN\xbe\xae\x97\xcb\x15\xe5\xf7\x87\xdc\xea\xf3\x85$\x111\x9a6\xa6\xaf\x94\xb2\xf8\xcc\xd9\xbd{\xf7R\xd8NB1\xfe\x00\x81\x86\x00\xb8(\xebs\x9b\x9f\x9f\x7f\xea\xf4\x19"\xbau\xd4\xd5DD\xa1\xdc~\x884\xce\r\xaf1iX\xcf\xb8\xe8H\xc347}\xf8!\x9d\x7fjJ\xd8\xc1\xf8\x03\x04\x1a\x02\xe0\xa2\xac\xcf\xed\xae\xbc&lt;"\x8avD\xa4\xf5M2}FG\xdfq\xa6\x95\x18#\x9f\xcf\xec\x95\x12\x9b\xda\xc3ID\xbb\xf2w\x11Q\x98\xeeD\xc4\xf8\x03\x04\x1a\xfei^\x94uO\xc7\xfc\xdd\xf9D\xd4\xa7[\\\xf7.1!\xbe\xfe`\x11B\xd8"l\xd7\xf6I$\xa2\xc2\xc2\x82\xba\xba\xba0\xbd(\t\xe3\x0f\x10h\x08\x80\x8b\xb2\xf6q\x97\x95\x95\x11Qr\xbc#:\xcan\x8a0\xf8\x18K"\xe2\xacg\x97\x18"rWW{&lt;\x9e`W\xd4F\x18\x7f\x80@C\x00|7\xeb\x1aN\xb7\xdb}\xf8\xf0!"\x1arU\x02\xf1\xf0\xb8\xae\x871FB\x0c\xe9\x95@D\xee\x9a\xba\xc2\xc2B\n\xc3\xf3\x90\x18\x7f\x80\x0e\x80\x00\xb8\x14)\xa5\xe1\xf7\x13Qbl$q\x16\x06\xed\xc7")1.\x92\x88\x84\x10\x86a\x04\xbb\x9a\xb6\xc3\xf8\x03\x04\x14\x02\xe02\xac\x95h\xc3\x0c\x9b\xe6ci*8\xdc\x9fN\x85\xf1\x07\x08\x1c\x04@\x8b\x84\xdd\xa78\xec\n\xbe\xb4\xb0\xfbq\xc2\xae`P\x13\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e9\xc1.\xa0E\xa4\x94m\xf8S\x8c\xb1v\xafDM\x18\x7f\x80N)D\x03@J)\x84\x90R2\xc6\x18c\x9c\xb7\xe5H\xa5]\xdeDM\x18\x7f\x00\x15\x84V\x00X-\x83\x884M\xd34\xad\xe9u\xb7\xdb-\x84`\x8c\xb5p*j\xcd=\x9dN\xe7\x85ob5#\xce9f\xa6\x17\x83\xf1\x07PJ\xa8\x04\x80\x94\xd24M]\xd7\xad\x96Q[[\x9b\x97\x97\xb7c\xc7\x8e/\xbf\xfc\xa2\xa2\xb2\xb2\xb0\xb0\xc00\xcc\xd6\xbeg\xff~\xfd\x9d.\xe7\xc8\x11#\xd3\xd3\xd3G\x8d\x1a\xd5\xa3G\x0f\xebu\xc308\xe7\x98\x90^\x08\xe3\x0f\xa0\xa0\x90\x08\x00\xd345M\xd3u\xdd\xe7\xf3m\xda\xb4i\xed\xda5\xbb\xf2\xf3O\x9e8y\x85o[Q^AD\xd9\x9b\xb2\x89\xc8\xe9r\x8e\x18&gt;b\xc6=3\xee\xb8\xfd\x8e\xe4\xe4d"2\x0cC\xd34\xccF\t\xe3\x0f\xa0\xaa \x07\x80\xb5\xa4\xa0i\x9a\xdb\xed^\xb9r\xe5\xda\xd7\xd7\xee\xdf\xb7\xbf\xe9\xabQ1\x8e\x84\xae\xce\xb8.1)\xbd\x13c\xe2\x1d\xa6)\x18]\xbe_H\x92\x8c1\xd30O\x1f.m\xa8\xf1\x94\x9d\xae\xaa\xad\xae\xab\xae\xaa\xce\xcd\xcd\xcd\xcd\xcd]\xf4\xeb_\xdfw\xdf\xec\x07\x1f|p\xe0\xc0\x81D$\x84Py*\x8a\xf1\x07PY0\x03\xc0\x9ax\x12QVV\xd6\xd2\xe7\x97\x1e*:d\xbd\xde\xa5\x9bk\xe0\xc8&gt;C3R{\x0e\xec\xe6\xec\x12\x1b\x11e\xd74\xce8\'j\xcd^\x14I\xa6a\xfa}FME}\xf1\xb1sEy_\x15l\xff\xea\xf4\xd1\x92\xb3gK\x96/_\xbej\xf5\xaa\xc7\x1f{|\xe1\xc2\x85\xf1\xf1\xf1\x86a\xe8zH\x1c\tu0\x8c?\x80\xe2\x82\xf6\xc1\xb3\xbaOqq\xf1\xdc\xb9s\xb3\xb3\xb3\xad\x17{\xf6\xefz\xe3\xac\xeb\xd3n\x18\x1c\x97\x10C$\xfd^\xc3\xf0\x9b\x9e:\xaf5Se\xad\xe9@\x8c\x88\x18\xe3\x8c\xc5%F\'v\x1b0l\xc2 O]\xe3\xe1\xdd_\xe7\xbe\xf9y\xc1\x8e\xaf\xaa*\xab\x96,Y\xb2~\xfd\xfaU\xabVeddXg8\x95Z\x8e\xc0\xf8\x03@p\x02\xc0\x9a\xf4egg\xcf\x9d;\xb7\xb8\xb8\x98\x88\xba\xf6N\xba\xf9\xfe\x8c\x91S\xae\x89\x8a\x8d\xf4\xd4{\xeb\xdd\rD\xc4\xb8\xb5}\x90Q\x0bV\x1e.\xfa\xbd\xfc\xa6\xdfg\x92\x94\\\xe3\xd7d\x0c\xf8\xde\x98\xfe\x05;\x8ef\xaf\xf9W\xd1\xaec\x87\x0e\x1d\xba\xf1\xc6\x1b\x97.]\x9a\x99\x99i\xed~Q\xa4\x07a\xfc\x01\x80\x82\x12\x00V\xf7Y\xb9r\xe5\xfc\xf9\xf3\x89\x88\x11\x9b\xf0\xa3\x91w&lt;|S\\bLC\x8d\xa7\xae\xba\x81s\xce\xb5v[\x17&gt;?\xb3dD\xd4P\xe7!bC3\x06\x0c\xb9\xbe\xff\xc7\xebw|\xf0\xca\xc7\x9e\xfa\xc6\x85\x0b\x17\x16\x14\x14\xacX\xb1\xc24M\x156)b\xfc\x01\xc0\xd2\xd1\x01`\xed5l\xea&gt;\xd1qQ\xb3~y\xeb\xd8\xdb\xafk\xa8m\xac\xad\xac\xd7\xf4\xf6l=\xdff\x9dol\xa8\xf10\xc6\xa6\xfe\xe4\xfb\xfd\xd3z\xafy\xe6\xdd\xd3\x87KV\xae\\ID+V\xac\xe8\xf4\xf3P\x8c?\x004\xe9\xd0\r\x18\xd6\xba\xf3\xf9\xee\xc3\xe2\x13c\x1e\xfd\xfd}\xe3\xa6\r\xaf\xa9\xa8\x13\xa6\xd0\xf4\x0e*\x86k\x9cqV]^{\xf5\x90\x1e\x0b\xff\xefO\xfa\x0c\xed\xc9\x88YUq\xce\xad\x1e\xd4)a\xfc\x01\xe0B\x1d\x17\x00V\xf7\xc9\xcd\xcd\xb5\xe6\x9e\xb1N\xc7\x7f\xae\x9e\xd7?\xadwuY\x8d\xa6\x07a?\xb8\xaek\r\xb5\x1eGt\xc4\x7f\xae\x9e7`\xf8\xd5D\xb4r\xe5\xca%K\x96h\x9af\x18F\x07\x17\xd3\x010\xfe\x00\xd0L\x07\x05\x80\x10B\xd3\xb4\xd2\xd2\xd2\xd9\xb3g3\xc6\xa2\xe3\x1c\x0f\xff\xf6\xbe\xe4^\t\xf55\x1eM\xd7.\xff\xe7\x03\x83k\xdc\xef7\xa4\x90\xf3\x97\xdes\xd5\xc0nDl\xc9\x92%999\xba\xae\x9bf\xab/|\re\x18\x7f\x00\xf8\xb6\x0e\n\x00\xebN\x03s\xe6\xcc)--%\xa2\x99\xff\xf9\xc3\xc1\xa3\xfb\xd5\xd5x:l\xd9\xe1b8\xe7&gt;\xaf?6!\xfa\xc1\xe7fD\xc7EJ)\xe7\xcc\x99SRR\xd2\xf9\x96\xa11\xfe\x00\xd0LG|\xfe\xad\xc5\x87u\xeb\xd6\xe5\xe4\xe4\x10\xd1\xb8i\xc3\xc7MK\xaf.\xab\xd5\x837\xf7\xbc\x90\xa6\xf1\xfa\x1aO\xcf\xfe)3\xfe\xe3\x07DTZZ\xfa\xd4SO]x\x17\xb3N\xc0f\xb3a\xfc\x01\xa0\x99\x80\x07\x80u7\xe0\xca\xca\xcag\x9ey\x86s\x9e\xdc3\xf1\xae\x9f\xdf\xdcP\xe3\xe1Z\x08M\xf1t]\xab\xad\xaa\xcf\xb8==\xfd\xc6!D\xf4\xd6[o\xe5\xe5\xe55\xdd\x1a3\xacY7{\xa8\xa8\xa8\xc0\xf8\x03@3\x01\x0f\x00kswVV\xd6\xd1\xa3G\x85\x107\xffx\\|b\x8c\xdfo\x86\xdc1&gt;c\xa6\xdf\xbcu\xfe\r\xf6\x08\x9b\xd7\xeb]\xb4h\xd17w?n\xcb\xa3PB\x88uBu\xd5\xaaU\x18\x7f\x00h&amp;\xb0\x01 \xa5\xd44\xcd\xe3\xf1\xac\xceZ\xcd\x18\xebvu\xd2\xe8[\xae\xadw{\xb4@n6o\x1b\xceYc\x83\xf7\xea\xc1\xdd\xadI\xe8\xd6\xad[\x8f\x1c9\x12\x13\x13\x13\xee\x93P\x9b\xcd&amp;\x84\xc8\xca\xca\xc2\xf8\x03@3\x81m\x04\xd6=^rss\x0b\x0e\x16H)\'\xdd76*.\xd24C\xf5#\xcd\x98\xe13n\x9a\x93\x11\xe1\xb0744\xbc\xb6\xea\xb5\xc8\xc8H3\xcc\x1bP\\\\\xdc\xb6m\xdb\x8a\x8a\x8a0\xfe\x00\xd0LG\xcc\x04\xb3\xfe\x9c\xc5\x18s%\xc7\xa7\xdf8\xa4\xb1\xce\xcby\x88-&gt;\x9c\xc79kl\xf0]=\xa4\xc7\xc0\xf4&gt;\x8c\xb1\xb7\xdf~\xbb\xb4\xb44"""\xd8u]\x11\xc6\x985\xfd\xc7\xf8\x03@3\x01\x0c\x00k\xfd\xc7\xedv[\'\xf4\x06\x8f\xea\x1b\xdf%\xc6\x08\xc1\xd5\xe7\x0bHb\x8c\xd1\xb5\x13\x07I)O\x9d&lt;\xb5{\xf7\xee\xa8\xa8\xa8`\x17uE\xce\x9c9\x93\xb7k\'\xc6\x1f\x00\xbe-\x80\x01`\xad\xde\xe6\xe7\xe7\x9f9}\x86\x88\xbe7.UJ\xa2\x10\xee&gt;D\xc49\xf9\x1a\xfd\x03G\xf6qDG\x1a\x86\xb1i\xd3&amp;\xbb\xdd\x1e\xec\xa2\xda\xce\xa6k\xdb\xb7o?r\xf8\x08a\xfc\x01\xe0[\x02{\x04@DyyyD\x14\x19\x15\xd1k@7\xbf\xd7\x1f\xda\xfd\x87\x18c\x86\xcfL\xec\xeaL\xee\x95@D\xbbv\xed\xf2\xfb\xfdD\xd4\xbag\xa1\x84\x0c\x9b\xcd\x9e\x9f\x9fo\x18\xa6=\xd2\x86\xf1\x07\x80f\x02\x18\x00\xd6RC\xfe\xee|"\xea\xd2\xdd\xe5J\x8a3\xfdf\x887 "\x12BD8l=RS\x88\xa8\xa0\xe0\xa0u\xe9\xac\x0c\xcf\xfe\xe3\xf3\xfb\xf2\xf3\xf3\x89(\xb1\x9b\x13\xe3\x0f\x00\xcd\x046\x00\xa4\x94eeeD\x14\xeb\x8a\x8e\x8c\x8e\x10B^\xc9\xa3E:\x86$b\x9c\xb9\x92\xe3\x89\xa8\xb6\xb6\xb6\xb1\xb11\xd8\x15\xb5\x9d\x10\xa2\xaa\xaa\x8a0\xfe\x00\xf0]\x02\x15\x00RJ\xce\xb9\xdb\xed&gt;|\xf80\x11u\xed\x93\xc45&amp;\xc3a"\xc7\x18\x13\xa6\xe8\xda7\x89\x88X\xf8?\x9f\xc4\xba\xa7B\xf7~)\x18\x7f\x00h&amp;\xe0\x17\x82Yk\xb81\xce(\xc6Y\x18\xb4\x1f""\x92\x92b\x9cQt\xfe4F\x98\x93\x84\xf1\x07\x80\xef\x12\xf0\xeb\x00\xac\x19\x9c0\xc2\xecr\x9e\xb0+\xf8\xd2\xc2\xee\xc7\t\xbb\x82\x01\xc2QG\xdd\x12 \xec\x8e\xe3\xc3\xae\xe0K\x0b\xbb\x1f\'\xec\n\x06\x08C!wO\x18\x00\x00\xe8\x18\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e9\xc1.\x00\x00.CJ\xd9\x86?\xc5\x18k\xf7J\xda\x06\xf5\x87,\x04\x00@\xc8\x91R\n!\xa4\x94\x8c1\xc6\x18\xe7m9Ro\x977i\x1b\xd4\xdf^o\x12h\x08\x00\x80Pa\xb5\x0c"\xd24M\xd3\xb4\xa6\xd7\xddn\xb7\x10\x821\xd6\xc2\xa9\xa85\xf7t:\x9d\x17\xbe\x89\xd5\x8c8\xe7\x81\x9b\x99\xa2~K\xb0\xeao\x03\x04\x00@\xf0I)M\xd3\xd4u\xddj\x19\xb5\xb5\xb5yyy;w\xee\xf8\xe2\x8b/*++\x0b\x0b\x0bL\xc3h\xc5\xdb1FR\xf6\xeb\xdf\xdf\xe5t\r\x1f12==}\xd4\xa8Q=z\xf4\xb0\xbeh\x18\x06\xe7\xbc}\'\xa4\x9d\xb4\xfe\x9d\xe7\xeb/4M\xb3\xb5\xef\xd9\xaf_?\xa7\xd39b\xc4\x88\x0e\xa8\xbf\xcd\x10\x00\x00Af\x9a\xa6\xa6i\xba\xae\xfb|\xbeM\x9b6\xad]\xbb&amp;?\x7f\xd7\x89\x13\xa7\xae\xf0m\xcb\xca\xf3\x88\xe8\xc3M\xd9D\x94\xe0\x8a\x1f&gt;b\xe4\x8c\x193n\xbf\xfd\x8e\xe4\xe4d"2\x0cC\xd3\xb4v\x99\x8dv\xba\xfa\xd7\xe6\xe7\xe7\x9f8q\xe2J\xeb/+#\xa2M\x9b6\x11\x91\xcb\xe5\x1a1b\xc4\x8c\x193n\xbf\xfd\xf6v\xaf\xffJ \x00\x00\x82\xc6ZR\xd04\xcd\xedv\xaf\\\xb9\xf2\xf5\xd7\xd7\xee\xdb\xb7\xbf\xe9\xabq1\x91\xbd{\xc6\xa6$9\x86\xf6u\xba\x12"\xa5!Z\xd2.\xa4$\xc6\x99\xdfo\xe6\x17TVW{\x8f\x9cpWT5TV\xb9srrsrr\x17\xfd\xfa\xd7\xf7\xde7\xfb\xc1\x07\x1f\x1c8p \x11\t!\xaed*\xda\xe9\xea\x7f}\xdf\xbe}M_\x8d\x8d\x8d\xbd\xea\xaa\xab\xbav\xed:`\xc0\x80\x84\x84\x04\xc30Z\xd8\xaf\x19c~\xbf\x7f\xdf\xbe}UUU_}\xf5UeeeUUUNNNNN\xce\xa2E\x8b\xee\xbd\xf7\xde\xf6\xaa\xff\xca!\x00\x00\x82\xc3\x9ax\x12QVV\xd6\xf3\xcf/-*:d\xbd\xde\xbbg\xfc\xa4\xb1\xdd\x7fxc\xef\xe1C\x12{\xa4Dk\xd16\xd28i\x8cZ\xb7\x15E\x92_\x90\xd7,/o\xd8{\xb8j\xd3\xb6\xd3\x9b\xb6\x9e:PTQ|\xb6d\xf9\xf2\xe5\xabW\xafz\xec\xb1\xc7\x17.\\\x18\x1f\x1fo\x18\x86\xae\xb7\xa5\x0ft\xae\xfa\x9f/**\xb2^\xbf\xea\xaa\xab&amp;N\x9c8u\xea\xd4a\xc3\x86u\xed\xda566V\xd7\xf56L\xd5\xfd~\xbf\xd7\xeb----,,\xfc\xe8\xa3\x8frrr\x0e\x1e&lt;X\\\\\xbc|\xf9\xf2\xd5\xabW?\xf6\xd8cWX\x7f\xbb@\x00\x00\x04\x81\xd5}\x8a\x8b\x8b\xe7\xce\x9d\x9b\x9d\x9dm\xbdx\xed\xa0.\x99s\xaf\xb9{j\xdf\xb8\xa4(\x92\x92\x1aM\xf2\x9b\xa2\xd6\'$Q\xebw"r\xce\x18c]\xbaDM\xea\x11;i\xf2\xd5\xcf\xd5\xfa&gt;\xd9Q\xfc\xc2\xca\xbd\xd9[OUVV-Y\xb2d\xfd\xfa\xf5\xabV\xad\xca\xc8\xc8\xb0\xcep\xb6\xaa\xc7u\xca\xfa\xbf\xf7\xbd\xef=\xfa\xe8\xa3\xd3\xa6MKNN\x96R666\xfa|&gt;\xb7\xdbMm\xda\tj\xed\xfcINN\xee\xdd\xbb\xf7\xad\xb7\xdeZSS\xb3m\xdb\xb6\x17_|177\xb7\xb2\xb2\xf2\n\xebo/!q"\x02@)\xd6\xfaovv\xf6\xa8\x91#\xad\xee3\xa8\xafk\xf5\xb2\x1bv\xbdw\xd7O\xe7\x0c\x8ds\xe8f\x95\xc7\xac\xf6\n\x9f!\x898g\xba\xc6t\x9d\xb7\xf6?k\xbf\x89\xf4\x0b\xb3\xc6gTzt!\'\xdfp\xd5\xa67~\xb8\xf9\xf5\x1f\xde\x94\xd1\x93\x88\x0e\x1d:4i\xd2\x8d\xbf\xff\xfd\xef9\xe7R\xca\x96\xf7\xb8\xceS\xff\xa8QV\xfd\xa9\xa9\xa9\xaf\xbe\xfa\xea\xd6\xad[\x17,X\xe0p8***\xaa\xaa\xaa\xbc^/\x9d\xdf\x11\xa4\xb7\x9e\xb5\xc4\xef\xf7\xfb\xab\xab\xab\xcb\xcb\xcb\x85\x10S\xa7N\xfd\xfb\xdf\xff\xbeq\xe3\xc6\x89\x13\'\x9e\xaf\x7fR\x1b\xeaoG\x08\x00\x80\x0ee\x1d\xf2\xaf\\\xb9r\xea\xd4\xa9g\x8a\x8b\x89\xd8c?\x1e\xba\xe3\xfd\xbb\x7f:g\xa8\x9d\x91Y\xe5\x91\xa6\xd44\xaei\xac]6\x0c2F\x9a\xc6t\x8dK"\xb3\xc6\'\xea\xfd\x93o\xec\x9d\xf3\xd6\xed/-\x1e\xe7\x8c\x89\xf0z}\x0b\x17.\x9c?\x7f&gt;\xe7\xdc\xda\xa7\xa8V\xfdg\xce\x10\xd1C\x0f=\xb4m\xdb\xb6\x05\x0b\x160\xc6\xca\xcb\xcb\x9b\xb6\x03\xb5\xcb\x94\x9c1f\xe5\x07\x11UWW\xd7\xd5\xd5M\x9d:\xf5\xc3\x0f?\\\xbe|yll\xac\xd7\xebmm\xfd\xed\x0b\x01\x00\xd0q\xac\xe6\xb2r\xe5\xca\xf9\xf3\xe7\x13Q\xa23\xf2//\xdf\xf4\xd2\xf37\xc6GjF\x85G\x12i\x1a\x0f\xd0J\x00#\xd24\xc693\xdd^Q\xef\x7f\xec\xe1\xf4\x8f\xffzG\xfa\x90.D\xcc\xaaG\xd3\xb4\xcb\xceC;Y\xfd.\x97k\xed\xda\xb5\xaf\xbc\xf2Jdd\xa4\xb5i\xa7m\xcb\xfd-\xa4i\x1a\xe7\xbc\xba\xba\xba\xbe\xbe\xfe\x17\xbf\xf8\xc5\xe6\xcd\x9b\xaf\xbd\xf6Z"jy\xfd\xed\x0e\x01\x00\xd0A\xacu\xe7\xf3\xdd\x87uO\x8a\xfa0\xeb\x073f\x0e\xf1\x975HS\xea:\xef\x985`\xab\x8d\x1a\xe7\x1a\xae\xbb69\xf7\xad\xdb3\xaeK&amp;\xe2VU\xd6&lt;T\x8d\xfa)%%\xe5\xddw\xdf\x9d3g\xce\xb9s\xe7\xac`\xe8\x90\xf2\xbf\x89\x81s\xe7\xce\r\x1f&gt;\xfc\xc3\x0f?\x1c5j\x14\x9d\xcf\x80K\xd7\x1f\x08\x08\x00\x80\x8e`u\x9f\xdc\xdc\\\xab\xfb$\'D\xeex\xf7\xae\x91#\xbb\x19%\xf56[\xa0f\xcd\x97\xa0\xdb\xb8\xe9ntE\xdb\xb7\xfc\xed\xae\x9b\xc6t#\xa2\x95+W.Y\xb2D\xd34\xe3\xbb.\xda\xead\xf5w\xe9\xd2e\xcb\x96-c\xc7\x8e=w\xee\x9c\xcdf\xeb\xf8\x13\xb06\x9b\xad\xba\xba:66\xf6\x93O&gt;\x19?~\xfce\xeb\x0f\x10\x04\x00@\xc0\t!4M+--\x9d3{6c,!&gt;\xf2\xef\xabn\xe9uu\xbc\xe1\xf6\xea\xb6\xa0}\x065\x9d\x0b\x9f\xa9\x0b\xb9\xfe\x95)#\x86&amp;\x11\xb1%K\x96\xe4\xe4\xe4\xe8\xba\xde\xec\xc2\xd7\xceS\xff\x9c9\x8c1\x97\xcb\xb5a\xc3\x86~\xfd\xfaUUU\xd9l\xb6`\xd5\xaf\xeb\xba\xd7\xeb\x15B\xac[\xb7.--\x8d\x88.V\x7f\xe0 \x00\x00:\x82i\x9as\xe6\xcc))-%\xa2\x15\xcf~\x7f\xe4\xf7{\x19\xd5^]\x0f\xf2\x07\x90k\xccl4\x13\xbb8\xfe\xfa\xf2\xe4\x04g\x04Iy\xff\x9c9%%%\x8c\xb1\x0b\xd7"\xac;%t\x86\xfaKJ\x88\xe8\xf7\xbf\xff\xfd\x84\t\x13\x82\xdb\xfd-\x9a\xa6y&lt;\x9e\xa4\xa4\xa4\xd7_\x7f\xdd\xe5r\x11\xd1\xfd\xf7\xdf\xff\xed\xfa\x03\x07\x01\x00\x10p6\x9bm\xdd\xbau999D\xf4\xf0\xac\xc1w\xcf\x1c\xe2/\xa9\x0f\xe2\xdc\xf9B\x9a\xce\x8cjo\x9f\xc1]^]\x9c!\x89JJK\x9fz\xea)kc\xa2\xf5\x1b\xac\xc5\x93NS\xff\xdc\xb9s\xef\xbf\xff~k\xe5\'\xa8\x85\x7fC\xd7\xf5\xea\xea\xea\xa1C\x87\xbe\xf0\xc2\x0bR\xca\x92\x92\x92f\xf5\x07TH\xfc\x15\x02tV\xd6\xc7\xb8\xa2\xa2\xe2\x99g\x9e\xe1\x9c\xa5^\x1d\xff\xdc\xaf\xc6\x9a\xee\xc6\xa0\xcf\x9d/\xa4\xdb\xb8Q\xd1\xf0\xa3\x19\x83g\xdc\xd2\x8f\x88\xad\x7f\xeb\xad]\xbbv5mLd\x8cUVVv\x8a\xfay\xdf\xbe}\x7f\xf3\x9b\xdf\xb8\xdd\xee ^|\xfbm6\x9b\xad\xbc\xbc\xfc\xc7?\xfe\xf1\xb4i\xd3\x88\xe8\xad\x0b\xea\x0f\xf4\xb7\x0e\xa1\xbfE\x80\xce\xc7:\xa1\xb7j\xd5kG\x8f\x1e\x15B&gt;\xfd\xd0u\xb1IQ\xd2g\x06\xfb&amp;`\xcdq\xc6\xa4_\xfc\xf7\xc2\x11\x91\x11Z\xa3\xd7\xbbh\xd1"\xeb\xee\xc7\xa6ir\xce\xb3\xb2\xb2:E\xfd\xe2\x17\xbf\xf8EJJ\x8a\xcf\xe7\x0b\xfa]\xd8\x9aa\x8c\xf9|\xbe\xa7\x9f~:""\xc2{A\xfd\x81\xfe\xbe\x08\x00\x80\x00\xb2\xd9lB\x88\xac\xac,\xc6\xd8\xa0~\xae{\xee\x1c \xaa\x1b\xb5P\x9a&gt;[8g\xa2\xce\x97zm\xf2\xcc[\xfb\x11\xd1\xd6\xad\x9f\x16\x16\x16Z\x1b\x16=\x1eOV\xd6\xea0\xaf?\x8b16`\xc0\x80Y\xb3fUUU\x85\xd4\xf4\xdf\xc29\xaf\xad\xadMOO\xbf\xeb\xae\xbb\x88h\xeb\xd6\xadV\xfd\x81&gt;\x08\x08\xb9\xbfH\x80\xce$..n\xdb\xb6mEE\x87\xa4\x94O\xcd\x1b\x16\x11\x1f!\r\x11Z\x93\xcf\xf3\x18g\xd2k&gt;9\x7fXt\x94\xbd\xbe\xbe\xe1\xb5\xd7^#"\xceynn\xee\xc1\x83\x05a^\xffA)eff\xa6\xd3\xe9\xec\xc8M\x96\xad\xc29oll\\\xb8paTTT}}\xbdU?\x02\x00 \x8c1\xc6\xac\xe9g\x8f\x94\xd8\xbb\x7f\xd0O\xd6\xfa\xb8\x16\xa2\x1f:\xce\x99\xa8\xf7\r\xbc6\xf9\xc6\xeb\xbb3\xc66l\xf8k]]\x1d\x11Y\xd3\xffp\xae?\x8b1\xd6\xad[\xb7;\xef\xbc\xb3\xa6\xa6\xe6\xc2\xa7t\x85\x14\xcey}}}zz\xfa\xf8\xf1\xe3\x19c\x1b6lhhh\xd0u=\xa0\x0bA!\xfaw\t\xd09\x9c9sf\xd7\xae\x9dR\xca)\xdf\xef\x11\x9d\x14%\xfc!\xb7z~!)I2v\xf7\xcdWK)\x8b\xcf\x9c-((0\x0c#o\xe7\x8e\xb0\xae\x7f\xe7\xce\x9dR\xcaI\x93&amp;%\'\'\xfb\xfd\xfeP[\xfd\xbf\x90u\xca\xfa\xb6\xdbn\x93R\x16\x17\x17\xef\xdd\xbb\x97\x02|\x10\x80\x00\x00\x08\x14\x9b\xaem\xdf\xbe\xfd\xc8\xe1#Dt\xfb\x8d\xbdI\x12Q\xe8v\x1f\xb2\xee\xe4\xd3hL\x1e\xdb#.&amp;\xd20\xcd\xad[\xb7\xee\xdf\xbf\xffLq\t\x85s\xfd\xc5\xc5\xc5D4u\xea\xd4\xa0\xdcn\xb3U\xac\xcb\x02n\xb8\xe1\x86\xb8\xb88\xc30\xac\xa7\x89\xe1\x08\x00 ,\xd9l\xf6\xfc\xfc|\xbfaFE\xda\x86\x0fI$\xaf\xc1;\xe8~9m\xc4\x18I\xaf\x99\xd23v@\x9fx"\xda\xb7w\xcfg\x9f}FD1Q\x11\xe1]\x7fL\xcc\xb0a\xc3\x1a\x1b\x1bC\xe4I\xbc\x17\xc3\x18\xf3z\xbd\xbdz\xf5\xea\xd7\xaf\x1f\x11\xed\xda\xb5\x8b\x88\x02ZsH\x0f\x07@X\xf3\xf9}\xf9\xf9\xbb\x88\xa8O\xaf\x98\xa4n12\xb4\xd7O,B\x08\xcdaK\x1b\x9c@D{\xf7\xed\xfd\xf0\x9f\xff \xa2&gt;\xbdb\xc3\xb5\xfe\x0f?$\xa2\xab\xae\xba\xaaG\x8f\x1e!\xbe\xfec\x11BDEE]s\xcd5DTXXXWW\x17\xd0\x8b\xc2Bn;\x14@\xa7!\x84\xa8\xaa\xaa&amp;\xa2\x94.\x8e\x88h\xbb\xa8\xf5\xb2\xd0\x9eA\x93\xf5\xe4.\xcezu\x8d&amp;\xa2\x8a\xca\na\n"JN\x8c\x0c\xd7\xfa\x05\x11QRRRLLLMMM\x88\x1f\x01\x10\x91\x94\x92s\xde\xa3G\x0f"r\xbb\xdd\x1e\x8f\'&amp;&amp;&amp;p\xdf\x0e\x01\x00\x10@\xba\xce\rC\\3 \x814\xeb\xba\x9ePo\xa0\x8c12\xc5\xd0T\x17\x11\x9d+-\xab(\xaf \xa2\xa1\xa9\xce\xb0\xad\xbf\x8a\x88\x06\x0f\x1el\xddm?\xd8\xd5]\x1ec\xcc4\xcdA\x83\x06\x11\x91\xdb\xed.,,LJJ\xb2nf\x17\x88o\x87\x00\x00\x08\xb8.\xaeH\xe2,\x1c\xfa\x0f\x11\x11I\xea\xe2\x8a$"\xc30\x84`\x14\xde\xf5K"JHH\xe8\xb0\xbb\xeb\\9)ebb"\x11\t!\x02}\xd5B\xa8\x1f\x10\x01t\x02\x86\x11\x1e\xad\xa7\x89Up\xd3\x93\xca\xc3\xbf\xfe\x10\xbd\xf8\xebb\x9a\n\x0e\xf4I\x0b\x04\x00@\xc0\x85\xfc\xa9\xc7\xe6\x9a\x15\x1c\xfe\xf5\x87\xd9\x0f\xd0a\x05#\x00\x00\x00\x14\x85\x00\x00\x00P\x14\x02\x00\x00@Q\x08\x00\x00\x00E!\x00\x00\x00\x14\x85\x00\x00\x00P\x14\x02\x00\x00@Q\x08\x00\x00\x00E!\x00\x00\x00\x14\x85\x00\x00\x00P\x14\x02\x00\x00@Q\x08\x00\x00\x00E!\x00\x00\x00\x14\x85\xe7\x01\x00\x00\xb4\x88\xbc@\xd3\x8b\xec\x02A\xac\xadm\x10\x00\x00\x00\x97"\x84\xb0\x9e\xc9e\xb7\xdb\xedv\xbb\xa6i\x9cs\xc6\xacG\xa4\x91\x10\xc2\xe7\xf3y\xbd^\xc30\x18c\xa1\xff\xd4\xc9\x0b!\x00\x00\x00\xbe\x83\x94\xd24M]\xd7ccc\xedv{]]]qq\xf1\xc9\x93\'KJJ\xca\xcb\xcb\x1b\x1b\x1b\x89(:::%%\xe5\xea\xab\xaf\xee\xd3\xa7Obb\xa2\xdf\xef\xaf\xad\xad\xb5\xe2!\xd8\xe5\xb7\x08\x02\x00\x00\xa09)eDDDTT\x94\xdb\xed\xde\xbaukvv\xf6\xa7\x9f~z\xe4\xc8\x91\xea\xea\xeao\xfff\x9b\xcd\xd6\xbbw\xef\x1bn\xb8\xe1\xde{\xef\xcd\xc8\xc8\xf0z\xbd\x8d\x8d\x8d\x01z\x8ao\xfbB\x00\x00\x00\xfc\x1b)\xa5\xa6i\xa7N\x9d\xfa\xdb\xdf\xfe\xf6\x97\xbf\xfce\xdf\xbe}\x97\xfe\xfd~\xbf\xff\xe8\xd1\xa3G\x8f\x1e]\xb9r\xe5\xcc\x993\x7f\xf3\x9b\xdf\xf4\xec\xd9\xb3\xa6\xa6&amp;\xf43\x00\x01\x00\x00\xf0oL\xd3t\xb9\\\xcf=\xf7\xdc\xd2\xa5K\x9b^d\x8c\xf5\xed\xdbw\xe0\xc0\x81\xfd\xfa\xf5KJJr8\x1cR\xca\xea\xea\xea\xe3\xc7\x8f\xef\xd9\xb3\xa7\xb0\xb0\x90\x884M[\xbf~\xfd\xe7\x9f\x7f\xbe~\xfd\xfa\xe1\xc3\x87\x87~\x06 \x00\x00\x00\xfe\r\xe7\xdc\xe3\xf1\xcc\x9c9s\xd9\xb2eB\x88!C\x86L\x9b6m\xca\x94)\x83\x07\x0fv:\x9d6\x9b\x8d\x88\xac3\xc0\x8c1\xd34kjj\xf2\xf3\xf3_z\xe9\xa5\xbf\xff\xfd\xef6\x9b\xed\xe4\xc9\x93w\xdcq\xc7\x96-[\xae\xbe\xfaj\x8f\xc7\x13\xca\xa7\x85\x11\x00\x00\x00\xff\x86s\xde\xd8\xd88`\xc0\x80\'\x9f|255\xf5\xce;\xef\x8c\x8f\x8f\xf7z\xbd\x1e\x8f\xc7\xedv_\xb8\x07\x94\x88\x18c\x9a\xa6M\x980a\xd2\xa4I\xaf\xbe\xfa\xea\xcf\x7f\xfes\xbb\xdd^VV\xf6\xc8#\x8f|\xf8\xe1\x87\xc1\xfa\x11Z\x08\x01\x00\x00\xd0\x1cc\xac\xb1\xb1q\xf1\xe2\xc5\x8c\xb1\xba\xba\xba\xb2\xb22ko\xcf\xc5\x96tjjj\xa4\x94\x0f?\xfc\xb0\x94\xf2\xd1G\x1f\xd5u}\xcb\x96-\xff\xf8\xc7?\xee\xb8\xe3\x8e\xea\xea\xea\x90]\x08\n\xddc\x13\x00\x80 b\x8c\xb9\xdd\xee\xea\xeaj!\x84\xae\xeb\x97\xde\xdc\xa9i\x9a\xa6ieee?\xfb\xd9\xcf&amp;M\x9ad]\x13\xb0n\xdd\xba\x10\xdf\x0f\x8a\x00\x00\x00\xf8nV[oa\x13\xb7~\x9b\x94\xf2\x81\x07\x1e\xb0~\x91\x97\x97WVVf\xb3\xd9\x9a\xad\x1a\x85\x0e\x04\x00\x00@\xfb\xd04\xcd\xe3\xf1\xa4\xa7\xa7GGG\x13QII\xc9\xe9\xd3\xa7\xedv;\x02\x00\x00\xa0\xf33\x0c\xc3\xe5r\xa5\xa4\xa4X\xbf\xae\xa8\xa8\xd04\r\x01\x00\x00\xd0\xc9Y7\x08\xb2\xd9lQQQ\xd6+^\xaf7\x94\xb7\x81\x86ne\x00\x00\xe1EJ\xc9\x18\x13B\xf8\xfd~\xeb\x15]\xd7Cv\xfaO\x08\x00\x00\x80v\xc49ohh\xa8\xaa\xaa\xb2~\xedt:M\xd3\x0c\xd9\xbd@\x08\x00\x00\x80\xf6!\xa5\xb4\xdb\xed\'O\x9e\xac\xa8\xa8 "\x97\xcb\xd5\xbd{w\xbf\xdf\x8f\x00\x00\x00\xe8\xe4\x84\x10\x91\x91\x91\x1f\x7f\xfc\xb15\xeb\x1f:th\xb7n\xdd|&gt;\x1f\x02\x00\x00\xa03\xb3N\xff\x96\x97\x97geeY\xff{\xe7\x9dw\xda\xedv!D\xb0K\xbb(\xdc\n\x02\x00\xa0\x1d\x18\x86\x91\x9c\x9c\xfc\x8b_\xfc\xe2\xf8\xf1\xe3\x8c\xb1^\xbdz\xdds\xcf=!~CP\x1c\x01\x00\x00\\)\xbf\xdf\x9f\x9c\x9c\xbcf\xcd\x9a\xdf\xfd\xeew\xd6\xa5\xbf\xcf&lt;\xf3LRRR(\xaf\xff\x10\x02\x00\x00\xe0JH)\xad\xb9\xff\x1bo\xbc1o\xde&lt;\x9b\xcd\xe6\xf7\xfb\x7f\xf2\x93\x9f\xcc\x9e=\xbb\xaa\xaaJ\xd7Cz\x95\x05\x01\x00\x00\xd0FB\x08\xc6XRR\xd2o\x7f\xfb\xdb\xfb\xef\xbf\x9f\x88|&gt;\xdf\x0f\x7f\xf8\xc3?\xfc\xe1\x0f\xd6\xc3\x81\x83]\xe0e\x84t:\x01\x00\x84,\xc30\xa2\xa3\xa3\x85\x10?\xfb\xd9\xcf^}\xf5Uk\xee\xff\xa3\x1f\xfdh\xf5\xea\xd5\xa6i\x9a\xa6\x19\xfa\x01\x10\xea\xf5\x01\x00\x84 \xeb\x9e?\xa7N\x9d\xba\xe5\x96[^}\xf5UM\xd3\xfc~\x7fff\xe6\xeb\xaf\xbfn\x18\x86a\x18\xa1\xdf\xfd\tG\x00\x00\x00\xade\x18FBB\xc2\xb6m\xdb\xee\xbb\xef\xbe\xe2\xe2b"\xb2\xd9l/\xbf\xfc\xf2\x82\x05\x0b\xaa\xaa\xaa\xa4\x94a\xd1\xfd\t\x01\x00\x00\xd0*\xd6#\xe3?\xfa\xe8\xa3\xbb\xef\xbe\xbb\xae\xae\x8e\x88\xfa\xf7\xef\xff\xe7?\xff9##\xa3\xac\xacL\xd3\xb4p\xe9\xfe\x84\x00\x00\x00h9!Dtt\xf4\x81\x03\x07\xee\xb9\xe7\x9e\xfa\xfaz"\xca\xc8\xc8X\xbf~}rr\xf2\xb9s\xe7\xac\xe7\xc5\x87\x11\x04\x00\x00@Kq\xceM\xd3\\\xb0`Auu5\x11]\x7f\xfd\xf5\x1f|\xf0ADD\x84\xdb\xed\x0e\xbb\xeeO8\t\x0c\x00\xd0B\xa6i\xc6\xc5\xc5\xbd\xf3\xce;yyy\x9c\xf3\xae]\xbb\xbe\xf1\xc6\x1b\x0e\x87\xa3\xa1\xa1!\xc4\xf7\xfb_\x0c\x02\x00\x00\xa0E\xac{\xfd[\x8fz\x17B\xfc\xeaW\xbf\xea\xd7\xaf_mmm\x98v\x7fB\x00\x00\x00\xb4\x84u\xaf\xb7\xb3g\xcf\xee\xd9\xb3GJ\xd9\xb5k\xd7\xbb\xee\xba\xcb\xedv\x87o\xf7\'\x04\x00\x00@K4\xbb\xd7\xff\xf5\xd7_\x9f\x92\x92\x12\xca\xf7\xfao\t\x04\x00\x00\xc0\xe5I)u]?w\xee\x9ci\x9aD4x\xf0\xe0\x10\x7f\xdccK \x00\x00\x00Z\x84snm\xfe!\xa2n\xdd\xbaYO\x00\x0ejEW*\x8cW\xaf\x00\x00:\x98\xd7\xeb\xb5\xae\xf3\x8a\x8b\x8b\x0b\xe5\'\xbd\xb4\x10\x02\x00\x00\xa0E\x18c&gt;\x9f\xcf\xea\xfb\x9d`\xfaO\x08\x00\x00\x80\x96\xe0\x9c\xd7\xd5\xd5M\x992\xe5\xfd\xf7\xdf\'\xa2\xc1\x83\x07\xd7\xd7\xd7\x87\xd1]\x1f\xbe\x13\x02\x00\x00\xe0\xf2\x18c~\xbf\xbfg\xcf\x9e\xfd\xfb\xf7\'"\x8f\xc7\x13\xee[\x80\x08\x01\x00\x00\xd0B\xd6\x12Pcc#\x11q\xce\xc3\xbd\xfb\x13\x02\x00\x00\xa0\xe5\x18c\xa1\xfc\x90\xf7\xd6\n\xef\x05,\x00\x80\x0e&amp;\xa5\xec\x04\xfb\x7f,\x08\x00\x00\x80\x96\x12B\xd8\xed\xf6\xc8\xc8H)e\xb8_\x05F\x08\x00\x00\x80\x16b\x8c\xc5\xc4\xc4\x14\x17\x17\x1f;v\xccf\xb3\xd9\xed\xf6p\xcf\x00\x04\x00\x00\xc0\xe5Y\xf7\x02\xfa\xe5/\x7f9r\xe4\xc8\xd1\xa3G\xdfv\xdbmeee6\x9b-\xac3\x00\x01\x00\x00p\x19B\x88\x98\x98\x98\xed\xdb\xb7\xbf\xf8\xe2\x8b555^\xaf\xf7\xd3O?}\xe5\x95Wbbb\xac[\x03\x85)\xec\x02\x02\x00\xb8\x0c\xebNpEEE\x9a\xa6Y\xbb?\x19c\x85\x85\x85\xa6i\x86\xf5fP\x1c\x01\x00\x00\xb4\x885\xdf\xe7\x9ck\x9a&amp;\x84\x88\x8a\x8a\n\xf7+\x81\xc3\xbbz\x00\x80\x0e\xc09\xaf\xaf\xaf\x1f?~|JJ\x8a\xcf\xe7\xf3z\xbdR\xca\xbb\xef\xbe;\xac\xd7\x7f\x08K@\x00\x00\x97e]\x03\xdc\xb5k\xd7\x0f&gt;\xf8`\xcd\x9a5\r\r\r7\xdf|\xf3m\xb7\xddV[[\x1b\xd6\xd7\x85!\x00\x00\x00.\x8fs\xde\xd0\xd00t\xe8\xd0\x97_~\xd9\xba\x16\xac\xa6\xa6&amp;\xacO\x00\x10\x02\x00\x00\xa0\x858\xe7\x1e\x8f\xa7\xbe\xbe\xde\xea\xfba=\xf7\xb7 \x00\x00\x00Z\x8as\x1e\xee\'~/\xd4y~\x12\x00\x00h\x15\x04\x00\x00\x80\xa2\x10\x00\x00\x00\x8aB\x00\x00\x00(\n\x01\x00\x00\xa0(\x04\x00\x00\x80\xa2\x10\x00\x00\x00\x8aB\x00\x00\x00(\n\x01\x00\x00\xa0(\x04\x00\x00\x80\xa2\x10\x00\x00\x01\x17vw\x0ckVp\xf8\xd7\x1ff?@\x87\x15\x8c{\x01\x01\x04\x9c\xcf/(\xac\x1e\x1c\xeb\xf3\x0b"\x92R\n!)\xbc\xeb\x17D\xe4\xf7\xfb\xc3\xeb\xc9\xbd~\xbf\xdf\xfa\x85U\x7f\xe0\xe0\x08\x00 \x80\xac\x0f\xf0\xee\x83\xe5d\x08\xce\xc3`\x1e*\xa5$\x9d\x7fQPAD))\xc9\xfd\xfb\xf5\'\xa2/\n*\xc2\xb5\xfe\xfe\xfd\x89h\xdf\xbe}\xd6\x93\xbc\x82]\xdd\xe5Y\xcf\x9e\xdc\xbbw/\x11\xc5\xc7\xc7\xa7\xa6\xa6R \x0f\x08\xc2`D\x00\xc2\x97\xcdf#\xa2\xf2\xaaF\xc3k\x84\xcdB\x84\x94\xa5\x15\x1e"\x8a\x8b\x8dKII!\xa2\x8ajoX\xd7_YY\xd9\xd8\xd8\x18.\xf5K)\xcb\xca\xca\x88(**\xca\xe5r\x11\x02\x00 \x1cEFD\xa6\xa7\x8f \xa2#\xc7k\xaa\xce\xd53;\x0f\xfdu\x08\xce\x99\xf4\x9a_\x16T\x10\xd1\xd0\xa1Co\x9e2\x85\x88\x8e|\x1d\xb6\xf5\xdf|3\x11\x1d;v\xac\xa4\xa4\xc4n\xb7\x87\xfeB\x10\xe7\xdc\xeb\xf5\xee\xdb\xb7\x8f\x88RSS\xa3\xa3\xa3\x85\x10\x08\x00\x80\xf0c\x9aFzz:g\xac\xb6\xdeWp\xb4\x9a"tkI=dII\xdc\xaeU\x97\xd5\x17\x1ds\x13\xd1\xd0k\xae\x197\xee\xfbD\xe4\xaem\x0c\xdb\xfa\xc7\x11\x91\xdb\xed.**\x8a\x88\x88\x08\xf4\x92\xfa\x15\x92R\xda\xed\xf6\xd2\xd2\xd2#G\x8e\x10QZZ\x1a\xe7&lt;\xa05#\x00\x00\x02\xc5\xe7\xf7\x8f\x1d;\xb6W\xaf\x1eB\xca\x0f\xb7\x9d"\x8d\x87\xf8\x0cT\x08)#\xf5\xed\xbbK\xcfU\xd4q\xce\xc6\x8d\xfb\xfe\xa8Q\xa3\\\xce8!\xc2\xb8~\xa7\xd3)\x84\xc8\xcd\xcd\xd5u=\xe4\xeb\x17\x0e\x87c\xc7\x8e\x1deee\x9cs\xeb\xf0%\xa0+W\x08\x00\x80@\x91\x92RSS\xd3\xaeKg\x8c}\xf0\xf1)\xa3\xc6\xab\xe9\xa1\xfd\x89\x93\x92\xe9|\xc3\xe6\xaf\xa5$\xa7\xd39|\xf8\xf0\xa8\xa8\xa8ai\xd7\x85u\xfdiii\x8c\xb1M\x9b6\xd5\xd4\xd4\xe8zH\xef{\xb4\xce\x00o\xdc\xb8QJ\xe9t:322\x88(\xa0\xe7\xaeC\xfb\xaf\x13 \xcc\xe9\xba~\xcf=3\xa5\x94\x87\x8fUm\xdb~\x9a\xc5\xd8M3D\'\xa1R\x12\x8f\xd4+N\xb8\xff\xf9\xe9)"\x9a:e\xaau\x06r\xe6\xccYa^\xffL)\xe5\x91#G&gt;\xfd\xf4\xd3\xd8\xd8X\xd34\x83]\xe9w\x93RFFF\x1e?~&lt;\'\'\x87\x88\xa6N\x9d\x1a\x1f\x1fo\x9a&amp;\x8e\x00\x00\xc2U]]\xdd\xb4i\xd3\x92\x93\x92\x84\x94\xff\xfd\xea\x1e\x12\x92Bu+\x8ai\n\x16c\x7f\xf9\xf5\x03\xa5\xe5\xf5\xba\xa6\xcd\x9b?\x9f1&amp;\xa5\x9c&gt;}z\xd7\x94\x94\xb0\xae?%%EJ\xb9|\xf9\xf2@\xf7\xd3+a\x9afll\xec\x9f\xfe\xf4\xa7s\xe7\xcei\x9a6o\xde\xbc\x0e(\x15\x01\x00\x10@\x1e\x8f\xc7\xe1p\xcc\xba\xf7^)\xe5\';\x8a\xb7|rB\x8b\x8b\x08\xc1I\xb45}\xae&lt;U\xf3\xc77\x0b\x19ci\xd7\xa5M\x9c8Q\x08a\x9afbb\xe2}\xb3g\x87u\xfd\xb3g\xcf\x96R\xfe\xeb_\xff\xca\xce\xce\xb6\xa6\xd5\xc1\xae\xb79k\xfa\x7f\xe2\xc4\x89U\xabV1\xc6\xae\xbb\xee:\xab~M\xd3\x02\xfa}\x11\x00\x00\x01\xa4i\x9a\x94\xf2\xa1\x87\x1er:\x9dD\xb4\xf8\xe5/\xc8\x942\xf4\xe6\xa0\xa6!x\xac\xfd\xb7\xaf\xed-\xabl \xa2\'\x9e\xf8O"\x92Rr\xce\xa5\x94\xf3\xe7\xcf\xef\x1c\xf5?\xff\xfc\xf3\xa1y\x10`\x18Fll\xecK/\xbdT^^NDO&lt;\xf1\x04Y\x17\xb5\x05\x18\x02\x00 \x808\xe7\x8c\xb1A\x83\x06effJ)?\xcd+\xfe\xbf\xaf\xed\xd1\xbbD\x19\xfe\x10\xda\x8fh\x1aBwF\xec\xf9\xfc\xcc\xf2\xd5\xfb\x19\xd1\x84\xf1\xe3g\xcc\x98aM?\xadm\x88\x03\x06\x0c\xe8\x1c\xf5\x7f\xf6\xd9g/\xbd\xf4Rbbb\xd3\xbd\x16B\x81a\x18.\x97k\xeb\xd6\xad\x7f\xfc\xe3\x1f\x89h\xc2\x84\tM\xf5\x07\xfa[#\x00\x00\x02\xce0\x8c\xcc\xcc\xcc\xbe}\xfb2FO\xbe\xb0k\x7f^\xb1\xee\x8c4\x8d\x90\xe8\xa1RH\x16\xa17\xd4\xfa~\xfc\xcb-&gt;\xbf\xa9i\xda\xf2\x17^\xb8p\xee\xc997M\xb3\xb3\xd4\xcf\x9ey\xe6\x99\x1d;v\xb8\\.\xc30\x82Xv\x13!DDDDMM\xcd\xc3\x0f?\xec\xf3\xf9t]_\xbe|y\x87mWE\x00\x00\x04\x9c\x942&gt;&gt;~\xdd\xbau\x9a\xa6\xd7\xd6\xfbg/\xfc\xa8\xb2\xc2\xc3"t\x11\xec\xc5t)\xc9\x90\xc4#\xb5G\x9e\xfat\xdf\xa1\n)\xe5\xb2\xe5\xcb\x87\x0f\x1f.\x84h\xda}\xc8\x18c\x8cu\x96\xfa\xb5\xba\xba\xba\x07\x1ex\xa0\xac\xac,222\xe8\'\x03\xa4\x94RJ\x87\xc3\xf1\xe8\xa3\x8f\x1e&lt;xPJ\xb9l\xd9\xb2f\xf5\x07\x14\x02\x00 \xe08\xe7\x86a\x8c\x1e=z\xd9\xb2eDr\xdf\xe1\xca\x1f\xde\xbf\x91i\x8cGjA&lt;\xa1*\x85\x14R\xda\xbaF/\xfc?\x9f\xfe\xf9\xbd\xc3D4}\xfa\xf4\xcc\xccL\xc30\x9a-&gt;t\xae\xfa\xa9\xa0\xa0\xe0\xf6\xdbo\xd74-222\x88\xc7\x01B\x08)e\x97.]\x1e\x7f\xfc\xf1\xf5\xeb\xd7\xd3\xc5\xeb\x0f\x1c\x04\x00@G\xd0u\xddZ\x08\x9a7o\x1e\x11m\xdf[6u\xf6\xc6\xaa\x1a\x9f\x16g\x0f\xcaz\xbai\x08f\xd3\xb4\x18\xfb\xc2\xff\xef\xa3\x17_/$\xa2\x91#G\xaeX\xb1\xe2bK\xcf\x9d\xac\xfe\xdd\xbbw\xdfz\xeb\xadn\xb7\xdb\xe9t\x06\xe5|\x80a\x18v\xbb=66\xf6\xe1\x87\x1f^\xb1b\x05]\xae\xfe\x00A\x00\x00t\x10M\xd3\x84\x10+V\xac\x987o\x1e\x91\xdc\xfc\xd9\xe9)s6\x1e9Z\xa5wq\x98\xa6\xec\xb0\xdb\xecH)\r\xbf\xd0\xe2#j\xfd\xe6\x03\x99\xb9\xbf\xff\xf3~)\xcc\x91#Gfgg_\xfa\xde\x93\x9d\xab~\xda\xb2e\xcbm\xb7\xddv\xe8\xd0\xa1\xe4\xe4d\xd34;\xec6ARJ\xbf\xdf\xeft:}&gt;\xdf\xdc\xb9s_y\xe5\x15!DK\xea\x0f\x04\x04\x00@\x07\xb1\x16\xa3M\xd3l\xeaA\xbb\xf6\x97e\xdc\xf9\xee\xfa\xbf\x16i\xce\x08\x1ee3\r\x11\xd06*%\x19\x86`\xba\xa6\'E\xed\xdc]2\xf1\xeewW\xbfs\x88\x88F\x8d\xfa\xa6\xfb\\z\xe9\xb9\xf3\xd5\xff\xe5\x97_N\x980a\xcd\x9a5.\x97+::\xda0\x8c\x80\xc6\x80\x94\xd20\x0c\x9b\xcd\x96\x9c\x9c\xbcc\xc7\x8e\x1bo\xbc\xf1\xcd7\xdf$\xa2Q\xa3F\xb5\xa4\xfe@@\x00\x00t\x1c\xc6\x98\xb51q\xc5\x8a\x15\x8b\x16/&amp;\xa2\xb2*\xcf\xac\xc7s\xef]\x90}\xe0P\xa5\x96\xe0\xe0Q6\xd3\x94\x86)E\xfb\xed\x03\x91\x92LS\x9a\x86`6\xae\'F\x9d\xabn\xfc\xf5\xb3\x9fM\xfc\xd1\xfb_\x14\x94\x13\xd1\x8c\x1936mji\xf7\xe9L\xf5/^\xbc\x98\x88*++\x7f\xf2\x93\x9f\xcc\x9c9\xf3\xe0\xc1\x83\x89\x89\x89QQQ\xa6i\x9a\xa6\xd9\x8e\xfbp\xa4\x94\xa6iZ\xad?))\xa9\xb2\xb2\xf2\xc9\'\x9f\xbc\xe9\xa6\x9b\xac{&gt;\xcf\x981c\xd3\xa6MA\xe9\xfe\x84\x00\x00\xe8`\xd6&lt;T\x08\xb1x\xd1\xa2M\x9b6\xf5\xe8\xde\x9dH\xbe\xb5\xf1\xc8\xa8\xdb\xdfy\xe0\xe7\xb9\x07\x8a*4g\x84\xee\x8a\xe4v\xcdj|\x86!LS\xb6\xe1?\xc3\x10\x86)\x84\x90L\xe7Z|\x84\x96\xe8(\xadl\\\xf2\xbf\xdb\xd3~\xb0\xe1\xd9\x97w7\xfa\x8c\x08\xbb\xedw\xbf\xfb\xdd_\xfe\xf2\x97Vu\x9fNS\xff"\xab\xfe\x1e=\x88h\xc3\x86\r\xe3\xc6\x8d\xfb\xe9O\x7fz\xe0\xc0\x01\x97\xcb\x95\x90\x90\x10\x11\x11\xd1\xd4\xb8\xcd61\x0c\xc3:\xa4\xb0\xd9lN\xa73))\xa9\xa2\xa2\xe2\xe9\xa7\x9f\xbe\xfe\xfa\xeb\x97.]\xea\xf3\xf9\xecv{\x1b\xeao_!}o&lt;\x80N\xc9\xeaA\x86aL\x992%o\xd7\xae\xffz\xfa\xe9u\xeb\xde\xf44\xfaV\xff\xb5p\xfd\xc6\xafn\xfe~\xcf;n\xea=il\x8f^\xddc4\x87\x8d8#S\x90\x90\xady4\xbb$b\xa4s\x92\x92\xbcfEY\xc3g\x1f\x97\xbe\xff\xd1\xd7\x9b\xb6\x9c..\xad\xb5~\xc7\xe4\xc9\x93\x9f}\xf6\xd9\xd1\xa3G[\xcf\x1biU\xf7\xe9T\xf5\xe7\xe5=\xfd\xf4\xd3o\xbd\xf5Vcc\xe3\xda\xb5k\xdf~\xfb\xed\x9bn\xba\xe9\xd6[o\x9d0aB\xaf^\xbd\x1c\x0e\x87u\x19A\x1b\x0e\x08\xac\xbbO{\xbd\xd</t>
        </is>
      </c>
    </row>
    <row r="384">
      <c r="A384" s="1" t="n">
        <v>382</v>
      </c>
      <c r="B384" t="inlineStr">
        <is>
          <t>size_grid</t>
        </is>
      </c>
      <c r="C384" t="inlineStr">
        <is>
          <t>What is the size of the missing part denoted with a question mark?</t>
        </is>
      </c>
      <c r="D384" t="inlineStr">
        <is>
          <t>['large', 'medium', 'small']</t>
        </is>
      </c>
      <c r="E384" t="inlineStr">
        <is>
          <t>large</t>
        </is>
      </c>
      <c r="F384" t="inlineStr">
        <is>
          <t>There are circles arranged in a grid formation with varying sizes in the image. The sizes in the first row are ['?', 'medium', 'large'], the sizes in the second row are ['medium', 'small', 'medium'], and the sizes in the third row are ['large', 'medium', 'large'].</t>
        </is>
      </c>
      <c r="G384" t="inlineStr">
        <is>
          <t>We observe that the circles at the corners are large size, while the circles directly adjacent to the center are medium size. Only the center circle is small size. Hence, the pattern is that the circles alternate in size depending on if they are at the corner or adjacent to the center.</t>
        </is>
      </c>
      <c r="H384" t="inlineStr">
        <is>
          <t>Based on the pattern that the circles alternate in size depending on if they are at the corner or adjacent to the center, the size of the missing part that is at the corner should be large.</t>
        </is>
      </c>
      <c r="I384" t="inlineStr">
        <is>
          <t>b'\x89PNG\r\n\x1a\n\x00\x00\x00\rIHDR\x00\x00\x02\x00\x00\x00\x02\x00\x08\x02\x00\x00\x00{\x1aC\xad\x00\x00c=IDATx\x9c\xed\xddy\\\x14G\xda\x07\xf0\xa7\xba{f\x18\xee\xe1\x10\xaf\xf5\x16PD\x04\xc5#\x1a#\xde\xac\xb9v5\x9aC\xa3\x185\xbe&amp;f11\x87\xd9\xec\xe6\xde\x1cj4y\xa3I\xc4\xa8\xd1\x18}M\xb2\xabQWQ\x89\x89g\x94\x88\x06P\x14QD\x91K\xe5\x1a\xce\x99\xae\xaa\xf7\x8f\n\xb3\xac\'*0G?\xdf\xcf\xfb\xd9O\xdea\xc0\x9e\x9e\xa7\xebW]]]M8\xe7\x80\x10BH{${o\x00B\x08!\xfb\xc0\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xc2\x00@\x08!\x8dR\xec\xbd\x01Z\xc49\xbf\xee\xeb\x84\x90f\xde\x12\x84\x9a\x1f\xd6\xbf\xe3\xc0\x00hZ\xbc\x1e\x00\x90$\xc9\xf6\xbf\xd7b\x8c\xd9\xfe\x97\xd4\xd3\x8c\xdb\x8bPc\xc2\xfawp\xe4Fi\x8c\xee\x98(w\xc6\x18!D\x96\xe5k\xdf\xc0\x18+++#\xe4\xf7\x9d/\xfe\xc3\xcd\xcd\xcdh4^\xf7\xcd\xe2OI\x92\x84\x07\x03r|X\xffN\x04\x03\xa0\xd1\x88\xa2\xe7\x9c+\xca\x7f\xce\xab(\xa5yyyYYYii\xa9\x97/_NN\xfeUU\xd5\xc2\x82\x82\x82\xc2\x02\x02\x84\x83\xd8\xf9\x04\x80{zxv\xe9\xda\x85s\x08\x0f\x0f\x0f\x08\x08\xe8\xd3\xa7\xcf\x1f\xfe\xf0\x87\xf6\xed\xdb\xbb\xbb\xbb\xd7\xffk\x00\x80G\x02r@X\xff\xce\x08\x03\xa0\x11p\xce)\xa5\xb6\xba\xa7\x94fff&amp;&amp;&amp;\xee\xdb\xb7/333\'\xe7\\y\xb9\xf9\x0e\xfe\xac\xc1\xa0o\xdd\xbauHHH\xff\xfe\x03F\x8e\x1c\x19\x11\x11a;\x18TU\x95$\xe9F\xa7\xd2\x085\'\xac\x7f\xe7\x85\x01pWD\x97D\x9c\xe7RJ\x0f\x1d:\xb4q\xe3\xc6m\xdb\xb6\x9d&gt;\x9dY[k\xa9\xffN//\x0f\x0f\x0f\xf7\xee\xc1\x1d$E\xf6\xf1\xf2\xe8\xd93\x98S&amp;\xba1\x9cs\xa2\xe8r\xce\xe5\x9e\xcf- \xb2\x9c\x95u\xbe\xbc\xbc\xe2Jq\xe9U\xffV\xc7\x8e\x1dbb\x86&gt;\xf4\xd0CC\x86\x0c\xf1\xf6\xf6\x86\xba&gt;\x17v\x88\x90\xbd`\xfd;;\x0c\x80;D)\xb5U^nn\xee\xfa\xf5\xeb\xd7\xae]{\xec\xd8\xb1\xff\xbc\x83\x90\x0e\xed\xdb\xf4\x8e\xec\x16\x15\x11\xd2\xa7Wh\xb7\x90N\xde&gt;\x9e&gt;\x81&amp;\x90d\x90\x08\x80\x0e\xa0\xfe\x9e\'\x00*0\n\x84T_.\xa9\xac\xac&gt;\x9ey\xeehjfZ\xfa\xe9\xe4#\xc7Og\xe5\xd4\xd4\xd4\xda\xde\xda\xbe}\xfb\xf1\xe3\xc7O\x9c8\xb1g\xcf\x9e\xb6\x8d\xb9\xee`+BM\x04\xeb\xdf5`\x00\xdc61\xd0)\n\xee\xc0\x81\x03_~\xf9\xe5\xbf\xfe\xf5\xcf\x92\x92R\xf1S\x93\xc9\xbbOT\xd8\xa8a\xfd\x07\xdf\xdb\',\xb4\x83{\x80\x1f\x80\x02\xa0B\xad\x05(cV+\x00p\x0e\x9c3\x80\xfa\xdd\x16\xfe\xfb\x84\x07\x0e\x92N\x01Y\x02\x83\x1e\x88\x02\xc0i\xb99\xf3\xcc\x85C\xc9\xa9[\x12\xf7\x1d9r\xe2\\\xceE\xf1\x0bz\xbd~\xc8\x90!\xb3f\xcd\x8a\x8d\x8d\xd5\xeb\xf5\xa27\x84\x87\x01jjX\xff\xae\x04\x03\xe06\xd4\x1f\xebLJJ\xfa\xf0\xc3\x0fw\xec\xd8a\xfb\xe9\xa0{"\x1fz \xe6\xd1q\xa3\xdavj\x0b\x92\x0e\x98\x15\xaak\xa9U\xe5\x9c\xdb\xe6\xb35\xe4\\U|#\x8cq\xce9! +2\x18\x0c\xa0\xd3\x030sa\xf1\xc6\xad\xbb\xff\xb9\xf1\xc7\x9d?\x1e\xac\xac\xac\x16\xef\xef\x19\x1e\x1e?gN\\\\\x1c\xfcw\xbf\x0c\xa1\xc6\x85\xf5\xefz0\x00\x1aJ\x8c6\x02@ff\xe6\x07\x1f|\xb0j\xe5J\xc69\x00\x18\x8dn\x8f\x8f\x8f\x9d:\xe5O\xf7\x0c\x88\x00\x83\x11j\xabYM-c\x9cHDj\x8cY\xcc\xa2\xbb\xc48\'\x00\xb2^\x07\xee\x1e\xc0\xd9\xc9\xf4\xcc\xff\xfb6q\xd9\xf2o\xf3\xf2/\x89\xb7\r\x1f&gt;\xfc\x95W^\x196l\x18\xe0\x191j\x02X\xff.\t\x03\xa0ATUU\x14\xc5b\xb1|\xf8\xe1\x87\x8b\x16}T\\\\\x02\x00~&amp;\x9f\xa9q\x7f\x9a\xfc\xd8\x98\x1e}"\x80YyE\x15\xa5L\x96\x9b\xb0\x03\xf2\xfb\xf4j\x00\xc9\xc3\x08:ca\xce\xf95\xeb\xb7\xadX\xf9}\xc6\xa9l\x00 \x84\xc4\xc5\xc5\xbd\xfd\xf6\xdb\xad[\xb7\xc6\xae\x10jDX\xff\xae\n\x03\xe0\x16\xc4}\x89\x92$\xed\xdf\xbf\x7f\xe6\xcc\x99\xe9\xe9\xe9\x00`4\x18\x1e{4\xf6\xa5\xe7\xa7\x86\xf4\x0c\x03k%\xad\xac&amp;@$\xb9\xf9&amp;\xa51\xc6\x18\xe3\x8a\x9b\x1e\x8c\xdeeE\x05\x8b?\xfd\xfa\x8b\x84o\xf3\x0b.\x03@\xcb\x96Ao\xbf\xfd\xce\xb4i\xd3\x00\xbbB\xe8\xaea\xfd\xbb6\x0c\x80\x9b\xb1\x15\xd0\x1bo\xbc\xf1\xfe\xfb\xef\x89\x99m\xc3c\xfa\xbd\xf3\xd6\xec~\x83\xfa\x81\xa5Z\xad\xa8\x92d\xbb\xcdG\xe6\x9cS\x95*\x06=xx\xe7\x9d\xcd\xfe\xdb\x9bKV\xad\xd9$N\xcc\x1f}\xf4\xd1O?\xfd\xd4\xdf\xdf_\xf4\xdd\xec\xb2y\xc8\xd9a\xfd\xbb&lt;\x0c\x80\x1b\x12\xd5\x9f\x9f\x9f\x1f\x17\x17\x97\x98\x98\x08\x00&amp;_\xaf7\xff\xfe\xcc\xecg\'\x82Dh\xb9\x998\xc6\xad(\xbf_\x9a3\xba\x81\x9bG\xe2\xe6]\x7fy\xe1\xfdS\xa7s\x00 88x\xc5\x8a\x15\x03\x07\x0e\xc4~\x10\xba\x03X\xffZ\x80\x01p}\xa2\xe3\xb0\x7f\xff\xfe\xf1\xe3\xc7\xe7\xe5\xe5\x01\xc0\xa0\x01\xbd\xbeLx;8,\x94\x95\x95\x02\xe7\xcdy\xc2\xdb\x10\x9csJ\x99b\xf2)\xbbR:w\xee\x07\xcbW\xfd\x0b\x00\x0c\x06\xfd\xc7\x1f\x7f\xf2\xf4\xd3O\xe3\x90(\xba-X\xff\x1a\xe1X\xdf\xa2\x83\x10\xd5\x9f\x90\x90\x10\x13\x13#\xaa?\xfe\xd9\'v\xef\\\x19\x1c\xdcA-\xb9"I\xcd:\xdc\xd9@\x84\x10E\x91iI\x99\x8fQ\x9f\xb0\xf2\xfd\x84\xcf\xde\xf0\xf5\xf6\xac\xad\xb5\xcc\x9c9s\xe6\xcc\x99\xb2,\x8b\xe9\xdb\xf6\xdeL\xe4\x04\xb0\xfe\xb5\x03\xcf\x00\xaef\xab\xfe\x193f\x00\x80\x8f\x97\xc7G\x0b^\x9a:c"7\x97p\xca\x1c\xb0\xf4\xaf\xc29g\x94\xc9&amp;\xff\xc3\xfb\x0eM\x9a\xf2J\xe6\x99\x0b\x000}\xfa\xf4e\xcb\x96a?\x08\xdd\x12\xd6\xbf\xa6`\x00\xfc\x97\xab\xaa\xdf\xdf\xe4\xbd\xed\x87\xcf\xa2\x07\xf5S\x8b/\xcb\x8a\xecD\xa5\xa3ZU\xc5\xd7\xbb\xb8\xa88v\xcc\x8c\xc3)\'\x00\x8f\x01\xd4\x00X\xffZ\xe3\xe8y\xde\x9c\xae\xaa\xfe\xbeQ\xdd\x0f\xee_\x17}O\xa4Z|Y\xd1)\xceU4\x8aN\xa1ef?\x93\xd7\xae]\xab\xa6N|\x10\x00\xc4\xe7\xc2sat#X\xff\x1a\x84g\x00\xbf\xbb\xb6\xfa\xb7\xff;\xc1\x14\xe8K\xcb\xcc\xb2\xd3N#c\x94Iz\x1d\x18\xddf\xc4\xcdK\xf8j#\xd4\xf5\x83\xc4\x136\x9c\xeb\x90FM\n\xeb_\x9b0\x00\x00\xeaf\xbc\xd9\xaa?:\xb2[\xe2\xb6\xe5&amp;\x93\x17\xad\xac\x96\x15\xe7\x9e@\xc6\x18\xe3\x92${z\\u\x0c\xe0\xdc8d\x83\xf5\xafY\x18\x00\xbfW\xff\xc1\x83\x07\x07\r\x1a\xc4\x18\xf3\xf3\xf5\xfe\xf5\xc0\xba\x8e!\x1dhY\x85\xb3W\xbf\xc0\x19\xe3\xb2Lt\xba\x81\xf7&gt;~09\x1d\x00\x16-Z\x14\x1f\x1f\x8f\xf7\xc8 \xc0\xfa\xd76\xad\x07\x808\x19,**\x8a\x88\xe8YXX\xe4\xe1n\xdc\x9d\x98\x10}O\x14-3\xbbF\xf5\x0b\x8c1\xd0\xe9J\xcdU1C\x9fL=q\x06\x00v\xec\xd81b\xc4\x08\xec\x07i\x1c\xd6\xbf\xc6\xeb_\xeb\x17\x81\xc5R\'\x93&amp;M*,,\x02\x80%\x1f\xbd\x1c=\xa8\xbfZZ\xeeJ\xd5\x0f\x00\x92$\xf1Z\x8b_\xa0\xe9\xebU\xef\xfb\x99\xbc\x01\xe0\xc9\'\'\x15\x16\x16J\x92$\xf6\x00\xd2&amp;\xac\x7f\x8d\xd7\xbf\xa6\x03@\x9c\x03\xbe\xf5\xd6[;w\xee\x04\x80\xf8\xffyt\xf2\xd3\x93\xac\xc5\x97\x15\x9d\x0b\x9e\x18\xca\x8a\xac\x96\x96\x87GG.\xfb\xe45\x00(((\x9c4i\x12!Z?\x05\xd42\xac\x7f\xac\x7f\xed~~\xb1\xbe\xf9/\xbf\xfc2x\xf0`\xab\xd5\xda\xbfO\x8f}{\xbe\xe6VU\x06\xee\xc2\xd3\x03TUUL\xfesf\xfdm\xf1g\xeb\xa1n0\x14O\x845\x08\xeb\x1f\xb0\xfe5\x1b\x00baqJixxxff\xa6\x97\x97\xc7\xb1\x83\xeb;\x05w`\x95\xd5\x8e\x7f\xaf\xe3\xdd\xe0\x9c3B@Q\xfa\x0e\x98\x90\xf2[\xa6\xa2H\xe9\xe9\xc7\x83\x83\x839\xe7\x8e\xb0\xb0WS\xe3\xf5\\\xf5#R\x8f]\xb6\xad9a\xfdk\xb3\xfe\xaf\xa5\xc5\xcf\x0c\x00\xe2\xf1\xa1\x0b\x16,\xc8\xcc\xcc\x04\x80\xf7_\x7f\xa6SX\xa8j\xaet\xed\xea\x07\x00B\x08P&amp;\xebt\xcb\x97\xfc\xdd`\xd0Q\xca\x9e{\xee9\x97?\x11\x16\x0bFRJ\t!\x92$\xc9\xb2\xac\\C\x96eq\x8f(\xa5TUU\xd7\x1e\x1a\xc6\xfa\xd7T\xfd\xdf\x84\x16?\xb9\x98\xf9p\xf6\xec\xd9\xde\xbd{\x97\x95\x95\r\x1e\x18\xf9\xf3O_\xd3\xcaJY3]\x00UU\x15S\xc0ks\xdf}w\xe1J\x00\xd8\xb0a\xc3#\x8f&lt;\xe2\x92\'\xc2\xf5\x9f`\x0e\x00\x94\xd2\x8b\x17/\x9e9s&amp;\'\'\xe7\xfc\xf9\x1cB\x08\xe7\x00\xc0}}M\xe1\xe1\xe1-[\xb6\xec\xd0\xa1\x83\xd1h\xac\xff\xbb\xae\xb7r\x00\xd6\xbfv\xea\xff\x96\xb4\x18\x00\xe2\x9b\x9e&lt;y\xf2\xea\xd5\xab\xdd\xdc\x0c\xfbw~\x19\xd5\xbf\x17\xab\xa8r\xf9\xee\x8f\r\xe7\x9c\xc9reUM\x9f\x01\x8f\x9e\xc9\xbe\xd0\xa5K\xd7\xb4\xb44EQ\\i\x00\xa4\xfe\xdd\x9e\x85\x85\x85\xfb\xf7\xef\xdf\xbaukr\xf2\xe1\x9c\x9c\xf3\xe5\xe5\xe5\xd7\xfd\x15\x83A\xdf\xa6M\x9b\xa8\xa8\xa81c\xee\xef\xdf\xbf\x7fhh\xa8x\xdd\xc5\x9a\x06\xac\x7f-\xd4\x7f\x03i\xe5+\xb7\x11\xd5\xbfg\xcf\x9e\xb5k\xd7\x02\xc0\x84?\r\x8f\x1a\xd4\x9f\x9a+\xb4S\xfd\x00@\x08\xe1\x16\xabw`\xe0k/Ne\x8cgff.X\xb0\xc0e\xa6\xc4\x89\x01\x1f\xd1sOMM}\xfa\xe9\x19QQQc\xc7\x8e]\xb1bEZZ\xba\xad\xf5\x0f\x0c\xf4\x0f\x0c0\x05\x04\x98\x02\x03\xfd\xf5z=\x00\xd4\xd6Z\xce\x9e\xcd\xfe\xee\xbb\xef\xe3\xe2\xe2\xfa\xf4\xe9\xfd\xa7?=\xbcs\xe7NQ0\x8c1\xd7\xd89X\xff\xe0\xea\xf5\x7f[4w\x06 \xbe\xe3\xe1\xc3\x87\xef\xde\xbd\xdb\xdf\xcf\xe7\x97\x9f\xd7t\xea\xda\x01jj%I[\xc9\xcf\x018\x80\x15\xc8\xe0\x98\'\x93SN\xf8\xf9\xf9\x9d8q"00\x10\xc48\xa9\xd3\x12\x93[\x00 ==\xfd\xe5\x97_\xde\xb5k\x97\xc5b\x11?j\xdf\xaeu\x9f&gt;aQ\x11!}"BM&amp;\xef.\x9d\xdb\x818\xe0e\xa5 \xaf0\xffRq\xda\x89\xb3\xa9i\x99\xc9G\x8e\xa7\xa5g\xda\xfe`DD\xc4{\xef\xbd\x17\x1b\x1b\x0b.q*\x80\xf5/\xb8j\xfd\xdf.m\x05\x808\x80\x7f\xfd\xf5\xd7\xbe}\xfbr\xce\xe7\xce\x9e8\xff\x93\xb7\xd4\xe2"\x97\x9c\xf8|KT\xa5\xb2\xc9w\xfb\xf7\xdbc\xc7\xfd\x05\x00\x16.\\\xf8\xfc\xf3\xcf;\xf5\xfd\xf1b\xe3\xcdf\xf3_\xff\xfa\xd7\xe5\xcb\x13\xaa\xabk\x00\xc0\xdd\xe8\xf6\xc8\xd8\x91\x7f~x\xf8\x90AQ\xdeA\x01\x002\x80\n\x8cA\xad\x05@\x1c\xea\x1ct\n(\n\x80\x0c\xc0\xa9\xd9|\xe8\xc8\xf1\x8d\x9bw\xaf]\xb75/\xff\x92\xf8\xcb\xb1\xb1\xb1\x8b\x17/\x0e\x0e\x0ev\xea\xfd\x83\xf5_\x9f\xeb\xd5\xff\x1d\xd0b\x00L\x9d:u\xe5\xca\x95nn\xfa\x94\xbdkC{\x86\xf0j\xcdu\x7f\x04\x0e\xc0\t\xd4\xa8\xacw\xff\xf1\xa72s\xbaw\xef\x9e\x9c\x9c\xec\xe6\xe6\x06\xce\xd9\t\x12\x87nJJ\xca\xf4\xe9\xd3SRR\x00\xc0\xe8fxlB\xec\x9c\xd9\x93z\xf4\xee\x01\xc0\xa1\xaa\x8aZ\xac\x9c\x03!\x04\x08H\xf5&gt;\xa3\x98\x17\xca9\'\x04dY\x06\x0f#H\x86\xc2\x0b\x17&gt;O\xd8\xf0E\xc2\xb7\xf9\x05\x97\x01   `\xc9\x92%\xe3\xc7\x8fw\xde\xb5$\xb1\xfe\xebs\xb1\xfa\xbf3\x1a\x1a\xf8\x13\xb3A\xf2\xf3\xf3\xbf\xfb\xee[\x00xl\xdc\xe8n}"XU\xb56\xab\x1f\x00\x08\x00\xb7Rw_\xdfys\xa6p\xce\x8f\x1f?\x9e\x94\x94D\x08q\xc6\x91P\xd1\xfa\xafX\xb1"&amp;&amp;F\xb4\xfe\xa3\x87\xdf\x93|`\xdd\x97\xab&gt;\xe8\xd13\x98\x96\x94\xd2\xd22\xaeRY\x96\xc5\x84OY\x92\xeaO\xfc\x97$I\x96%E\x91eY\xe6\x00\xcc\\\xa9\x96\\\x0e\n0\xbd\xfe\xd6\x9cc\xc9\xdf\xcf\xfe\x9f\xc7$B._\xbe&lt;a\xc2\x849s\xe6H\x92t\xdd;\t\x1c\x1c\xd6\xffU\\\xa9\xfe\xef\x98\x86\x02\x80R\n\x00\xeb\xd6\xad3\x9b+dY\x9e5m\x1cg\xd6\xbaA\x00\x8d\x92d\x89WU\x8c\xfd\xf3\xc8\xb6m\x82\x08!\t\t\xcb\xc0\t\xbb?\xb6\xb5\xec\x9fz\xea\xa9\xf2\xf2r\x83^\xb7\xe8\x83\xb9\xdb\xb6%\x84\x85\x07\xd3\x92RVU-+\xb2,7\xf4\x81V\x04@\x92$EQ\xb8\xd5\xaa\x96\x14\xb7\xf0\xf7\xf9d\xe9\x9b\xff\xde\xb4\xa4M\xcb\x00\x00X\xbcx\xf1\x8c\x193\xc4\x05C\xe7\xca\x00\xac\xffk\xb9F\xfd\xdf\r\r\x05\x80,\xcb\x16\x8b\xe5\xabU\xab\x08!}{\x87E\xf5\x8f\xe0\x15U\xb2\x96&amp;?\\\x8b\x10Bk\xad\x1e\x81\x01\x8f\x8d\x1d\xc99OJJ:}\xfa\xb4sM\x87\xb8\xeaI&amp;~\xbe^I\xdb\x97\xc7\xbf\xf44\xab\xacb\x15U\xb2"\xdf\xf1\x1d\x9e\x84\x90\xba\x18(\x19\xf5\xc0\xd0\xe4C\x1b\xa2#\xbbC\xbdgKQJ\x9d(\x03\xb0\xfe\xaf\xe5\x02\xf5\x7f\x97\xb4\xf2\xf5\x8b\xbb@\x8f\x1eMIKO\xe7\x9c\x8f}0F2\xb83\xaa\x95\xaf\xf9&amp;\x08!\xc0\xacc\x1f\x1a&amp;IRee\xd5\xc6\x8d\x1b\xa1n\xae\x88\xe3\xa3\x94*\x8a\xf2\xd5W_\x89\xd6\xbf{H\xc7];V\x0e\x8c\xe9\xaf\x16_\x91$\xd2(S\x1b\t!\x8a"\xab\xc5\xa5\xadZ\xb5H\xdc\x9e\xf0\xf0\x98\xfb\x00 !!a\xe6\xcc\x99\x8a\xa2\x88n\xb5\xe3\xc3\xfa\xbf\x11\xa7\xae\xff\xbb\xa7\x95\x00\x10=\xb5\x7f\xfe\xf3\x9f\x9cs?\x93\xcf\xe3\x13\xfe\x08\xb5\x95\x1a\xef\xfe\x08\xb2,\xb1\x8a\xaa\xe8\x81Q\xf7\xf4\xebI\x08\xd9\xb4q\xa3m&amp;\xa5\x83\x13\xeb\x19\xa4\xa5\xa5=\xf3\xcc,\x00\xf07y\xaf\xffz~dtO\xb5\xb8\xb8\xd1\xa7\xb5(:\x85VT\x9a|\xbd\xd6}\xb30:\xb2\x1b\x00|\xf1\xc5\x17+W\xaet\x96\x0c\xc0\xfa\xbf\x11\xe7\xad\xffF\xa1\x95\xcf)\xcb\xb2\xd5j\xd9\xb2e+\x00\xf4\xea\x19\xdc\xaa\xd3\x1fX\x8dES\x83}7\xc1(\x93\x0c\xc6\xe11}9\xe7GRR\xb2\xb2\xb2\x1c\xff,X\\\x865\x9b\xcd\x13\'&gt;QYY\xa5(\xf2\x96\xef&gt;\t\xef\x13\xae\x16_Q\xf4\xba\xa6\xf8\x17eEfU\xd5nz%q[B\xa7\x0em\x08!\xb3g\xcfNMM\x15\xb7\x895\xc5\xbf\xd8\x88\xb0\xfeo\xc2\x19\xeb\xbf\xb1h"\x00\xc4\xbc\xbd3g\xce\x9e={\x06\x00F\x0f\xbf\x07$\x851\xa7\x19\xbdmj\x84\x10`\x96\x911\xfd\x15Y\xae\xa9\xa9\xd9\xbf\x7f?8\xfcY\xb0\xe8\xfe\xcf\x9b7/55\r\x00\xe6\xbf\xfd\x97\xfeC\x07Y\x8bK\x14\x9d\x0e\x9a\xec\x8b\x95d\x99V\xd7\x9aZ\xf8\x7f\xb3\xe2]\x9d"WVVN\x992E\xdch\xe6\xc8\x17\x03\xb0\xfeo\xce\x19\xeb\xbf\xb1h%\x00\x00`\xfb\xf6m55\xb5\x8a,\x0f\xbb/\x1a\x98\x15\xbb?6\x92D\xa0\xba&amp;"\xb2[\x9b6-\x00`\xf3\xe6\x1f\xc0\xb1\xe7B\x88\xd6\xff\xd4\xa9S\xcb\x96-#\x84\x0c\x8f\xe9\x1b\xff\xe24\xb5\xacX\xd7\xf474\xc9\x8a\xac\x96\x94\xf5\x8b\xb9\xf7\xd5\x17\xe2\x00\xe0\xe8\xd1\xa3\xeb\xd6\xads\xf0\x0e#\xd6\xff\xcd9]\xfd7"M\x04\x80\xf8.\xf7\xed\xdf\x0f\x00mZ\xb7\x08\t\xed\x08\xd55\x9a\x9d\xfe|-B\x08\xb5Rw?\xdf\xde\xbdB\x01\xe0h\xca\xd1\xaa\xaa*Y\x96\x1d\xb9W\xcb9\xff\xcb_\xfeb\xb5Z\r\x06\xdd\x92\x85\xaf\x00gRsm\xac\xac\xc8\xd4\\\xf2\xea_\xff\'4\xb8\x83$I\xf3\xe6\xcd\xbb|\xf9\xb2\xb89\xa0\x99\xb6\xe06a\xfd\xdf\x9c3\xd6\x7fc\xd1D\x00H\x92d\xb1XNfd\x00@t\xef0\x8f\x00?j\xa5\x1aI\xf8\x06\xe2\x9c\x03\x91\x87\x0c\xea\r\x00\x85E\x85\x17.\\\x00G\x1d\xd6\x10\x03\x1a\x19\x19\x19III\x000\xe1\xcf#\x83#{\xd0f\\\xcb\x9e\x10\xc2U\xaa\xf3\xf4\x9c7g\nc,??\x7f\xe3\xc6\x8d\xe2A\x02\xcd\xb3\x01\xb7\x0b\xeb\xff\x96\x9c\xa8\xfe\x1b\x97\xeb\x07\x80h/\xf2\xf3\xf3\xcf\x9f?\x0f\x00\xbd{\x85\x02Q\xb4\xf0\xd5\xde\x16B\x08p52"T\x92\xa4\xea\xea\x9a\xd4\xd4Tp\xd4\x03\x80sN\x08Y\xbcx\xb1\xaa\xaaF\xa3\xdb\xbc\xb9q\xdcZK\x9a\xb7?++2\xab(\x9f\xf0\xf8\xfd\xddC;\x12B&gt;\xfex\xb1\xaa\xaa\x8e\xb9N\x1c\xd6\x7fC8Q\xfd7.\xd7\x0f\x00\xf1-fgg\x9b\xcd\x15\x00\xd0\xabg\x08\x00v\x7f\xae&amp;I\x04j-!]\xda\xfb\xfax\x01\xc0\xc9\x93\x19\xe0\x90\x07\x80X\xcf\xa0\xb0\xb0p\xd3\xa6M\x84\xc0\xb8\x87\x86\x86D\x86\xb3\x8a\xaaf\x9e\xb7G\x00\x98\x95\x1a\xbc\xbd_xv"\xe7\xfc\xc4\x89\x8c\x9f\x7f\xfe\xd91O\x02\xb0\xfe\x1b\xc2Y\xea\xbf\xd1i%\x00\xd2\xd2R\x01\xc0\xc7\xdb+\xac[\'\xa8\xad\xc5\x03\xe0*b\x85tS\xeb\xc0\xae]\xda\x01@ZZ:8\xe4u0\xd1\xc2\x1e&lt;x\xb0\xa8\xa8\x88sxt\xec(\xce\x19\xd8c;eY\xe25UcF\xdf\xeb\xeb\xe3\xc5\x18\x13W\x0e\x1d\xb0\xc9\xc0\xfao\x08g\xa9\xffF\xe7\xfa\x01 \x14\x14\x14\x00\x80\xbb\xbb\x9b\x8f\x8f\x17P\xaa\x81o\xf6\xb6q\xce\x15\x83\xde\xdf\xcf\x07\x00\n\x0b\x0b\xc5H\x8b\xbd7\xeajb\x93\xb6l\xd9B\x08i\xdb&amp;h\xd0\xbdQ\xa4\xba\xca.\xd73\t!\xbc\xc6\x12\xd4\xb1\xed\xe0\x81Q\x00\x90\x94\xf4\xa3\xc5bq\xccQ \xc0\xfao\x00\xa7\xa8\xffF\xe7\xfa\x01 \x06\x07RR\x8e\x02@hH\x07\xcf@\x13\xb3\xaaZ\xf8jo\x17c\x1c\x88\xd2;"\x14\x0023O\x95\x96\x96:\xe0\xcc\x16q=\xf3\xc0\x81\x03\x9c\xf3\x01}\xc3\xbd\x83\x02\xa9\xc5n3\x1a\x19\xe7 )#b\xfa\x02@V\xd6\xe9\xec\xecl\x07\\K\x12\xeb\xbf\x81\x9c\xa2\xfe\x1b\x9d\xeb\x07\x80 \xbeHRw&lt;\xa0\x1b \xa27-&amp;\xda\xdb{c\xae&amp;\xaeg\xe6\xe5\xe5\xe5\xe6^\x00\x80\xa8\x88P\x00\xd9\x8eG\xa8\xb8r\xd8\xabg\x88$I55\xb5\x8e|\xe5\x10\xeb\xbfa\x1c\xba\xfe\x9b\x82\xebW\x03!\xa4\xa6\xa6&amp;\xef\xe2E\x000\xf9z\x03\x10G&lt;@\x1d\x057\xf9z\x03@ee\xe5\xc5\x8b\x17\xc1\xc1\x9a3\xb11\xe7\xcf\x9f\xff\xfdzfx\xb0}\xafg\x8a+\x87\xc1]\xda\xfbx{\x01@f\xe6)p\xb0=\x06X\xff\xb7\xc7\xa1\xeb\xbf)\xb8x\x00\x88\x81\xbc\xaa\xaa\xaa\xdc\x8b\xb9\x00\x10\xd93\x18$\x1d\xc7\x9b\xe0\xaf\x87\x10\x02@##B\x00\xa0\xb2\xb2*77\x17\x1c\xf2\x00\xc8\xce&gt;\x0b\x00:\x9d. \xc0\x04\xcc\xce\xc3\xd9\x9c2w/w__O\x00\xc8\xce\xce\x06\x07\xbbr\x88\xf5\xdfp\xceR\xff\x8d\xcb\xc5\x03@ \x84\xe8t:\x00PU\xc7\x1a\x9fu@\xb6]$\xf6\x98C\x11GcVV\x16\x00\x98|\xbd\xbbvn\x07\xb5\xf6\\\xd1\x8c\x10\xc2U\xd53\xc0\xd4\xb5s;\x00\xc8\xca:\x03\x0e\x16\x00\x02\xd6\x7f\xc39r\xfd7\x05M\x04\x00\xd8\xc6@\x1d\xee\xd8t8\xb6]\xe4\xb0}\x1f\xbd^\x0f\x00\x9csG\xb9\xdcZ\xb7%b\xc3\x1c\x13\xd6\x7f\x039~\xfd7.\xad\x04\x00r=\x8es\x88:\xce\x96 t[\xb4\x12\x00\xe2\xc4\x1c\x0f\xd4[\xb2\xed"\x07\x1c\xca\x10TU\x05\x00I":E\x01G\xf8B%I\xa7(P\xb7a\x8e\t\xeb\xbf\x81\x1c\xbf\xfe\x1b\x97&amp;\x02\x80s\xaeR\x15\x00\xf4\xda\x18\xd7\xbb\x1b\xb6]\xe4\xb0\xcd\x99\xbf\x7f\x00\x00TTT]\xb8X\x08z\x9d\x1d\x1b5\xce9\x91\xe5\xeaRsn^\x11\x00\xf8\xfb\xfb\xdbkKn\x0e\xeb\xbf\xe1\x1c\xbf\xfe\x1b\x97\xeb\x07\x00\xe7\\\xa7\xd3\xf9x\xfb\x00@V\xf6\x05\xe0\xb8\x10\xcaMHY\xd9\x17\x00@\xa7\xd3\xf9\xf8\xf8\x80\x83\xf5\x83\xc4\xc6\xf4\xe8\xd1\x03\x00*\xab\xaa\xf3\x0b.\x81\xa2\xd8\xb7SKd\xa9\xa6\xbc"/\xff2\x00\xf4\xe8\x11\x06\x8e\xf7 \x11\xac\xff\xdb\xe1\xd0\xf5\xdf\x14\\&lt;\x00\x08!\x9cs//\xaf\xe0\xe0\x10\x008\x93}\x11\xb8\xea\xea\xdf\xe9\x1d\xe2\x9c\x03Hg\xce\xe6\x02\x80\xc9\xe4\x1b\x1c\x1c\x0c\x0ev\x00\x88\x8di\xd92\xc8ht\x03\x80S\xa7s\x00\xec\xb9h;\xe7\x1c\x0c\xbas\x17\xf2+*+\x01\xa0m\xdb?\xd8kKn\x04\xeb\xbf\xe1\x1c\xbf\xfe\x9b\x82\x8b\x07\x80\x8dxn\x9f\x9b\x9b\x1e\x88V&gt;\xf2\x9d1\xba\x19\x00\x80R\xea\x80\x0b[\x8a\xa3\xb1c\xc7NAAA\x00p\xe4\xd8I\x00n\xc7#\x941\x0e\x92&gt;-\xfd\xb4\xc5bU\x14%**\n\x1c\xf5V[\xac\xff\x06r\xe4\xfao\n\xae_\r\xe2\x94&lt;""\x02\x002\xb3.T\\.!\n\xae\x87~\x1dba\x83\xa3i\x99\x00\xd0\xa5KWoooG[\x0fK\xac\xb7l4\x1a##\xa3\x08!\x07\x0f\xa7Y\xccfI\xb1\xdb-\xfb\xe2\xc2\xea\xee}G\x00\xa0u\xeb\xd6]\xbbv\x05\xc7\xeb3b\xfd7\x90\xe3\xd7\x7fSp\xfd\x00\x10Z\xb5j\t\x00\xa5\xa5\xe6*s\x15i\xaeGG9\x17"\x01\xa3j\xe1\xa5b\x00\x08\x0c\x0cT\x1c\xb2\x99\x10\x9b\xf4\xc0\x03\xf7s\xce3\xb3r\x8e\x1eN\x03\xa3\x91R;\x0c\xbbs\xce%\xbd\xae\xbc\xb0h\xd7\xee\xc3\x00\x10\x133\xc4\xd3\xd3\x93R\x07\x1da\xc7\xfa\xbf%\xa7\xa8\xffF\xe7\xfa\xa5 \x0e\xc8\xf0\xf0\x9e\x00PVn\xce\xcc\xca\x01\x83\x9e\xe1\xdd\xf0\xff\x8ds.)\x8a\xb9\xa8\xf8\xcc\x99\\p\xd4\xeb\x99P7\xc0r\xef\xbd\x83=&lt;&lt;(\xa5\xdfo\xdeMd\x83]\x0eTF9qw\xdf\xb77%\xf7b!\x00\x8c\x1c9\n\x1cr\x9e%\xd6\x7fC8K\xfd7:\xad\x04@\x87\x0e\x1d\xdc\xdc\xdc\x18c\xc7R3\xf1\x91x\xd7\xe2\x9c\x83\x9b\xe1\xec\xd9\x0b\x97.\x17\x03\x80\xb8f\xe8\x80$I\xa2\x94v\xe9\xd2%&amp;&amp;\x06\x00\xd6\xac\xdfz\xe5\xc2\x05\xd9M\xdf\xfc_(\x91\x00T\xbah\xe9ZBH\xabV\xad\x1e|\xf0A\x00p\xc0%$\xb1\xfe\x1b\xc2Y\xea\xbf\xd1i(\x00Z\xb7j\x05\x00GSO\xd9\xf7\xca\xa1cb\x8c\x83\xa4\xa4\x1d\xcf\xb2\xaa\xaaN\xa7\xeb\xd5\xab\x178\xea\xf5L!&gt;&gt;^"\xa4\xa0\xf0\xca\xa7\x9f\xad#F\xcff\x1e\x05\xa2\x94\x11/\xcf\x9f\x12\xf7\xee\xda}\x98s&gt;}\xfa\x0c\x87\x1d\xff\xc1\xfao\x08\xa7\xab\xff\xc6\xe2\xfa\x9fP&lt;\xa3\xc3h4\x06\x87\x84\x00\xc0/\xc9i\x16\xb3Yr\xbc\x9e\x9a}\x89\x16\xe1\xa7}G\x00\xc0\xdf\xdf\xafS\xa7N\xe0x\xd73\x05Y\x969\xe7\xf7\xddw_h\xb7PB\xc8\x92\x84oK\xf2\xf2\xa4\xe6&gt;\t\xe0\x84\x90\xb7&gt;\\N\x081\x18\x0c\x93\'?\t\x8e\xba\xbb\xb0\xfe\x1b\xc2\x89\xea\xbfq\xb9~\x00@\xddX^tt4\x00\x9c\xcd\xbex\xeet\x0e1\x1ap\x18\xb4&gt;I\x96\xadf\xf3\xa1_\x8f\x03@\xb7n\xdd\xbd\xbc\xbc\xc4\xd3W\xec\xbd]\xd7\xc7\x18S\x14e\xd1\xa2\xc5\x9c\xf3K\x97K\xfe\xf6\xc6\xa7R3\x9e\x04P\x95\xca\xbe\xa6oWo\xfci\xef\x11\xce\xf9\xdc\xb9s;u\xeaD)u\xd8\x0e#\xd6\xff-9W\xfd7"\x07-\xd9\xc6%\xbe\xc8\xd8\xd8XEQjjk\xf7\x1f\xfa\r\x14\xbd\x16\xae\xf04\x10c\x9c\x18\rgN\x9d;{\xee"\x00\xfc\xf1\x8f\xb1\x92$9\xf2\xfe\x91e\x9916r\xe4\xc8\x91#F\x00\xc0\xd2\xe5\xdf\xed\xfca\x87b\xf2Q\xadM~\xfb&gt;cL2\x1a\n\xcf]x\xf6\xc5\xf9\x9c\xf3\x16-\x02\x9f\x7f\xfey\xce\xb9\xc3\xb6\xfe\x80\xf5\x7f+NW\xff\x8d\xc8q\xab\xb6\x11\x89\x833""B\x0c\x83n\xde\xb6\x178\xd3@\xba7\x14c\x8c+\x86\xc4\xa4\x8355\xb5\xb2,\r\x1d:\x0c\x9c\xe1\xfc\x97s\xbe\xf4\xb3\xcf\xfc\xfcL\x9c\xf3\'\xa7\xff\xbd\xe8|\x9e\xe2\xe5A\xd5&amp;\xbc\x7f\x873\xce%\x89\x18\x0c\x93\xa6\xce+\xbaT\x0c\x00K\x96,\xf5\xf3\xf3s\xf0\xde"\xd6\xff\xcd9i\xfd7\nM\x04\x80\xb8\x81\xc8\xdd\xdd}\xe8\xb0a\x00\xf0\xeb\xd1\x8c\x8a\xcb\xc5\xb2]\xd7\x11s(\x12\x01\xc2\xe9\xee\xbdG\x08!!!!aaa\x9cs\x07\x9c\xd0R\x9f\xe8\xa3u\xee\xdcy\xd9\xb2\x04\x00((\xba\xf2\xc0\x9f\x9e--)\x97\xdd\x8dMt\x0f\'g\x9cID\xf6\xf4\x98\x117o\xe7\xee\xc3\x00\x10\x1f\x1f?n\xdc8J\xa9\x83\xef+\xac\xff\x9bs\xc6\xfao,\x9a\x08\x00\x9bG\x1e\x19\x07\x00\x17r\x0b6m\xfa\x11\x8c\x1e\x14\x87A\x01\x18\xe3\x92\x87\xf1\xf4o\'w\xed&gt;\xc49\x1f3\xe6~\x83\xc1\xe0\x14\xf7\xc1\xcb\xb2\xac\xaa\xea\xd8\xb1c\xe3\xe3\xe3\x01\xe0p\xca\x89\xb8\xa9\xaf\x9ak,\xb2\x9b[\xa3\x9f\x070\xcaD\xeb\xff\xee\xdf?I\xf8j#\x00\x0c\x180`\xc1\x82\x05\x8e&lt;\xf4\x7f-\xac\xffk9o\xfd7\n\xa7\xa9\xdd\xbbd\xbb\x81\xa8m\xdb6\x84\xc0\xfa\xefw\x000\t\xf0\x00\x00\xc6\x18\xe8\x8c\x9b\xb6\xfeTYU-\xcb\xf2\xd8\xb1c\xc1y\xce\x7fE\x06,Z\xb4h\xfa\xf4\xe9\x00\xb0q\xeb\xcf\xc3\x87&gt;Y\\j\x96}\xbdU\xab\xdaX=\\UU%7\x83\xe8\xfb\xbf\xf6\xceg\x00\x10\x1d\x1d\xbde\xcb\x16I\x92$Ir\x8a}\x85\xf5\x7f#N]\xffwO+\x01@\x08QU\xd5\xcb\xcb\xeb\xd1\t\x8fr\x0e\xbb\xf7\xfez6=\x93x\x18q.\x84\xacHj\xa5y\xcd\xfa\x7f\x13B\xa2\xa3\xfbDGG3\xc6\x9c\xe5\xfc\x97\x10".\x08/[\xb6Ld\xc0\xe1\x94\x13\x03\x06=\xbe\xff\xa7\xc3\x8a_\x00!DU\xe9\xdd\xa4\x00\xa5\x94Q\xa6\x98\xfc\xf2\x0b/\x8d\x1e\x11\'\xfa\xfe\xd1\xd1\xd1\x89\x89\x89~~~N\xb4V\x0c\xd6\xff\x8d8u\xfd\xdf=\xad\x04\x00\xd4u\x82\xa6\xc4\xc5\xe9u\xba\xca\xca\xea\xd5\xeb\xb6\x12\x9d;\xd7\xc6\xb5\xfe\x1b\xa1\x94\x11O\xcf\xbd\xbb\x0f\xa5\x1d\xcf\xe2\x9cO\x9d\xfa\x94\xd3\xcd\x7f \x84\x881\xeee\xcb\x96=\xfd\xf4\xd3\x00\x90y\xe6\xfc\xb0\xd1\xd3\xdf|m\x81\x85\x10\xc5\xe4K$PUz[g\x03\x9csJ)cL\xf6\xf1\x92\xbc=\xd7\xaf\xf9W\xf4\x80\xc7\x12\x93~\x01\x80\x81\x03\x07&amp;&amp;&amp;\x9aL&amp;\xc6\x98\x13\r\xfe\x00\xd6\xff\xf5\xb8@\xfd\xdf%\xa2\xa9\x0bA\xe2\xa0\x1d1bDRRR@\x80oz\xf2w\x81-\xfc\xc0\xaa:K?\xae\xd11\xc6\xb8\x9bq\xe4\xa8\xa9?\xfe\x9c\xdc2((-=]&lt;\xd6\xca\xe9v\x88xF\xbc,\xcb\xcb\x97/\x7fq\xee\xdc\xd2\xb22\x00\x08\x0f\xeb2\xe7\xb9IOL\x18\xa3\xf7\xf1\x86\x9a*Vca\x9c\x13B$\x89\xc0\x7f\x7fFq\x140\xce9\xe3\x04@\xd6\xeb\xc0\xc3\x1d(\xdd\xb9c\xdf\x82\x8fV\xed\xd8uP\xbc-&gt;&gt;~\xfe\xfc\xf9\x8a\xa28]\xeb/`\xfd_\xc5e\xea\xff\x8e9_\x11\xdf\rq\x9c\xcf\x993\x87s~\xe9R\xc9\xd7k7\x13\xa3w\x93N\x1ctd\x942\xc9\xdb\xf3\xb7C\xc7v\xef\xf9\x15\x00\x9e\x9881  \xc01\xd73\xb8%1\x16D)\x9d6mZ\xd2\x8f?\xf6\xef\xdf\x0f\x00\xd2\x8egM}\xfa\xf5\xe8A\x8f/\xfflmnn\x91\xe4\xe3\xa9\x98L\xb2\x8f\'\xd1\xeb\x88,3\xca~G\x19\x91$\xa2SdO\x0f\xc5\xe4+\x9b|\xcb+\xaa~\xf8\xe7\x8e\xd1\xb1\xd3G\xfe\xf1i\xd1\xfa\xb7i\xd3\xe6\xff\xfe\xef\xff\x16-Z$\x16\x89t\xc6\xd6\x1f\xb0\xfe\xff\x9b+\xd5\xff\x1d\xd3\xd6\x19\x80\xf8\xb0555QQQ\x99\x99\x99];\xb7;\xb4o\xad\x97\x87\x91h\xec[\x17(c\xb2\xa7\xe7\xa3\x13\xe27\xfcs\xa7A\xafO9z444\xd4y[7AL\xcaTUu\xf5\xea\xd5o\xbc\xfe\xfa\x85\xdc\\\xf1\xba\xc9\xe4s\xdf\xbd\xbd\x87\x0c\xee\x13\x19\x1e\xdc=\xb8\x83\x87\x87\xd1\x18`\x02\xce\x81\x03H\x12-3\x97WTe\x9d\xbbx&lt;\xe3\xcc\xbe\x03G\x93v\x1f&gt;\x97sQ\xfc\xa2\xd1h|\xe1\x85\x17f\xcf\x9e\xdd\xa2E\x0b1\xe7\xc7yK\x05\xeb\xbf&gt;\x97\xac\xff\xdb\xa5\xad\x00\x80\xba\x06b\xf5\xea\xd5\x93\'O\x06\x807^\x99\xfe\xfa{/\xab%\x97\x15E\xb1\xf7\xa65+J\x99\xec\xe3\xf5\xd3\xbf\x7f\x8e\xb9\x7f&amp;\x00L\x992e\xe5\xca\x95\x8e?\xa5\xbd!l\xe33EEE\x9b6mZ\xbat\xe9\xb1c\xc7\xea\xbf\xc1\xdf\xcf\xd7\xdb\xdb\xa3s\xe7v\xc0\x18p\x00E.\xc8+*\xbcT|\xe9R\t\xd4\x9b\x18\xd3\xbe}\xbb\xb8\xb8\xa9\x13&amp;L\x08\r\r\x85\xba\xcai\xde\x8f\xd2\xf8\xb0\xfe\x05\x17\xae\xff\xdb\xa2\xb9\x00\x00\x001\xc9w\xd8\xb0a{\xf6\xec\t\xf0\xf7M=\xbc\xa1E\xcb@\xb0Z%-u\x82(c\xc4h\x1c6|\xca\xcf\xfbR\xfc\xfd\xfc\xd2\xd2\xd3\x83\x82\x82\\\xa6\xfbc\xbb$\x00\x00\x94\xd2\xa4\xa4\xa4\xed\xdb\xb7\xed\xda\x95\x94\x99y\xaa\xb6\xd6r\xf3\xdf\xed\xd4\xa9\xe3\x90!1C\x86\x0cy\xe8\xa1\x87\xbc\xbd\xbd\xc5_p\xea\x8e\xffU\xb0\xfe\xc1\xd5\xeb\xbf\xe14\x1a\x00\xb2,\xef\xd9\xb3g\xe8\xd0\xa1\x94\xd2)\x8f\xdf\xbfr\xed"\xb5\xe4\x8av:A\xaa\xaa*&amp;\xff\xaf&gt;\xffz\xca\xff\xbc\t\x00\xef\xbe\xfb\xee\xab\xaf\xbe\xeaz\xdd\x9f\xfa1\x00\x00\x94\xd2\xcc\xcc\xcc\x8c\x8c\x8c\xf4\xf4\xf4\xf3\xe7srr\xce\x8b6\x9ds\xee\xeb\xeb\x1b\x1e\x1e\xde\xae]\xbb\xb0\xb0\xb0\xb0\xb00www\xdb\xaf\x10B\\\xacQ\xc0\xfa\xd7H\xfd7\x84\x16\x03\x00\xea\x8e\x81\xb8\xb8\xb8U\xabV\xc9\xb2\x9c\xb8\xf1\x7f\x87\xdd\x1fCK\xcae\xfb=`\xb6\xd90\xc6A\xaf\xbb\\T\xdc\xab\xff\xf8\xc2\xa2\xe2\xe0\xe0\xae\xbf\xfd\x96\xaa(\x8a\x98Oi\xef\xadk|"\x068\xe7\ro\xe0(\xa5b1\x00\x97\xdc!\x80\xf5\xaf\xa5\xfa\xbf9\x8d\x06\x80\x98\xea[TT\xd4\xad[\xb7\xd2\xd2\xd2.\x9d\xda\x1e\xfb\xf5{7\xbdN\xd2\xc0\xd50U\xa5\x8a\xc94\xe1\xcf\xb36\xfck\x17\x00$&amp;&amp;\x8e\x1c9R\x0b\xdd\x1f^\xcfUG\xbbx\x11\x00D\x7f\xdf\xe5k\x00\xeb_\x83\xf5\x7f].un\xdbp\x92$q\xce[\xb6l\xb9p\xe1B\x00\xc8:\x9b\xfb\xdcs\xef\xc8\x1e\xcd\xfd`\xa9\xe6\xa7ZU\xc5\xe4\xb7r\xe9\x1aQ\xfdS\xa7\xc6i\xa7\xfaE\xe3.\xcb\xb2\xa2(\xb2,K\xf5\x88\x17\xc5\xeb.\xdf\x02\x02\xd6\xbf&amp;\xeb\xff\xba4z\x06 \xa8\xaa\xaa(\xca\x84\t\x136l\xd8\x00\x00+\x96\xfc=n\xd6\x93j\xf1eE\xe7\x9a\x83\xa1T\xa5\xb2\x8fW\xda\x91\xe3\x03b\x9e\xac\xaa\xaa\xee\xd8\xb1Sjj\xaa\xd1h\xd4\xe6\xc9/\xc2\xfa\xc7\xfa\xd7t\x00\x88\xd1\xe1\xb2\xb2\xb2\xe8\xe8\xe8\xec\xeclww\xb7\x9f\x12\x97\xf7\x19\x10I\xcb\xcc\xae7\x18\xca\x18\x03\x9d\xae\xac\xa2j\xc8\xd0\xc9\xa9\xc7\xcf(\x8a\xbco\xdf\xbe~\xfd\xfa9\xe9M\xad\xe8\xeea\xfdc\xfdk\xf7\x93C\xdd22~~~\xdf|\xf3\r!\xa4\xb2\xb2z\xc2\x13/\x96\\*\x96\x8dn\xcc\xb5\xce\x859\xe7\x0c\x88\xe4n\x9c1\xfd\xb5\xd4\xe3Y\x00|\xfe\xfc\xf9\xfd\xfa\xf5SUU\xcb\xd5\xafqX\xffX\xff\x9a\xfe\xf0\x00 I\x92\xaa\xaa\xfd\xfa\xf5\xfb\xec\xb3\xcf\x00\xe0lN\xde\xa8?\xce\xa8\xaa\xa9\x05\xbd\xce\x95\xd6\x84\xa2\x8c)&gt;&gt;3\xa7\xce\xfb\xee\x87\xdd\x000y\xf2\xe4\xf8\xf8x1\x02`\xefMC\xf6\x84\xf5o\xefM\xb33\xad\x07\x00\x00(\x8a\xa2\xaa\xea\x8c\x193\xc4Z\x92\xc9)\'\x9e\x99\xf5\xa6\xe4n\xe4D\xe2.\xb1X\xaeUU\x15\xdf\x80/&gt;^\xf9\xc5\xca\x7f\x01@tt\xf4\xd2\xa5K5\xb5\xe6-\xba\t\xac\x7f-\xc3\x00\x00\xa8{\xae\xc8\xe7\x9f\x7f.\xd6\x94_\xb5n\xeb\x8c)\xaf\xc8^\x1e ;\xf9\xda\xb0\x9cSJu\xa6\xc0\x84OW\xce\x8c\x7f\x0f\xea\xd6\xb2\x177:i\xf6\xc2\x17\xba\n\xd6\xbffa\x00\x00\xd4[K\xd2\xf6\\\x91\x84\xaf6\xce\x88\x9bG\x15E\xd2\xe9\x9ct\xb9D\xc6\x18\xe5 \xfb\xfa~\xf1\xc9\x8a\x19\xb3\xdf\x01\x80\xbe}\xa3\x9dt-{\xd4\xa4\xb0\xfe5K\xd3\xb3\x80\xaeb[9`\xc6\x8c\x19\t\t\t\x000\xb0_\xcf\xcd\x9b\x96\x9aZ\xf8\xa9%\xe5\xce57\x8e\xaaTv\xd3\x83\xd18s\xda_\xbf\xf8\xf2{\x00\xe8\xdb\xb7\xef\xf6\xed\xdb\xb1\xfa\xd1\x8d`\xfdk\x10\xee\x88\xff\x107\n\xd5\xef\x07\xed?\x94:l\xe4SG\x7f=\xae\xf8\x054\xe23f\x9b\x9ajUe_\xef\x92\xf2\xaa\t\x7f~\x16\xab\x1f5\x10\xd6\xbf\x06\xe1\x19\xc0\xd5\xae\xed\x07\xf9\x9b\xbc\x97\xfe\xef\xdf\xc6?\xf107\x971\xc7\xbei\x903\xce8\x93}\xfd\x8e&amp;\x1f\x9b6\xed\xb5\x94\xd4S\x80\xd5\x8fn\x07\xd6\xbf\xa6\xe0\xee\xb8\x9a\xe8\x07\x89\xe7\x8c/Z\xb4\x08\x00\xae\x94\x94O\x98\xf8\xe2\x9c\xd9oPY\x96\xbd&lt;U\xd5A\xbbB\xaaU%\x06\x9d\xeckZ\xfe\xf9\xda\xa1\xc3\xe3D\xf5O\x9d:u\xd7\xae]X\xfd\xa8\x81\xb0\xfe5\x05\xcf\x00\xaeO\xac\x0e&amp;IRbb\xe2SOM\xbdx1\x0f\x00\xfaG\x87/\xfe\xe8\x95~\x83\xfaAe\xb9j\xb18\xce$\xe2\xdfW-\xf61\xe5\x9d;\xff\xc2K\xf3\xd7\x7f\xbb\x1d\x00\x0c\x06\xc3\xfb\xef\xbf\x1f\x1f\x1f\x0f\xf5\x9e\x91\x82PC`\xfdk\x04\x06\xc0\xcd\x88[E\xf2\xf3\xf3\xe3\xe2\xe2\x12\x13\x13\x01\xc0\xcd\xa0\x7fq\xce\x94\x17\x9e\x9f\xec\x13\xd8\x02\xcceT\xa5\x92"\xdbq6\x19\xa5\x8c\x00H\xbe^Pk]\xf9\xd5\xbf\xfe\xfe\xe6\x92\xdc\xbc"\x00\x08\t\t\xf9\xf2\xcb/\x07\x0e\x1c\xc8\x18\xd3\xf2R\'\xe8n`\xfd\xbb&lt;\x0c\x80[\xb0\xad\x14\xb8x\xf1\xe2y\xf3\xe6\xd5\xd4\xd4\x00@\xb7\x90\x8e/\xbe\x107q\xc2\x18\x9d\xb7\'\x98\xcdT\xa5\x92\xdc\xack\x08s\x00&amp;z=\xde\x9e\xc0ag\xe2\xde\xf9\xf3W\xee\xdc\xfd\x8b\xf8\xe9\xb4i\xd3\x16,X\xe0\xe3\xe3\x83\xf7:\xa2\xbb\x84\xf5\xef\xda0\x00n\xcd\xd6\x89HOO\x7f\xe9\xa5\x97\xb6m\xdb&amp;^\x1f\xd0\xb7\xe7+/O\x1f5\xb4\xaf\xc1\xd7\x04\x95\x15\xaa\xc5J\x08\x91\xe5\xa6=\xd3d\x8c1\xc6\x15E\x06/\x0f\xb0X\x0f\xfe\x92\xfa\xbfK\xd6\xae\xdb\xf0\xfb&amp;\x85\x87\x87\x7f\xf0\xc1\x07\xb1\xb1\xb1\xe0*\xcf\xb0Ev\x87\xf5\xef\xc20\x00\x1a\xcaVO\xeb\xd7\xaf\xff\xc7?\xfe\x91\x96\x96&amp;^\xef\xd9\xa3k\xfc\xec\x89c\x1f\x1e\xe1\xdd"\x00\x98\x95WTQJ\x7f\x7f\xaaH#\xf5\x898\x00g\x8c1.\x11"y\xb8\x81\xceH+\xcd?\xeeI^\xf8\xd1W\x89\xbb\x0e\x88\xf7\xb4j\xd9r\xd63\xcf\xbc\xf4\xd2Kz\xbd\x1eO{Q\xa3\xc3\xfawI\x18\x00\xb7A\xdc\x16/I\x92\xc5b\xf9\xf0\xc3\x0f\x97.]\x92\x9f_ ~\xd4\xbe]\xeb\xf1cG&lt;\xfc\xe0\xd0{\xee\x89\x04\xbd\x11\x98\x05\xaak\xa9U\x15\x0f\x9f\x12G\xc3m\xfd[\x9cs\xc69g\x9c\x10\x90\x15\x19\x0c\x06\xd0\x19\x00\xe8\xc9\xdfNn\xd9\xb6\xf7\x9b\xff\xdbv\xf4X\x86x\xa7\xd1h|\xec\xb1\xc7\xdez\xeb\xad6m\xda\x00v|P\x93\xc1\xfaw=\x18\x00\xb7\xcdVa\x85\x85\x85k\xd6\xacY\xb3fMjj\xaa\xed\xa7\x83\x06F\r\x8f\xe972\xa6oDD\xa8\xbb\xbf/\x80\x0c\\\x85Z\x0b\xb7X9\xe3\x8cs\x00.\x16\xe2\xbd\xea\xcf\xd6}\x11\x9c\x10\x89\x10\x90t:0\xe8AV\x00\x80\x9a\xcd\x99\xa7sv\xec&gt;\xf4\xf3\x9e#\x89\xbb\x0eTUU\x8b_i\xdd\xaa\xd5\xe3O&lt;1y\xf2\xe4\x1e=z\x00\x80\xaa\xaa\x1ay\xa0\x15\xb2#\xac\x7fW\x82\x01p\'l7\xcb\x00\x80\xc5b\xd9\xbe}\xfb\xca\x95+w\xec\xd8QUUe{O\xc7\x8em\xa3z\x85\xde{OddDH\xf7\xae\x1d\x02Z\x06\x80\x9b\x01@\\\x92\xe2\x00\xd7\xae\xaf"\xd5\xdd\x96\xa1\x82\xaa\x96\x16\x15g\x9e\xc9=\x9eqf\xdf\x81\xa3\xc9G\x8eg\x9e\xce\xa9\xad\xad\xb5\xbdu\xd0\xa0\x81\x93\'Oy\xe0\x81\x07\x82\x82\x82\x00\x80R\xaa\x85\'\xd9"\x07\x81\xf5\xef20\x00\xee\x1c\xe7\x9cRj\x9bfp\xf2\xe4\xc9-[\xb6l\xda\xb4)99\xb9~\xb1\x02\x80\xbf\x9fo\xd7.\xed|M\xde\xd1\xbdB\x15E\xf1\xf1\xf2\xe8\x19\x11\xc2)%@\xc4\xdf!\x8a\x92s.7\xe7B\x01Q\xe4\xb4\xd4\xcc+\xc5e\'O\x9f\xcb\xcf\xbft\xd5\xbf\x18\x1e\xdec\xf4\xe8\xd1\x0f?\xfc\xa7{\xee\xb9G\xbc"\x9eh\x81s\x9cQ\xf3\xc3\xfaw\x01\x18\x00wK\xf4\x86\xc4\xfd\x93\xe2\x95\x8c\x8c\x8cC\x87\x0em\xd9\xb2%%%%/\xefbm\xad\xe5n\xfe~\xcb\x96A\xe1\xe1\xe1\xa3F\x8d\x1e&lt;xpTT\x94\xe8v\x89\x7f\x14{=\xc8\xee\xb0\xfe\x9d\x1a\x06@\xa3a\x8c\x89\xf3b[QVUU\xe5\xe4\xe4\x9c&lt;y2-----\xed\xca\x95+\x19\x19\'(\xa5\xe5e\xe5\xb5\x96\xeb\x1c\x15\x81\x81\x01\x00\xd0\xb9s\x17\x93\xc9\xd4\xa7O\xefN\x9d:\x87\x85\x85u\xed\xda\xd5\xd7\xd7\xd7\xf6\x1eUU\xc5\xe2\xbd\xcd\xf2\x99\x10j(\xac\x7fg\x84\x01\xd0\xf8\xc4\x91p\xdd2-++c\x8c\x15\x14\x14\x14\x14\x14\x10\x02\xf5\xf7\xbd\xa7\xa7g\xd7\xae]9\xe7&amp;\x93\xe9F\x7f\x10\xbb&lt;\xc8\xf1a\xfd;\x11\x0c\x80&amp;\xc4\xeb\x11\x13\x93\x1b2X)No\xc5\xf7\x82E\x8f\x9c\x17\xd6\xbf\xe3\xc3\x00hVbo\x8bC\xe2\xda\x9f\x8a\xc3\x03\xcb\x1d\xb9*\xac\x7fG\x83\x01\x80\x10B\x1a\x85\xd3\xa7\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0\x00\x10BH\xa3\x14{o\x80\xb6\xf0z\xae\xfa\x11\xa9\xc7.\xdb\x86PS\xc3\xfaw4\xe4\xdao\x025:\xce9c\x0c\x00dY\xbe\xe5\x9b)\xa5\x9csI\x92$\t\xcf\xcf\x90+\xc0\xfawX\x18\x00M\x8b1\xc69\xb7\xd5=\xa5\xf4\xe2\xc5\x8bg\xce\x9c\xc9\xc9\xc99\x7f&gt;\x87\x10\xc29\x00p__Sxxx\xcb\x96-;t\xe8`4\x1a\xeb\xff\xae$I\xd8\'BN\n\xeb\xdf\xc1a\x004\x15\xc6\x98\xed|\xb6\xb0\xb0p\xff\xfe\xfd[\xb7nMN&gt;\x9c\x93s\xbe\xbc\xbc\xfc\xba\xbfb0\xe8\xdb\xb4i\x13\x15\x155f\xcc\xfd\xfd\xfb\xf7\x0f\r\r\x15\xafSJ\x1b\xd2uB\xc8q`\xfd;\x05\x0c\x80\xc6\'NxE\xc9\xa6\xa6\xa6.Y\xf2\xe9\x96-[\xf3\xf2\xf2\xaez[`\xa0?p\xc6\x01\x08\x91\xca\xca\xcc\x16\x8b\xa5\xfeO=&lt;\xdcG\x8c\x181k\xd63C\x87\x0e\x95eY\x9cA\xe3I1r|X\xffN\x04\x03\xa0\x911\xc6D\x99\xa6\xa7\xa7\xbf\xfc\xf2\xcb\xbbv\xed\xb2Uv\xfbv\xad\xfb\xf4\t\x8b\x8a\x08\xe9\x13\x11j2yw\xe9\xdc\x0e\x18\x03\x00\x90\x95\x82\xbc\xc2\xfcK\xc5i\'\xce\xa6\xa6e&amp;\x1f9\x9e\x96\x9ei\xfb\x83\x11\x11\x11\xef\xbd\xf7^ll,`W\x089&lt;\xac\x7f\xe7\x82\x01\xd0\x98TUU\x14\xc5l6\xff\xf5\xaf\x7f]\xbe&lt;\xa1\xba\xba\x06\x00\xdc\x8dn\x8f\x8c\x1d\xf9\xe7\x87\x87\x0f\x19\x14\xe5\x1d\x14\x00 \x03\xa8\xc0\x18\xd4Z\x00\xc4\xe0&amp;\x07\x9d\x02\x8a\x02 \x03pj6\x1f:r|\xe3\xe6\xddk\xd7m\xcd\xcb\xbf$\xferll\xec\xe2\xc5\x8b\x83\x83\x83\xc5?a\xbf\x8f\x88\xd0\ra\xfd;\x1d\x0c\x80F#J3%%e\xfa\xf4\xe9)))\x00`t3&lt;6!v\xce\xecI=z\xf7\x00\xe0PUE-V\xce\x81\x10\x02\x04\xa4z\x97\xb6\xc4\xbc8\xce9! \xcb2x\x18A2\x14^\xb8\xf0y\xc2\x86/\x12\xbe\xcd/\xb8\x0c\x00\x01\x01\x01K\x96,\x19?~|\xfd\xd1U\x84\x1c\x04\xd6\xbf3\xc2\x00h\x1c\xa2\xfaW\xacX1g\xce\x1cq\x8dk\xf4\xf0{\x16|87,2\x0c\xac\x16ZQ\x05\x04\x1a8\x9f\x81\x03p\xc6\x18c\x8a\x9b\x1b\x18\xdd\x8br\xf3\xdf\xf9\xc7\xe7K&gt;_\xcf8\x07\x80\xf8\xf8\xf8E\x8b\x16\xe11p\xf7\xeaW&gt;\xee\xc9\xbb\x84\xf5\xef\xa40\x00\x1a\x81\xa8\xfe\x84\x84\x84\x193f\x00\x80A\xaf{\xff\xed\xbf\xc4?\x1f\x07\xc0\xa9\xb9\x92H\xe4\xce.^q\xce)\xa5\xe20H\xdc\xbc\xeb\xa9\x19\x7f\xbfXp\x19\x00\xa6O\x9f\xbel\xd92J)\xce\x90\xbb]\x8c1[\xdbQ\xffK\x11\xd7-q\xfa\xf9\x9d\xc1\xfaw^\x18\x00w\xeb\xaa\xea\xf7\xf3\xf5\xfa\xe1\x9f\x9f\x0e\x8c\xb9\x87\x95\x95\x02\xe7\x92|\xb7\xad\t\xe7\x9cR\xa6\x98|\xf2\xcf\xe7=\xf4\xf0\xb3\xc9GO@\xdd1\xa0\xaa\xaa,\xcbx\x0c4\x04\xa5\x14\xfe\xfbF\xa4\xb2\xb22\x11\x06\x00\xe0\xeb\xebk{\xbd\xfe$\x16tKX\xffN\r\x03\xe0\xae\x88i\t_}\xf5\xd5\x94)S\x00\xa0{H\xc7\xaf\xd7\xcc\x8f\x8c\x0eW\x8bK\x14]c^\xaaR\xad\xaa\xe2\xe5YRR6u\xea\xab\x1b\xb7\xfe\x0c\x00O?\xfd\xf4\xe7\x9f\x7f\x8e\xd7\xc4n\xa9~\x83\x9e\x9b\x9b\xbbk\xd7\xae}\xfb\xf6fg\x9f\xcb\xc88\xa1\xaa*\x01\xc2\x01\xbat\xe9\xdc\xa6M\xdb\x81\x03\x07\x8e\x1a5\xaa[\xb7nP\xb7h\x01\x9e\r\xdc\x1c\xd6\xbf\xb3\xc3\x00\xb8sb\xc6[ZZ\xda\x80\x01\xfd++\xab\xfcM\xde\xbbw\xac\x08\xef\xd3S-\xbe\xa2\xe8t\x8d\xfe\xcfQ\x95\xca\x1e\xc6\x9a\x1a\xcb\xe0!\x93\x92\x8ff\x00\xc0\x8a\x15+\xe2\xe2\xe2pn\xdcM\xd8vNRR\xd2\xea\xd5\xab7o\xde\\RRr\x93\xf7\x1b\x0c\x86\xfb\xee\xbb\xef\x89\'\x9ex\xf2\xc9\'\x01\xe7\x1d\xde\x14\xd6\xbf\x0b\xc0\x00\xb8C\xa2_YUU5h\xd0\xc0\xd4\xd44E\x91\xf7&amp;~\xd9\x7f\xe8\x00\xb5\xb8X\x</t>
        </is>
      </c>
    </row>
    <row r="385">
      <c r="A385" s="1" t="n">
        <v>383</v>
      </c>
      <c r="B385" t="inlineStr">
        <is>
          <t>color_grid</t>
        </is>
      </c>
      <c r="C385" t="inlineStr">
        <is>
          <t>What is the color of the missing part denoted with a question mark?</t>
        </is>
      </c>
      <c r="D385" t="inlineStr">
        <is>
          <t>['green', 'yellow', 'purple', 'blue']</t>
        </is>
      </c>
      <c r="E385" t="inlineStr">
        <is>
          <t>yellow</t>
        </is>
      </c>
      <c r="F385" t="inlineStr">
        <is>
          <t>There are circles with different colors arranged with a grid formation in the image. The colors in the first row are ['yellow', 'red', 'yellow'], the colors in the second row are ['red', 'blue', 'red'], and the colors in the third row are ['yellow', 'red', '?'].</t>
        </is>
      </c>
      <c r="G385" t="inlineStr">
        <is>
          <t>We observe that the circles at the corners are yellow, while the circles directly adjacent to the center are red. Only the center circle is blue. Hence, the pattern is that the circles alternate in color depending on if they are at the corner or adjacent to the center.</t>
        </is>
      </c>
      <c r="H385" t="inlineStr">
        <is>
          <t>Based on the pattern that the circles alternate in color depending on if they are at the corner or adjacent to the center, the missing color of the part that is at the corner should be yellow.</t>
        </is>
      </c>
      <c r="I385" t="inlineStr">
        <is>
          <t>b'\x89PNG\r\n\x1a\n\x00\x00\x00\rIHDR\x00\x00\x02\x00\x00\x00\x02\x00\x08\x02\x00\x00\x00{\x1aC\xad\x00\x00\x7flIDATx\x9c\xed\xdd{|\x14\xd5\xdd?\xf0\xef9s\xdb\xdd\\6\xf7l\x08\x16\x08\x84\x00\xb9\x80H\xa0\x02\xe2\x05\x8a\xa2\xe2\xa5\xa0b\x95\x87\x82\x82&gt;\xd2\xc7\xa2\x8f\xf5\xa7\xadm}h\xadB\xbd\xb5\xf5\n\x8a\xb6J\xa5\xde@A!\x08\x88\x08"\xa2\\\x12 !\x90\x84p\xc9=!\x9b\xcbfgw\xe6\x9c\xdf\x1f\x03KL\xb8jv3\xd9\xf9\xbe\xff\xf0\xd5\x87\xec\x93\xec~\xf6;\xf3=s\xe6\xcc\x0c\xe1\x9c\x03B\x08!\xeb\xa1\xdd\xfd\x06\x10B\x08u\x0f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l\x00\x08!dQ\xd8\x00\x10B\xc8\xa2\xb0\x01 \x84\x90Ea\x03@\x08!\x8b\xc2\x06\x80\x10B\x16\x85\r\x00!\x84,\n\x1b\x00B\x08Y\x146\x00\x84\x10\xb2(\xb1\xbb\xdf\x00B\xa1\xc69?\xed\xbf\x13BB\xfcN\xac\t\xf37\x0fl\x00(\x9c\xf1v\x00\x80R\x1a\xf8og\x8c\xb1\xc0\x7fI;!|\xbf\xe1\x06\xf379r\xa6n\x8cP\x0fe\xecn\x18c\x84\x10A\x10:\xbf\x801\xe6v\xbb\t9Q\xfc\xc6\xff\xb0\xd9lv\xbb\xfd\xb4/6~\x15\xa5\x14wF\xe7\x03\xf3\xefA\xb0\x01\xa00a\xect8\xe7\xa2x\xea\xb8V\xd7\xf5\x8a\x8a\x8a\x83\x07\x0f\xe6\xe7\xe7\xd7\xd5\xd5}\xbb}\xbb\xa6iUUUU\x95\x95\x1dv@\x91\x91\x91\xe9\xe9\xe9\x9c\xf3\xec\x9c\x9c\x84\xc4\xc4\x11#F\\t\xd1E}\xfa\xf4q8\x1c\xed\x7f\x1b\x00\xe0\x9e\xe8\xb4\xce\x9e\x7fA~~]]\xdd\xf6o\xb7k\x9aV]UUUu*\x7f \x048\x8f\x8c\x8c\x1c0 \x9d\x03\xcf\xce\xceIH\xc0\xfcC\x04\x1b\x00\xea\xf18\xe7\xba\xae\x07\xf6;\xba\xae\x17\x17\x17\xe7\xe5\xe5m\xfe\xf2\xcb\xe2\xfd\xfb\xcb\xcb\xcb\x9bZZ~\xc0\xaf\x95E1555c\xd0\xa0\x9f^z\xe9\xc4\x89\x13\x87\x0e\x1d\x1a\xd8\x19i\x9aF)=\xd3T\x86\xd5\x9c1\xff\xcd_\x16\x17\xef///oj\xfa!\xf9+\xb2\xd8\xabWjF\x06\xe6\x1fD\xd8\x00P\x0ff\x0c\t\x8dy\x06]\xd7\xb7m\xdb\xb6b\xf9\xf2\xd5\xabW\x1f(.V\xfd\xfe\xf6\xaf\x8c\xb4\xd9"$\xa9\xbf\xd3)P\x1a)I\x99qq\xfa\xc9\xca\xe7\x00\x12\xa5\xe5MM\x15\xad\xad\x02\xa5enw\xb3\xcfw\xdc\xe3\xe9\xf0\xb7\xfa\xf5\xe9s\xe5UW\xddx\xd3MW\\qEtt4\x9c\x1c\xf3Zy@z\x9a\xfcW\x9c\xcc\xdf\xf7\xbd\xfc\xa3"m\x11\x0eiH\x9a\x93\n\xd4\x19)\xe5\x0c\x8e\xe3:7b\xe3\x1c\x88D\xcb\x0f7\x1d\xaeh%\x02=x\xc8\xdd\xd4\xe2\xab?\xde)\xff~}\xae\xbc\xf2\xaa\x1bo\xc4\xfc\xbb\x126\x00\xd4#\xe9\xba\x1e\xd8\xf2\x8f\x1e=\xbal\xd9\xb2\xa5o\xbf\xbdk\xf7\xee\xc0\x0b\x08\xa5\x17EEe\'$d%$d\xc5\xc7\xa7\xc7\xc6F\xc9r\xbc\xdd.\x10B\x00\xa4Ns\xd3\x1ac:c\x84\x90\x06\xaf\xb7\xd5\xef/il,lh(\xac\xaf\xdfU[[\xd6\xd4\xe4\xf5\xf9\x02\xaf\xecs\xd1E\xb7\xdev\xdb\x9d\xd3\xa7\xe7\xe4\xe4\x04\xde\xcci\'\xbb\xc3\xd8i\xf2_\xfa\xf6\xae]\xa7\xf2\x07B\xfb\xf6\x8e\xba$+a\xf8\x90\x84\x11\x99\xf1\x83\xfb\xc7FG\xcb\xce8;P\x02\x04@\x16\xa0\xfd\x8e\x87\x00h\x0ct\x06\x84\xb45x[=\xfe\xbd\xa5\x8d;\x8b\x1a\n\xf6\xd7o\xdf]{\xe0P\x93\xd7\xdb.\xff&gt;\x17\xddz\xebmw\xdei\xe9\xfc\xbb\n6\x00\xd4\xc3\x18\x13\xcd\xc6\x06\xff\xd5W_\xbd\xfe\xfa\xeb\x1f~\xf0A\xa3\xdbm\xfc4\xc6n\xcfIH\x18\xd7\xbb\xf7\xa5\xbdz\r\x88\x89I\xb0\xdbEJ\xfd\x8c\xf9t]g\xcc\xcf\x18\x00\xf0\xd3\xadD\x0c,7\x11)\xa5\x84(\x82 Q\xca\x01\xdc\xaaz\xc8\xed\xdeQS\xb3\xe1\xc8\x91\xdd\xb5\xb5GN\xfe!Y\x14\xaf\xb8\xea\xaa\xfb\xee\xbbo\xd2\xa4I\xb2,\x1b\xa3Q+\xec\x86:\xe7\xbf\xfc\xc3\x0f\x8e7\x9e\x88%\xd6i\x1f\x91\x9dp\xf5\xd8\xde\xe3F\xf5\xca\xec\x1f\xe3\x88\xb7\x83HAc\xe0\xd3Ag\xcc\x7f2\x7fv\xba\xfc\t\x00\x00\x15)P\x02\x8a\x00"\x05\x0ez\x93Z\\\xee\xde\xb6\xabf\xd5\xc6#\xdf\xe5\xd7\x1e:z2\x7fY\xbc\xe2\n+\xe6\xdf\xb5\xb0\x01\xa0\x1e\xa3\xfd\\\xf3\xfa\xf5\xeb\x17.X\xb0\xf6\xb3\xcfN\xfc\x8c\xd2\x91.\xd7\xd5}\xfa\xdc0`@\x9f\xe8h\x89R\xbf\xae{u\xdd\xcf\x18\xe7\x9c\x10B\xe1|\xd7\x99s8\xd1\x1f\x18\xe7\x84\x10\x81\x10E\x10\x14Q\xe4\x9c\xd7\xb6\xb5\xe5\x95\x95\xad&gt;th\xd3\xb1c\x1eU5^\x9f\x9d\x95\xf5\xc0\x83\x0f\xce\x9c9\x13\xbe?.\x0e?\x1d\xf3_\xb8`\xed\xda\x93\xf9\x03\x1d;\xc2u\xe3\xcf\xfaL\xbb~@\xef\x9fD\x83H\xc1\xaf\x83\xaa\xeb\xfe\x13\xf9\x13\n\xe4\xfc\xbe\x00\xce\xc1h\x10\x9cs\x02D\x10\x08(\x02("0\xde\\\xdf\xb6\xe2\xb3\xb2\x0f\xf3\x0e}\xb6\xf9X\xab\xe7D\xfe9\xd9Y\xf3\x1e\xb0D\xfe\xc1\x80\r\x00\xf5\x0c\xc6l/\x00\x14\x17\x17/X\xb0\xe0\x8d%K\x8c\xc2\xb5\xc9\xf2\xcd\xfd\xfb\xdf&gt;h\xd0\x08\x97\xcb!\x8a\xad~\xbf\xaa\xeb\'v:]\xb4\'`\'7\x12\x89\xd2HIb\x00\xfb\xea\xeb?&gt;x\xf0\xad\xc2\xc2\xea\x93\xa7\x97\'L\x98\xf0\xc8#\x8f\x8c\x1f?\x1e\xc2tF\xa2C\xfeo\xbe\xb1\xc4\x18\xc4\xdbm\xf2/n\xe8?\xeb\xb6A\xa3\x87\xbb\xc0.\x82\xc7\xcfT\xdd\xe8\x9d\xb4+\xbe\x00\xe3p\x81q \x00\x82D!B\x02\x0eE\x85\xf5\xffYup\xd1;\x85\x15\xd5V\xc9?H\xb0\x01\xa0\x1e@\xd34Q\x14}&gt;\xdf\xc2\x85\x0b\x9f}\xe6\x99\xe3\x8d\x8d\x00\x10c\xb7\xffb\xd0\xa0\x9f\xa7\xa7_\x92\x9c\xecg\xac\xd5\xe7\xd39\x17\x82y\xe9\x90qX\x00\x00\x0eQtHRic\xe3\x8a\x83\x07\x97\x16\x15\x1dlh\x00\x00\x020s\xd6\xac?\xfd\xe9O\xbdz\xf5\n\xb3\xa1h\xfb\xfc\x9f{\xf6\x99\x86\xe3\x8d\x00\x10\x17c\x9fu\xdb\xa0\x197\xa6g]\x9c\x0c\x1a\xe3\xad&gt;]\xe7\x82\x10\xcc\xfc90\xc6\t\x00u\x88`\x97\xaa\x0f5\xbe\xf5\xf1\xc1%\xcb\x8a\nK\x1a\x00\x80\x10\x9893&lt;\xf3\x0f\x1el\x00\xc8\xd4\x8c\xebB)\xa5[\xb6l\xb9\xf7\xde{\xf7\xec\xd9\x03\x00\x8a$\xdd\xdc\xbf\xff\xdc\x8b/\x1e\x96\x94\xd4\xe2\xf3y4\x8d\x00\xd0\x10n\xed\x8cs\xc6\xb9"\x8aNY\xaehm]\x9c\x9f\xffVaaMK\x0b\x00$\'%\xfd\xf9\x89\'\xee\xbe\xfbn\x08\x8b\xa1\xe8i\xf3\xb7+\xd2\xed7\xf6\x7f\xf8\x9e\x8b3r\x92\xa0\xd5\xa7{4B\x80\xd2\x10\xe6\xcf8c\\TDp\xca\xee\x8a\xd6\xe7\xdf\xc8\x7fuiaem\x0b\x00\xb8\x92\x93\xfe\xf4\xe7\xf0\xc9?\xd8\xb0\x01 \xf3\nl\xc0\x8f?\xfe\xf8SO&gt;\xa9\xfa|\x000\xb6w\xefGG\x8e\x1c\xdb\xbbw\xab\xdf\xdf\xea\xf7\x0b\x84\x84r\xd7\xdf\x1e\x07\xd0\x19\x93\x05\xc1\xa9(%\x8d\x8d\x0b\xbe\xf9\xe6\xdd\x03\x07\xb8\xae\x03\xc0\xb4i\xd3^x\xe1\x85\xf8\xf8xc\xec\xdc-o\xef\xc7\xfb^\xfeO=\xa9\xaa&gt;\x00\x980\xba\xf7\x9f\x7f3r\xd4\xe8\xde\xe0\xf1k\x1e?\xa5$\x94\xbb\xfe\xf68\x07]g\xa2,\x80S\xa9(i\xfc\xfd\xb3\xdf\xbc\xf9\xfe\x01\xc6\xc3\'\xff\x10\xc0\x06\x80L\xca\xd8\xfbTVV\xce\x9c93//\x0f\x00\xa2m\xb6\x87G\x8c\x98\x9d\x93\x03\x00\xcd&gt;\x1f\xed\xbe]\x7f{F\x1b\xb0\x89b\xa4,\x7fZZ\xfa\xd8\xe6\xcd\xa5\x8d\x8d\x000p\xe0\xc0%K\x96\x8c\x193\xa6\x87\x8eC;\xe7\x1f\x1bm\xfb\xbf\x07G\xfc\xcf\xac\x1c\x00\xd0\x9b}\xa4\xfbv\xfd\xed\x9dh\x036\x11"\xe5\xbc5\xa5\xbf~|\xf3\xfe\xb2F\xe8\xf9\xf9\x87\x066\x00dF\xc6\xc0m\xcb\x96-\xb7\xdezkEE\x05\x00\x8cp\xb9\xfev\xd5U\x99\t\t\rmm\x1c@0\xc1\xae\xbf=\xce\xb9\xcey\xac\xcdv\xdc\xeb\xfd\xfd\x96-\xef\x14\x15\x01\xe7\x8a$\xfd\xed\x1f\xff\xb8\xe7\x9e{z\xdc\x94t\xe7\xfc\xc7^\xe2z\xfd\xe9\xab\x06\x0eI`\rm\xc0\x81\n\xe6\xfa,\x9cs]\xe7b\x8c\xcd\xdd\xe8}h\xfe\x96\xd7\xfeS\x04\xc0\x15Y\xfa\xdb\xdf{d\xfe!\x83\r\x00\x99\x8e\xb1\xf7Y\xbcx\xf1\xdc\xb9s\xfd~?Pzwf\xe6\x1f\xc7\x8c\x91(m\xf1\xf9D\x13\xdf\x00@cL\x16\x84HY^RP\xf0\x7f[\xb76\xab*\x00\xdcs\xcf=\xaf\xbc\xf2J\x0f\xda\x07u\xcc\x1f\xe8\xbc\x99\x99\x7f\xfd\xdd\x18Q\xa2Z\x8bO\x14\xcd\x9b\xbf\xae1A\x16 R~\xed\x9f\x05\xbfybkcs\x8f\xcc?\x94\xb0\x01 s\t\xec}\xe6\xcc\x99\x03\x00\x91\x8a2\x7f\xf4\xe8\xbbsr\x1a\xda\xda\x8cE&gt;\xdd\xfd\x06\xcf\x81s\xae\x03$\xd9\xed\x9b\x8f\x1d\xbbo\xdd\xbaCn7\x00\xcc\x9e={\xd1\xa2E=b\x1f\xd4!\x7fg\xa4\xf2\xec\x1fF\xcf\x9a\x99\xc3\x1b\xda8\xe3f\x98\xf39;\xce9c $\xd8\xbf\xf9\xea\xd8\xf4_\xaf+.\xefa\xf9\x87\x186\x00d"\x1d\xf6&gt;16\xdb\xd2k\xaf\xbd\xacw\xef\x1a\x8fG0\xff\xbe\xa7\x1d?c1\x8aR\xd7\xd66m\xe5\xca\xdd\xb5\xb5\xd0C\xf6A\x1d\xf2\x8fw\xdaV\xbfym\xee\x98\xdeZ\xadG\x10\xccp\xc2\xe5|i~&amp;:\x95\x86\xfa\xb6I\xd3W~S\xd0c\xf2\x0f=l\x00\xc8,:\xec}r\x12\x13_\x9981=&amp;\xa6QU%\x13O\xfb\x9c\x89\xc6\x98]\x92TM\xfb\x7f\x9b6\xbd\xb7\x7f?\x98~\x1f\xd4!\xff\x91\xd9\x89o\xbf01=-FkR\xcd&lt;\xeds&amp;\xba\xc6\x04\xbb\xd4\xacj\xf3\x1e\xdb\xb4\xe4\x83\x1e\x90\x7f\xb7\xc0\x06\x80L\xa1\xf3\xde\xff\xdd\x1bn\x88\xb3\xd9\x9aT\xd5\xcc\x93\xfeg\xa7s.S\xea\x90\xa4\xb9\xeb\xd6-+*\x82\x93\xfb \xe3\t\'\xa6\xda\x07u\xde\xfb\xafy\xfb\x86\xd88\x9b\xde\xa4\n=p\xefo`:\xa72\x05\xbb4\xe7\x81u\x8b\xdf5u\xfe\xdd\x05\x1b\x00\xea~\xc6B\xbd\xc0\xde\';1\xf1\xbd\x1bnp\xcar\xab\xdf\xdfs\xf7\xfe\x06\xc69%$R\x96\xe7\xae[\xf7\x9fv=\xc0Tk\x13;\xe4\x9f\x9b\x95\x98\xb7\xf4\x86\xd8hY\xf7\xf8{\xee\xde\xdf\xc0\x18\xe7\x94\x08\x91\xf2\x9cy\xeb\x16\xbfg\xd2\xfc\xbb\x116\x00\xd4\xcd\x8cMq\xeb\xd6\xadc\xc7\x8ca\x9c;\x15e\xcd\xd4\xa9\xfdcbz\xf4\xd8\xbf=\xc6\xb9@\xa9D\xe9\xb5\x1f|\xb0\xab\xa6\x06\x00\x9e{\xee\xb9y\xf3\xe6\x99\xe4\x1a\xa5S\xf9\x8f\x1d\xc3\x18\x8fs*\xdf~&lt;\xb5_ZL\x8f\x1e\xfb\xb7\xc7\x19\xe7\x02%\x12\x1ds\xd3\x07[w\x9b.\xff\xee\x85\r\x00u\'\xe3`\xbc\xa6\xa6&amp;\'\'\xa7\xa6\xa6\xc6!I\xefN\x9e&lt;*%\xc5\x1d.{\x7f\x03\xe3\\\x12\x84V\xbf\xff\xc6\xe5\xcb\xf7\x1f?\x0e\x9c\xaf]\xbb\xf6g?\xfbY\xb7\x8fC\x03\xf9\x0f\xcd\xc9\xa9\xae\xa9\x89pH\x9f/\x9d\x9c\x9b\x9b\xa2\xbb\xc3d\xefo`\x8c\x83$4\xb6\xfa\xaf\xbcey~\xf1q\x00\xb3\xe4\xdf\xed\xc2\xe7;F=\x91q\xab\x99\xe9\xd3\xa7\xd7\xd4\xd4\x00\xc0\x9f\xc6\x8c\x19\xd7\xbbwcx\xed\xfd\x01\x80\x12\xa2jZ\x82\xcd\xf6\xe2\x84\t1\xb2\x0c\x00\xd3\xa7O\xaf\xae\xae\xa6\x94\x1a\tt\x97@\xfe\xd555\x00\xf0\xe2\x1f\xc6\xe4\x8e\xe9\xad5\x86\xd5\xde\x1f\x00(%\\\xd5\xe2\xe2mo??!\xce)\x03\xc0\x7f\x99#\xffn\x17V_3\xeaY\x8cc\xf0\xf9\xf3\xe7\x7f\xf6\xd9g\x0003+k\xce\xd0\xa1\xd5\x1eOO\\\xf3sN"\xa5\xc7Uu\xa4\xcb\xf5\xe4\xb8q\x00P]]=}\xfa\xf4S\x0fF\xef\x0e\x1d\xf2\x9f\xf7_Y3\xee\x1e\xea\xaf\xf5\x88R\x18\xe6/\x88TkT\xb3G\xb8\x16\xfdy\x1c\x00T\x99 \x7f3\xb0\xfa\xe7G\xdd\xc5\xb8\xbf\xfc\xd7_\x7f=n\xdc8\xbf\xdf\x7fqR\xd2\xca\x9f\xff\\c\x8c\x03\x84\xf1\xe2\x0c?cI\x0e\xc7\xbc\r\x1b\xde\xd8\xb3\x07NNFw\xcbDD\x87\xfc\x7f:4i\xf3\x87?\xe7\x1a\x138\x84\xf1\xea\x18Mcb\xa2\xe3\x81\x876&lt;\xff\xafn\xce\xdf$\xb0\x01\xa0n`&lt;\xc0O\xd7\xf5\xec\xac\xac\xe2\x03\x07"e9o\xea\xd4\xfe11\xc6\xdd=\xbb\xfb\xdd\x05\x91\xd1\xde$J\xaf~\xff\xfd=\xf5\xf5\x02\xa5{\xf7\xee\x1d8p \xe7\x9c\x86\xf0\xb8\xe7T\xfe\xd9Y\xc5\xc5\x07\xa2"\xe5]+\xa7\xa6\xa5\xc5\xb0V\xbf\xd9n\xf2\xd3\xb58\x07F\x00$:\xf2\xfa\xf7w\xec\xab\x17\x05\xba\xa7;\xf27\x0f+~f\xd4\xed\x8c\xc7\xb7&gt;\xfd\xf4\xd3\xc5\x07\x0e\x00\xc0\xc3\xb9\xb9Y\t\t\xcd&gt;_x\xef\xfd\x01\x80\x00\xe8\x9cK\x82\xb0`\xdc8E\x10\x98\xae\xdf\x7f\xff\xfd\xa1\x9f\x888\x95\x7f\xf1\x01\x00x\xea\xc1\xdc\xb4!\tZ\xb3/\xbc\xf7\xfe\x00@\x08\x80\xce\x05Ix\xed/\xe3\x14Y\xd0Y\xf7\xe4o\x1e\xd8\x00P\xa8\x19\x93\x0f%%%\x0b\x17.\x04\x80Q))\xf7\x0e\x1bV\xdf\xd6\x16\x96S\xff\x9d\t\x84\xb8U\xf5\xb2\x8b.\xba;;\x9b\x03\xac]\xbb\xf6\xbd\xf7\xde\x13\x04A\xd7\xf5\xd0\xbc\x81\x0e\xf9\x8f\xcbM\xb9o\xf60\xbd\xa1-,\xa7\xfe;\x13\x04\xa25\xa9\x17\x8f\xbe\xe8\xa1Y\xd9\x9cwC\xfe\xa6b\x89\xaf\x1c\x99\x8a\xf1\xc0\xde\xf9\xf3\xe7\xbb\xddn\x9b(\xfe\xfe\xd2K\xc1x\x14\xbbe\x88\x946z\xbd\xf7\x0f\x1f\xde/&amp;\x86\x12\xf2\xd8c\x8f\xf9|\xbe\x90\x8dC\xbf\x97\xbf"&gt;\xf7\xe8\xa5\x00@\xac\xf4\x05\x08\x02\xd5\xdd\xde\x87\xe7\x0eO\xef\x1bCi\xa8\xf37\x15l\x00(\xa4\x8c\x13n\x9b6mZ\xbat)\x00\\\x97\x966\xaew\xef&amp;U\r\xfb\xc9\x9f\xf6\x08\x80O\xd7]\x11\x11\xbf\x1a6\x8cq^\\\\\xfc\xf4\xd3O\x87fIb\x87\xfco\x9b\x946|lo\xbdI\r\xfb\xc9\x9f\xf6\x08\x01\xee\xd3\xa3\x93"\x1e\xbbw\x18c!\xcd\xdfl\xac\xd8\xf4P72\xb6\xb1\t\xe3\xc7\x7f\xbeqc\xac\xcd\xf6\xf1\xcd7\xf7\x8f\x89\xf1jZO\xba\xd5d\xd7!\x84\xdc\xb8|\xf9\xee\xda\xda\xb8\xb8\xb8}\xfb\xf6%&amp;&amp;\x1a\xff\x18\xbc\xbfx"\xff\t\xe3?\xff|c|\x8c\xed\xeb\x0fnNK\x8b\x01\xaf\xd6\xa3\xee\xb5\xda\x058\x00\x07\xf0\x132n\xea\xf2\xed\x05\xa1\xcb\xdfl\xf0\x08\x00\x85\x8eq#\xc6\x1d;vl\xdc\xb8\x11\x00n\x198\xf0\xe2\xa4\xa4V\xbf\xdf\x9a{\x7f\x8d\xb1hY\xfe\xf5\xf0\xe1\x9c\xf3\xfa\xfa\xfa\xb7\xdf~\x9b\x10\x12\xd4\x99\xe8\x0e\xf9\xcf\x9c2p\xc0\xd0$\xd6\xea\xb7\xda\xde\x1f\x00\x08\x00\xd7\x98\x12-\xff\xdf\xafB\x97\xbf\ta\x03@\xa1\xf6\xd2\x8b/r\x00E\x14o\xcd\xc8h\x0e\xf7u\x9fg!R\xeaV\xd5q\x17]4 6\x96\x10\xb2\xe4\xf5\xd7\xdb\xda\xda\x04A\x08\xf6A\xf9K/\xbd\xc89\xd8\x14q\xd6\x94\x0c\xde\x12\xe6\xeb&gt;\xcf\x82\x8a\x94\xb9\xd5q\x97]4\xa8\x7f,!d\xc9\x92\x10\xe5o*\xd8\x00\xba\x01?\x891f\xfc\x8f\xee~G\xa1\xc097\x1e2\xfe\xde{\xef\x01\xc0\x8d\x03\x06\\\xe2ry|&gt;k\x0e\xff\r\x1ac\xf1v\xfb\x7f\x0f\x1d\xca9\xdf\xbbo\xdf\xfa\xf5\xeb\t!A\x9a\x89\x0e\xe4\xff\xfe{\xef\x01\xc0\xed\xd7\x0f\x18&lt;\xdc\xc5&lt;&gt;\x0b\x0e\xff\r\xc6A\x80#\xd6\xfe\xe8\xec\xa1\x9c\xf3\xbd{\x83\x9b\xbf9a\x03\x08\x11cw\xafi\x9a\xae\xeb\xe4$\xe3\xc1\x14\xc6\xf2\x03\xe3Ga\xdc\x0c\x8c\x83\xebw\xdey\xa7\xa5\xb5U\xa0\xf4\x8e\xc1\x835\xc6\xc2\xf9\xaa\xd3\xf3 P\xda\xa4\xaa\xd7\xf7\xef\x9f\x12\x15E\x08Y\xb4h\x11\x04m\x0e:\x90\x7fsK\xab \xd0\xfb\xa6\r\xe6~\x16\xd6\x97]\x9f\x1b\x15(oV\xa7\\\xdb\xbf\xb7+\x8a\x10\xb28\x98\xf9\x9b\x136\x80\xa03v\xee\xc6\xee^\x14E\xe3\xa2\xf3\xe6\xe6\xe6\xea\xea\xea#G\x8eTUU577\x13B\x8c\x1f\x85\xf1,\xa4 \x08&gt;\x9f\xef\xcd7\xde \x84\x0cKJ\xcau\xb9Z,p\xe5\xd7\xd9\x19\xcb\x81\x92#"&amp;\xa7\xa5q\xce\xd7\xaf_\x7f\xe0\xc0\x81 -G1\xf2\xff\xe7\x9bo\x10BF\xe6$\r\x1f\xe1\xe2\xad&gt;\xc1\xaa\xf3?\x06B@\xf7\xe9\x11I\x11\xb7_\x1f\xf4\xfc\xcd\t\x1b@p\x19k\xae\x8d\xdb\x8e\xef\xd8\xb1\xe3\x99g\x9e\x99:u\xea\xb0a\xc3\xd2\xd3\xd3\xd3\xd3\xd3\x07\r\x1ad\xfc\x8f\xdc\xdc\xdc{\xee\xb9g\xd5\xaaU\xc6*\xbd\xf0\xeb\x01\xc6q\xcf\x8e\x9d;\xf7\xec\xdd\xcb9\xbf\xa6o_\x87$\xe9\xe1{\xb8s\xfe\x08!~]\x9f\xd4\xaf\x1f\xa5\xd4\xe3\xf1\xacX\xb1\x02N\xae\xd5\xe9BF\xfe;w\xec,\xd8\xb3\x97s&gt;eb_\xea\x90\x98\x8e\xf9\x03!\x04\xfc\xfa\x94\x9f\xf5\xa3\x94\xb6\x06-\x7f\xd3\xc2\x06\x10D\xc6\xde\xbf\xa2\xa2b\xc1\x82\x05\x17_|\xf1%\x97\\\xf2\xd0C\x0f}\xf0\xc1\x07\xbbw\xef\xae\xae\xaennn\xf6x&lt;---\xd5\xd5\xd5\xdf~\xfb\xed\xa2E\x8b&amp;O\x9e&lt;j\xd4\xa8\xb5k\xd7\x86_\x0f0\xa6\xb6&gt;\xfc\xe0\x03\xcey\x8c\xdd~\xd3\x80\x01\xad~\xbf`\x8dK\x7f\xcfN \xa4\xc5\xe7\x1b\x95\x92r\x89\xcbE\x08Y\xb1|\xb9q\xa5n\xd7\xfe\x95\x13\xf9\x7f\xf8\x01\xe7&lt;.\xc6\xfe\x8b\xc9\x03\xa0\xd5/\x08\x98?\x08\x02a\xad\xbe\xdc\x91)\xa3\x87\xbb\x08!\x1f\xad\x08J\xfe\xa6e\x95\xcf\x19z\xc6\x98k\xe9\xd2\xa5\xd9\xd9\xd9\x8f&lt;\xf2\xc8\xae]\xbb\x00@\x92$EQdY6&amp;|(\xa5\x82 H\x92$I\x92\xf1/\xdf}\xf7\xdd\xd5W_\xfd\xfc\xf3\xcf\x87Y\x0f0\xe6\x1f&gt;Y\xb5\n\x002\xe3\xe3\xfb:\x9d\xaa\xa6Yz\xf6\xa1\x1d\x9d\xf3\x08I\x1a\x9b\x92\xc29\xdf\xb1c\xc7\xc1\x83\x07\xbb|\x16B\x10\x04\xbf\xcf\xb7\xea\x93U\x000lp|J_\'S5kO\xbf\x9d\xc2tN\x1d\xd2\x84KS8\xe7\xdf\x05\'\x7f\xd3\xc2\x06\x10\\\xbd{\xf7nhh\x90eY\x92$A\x10\xfc~\xbf\xaa\xaa&gt;\x9f\xcf8\xe5k\xdc\x91\xd1\xef\xf7\xfb\xfd~\xe3\xff\x14\x04A\x10\x84\x07\x1ex\xe0\xddw\xdf\r\x9b\x1e`&lt;v\xaa\xb4\xb4\xb4\xa4\xa4\x04\x00.OM\x95(e8\xffs\x12!D\xd5\xf5\xb1\xbd{\x0b\x94zUu\xcb\x96-\xd0\xa5\xb3\x10F\xfe%\xa5\xa5\xa5%%\x00p\xcde\xa9 R\xc60\xff\x13\x08!\xe0\xd3\'\x8e\xe9-\n\xd4\xeb\xed\xfa\xfc\xcd\x0c\x1b@\xb0\x08\x82\xc0\x18\xbb\xfc\xf2\xcb\xaf\xb9\xe6\x1a\x9f\xcfg\xec\xe2\x93\x93\x93o\xb9\xe5\x96g\x9eyf\xe5\xca\x95_~\xf9\xe5\xd6\xad[?\xfb\xec\xb3\xe7\x9f\x7f\xfe\xaa\xab\xae2\xd6\x83\x1a\x0b\x81\x08!\xbf\xfa\xd5\xaf\xea\xeb\xeb)\xa5a\xb0.\xc8\xd8\x96V\xaf^\xad\xfa|\x02\xa5\xa3SS}\x8cYj\xad\xc5\xd9QB\xbc\x9a\x96\x9d\x90\x90\x12\x15\x05\x00\x1f\x7f\xfc1t\xe9Z\x14#\xff5\xabW{U\x9f(\xd0\xf1?M\x05?\xe6\x7f\n\xa5\x04\xbc\xda\xd0\xcc\x84TW\x14\x00\xac\xec\xea\xfc\xcd\xcc\xea\xcfD\x0e*c\x9f\xfe\xc0\x03\x0f\xacY\xb3f\xfc\xf8\xf1\xbf\xfc\xe5/\'M\x9a\x14\x1f\x1f\xdf\xe1e\x13&amp;L\xf8\xf5\xaf\x7f\xbdl\xd9\xb2Y\xb3f\xa9\xaaj\xac\xd7\xae\xad\xad]\xbat\xe9\xfd\xf7\xdf\x1f\x06\x8f\xae6\xb6%c`\xe5\x8a\x8a\x1a`\xe1{?\x9c\x16\x01\xf03\x16o\xb7g\xc5\xc5\x1du\xbbw\xee\xd8\xe1\xf1x\x1c\x0e\x871\x14\xe8\x82\xdfO\x08\x00l\xde\xb2\x05\x00R\x93\xa32\x06X\xf1\xde\x0fgA\x08\xe8~\xe6\x88\xb3_\x92\x19W~\xcc\xbdsg\x17\xe7ofx\x04\x10D\xc6\xb2\xce+\xae\xb8\xe2\xbb\xef\xbe[\xb7n\xdd\x9dw\xde\x19\x1f\x1f\xaf\xeb\xba1\xff\x13\xa0i\x9a\xa6i\xd3\xa6M\xfb\xeb_\xffj\x9c\x802*\xef\x93O&gt;\x01\x8008\x1fE)\xf5\xf9|\x85\xfb\xf6\x01\xc0\xd0\x84\x84D\x87\xc3\xcfX\x98oX\x17\x88s.P\xfa\xd3\x94\x14\x000\xd6\x07\xc3\xc93\xb7?\x9e\x91\x7fQ\xe1&gt;\x00\xc8\xcdI\x88\x88w\xe8~\x16\xee{\xb6\x0b\xc39\x07\x81^12(\xf9\x9bY\x8f\xdf\xb9\x98\x9f,\xcb\xc3\x87\x0f\x0fL\xef\x08\x82`\x9c\xef\r\x10E\x91R\xaa\xeb\xfa\xcc\x993\x93\x93\x93\x8dy\x7f\xce\xf9\xc1\x83\x07}&gt;_O\x9f\x052&amp;\xa0+++\x0f\x97\x97\x03@v|\xbc\xd8\xc3?Q0\x10B\xfc\x8ce%$PB\xbc\xaa\x9a\x9f\x9f\x0f]\xb4\x03:\x95\xff\xe1r\x00\xb8$3\x1eD\xcc\xbf#B\x08h\xec\xe2!\t\x94\x926oW\xe6or\xd8\x00B\xc1\xd8\x08\x8d\x03\x82\xd3\xbe\x80RJ)u8\x1c\x03\x06\x0c\x80\x93\xc7\xecn\xb7\xbb\xad\xad-\xa4o4\x08\x8c\xad\xa8\xac\xac\xac\xc5\xe3\x01\x80!\xf1\xf1\x1a\x9e\x00\xe8\x84\x12\xe2\xd3\xb4~Ng\xb4\xdd\x0e\x00\x85\x85\x85\xd0E;\xa0@\xfe\xcd-\x1e\x00\x186(\x1et\xcc\xbf#J\t\xf8\xb4\x8c~\xce\x98(;\x00\x14u]\xfe&amp;\x87\r \x14\xceg\x1a\xc7\xa8\xb6\xf6[\xa6q\xa3\x88 \xbe\xad\x900&gt;\x971\xa4\x8a\xb2\xd9\x06\xc6\xc6\xaa\xba\x1e\x06\x9f\xabk\x11\x00\x1fc\xc9\x11\x11\xfd\xa2\xa3\x01`OA\x01t\xd1yH#\xff\x82\xfc|\x00pF\xd92\x07\xc6\x82\x8a\xf9wD\x08p\x1f\x8bM\x8aH\xef\x17\r\x00\x05{\xba,\x7f\x93\xc3\x06`\n\xc63\xa9\xfd~\xff\xb1c\xc7\x02\xff\x18\x1b\x1b\xebp8\xba\xf1]u\xa1\xaa\xaa*\x00pHR\xb4\xa2\xe8\x9c\x87\xff\x86u\xe18\xe76Q\x8cU\x14\x00\xa8\xae\xae\xee\xda3\x90\'\xf2\xb7K\xceh\x05tn\x81=\xdb\x05\xe3\x9c\x8b\x8a\x18\x1f\x13\x94\xfcM\x0b\x1b\x80)\x18\x0b\xf5\xb6o\xdf~\xe8\xd0!\xe3p\x81\x102h\xd0 Q\x14\xf5\x1e&gt;^6&gt;\xce\xce\x1d;\x00\xa0\xbf\xd3\x19o\xb7\xfbu\xbd\x07\x7f\x9e\xa0a\x9c\x8b\x94f%$\x00\xc0\xfe\xfd\xfb\x1b\x1b\x1b\xbb\xe4\xf4\x8f\x91\xff\x8e\x9d;\x00`P\x7fgd\x9c\x9d\xf9\xf5\x9e\\P\xc1\xc2\x18\x07\x91^\x92\x99\x00\x00\xc5]\x97\xbf\xc9a\x03\xe8~\x81KN\x1ey\xe4\x11\xa3\xe0\x8c\xf5\xa3S\xa6L\x81p\x99\x88\x0c|\n\\\xfdy\x16\xe4\xe4\xcd9\x99\xae\x1b7\r\xec*\'&amp;\x18\x8d\xc9nt&amp;\x04\x8cx\x18\xeb\xe2\xfcM\x0b\x1b@73\xf6\xfe\x82 \xdcw\xdf}_~\xf9\xa51\xef\xaf\xebzFF\xc6-\xb7\xdcb\xac\x1a\xea\xee\xf7\xf8\xa3\x10B\xbc^\xaf1\xb5\xe5\x94el\x00g\xc19w*\n\x00\xb4z&lt;Fb?\xbe\xfd\x1b\xf9W\x1c;\x06\x00\xb1\xd12\x10K=\xfe\xfd\x02q\x1e\xebT\x00\xa0\xb5\xb5\xcb\xf279l\x00\xdd\xc9xD\x1f!d\xf6\xec\xd9/\xbf\xfcr`_O\x08y\xf5\xd5W\xedv;\xeb\xe1\x0bf\x8c\x89T\x8f\xc7s\xf4\xc8\x11\x00\x18\x12\x1f\x8f7\x818\x13B\x88\xc6yf|&lt;\x00x\xda\xda\x8e\x1e=\n?z\x07t*\xff\xa3G\x00\xe0\xe2\xc1\xf1 Q\x8e7\x818\x1dB\x08\xe8\xfc\xe2A\xf1\x00\xd0\xea\xe9\x9a\xfc\xcd\xafg_b\xda\xa3\x19w~&gt;~\xfc\xf8\xf4\xe9\xd3?\xf9\xe4\x13Q\x14\x8d\xa3\x01]\xd7\x17/^|\xf9\xe5\x97\xeb]=\x0f\xd0]\x08!\x92$\x01\x00\xee\xfa\xcf)p\x8bl#\xb1.\x11\xc8_\xc3]\xff\xb9\x04"\xea\xc2\xfc\xcd\x0c\x1b@\xf70v\xee\x85\x85\x85S\xa7N\xdd\xb7o\x9f(\x8a\xc6#\xc3\x04Ax\xf3\xcd7g\xcc\x98\x11\x06w\x80h/\xecGR]%p\xb8\xd7\xb5\x89\x05\xce\x01\xa0\xb3\x0bR\xfe\xa6\x15&gt;\xbb\x98\x1e\xc4\xd8\xd1\x7f\xfd\xf5\xd7\x93\'O\xae\xab\xab3\xf6\xfe\xba\xae\'$$\xbc\xfd\xf6\xdbW_}u\x98\xed\xfd\x11B\xe6\x84{\x99P3\xee\xf6SXXx\xddu\xd7544\x18\x93&lt;\xba\xae\x0f\x1b6l\xd9\xb2e\x19\x19\x19a\xb9\xf77\xcedXbL\xf5\xe3\x04"\xea\xdas?\'\xf2\xc7/\xe0\\\x02\x11\xf5\xe8so\xe7/\xdcv4&amp;g\x1cW\xaa\xaaz\xc7\x1dw444\x18c\x7fM\xd3&amp;N\x9c\xf8\xee\xbb\xef:\x9d\xce\xb0\xdc\xfb\x1b\x9f\x11\x00$\\\x84x.\xd2\xc9\x8b\xc6\x8d\xc4\xbaD \x7fY\xc2E\x1f\xe7\x10\x88\xa8\x0b\xf373,\x88\x902\x96\xfd\xfc\xfb\xdf\xff\xde\xb9s\xa7q\xd6W\xd7\xf5\t\x13&amp;|\xfc\xf1\xc7N\xa7S\xd7\xf5\xb0\xdc\xfbK\x92\xe4\x8c\x89\x01\x80\xf2\xa6&amp;\x7f\x0f_\xd7\x14T\x94\x90\xf2\xa6&amp;\x00\x90$\xc9\xe9tBW\x8cCO\xe4\xef\x8c\x01\x80\x83\x87\x9b\xf0F@gC\xc9\xc1\xc3]\x9c\xbf\xc9a\x03\x08)\xe3\xb2\xcc\xb7\xdez\x8b\x10B\x08\xe1\x9c\xff\xe4\'?y\xf7\xddw\x15E\t\x9b5?\xed\x19\x9f1***##\x03\x00\x0e77kx\x1f\x883\xe0\x9c\x0b\x84\x1cjj\x02\x80\x98\xe8\xe8\x81\x03\x07\xc2\x8f\xde\x01\x05\xf2\x1f\x98\x91\x01\x00%G\x9aA\xc3\xfb@\x9c\x1e\xe7\x1c()9\xd2\x04\x00\xb11]\x93\xbf\xf9a\x03\x08\x1d\xe3\x86?\xcd\xcd\xcd{\xf7\xee\r\\\xf1\xfb\xf0\xc3\x0f\xc7\xc6\xc6\xfa\xfd\xfe\xf0\xdb\xfb\xb7\xe7\xf3\xf9\x00@\x11\x04\xbc\x10\xec\xecl\'\xcf\tu\xed\xd3@\x8d\xfcm\x8a\x008\twVv%(\xf9\x9b\x166\x80\xd01v\xfa\xd5\xd5\xd5\xc7\x8f\x1f\x07\x00M\xd3\x04A\x18?~|\x18\\\xee{\x16\xc6\xc5\rC\x87\x0e\x05\x80\xb2\xa6\xa6z\x8fG\xa4\x14OFvf&lt;\x12`_C\x03\x00\xa4\xa7\xa7GGGw\xc9\xfd\xc8\xda\xe7_\\\xd6\xd4\xd2\xe0!"\xc5\xb3\xc1\x9d\x19\x8f\x04\xd8Y\xd4\x00\x00\x03\xba.\x7f\x93\xc3\x06\x10jmmm\xc62PB\x88\xd3\xe9LJJ2\xa6\x83\xba\xfb}\x05\x97+%\x05\x00\x9aT\xb5\xc5\xef\x17\xc2\xfd\xc3\xfe0\x14@c\xac\xae\xad\r\x00\x12\x93\x92\x8c\x05\x02]\xf5\xcbS\\)\x00\xd0\xd8\xa4zZ\xfdD\xc0\xfcO\x83P`\x1a\xab\xaek\x03\x80\xc4\xc4.\xce\xdf\xb4\xb0\x01\x84Z\xe0I\x90\x8c1\xaf\xd7\x1b\xc6c\x7f\x83\xd1\xdbrrr\x00\xa0\xc9\xeb=\xe4v\xcb\xa2\x88\x97\x04w\xc0\x01DA\xa8\xf3x\xca\x9b\x9b\x01 3+\x0b\xda\xdd%\xf0\xc70\xf2\xcf\xce\xc9\x01\x00w\xb3\xb7\xb8\xd4\r\xb2\xc8\xf0\x92\xe0\xef\xe3\x1c\xa8(4\xd7{J\xca\x9b\x01 +\xb3\xcb\xf27\xb9p[sbf\xc6\xa68`\xc0\x80\r\x1b6\x18\xff"IRDD\x04\x84\xf5\xb9&amp;\xe3\xa3\xf5\xed\xdb\xd7\xa6(^U\xdd[_?\xa1o_\xce9\x84\xefG\xfe\x018\xe7\x8a \x9475\xd5{&lt;\x00`\x9c3\xef\x12\xa7\xf2\xb7)^\xaf\xba\xab\xa8~\xec\xf8\xbe\x9cs\xbc.\xb8=\xce9Q\x84\xd2CM\xb5\r\x1e\x00\x18\xd8u\xf9\x9b\x1c6\x80\xd016\xc5\xc8\xc8\xc8+\xaf\xbc\xb2\xbb\xdfK\xe8\x04v@).WYy\xf9\xde\xfaz\x8e\x0b\x81:a\x9cK\x94\x1654h\xba.\x89\xe2\xb0a\xc3\xe0\xfc\x1e$wN\x81\xfc{\xa5\xb8J\xcb\xcaw\x16\xd6\x03\xc7\x85@\x1d1\xc6\xa9H\x0b\x8a\x1b\xfc\x9a.I]\x99\xbf\xc9\x85\xff\'4\x1b\xce\xb9\xdf\xefWUUUUcmFx#\x840\xc6\xecv{\xc6\xe0\xc1\x00\xb0\xb3\xb6\xb6QUE\x0blZ\x17\xc4\xd8!\x7f]Y\t\x00qqqiii\xd0E\xc7\x85\x81\xfc\x07f\x0c\x06\x80\xafw\xd5\xfa\x9aT*b\xfe\xdfc$\xbdq{%\x00\xc4wi\xfe&amp;\x87u\x10j\xc6\x859\x8a\xa2(\x8a"\xcb\xb2\x15N4\x19s\xa9\xb9\xb9\xb9\x00p\xd8\xed.klTD1\xfc\xa7W/\x84H\xa9[Uw\xd5\xd5\x01\xc0\x90!C\xa2\xa2\xa2\xba\xf0N\xe0\xed\xf3/=\xe2&gt;T\xd6H\x14\xd1\x02\xf3\xdb\x17\x80\x8a\xd4\xdf\xa4n\xdb]\x07\x00\x83\xbb:\x7f3\xc3\x06\x10R\xc6\xa5\x00\xbbv\xedz\xe6\x99g\x9ex\xe2\x89\r\x1b6X\xa1\xc8\x8c\xcf8i\xd2$Q\x10TM\xfb\xae\xbaZ\x11\x04+\x9ca;O\x0c@\x11\xc5\x83\xc7\x8f\x1fv\xbb\x01`\xd2\xb5\xd7RJ\xbb0\x9fS\xf9\x8b\x82W\xd5\xb6\xec\xa8\x06\x19\xf3?\x851 \x8aXRr\xbc\xf4\x88\x1b\x00\xae\x9d\xd4\xc5\xf9\x9b\x196\x80\xd01\xc6\x14/\xbe\xf8\xe2\x88\x11#\x1ez\xe8\xa1\xc7\x1e{l\xfc\xf8\xf1\xb3g\xcff\x8c\x85w\xb5\x19s\xa9C\x87\x0eMII\x01\x80\xf5\x87\x0f3\x0b\xac\xb0&gt;\x7f\x8c1\x9b(n:vL\xd54J\xe9\xf8\xf1\xe3\xa1K\xe7\x1f\x02\xf9\xf7JI\x01\x80\x95\x1b\x0f\x03\xe6\xdf\x0ec\x8c+b\xde\xe6c^U\x13(\xbd\xaa\xab\xf373l\x00!b\x8c\xfd\xddn\xf7c\x8f=\xa6\xeb\xba,\xcb\xa2(\n\x82\xf0\xdak\xafm\xdd\xba\x95R\x1a\xc6W\x1e\x1a\x0f\xb9t8\x1c\xe3\'L\x00\x80\xfc\xfa\xfaZ\x8fG\xc6\xcb\xc1N"\x84\xe8\x8c}]YI\x002\x06\x0e\xcc\xcc\xcc\xec\xdak\x03\x03\xf9_5~\x02\x00|[P\xdfR\xeb\x11d\xbc\x1c\xec\x04J\x08a\xec\xf3o*\t\x81\x8c\x8c\xae\xcf\xdf\xcc\xb0\x01\x84\x881\xd7_VV\xe6v\xbb\t!&gt;\x9fO\xd34B\x08\xa5t\xf7\xee\xdd`\x8d\x07PL\x9d:\x15\x00*\x9a\x9a\xd6\x94\x95E\xc82^\r\x00\x00\x0c\xc0!I\x05\xb5\xb5\x9b\x8f\x1d\xe3\x00\xd7O\x9el\xdc\x18*\x18\x7f\xeb\x96\xa9S\x01\xe0He\xd3Gk\xcb B\xd6\xf1j\x00\x00\xc6\x80:\xa4\x03{j\xd7m9\xc69\\w}\x10\xf37!l\x00!u\xdaa\x85%V\x9bQ\n\x00\xe3\xc6\x8dK\xed\xd5\x8b\x00\xac,-\xb5B\xc3;\x1f\x8c1\x87(\xae-/\xf7\xf8|\x82 L\x992\x05\x820\xff`\xe4\x7f\xd9\xb8q\xbdS{\x11\x02\xcb&gt;-\x05\xc6\xc3\xbf\xec\xce\x03c\x0c\xec\xe2G\xeb\xcb[\xdb\x82\x98\xbfia\r\x84\x88q_\xc6~\xfd\xfa%&amp;&amp;r\xceeY\x96$\xc9\x98\xfd\x1f1b\x04\x84{\x1b \x84h\x9a\x16\x15\x155\xed\xf6\xdb9\xc0\xd6\xca\xca\xbduu\x0eI\n\xe7S\x1f\xe7\xc7X\xff\xb3\xfc\xe0AB\xc8\x88\x11#rss\x8d;\x85t\xed_9\x95\xff\xb4\xdb9\x87\xcf\xb7U\x96\x16\xd6\x11\x87\x14\xd6\xe7\x9e\xce\x8b R\xadI}\xeb\xa3\x83\x84\x90\xdc\xa0\xe5oZ\xe1\xbc\xd31\x15c9vdd\xe4\xd3O?-\xcb\xb2\xcf\xe7\xf3\xfb\xfd\x8c\xb1\x07\x1f|p\xc4\x88\x11\xc6c\xc2\xba\xfb=\x06\x97\xf1\x01g\xce\x9c)\x89\xa2\xc7\xe7\xfb\xf0\xc0\x01\x87(\x86\xf7\xd9\xefs\xd29\x8f\x92\xe5\xcdG\x8f\x16\xd5\xd7s\xce\xef\xba\xeb\xae\xe0\xad?1\xf2\xff\xe5\xcc\x99\xb2$\xb6z|\xffZq\x808Dn\xf1\xfcuN"\xe5/\xbf:Z\xb0\xbf\x9es&gt;+\x98\xf9\x9b\x13\xc1#\xf1P2\xee/\xb8w\xef\xde\xbc\xbc\xbc\xb6\xb6\xb6\xcb.\xbbl\xdc\xb8qV\xb8\xe9\xa0\xc1\xe8s?\xfb\xd9\xcf\xd6\xaf_\x1fg\xb7\xaf\x9b:5\xd1\xe1\xf03f\x89\x0f\x7f:\x8cs\xbb$M\xfd\xe8\xa3-\xc7\x8e%\'\'\xef\xd9\xb3\'&gt;&gt;\x1e\x826\x05\xd1&gt;\xff\x848\xfb\x9eO\xa7&amp;&amp;8\xc0\xcf\xacQ}\xa7\xc1\x18\xe7vi\xe2\xed\x1fm\xd8z\xcc\x95\x9c\\\x10\xe4\xfcM(\xccG\x9dfc\x1c\x07dff&gt;\xf8\xe0\x83\xbf\xfb\xdd\xef,\xb5\xf7\x87\x93\'\xba\x1fx\xe0\x01\xcey\xbd\xc7\xf3~q\xb1SQ4+\r\xb8\xda\xd39\x8fR\x94o++\xbf\xaa\xa8\x00\x80;\xef\xbc3!!A\xd7\xf5\xe0\xd5C\xfb\xfck\xeb=o//&amp;\xd1\x8a\xaeY5\x7f\x9d\xd3(e\xf7w\x95\x9f\x7f]\x01\x00w\x04?\x7f\x13\xc2\x06\x10j\xc61\xa6\xa6i\x9a\xa6Y\xae\xda(\xe5\x9c_y\xe5\x95\x8322(!\xcb\x8a\x8a\x8e\xb5\xb4(\x82`\xdd\x83P\xce\x17\xe5\xe7\x03\x80\xa2(w\xddu\x97\xb1V8x\x7f\xedT\xfe\x832(%\x8b\xde-rW\xb4PE\xb0\xf0,\x00_\xb8$\x1f\x00l!\xc9\xdf\x84\xac\xf5iM\x82R*\x8a\xa2q\x1d@w\xbf\x97\x90\n\xdc\x97\xe6\xd1\xdf\xfe\x96q^\xd2\xd8\xf8\xf2\xae]16\x9bn\xbd\x83\x00\x9d\xf3\x18EYW^\xbe\xb2\xa4\x84s~\xfb\xed\xb7\x0f\x1e&lt;8\xd8\xa7\x82N\xe5\xff\xe8o\x19\xe3\xfbK\x1b\x9f_\xbc\x8b:m\xban\xbd\xfcu.\xc4(\x1b7\x94\xff\xe7\x93\x12\xce\xf9\xb4\x90\xe4oBx\x0e\x00\x85\x9a\xb1\xc8z\xfc\xf8\xf1\x9b\xbe\xf8"\xce\xe1X;e\x8a+"\xc2g\xb13\x01\x8cs\x87$\xdd\xbcb\xc5\xd7\x95\x95qqq{\xf6\xecINN\x0e\xcd\x08\xf4T\xfe\x9b\xbeH\x88u\xe4\x7f2%))\x02\xfc\xccR\x0f\x8b\xd4\x19\'vi\xfcm+\xbe\xf8\xa62&gt;.\xae \x84\xf9\x9b\x8a\xb5&gt;-2\tA\x10\xe6\xcf\x9fO\x05\xa1\xde\xe3yr\xdb\xb6HY\xb6\xd4A\x80\x9f\xb1x\xbb\xfd\xed}\xfb\xb6VTp\xce\x1f|\xf0A\x97\xcb\x15\xca\xe1\xe7\x89\xfc\xa9P\xdb\xe0yt\xe16\x1a%3+\x1d\x04h\x1a\x13\xe2\xeco\xbd\xb3o\xe3\xb6\n\xce\xf9\x03!\xcf\xdf&lt;\xf0\x08\x00u\x03]\xd7\x05A\x98\xf9\xcb_\xbe\xf9\xcf\x7f\n\x94\xfek\xd2\xa4k\xfa\xf5;\xee\xf5Z\xe16\xd1\x8csY\x10\xea\xda\xda&amp;\xbe\xff~][[zzz~~\xbe(\x8a\xa1|2\xe8\x89\xfcg\xfe\xf2\xcd7\xff)\x084\xef\xf5I\xe3\'\xf6\xd3\x8f{\x05\x0b\xdc&amp;\x9a1\x0e\xb2PW\xdf6\xec\xba\xf7\xab\xeb\xdb\x06\xa6\xa7\xef\x0ey\xfe\xe6\x11\xfe\xdf72!c2\xfa\xc9\xa7\x9e\x8aq:u\xce\x7f\xb7ys\xa3\xaa\xca\xd68\x1b\xcc8\x8f\x94\xa4\xdf}\xf9eMk+c\xec\xef\x7f\xff\xbbqW\xf0P\xee}N\xe4\xff\xe4S11N]\xe7\xf7\xfeask\xa3\n\xb2%\xce\x063\xcei\x84\xf4?\x7f\xfc\xb2\xb2\xb6\x951\xf6\xb7\xee\xc8\xdf&lt;\xb0\x01\xa0n`,Gq\xb9\\\xcf&lt;\xfb,p~\xc8\xed~d\xd3\xa6(\x0bL\x04\xf9\x19Kt8\x16\xe5\xe7\x7fRZ\n\x003g\xce\x9c8q\xa21\x1e\x0f\xe5\xdb8\x95\xff3\xcf\x02\xf0\x83\x87\xdd\xf7?\xb6I\x88\x92\xc3\xfel\xb0\xe6gb\x82\xe3\x8d%\xf9\xef\xae.\x05\x80Y\xdd\x94\xbfy\xe0\x14\x10\xea6\x9a\xa6\x89\xa2x\xdbm\xb7\xbd\xfb\xee\xbb\x00\xb0\xf0\xf2\xcb\xef\x1d6\xac\xba\xb5U\n\xd3\x89 \x8d\xb1\x18E\xd9YSs\xe3\x8a\x15\x1e\xbf?---??\xdfn\xb7w\xd7\xe4C\x87\xfc\x97\xfc\xe5\xf2\x99\xb3\x87i\xd5\xad\xa2\x14\x9e\xf9\xeb\x1a\x13\x9cJ\xc1\xee\x9aKoY\xe1i\xf3\xf7\xeb\xd7\xcd\xf9\x9b\x016\x00\xd4m8\xe7\x8c1\xb7\xdb\x9d\x9b\x9b[VVf\x17\xc5\xf7n\xb8a\xa4\xcb\xe5\x0e\xc7gF2\xce%A\xf0\xf8\xfd7._^t\xfc\xb8(\x08\x9b7o\x1e5jT7\x9e{\xec\x90\xbf\xc3.n\xfc\xf7\r#F\xb8t\xb7\x1a~\'\x03\x18\xe3 \tn\x8f\xff\x8a\xa9\xcb\xf3\x0f\x98"\x7f3\xb0\xee\'G\xdd\xce\x18y\xc5\xc5\xc5\xfd\xfb\xdf\xff&amp;\x84x4\xed\xde\xb5k\xeb\xda\xda\xec\x92\xa4\x87\xd7\xb8\xc4\xf80\x11\x92\xf4\xeb\r\x1b\x8a\x1a\x1a\x80\xf3\xbf\xfe\xf5\xaf\xa3F\x8d\xd24\xad\x1b\xf7&gt;\x1d\xf2o\xf5h\xb7\xfdj\xed\xf1\xfa6\xc1.1=\xbc\xf2\xe7\xc0\x00\xa8C\x9a\xf3\xd0\x86\xfcb\xb3\xe4o\x06\x96\xfe\xf0\xa8\xdbQJ5M\x1b5j\xd4\xcb/\xbf\x0c\x9c\x1fii\xb9m\xe5JU\xd3dJ\xc3\xe9i\x01\x8c\xf3X\x9bm\xee\xbauk\xca\xca\x00`\xc6\x8c\x19\xf3\xe6\xcd3f`\xba\xf7\x8d}/\x7f\xe0\xa5G[\xae\xbec\xa5G\xd5@\xa6,\x8c\x9e\x16\xa03.\xc6\xda\xee}`\xdd\xfbk\xcd\x95\x7f\xb7\xc3\x06\x80\xba\x99(\x8a\x9a\xa6\xcd\x993\xe7\x9e{\xee\x01\xce\xf3kk\x7f\xf3\xc5\x17\x0eI"\x84\x84G\x0f\xd0\x18Kr8^\xda\xb9\xf3\x9d\xc2B\x00\xc8\xcd\xcd}\xe9\xa5\x97\xccs\xcf\xe1\xef\xe5\x0f|\xfb\x9e\xda\xb9\x8f~A\x1d\x12\'\x84\x87E\x0f\xf0kLLt\xbc\xfa\xea\xceW\xffc\xc6\xfc\xbb\x176\x00\xd4\xfd\x04A\xd04\xed\x95W^\x99={6\x00|P\\&lt;w\xdd\xba(Y\x16z\xf8q\x00\x07\xd09O\x8e\x88xq\xe7\xce\xdfm\xd9\x02\x00\xb9\xb9\xb9yyy\x0e\x87\x03\xcct\xcb\xc9\x0e\xf9\xbf\xb9\xa2x\xce\xaf\xd7\tQ2\x08=\xfc8\x80\x83\xaes))b\xf1\xab;\xef\xfd\xa3y\xf3\xefFx\x12\x18\x99\x82qBR\x10\x849s\xe6,^\xbc\x18\x00\xa6\r\x1a\xf4\xec\x95W2\xce\xbd\x9a\xd6\x13\xcf\t\x1b\x0f\xbe\x8fQ\x94Wv\xedzt\xf3f\xe0|dn\xee\x9a\xbc\xbc\xd8\xd8X\x13\x9ex\xec\x9c\xff\xec[\x07\xbd\xb4\xe0JQ\xe7\xba\xaa\xf5\xc4s\xc2\x8cq\x0eD\x88U^]\xbc\xeb\xde\xdfo\x06\xe0#G\xe6\xaeYc\xd2\xfc\xbb\x0b6\x00d\x16\x9d\xf7A\x97$\'\xbf}\xddu\x89v\xfbqU\xedYkC5\xc6\x14Qt\x88\xe2\xfd\x1b6,\xdd\xb7\x0f\x00\xcc\xbc\xf77t\xce\x7f\xcc\xf0\xe4\x95o\\\x17\x1bo\xd7\x1a\xd5\x9e\xb56T\xd7\x98\xa0\x88`\x17\xef}h\xc3\xab\xef\xec\x03\x00\xdc\xfb\x9f\x16\x06\x81\xcc\x82\x10B)\xd5u}\xd1\xa2E\xc6\\\xc4w55S&gt;\xfahWmm\x92\xc3\xa1\xf5\x9c\xc9\x08?cNEi\xf5\xf9\xfe\xeb\xd3O{\xca\xde\x1fN\x97\xff\x96\x1d5\xe3\xa7}\xb43\xbfVLrhZ\x8f\x99\x8d\xd3\xfcLp*\xc7[}\xb7\xdd\xfd)\xee\xfd\xcf\x0e\x8f\x00\x90\xb9t\x1e\x87:m\xb6\x05\x97]6m\xf0\xe0F\xafW\xe7\\0\xf1\xd4-\xe3\x9cs\x1e\xefp|[U\xf5\xeb\r\x1b\xf6\xd6\xd5\x01\xc0\xc8\x91#\xd7\xacY\xd3S\xf6&gt;\x9d\xf3\x8fw\xda^z\xe2\xb2[o\x19\xcc\x1b\xbdL\xe7\x82`\xde\xfc9\xe3\x8cs!\xde\xb1\xf3\xbb\xaa\xbb\x1f\xda\xb0c_\xcf\xcb?\xc40\x0ed.\xc68\x941\xb6h\xd1\xa2\xe7\x9e{\x0e\x00\xdc^\xef\xbd\xeb\xd6=\xb4q\xa3Hi\x94,\x9b\xf6P@cL\x16\x848\xbb\xfd\xb5\xfc\xfc\x9b?\xfa\xc8\xd8\xfb\xcf\x9a5k\xdd\xbau=h\xef\xd39\xffz\xb7\xf7\xb6_\xad{\xe0\x91\x8d\xbaH\x85(\xd9\xb4\x87\x02\x9a\xc6\x88,\x08q\xf6\xd7\xde\xc8\xbf\xea\xd6\x8f\x8c\xbd\x7f\x8f\xcb?\xc4\xf0\x08\x00\x99\x11\xe7\xdc\xb89{^^\xde\xacY\xb3***\x00\xe0\xe2\xe4\xe4\'\xc6\x8e\x1d\x93\x9a\xeaVU\x9f\xae\x9b\xe7\xcc\xb0\xce9\x01\x88\xb3\xdb\x0f\xb9\xdd\x7f\xdc\xb2\xe5\xa3\x92\x12\xe0\\\x91\xe5\xa7\x16,\x987o\x1e\x9c|\x18ow\xbf\xcd\x0b\xd0&gt;\xff\xbbf\xcd:VQ\x01\x00?\x1d\x96\xfc\xfc\xe3cG\x8dN\x05\xb7\xaa\xf9t\xd14g\x86u\x9d\x13\x024\xce^q\xc8\xfd\xbf\x7f\xda\xb2lU\t\x00W\x14\xf9\xa9\xa7zj\xfe!\x83\r\x00\x99\x97q\xa9Nee\xe5\xcc\x993\xf3\xf2\xf2\x00@\x16\xc5\xfb\x86\x0e\xfd\xefa\xc3\x92#"\x1a\xbd^\x9d1\xa1[7l\xe3\x8ae\xa7\xa2\xf8u\xfd\x9d\xa2\xa2\x85\xdb\xb7W\xb5\xb4\x00@\xc6\xc0\x81\xaf/Y2f\xcc\x18\xc6X\xcf\xbd\xd5L\xe7\xfcm\xb2\xf8\x9b9C\xffw\xce0gr\x044zu\x9dQ\xa1;\x1f$\xa3\xeb\x9c\x00P\xa7\x02~\xfd\x8dw\x8b\xfe\xf0\xcc\xf6\xa3\xd5-\x00\x90\x911\xf0\xf5\xd7{|\xfe!\x80\r\x00\x99Z\xe0N\x8d\xcf?\xff\xfc\xa3\x8f&lt;\xe2UU\x00\x18\x10\x1b;w\xd8\xb0\x9f\xa7\xa7G)J\x93\xaaj\x8c\t4\xd4\xbb!c\xd4\x1f%\xcb\x00\xb0\xe1\xf0\xe1\x17v\xee\xfc\xf2\xe8Q\xe3Gw\xdf}\xf7\xd3O?\xedt:\xc3\xe0Z\xd3\xef\xe5\xff\xe8#^\xaf\n\x00\x83\xfb\xc7\xfe\xe6\xdeaw\xde\x98.E)\xd0\xa4\xea:\xa3\x94\x86r\x1f\xcb\x01\x981\xea\x8f\x92\x81\xc3g\x1b\x0f\xff\xf5\x95\x9d\x9fm\t\xc3\xfc\x83\r\x1b\x002\xbb\xc0 n\xcf\x9e=\x0f?\xfc\xf0\xea\xd5\xab\x8d\x7f\xbf\xc4\xe5\xba\x7f\xf8\xf0\xb1\xa9\xa9q6[\xb3\xcf\xe7\xd3uJH\xb0\xf7C\x8cs\xc6\xb9Hi\xa4,\xfbu\xfd\xbb\xea\xea\xd7\n\nV\x1c&lt;\x08\x9c\x03@vV\xd6\x82\x85\x0b\'M\x9a\x04\xedv\x9d=\xdd\x99\xf2\xbf\xf4b\xd7#s\x87_=:U\x89\xb3A\xb3O\xf3\xe9\x84\x92`\x1f\x0f0\xc6\x19\xe3\xa2H!R\x06\xbf\xbeuG\xf5?\xde(xg\xe5A\xe3~K\xd9\xd9Y\x0b\x16\x84[\xfeA\x85\r\x00\xf5\x0c\x81\xedy\xd9\xb2e\x7fy\xe2\x89\x82={\x8c\x7f\x1f\x9c\x900;;\xfb\xba\xb4\xb4$\x87\xc3\xcfX\xab\xcf\xa7sN\xbb\xfa\xb0\xdf\xd8\xef\x13B\x1c\xa2h\x17\xc5&amp;\x9f\xef\xab\x8a\x8a\x97w\xef\xfe\xe2\xe8Q`\x0c\x00\\\xc9\xc9s\x7f\xf5\xab\x87\x1f~X\x96\xe5\xb0\x9cv\xf8^\xfe\x7fy\xa2\xa0\xe0D\xfe9\x83\x12\xe6\xcd\xca\x9erMZt\x92\x03\xfc\x8c\xb7\xfat\x9d\x13Jh\xd7\x05\xc0O.\xef\xa1@\xa8C\x04\x9b\xa87\xfb6|]\xf1\xcc\xe2\xddy\x9b\x8e\x020\x00Hq%\xdf77\x9c\xf3\x0f\x12l\x00\xa8\xc7`\x8c\x01\x00\xa5\xd4\xe7\xf3-\\\xb8\xf0\xc5\x17^\xa8\xaa\xae6~\xd4;:zrZ\xda\xd5}\xfb\x8eLI\x89\x90$U\xd7\xbd\x9a\xe6g\x8c\x1b\xcd\xe0\xc2\xaf\xfb\xe7\xc6\x89P\x00\x00\x10\x08\xb1\t\x82M\x14u\xce\x0b\xea\xea6\x94\x97//))\xa8\xad5F\xfdvE\xb9\xfd\x8e;\xe6\xcf\x9f\x9f\x9a\x9a\na=\xf0\xec\x90\xffK/\xbePYu"\xff&gt;\xa9\xd1\xb7^\x9bv\xd3\xc4\xbe\xa3G\xa4\x80C\x02\x9f\x0e^M\xf73\x0e\x9c\x10B\xc9\x85\xe7\xcf\x8d5\xb5@\x00\x04\x81\x80"\x80M\x04\x9d\x17\xed\xad[\xb5\xb1\xfc\xdf\x1f\x95\xec\xdc[k\x8c\xfa\xedv\xe5\xf6\xdb-\x91\x7f0`\x03@=L`\x0b\xaf\xae\xae~\xeb\xad\xb7\xde\xfa\xd7\xbf\xf2\x0b\nN\xfc\x8c\xd2Q.\xd7\xd8\xd4\xd41\xa9\xa9Y\t\tq6\x9bH\x88\x9f1U\xd7\xfd\x8c\x19\x8b\xf4\x8d\x17\x9ev\x7fd\xfc\xd4\x18:J\x94\xca\x82`&lt;\xa5\xb2IUK\xdd\xee/\x8f\x1e\xfd\xba\xb2\xf2\x8bc\xc7&lt;\xaaj\xbc&gt;\xc5\xe5\xba\xe3\xce;g\xcc\x98\x91\x95\x95\x05\x00\x9a\xa6\t\x82\x10\xf6\x03\xcf\x8e\xf9\xbf\xf5\xaf\xfc\xfc\x93\xf9\x03\x1d\x9b\xeb\x9a0:u\xe2\xe8\xd4\xa1\x99\t\x8eX\x1b\x08\x044\x06\xaa\xce\xfd\x8cs~b\x05/\x01\x02\x1dS\xe2\x00\x10\xc8\x9f\x00\x95(\xc8\x02H\x02\x00\xe8Mjq\x99{\xedWG\xbf\xd8V\x99\xf7\xe51\x8f\xe7D\xfe\xbdR\\\xbf\xb8\xc3r\xf9w-l\x00\xa8\xe7\t\\\xac\x04\x00&gt;\x9fo\xcd\x9a5o,Y\xb26/\xcf\xe3\xf5\x9ex\x05\xa5}\xa2\xa3\xb3\xe2\xe3G\xba\\\x99\xf1\xf1i11\xc9\x0e\x87"\x08"\xa5\x84\x10\xce\xb9\xc6\x18\xb4\xdfSpN)5.1\xf33\xa61V\xd7\xd6V\xeev\x17\x1f?\xfeMU\xd5\xee\xba\xba\x92\xc6F\xd5\xef\x0f\xbc|\xec\x9813f\xcc\x98|\xc3\r\xc9\xc9\xc9\x00\xa0\xeb:\xa5\xd4:\xbb\x</t>
        </is>
      </c>
    </row>
    <row r="386">
      <c r="A386" s="1" t="n">
        <v>384</v>
      </c>
      <c r="B386" t="inlineStr">
        <is>
          <t>venn</t>
        </is>
      </c>
      <c r="C386" t="inlineStr">
        <is>
          <t>What is the missing number of the part denoted with a question mark?</t>
        </is>
      </c>
      <c r="D386" t="inlineStr">
        <is>
          <t>['7', '4', '5', '3']</t>
        </is>
      </c>
      <c r="E386" t="inlineStr">
        <is>
          <t>5</t>
        </is>
      </c>
      <c r="F386" t="inlineStr">
        <is>
          <t>There are 3 overlapping circles containing the numbers ['?', 8, 1]. The overlapping part between the first and second circle contains the number 13. The overlapping part between the second and third circle contains the number 9.</t>
        </is>
      </c>
      <c r="G386" t="inlineStr">
        <is>
          <t>We observe that the circles with 8 and 1 overlap to form the part 9, where 8 + 1 = 9. Hence, the pattern is most likely that the numbers in the overlapping parts are the sum of the numbers in the corresponding circles.</t>
        </is>
      </c>
      <c r="H386" t="inlineStr">
        <is>
          <t>Based on the pattern that the numbers in the overlapping parts are the sum of the numbers in the corresponding circles, the missing number of the circle where the overlapping part is 13 should be 5.</t>
        </is>
      </c>
      <c r="I386" t="inlineStr">
        <is>
          <t>b'\x89PNG\r\n\x1a\n\x00\x00\x00\rIHDR\x00\x00\x02\x00\x00\x00\x02\x00\x08\x06\x00\x00\x00\xf4x\xd4\xfa\x00\x00\x9e\xa9IDATx\x9c\xec\xddu\x9cTU\x1b\xc0\xf1\xdf\xbdw:\xb6Y\xba\x1b\x04\tEA\t\x13[L0PDI;\x11\x15\x13[P\x10\x15Q\xb10\x101P\x14P\x01\x05ADI\x91\x92\xee\xd8\x9a\xd9\xe9\x1b\xef\x1fwf\t\xe3U`\xd9\x9d\x99\xf3\xfd||\xf5e\x97\xdd;\xf3\xcc\xbd\xe79\xe7&lt;\xe7\x1c\xc90\x0c\x03A\x10\x04A\x10\xd2\x8a\\\xd1\x17 \x08\x82 \x08\xc2\xd1\'\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96\x8a\xbe\x00\xa1b\x18\x86q\xc0\x7f\xef\xff\xff\x0f\xfez\x82$I\x7f\xfa\xef\x83\xff-T\x0e\x89\xf8\x1d\x1c\xdb\xbf\x8a\xeb\xfe\x0e\x8e\xb1\x88o\xe5\xb4\x7f|\xf7\xff\xf7\xc1\xff\xbd?q\xff\n\x07\x93\x8c\xff\xf7D\x10\x92V"\xb4\xba\xae\x97\xfdw\xe2\xa1.\xcbG~\xf0G\xd3\xb4?\xfd\x9e\xfd\x1b\x11\xe1\xc8J4\xee\xfb7\xf2\x89\xd8\x96\xc7{\x9e\xf8\x1c\x19\x86Q\xf6\xf3\xcb\xebw\t\x7f\x1f\xdf\xf2\xb8\x7f\r\xc3\xf8\xcb\xe7\x84\xb8\x7fS\x9bH\x00R\xc8\xc1\x0fhEQ\xfe\xf1\xfb\x03\x81\x00~\xbf\x9f\x92\x92\x12JKK)--%\x14\n\x11\x0c\x06QU\x95h4\x86\xae\xebX,\nV\xab\x15\xab\xcd\x86\xcb\xe9\xc4\xe5r\xe3\xf1\xb8\xf1x\xbcdee\xe2v\xbbq:\x9d\x7f\xfb{\xf6\x7f\xb8\x94g\x03\x95\xca\x12q\xd5u\x1d0\x1b\xde\x7fj\x04\x02\x81\x00\xb1X\x8c={\xf6PXXH$\x1a%\x1a\x89RTT\x88\xdf\xefGUU"\xd1(\x86a`\xb3Z\xb1Z\xad\xb8\\.\xb2\xb3\xb3q\xb9\\X,\x16233\xa9V\xad\x1a6\x9b\r\xaf\xd7\xfb\x8f\xd7&amp;\xe2{x\x0en\xec\xff_|5M#\x18\x0cRRR\x82\xcf\xe7\xc3_ZJ0\x10 \x18\x0c\x11\n\x85\xd04\x95h4\x8aa\x80\xd5f\xc5b\xb1\xe0\xb0\xdbq\xba\\\xb8].&lt;\x1e\x0f^\xaf\x97\xcc\xcc,\xdcn\x176\x9b\xed\x1f\xafM\xd34`_\xc2\'\xe2\x9b\x1aD\x02\x90\xc4\xf6o\xf0-\x96?\xcf\xe6\x18\x86\xc1\xae]\xbb\xd9\xb4i#\xeb\xd7o`\xdd\xbau\xac\xdf\xb0\x9e-[\xb6\xb0s\xc7\x0ev\xef\xdeEII\t\x91H\xf4\x90\xaf\xc1\xe5r\x92\x95\x95M\xf5\xea\xd5\xa9V\xad\x1a\xf5\xea\xd5\xa7~\xfdz4j\xd4\x88z\xf5\xeaQ\xa7N\x1d\xb2\xb3\xb3\xff\xf2\xdau]\x17\r\xc6\xdf\xd8\xbf\xc1\xff\xbbd\xae\xb4\xb4\x94\xad[\xb7\xb2i\xd3&amp;V\xae\\\xc9\xd6\xad[Y\xbdz5\x05\x05\x85l\xde\xbc\t\xbf\xdf\x8f\xcf\xe7;\xac\xebp\xbb\xdd\xb8\xddnj\xd5\xaaE\x95*U\xa8\xdf\xa0\x01u\xeb\xd6\xa5i\x93&amp;\xd4\xad[\x97\xfa\xf5\xeb\x8b\xf8\x1e\x82\x7f\x13\xdfH$\xc2\xce\x9d\xbb\xd8\xb81~\xef\xae_\xcf\xfa\xf5\xeb\xd9\xb6m\x1b;w\xec`\xef\xde\xbd\xf8|&gt;\xd4x\xe3\xfc_I\x80\xc7\xeb%77\xb7\xec\xfem\xd0\xa0!\xf5\xea\xd55\xef\xdf\xfa\xf5\xa9U\xb3&amp;\x1e\x8f\xe7O\x7fW\xc475\x88\x04 \x89\xec\xff\xd0P\x14\xe5O7\xdd\xd6\xad[\xf9\xfd\xf7\xdfY\xb4h\x11\x8b\x17/f\xc5\x8a\x15\xac[\xb7\x8ep8\xfc\x97?O\xb1X\xf1fd\x92\x99\x95\x8d\xc7\x9b\x81\xc7\xeb\xc5\xe9t\xe1p\x9a=@\xab\xd5\x86\xac\xc8\xa8\xaa\x86\xaaF\x89E\xa3\x84C!\x82\xc1\x00\x01\xbf\x1f\xbf\xbf\x84\xe2\xa2BJ\xfd~0\xf4\xbf\xfc\x1d\x99\x99\x994i\xd2\x84V\xadZ\xd1\xae]{\xda\xb5kK\xd3\xa6M\xc9\xc9\xc99\xe0\xfb\x12\x0f\x94\xff\xd7\xf3Ie\xfb\xf7\xf0\x0fn\x10\xc2\xe10k\xd6\xace\xe9\xb2\xa5,^\xb4\x88%K\x96\xb0j\xd5*v\xec\xd8\xf1\xb7?\xcfb\xb5\xe1\xf6xp{&lt;de\xe5\xe0\xcd\xccFQ\x14,V+\x8a,c\xb1\xda\x90$\tU\x8d\xa1\xa9*\xaa\xaa\xa2\xeb\x1a\x81R?\xc5\x85\x85\xf8\xfd%\x84\x82A\xc2\xa1\xe0\xdf\xfe\x8e\xac\xac,\x9a6mJ\x8b\x16-h\xd7\xae\x1d\xed\xda\xb5\xa3y\xf3\xe6\x7fJ\nD|\x0f\x1c)98aWU\x95\r\x1b6\xb0l\xd9r\x16-\xfa\x95%K\x96\xf0\xfb\xef\xbf\xb3e\xf3f4\xfd\xaf\xef-\x9b\xddAFfV\xd9\xfd\xebr{p:]\xd8\x9dN\x14E\x89\xf7\xea\xcd\xf8\xaa\xaaJ4\x126\xef\xdf@)\xa5~\x1f\xbe\x92\x12J\x8a\x0b\t\x05\x03\x7f{\xcd\xf9\xf9\xf94k\xd6\x8c\xd6\xad\x8f\xa5]\xbbv\xb4is,M\x9a4\xc1\xedv\x1f\xf0}\x89\xe9\xbft\x8eo2\x12\t@%\xf7O\x0f\x8d\xcd\x9b7\xb3`\xc1\x02\xe6\xcc\x99\xc3\xbcy\xf3X\xb6l\x19\xb1X\xec\x80\xef\xf1ffQ\xa7^C\xea6hD\xedz\r\xa8U\xbb\x1eUk\xd4$\'/\x9f\xcc\xec\x1c\xdcn/v\x87\x03\x9b\xcd\x86\xd5fC\x92d$\t\x12\xb9\x85$A\xe2\x13b\x18\xe6?\xba\xa6\x11\x8dE\x89F"D\xc2!J\xfd&gt;\x8a\x0b\x0b(\xd8\xb3\x9b\x1d\xdb6\xb3m\xcbF6\xad\xff\x83\xcd\x1b\xd6\xb1e\xd3\x06"\xe1\xd0\x01\xd7\x94\x9d\x95E\x9bv\xed8\xf9\xa4\x93\xe8\xdc\xa5\x0b\xed\xda\xb6%77\xf7\x80\xefQU5-\x1e&amp;\x7f\xd7\xe8\xab\xaa\xca\x8a\x15\xbf\xf3\xe3\x8fs\xf9a\xce\x1c\x16\xfe\xfc3\xeb\xd7\xaf\xff\xd3\xdf\xcf\xcc\xca\xa6N\xfd\x86\xd4\xac]\x97\xba\r\x9bP\xb5Z\rj\xd5m\x80\xc7\xeb%/\xbf:n\x8f\x07\xc5b1\x1b\x06\x87\x13\t\xca\x82[\x96?\x1a`$\xfe\x03\x88F\xa2\x84B\x01b\xd1(\xd1h\x84=\xbbvP\xea\xf7\xb3s\xdb\x16vn\xdb\xc2\x96M\x1b\xd8\xb2q=\x9b7\xadc\xf7\x8e\xed\x7f\xba\xa6\xdc\xdc\\\xda\xb4i\xc3I\'\x9dD\x97.]h\xd7\xae\xdd\x01\tAbH9\x9d\xe3k\x18\x06\xabW\xaff\xde\xbc\xf9\xcc\x99\xf3\x03?\xfd\xf4\x13\xabV\xad\xfa\xd3\xdf\xcf\xcb\xafF\xdd\xfa\r\xa9\xdb\xb01\xb5\xeb\xd6\xa7F\xedz\xe4W\xadNvn\x152\xb3\xb2q\xba\xdd\xd8lvlv;V\x8b\x15I\x96\xf6\xc5U2{\xf9\x07\xdf\xbf\x9a\xaa\x12\x8dF\x88F"\x84CA|%\xc5\x14\x17\x16\xb0w\xcfN\xb6o\xd9\xc4\xb6-\x9b\xd8\xb8n\r\x9b7\xaeg\xdb\xe6M\xe8\xfa\x81#\x0c5j\xd4\xe0\xb8\xe3\x8e\xe3\xe4\xce\x9d9\xf9\xe4\x93i\xdd\xaa5n\xb7\xeb\x80\xd7\x96.\xf1Mv"\x01\xa8\xa4\x12=\xa6\xfd\x1b}M\xd3X\xbcx13f|\xc3\xf4\xe9\xd3X\xf0\xd3OD\xa2\xfb\x86\xef32\xb3h\xd2\xa2\x15\xc7\xb4iO\x8bVm\xa8\xd7\xa8\x19\xd5k\xd6&amp;+;\x07\x87\xd3\x81\xa2\xc4\x1f\x00\x1ah\x9a\x8e\x16\xef\xf1%~\x97\xf9Q0\xf6k\x10\x0e$\xed\xf7?\xe6\xb0\x9fy\x83+\x8a\x82b\xb1\xa0(\x12r\xfc\x19\xa7\xc6 \x18(\xa5\xa8`\x0f[7od\xfd\x9aU\xfc\xbe|1+\x96\xfe\xca\xea\xdf\x7fC\x8d\xed\xbb\xee\xdc\xdc\\:w\xeeL\xf7\xee\xdd9\xe5\x94Sh\xda\xb4i\xd9\xd7\x12\x0f\x93\xbf\x1a\xf1HV\x7f\xd7(\x14\x14\x140g\xce\x1c\xa6O\x9f\xce\xec\xd9\xb3\xff\xd4 d\xe7\xe4\xd1\xa4\xf91\xb4l\xd3\x8ef-\x8f\xa5^\xa3&amp;T\xafY\x9b\xcc\xec\\\x9c\x07\xc5W\xd7\rT5\x86\xae\xe9\x18\x86^\x16\xe3\xf8\x15\x1c\xf0/\xca\xde\xd6}\x15\xe1\xb2\xa2 K\x12\x92,c\xb1XQ\x14\x19Y\x06Y\x01]\x83hD\xc5WR\xc4\x9e];\xd8\xb4\xfe\x0f\xd6\xfc\xbe\x9c\x95\xcb\x97\xb0z\xe5r6oXw\xc0u\xe7\xe7\xe7s\xf2\xc9\'s\xe6\x99\xdd\xe9vJ7\x9a6ir\xc0{\x91j\xf1\x05\xca\xe6\xcc\xf7\x8f\xaf\xdf\xefg\xfe\xfc\xf9L\x9b6\x9do\xbf\xfd\x86\xe5\xcb\x97\x1f\xf0w\xaa\xd6\xa8E\xf3\x96\xadiyl;\x9a\xb6lM\xbd\x86M\xa9R\xad:\x19\x99Y\xd8\xedVd\x19t\xdd\xfcGU54M= \xbe\xff\xee\xfe\xddW\xd8\x97h\xa0e\xc5\x82\xc5bA\x96)\xfb\x0c\xc5b:\xa5~?\x05\xbbw\xb2y\xe3z\xfeX\xbd\x82\xdf\x97-f\xe5\xf2%\xfc\xb1\xfa\xf7\x03~n\xed\xda\xb5\xe9\xda\xb5+g\x9cq\x06]\xbbv\xa5n\xdd\xbae_K\\\x97\x98&amp;\xa8\x9cD\x02P\x89\xec?\'\x98\xc8\x9cu]\xe7\xa7\x05\x0b\xf8\xfc\xb3\xcf\x98:u*+V\xac(\xfb~\x8f7\x936\xc7\x9d\xc0\xf1\x9d\xba\xd0\xba}\x07\x1a6iA^\x95\xaa\xd8\x9d\x16\x0c\xdd\xbc\x89c\xb1(Z,f\x0e#\x1aFY\x03~p!\xcf\xa1\xdc\x9c\xfb&gt;:F\xbcwa\x94u7$YB\x96\xcd\xe1f\x9b\xcd\x8e\xc5b&gt;\x94\x82\x810;\xb7me\xed\xca\xe5,\xfey\x1e\x0b\xe7\xcfa\xf9\xe2_\x0e\xe8et\xea\xd4\x89\x0b/\xbc\x90\xf3\xce;\x8f\x16-Z\x94\xfd\xf9_=T\x93I\xa2\xb1\xdb?\xa9+,,\xe4\xdbo\xbfc\xca\x17S\xf8\xf6\x9bo\xd8\xb5kW\xd9\xd7\xb2s\xf3h\xd3\xfe\x04\xda\x9fx2\xad\xdau\xa0A\xe3f\xe4V\xa9\x8a\xc3\xa1\xa0\x97s|\xff\xb4\xac\xcc0\xccF\xc50@\x92\x90e\tE\xb1\xc6\x8bC-(\n\xa8*\x94\x14\x17\xb1e\xe3zV._\xc2\xa2\x05sY\xbcp&gt;\xeb\xd7\xae.\xfbY\x8a,\xd31\x1e\xdfs\xcf=\x97\xe6\xcd\x9b\x97}-\x15\xe3\xeb\xf7\xfb\x99={6\x9f\x7f\xfe9\xd3\xa7Og\xeb\xd6\xade_\xabZ\xa3\x16\xed;t\xe2\xb8\x8e\x9di\xd9\xe68\xea5hLVN\x0eV\xab\x84\xa6A,\xa6\x12\x8b\xc6\xcc\x86\xbe,\xbe\xd2\x01\r9p\xc0\xa8\xce\x7f\xbd\xde}\xff6\xef\xe1\xc4gH\x92\xcc\xc4\xdej\xb5a\xb5YQ,f\xe2W\xea/e\xfb\x96M\xac\xfcm)\xbf\xfe4\x87_\x17\xfc\xc8\x9a\xdf\xf7%2v\xbb\x9d\xae]\xbb\xd1\xe3\xa2\x1e\x9c\xd5\xbd;\xf5\xeb\xd7/\xfb\x9a\xa6i\xe5\xb6\x02I84"\x01\xa8\x04\xfe\xea\xc1\xb1z\xf5j&gt;\xfe\xf8c&amp;M\x9a\xc4\xd2\xa5K\xcb\xfe\xbcn\xfdFt\xecz\x1a\'\x9dr\x06\xad\xda\x1cO\xd5\x1a\xb5\xb0\xd9e\xd4\x18D"a\xd4X\x14]\xd3\x0f\xc8\xf4+.\xf3N$\x06\x89\xde\x89\x84\xa2\xc8Xmv\xecv\x1b\xb2\x02\xa1@\x94-\x1b\xd7\xb1\xe4\x97\x9f\xf8q\xf67\xcc\xffa&amp;\x05{\xf65\x82\xdd\xbau\xa3W\xaf^\x9cw\xdey\xd4\xacY\xb3\xec\xcf\x13C\x8c\xc9\xd0\xabH\xf4\x82\x12\r\x9b\xae\xeb|\xff\xfd\xf7|\xf0\xc1\x87|9\xf5Kvl\xdf7\x8c\xde\xb8YKN\xecr*\x9d\xba\x9eN\xcbc\xdb\x93_\xad\x066\x9bD,\x06\x91p&lt;\xbez\xe5\x88\xef\x01K\xd4\x12+O,V\xecv;6\xbb\x82a@IQ\t\x7f\xacY\xc9/\xf3\x7f\xe0\xc7Y\xdf\xf0\xcbOs\x88F"\x00\xc8\xb2D\xb7n\xa7\xd2\xabWO\xce=\xf7\\j\xd4\xa8Q\xf6\xb3\x939\xbe\x00\xf3\xe6\xcd\xe3\xc3\x0f?d\xca\x94)l\xda\xb4\xa9\xec\xcf\x8fi\xd3\x9e\x93O\xedN\xc7\xce\xa7\xd2\xb4ekr\xf2\xaa\xa0(\x10\x8d\xeaD#aTU\xc5\xa8D\xf1\x05\x03C\x8f\xc78^\xach\xb3;\xb0\xdb-H\x12\xf8}A6\xae[\xc3\xa2\x05s\x99;k\x06\x0b\xe6\xce&amp;P\xea\x07\xc0f\xb3qf\xf7\xee\xf4\xea\xd9\x8b\xb3\xce&gt;\x8b\xdcx\xddO\xa2\xa3\x93,\xf1Me"\x01\xa8@\x07?8B\xa10_\x7f\xfd\x15o\xbd\xf5\x16S\xa7N-\x1b\xb2\xadS\xbf!\xa7\x9du\x01\xdd\xce&lt;\x97\x96\xc7\xb6\';7\x0b]\x87p(B4\x1a\xc1\x88\x8f\x1aHIrC\x95\r\x81\x1b\x06\xb2\xa2`\xb7;\xb0;\xad\x18:\xec\xda\xb1\x83\xc5\x0b\xe73\xf3\xeb\xcf\xf9\xe1\xbbi\x14\xec\xd9\r\x98\xc5\x84\x17]t1\xd7\\s\r\xa7\x9c\xd2\xad\xecg\xa9\xaaZi\x87\x8f\x0f\xee\xf1l\xdd\xba\x95I\x93&amp;\xf1\xee\xbb\x13X\xbcxQ\xd9\xf75n\xd6\x92S\xcf:\x9f.\xa7\x9fC\xf3\xd6m\xc8\xcc\xf2\xa2\xa9f\xe1_,\x1a5\xe3+K\xf1\xfa\x8c\xca\xf7:\xf7\xb7/)\xd0\x01\t\x8b\xc5\x82\xdd\xe1\xc4f\x97\x89\x86U6\xae\xff\x83\x9f\x7f\xfc\x9eY\xd3&gt;g\xfe\x0f\xb3\x88D\xcc\x02\xd5\x9c\x9c\x1cz\xf4\xe8A\xef\xde\xd7\xd0\xad[\xd7\xb2\x9f\x97L\xf1\xdd\xb5k\x17\x1fO\x9e\xcc;\xef\xbc\xc3\xcf\x0b\x16\x94}_\xabv\xc7s\xc6\xb9\x17qr\xb73h\xd4\xec\x18\xdc^\x07j\x0c\xc2\xa1 j,\x86\x81Q\x16\xdb\xca\xf8:\x0ff\xe8:z&lt;9P\x143\xbev\xbb\x82\x1a3\xd8\xb6e#\x0b\xe7\xff\xc0\xcc\xaf\xbf`\xee\xac\x19e\xc9@\xf5\xea\xd5\xb9\xf4\xb2\xcb\xb8\xfa\xaa\xab\xe8\xd0\xa1C\xd9\xcf\xaa\xcc\xf1M\x07"\x01\xa8\x00\x077\xfc\xdb\xb7og\xc2\x84\t\x8c\x1f?\x9e\xd5\xab\xcd\xe1Rof&amp;\xa7v?\x9fs.\xeaI\xbb\x13N"\'7\x1bU\x85P0\x80\xaa\xc6\xd87\x0f\x9f\xfc7Nb\x0e\x13$l6\x1bN\x97\x13I\x82\x1d\xdb\xb63\xff\xfbo\xf9\xfa\xf3I\xcc\xfe\xe6+\xb3g\x849Ep\xfd\xf5\xd7s\xd9e\x97\x95\xadO\xafL=\xc6\x83\xaf\xe5\x97_~a\xfc\xf8\xf1|8q"E\x85\x85\x00T\xc9\xaf\xc6\xa9g\x9f\xcfY\x17^\xc6\xb1\xedO$3\xdbK,j\x10\n\x06\xd1\xd4X|\x98\xbdr\xbc\x9e\xc3b\x18\xe8\x86\x11Obd\x1c\x0e\'\x0e\xa7\x95XLg\xc3\xda\xd5|\xff\xcdT\xa6M\x99\xcc\x92_~*\xfb+\'\x9d|2\xd7\xf7\xed\xcb\xa5\x97^Z\x16\xdf\xca\xd4P\x1c\xdc\xf0/[\xb6\x8c7\xdf|\x93\xf7\xde{\x8f={\xf6\x00P\xabN=\xba_p)g\x9ew1\xcd[\xb7\xc5\xedq\x10\rk\x84\xc3A4UK\x9a\x84\xee\xdf0\x9fg:\x92$c\xb3\xdbq:\xed\xe8:l\xd9\xb8\x9e9\xdfMg\xda\xe7\x93\xf8i\xee\xac\xb2\xef?\xe3\x8c3\xe8\xd7\xaf\x1f\x17\\p\x01v\xbb\x1d\xa8\\\xf1M\'"\x018\x8a\x0en\xf8\xd7\xacY\xc3\xb8\xd7^\xe3\xad7\xdf\xa4\xa0\xa0\x00\x80\x96\xc7\xb6\xe3\xc2\xcb\xaf\xe6\xf4s.\xa2v\xfdz\x18:\x04\x03f\xa3o\xf6\x10R\xe3\xa1\xf1w\xf6/\x90\xb3\xd9\xec\xb8\xdc\x0eTUg\xcd\xef\xcb\x99&gt;e2\x9f\x7f\xf4.[7o\x04\xa0~\xfd\xfa\xf4\xef\xdf\x9f\xbe}\xfb\x92\x9f\x9f\x0fT\xec\x83\xe4\xe0\x86a\xe6\xcc\x99\x8c\x193\x86O?\xfd\xb4\xec{\xda\x9fx2\x17\\v\x15\xa7\x9eu&gt;\xd5k\xd5DK$u\xb1\x18R\x1aTM\'\x92=I\xda\x97\x0c\x04\x03a\x96,\x9c\xcf\x97\x93?`\xfa\x17\x93).2\x93\xa4\x86\r\x1br\xc3\r7T\x9a\xf8\xee\xbf\t\x13\xc0\x0fs\xe6\xf0\xd2\x981L\x9a4\xa9l&gt;\xbd\xeb\xe9gs\xc1\xe5\xbd9\xf9\x943\xc8\xcb\xcf#\x16\xd5\t\x05\x03\xe6g#-\xe2\x1b\xafc\x02\xec\x0e\x07N\x97\x9dHX\xe5\xb7%\xbf\xf0\xd5g\x13\x99:\xf9C\xf6\xec\xde\t@\xcb\x96\xc70`@\x7fz\xf7\xeeMVV\x16P\xb9\x12\xf9t \x12\x80\xa3\xe0\xe09\xfeU\xabV\xf1\xe2\x8b/\xf2\xe6[o\x12\n\x9aK\xe4N;\xfb\x02.\xbb\xfa\x06:v=\r\x8f\xd7E0\x18!\x12_\xbf\x9f\xae7\xc4\xfeE\x91N\x97\x0b\xbb\xc3\xc2\xde]{\x995\xfdK&gt;z\xf7u\x16-\xf8\x11\x80j\xd5\xaa1`\xc0@\x06\r\x1aH\xd5\xaaU\x81\xa3\xfb 98\xb1\xfb\xe6\x9bo\x189r$\xd3\xa6M\x03\xc0j\xb5r\xe6\xf9\x17s\xe9\xd57p|\xa7.8\x9d6\x02\xa5a\xa2\xd10\x12\x12\xb2"\xb3_)~\xda0\x12{\x03(\nn\xb7\x07\xc5*\xb1i\xfdF\xa6}\xfe\x11\x93\xdf{\x93\xf5k\xcdU\x10\xd5\xab\xd7\xa0\x7f\xff~\x0c\x1a4\xa8R\xc4w\xd6\xacY\x8c\x1c\xf9&lt;_~\xf9\x05\x00nO\x06\xe7_z\x05\x17_q-\xad\xdb\x9d\x80\xc5*\x13(\r\x12\x8bF\xd3\xa2\xd1\xff;\xe6\xfdk\xc6\xc9\xe9\xf2`\xb3\xc9l\xdf\xba\x9do\xbe\xfc\x84I\x13\xde`\xe5\xf2%\x00\xd4\xad[\x97\xc1\x83\x07\xd3\xaf_\xbf\xb2\xe5\xa2\x89\x95!B\xf9\x12\t@9\xdb\xff\x83\xbcq\xe3F\x9e\x7f\xe1\x05^\x1b7\x8eP(\x84\xa2X\xb8\xe0\xb2+\xe9\xd9g\x00m\x8f\xef\x88$I\x04JK\xd1T\x15Y\x0c\x87\x1d@\xd7u\x0c]\xc7j\xb3\xe1\xf6\xb8\x08\x85"\xcc\xff\xfe[\xde{\xfd%\xbe\xff\xf6k\xc0L\x04n\xba\xe9fn\xbcq\xf0\x01=\x8a\xf2z\x90\x1c\x9c\xd8\xcd\x9d;\x97\xa7\x9ez\x8a\xa9S\xa7\x02\xe0\xf6x\xe9\xd1\xf3j.\xeb}\x03-\x8fm\x87\xaeC\xa0\xd4\x1f\x7f(\x8a\xf8\xeeO\xd7\xcd\x8dd\xec\x0e\'.\xb7\x9d\xc2\xbdE|\xf7\xf5\xe7|0\xfe\x15\x96\xfe\xfa3`\xc6\xf7\xc6\x1bo\xe4\xc6\x1bo&lt;*\r\xc5\xc1\xf1\x9d?\x7f&gt;O?\xfd4\x9f\x7f\xfe9\x00\xb9U\xf2\xb9\xac\xf7\r\\\xdc\xebZ\x1a6mB,\xaa\x13\x08\x94\x8aeo\x7f!q\xff\xda\xec\x0e\xdc\x1e\x07\xbe\x92R~\xf8\xf6k\xde\x7f\xe3%\x16\xfc\xf8=\x00u\xea\xd4\xe5\xb6\xdbn\xa5_\xbf~x&lt;\x9e\x036=\x13\xca\x87H\x00\xcaI\xa2\xe7*I\x12\xc5\xc5\xc5\x8c\x1e=\x9a\x17^x\x81\xa2\xa2"dY\xe1\xe2+\xae\xe1\xaa\xebo\xe4\x98v\xed\xd1T\x9d@i\xe9\x9f*\x89\x85?\xdb\xd7\xabP\xf0x\xbdh\x9a\xce\x82\xb93y\xeb\xe5\xe7\x99\xfd\xcdW\x004h\xd0\x80!C\x86\xd0\xb7o_,\x16K\xb9\xf4\x16\xf7oxV\xadZ\xc5\x13O&lt;\xc1\xbb\xef\xbe\x0b\x80\xcb\xed\xe1\xd2\xab\xae\xe3\x8a\xbe\x03i\xd2\xbc\x05\x91\x88J0\x10@\x02d\x11\xdf\x7fd\x18\x06\xba\xa6a\xb1Z\xf1d\xb8\t\x96\x06\x999m\no\x8f\x1d\xcd\xe2\x85\xf3\x01s\xea\xe7\xee\xbb\xef\xe6\x86\x1bn\xc0j\xb5\x96\xcb\xf2\xb2\xfd\xe3\xbbv\xedZ\x9ex\xf2I\xdez\xf3M\x00r\xf2\xaape\xdfA\\z\xd5\xf5\xd4\xa9_\x87`0J8\x14,\xdb\x17C\xf8{\x89\xf8*\x16\x0b\x1e\xaf\x87h$\xca\x9c\x99\xd3y{\xec\x0b\xcc\xffa&amp;\x00\xcd[\xb4\xe0\xde{\xef\xe5\x9a\xde\xbd\x011-P\x9eD\x02p\x84\x1d\xdckx\xe7\xddwy\xec\xd1G\xf9\xe3\x8f?\x008\xa7\xc7\xe5\xf4\xbd\xf1N\xda\x1c\xdf\x81XT#\x10(\x15kc\x0fQ\xe2\xc1\xef\xf1f`\xe8:sgM\xe7\xb5\xd1\xcf\xb0`\xeel\x00:v\xec\xc8#\x8f&lt;\xc2\x19g\x9cQ\xf6\xfd\x87\x9b`\xed?\x0f\xec\xf3\xf9x\xee\xb9\xe7x\xe1\x85\x17\xf0\xfb\xfd(\x8a\xc2\xc5W\xf4\xa1\xcf\xa0\xdbh\xd6\xea\x18\xc2\xc1\x18\xa1` \xad\x87\x81\x0fU"\xd1S\x14\x05O\x86\x97P0\xc4\x8c/&amp;\xf3\xc6\x98\xe7X\xb9\xdc\\\x16{\xc2\t\'\xf0\xf0\xc3\x0fs\xd6Yg\x01f}\xc0_\x9d\x89\xf1_\xec\x1f_\xbf\xdf\xcf\xc8\x91#\x191r$~\x9f\x0f\x97\xdb\xc3\x95}\x07q\xe5\xf5\x83\xa9\xdb\xa0\x1e\xc1Rs\'LY17\xc5\x12\xfe\x9bD\xc3\xee\xf1z\x89\xc5b\xcc\x9e\xfe\x05\xaf\xbf\xf8,\x8b\x17\x9a\x05\xa1\xdd\xbau\xe3\x91G\x1e\xa1K\x97.e\xdf/:HG\x96H\x00\x8e\xa0\xfd?\xa0\x8b\x16-b\xe8\xd0\xa1\xcc\x981\x03\x80\x0e\'ue\xe0\x1d\xf7q\xf2)g\xa2i\x1a\x81R\xd1\xf0\x1f)\xba\xa6\x81$\xe1\xcd\xc8 \x1a\x8d2\xed\xf3I\x8c\x1d\xf9D\xd9\x8ee}\xfa\\\xc7#\x8f&lt;L\x9d:u\xfeT\xc8\xf5_\xec\xdf\xc0L\x9e&lt;\x99\x07\x86\rc\xd5\xca\x95\x00t;\xe3\x1c\x06\xdey?\xc7\x9d\xd8\x89H$F(\x100{-"\xbe\x87-\xd1Pddz\xf1\x95\xf8\xf8\xe4\xfd\xb7x}\xf43\xec\xdc\xb1\r\x80\xab\xaf\xee\xcd\xa3\x8f&gt;B\xfd\xfa\xf5\x0f8M\xefP~O\xe2\xfe\xfd\xe4\x93Oy\xe0\x81\x07X\xb9\xd2\xfc\x0c\xf5\xe8\xd9\x9b~\xb7\xdcC\xb3V\xc7\x10\x0cD\x08\x87B\xa2j\xfd\x08I\xc4\xd7\x9b\xe1%\x14\x0c\xf2\xc5\xc7\x1f\xf0\xea\x0bO\x96\xed(9`\xe0@\x1ez\xf0A\xaaW\xaf~X\xf7\xaf\xf0g"\x018\x02\xf6\xef\xf5\x87B!\x9e|\xf2I\x9ey\xe6\x19"\x91\x085j\xd5e\xf0\xdd\x0f\xd0\xa3golV;&gt;_\x89h\xf8\xcb\xc9\xfe\rEQa\x11\x13^\x1b\xc3\x1b/&gt;Ki\xa9\x9f*\xf9\xf9&lt;&gt;|8\xfd\xfa\xf5\x03\xfe[oq\xff\xb9\xc8M\x9b6q\xef\xbd\xf7\xf2\xe1\x87\x1f\x02\xd0\xa8i\x0bn\xbc{\x18g\xf7\xb8\x1c\x80R\xbfO\x0c\x05\x97\x13MS\xb1X\xacdd\xba\xd9\xbay+o\x8cy\x8e\xf7\xdfx\x99X,F^^\x1e\x8f&lt;\xf2\x08\x83\x07\x0f\x06\x0e/\xbeC\x87\xde\xc7\x07\x1f\xbc\x0f@\xdb\x0e\x9d\xb8y\xc8Ct&gt;\xf5Lb\xd1\x18\x81@@4\xfc\xe5$\x91\x80edz\xd8\xbdk7o\x8f\x1d\xc5[/?O8\x1c\xa2f\xcd\x9a&lt;\xfe\xf8\xe3\\{\xed\xb5\xc0\x91\x19\xed\x11D\x02p\xd8\x12;Z\x81Y\x04v\xdbm\xb7\xf1\xeb\xaf\xbf\x02p\xd5\r72\xe8\x8e\xfb\xa8^\xb3\x06%\xc5~Q\xd0r\x94h\xaa\x8a\xc5f##\xc3\xc5\xca\xe5\xbf1\xea\xc9\x07\x99\xf1\xa5\xb9\x14\xef\xdcs\xcf\xe5\xf9\xe7\x9f\xa7q\xe3\xc6\xffjnq\xff^\xe1[o\xbd\xc5\xbdC\x87\xb2k\xe7N\xecv;}\x06\xde\xce\r\xb7\xdcMvn\x0e%\xc5&gt;\xc0@\x96E|\xcbS"\xd9v8\x1c\xb8&lt;\x0e\x16\xce\x9b\xc7\xf3\xc3\xef/\x9b\xf69\xf3\xcc3y\xfe\xf9\xe7i\xd1\xa2\xc5\x01u8\x7fg\xff\xf8\xbe\xf9\xe6\x9b\x0c\x1d:\x94]\xbbv\x91\x99\x95\xcd\xe0\xbb\x86qE\xdf\x818\x1cN|%"q?Z4U\xc5j\xb7\xe3\xf5:Y\xb6h1/&lt;1\x8c\xd93\xcc\xc2\xda\x8b.\xba\x88\x11#FP\xbf~}Q\x1bp\x04\x88\x04\xe00$\xb2\xd0X,\xc6\xf0\xe1\xc3\x19&gt;|8\xba\xae\xd3\xa2U[\xeey\xe4\x19:\x9fv\xba\xb9\xdc+\x12F\x11\xd9\xeaQ\x95h(\xdc\x1e7\x8ab\xe1\xf3\x89\xef2r\xf8\xfd\xec\xdc\xbe\x95\x9c\x9c\x1c\x9ey\xe6\x19\xae\xbf\xfez\xe0\xef\xe7\x16\x13\xf1\xdd\xb5k\x17\xb7\xdf~;\x1f|\xf0\x01\x00\xedO&lt;\x89{\x1f}\x8e\xf6\'\x9e\x88\xdfg.\xf7\x12\xf1=\xba\x12\xf1\xf5fd\xa2i1\xde\x7f\xe3\x15\xc6&lt;\xf3\x08%\xc5Edff\xf2\xc4\x13O\x94\x8d\x06\xfcU|\xf7\x1f\xb5\xdb\xb1c\x07w\xdcqG\xd9\xa8\xce\x19\xe7]\xc4\x9d\xc3\x9e\xa4I\xf3\xa6\x94\x14\x97\x8a\xb9\xe7\n\x90\x88\x8f\xc7\xe3E\x92\xe0\xe3\xf7\xdf\xe4\x85\xc7\x1f`\xef\xee]T\xa9R\x85g\x9f}\xb6l4@\xc4\xe7\xd0\x89\x04\xe0\x10\xec?d\xb8r\xe5J\x06\x0c\x1c\xc8\x9c\x1f~\x00\xe0\x86\x9b\xeff\xd0\x9d\x0f\xe0\xcd\xc8\xc0W\\,\x96\xf3U\xb0\xc4\x96\xc3Y9\x99l\xd9\xb4\x99\xe7\x1e\x19\xc2\x97\x93\xcd\x07\xfd\xd5W_\xcd\x0b/\xbc@nn\xee\x01C\x8a\xfb\xf7\x1c\xbf\xfe\xfak\x06\xdfx#\x1b7l\xc0nw0\xf8\xae\xfb\xe9{\xe3]Xm6\xfc&gt;\x9f\x18\x0e\xae`z|\x83\x9d\xacl/\xabW\xac\xe4\xc9aw\xf2C|Y\xe8e\x97]\xc6\xe8\xd1\xa3\xa9V\xad\xda\xdf\xc6w\xea\xd4\xa9\xdcx\xe3\x8dl\xda\xb4\x89\xec\x9c\\\xeez\xe8).\xbd\xba/\xaa\xaa\x11\x0c\x04\xc40s\x05K\xcc\xf9geg\xb0q\xfdz\x9e}\xe8\x1e\xa6M\x99\x0c@\x9f&gt;}\x189r$\xd9\xd9\xd9bJ\xe0\x10\x89\x04\xe0?\xda\xff\xe1\xf1\xde{\xefq\xf3\xcd7STTD\xfdFM\x18\xf6\xd4h\xba\x9e\xd9\x1d\x7fI\xa0l\xc72\xa1rPU\x15\x87\xd3\x89\xddn\xe7\xe3\to\xf0\xf4\x83wSR\\D\xd3\xa6My\xfd\xf5\xd79\xf9\xe4\x93\xd14s-z\xe2A\xf2\xe0\x83\x0f\xf2\xd8c\x8f\x01\xd0\xa2u[\x1e|f\x0c\x1dN\xeaDI\x91\xe8\x15V6\xaa\xaa\xe2v\xbb\x91d\x99\xb7\xc7\xbe\xc0\xa8\'\x1e$\x14\nR\xbf~\x03^{m\x1c\xa7\x9dv\xda\x01Gl\xeb\xba\xce\xb0a\xc3x\xe2\x89\'\x00\xe8|jw\xee\x7fr\x14\x8d\x9b7\xa5\xb8\xd0\x07\x88B\xb3\xcaDUU\x9c.\x17V\xab\x95\x89o\x8f\xe3\x99\x87\xee\xa1\xd4\xef\xa3y\x8b\x16\xbc\xf1\xfa\xebt\xec\xd8QL\t\x1c\x02\x91\x00\xfc\x07\x89\x87\xbe\xaa\xaa\xdc}\xf7\xdd\xbc\xf0\xc2\x0b\x00\x9c\x7f\xe9\x95\x0c}|$U\xf2\xabR\\T,z\x85\x95\x94\x11\xdf\xd1-;7\x93\x95\xcb\x7f\xe3\xa1\xbb\x06\xf3\xcb\xfc9\xd8l6\x9e{\xee9n\xbe\xf9f\x00v\xec\xd8A\xbf~\xfd\xca6\xf4\xe9\xd5g\x00w?\xf24\x1eO\x06\xbe\x92\x12,\x16\x85t\xdc\xb9\xaf\xb23\x93s\xc8\xca\xc9\xe0\xd7\xf9?\xf1\xe0\x9d\x83X\xb9|\t\x8a\xa2\xf0\xc4\x13Op\xcf=\xf7\x00\xe6\xa1L7\xdc\xd0\x8f\xe9\xd3\xa7!\xc92\xb7\x0cy\x98\x01\xb7\xdd\x1b?\xaeZ\xf4\xfa++s4\xc0 ;\'\x93\xdf\x96,\xe5\xa1\xbb\x06\xb3\xf8\xe7y\xd8\xedvF\x8e\x1c\xc9\xe0\xc1\x83\x0fk\x15H:\x12\t\xc0\xbf\x94\x18b\xda\xb6m\x1b}\xfa\xf4\xe1\xdbo\xbf\xc5f\xb3q\xf7#\xcf\xd0g\xe0\xad\x84B!\xa2\xe1\x88\x98\x0bN\x02\xaa\xaa\xe2\xf1x\x88\xc5\xa2\x8cx\xec&gt;\xde\x1e;\n\x80A\x83\x07s\xd9\xa5\x97r\xfd\xf5\xd7\xb3a\xc3\x06\xbc\x19\x19\xdc\xff\xc4(.\xeb\xdd\x07\xbfO\x8c\xea$\x0bUU\xc9\xc8\xc8\xc4\xef/\xe1\x89\xfbn\xe7\x93\x0f\xde\x02\xcc!\xe3\x9e={\xd2\xbf\x7f\x7f\xb6l\xd9B\xcd\xdauy\xec\xf9W\xe9\xd6\xbd;\xc5\x85~\xd1p$\tUU\xf1x\xbdD\xc3a\x9e}\xf4^&amp;\xbc6\x06\x80\x01\x03\x060z\xf4hl6\x9b\x18\xa1\xfb\x97D\x02\xf0/$\x1a\xff\x9f\x7f\xfe\x99+\xae\xb8\x82\xf5\xeb\xd7S\xbbn\x03\x9e\x1c3\x9eN]\xbbRTPRv\x1c\xaf\x90\x1ctMC\xb6(ddx\xf8\xe8\x9d\xf1&lt;\xff\xf80v\xef\xdc^\xf6\xf5Vm\x8f\xe3\xa1g_\xa2]\x87\x0e\x14\xee\x15\xb5\x1c\xc9F\xd34\xacV+.\xb7\x8b\xb7\xc6\x8eb\xec\x88\'(\xd8\xbb\xbb\xec\xeb\xa7t?\x8f\x07\x9e\x1cE\x9d\xfa\r(.*\x16\xbd\xfe$\x93(\xe0\xf4f\xb8\x99\xf8\xf6x\x1e\xbb\xf7\x16B\xc1\x00\xa7\x9cr\n\xef\xbd\xf7\x1e\xd5\xabW\x17u\x01\xff\x82h\xb1\xfe\x8f\xc4\x87h\xf2\xe4\xc9\x9c~\xfa\xe9\xac_\xbf\x9e\x8e\x9dO\xe5\xdd/f\xd1\xe1\xa4\xae\x14$\x1a\x07\xd1\xf8\'\x15YQ\xd05\x9d\xc2\x82"\xae\xbf\xa9/\xa7\x9f\xdb\xa3\xac\xf7\xe7p:\xb9e\xe8\xa3\x9c|J\x07v\xed\xd8\x83b\xb1\x88\xc6?\xc9(\x16\x0b\xb1X\x14\xbf\xcf\xcf\xe0;o\xa5\xc3I]\xcbb\xe8\xf1z\xe9w\xcb\x10\x9a\xb6l@\xc1\x9e\xbd\xa2\x91HB\x8a\xa2\xa0\xeb:E\x85\xc5\xf4\xea\xd3\x97\xb7&gt;\x99A\x9d\xfa\r\x995k\x16]\xbbve\xe9\xd2\xa5X,\x16TU\xad\xe8K\xad\xd4D\xab\xf57\xf6_&amp;4f\xcc\x18.\xbd\xf4R\xfc~?\x97\\y\x1d\xaf~\xf8%y\xf9\xd5\xf0\x15\x8b\x9eC\xb22Wq\xc8ddfq\xf7\xa0\xdby\xff\x8d\x97\x01\xa8\xd7\xb0\t\xe1P\x88!\x83\xaf\xe5\xd3\x0f\xa7P\xb5F\x15\xf1\x10IB\xba\xaab\xb3\xd9\xb1\xda\xac\x0c\xba\xba7_\x7f&gt;\t\x9b\xcdN\xe3f-)\xf5\xfb\x19\xdc\xbb\x07_N\xfe\x82\xfc\xeay"\xbeIJ\x92$\x14\xc5B\xc1\xdeb\xdav\xe8\xc4\xbb\x9f\xcf\xe4\xf8N]X\xbbv-\xa7\x9dv:\xdf|\xf3\x8dH\x02\xfe\x0f\x91\x00\xfc\x85\xfd\x97\xf9=\xf4\xd0Ce\xc5a7\xdd\xf3 O\xbd4\x1e]\xd7\x89\x84Cb\xbe?I%*\xc1\xad6\x1b\xf7\xdet\x1do\x8f}\x01Y\x96yd\xe4X\xbe\x98\xf3\x0b\xdd/\xb8\x94\xc2\xbd{\xb8\xe5\xba\xcb\x98\xfc\xde\x04r\xabd\xa1\x89\x87H\xd2\xd04\r\xbb\xc3A,\x16\xe5\xa6k.a\xcaG\x13p\xb9\xdd\x8c|\xed}&gt;\x9d\xfd3\xdd\xcf\xbf\x84\xe2\xc2\x02n\xee#\xe2\x9b\n,\x16\x0b\xbe\xe2b\xf2\xf2\xab\xf1\xda\xc4\xa9\x9cs\xd1\xe5\x14\x14\xec\xe5\xfc\xf3\xcfg\xd2\xa4I"\t\xf8\x07"\x018H\xa2\x8aTQ\x14n\xbf\xfdv\x1e}\xf4QdY\xe6\xe1\xe7^\xe6\x8e\x07\x1e\xc1WR\x12\xdf\xfdO\x14\x98$#]7\xe7\x86%\tn\xbb\xfe\n&gt;\xfd\xe0m\xdc\x1e/c\xde\x9e\xcc\x95}\xfb\xa1i2\xa3\xc6O\xa4w\xbf\x9b\x89E\xa3\xdc=\xe8\x1a\xde\x19\xfb\n9U\xb2\xd04\xf1\x10\xa9\xec4M\xc3\xe9rQ\xea\xf71\xf0\x8a\x0b\xf8\xfe\x9b\xaf\xa8R\xb5:\xaf\x7f\xf45\xdd/\xb8\x085\xa63\xea\xcd\x8f\xe2\xf1\x8d\x1c\x18_\xd1H$-\xc5b!\x1c\n!I2#_\xfb\x80\xde\xfdn&amp;\x12\x89\xd0\xb3gO\xdex\xe3\r\x91\x04\xfc\rQ\x04\xb8\x9f\xfd{\xfe\x83\x06\rb\xec\xd8\xb1\xd8\x1d\x0e\x9e|q&lt;\x17\xf5\xba\x82\x82=\xa2\x18,\x99\x99\x8d\xbf\r]\xd7\xb8\xb5o/\xbe\xfff*9\xb9U\x185~"\x9dN9\xc5,\xf6\x8b\xaf#\xce\xc8\xf22\xf2\xb1\x07y\xf99s\x1f\x80\xfb\x1e\x7f\x9e\x1bn\xbe\x8d\xc2\x82\x12Q]\\I\x99\x8d\xbf\x93\x92\xc2B\x06^u!\xcb\x16\xfdL\xedz\rx\xf9\xddOivLk\x8a\x8b\x8aPd\x05$\x89\x8cL/#\x1f\x1b\xc6\xcb#\x86\x03"\xbe\xa9"\xb1OKF\xa6\x97\x91\xc3\x87\xf1\xf2sf|_~\xf9e\x06\r\x1a$\n\x03\x0f"\x12\x80\xb8\xfd\x1b\xff\xfe\xfd\xfb\xf3\xdak\xaf\xe1r{\x18\xf9\xda\xfb\x9cy\xfe\xf9\x14\xec\x11\xf3\xfd\xc9L\xd7u,V+\x18:7]{)s\xbe\x9bF\x95\xaa\xd5xy\xc2\xe7\xb4=\xbe\x03E\x85EX,V 1\n\xa4\x93\x9d\x93\xc9K\xcf&gt;\xc5\x88\xc7\x86\x020t\xf8H\xfa\xdfz;\x05{\x8bQ\x14\xf1Y\xa8L\xca\x1a\xff\xa2B\xfa\xf5&lt;\x8f\x15K\x7f\xa5A\xe3f\x8c\xfd`\nu\xeb7\x8a\xef\xdf`\xc6\xec\xc0\xf8&gt;\xc9\x88\xc7\xee\x03D|S\xc5\xdf\xc5w\xcc\x981\xdcx\xe3\x8d"\t\xd8\x8fH\x008\xb0\xf1\x1f&lt;x0\xaf\xbc\xf2\n\x1eo\x06/\xbc1\x91S\xcf:\x8b\x82\xbd\xfb\x1a\x07!\xf9\xe8\xba\x8ebQPd\x99[\xae\xbb\x9cY\xd3\xbf$\xbfZ\r^\xfd`\n\xc7\xb4iOq\xd1\x9f\xe3\x9b\xf8L\xe4\xe4e2v\xe4s&lt;\xf3\xd0\xdd\x00\x0c{\xfaE\xae\x1b|\x13\x85{\x8aE\rH%\xa1\xc7\xe7\xfcKK}\xf4\xefy\x1e\xcb\x16\xfdL\xa3f-\x19\xf7\xe1\x17\xd4\xa8U\x07\xbf\xcf\xff\xa7\x07\xfe\xdf\xc5\xf7\xc1\xa7\xc7\xd0g\xf0\x8d"\xbeI\xee\xef\xe2;n\xdc8\xfa\xf5\xeb\'\x92\x80\xb8\xb4O\x00\xf6\xaf\xf6\xbf\xeb\xae\xbb\x181b\x04.\xb7\x87Q\xe3?\xe2\xb4\xb3\xcf\xa6`O\x91\xd9s\x14\x92\x92a\x18H\x92\xb9\xb4\xef\x8e\x1b\xae\xe4\xeb\xcf\'\x91W\xa5*\xe3&gt;\xfc\x92V\xed\x8e\xfb\xcb\xc6\x7f\x7f\x9a\xa6\x92\x9b\x97\xc5K\xcf&gt;\xcds\x8f\xde\x0b\xc0\x93c\xde\xa4\xe7\xb5}\xcc\xcf\x86H\x0c+\x94\xae\xebX\xadVT5F\xbf\x9e\xe7\xf2\xebOsi\xd0\xb8\x19\xafO\xfa\x8a\xea5\xeb\x10\xf0\xfb\xff\xb1!\xff\xab\xf8&gt;5\xe6M.\x17\xf1M\t\x7f\x8e\xaf\xc4\xfb\xef\xbf\xc7\x15W\\!\x92\x00D\x11`Y\xe3?|\xf8pF\x8c\x18\x81\xdd\xee\xe0\xb9W\'\x88\xc6?\x05$\n:=^/\x0f\xdd1\x88\xaf?\x9fDfv\x0e/\xbd\xfb\x89\xd9\xf8\x17\xfe\xff\x07\xbc\xb9\xcc\xa8\x84\xc1w\r\xe1\xe6!\x0f\x03\xf0\xe0\xed\x03\xf8\xfa\xb3\xcf\xc8\xc9\xcd\x16\x85E\x15\xc80\xcc\xa5\x9c\xb2,q\xfb\xf5\xbd\xf8\xf5\xa7\xb9\xd4\xae\xd7\x80W?\x98B\x8dZu(\xfd?\x8d?\x1c\x18\xdf\x9b\xeey\x18\x80aw\x0c`\xdag\x9f\x8b\xf8\xa6\x80?\xdf\xbf\x06}\xfa\xf4a\xda\xb4i\xa20\x904\x1f\x01Hd\x80\xaf\xbd\xf6\x1a\xfd\xfb\xf7G\x91e\x9ez\xe9-.\xb9\xba\xb7\xc8\xfeS\x80\xa6\xa9\xe4\xe4f\xf1\xec\xc3\x0f\xf0\xca\xc8\xc7q\xb9\xdd\x8cy\xe7\x13\xba\x9cv&amp;E\x05\xff&gt;\xb9K\xcc)feg\xf2\xd8\xbdw\xf0\xd6+\xcf\xe3\xf1f\xf0\xfaG_\xd1\xee\x84\x93\xf0\x15\x8b\xe1\xe2\xa3-\x91\xdcy3\xbc\xdc=\xe8Z&gt;\x9f\xf8.U\xaaV\xe7\x8d\x8f\xa7\xd1\xb4E\xab\x03\xe6\xfc\xff\xdd\xcf2\xe3\xfb\xe8\x90\xdby{\xec\x0bx22\xcd\xf8v\xe8$\xe2\x9b\xe4\xfe*\xbe\x99\x99Y|\xf7\xdd\xb7\xb4o\xdf&gt;\xad\xb7\rN\xdb\x04 \xd1\xf8\x7f\xf5\xd5W\\p\xc1\x85h\x9a\xca\xfdO\xbc\xc0\r\xb7\xdc\xca\xde\xdd\xa2\xf1Ov\xaa\xaa\x92[%\x8bw_\x1d\xcbCw\rBV\x14\x9e\x1b;\x81\x1e\xbdzQ\xb0\xfb\xbf\x8f\xec\x98\xb7\x89\x81\xc7\x9b\xc1]\x03z3e\xd2\x04\xaa\xd5\xa8\xc5\xbbSfQ\xb3N]\x82\x81`\xda&gt;D*B"\xb9{j\xd8P\xc6\x8dz\n\x8f7\x83q\x1f~\xc9\xf1\'u\xa6\xb8\xf0\xbf\x17\xec\xee\x8b\xaf\x97;\xfb\xf7\xe6\x8b\x8f\xdf\xa3Z\xcdZL\x982\x9b\x1a\xb5\xeb\x88\xf8&amp;\xb9\xfd\xe3k\xde\xbf\xefQ\xa7N]\xe6\xce\x9dC\xed\xda\xb5\xe3K\xbb\xd3o@&lt;-\x13\x80D\xc6\xb7|\xf9r\xbav\xedJQQ\x11\xfdn\xb9\x87\xa1\xc3\x9f\xa6\xb0@T\x00\';UU\xc9\xca\xce\xe2\x87o\xa73\xe8\xea\x0b\x89F"e\x15\xde{\x0f\xa1\xf1O0t\x1dYQP,\n\x03z\x9d\xcf\xbc\xef\xbf\xa5\xe5\xb1\xedx\xe7\xb3\xef\xb0\xd8lh\xaa\x8a$\xa5\xdfC\xe4hSUs^w\xc2\x1b\xe3x\xf0\xf6\x01X,\x16\x9e\x7f\xfdC\xce\xb9\xf8\x12\n\x0f\xa3`7Q\x08\xacXd\xfa\xf7&lt;\x9f\xf9?|\xc71m\x8e\xe3\xed\xcf\xbf\xc5\xa2X\xd14M,\x01Nb\x7f\x15\xdf\x13N8\x81\x993g\xe2p8\xca\x8eyO\'i\xf7\xb4J\x9c\xf8UXX\xc8e\x97]NQQ\x11\xe7\\\xd4\x93\xbb\x1f~\x8a\xe2"\x9f\xd8\xe0\'\xc9i\x9a\x86\xdb\xe3f\xfd\xda\xd5\x0c\xb9\xf1Z\xa2\x91\x08\xbd\xfb\xdd\xcc\r\xb7\x98\xcb\xbb\x0e\xa7\xa6C\x92e4M\x03$F\x8c\x9b@\xc3&amp;-X\xb1t\x11Co\xb9\x01\x87\xc3I\xfa\xa5\xd2G\x9f\x16O\xee\xe6\xce\x9a\xc5\x13Co\x03\xe0\xae\x87\x9e\xe6\xbcK.\xa1\xf00\xa7\xed\xe4x|%dF\x8c\x9b@\x83\xc6\xcd\xf8m\xc9/&lt;pK?\x9c.\'i\xd8WJ)\x07\xc7\xb7a\x93f,X\xb0\x80~\xfd\xfa\x97}-\xdd\xa4U\x02\x90X\x1a"I\x12\xd7\\s\r\xabW\xaf\xe2\xd8\xf6\'\xf0\xf8\xe8\xd7\t\x05C\x18\x06i\x97\x01\xa6\x12\xc30\xb0X,D\xc2a\xee\x1a\xd0\x9b\xbd\xbbw\xd1\xf5\x8cs\xb8\xef\x89\x91\xf8\x8a\xfcG$\xb9\x93e\x99H8Lvn\x15\x9e\x7f\xfd}\xb2\xb2s\x98\xf1\xc5d^|\xfa\x11\xb2s3\xd2\xbe\xa8\xa8&lt;\xe9\x9a\x8e\xd3\xe5d\xeb\xe6\x8d\x0c\x19|-\xe1p\x88+\xfa\x0e\xa2\xdf\xadw\x1cvr\x97 \xcb2\xe1p\x98\x9c\xbc|F\xbe\xf6&gt;\x99Y\xd9|\xfd\xf9$^z\xf6q\xb2sD|\x93\xdd\xfe\xf1\x1d1\xee}2\xb3\xb3y\xff\xfd\xf7x\xe6\xd9g\xd3\xb2(0\xad\x12\x80\xc4\xd0\xff\x83\x0f&gt;\xc8\xd4\xa9S\xa9Z\xad\x06\xcf\xbd:\x01\xbb\xddN,\x16K\xcb9\xa0T\xa2\xeb:\x1e\xaf\x9b\xc7\xee\xbd\x95\xe5\x8b\x17R\xbfQS\x9e\x1a3\x1e5\xa6\xa2\x1b\xc6\x11K\xee\x14E\xc1\xef\xf3\xd1\xf2\xd8cyd\xc4\xab\xc8\xb2\xcc\xcb#\x863}\xca\x14\xb2s\xb2\xd2\xee!rT\x18\x06\xb2b\xc6\xef\xde\x1b\xfb\xb2c\xdb\x16N\xec|\n\xf7?\xf1&lt;\xbe\xe2\xd2#:rg\xc6\xb7\x84Vm\xdb\xf2\xf0s/#\xc92c\x9e}\x84o\xbf\xfa\x8a\xacl\xb1ep\xb2; \xbe\xcf\xbe\x82,\xcb\xdcw\xdf}\xcc\x9c9\x13\x8b\xc5\x92V#\x01i\xd3\xe2%\x96\xfbM\x9d:\x95\xe1\xc3\x87c\xb5Zy\xec\x85\xd7\xa8\xdf\xa8\x11\x81\xd2\x80(\xf0Ir\xaa\xaa\x92\x93\x9b\xc9{o\xbc\xca\'\xef\xbf\x89\xcb\xed\xe1\xe9\x97\xdf"\'/\x9fH8|\xc4\x93;\x8b\xc5BaA1\x17\\v)\x03n\x1f\x8a\xaei&lt;x\xc7@6\xad_\x8f\xcb\xe5D\xd7\xf5#\xfa\xfb\xd2\x9d\xa6idfy\x19\xf1\xd8\xfd,\x98;\x8b\xea5k\xf3\xd4Ko\x01\xe6F@Gz\xe4\xceb\xb1RXPL\x8f\x9e\xbd\xb8\xe1\xa6\xbb\xd1T\x95\x07\xef\x18\xc0\xb6\xcd\x9bp8E|\x93\xdd\xbe\xf8\xf6\xe4\xfa\x9b\xcd\xf8\xf6\xe9\xd3\x87]\xbbv!\xcbr\xda\xc47-\x8a\x00\x13\xc3\xfe\xdb\xb7o\xe7\xb8\xe3\x8eg\xe7\xce\x1d\xdcr\xef#\xdcv\xff\x83b\xb9_\n\xd0u\r\x97\xdb\xcd\xea\xdf\x97s\xf5y\xdd(\xf5\xfbx\xf8\xd9\x97\xb9f\xe0\xa0C\xaa\xf8\xff\xf7\x0c\x0c\x03\x9c.\'\xfdz\x9e\xc7\xdc\x99\xd3\xe9\xd4\xf5t\xde\x98\xf4\x15\xa1PXL\'\x1d!\x9a\xaa\x92\x99\x93\xc5\x8c)\x9fr\xd3\xb5\x97`\xb1Z\x19\xfb\xde\x14\xba\x9c\xde\x9d\xe2\xa2\xf2\xdc\xa2\xdb\x8c\xaf\xc3i\xe7\xfaK\xcfa\xfe\x0f\xdf\xd1\xe5\xf4\xb3\x19\xf7\xe1\x17\x04J\x03b\xc40\xe9\xc5\xe3\xeb\xb0s\xfdef|\xcf?\xff|\xa6L\x99\x926\x9b\x04\xa5\xc5\'\xd8\x88\x0f\xff\xdep\xc3\r\xec\xdc\xb9\x83.\xa7\x9d\xc5\xe0\xbb\xee\xa7\xb8\xc0\'\x1a\xff$g\x16u*D#\x11\x86\xdd6\x80R\xbf\x8f\xf3/\xbd\x8a\xab\xfb\r\xa2poI9o\xe4$\x95\xed$\xf9\xd8\xf3\xafR\xb5zM\xe6}\xff-c\x9f\x7f\x8a\xacl\xaf\x98\n8\x02\x0c]\xc7\xeet\xb2m\xf3f\x1e\x1dr3\x86a0\xe0\xf6\xa1\x9czV\xf7\xf8.\x8e\xe5\xf9\x906\xe3k\xe80\xfc\x85W\xc9\xcb\xaf\xca\x0f\xdf~\xcd\x1bcF\x88z\x80\x94\x10\x8f\xafa\xc6\xb7J~5\xbe\xf8\xe2\x0bF\x8f\x1e\x9d6\xf5\x00)\x9f\x00$\xe6\xfdG\x8f\x1e\xcd\xb4i\xd3\xa8Z\xad\x06\x8f\x8cx\x05UUI\xf9\xa1\x8f4\xa0k\x1a\x99Y\x1e^|\xfaQ\x96/^H\xbd\x86Mx\xe0\xc9\x17\x08\x06\x82G\xa5\x87&amp;\xcb2\xa1`\x88\xdau\xeb\xf2\xc0S\xa3\x91e\x99\xb1\xcf?\xc9\xcf\xf3\xe6\xe3\xcd\xc8@O\xa3\xf9\xc4\xf2`\x006\x9b\x8d\xe1\xf7\xde\xca\xae\x1d\xdb\xe8\xd8\xe54n\xbc\xf3~\x8a\n\xfdG%y\x97e\x99`0H\xbd\x86\r\xb9\xef\xf1\x17\x90$\x89\x97\x9e}\x94%\xbf\xfc\x8a\xc7\xebE\xd7E|\x93\xd9\xfe\xf1\x1d\xfa\xf8\xf3H\x92\xc4}\xf7\xdd\xcf\xef\xbf\xff\x8e\xc5bI\xf9\xa9\x80\x94N\x00\x12\xeb&gt;W\xae\\\xc9}\xf7\xdd\x8f$I\xdc;|$u\xea\xd7#\x1c\x0c\x89!\xbc$\xa7i\x1a\xde\xac\x0c\xe6\xce\x9a\xc5\xdbc\x9f\xc7b\xb5\xf2\xe0\xd3/\x92\x93\x9bG4\x12=jC\xf0\x16\x8b\x85\xe2\xc2b\xce\xbd\xe8bz^\xdb\x9fH8\xc4\xa3\xf7\xdcH8\x14DV\x14\xc4\xfa\xc0C\xa3\xaa*Y9\x19L|\xfb5\xbe\xfd\xea3\xb2sry\xf8\xb9\x97\xd1\xe3\xbb\x00\x1e-\x16\x8b\x85\xa2\xc2\x12.\xbc\xbc\x17\x17\xf5\xeaC0\x10\xe0\xd1{nB-+\x1c\x16\xf1Mf\xfb\xc7\xf7\xe2+\xfa\x10\x08\x94\xd2\xbf\x7f\x7f4M+\xdbq2U\xa5l\x0b\x98\x08\x9c\xae\xeb\x0c\x1a4\x88@\xa0\x94\x8bz]\xcb\xf9\x97\xf5\xa4\xa8Pl\xed\x99\xec\x12K\xfe\x82\xa5\x01\x1e\xbf\xef6b\xb1\x18\xbd\xfb\xddL\xb7\xeegR\\\x01[\xb7\xca\x8a\x82\xcf\x17\xe4\x8eaO\xd0\xa0q3~_\xb6\x98W_x\x8a\xcc,OZU\x15\x1f)\xban.\xf9\xdb\xb0v\x1d\xcf?\xfe\x00\x00w\x0c{\x92\xc6\xcd\x9a\x1c\xb5\xd1\x9d\xfd\xc9\xb2L\xa04\xc4=\x8f&lt;E\xedz\rX\xf2\xcbO\xbc\xf9\xf2\xf3dfyQU\x11\xdfd\x97\x88\xef\xdd\x0f?E\x9dz\r\xf8\xf1\xc7\x1f\x195j\x14\x8a\xa2\xa4\xf4\xfd\x9b\xb2\t@\xa2\xf7\xff\xca+\xaf\xf0\xfd\xf7\xdfS\xb3v]\xee|\xe8I\x82\x01\xd1\xf3O\x05\x9a\xa6\x91\x91\xe9f\xdc\x0bO\xb3z\xc52\x1a5k\xc9M\xf7&lt;\x88\xaf\xb8bVtH\x92\x84\x1a\x8b\x91\x95\x9d\xcd}\x8f?\x8f\xa2(\xbc\xf9\xf2H\x16-\xf8\x19\xb7\xd7+\xa6\x02\xfe#\xc30\xb0\xdb\xec&lt;\xfd\xd0\xdd\x14\x15\xec\xe1\x94\xee\xe7\xd1\xf3\x9a\xeb)*\xf4UHq\x96$ID#\x11\xf2\xf2\xf3\x19\xf2\xc8sH\x92\xc4\xab/&lt;\xc9\x8a\xa5\xcbq{\xdc)?T\x9c\xea\xf6\x8f\xef=\x8f\x9a\xf1}\xf8\xe1\x87Y\xb7n\x1d\x8a\xa2\xa4l|S\xb2%L\xec\xeb\xbce\xcb\x16\x86\r\x1b\x06\x98\xbb\x85U\xadV\x8dh8"\xb6kMr\xba\xae\xe3\xf</t>
        </is>
      </c>
    </row>
    <row r="387">
      <c r="A387" s="1" t="n">
        <v>385</v>
      </c>
      <c r="B387" t="inlineStr">
        <is>
          <t>polygon_sides_color</t>
        </is>
      </c>
      <c r="C387" t="inlineStr">
        <is>
          <t>What is the missing color of the part denoted with a question mark?</t>
        </is>
      </c>
      <c r="D387" t="inlineStr">
        <is>
          <t>['orange', 'red', 'green', 'blue']</t>
        </is>
      </c>
      <c r="E387" t="inlineStr">
        <is>
          <t>green</t>
        </is>
      </c>
      <c r="F387" t="inlineStr">
        <is>
          <t>There are 6 colored polygons arranged in a triangle with color ['?'] in the top row, ['green', 'red'] in the middle row, and ['purple', 'red', 'purple'] in the bottom row.</t>
        </is>
      </c>
      <c r="G387" t="inlineStr">
        <is>
          <t>We observe that the polygon with 3 sides is purple in color and the polygon with 5 sides is red in color. Thus, the pattern is that the polygons with the same number of sides have the same color.</t>
        </is>
      </c>
      <c r="H387" t="inlineStr">
        <is>
          <t>Based on the pattern that the polygons with the same number of sides have the same color, the missing color of the part with 8 sides should be green.</t>
        </is>
      </c>
      <c r="I387" t="inlineStr">
        <is>
          <t>b'\x89PNG\r\n\x1a\n\x00\x00\x00\rIHDR\x00\x00\x02\x00\x00\x00\x02\x00\x08\x02\x00\x00\x00{\x1aC\xad\x00\x00b&amp;IDATx\x9c\xed\xddg`\x14\xd5\xde\x06\xf0i\x9b\xddM\xb2\x9b\x10R\x08E)\xa1\xa8\x10\x02\x84\x1a:\x84^\x02H\x0bM:HQQ\xc1\x02\x96\xab\xe2\xab\x82\x05\x91+AzGz\xafRCI@B\x90^\x0c\xd2\xd3\xb3\xc9\xf6\x999\xef\x87\x03\xb9\x11\x14Q\x93\xdd\xd9\x9d\xe7\xf7\xed\xde\x8b\xdeaw\xf6&lt;g\xce\xf9\xcf\xff\xb0\x84\x10\x06\x00\x00\xd4\x87s\xf7\x05\x00\x00\x80{ \x00\x00\x00T\n\x01\x00\x00\xa0R\x08\x00\x00\x00\x95B\x00\x00\x00\xa8\x14\x02\x00\x00@\xa5\x10\x00\x00\x00*\x85\x00\x00\x00P)\x04\x00\x00\x80J!\x00\x00\x00T\n\x01\x00\x00\xa0R\x08\x00\x00\x00\x95B\x00\x00\x00\xa8\x14\x02\x00\x00@\xa5\x10\x00\x00\x00*\x85\x00\x00\x00P)\x04\x00\x00\x80J!\x00\x00\x00T\n\x01\x00jD\x08\x91$I\x96eB\x88(\x8a8\x18\x15\xd4\x89\xc5\xad\x0f\xaaB\x87~A\x10\x1e\xf9\xef%IbY\x96\xe30%\x02\x15\xc1\xed\x0ej!\xcb2\x1d\xe5\x05Ap:\x9d\xeb\xd6\xad\xeb\xde\xbd{\x8b\x16-\xbe\xfd\xf6\xdb\xec\xecl\x9e\xe79\x8e\xa3\x7f\x06\xb3"P\t&lt;\x01\x80\x97#\x84\xc8\xb2\xcc\xf3&lt;\xfd\x8f\xb7n\xddJHH\xd8\xb1cG\xa9R\xa5\xfa\xf6\xed\x1b\x1c\x1c\xbcl\xd9\xb2k\xd7\xae\xb5h\xd1b\xc8\x90!QQQ\xf4\x8f\x89\xa2\xc8\xf3&lt;\xcb\xb2n\xbbn\x80\x92\x87\x00\x00\xaf%\xcb\xb2,\xcb\x85\xab={\xf6\xecY\xb8p\xe1\xa5K\x97\x1a5j4p\xe0\xc0\x06\r\x1a\xd0)?\xcf\xf3\x17/^\\\xb8p\xe1\xbe}\xfbBCC\xfb\xf7\xef\xdf\xa7O\x1f\xadV\xcb`]\x08\xbc\x1d\x02\x00\xbc\r\x9d\xf2s\x1cG\xe7\xef\xd9\xd9\xd9K\x96,Y\xb7n\x1d\xcf\xf3]\xbbv\xed\xdd\xbb\xf73\xcf&lt;c\xb7\xdb\xf3\xf3\xf3\x19\x86aYV\x96e___??\xbf\xdc\xdc\xdc\xed\xdb\xb7\xafY\xb3\xe6\xe6\xcd\x9b\x9d;w\x1e&lt;xpDD\xc4\xe3\xffB\x00\xaf\x81\x00\x00\xefA\xabz\nW{\x8e\x1d;\xb6x\xf1\xe2\xe4\xe4\xe4*U\xaa\x8c\x1e=\xbai\xd3\xa6Z\xad6??\xdff\xb3q\x1cWt^Ow\x865\x1a\x8d\xd1h\xe48\xee\xd8\xb1c\xcb\x97/?~\xfcx\xe5\xca\x95G\x8e\x1c\x19\x1b\x1bK\xff\x98(\x8a\x8f\xfc\x83\x00\x1e\r\x01\x00\x1e\x8f\xce\xd0\x19\x86\xa1C\xbf\xc5bY\xb7n\xdd\x82\x05\x0b\x1c\x0eG\x87\x0e\x1d\xfa\xf4\xe9S\xbdzu\x87\xc3\x91\x9f\x9fO\x17|\x9e0\x91\x97$\x89a\x18\x83\xc1\xa0\xd5j\xd3\xd3\xd3\x97-[\xb6y\xf3fI\x92\xbau\xeb\x16\x1f\x1f_\xae\\9\x06\x0f\x04\xe0E\x10\x00\xe0\xc1\x1e\xa9\xe9LIIY\xbcxqbbbxxx\xbf~\xfd\xe2\xe2\xe2\xf4z\xbd\xd9l\xb6X,\x7fk\xe6N7\x0f|||\x02\x02\x02\xecv\xfb\xe1\xc3\x87W\xacX\x91\x9c\x9c\xdc\xa4I\x93\xa1C\x876j\xd4\x88\xfe1I\x92\x10\x03\xe0\xd1\x10\x00\xe0\x91\x8a\xae\xf68\x9d\xce-[\xb6\xacX\xb1\xe2\xda\xb5k\xed\xdb\xb7\xef\xd7\xaf_TT\x94,\xcb\xb9\xb9\xb9\x92$\xfd\x9bb\x1e\xba\xe6c0\x18|||._\xbe\xbcz\xf5\xea\x9d;w\xfa\xf8\xf8\x0c\x1b6\xacW\xaf^\xbe\xbe\xbe\xcc\xc3\x87\x06$\x01x"\x04\x00x\x92?\xab\xe9\x0c\n\n\xea\xd5\xabW\x8f\x1e=BBB,\x16\x8b\xc5ba\x1e\xae\x08\xfd{\xf4\x81@\xaf\xd7\xfb\xfb\xfb[\xad\xd6\x8d\x1b7\xaeZ\xb5\xea\xee\xdd\xbb111\xe3\xc6\x8d\xa3\x1b\xc5\x0c\x1e\x08\xc0\x03!\x00\xc03\xfceM\'\xcf\xf3yyy\x0e\x87\xa3\x84\xea\xf7\xe9r\x13\xcf\xf3\x81\x81\x81\x1c\xc7\xa5\xa4\xa4\xacZ\xb5\xea\xc0\x81\x03\xe5\xcb\x97\x8f\x8f\x8f\xef\xd6\xad\x1b\xbd6T\x8e\x82\x07A\x00\x80\xa2\xfd\xad\x9aN\xd7L\xc0\xe9\x9a\x8f\xaf\xaf\xaf\xaf\xafozz\xfa\xc6\x8d\x1b\xd7\xad[\x97\x95\x95\xd5\xb7o\xdf\xfe\xfd\xfb\x97/_\xfe\xf1\xcb\x06P&amp;\x04\x00(\xd4?\xae\xe9t\r\xfa@@7\x8a\t!\x87\x0e\x1dZ\xbcx\xf1\x993g\xaaW\xaf&gt;q\xe2\xc4\xa2\x1b\xc5x \x00\xc5B\x00\x80\xb2\x14cM\xa7+\xaf\x96V\x8e\xde\xbcys\xf9\xf2\xe5[\xb6l\xd1\xe9tqqq\x03\x06\x0c\x08\n\nb\x1e\x86\x19\x1e\x08@i\x10\x00\xa0\x14%T\xd3\xe9\x1at\x8bB\xa7\xd3\x19\x0c\x06\xb3\xd9\xbcw\xef\xde\x15+V\\\xbdz\xb5y\xf3\xe6h1\x04\x8a\x85\x00\x00\xf7sMM\xa7\x0b\x14.\xfd\x1b\x8dFA\x10\x8a\xb6\x18\x1a1b\x046\x8aAi\x10\x00\xe0N\xb2,\xb3,K\xc7t\xd7\xd4t\xba\x06} (l1\xb4u\xeb\xd6\xa5K\x97fggw\xe8\xd0a\xc8\x90!\x85-\x86\xe8\xba\x90\xbb/\x16\xd4\x0b\x01\x00nC\x08\xa1C\xff\xee\xdd\xbb\x17-Z\xe4\xca\x9aN\xd7(\xdab\x88\x10r\xe2\xc4\x89\x15+V&lt;\xd2b\xa8\xf0C\x00p=\x04\x00\xb8\x07\x9d\xfb\xef\xd9\xb3\xe7\xa3\x8f&gt;\xe2y\xbe[\xb7n/\xbe\xf8\xa2\xebk:]\xe3\xcfZ\x0c\xbd\xf7\xde{\xb1\xb1\xb1t\xd5\xc8\xdd\xd7\x08j\x84\x00\x00\xf7\xa0\xcb\xe5\x95+W\x9e4i\xd2+\xaf\xbc\xc20\x8c\x1bk:]\xa3h\x8b!\x86af\xcd\x9a\xf5\xc5\x17_\\\xbe|Y\xa7\xd31\x0c\xe35i\x07\x1e\xc4;\x7fi\xa0ptF\xbcs\xe7N\x96eG\x8f\x1e\x9d\x93\x93\x93\x91\x91\xe1t:\x05A\xf0\xd6\xd1\x9fa\x18\x8e\xe3\x04A\x90e9###++k\xe2\xc4\x89:\x9dn\xf3\xe6\xcd\x0c\xc3\xd0ZR\x00\x17\xf3\xda\x1f\x1b(\x1c\xcb\xb2\xd3\xa7O\x1f:t\xa8N\xa7\x13EQ\x10\x04\xf5L\x81i\x0c0\x0c3p\xe0\xc0\xd9\xb3g\x17n\x83\x03\xb8\x18\x02\x00\\\x8d.y_\xbat\xe9\xf2\xe5\xcb\x83\x06\r*((\xf0\xac\n\x9fb\xc1\xf3|AA\xc1\xa0A\x83.]\xbat\xf6\xecYz8\xa5\xbb/\nT\x07\x01\x00\xaeF\xb7\x7f\xbf\xff\xfe\xfbF\x8d\x1aU\xae\\\xd9j\xb5\xaap\xfe\xcb\xb2\xac\xd5j\xad\\\xb9r\x9b6m\xbe\xfa\xea+\x06\xab@\xe0\x0e\x08\x00p)\xfa\xc2\x97\xcdf[\xb3f\xcd\xe8\xd1\xa3\x9dN\xa7\nG\x7f\x8a\xe38\xbb\xdd&gt;z\xf4\xe8m\xdb\xb6\x99\xcdf\x9e\xe7Q\x91\x01.\x86\x00\x00\x97\xa2/\xc1.Y\xb2$(((66\xd6d2\xa9p\xfd\x87\xe28\xae\xa0\xa0 &amp;&amp;\xa6l\xd9\xb2\x0b\x17.\xa4\xc7\xd3\xbb\xfb\xa2@]\x10\x00\xe0R\xb4\xc8\'!!a\xe8\xd0\xa1Z\xadV\xe5C\x1e!D\x10\x84q\xe3\xc6}\xf7\xddwx#\x0c\\\x0f\x01\x00\xaeCW\xffSRR~\xfb\xed\xb7~\xfd\xfa\xa9y\xfaO\xd1\x17\x9e{\xf4\xe8\x91\x97\x97\x97\x98\x98\xc8q\x1c-\x90\x05p\r\x04\x00\xb8\x0e\r\x80Y\xb3f\xb5i\xd3\xa6l\xd9\xb2v\xbb\x1ds^\xa7\xd3Y\xbat\xe9\xee\xdd\xbb\xcf\x9c9\xd3\xdd\xd7\x02\xaa\x837\x81\xc1E\xe8\x9d\x96\x99\x99Y\xb3f\xcdu\xeb\xd6EGG\x9b\xcdf/~\xed\xeb)\x11B\xb4Z\xedo\xbf\xfd\x16\x13\x13\x93\x9a\x9aZ\xae\\9\x06o\x05\x83\xab\xa8\xfd\xe7\x07.S\xb8\xfd[\xb1b\xc5\xa6M\x9b\x16\x14\x14`\xf4g\x1e\xd6\x83\xd6\xa8Q#***!!\x81eY\xac\x02\x81\xcb\xe0\x17\x08.\xc2q\x1c!d\xfe\xfc\xf9#F\x8cP\xf9\xde\xef\xe3$I\x1a=z\xf4\xb2e\xcb\xacV+\xeaA\xc1e\x10\x00\xe0\n\x92$q\x1c\x97\x98\x98\x98\x9b\x9b\xdb\xb3g\xcf\xfc\xfc|L\xff\x0b\xf1&lt;o2\x99z\xf4\xe8\xc1\xf3&lt;Z\x03\x81+\xe1G\x08\xae3s\xe6\xcc\xee\xdd\xbb\x97.]\xda\xe1p`\x99\xbb(z\xbe&lt;Z\x03\x81\x8ba\x13\x18J\x1c\xadp\xbf}\xfbv\xadZ\xb5\x12\x13\x13i\xd3\x7f\x8cqE\x11B|||\xd2\xd3\xd3\x1b5j\xb4o\xdf\xbeZ\xb5j\xe1\x90\x00p\x01\xdcaP\xe2\xe8\xae\xe6\xdc\xb9s\xeb\xd4\xa9S\xa3F\ru6\xffy2\xb4\x06\x02\xb7@\x00@\x89\xe3y^\x92\xa4\xe5\xcb\x97\x8f\x1c9\x12\xe3\xda\x9fAk p=\x04\x00\x94\xac\xc2\xb3_DQ\xec\xdc\xb93\xde\xfe\xfd3h\r\x04\xae\x87\x00\x80\x12G\xcf~\x196l\x98\xc1`\x10E\xd1\xdd\x97\xa3\\\x85\xad\x81\xbe\xfd\xf6[\xb4\x06\x02\x17@\x00@\t\xc2\xd9/\x7fKak \xbb\xdd\x8e\xd6@\xe0\x02\x08\x00(A8\xfb\xe5\xef\xa2\xad\x81^|\xf1\xc5\x193f\xb8\xfbZ\xc0\xfb\xa1\x0c\x14J\n\xbd\xb5\xecv{\x95*U\xe6\xce\x9d\xdb\xbe}\xfb\xbc\xbc&lt;&lt;\x01&lt;\x19m\r\x94\x96\x96\x16\x13\x13s\xe1\xc2\x852e\xca0h\r\x04%\x06O\x00PR\x94v\xf6\x0b!D\x96eQ\x14%I\x92e\x99\x10B\xff\x1bI\x92DQT\xc8\x8e+\xad\x07}\xfe\xf9\xe7\x9b4i2c\xc6\x0cl\x05C\x89B\x00@IQ\xce\xd9/t\xdc\xe78\xce\xdf\xdf?888((\xc8`0h\xb5Z\x8dF\xe3\xe7\xe7W\xaaT\xa9\xe0\xe0`\x7f\x7f\x7fB\x88B\xd6\xdc%I\x1a7n\xdc\xea\xd5\xab\xadV+\xed\xa1\xe4\xee+\x02\xef\x84% (\x11t\xf5\xff\xcc\x993\xed\xda\xb5KII\xf1\xf7\xf7\x17E\xd1]K\x19z\xbd^\xab\xd5fgg\xa7\xa6\xa6\x9e&lt;y\xf2\xc2\x85\x0b7o\xde,((\x90eY\xa7\xd3\x95-[\xf6\x85\x17^h\xde\xbcy\xfd\xfa\xf59\x8e\xcb\xcf\xcfw\xfb:\x15!\xc4\xd7\xd7\xb7f\xcd\x9a\xd3\xa7O\xef\xd3\xa7\x8f$In\xbf$\xf0J\x08\x00(\x11\xa2(\n\x820l\xd80\xab\xd5\xbar\xe5\xca\x8c\x8c\x0cA\x10\xdcu1W\xae\\Y\xb7n\xdd\xd6\xad[\xcf\x9f?\xffg\x7f\x86\xe7\xf9\x16-ZL\x9d:\xb5E\x8b\x16999\xeem\xc3 \x8abpp\xf0g\x9f}\xb6~\xfd\xfa\xa4\xa4$\xb4\x85\x80\x12\x82\x00\x80\xe2\xa7\x90\xb3_\x08!\x1c\xc79\x9d\xce\x06\r\x1a\xa4\xa5\xa5\xd1\xff\xb2V\xadZ\xb5j\xd5\xaaX\xb1b\xa9R\xa58\x8e\xcb\xcb\xcb\xbbz\xf5\xea\xb1c\xc7~\xfd\xf5W\x86a4\x1a\xcd\xcc\x993_~\xf9\xe5\x9c\x9c\x1c7N\xba\xe9\x0b\x01\x16\x8b%22r\xf7\xee\xdd\xb5k\xd7\xa6\x7f\x17w]\x0fx+\x04\x00\x14?:\xfd\x9f9s\xe6\x9a5kN\x9c8\x91\x99\x99\xe9\xae\xc1\x94N\xa5\'M\x9a\xb4v\xed\xda!C\x86t\xec\xd8\xf1\xf9\xe7\x9f7\x1a\x8d\x85\x8d\x16\xe8\x01,\x99\x99\x99k\xd7\xae\xfd\xf0\xc3\x0f322\x18\x86Y\xb5jU\xaf^\xbdrss\xdd\x98\x01\xa2(\x86\x84\x84\xf4\xef\xdf_\xaf\xd7/X\xb0\x80~\xa4\xee\xba\x18\xf0V\x08\x00(~t\x03\xe0\x85\x17^x\xed\xb5\xd7\x86\x0f\x1f\x9e\x9d\x9d\xed\xae\x91\x94N\xa5sss%I\xaaT\xa9\x92\xcdf\xb3Z\xad\x92$\x15\xbd\xedY\x96\x15\x04!00\xf0\xe4\xc9\x93]\xbbv\xbd\x7f\xff~\x85\n\x15\x92\x92\x92t:\x1d-dr\xcb\x95\xcb\xb2\xec\xe7\xe7w\xf2\xe4\xc9^\xbdz\xfd\xf2\xcb/\xc1\xc1\xc1\x0c\xeaA\xa1\xb8\xe1\xa1\x12\x8a\x99\xa2\xce~aYV\x14\xc5\xc0\xc0\xc0\xe0\xe0\xe0\x8c\x8c\x0c\xb3\xd9\xcc0\x0c\xcf\xf3B\x11&lt;\xcf\xcb\xb2|\xef\xde\xbd\xe8\xe8\xe8O?\xfd\x94\x10\xf2\xdbo\xbfm\xdb\xb6\xcd`0\xb8\xb1r\x89\xb6\x06j\xda\xb4i\xc5\x8a\x15\x97,Y\x82\xa3"\xa1$ \x00\xa0D(\xe7\xec\x17\x9a\x01N\xa7S\x10\x84?\x8b"\x96e}||rrr\xbav\xedZ\xa5J\x15\x96e\x0f\x1d:\xa4\x84\xe9\xb6,\xcb#F\x8c\xf8\xe1\x87\x1f\x98\x87e\xb5\x00\xc5\x08\xb7\x14\x14\'B\x08\xcf\xf3\xb7o\xdf&gt;x\xf0\xe0\xc4\x89\x13i[cw_\x14\xf34gl\xd1)v@@@dd$!\xe4\xfa\xf5\xebn?\xb5\x86\xe38\x93\xc9\xd4\xabW/\xb3\xd9\xbcs\xe7N\xb4\x06\x82b\x87\x00\x80\xe2\xe4\xe9g\xbfp\x1cGW\xdb\xcdf\xb3\xddnw\xef\xa4\x9beY\xa7\xd3\x19\x14\x14\xd4\xbbw\xefo\xbe\xf9\xc6\x8dW\x02\xde\n\x01\x00\xc5\xc9\x0b\xce~\xa1\x19\xc6q\x9c\x12\x96\\x\x9e7\x9b\xcd\xc3\x86\r;q\xe2\xc4\xdd\xbbwqJ\x0c\x14/\xf7\xdf\xe2\xe05\xbc\xe0\xec\x17Q\x14\xef\xdd\xbb\xc70LPP\x90{\xdbWP\x85\xad\x81\x1a6lH\xfb\x83\xba\xfd\x92\xc0\x9b \x00\xa08y\xee\xd9/\x84\x10\x8dF\x93\x95\x95u\xf6\xecY\x86a^x\xe1\x05\x1f\x1f\x1f\x85\x8c\xb6\x92$\x8d\x1f?\x1e\xad\x81\xa0\xd8!\x00\xa0xx\xfa\xd9/\xa2(\x06\x04\x04l\xdd\xba\xf5\xe6\xcd\x9b,\xcb\xb6o\xdf\xde\xe1p(d\x15\xc8d2\xb5i\xd3F\xa7\xd3m\xd9\xb2\x05\xfdA\xa1\x18\xb9\xff\xfe\x06\xef\xe0\xd1g\xbf\x88\xa2\xe8\xef\xef\x7f\xf3\xe6\xcdO&gt;\xf9\x84a\x98\x96-[\xb6h\xd1\xc2\xbdo0\x14%I\x92V\xab\x1d1b\x04]\x05\xf2\xa0\x0f\x16\x14N\x11\xf77x:Z\xfdi\xb3\xd9\xd6\xacY3z\xf4h\xa7\xd3\xe9A\x83\x94(\x8a~~~6\x9bm\xe0\xc0\x817n\xdc\xd0\xeb\xf5\xff\xf7\x7f\xff\xe7\xee\x8b\xfa\x1d\x9e\xe7\xf3\xf3\xf3_z\xe9\xa5\xb4\xb4\xb4\x94\x94\x14&lt;\x04@qA\x00@1\xa0-\x13\x96.]Z\xaaT\xa9v\xed\xday\xd0\xf6\xaf\xd3\xe9\x0c\x0c\x0c\xcc\xcc\xcc\xec\xd6\xad\x1b}\xf9\xeb\xfb\xef\xbf\xafW\xaf\x9er\xa6\xff\x0c\xc3\xb0,k\xb7\xdb\xcb\x94)\xd3\xbau\xebY\xb3f!\x00\xa0\xb8(\xe5\x16\x07\x8fF\x9bn\xce\x993g\xec\xd8\xb1\x1a\x8d\xc6Sv)EQ\x0c\r\rMJJj\xdb\xb6mbb\xa2V\xab]\xb8p\xe1\xa0A\x83\xb2\xb3\xb3\x95\xd6y\x8d\xe38\xab\xd5\xfa\xea\xab\xaf\xee\xdc\xb9\xf3\xc6\x8d\x1b\x82 x\xca\x87\x0cJ\x86\x00\x80\x7f\x8b\x10B\xdb-\xe4\xe4\xe4\x84\x85\x85y\xc4\xdb\xaa\xf40\xc8\xd2\xa5K\xd3\xc3\x8a\xaf\\\xb9\x12\x1e\x1e\xbea\xc3\x86\xc1\x83\x07gff*m\xf4g\x1e6\xb4\x08\x0b\x0bs8\x1c\xb9\xb9\xb9\xcc\xc3\x9e\xdb\x00\xff\x06\x02\x00\xfe-\xdaDA\xaf\xd7\x0f\x1e&lt;\xf8\xbb\xef\xbe\xf3\x88\xc9)!$00\xf0\xbd\xf7\xde\x1b3f\x8c\xd9ln\xda\xb4\xe9\xbe}\xfbbcc\x959\xfa3\x0c#I\x92\xc1`\x985kV\xfd\xfa\xf5k\xd7\xaeM;\xee\xb9\xfb\xa2\xc0\xe3\xe1\x1e\x82b@\xdfP\x1d7n\xdc\xd9\xb3g\x93\x92\x92\xdc\xdbG\xf3/I\x92T\xaaT\xa9O?\xfd\x94\xd6\xfc\x0c\x1a4h\xfb\xf6\xed\xcf&gt;\xfblNN\x8e2G\x7f\x86a\x04A\xc8\xcf\xcf\xdf\xb0a\xc3\x84\t\x13\xdc}-\xe0=\x10\x00P\x0c\xe8\xb6dXXX\xeb\xd6\xad\xe7\xcf\x9f\xaf\xd3\xe9\x14\x1b\x00t*}\xe8\xd0\xa1\xf7\xdf\x7f\x9fa\x98A\x83\x06-\\\xb8P\x92$\x8b\xc5\xa2\xd8\xd1\x9f^\xf3\x96-[8\x8ek\xd7\xae\x1d\xad\xb9r\xf7E\x817@\x00@\xb1!\x84L\x980a\xd3\xa6M\xd9\xd9\xd9\x1a\x8d\xc6\xdd\x97\xf3\xa7x\x9e\xff\xe6\x9bodY\xae]\xbb\xf6\xec\xd9\xb3\xf3\xf3\xf3\x95\x7f\xea\xba \x08_}\xf5\xd5\xb8q\xe3\x04A\xf0\x88]\x16\xf0\x08\x08\x00(\x1et\x15\xa8i\xd3\xa6\xe5\xca\x95[\xb8pa``\xa0\x02[A\x10B\xb4Z\xedo\xbf\xfdv\xf8\xf0a\x86a^{\xed5\x83\xc1\xe0t:\x95\xbc\x9e.\xcb\xb2\xbf\xbf\xff\x91#G~\xfb\xed\xb7\xc1\x83\x07c\xfa\x0f\xc5H\xb9\xf7=x\x1c\xfa2\xf0\x981c\x96,Y\xa2\xccQU\x96e\xadV\x9b\x96\x96\x96\x95\x95e4\x1acbb\x94\xdf\xb2B\x96e\x9dN\xf7\xddw\xdfu\xee\xdc9$$\xc4\x8d\xa7T\x82\xf7Q\xdcO\x14&lt;\x17}\x08\xe8\xd7\xaf\xdf\xfd\xfb\xf7\x13\x13\x13\xfd\xfd\xfd\x15\xb8\x13\xc0\xf3|zz:\xc30\x15+V\x0c\x0e\x0e\x16EQ\xc9\xe3)}d\xb9w\xef\xde\xbe}\xfb&amp;N\x9cH\x08Q`\xac\x82\xe7\xc2\xcd\x04\xc5\x86\xd6\x83\x1a\x0c\x86N\x9d:\xcd\x9d;W\t\xed\x94\x1f\xc7\xb2\xac\xd9l\xe68.((H\xc9\x9b\xd5\x14\xfd&lt;\x17-ZT\xb1b\xc5\xa8\xa8(\x04\x00\x14/\xdcLP\x9c\xe8\xf0\xf4\xdak\xaf\xed\xdb\xb7\xef\xfa\xf5\xebz\xbd^i\xef\x04\xb0,k\xb3\xd9dYV\xfe\xc6/\xc30&lt;\xcf\xdb\xed\xf6\x1f~\xf8\xe1\x8d7\xde`\xf0\xf2\x17\x147\x04\x00\x14\'\x8e\xe3dY\xaeU\xabV\xf5\xea\xd5\x97.]\xea\xef\xef\xaf\xa8\x92\x15\x8e\xe3\n\n\n\xda\xb6m\xbbi\xd3\xa6\xe9\xd3\xa7+\xbce\xa9$IF\xa3q\xdf\xbe}6\x9b\xadk\xd7\xae\x98\xfeC\xb1c1\xa7\x80\xe2E_R]\xb3f\xcd\xd4\xa9S\xcf\x9d;WPP\xa0\xa8A\x96\x10\xe2\xe3\xe3\xa3\xd3\xe9DQ\xb4X,\x8a\xba\xb6GH\x92T\xbat\xe9\xce\x9d;?\xf7\xdcs3g\xce\xf4\x88G\x16\xf0,\x98P@1\xa3\xb3\xd4n\xdd\xbaI\x92\xb4a\xc3\x06\xa3\xd1\xa8\xa8\x87\x00\x96ei;\x1d\xb3\xd9\xac\xe4\xd1\x9f\x10\xa2\xd7\xeb/^\xbcx\xf4\xe8\xd17\xdex\x03\xd3\x7f(\t\xb8\xa5\xa0\x98\x15\xb6\x06\x1a8p\xe0\xdc\xb9s\x959i%\x0f\xb9\xfbB\xfe\x94$I~~~\xb3f\xcdj\xd5\xaaUxx8-\xb1u\xf7E\x81\xb7\xc1\x12\x10\x14?zS\xdd\xbe};22211\xf1\x99g\x9e\xb1\xdb\xed\n\x19\xbfha\xa5\x9f\x9f\x9f,\xcb&amp;\x93I\xb1\xf7?\xcd\xd1Z\xb5j\xadY\xb3\xa6i\xd3\xa6X\xff\x81\x92\x80\'\x00(~\xb45P\xf9\xf2\xe5[\xb4h1k\xd6,???\x85\xac\x02\xd1\x97\xaa~\xfd\xf5\xd7O&gt;\xf9$!!\x81nW(0\x03$I\n\x08\x08\xd8\xb0aC@@@LL\x8c,\xcb\x18\xfd\xa1$\xe0\t\x00J\x04\x9d\xb1\x1e9r\xa4O\x9f&gt;g\xcf\x9e\xa5\x1dl\xdc\xfb\x10@\x97\xd1\x9dNg\xd3\xa6M/_\xbe\xcc0\xcck\xaf\xbd\xf6\xc5\x17_\xe4\xe4\xe4(mx\x95e\xd9h46l\xd8p\xd8\xb0a\xe3\xc7\x8f\xc7\xf4\x1fJ\x08\x9e\x00\xa0D\xf0&lt;/\xcbrLLL``\xe0\xfa\xf5\xeb\x95\xd0 \x9an\xab^\xbat\xe9\xf2\xe5\xcbZ\xadV\xa3\xd1\x1c8p\xc0f\xb3)ms\x956\xff9z\xf4\xe8\xcd\x9b7\x87\x0e\x1d\x8a\xed_(9\xb8\xb1\xa0\xa4\xd0}\xcb\xe1\xc3\x87\xff\xf0\xc3\x0f\n\x19\xc2DQ\x0c\x0c\x0cd\x18\xc6n\xb7;\x9d\xce\x80\x80\x00\x1f\x1f\x1f\xa5=\x04\xd3\x86E3f\xcc\x88\x8f\x8f\xa7{\x15\n\xd9&gt;\x01\xef\xa3\x88\x9f%x%\xda\x1ah\xf0\xe0\xc1iiiG\x8e\x1cq{k \x8e\xe3l6[DD\xc4\x94)S\x82\x83\x83#""\xde|\xf3M\xb7?\x97&lt;\x82&gt;\xa6\\\xbf~\xfd\xf8\xf1\xe3\xe3\xc6\x8dc\x18\x06\xa3?\x94\x1c\xec\x01@\t\x12EQ\x10\x84a\xc3\x86Y\xad\xd6\x95+Wfdd\xb8\xfd\xd0\x15\x96eu:]zz\xbaN\xa73\x1a\x8dJ{\x17L\x14\xc5\x90\x90\x90\x0f?\xfcp\xf7\xee\xdd\x89\x89\x89X\xfd\x87\x12\x85\x00\x80\x12D\x97/\xce\x9c9\xd3\xae]\xbb\xd4\xd4T___%t\xdf\x94eY\xa3\xd1\xd0v@\nY\x9b*J\x10\x84\x9a5k\xce\x993\xa7S\xa7N\xa8\xff\x81\x12\xa5\xb8\xbb\x1f\xbc\t-\xb2\x8c\x8a\x8a\xaaX\xb1\xe2\xa2E\x8b\x0c\x06\x83\x12\xeaA9\x8e\x13EQ\x96e\xa5\x8d\xfe\xb4\xf7\xe7\xb6m\xdb\x04A\xe8\xd0\xa1\x03\xc30\x18\xfd\xa1D)\xeb\x07\x00\xde\x87&gt;b\xbe\xf1\xc6\x1b?\xfc\xf0\x83\xc3\xe1P\xc8\x88\xc6\xb2\xac\xdb\x1fD\x1eG\x08\x11\x04!!!!&gt;&gt;\x9e\xe7y%\x84%x7\x04\x00\x94,\xfa\x10\xd0\xb5kW\xbb\xdd\xbeg\xcf\x1e\x85&lt;\x04(\x90,\xcb\x06\x83!99\xf9\xec\xd9\xb3\xe3\xc7\x8f\xc7\xd1\x8f\xe0\x02\x08\x00(Y\x85\xad\x81z\xf5\xea\x95\x90\x90\xa0\xd1h\xb0\xed\xf4\x87\xe8[\xca\t\t\t-[\xb6\x0c\x0b\x0bC\xf5\'\xb8\x006\x81\xa1\xc4\xd1\xd5\xf6K\x97.\xc5\xc4\xc4\x1c?~\xbcL\x992\x0e\x87\x03\xa3[Qt\xf1\xa7\xa0\xa0 22r\xdf\xbe}\x91\x91\x91x\xff\x0b\\\x00w\x18\x948\x8e\xe3$I\xaa^\xbdz\xfd\xfa\xf5\xe7\xcc\x99\xa3\xb4Sb\x94\x80\x9e\xfd\xb2j\xd5\xaa\x8a\x15+\xd6\xae]\x1b\xa3?\xb8\x06n2p\x11B\xc8\xc4\x89\x13\xd7\xaf_\x9f\x9f\x9f\xef\xf6\xb7\x01\x94\x86\xe38\xbb\xdd\xbeh\xd1\xa2Q\xa3F1\x0c\xa3\xb4\xd7\xd3\xc0[!\x00\xc0\x15\xe8~fll,\xc7q[\xb6l\xc1VpQ\xb4\xf7\xe7\xde\xbd{333\x07\x0f\x1e\x8c\xed_p\x19\x04\x00\xb8\x88$I\x82 \x8c\x1b7\xee\xab\xaf\xbe\xc2\x00\xf7\x08\x9e\xe7g\xcf\x9e\xdd\xbf\x7f\x7f\x9dN\x87\xed_p\x19l\x02\x83\x8b\xd0;-33\xf3\x85\x17^\xd8\xb6m[\xadZ\xb5\xccf3V\xba\xe9\x015iii\xcd\x9a5;w\xee\\xx8!\x04\x01\x00\xae\xa1\xf6\x9f\x1f\xb8\x0c=%&amp;$$\xa4y\xf3\xe6\t\t\tt\xaa\xeb\xee\x8br?z\xf4\xe3\x82\x05\x0b\x1a6l\x18\x1e\x1e\xee\xf6S\x13@U\xf0\x04\x00\xaeC\x177RSS\xdb\xb4i\x93\x9a\x9a\xea\xef\xef\xaf\x84\xd6@nD\xab}dY\x8e\x8a\x8aJHH\xe8\xd0\xa1\x03\xba\xbf\x81+\xe1\t\x00\\\x87\xbe\x15\\\xbbv\xed\x8a\x15+\xae\\\xb9\x12[\xc1\xf4\xe4\xafu\xeb\xd6\xf9\xf9\xf9u\xe8\xd0\x01\xad\xdf\xc0\xc5\x10\x00\xe0Rt\xd9g\xd4\xa8QK\x96,\x11E\x11{\x00\x1c\xc7\xfd\xf0\xc3\x0f#F\x8c`P\xfd\t.\xa7\xf6\x9f\x1f\xb8\x18=%\xa6\x7f\xff\xfew\xee\xdc9z\xf4\xa8\xdbO\x89q#z\xf4\xe3\x91#G\xd2\xd2\xd2P\xfd\tn\x81\x00\x00\x97\xa2[\xc1\x06\x83!&gt;&gt;~\xc6\x8c\x19Z\xadV\xcd\x01\xa0\xd3\xe9f\xcf\x9e\xdd\xb9s\xe7\x90\x90\x10l\xff\x82\xeba\x13\x18\\\x8d\xb6\x06\xba|\xf9rLL\xcc\x89\x13\'BCCU\xd8\x1a\x88\x10\xe2\xe3\xe3\x93\x9e\x9e\xde\xa8Q\xa3}\xfb\xf6\xd5\xacY\x13\xed\x1f\xc0\xf5p\xc3\x81\xab\xd1\xd6@\xd5\xaaU\xabV\xad\xda\xd2\xa5K\xd5\xd9\x1aH\x92$\x7f\x7f\xff\xa5K\x97V\xaf^\xbdV\xadZ\x18\xfd\xc1-p\xcf\x81{\x10B\xdey\xe7\x9d\x85\x0b\x17\xdal6A\x10DQt\xf7\x15\xb9N\xe1\xee\xf7\xb2e\xcbh\xeb\x7f&lt;\x88\x83[ \x00\xc0\r\xe8ng\x87\x0e\x1d\x08!s\xe7\xce-U\xaaTHHH\xe1I\x8d\xee\xbe\xba\x92B\x08\xa1C\x7fHHH\xe9\xd2\xa5g\xcd\x9ae\xb3\xd9\xbau\xeb\xc60\x0c\xa6\xff\xe0\x16\xb8\xed\xc0=\xe8\xa2\xc7\xbcy\xf3\xd6\xae]\xdb\xb2e\xcb/\xbf\xfc\xd2n\xb7\x87\x84\x84\xd0\x15!/[\x14\xa2\x7f#\x9dN\x17\x12\x12b\xb7\xdb\xbf\xfc\xf2\xcb\x96-[\xfe\xf8\xe3\x8f\x0b\x16,\xd0\xeb\xf5\xe8\xfd\x00\xee\x82M`p\x9b\xc2\x81o\xcf\x9e=\xf3\xe6\xcd\xbb~\xfdz\xa3F\x8d\x06\x0c\x18\xd0\xb8qcY\x96M&amp;\x93\xd3\xe9\xe4y\xdes\x07GB\x08\xdd\xf1\x0e\x0c\x0cdY\xf6\xec\xd9\xb3\xf3\xe6\xcd;v\xecX\x95*UF\x8c\x18\x11\x1b\x1b\xcb\x14\xf9\x10\x00\\\x0f\x01\x00\xeeD\x9bC\xd0\x11\xf0\xea\xd5\xabK\x96,\xd9\xb6m[\x85\n\x15\xfa\xf4\xe9\xd3\xa9S\xa7\xc0\xc0\xc0\x82\x82\x02\xab\xd5\xcaq\x9cg-\x92\xc8\xb2L\xab&lt;\r\x06\x83\xd5j\xdd\xb8q\xe3\xaaU\xab\xee\xdc\xb9\xd3\xacY\xb3\x97_~9""\x82a\x18\xba\xf4\xefY\x7f/\xf02\x08\x00p?Y\x96\x0b_\x83\xb2\xdb\xedk\xd6\xacY\xb9rezzz\\\\\\\x9f&gt;}\xaaU\xab\xe6p8\xf2\xf3\xf3\xe9p\xa9\xe4\xf92\x9d\xf23\x0cc0\x18\xb4Z\xed\xcd\x9b7\x97/_\xbee\xcb\x16\x1f\x1f\x9fa\xc3\x86\xf5\xea\xd5\xcb\xd7\xd7\x97a\x18Z\xf2\x8f\xa1\x1f\xdc\x0e\x01\x00JA\x08\xa1g\x06\xd0\xffx\xf2\xe4I\xba`\x12\x1d\x1d\x1d\x1f\x1f\xdf\xbcys\x1f\x1f\x9f\xbc\xbc&lt;\x87\xc3\xa1\xc0u!z\xf1&gt;&gt;&gt;\x01\x01\x01\x84\x90C\x87\x0e-^\xbc\xf8\xcc\x993\xd5\xabW\x9f8qb\xa3F\x8d\xe8\x1f\x93$I\xe1\x19\x06\xaa\x82\x00\x00e\xa1\x93\xe8\xc2\t\xf2\xed\xdb\xb7W\xacX\xb1y\xf3f\x96e\x07\x0f\x1e\xdc\xb5k\xd7\xb0\xb00\x8b\xc5b\xb1X\x98\x87\xd5D\xeeEW{\xf4z\xbd\xbf\xbf\x7fFF\xc6\x86\r\x1b\xd6\xad[\x97\x95\x95\xd5\xb7o\xdf\xfe\xfd\xfb\x97/_\x9e)\xb2\x19\x80\xa1\x1f\x14\x05\x01\x00\nE\x07\xd6\xc2\x07\x82\r\x1b6,_\xbe&lt;--\xadq\xe3\xc6#G\x8e\xa4/O\xe5\xe6\xe6\xd2\xfe\xc9n\x19XEQ\xe4y\xdeh4\n\x82p\xf1\xe2\xc5E\x8b\x16\xed\xde\xbd\xbbr\xe5\xca\xf1\xf1\xf1\xdd\xbau\xa3W\x8e\xd5\x1eP2\x04\x00(\xda#s\xe7\xabW\xaf\xce\x993\xe7\xf0\xe1\xc3e\xcb\x96\xed\xd7\xaf_\\\\\x9c^\xafw\xf1F1M&amp;\xba\xdac\xb3\xd9v\xed\xda\xb5b\xc5\x8a\xabW\xaf6o\xde|\xc8\x90!QQQ\xf4\x8fa\xb5\x07\x94\x0f\x01\x00\x9e\x81\xbe\x19@\xd7|,\x16\xcb\xbau\xeb\x16,X\xe0p8:t\xe8\xd0\xb7o_\xd7l\x14\xd3k\xa0\x1b\xbc\xe9\xe9\xe9\xcb\x97/\xdf\xb8q\xa3 \x08=z\xf4\x88\x8f\x8f\x0f\n\n*\xfc3\x18\xfa\xc1# \x00\xc0\x93\xd0\x07\x82\xc2\xa5\xff\xe3\xc7\x8f/\\\xb8\xf0\xe8\xd1\xa3\xf5\xeb\xd7/\xb9\x8db\xba\xc1\xcb\xf3|`` \xc7q\xc7\x8e\x1d[\xbe|\xf9\xf1\xe3\xc7+W\xae&lt;r\xe4HZ\xce\xcf`\xb5\x07&lt;\x10\x02\x00&lt;\xcf#\xebB%\xb7Q\\t\x83\x97\x96\xf3\xaf^\xbd\xfa\xd6\xad[\x9d:u\x1a&lt;xpa9?6x\xc1C!\x00\xc0\x83=\xe5F\xf1\xdf\x1d\xa0\x0b+\x91\x0c\x06\x83\x8f\x8f\xcf\xe5\xcb\x97W\xaf^\xbds\xe7NZ\xce\xdf\xa7O\x1f\xadV\xcb`\xca\x0f\x9e\x0f\x01\x00\x1e\xefi6\x8a\xf3\xf3\xf3m6\xdb_n\x14\xd3\xd5\x1e\x8dF\x13\x18\x18\xe8p8\x0e\x1d:\xb4b\xc5\x8a\xe4\xe4\xe4&amp;M\x9a\x0c\x1d:\xb4\xb0\x9c\x9f\xd6\xff`\xca\x0f\x9e\x0e\x01\x00\xde\xe3\xcf6\x8a\xbbv\xed:`\xc0\x80\n\x15*\xd8\xed\xf6\xfc\xfc|\xe6\x8f6i\xe9?\xeb\xeb\xeb\xeb\xeb\xeb\x9b\x91\x91\xb1i\xd3\xa6%K\x96\x10B\xbau\xeb\x16\x1f\x1f_\xae\\9\x06\xab=\xe0u\x10\x00\xe0m\x1e\xdf(\x9e5k\xd6\xa5K\x97j\xd7\xae=d\xc8\x90\xe6\xcd\x9b\xb3,[\xb8Q\xcc&lt;\xac\xd7\x0c\x0c\x0c\xe4y&gt;%%e\xd5\xaaU\xb4\x9c\x7f\xc0\x80\x01=z\xf4\xa0\xff\x12\xda\xc6\x19\xab=\xe0e\x10\x00\xe0\x9d\x1e\x99\xad\xdf\xbauk\xe5\xca\x95\xabW\xaf.]\xbat\xaf^\xbdz\xf4\xe8\x11\x12\x12b\xb1XDQ4\x1a\x8d6\x9bm\xf7\xee\xdd\x8b\x16-\xbau\xebVLLLa9?\xa6\xfc\xe0\xdd\x10\x00\xe0\xe5\x8av\x9a\x13Eq\xf3\xe6\xcd+V\xac\xb8v\xedZ\xfb\xf6\xed\xe3\xe3\xe3\x03\x03\x03\xd7\xae]\xbbi\xd3&amp;A\x10z\xf6\xec9t\xe8\xd0\xc2~m\x8c2ZM\x00\x94\x1c\x04\x00\xa8\xc2#\xebB)))\x8b\x16-:r\xe4\x88\xc3\xe1x\xfe\xf9\xe7\x87\r\x1b\xd6\xae];\xfa?\xa1\xb6\x07\xd4\x03\x01\x00*R\xd8\xae\x99&amp;A~~\xbe\xc9d\xc2\x06/\xa8\x16\x02\x00\xd4\xa8\xe8\xba\x10V{@\xb5\x10\x00\xa0^\xf4\xe6\xc7\x94\x1fT\x0b\x01\x00\x00\xa0R\xd8\xe9\x02\x00P)\x04\x00\x00\x80J!\x00\x00\x00T\n\x01\x00\x00\xa0R\x08\x00\x00\x00\x95\x12\xdc}\x01\xa0D\xf4\xad(B\x08\xcb\xb2(\x90\x07\xf0V(\x03\x85\xdf)\xfa\x86\xd4CD\x92\xf0\x8a,\x80\x17\xc2\x12\x100\xcc\xc3\x83Phcd\x9e\xe7m6\xdb\x8a\xa5\xab\xc6\x8e|\xf9\xc0O\x07\x19\x86\xa5\x87\x9f\x88\xa2H\xfb(\x00\x80w\xc0\x13\x80\xda\xd1\xa1\xbf\xf0T\xc5\xb3g~Y\xb6t\xf9\xee\xfd\xdb%\x83\xb5\\\xb5\xd0k\xa7n\x85\xe8\xcb\xc5\xf7\x198`P|`\xa9\x00\x06=s\xbc]a\xbb$|\xc5j\x80\x00P\xafG\xfa$\xef\xd8\xbas\xf9\x8a\xe5I\xbf$ViX\xaeq\xc7:\x95\x9e{F\x10x\x9b\xd5~\xfe\xe4\x95\x03?\x9ep\xa4\xb3\xadbb_\x1a2$\xbaa=\xfa\x8f\xd3\xc7\x05\x8c\x11\xde\x81\x9e\xae\x8c-\x1f\xb5A\x00\xa8\xce\x83)&lt;\xcf\xb1\x0c\xcb0\xcc\x9d\xdbw\xe6\xcf[\xb8q\xeb:\xabO^T\x9b\xea\rc\xeb\x06\x85\x04X\n\xacv\x9b\x93\x10\xc2q\xac\xdeO\xa7\xf1\x11n^\xbb{l\xc7\xcfW\x8e\xdf\xacP\xaa\xca\xc8\xe1\xa3\xe2zv\xd3\xe9u\xcc\xc3NjH\x02\x0fE\x9f\xff\x8a\x1ev\x96\x95\x9b\xbbc\xef\xde\xb5?\xfe(;\x9d\x9b\xd7\xaf\x97d\x99Ggl\xef\x85\x00P\x11:\xcb+\\\xed\xd9\xbf\xef\xc0\xc2\x85\x0b\x93R\x8f\x85\xd4\xf0\x8b\xe9\x1a]5\xb2\x12\xcf\xf3f\x93E\x14%\x8ec\x0b\x07t"\x13B\x88\x8f\xceG\xef\xa7\xb3Zl\xc9\xfb\xce$\xedH\x15\n|\xdb\xb7\xee4z\xcc\xe8JU*\xd2?\x86\x07\x02\x0f\xf2\xf8\xb8\x7f5-m\xeb\xce\x9d\'\x12\x13\xaf$%\x85\x99\xcd\xdd\xabV]\x9a\x92\x12\xfd\xf2\xcb_}\xf2\x89(\x8a\x85\xf7\x0cx\x19\x04\x80\xf7{d\xd5&gt;7\'o\xf9\xd2\x15+\x7f\\\x9ea\xbb\xfdB\xb3*\x8d\xda\xd7\t\xab\x10\xe2\xb0:\xac\x16;C\x08\xc7\xff\xf1t\x8f\x10Bd\xc2r\x9c\x9fQ\xcf\xb2l\xda\xa5\x9b\xfb\xd7\x1e\xbf{.\xa7\xdes\r\x07\xc4\x0f\xe8\xd8\xa5\x03\x1d#p\x9a\x8a\x92\xd1\x19\x00\xcfql\xe1\xb8\x7f\xe3\xc6\xd6\x1d;\xf6l\xdbv/5\xb5\x06\xcf7/W\xae\xe1\xb3\xcfV\n\x0e\x168.\xd3bi\xb2hQ\xc2\xa6M\x9d\xdb\xb7\x97$\tKC^\t\x01\xe0\xcd\x1e\xa9\xe9&lt;y\xe2\xd4\xa2\xc5\x8b\xf7\'\xee\xf1\t%-{7|&gt;\xba\xaa\x8f\xd6\xc7\x92ou:\x9cl\x91)\xff_\xfd;\tC\x88V\xaf\xd5\xfbi\xb3\xd2s\x93\xf7\xa5\x9c\xd9wIk\x0fxi\xc0\xd0\x17\xfb\xf6*[\xae,\x83\x8db\x85y\xf0\xe4\xc7\xf3\xcc\xc3\xaf\xe3\x91q\xbfC\xa5J1\x95*\x85\x1a\x8d\xa2,\x9b\x1d\x0e\xbb(J\xb2\x1c\xec\xe7w\xe0\xda\xb5\xf1g\xcf\x9e\xf9\xf9\xe7R\x81\x81\xf86\xbd\x12\x02\xc0\x0b=r\xee\x95\xd5j\xdb\xb4~\xf3\xbc\xf9\t7s\xaeUmT\xa1q\xc7\xba\x15\xaa\x84;\x1d\xa2\xd5l#2\xe18\x8e\xf9\xfb\xbfk\xfa@ hx_\x7f\xbdL\xc8\xf9\xe4+G6%\xe7\xa6\xd9\x1bD6\x9e8qbt\x83\xffm\x14\xe3\x81\xc0-\x08!\xf46(:\xee\x9fLM\xdd\xb4e\xcb\x89\xfd\xfb\xb3\xaf\\\xa9^d\xdcwHR\x81\xdd\xee\xa4_\xd6\xc3a\xde)\xcb\xe1F\xe3\x94m\xdb\xae\xd6\xa8\xb1s\xe3F\xa7(j\xb0\x10\xe4u\x10\x00^\xe5\x8fk:\x0f\xec\x10\xfd\xcc\r:F\xd6oS[\xef\xab\xb3\x9am\x0e\x9b\x83eY\x96+\x86\t\x9d,\xcb\x0c\xc3\xea\xfd\xb4&gt;:\x9f\xf4\xdb\x99G6\'_HL{\xa6TD\xef^\xbd\x07\r\x19\xe4\xeb\xa7g\x1e&gt;\x88`\n\xe9\x02\x85\xafp\x17]\xb5\xa7\xe3\xfe\x81\xed\xdb\x9d7n\xd47\x18b+W\xae\x19\x1e^t\xdc\xe7X\x96\xfb\xa3\xafF&amp;$P\xafo\xbe`\xc1\xa8\x993\'\x8c\x1a\x85\x85 \xef\x83\x00\xf0\x12\x7fY\xd3I\x081\x9b\xacD\x96\x9f~\xb5\xe7\xe9\xd1\x8db\x8d\x8f\xc6\xd7\xa0\xb3\x98mg\x8f^8\xb6-Ec\xf1o\xd58v\xe0\xa0\xf8Z\xb5k\xd1?&amp;\x8a"}\xa7\xacx\xff\xdf\xe1\xf1q\xdf\xe1t\xa6\x9c?\xbfe\xeb\xd6\xc2q\xbf}\x95*\xf5*T0\xe8\xf56\xa7\xd3\xe2t&gt;a\xdc/$\x13\xa2\xd3h\xee\x9aL\xb1\x1b6\xec&gt;r\xa4^T\x14]\xd9s\xc9\xdf\t\\\x01\x01\xe0\xd9\x9e\xae\xa6\xd3f\xb7\xda\x19\x96\xe5\x8ac\xca\xff\xc4\xaba\xe8\x00\xa17\xe8\x04\x8d\x90v\xe9\xe6\x91M\xc9\xbf\x9e\xba[\xe3\x99\xc8\xd1#Gw\xec\xd2Q\x10\x1e\x9c\xc1\x8bu\xa1b\xf1\x87\xe3\xfe\xfe\xc4\xc4\xf5\xeb\xd7\x9f&gt;tH\x9f\x93SS\xaf\xefT\xb5j\xdd\xf2\xe5\rz\xbd\xd5\xe94;\x1c\x92,\xff\xe5\xb8_\x94(\xcb!\xfe\xfe+O\x9f\x9e\x99\x99y\xe1\xcc\x19\x06%\xbf\xde\x05\x01\xe0\xa9\xfeYM\xa7k\x14V\x8e\xfa\xfa\xebL\xb9\x05\xa7\xf6\xa7\x9e\xd8vV\xef\x08\x88\xeb\xd2k\xf8\xc8\xa1\x0f6\x8a\x19"\xa3\xc5\xd0?\xf2\xc8\x1e\x0fS8\xeeo\xd8p\xfa\xe0ACffLHH\xbb\x88\x88j\xa1\xa1\xbeZ\xed?\x1b\xf7\x8b\x12e\xb9\x8c\xd18p\xf5\xea\xc0\xee\xdd\x17~\xf7\x1d\xaaB\xbd\t\x02\xc0\xc3\x14KM\xa7\xcb.\x95\xc8\x84\x17x\xbd\xbf\x8e\x10r%\xf5\xd7\xc4-\'3.\x9a\x1bD6\x1e:th\xab6-\xe9\x1f\x13E\xb1hA:\xfc\x99\xc7\xc7\xfd\xac\xdc\xdc\x83G\x8f\xee\xda\xb5\xab\xe8\xb8\xff\\\x992Z\x8d\xa6\xc0n\xb7\x8a"\x91e\xf6\x9f\x8e\xfb\xff\xfb\xffe\x18\x8ee5&lt;\x1f\xb3p\xe1\x07\x0b\x16\x0c\xee\xd7\x0f\x9b\x01^\x03\x01\xe01J\xa2\xa6\xd35d\x990\x0c\xa3\xf7\xd5\xfa\xe8}\xee\xdf\xcc8\xbe\xeb\xf4\xb9\xc3\xd7Bt\xe5\xfa\xf7\x1eP\xd8b\x08\x1b\xc5\x7f\xe6\xf1&amp;\rY\xb9\xb9\xdb\xf7\xec\xd9\xbay\xf3\xf5\xa4\xa4p\x9b\xadNPP\xdb\x88\x88\xe7\x0b\xc7}\xa7\x93\x10\xc2\xb1\xc5y\x0fH\x84\x18\xb4\xdas\xf7\xee\xf5\xde\xbf\xff\xcc/\xbf\x84\x87\x85\xd1/\xab\xb8\xfe\xfd\xe0.\x08\x00\xa5sAM\xa7k\xd0\x07\x02\x8d\x8f\xc6\xd7\xa0w\xd8\x1dE[\x0c\r\x1f&gt;\xacN\xbd(\xfa\xc7\xf0F1\xf5\xf8\xcb\xba\x99\xb9\xb9;\xe8\xb8\x9f\x9c\\\xc6lnS\xa1B\xeb*U*\x96.\xcdr\x9c\xb9d\xc6\xfd\xa2DY\x0e3\x18&gt;\xdb\xbf\x7f\x97\xd1\x98t\xf0 \x16\x82\xbc\x03\x02@\xb9\\_\xd3\xe9\n\x84\x91e\x99-\xd2b\xe8\xf8\xce\x9f/\x1cJ{\xaeb\xedA\xf1\x83\xba\xf7\xf8]\x8b!\x15\xae3\xd0\xf9\xfe\xef\x9a4\xdc\xb8\xb1u\xc7\x8e\x9fv\xee\xbc\x7f\xe9RHAA\xdb\x87\xe3&gt;a\xd9\x02\xbb\xdd.\x8aLI\x8e\xfbEI\x84\x84\x19\x0c]\x97,\xa9;z\xf4\x8c\x8f?F\x06x\x01\x04\x80\xd2\xb9\xbe\xa6\xd35\x1e\xd9(\xfe\xf9\xc0\xd9\xe4]\xbf\xf0\x05\xbe\x1d\x8a\xb4\x18\xa2G\x92\xb9\xfbJ]\xe1\x91-}\xe6\xb1\x97u\xdbW\xacX\xaf|\xf9\xf2AA,\xcb\xe6\xd3q\x9fa\\\xfc\xa0D\x18F\xe08\xbb(\xc6,[\xb6z\xef\xde\x1611\xa8\n\xf5t\x08\x00%\xa2_\x8a\xc5b\x99=k\xf6\xea\xb5\xablZ\x93\x1bj:]\xa2p\xa3\xd8\xd7_\xcf\xb0\x0cm1t\xef\\N\x9d\x1a\r\xc6Mx\xb9y\xf3\xe6\xde\x9d\x01\x8f7i\xb8x\xfd\xfa\xce\xdd\xbb\x1fo\xd2\xe0\x94$\xb3\xc3\xe1\xa0\xbdW\xdd\xf7\x89H\x84\x04\xea\xf5\xbb/]z\xe3\xc2\x85\x8b\xe7\xce\xe9\xf5z\xac\xd7y4\x04\x80\x12\xd1\x87\xebw\xdf\x9e\xfa\xdfU_N\xf8|h\x85\xaa\xe5\x04\xc1m5\x9d\xaeQ\xd8bH\xe7\xa7\xcd\xcb2\xfd\xb46\xf1\xc0\x92\xd3\x97/^\x0e\t\ra\x18\xc6\x9b\xfe\xcaOh\xd2\xb0\x7f\xfbvr\xfb\xf6\xb3,\xdb\xb1r\xe5G\x9a4\xd0E\x1e%|\nNY.\x1f\x100v\xe3\xc6\xbc\x86\r\xd7/_\x8e\x85 \x8f\x86\x00P\x1c\xfa\x8d\xd8\xed\xf6j\x11\xd5{Mm\x19\xdd:2\xe3n\x0e\xc72\xee\xad\xe9t\r\xfa@\xc0\xf1\\\x99\n!\x93{|:\xb4\xeb\xcb\xd3&gt;\x98\xea\x1dC\xcc\xd34ih_\xa5J\x9dr\xe5\x02|}\x9d\xb2\x9c\xff\xc4&amp;\r\xee%\x13b\xd4\xe9\x9a\xcd\x9f?\xf6\xab\xaf\xd0"\xc2\xa3!\x00\x14\x87\x8ew\x0b\x7fX\xf4\xd6\xa7\xafM_\xfb\xa69\xdf\xa2\x86\xa1\xbf(I\x92\xfd\x8d\xbe\xc7w\xfd|\xe8\x87_\xce_&lt;\xe7\xd1\x8b\x0c\x7f\xf8\xb2\xee\xe1\xa4\xa4\x03\x07\x0e&lt;\xde\xa4\xc1\xeatZ\x1c\x0e\xa98\x8a\xf7K\x94L\x88^\xa3\xb9c2\xc5n\xdc\x98x\xfat\x8d\x88\x08l\x06x(\x04\x80\xe2\xd0\xdfR\xe3\x861e\x9b\xfav\x1b\x1e\x9b\x9bi\xe2U\x16\x00\x94 \xf0ou\x9b\xb1j\xe1\xda\xf6\x1d\xdb\xcb\xb2\x87\xcd1\xff\xb4I\x03}Y7++\xd2hl]\xa9R\xf4\xc3q\xff_\xbe\xac\xebz\xa2,\x87\x1a\x0c\t\xc7\x8f/\xb4\xd9\xce$\'3h\x11\xe1\x99\x10\x00\xcaB_\xf99{\xe6l\xd3\xd6M&gt;\\;Q\xab\xd7H\x92\xac\xc2\xdf\x95$\xc9\xa5\x82\x8d\xabfm\xb1\x9d\xf7\xf9\xe9\xd0&gt;\x0fZdx\xa4\x80\xf5\x0f\x9b4&lt;W\xa6\x8cN\xa3\xb1x\xe0\xb8_\x94(\xcb\xe1\x01\x01\xfdW\xac\x08\xee\xd1c&gt;ZDx&amp;\x04\x80\xb2\xd0_\xd1\xd8Q\xe3\x8e\xa5\xedy}\xd6\xa8\xec\xf4\\uN\xff\t!\x82F0e\x15L\x1f8\xf7\xe4\xf1\x9f\xabV\xf3\xb0E\x86\xac\xdc\xdcm\xbbw\x1f:x051\xd1?3\xb3\xe9#M\x1a\x9cN\x99\x10\x0f\x1d\xf7\x0b\x11\x86a\x19F+\x08\r\x16,\xf8v\xfd\xfa\xee\x1d;zPN\x03\x85\x00P\x10\xfa]dff\xbd\xf0\xc2\x0b\xc3\xbe\xe8V\xa5\xe6\xb3V\xab\xdd\xa3\xc7\x88\x7fC\x92\xe4\xa0\x90\x80\xe9#\xbf\xeb\xd2\xa0\xcf\x17_~\xae\xfc\xc1\x85\x10"\x8a\xe2\xf6\x1d;V\xfe\xf8\xe3\xb5\xa4\xa42\x16K\x8b\xb2e\x1bT\xa8P3&lt;\xdc\xa7\xc4\x9a4\xb8\x97D\x88Q\xabM\xbay\xf3\xa5\xc4\xc4\x94\xd4\xd4\xf02e\xd0"\xc2\xb3 \x00\x14\x84N\xffg}5\xfb\xb3y\x1fN\xff\xf1\xcd\xbc,\x93\xda\xb6\x7f\x8b\x92e\xa2\xf7\xd3^N\xf9u\xf1[[\xaf_\xbb\xe6\xe7\xef\xc7(\xb8\x1e\x94\xbe\xaf\x90\x9d\x9d].&lt;|\xcas\xcf\xf5\xa9]\xbb|\xa9R\x0c\xcbZ\x1c\x0e\xef\x1b\xf7\x8br\xcarY\xa3q\xfaO?\xed\r\x088~\xe0\x00\x16\x82&lt;\x8bz\xc7\x17\x05\xe28N\x96\xe5\xf9\x0b\xe6\xb7z\xb1\xa1,\xcb\x8c7\x8e\x17O\x8f\xe3X\x9b\xd9^\xa3^\x04g\x14\x7f\\\xb3\x8eeY\xba\xbc\xaed2\xc3\x94\x0b\x0e\x1eT\xbf~\xb0\xd1\x98a\xb1d\x9a\xcd6\xa7\x93cY\xde{7H5\x1cw\xd7dz\xbbuk.5\xf5?\x9f\x7f.\x08\x82(\x8a\xee\xbe(xZ\x08\x00\xa5\xa0\x9d\xbfN\x1cK\xfa\xf5\xee\xe5F\xed\xeaZ\xf2\xad\xde\xf1\xae\xef\xbf!\x13"\x08\\\x93nu\xe6\xce\x9d+\x13\xcf\xd8\x03\x10%)\xdbbqJ\x12\xcf\xb2\xbc\x97\xce\xfa\x1f\xc1\xb3l\xae\xc52?.n\xf6{\xef\x9d8yR\x10\x04\xe5G5P\x1e\xf0\x8bR\x95\xaf\xbf\xfa\xa6V\xcb\xaa\xc6\xd2\x06Q\xc4O\x88\xe1y\xae \xd7\xdc\xbaW\xcc/WS\x8e\'\x9e\xf0\x88\x87\x00\x86a\xd4v\xe8%\xcb\xb26Q,\x17\x10\xf0iLL\xff\x81\x03\xcdf3\xf3pC\x0b\x14\x0e\x01\xa0\x08\xb4\xd1\xff\x9d\xdbwv\xec\xdd\xd6qPK+\xa6\xff\x0f\x89\x92l\x0c\xf2\x8fl\x191\xe7\xbb\xff\xaal\\\xf5$\x02\xc7\xa5\x17\x14\xc4\xd7\xa9\xd3\xd4n\x1f&lt;z4\xcf\xf3\x1e\x11\xd5\x80\x00P\x04\xfak\x99?oaH\x84\xa1BDY\xbb\xcd\x81\xc1\x8e\xe28\xd6f\xb1\xb5~1f\xe7\x9e\xed\xf7\xef\xa7s\x1c\x87\xa9\xa52i8\xee\xbe\xc9\xf4u\xb7n\xe7\xd6\xad[\xb0b\x056\x03&lt;\x02\x02@\x11\xe8\x8ci\xd9\xf2\xa5\xad^l,I\x92\xca\xb7\x7f\x8bbY\xd6f\xb6W\x8b\xaalx\xd6\'\xe1\xbf\t\x9e\xb2\n\xa4N2\xc3\x88\x924\xaf{\xf7\xc9\xe3\xc6]\xbezU\x10\x04z\x96\x11(\x16\x02\xc0\xfd$Ib\x18v\xcf\xae\xbd\xf7M\xb7\xa3[\xd5\xc2\xf6\xef\xa3XV\x14\xc5\xb6}\x9a,[\xbeL\xf9o\x03\xa8\x19\xcf\xb2&amp;\xbb\xbdN\xd9\xb2Sj\xd4\xe8\xd5\xb7\xaf(\x8a\xb4\xf5\xa9\xbb\xaf\x0b\xfe\x14\x02@\x11X\x96\xf9\xfc\xff&gt;o\xd2#\xca\xd7\xa0\x97$L\x9a~\x87\xe3XK\xbe\xb5^\xcbZ\xf7M\xb7\xf7\xec\xda\xcb0x\x08P.\r\xc7\xdd\xcb\xcf\x9f\x10\x13S\xfe\xd6\xad\xd7\xa7M\xc3f\x80\xc2!\x00\xdc\x8cv8\xb8r\xf9\xca\xa9_\x92[tkd\xc6\xf4\xff\x8fH\x92\xeck\xd07\xe9\x11\xf5\xf9\xff}\x8e\xe51\x85\x138.\xa3\xa0`N\\\xdc\xda\xaf\xbf\xde\xbcc\x07\xaaB\x95\x0c\x01\xe0f\xb4\xfb\xdb\x0f\t\xf3\xcb&gt;\x1f\x14^)\xd4iwb\xfb\xf7q\x1c\xc7\x9a\xf3\xad-\xba5:\xf5K\xf2\x95\xcbWy\x9e\xc7\xe2\xb2b\xb1\x0c\xe3\x94\xe5\x00\xadv^\xfb\xf6#\x07\x0f\xbe\x9f\x9eN\xdfpt\xf7u\xc1\x1f@\x00\xb8\x13\xad\xfe\xb4\xd9l\xabV\xafj\xd37\xc6iwb\xfb\xf7\x0f\xb1,\xeb\xb0;\xcbV\n-\xfb|P\xc2\xf7\t\x0c\xca\xcc\x95\x8dg\xd9l\xab\xb5uD\xc4\xc0\xb0\xb0\xf8\xe1\xc3Y\x96E\x00(\x13\x02\xc0\x9d$IbYv\xe5\xb2UV\x9f\xbc:\xcd^\xc0\xf6\xef\x13\xb0,k\xb3\xda\xbb\x0ck\xb3x\xd9\xe2\x82\xfc\x02\xd4\x83*\x9c\x86\xe3\xee\x98L\xd3bcM\x87\x0e}\xf6\xf5\xd7\xa8\nU&amp;\x04\x80;\xd1\xde\x06\t\xf3\xe65\x8b\x8b\x16|\x04\x19#\xda\x9f{\xd0\x1a\xa8n\x04\x1f(yJk \x95c\x19\xc6\xe6p\xfc\xd0\xbd\xfb\x8ci\xd3N\xa5\xa4\xa0*T\x81\x10\x00nCW\xffSSR\xcf]9\xd3\xb4s}s\x9e\x19\xd3\xff\'#\x0c\xc3\x0b\\\xeb~\r\xe7%$x\xd6\xf1\x00\xea\xc4\xb1\xac\xd9\xe1\xa8T\xba\xf4\'\xd1\xd1\xbd\xfb\xf5+\xc8\xcfGU\xa8\xd2\xe0\'\xe464\x00\xfe;gn\xe5\xe8\xb2\xc1e\x83\x9cN\t\xdb\xbfO\xc6q\xac\xd9di\xdc\xae^\xea\x95\x9fO\x1cK\xe28\x0e\x0f\x01\nG[D\x0c\x8e\x8enl\xb5\x8e\x9e4\tU\xa1J\x83\x00p\x0f\xba\xfd\x9b\x91\x91\xb9n\xe3\xda\x0e\x03Z\xd8\xcc6\x16\xd3\xff\xa7 \x8a\x92\xb1\xb4\xa1v\xeb\xea_\x7f\xf5\x8d\xbb\xaf\x05\x9e\x8a\xc0q\xf7M\xa6\x19]\xba\x1c_\xb1b\xc9\xaaU\xa8\nU\x14\x04\x80{\x14n\xffj\x82\xe5\xe7\xa2\xabZ\xcd6\xd5\x9e\xfc\xf5\xb7p\x1ck\xcd\xb7v\x1c\xd4r\xe7\xdemwn\xdf\xe19\x1eK\n\n\xc72\x8cD\x88\xc0q\x0b\xbbt\x994v\xec\xe5+WP\x15\xaa\x1c\x08\x00\xf7\xc0\xd9/\xff\x0c\xcb\xb2v\x9b\xa3BD\xd9\xd2\x11\x86\x05?,dX\x06\xd3I\xe5\xe3Y6\xcff\x8b._~RDD\xfc\xb0a,\xcb\xa2\xdeA!\x10\x00n\x80\xb3_\xfe\x15\x96\x95$\xa9m\x9f&amp;\x8b\x97,\xb6Z\xad&lt;\x8f\x87\x00\x0f@\x0f\x0e\x9b\xd0\xacY\xc0\xc5\x8b\xaf\xbd\xf3\x8e\xc0\xf3\xa8\nU\x02\x04\x80\xdb\xe0\xec\x97\x7f\x86\xe3Xs\x9e\xa5al\x9dL\xdb\xdd\xed[w0\x0c\x83\xf5\x04\x8f\xc0s\\\x9e\xd5:\xbfW\xaf5_~\xb9m\xd7.l\x06(\x01\x02\xc0\xd5p\xf6\xcb\xbf\'\x13"h\x85&amp;]\xa3\xe8)1\xa8\x9e\xf2\x08,\xc3\xd8E1@\xab\x9d\xdd\xb6\xed\xa8Q\xa32\xb3\xb2\x18\xbc\xd1\xedn\x08\x00W\xc3\xd9/\xff\x1e\xdd\nn\xde\xbd\xd1\xc9\xd4\x13\xbf\x9c=\x87MEO!p\\\x96\xc5\xd2\xaez\xf5\x1ez\xfd\xc0\xe1\xc3y\x9e\x17\xf1\x10\xe0V\x08\x00W\xc3\xd9/\xff\x1e\xcb\xb2v\xbb\xb3\\\xe5\xb0J\xd1ef\xcf\xfa\x8e\xc1*\x90\xe7\xd0p\\z~\xfeG\xed\xdb\xdf\xde\xb7\xef\xdb\x84\x04\r\x16\x82\xdc\n\x01\xe0R8\xfb\xa5\xb8\xb0\x1ck5\xdbb\xfb6\xdb\xb8e\x83\xd9l\xc6V\xb0g\xb1\x89\xe2\xe2\xb8\xb8\x0f&amp;M:\x95\x92\x82\xde\xaen\x84\x00p5\x9c\xfdR,8\x96\xb5\x99\xed5\xa2#X\xa3s\xd9\xe2\xe5\xe87\xe9A8\x96\xb58\x1c\x11\xc1\xc1\xd3\xa3\xa3\xfb\x0f\x1c(I\x12ZD\xb8\x0b\x02\xc0up\xf6K\xf1"\x0c\xc3\xf3\\\x9b\xfe\x8d\xbe\xfb\xee;\xdaW\xc3\xddW\x04O\x8b\x1e\x1a3\xb0^\xbd\x17rsGL\x9c\x88\x16\x11\xee\x82\x00p\x1d\x9c\xfdR\xbchk\xa0F\xb1u\xd3\xee_Ck \x8f\xc3s\\\x96\xd9&lt;\xa7{\xf7\x83\x0b\x17\xa2E\x84\xbb \x00\\\x04g\xbf\x94\x04\xda\x1a\xa8V\xcb\x08\xb4\x06\xf28,\xc3\x88\xb2,p\xdc\x82\xce\x9d_\x1f?\xfe\xce\xbd{\xa8\xe6r=\x04\x80\x8b\xe0\xec\x97\x92\x80\xd6@\x1e\x8dgY\x93\xcd\x16]\xa1\xc2\x98\n\x15\xe2\xfa\xf6\xc5F\x8e\xeb!\x00\\\x04g\xbf\x94\x04\xb4\x06\xf2t\xb4_\xf4[\xad[\xfb\x9f?\xff\xc6\xd4\xa988\xcc\xc5\x10\x00\xae\x80\xb3_J\x10Z\x03y8\x8ees,\x96yqq\xcbf\xce&lt;\x98\x98\x88\x83\xc3\\\t\x01\xe0\n8\xfb\xa5\xe4\xa05\x90\xa7c\x19\xc6!I\xa5|}\xbfn\xd1b@||AA\x01\xaaB]\x06\x01P\xe2\x08!\x82 def\xad\xdd\xf0c\x87\x01-q\xf6K\xb1\xfb_k\xa0\xd9s\xd0\x1a\xc8\x13\xf1,\x9bm\xb1\xc4\xd5\xac\x19\xab\xd1\x0c\x1c5\n\x8fq.\x83\x00(qtB\xbax\xe1\x1</t>
        </is>
      </c>
    </row>
    <row r="388">
      <c r="A388" s="1" t="n">
        <v>386</v>
      </c>
      <c r="B388" t="inlineStr">
        <is>
          <t>polygon_sides_number</t>
        </is>
      </c>
      <c r="C388" t="inlineStr">
        <is>
          <t>What is the missing number of the part denoted with a question mark?</t>
        </is>
      </c>
      <c r="D388" t="inlineStr">
        <is>
          <t>[9, 5, 4, 7]</t>
        </is>
      </c>
      <c r="E388" t="inlineStr">
        <is>
          <t>7</t>
        </is>
      </c>
      <c r="F388" t="inlineStr">
        <is>
          <t>There are 6 numbered polygons arranged in a triangle with number [4] in the top row, [8, '?'] in the middle row, and [9, 3, 5] in the bottom row.</t>
        </is>
      </c>
      <c r="G388" t="inlineStr">
        <is>
          <t>We observe that the polygon with 4 sides has the number 4, the polygon with 8 sides has the number 8, the polygon with 9 sides has the number 9, the polygon with 3 sides has the number 3, and the polygon with 5 sides has the number 5. Thus, the pattern is that the number inside the polygon represents the number of sides the polygon has.</t>
        </is>
      </c>
      <c r="H388" t="inlineStr">
        <is>
          <t>Based on the pattern that the number inside the polygon represents the number of sides of the polygon, the missing number of the polygon with 7 sides should be 7.</t>
        </is>
      </c>
      <c r="I388" t="inlineStr">
        <is>
          <t>b'\x89PNG\r\n\x1a\n\x00\x00\x00\rIHDR\x00\x00\x02\x00\x00\x00\x02\x00\x08\x02\x00\x00\x00{\x1aC\xad\x00\x00\x96\xe7IDATx\x9c\xec\x9dwxTU\x13\x87\xcf\xb9m7\xbb\x9b\xec\xa6\xd2\xab\xf4\x12\xe9\x81 \xbd\n\x82\xa0T\x01\x91\x8e\x08\nv?P@\xc0\x82R\x04ACGz\xef\xcd\xd0\x05\x04B\xef\xbdCH\xddd\xfb\xee-\xe7\xfb\xe3\xc0\x1aC\x11\x85l\x9d\xf7\xf1\xf1!\x9bM8\xec\xbdw~sf\xe6\xcc`B\x08\x02\x00\x00\x00\x82\x0f\xc6\xdb\x0b\x00\x00\x00\x00\xbc\x03\x08\x00\x00\x00@\x90\x02\x02\x00\x00\x00\x10\xa4\x80\x00\x00\x00\x00\x04) \x00\x00\x00\x00A\n\x08\x00\x00\x00@\x90\x02\x02\x00\x00\x00\x10\xa4\x80\x00\x00\x00\x00\x04) \x00\x00\x00\x00A\n\x08\x00\x00\x00@\x90\x02\x02\x00\x00\x00\x10\xa4\x80\x00\x00\x00\x00\x04) \x00\x00\x00\x00A\n\x08\x00\x00\x00@\x90\x02\x02\x00\x00\x00\x10\xa4\x80\x00\x00\x00\x00\x04) \x00\x00\x00\x00A\n\x08\x00\x00\x00@\x90\x02\x02\x00\x04/\x8a\xa2(\x8a\xe2\xedU\x00\x80\xd7\xe0\xbc\xbd\x00\x00\xf0\x0e\x8a\xa20\x0c\x83\x10\xa2c\xb11\xc6\xde^\x11\x00x\x1a\xd8\x01\x00\xc1\x88$I\x0c\xc3L\x9e&lt;\xb9W\xaf^\x18cB\x08\x95\x01\x00\x08*`\x07\x00\x04\x1d\x92$q\x1c7s\xe6\xcca\xc3\x86!\x84\x04AHHH\x90e\x99a\x18\xd8\x07\x00A\x05\x08\x00\x10\\\xb8\xad\x7f\xff\xfe\xfdy\x8eg9v\xc6\x8c\x19\x84\x90\x193f\x80\x06\x00\xc1\x06\x08\x00\x10D\xe4\xb4\xfe\x1c\xc7\x8b\x92(J\xa2 \xa8f\xce\x9c\x89\x10\x02\r\x00\x82\r\xc8\x01\x00\xc1BN\xeb/\x08*I\x12kV\xaf\xd3\xb9Cw\x97\xcb\xa9V\xab\xe9\xeb,\xcb*\x8a\x02\xf9\x00 H\x80\x1d\x00\x10\x14\xe4\xb2\xfe.\x97\xb3R\x85\x97g\xff\xba$_\xbe\x02\x8aBV\xac^\x14\x12\x12\x02\xfb\x00 \xd8\x00\x01\x00\x02\x9f\xc7Z\xffE\xf3\xd6\x85\xea\xc222\xd2\'\xff0\x03c\xb4|\x15h\x00\x10t\x80\x00\x00\x01\xce\x93\xac\xbf&gt;Lo\xb3\xdb\x18\x86\xb1X\xcd\x93\xc6\' \x04\x1a\x00\x04\x1d \x00@ \xf3t\xeb\xcf\xb2,BH!\x8a\xc5j\x01\r\x00\x82\x10\x10\x00 `y\x16\xeb\x8f\x10b0\x03\x1a\x00\x04\' \x00@`\xf2\x8c\xd6\x9f\x02\x1a\x00\x04\' \x00@\x00\xf2\xaf\xac?\x054\x00\x08B@\x00\x80@\xe3?X\x7f\nh\x00\x10l\x80\x00\x00\x01\xc5\x7f\xb6\xfe\x14\xd0\x00 \xa8\x00\x01\x00\x02\x87\xe7\xb4\xfe\x14\xd0\x00 x\x00\x01\x00\x02\x84\x17b\xfd)\xa0\x01@\x90\x00\x02\x00\x04\x02/\xd0\xfaS@\x03\x80`\x00\x04\x00\xf0{^\xb8\xf5\xa7\x80\x06\x00\x01\x0f\x08\x00\xe0\xdf\xe4\x91\xf5\xa7\x80\x06\x00\x81\r\x08\x00\xe0\xc7\xe4\xa9\xf5\xa7\x80\x06\x00\x01\x0c\x08\x00\xe0\xafx\xc0\xfaS@\x03\x80@\x05\x04\x00\xf0K&lt;f\xfd)\xa0\x01@@\x02\x02\x00\xf8\x1f\x1e\xb6\xfe\x14\xd0\x00 \xf0\x00\x01\x00\xfc\x0c\xafX\x7f\nh\x00\x10`\x80\x00\x00\xfe\x84\x17\xad?\x054\x00\x08$@\x00\x00\xbf\xc1\xeb\xd6\x9f\x02\x1a\x00\x04\x0c \x00\x80\x7f\xe0#\xd6\x9f\x02\x1a\x00\x04\x06 \x00\x80\x1f\xe0S\xd6\x9f\x02\x1a\x00\x04\x00 \x00\x80\xaf\xe3\x83\xd6\x9f\x02\x1a\x00\xf8; \x00\x80O\xe3\xb3\xd6\x9f\x02\x1a\x00\xf85 \x00\x80\xef\xe2\xe3\xd6\x9f\x02\x1a\x00\xf8/ \x00\x80\x8f\xe2\x17\xd6\x9f\x02\x1a\x00\xf8) \x00\x80/\xe2G\xd6\x9f\x02\x1a\x00\xf8# \x00\x80\xcf\xe1w\xd6\x9f\x02\x1a\x00\xf8\x1d \x00\x80o\xe1\xa7\xd6\x9f\x02\x1a\x00\xf8\x17 \x00\x80\x0f\xe1\xd7\xd6\x9f\x02\x1a\x00\xf8\x11 \x00\x80\xaf\x10\x00\xd6\x9f\x02\x1a\x00\xf8\x0b \x00\x80O\x100\xd6\x9f\x02\x1a\x00\xf8\x05 \x00\x80\xf7\t0\xebO\x01\r\x00|\x1f\x10\x00\xc0\xcb\x04\xa4\xf5\xa7\x80\x06\x00&gt;\x0e\x08\x00\xe0M\x02\xd8\xfaS@\x03\x00_\x06\x04\x00\xf0\x1a&gt;e\xfd\x15E!\x84 j\x8a\tz\x81v\x194\x00\xf0Y@\x00\x00\xef\xe0k\xd6_\xa3\xd1p,\x8f\x10A\x08!\x84\x1dN\xbb(\x8a\xa0\x01@`\x03\x02\x00x\x01_\xb3\xfe!!!\xa7\xcf\x9e\xcc\xc8H\xa3V\x98\x10T\xbaT\xd9\x98\xe8\xfc\x92\x04\x1a\x00\x042 \x00\x80\xa7\xf15\xeb\xaf\xd1h.^&gt;\xdf\xa9\xdb\xab6\x9b\xcd\xfd\xfa\x84\xef\xa6\xbf\xd5\xa5\x97\xd1\x98\xf9\x02\xd7\x03\x1a\x00\xf8\x1a \x00\x80G\xf1)\xeb\x8f\x10a\x18F\x96\xe5\xcf\x86\x0f\xb1\xd9l\x1c\xc7+\x8a\xcc\xb2\xac,\xcb\x1c\xc7\x13B^\xf8\xdf\x07\x1a\x00\xf8\x14\x8c\xb7\x17\x00\x04\x11&gt;f\xfd\x91$\xc9\x06C\xf8\xa4)\xdf\x1e?q\x84e9I\x12\x95\x87\xe4\x85\xf5\xa7\xe4\xd4\x80Nov\xb3\xdb\xedT\x03\xfa\xf7\xef\xcf\xb2l\x9e\xfe\xd5\x00\x90\x0b\xd8\x01\x00\x1e\xc2\xd7\xac\xbf,\xcbz\xbd~\xef\x1f;\xa6\xcf\x98\xc4\xb2,!\x8a\xc7\xfej\xd8\x07\x00&gt;\x02\x08\x00\xe0\t|\xcd\xfa\x13Bx\x9e7\x99L\x9f\x8dx\x9f\x1a\\E\xf1\x9c\x00 \xd0\x00\xc07\x80\x10\x10\x90\xe7\xf8\x9a\xf5G\x08\xc9\x8a\x1c\xaa\x0b\x1b\xfb\xed\xf0k\xd7\xaf\xb0,\xa7(J\xc3\xfaMy\x9e\xf7\xe4\x1a \x16\x04x\x1d\x10\x00 o\xf1E\xeb/K\xe1\x86\xc8u\x1bW,^&gt;\x8f\xe7yE\x91K\x97*\xd7\xa5S\xcf\x17X\xf8\xff\x8c\x80\x06\x00\xde\x05B@@\x1e\xe2\x83\xd6_!\x8aJ\x15r\xf7\xee\xad/G\x7f\xf2\xb0\xea\x9f\xbc?\xe8\x93\x10U\x08B\x88a&lt;\xed\x12A,\x08\xf0"\xb0\x03\x00\xf2\n\x1f\xb4\xfe\x08!D\x88Z\xad\x1e1\xea\xa3\xd4\xb4\xfb\x1c\xc7\x8b\xa2X\xe5\xe5\x1aou\xeeq/\xf9\x8ew\xd6\x03\xfb\x00\xc0{\xc0\x0e\x00\xc8\x13|\xd3\xfaK\x92\x14\x19\x195g\xfe/\xdb\xb6o\xe48^\x96eM\x88\xf6\x9b\xd1\x93\x18\x96\xb5\xda\xac^Y\x12\x05\xf6\x01\x80W\x00\x01\x00^&lt;\xbei\xfd\x15E\xd1ju\xe7\xce\x9f\xfef\xfcW4\xd4\xa3(\xf2g\x1f}\xf5rl5\x9b\xd5!I"B\x08!\xfc\xb0\x1d\x90\xa7\x01\r\x00&lt;\x0f\x84\x80\x80\x17\x8coZ\x7f\x84\x10\xc6\x18!\xf2\xf9\x88\xf7-\x163\xcb\xb2\x92$6n\xd8\xa2\xcf;\xefe\x1a38\x8e\xa3\x02\xe0]\xfb\n\xb1 \xc0\xc3\x80\x00\x00/\x12\x9f\xb5\xfe\x92$\x85\x1b"\xa6N\xff\xe1\xf0\x91?y\x9e\x97$)*2\xfa\x9b\xaf\'\xb9D\x175\xfa2=\x07\xe0m\x0f\x1b4\x00\xf0$\x10\x02\x02^\x18\x7f\xb7\xfe\x82\xefX\x7fY\x96\xc3\xc2\xf4\x07\x0e\xee\x9d2\xfd\x07\x96e\t!\x84\x90\xd1_\x8e/V\xa4\x841+\x03{\xbc\xf2\xe7\xe9@,\x08\xf0\x18 \x00\xc0\x8bAQ\x14\xb7\xf5\xe7y\xde\xe5rU\xaa\x10\xbbx\xfe\xba\xb0P/[\x7fB\x08\xc7q6\xab\xe5\xb3\x11CDQ\xe4y^\x14\xc5\x8eov{\xa3]W\xa31\x9de9I\x96\xbc\xb5\xb6\'\xf1\xa8\x06\x08\x82\xe0\xd6\x00\x84\x10!\x044\x00x~|\xcb\xf7\x01\xfc\x14\xdaGa\xd2\xa4I\xd4\xfa\xcb\xb2\\\'\xae\xde\xa2y\xebBua^\x9f\xecH\xdd\xffo\xc6\x7fu\xe9\xf2\x05\x9e\x17DQ,^\xac\xe4\xc8\xff}g\xb1\x98\x18\xc6wGN2\x98!D\xb1X-?~\xf7\xcb;=\x06H\x92D5\xe0\xed\xb7\xdf\xb6Z\xadt\x13\xe3\xed5\x02~\x0f\x08\x00\xf0b \x84\x9c&lt;y\x12!DC\xd5E\x8b\x14\xcf\x9f\xaf\xa0\xdda\xf7\xfc\xd1\xaa\x9c\xc8\xb2\x14\x1e\x1e\xb1y\xeb\xba\xf9\x8bf\xd2\x96\x0f\x0c\xc3|;\xe6\'\x83!\\\x14]&gt;\xeeDc\xcc\x88\xa2K\x13\xa2)W\xb6"z\x90\xc4F\xc7\x8f\x1fw:\x9d&gt;\xber\xc0_\x00\x01\x00^\x00\x18c\x8c\xf1\xbcy\xf3\xfa\xf7\xef\xefp8T*\xd5\xb2\x95\x0b\xde\x1b\xdaK\x1ff\xc0\x18+\x1el\xb4\x99\x13B\x14\x95J\x9d\x92\x92&lt;|\xe4\x87\x18c\x86\xc1\xb2,\r\xec7\xb4q\x83\xe6\xd9\xd9Y,\xeb\xeb\xf1OI\x92\xf2\xc5\x14\xf8e\xe6\xe4\xcfG\xbc\xcfq\x9c\xd3\xe9\xacY\xb3\xe6\xbe}\xfb"""\xd0C=\x00\x80\xe7\xc1\xd7\x9f\x01\xc0/\xa0\xc6HQ\x94\x84\x84\x04B\xc8\xcc\x993\xd5j\xf5\xca5\x8b\x19\x06O\x1a\x9f`\xb1Z\x14\xa20\xd8\xd3\xde\x86\xa2\x90\x90\x10\xcd\x07\x1f\xf5K\xbe\x7f\x97\x86\xfe_\x8e\xad\xfe\xd1\x07\xc3\xb3\xb2\x8d\xde\x8dJ=\x0b\x92$\xc5D\xe7K\x98=\xe5\xcb\xd1\x1f\x0b\x82\xe0r\xb9j\xd6\xac\xb9m\xdb6\xbd^O\xf71\xde^ \x10\x08\xc0m\x04\xbc\x18\xe8&amp;@\x96\xe5\x193f\xf4\xeb\xd7\xcf\xe1p\x84\x84\x84,_\xb5h\xd8\xa7\x03tZ\x1d\xcdjzr=\x92$E\x84G.Z:w\xe3\x965\x1c\xc7\xcb\xb2\x12\x12\xa2\x19?n\n\xc7q\x8a\xa2\xf8\xb8\xfb\xec\xb6\xfe#F}\xa4R\xa9\xdc\xd6?&lt;&lt;\x1c\xac?\xf0\x02\x81;\txa`\x8c\xe9\x84E\xaa\x01\xb4\x86\xdd+\x1a\xa0(\x8aV\xa3\xbdt\xe5\xc2\x98o\xff\xe7&gt;\xf4\xfb\xe9\x87_U\x89\xada\xb1\x98|\xdc\x80\xe6\xb2\xfe4\xf2\x03\xd6\x1f\xc8\x0b \x04\x04\xbcHrj\x00Bh\xe6\xcc\x99T\x03\x10B\x9e\x8c\x05a\x8c1\xc3|&gt;\xe2}\x93)\x9b\xe7\x05Qt\xd5\xaf\xd7\xa4w\xcfw\xd33R\x19\x86\xcd5\xfbEQ\x14E\x91s\x15\xd5\x10\xa2(\x8a\xec\xde+\xd0\xfdM^/\x1b\x81\xf5\x07&lt;\x0b\x08\x00\xf0\x82\xf1\xba\x06\xc8\xb2\x1c\x1e\x1e\xf1\xd3\xcf\xdf\x1f8\xb8\x97\xe7yI\x12\x8b\x14.\xf6\xf3\xc49j\x95\x1a!\xc42L\xae\xf2II\x96BCC\x04A\x95\xf3E\xb5:$4T\'I2\xcd\x16\xb8\\.\x0fT\r\x81\xf5\x07&lt;\x0c\x86jb / \x84(\x8a\xc2\xb2l\xff\xfe\xfd\xa9\x06\xd8\xed\xf6Nov\xcbk\r DQ\xabC._\xb9\xf8\xda\x1b\rDQD\x08)\x8aR\xb8P\xd1re+\xda\xed6\x96a\x1f\xbd\xdd\t!\x82\xc0_\xbb~\xe5\xc6\xcdk\xee\t\x01\xe5\xcbV\xcc\x9f\xbf\x90(\x8a,\xcb\x8a\xa2\xabg\xf7~\xad[\xb63\xe7\xe5\xd1\x01\xb0\xfe\x80\xe7\x81\x1d\x00\x90\'xk\x1f@\x08\xe1y\xe1\xfe\xfd\xbbN\xa7\x13c\x86\x8ez\xbfs\xf7\xd6\x9d\xbb\xb7\x9e\xf1\xc7\xe9\x1f\xce_&lt;{\xfe\xe2Y\xf7\xeb\r\xeb7\xe3y!\xef\xbc%\xb0\xfe\x80W\x00\x01\x00\xf2\n\xefj\x00\xc7\xf1\x18c*\x00\x18c\x06\xe7\x8e\xfc\xfc}\xa9H\x92d9GO\x08\x8e\xe3Y\x96!\x04\xb1,+\xcb\xb2Z\xad\x06\xeb\x0f\x04\x1e \x00@\x1e\xe2\x15\r\xc0\x18\xbb\\\xae\x87\xfd\xfd\xff#\x92$J9Z\x04\xd9l\xb6&lt;J\x00\x80\xf5\x07\xbc\x08\x08\x00\x90\xb7xX\x030f\\.g\xd1"\xc5\x87\xbc\xfb1\xc2\x18=\x83\xdb\xae\x10E\x13\xa2\xddw`\xf7\x9f\x87\xfexX3\xaa\xb4l\xde\xa6b\x85X\x87\xc3\xc1\xb2,Q\x94\x1a\xd5\xe3\x1cy\xd0\xd6\x02\xac?\xe0] \t\x0cx\x02O\xe6\x84\t!&lt;\xcf\xebt\xa1\xcf\xf8~I\x96b"5#\xc7\x8e\xf9f\xfcW\x1c\xc7\x11BdY\x9e9mq\xf7n]\x8dF;\xad\x02\xb2\xdbm\x0e\x87\xe3\xc5n\x02\xc0\xfa\x03^\x07v\x00\x80\'\xf0\xe4&gt;\x00c,\x8abzz\xda3\xbe_\x92%\xa4D\xe7\x9a\tl\xb6d\xa7\xa5\x99\xb3\xb2\x1e4\x8d`X\xe6\xc5\x86\xaa\xc0\xfa\x03\xbe\x00\x08\x00\xe0!&lt;\xac\x01\x1c\xf7\xcc\xf76F\x1c\xc7\xe5\xb2\xb9\x0c\xc3r\x1c\xc7q\\^t\r\x02\xeb\x0f\xf8\x08 \x00\x80\xe7\xf0\xfa\x191_\x00\xac?\xe0;\x80\x00\x00\x1e%\xc85\x00\xac?\xe0S\x80\x00\x00\x9e\xc675\x80a\x18\x1a\xf3\xa1\xd3\x16\xf3\xa2\xe8\x13\xac?\xe0k\x80\x00\x00^\xc0\xd74\x00cl\xb3\xd9$I\x92\x1e\x16\xff\xbb\\/x\xea\x16X\x7f\xc0\x07\x01\x01\x00\xbc\x83\xefh\x00\xc30v\x87\xfd\x95\xf8\x86\x1c\xcb2\x0cC\x10"\x8aR\xa1|e\xa7\xd3\xf1\xa2\xec2X\x7f\xc07\x81s\x00\x807\xf1V\xcf\xb8G\x97\x11\x12\x12\xa2V\x87 \x82\x10F\x08!\xab\xd5\xfa\xa26\x01`\xfd\x01\x9f\x05\x04\x00\xf02&gt;\xa2\x01\x8a\xa2\xe4\x9c\x13\xc0\xb2,X\x7f \xe0\x81\x10\x10\xe0e|$\x16\xc40\x0ctz\x00\x82\r\x10\x00\xc0\xfb\xf8\x88\x06\xbcX\xc0\xfa\x03\xbe\x0f\x08\x00\xe0\x13\x04\x98\x06\x80\xf5\x07\xfc\x02\x10\x00\xc0W\x08\x18\r\x00\xeb\x0f\xf8\x0b \x00\x80\x0f\x11\x00\x1a\x00\xd6\x1f\xf0#@\x00\x00\xdf\xc2\xaf5\x00\xac?\xe0_\x80\x00\x00&gt;\x87\x9fj\x00X\x7f\xc0\xef\x00\x01\x00|\x11\xbf\xd3\x00\xb0\xfe\x80?\x02\x02\x00\xf8(~\xa4\x01`\xfd\x01?\x05\x04\x00\xf0]\xfcB\x03\xc0\xfa\x03\xfe\x0b\x08\x00\xe0\xd3\xf8\xb8\x06\x80\xf5\x07\xfc\x1a\x10\x00\xc0\xd7\xf1Y\r\x00\xeb\x0f\xf8; \x00\x80\x1f\xe0\x83\x1a\x00\xd6\x1f\x08\x00@\x00\x00\xff\xc0\xa74\x00\xac?\x10\x18\x80\x00\x00~\x83\x8fh\x00X\x7f `\x00\x01\x00\xfc\t\xafk\x00X\x7f \x90\x00\x01\x00\xfc\x0c/j\x00X\x7f \xc0\x00\x01\x00\xfc\x0f\xafh\x00X\x7f \xf0\x00\x01\x00\xfc\x12\x0fk\x00X\x7f  \x01\x01\x00\xfc\x15\x8fi\x00X\x7f P\x01\x01\x00\xfc\x18\x0fh\x00X\x7f \x80\x01\x01\x00\xfc\x9b&lt;\xd5\x00\xb0\xfe@`\x03\x02\x00\xf8=y\xa4\x01`\xfd\x81\x80\x07\x04\x00\x08\x04^\xb8\x06\x80\xf5\x07\x82\x01\x10\x00 @x\x81\x1a\x00\xd6\x1f\x08\x12@\x00\x80\xc0\xe1\x85h\x00X\x7f x\x00\x01\x00\x02\x8a\xe7\xd4\x00\xb0\xfe@P\x01\x02\x00\x04\x1a\xffY\x03\xc0\xfa\x03\xc1\x06\x08\x00\x10\x80\xfc\x07\r\x00\xeb\x0f\x04! \x00@`\xf2\xaf4\x00\xac?\x10\x9c\x80\x00\x00\x01\xcb?j\x00!\n\xc6\x0cX\x7f h\x01\x01\x00\x02\x99\x7f\xd0\x00\x8bE\x14]\xf9b\n\x80\xf5\x07\x82\x13\x10\x00 \xc0y\x8a\x06L\xf8\xee\x97\x90\x90\xa8_g\xfe4b4X\x7f \x18\x01\x01\x00\x02\x9f\'i@H\x88\xa6B\xf9\xca#F\x7f$\x08\x02X\x7f \x08\xc1\x84\x10o\xaf\x01\x00&lt;\x01!DQ\x14\x96e\xfb\xf7\xef?s\xe6LAP\xb9\\N\x84\x10\xcf\xf3\xa2(\x82\xf5\x07\x82\x10\xd8\x01\x00\xc1\xc2\xa3\xfb\x00A\x10\x10B.\x97\x0b\xac?\x10\x9c\x80\x00\x00A\xc4\xa3\x1a\x80\x10\x02\xeb\x0f\x04-\x10\x02\x02\x82\x0ew,\xa8G\x8f\x1e\'O\x9e\xdc\xbbw\xaf\xc1`\x00\xeb\x0f\x04! \x00@0Bo{B\x88\xcdf\xd3\xe9t`\xfd\x81\xe0\x04\x04\x00\x08v\x08!\x18co\xaf\x02\x00\xbc\x00\xe4\x00\x80\xe0\x85z?`\xfd\x81\xa0\x05v\x00\x00\x00\x00A\n\xc4=\x01\x00\x00\x82\x14\x10\x00\x00\x00\x80 \x05\x04\x00\x00\x00 H\x01\x01\x00\x00\x00\x08R@\x00\x00\x00\x00\x82\x14(\x03\x05\x1e\x03=+K\x0b\xe4Y\x96\xf5\xf6r\x00\x00\xc8\x13\xa0\x0c\x14\xf8\x1b\xd4\xee\xe74\xfaT\x0c\x18\x86\x81zy\x9fBQ\x14\x8c1\\\x14\xe0y\x80\x10\x10\x80\x10B\x84\x10Y\x96eYf\x18\x86eY\x97\xcb\xb5f\xcd\x9a\x8f&gt;\xfa\xe8\xe0\xc1\x83t\x13\x801\x96$IQ\x14o\xaf\x14@\x08!\xb7$\xcb\xb2,I\x92,\xcb\xe0\xc9\x01\xff\x01\xd8\x01\x04;\xd4\xf4s\xdc\x83`\xe0\x85\x0b\x17\x96-[\xb6l\xd9\xb2\xf3\xe7\xcf\xd3W\xe2\xe3\xe3\xfb\xf6\xed\xdb\xa1C\x87\xd0\xd0P\x04\x1b\x02o\xe3n\\q\xe7\xce\x9d\x02\x05\n\xe4\xdc\xab)\x8a\xe2\xde\x16\xc0\xe6\x00x\x16@\x00\x82\x97\x9c\xd1\x1eY\x96w\xee\xdc\xb9p\xe1\xc2\xe5\xcb\x97;\x1c\x8eG\xdf\\\xa4H\x91\xce\x9d;\xf7\xe8\xd1#66\x96\xbeB\xb7\x0b`e&lt;\x89,\xcb\xf4z\r\x1b6l\xc6\x8c\x19%J\x94(S\xa6L\xfd\xfa\xf5\xabV\xadZ\xb9r\xe5\x88\x88\x88\\o\xa6j\x01\x97\tx\x12 \x00AG.\x17&gt;%%e\xc1\x82\x05\x0b\x16,&lt;u\xea\xa4\xfb=*\x95\xaaA\xbd\xa65\xab\xd7\xde\xb2m\xfd\xb1\x13I\xee\xd7y\x8eo\xd8\xa8\xe1\xe0\xc1\x83[\xb4h\xa1R\xa9\x10B\xb2,#\x84\xc0\xc4x\x00I\x928\x8e\xcb\xcc\xcc|\xeb\xad\xb7\xb6m\xdb\x86\xf1\xdf\x1e\xde\xc8\xc8\xc8*U\xaa\xd4\xa9S\xa7Z\xb5j5j\xd4(X\xb0\xe0\x936\x07\xd0\xf7\x14p\x03\x02\x10DP+\xe0\x8e\xf6\x1c8p`\xde\xbcy\x1b6l\xb8\x7f\xff\xbe\xfb=\x05\n\x14\xea\xf4F\xb7\xb6\xad;\x94-[\x81c9\xa7\xd3\xb1w\xff\xce\xd5k\x97m\xdf\xb5\xc5l6\xb9\xdfV\xae\\\xb9.]\xba\xf4\xe9\xd3\xa7p\xe1\xc2\xf4\x15\xd8\x10\xe4\x1d\xee0]RRR\xb7n\xdd._\xbeL\xc7X\x86\x86\x86\xe5\xbc(nBu\xa1E\x8a\x16\x89\x8b\x8b\x8b\x8d\x8d\x8d\x8f\x8f\xafT\xa9\x92F\xa3\xc9\xf5\xdb\xd0C\xd9\x86K\x16\xcc\x80\x00\x04&gt;\xb9\\~\xb3\xd9\xbcr\xe5\xcaY\xb3f\x1d8p\xc0\xfd\x1e\x9e\xe7k\xd7z\xa5}\xdb\xceM\x1a\xb5\x8c\x89\xc9\xe7t:m6+A\x84e\x18\x9d.\x8c\xc1\xcc\xb5\x1bW6o]\xbbr\xcd\x92K\x97\xcf\xbb\x7fJ\xaf\xd7\xbf\xfe\xfa\xeb\xdd\xbbwo\xdc\xb8\xb1;\x94\x04&gt;\xe6\x8b\xc5\xed\xb9\xcf\x993g\xe8\xd0\xa1f\xb3\x99e\x19YV&gt;x\xef\xd3\x1e\xdd\xfa\x9e9s\xf2\xd4\x99\xe3g\xcf\x9f:s\xf6\xe4\xbd\xe4\xdb\x8f}\x9a\x8b\x16-Z\xae\\\xb9\xf8\xf8\xf8\xf8\xf8\xf8r\xe5\xca\x15)R$\xe7w!R\x14\xcc\x80\x00\x042\xb9j:O\x9d:\xb5`\xc1\x82e\xcb\x96\xdd\xbe}\xdb\xfd\x9e\xe8\xe8\x98\xa6\x8d^\xed\xf1V\x9f\x8a\x15^\x16\x04\xc1b1\x8b\xa2\x0bc\xc6m\xc4eEF\x04\xa9\xd5j\xad6433}\xef\xbe\x9d+\xd7,\xde\xbbo\x87\xd3\xe9t\xff\x92\xd8\xd8\xd8\xc1\x83\x07\xb7m\xdb6_\xbe|\x08\x12\xc5/\x0e\x1a\xf4\x97$\xe9\x93O&gt;\x99&lt;y2\xcb\xb2\xb2,\x87\x86\x86}\xfb\xf5\xe4N\x1d\xba\x9bM&amp;\x95Z\xcd\xf3\xbc$I\x19\x19iW\xaf_\xber\xe5\xe2\xe1#\x7f^\xbez\xe1\xf2\x95\x8bV\xab\xe5\xd1_\xa8\xd3\xe9*T\xa8\x10\x1f\x1f\x1f\x1b\x1b[\xbbv\xedb\xc5\x8a\xe5\xdc\x1c@\x1a9\xd8\x00\x01\x08@\xa8\xfdE\x08Q\xd3\xeft:\xb7m\xdb\xf6\xf3\xcf?\xef\xde\xb5[\x94D\xf7\xdb\xaaW\xad\xf5f\xbb\xae\xcd\x9a\xb4*R\xb8\x98\xd3\xe9\xb0\xd9m\x84(\x0c\xc3&gt;\xf6\xb1\xa7q\x03\x9e\xe7\xb5Z\x1d\xc6\xf8\xe4\xa9\xa3\xab\xd7.\xdb\xb4u\xcd\xbd\xe4\xbb\xee\xf7\xe4\xcf\x9f\xbfM\x9b6\x83\x07\x0f\xce\x99(\x86\r\xc1\x7f\x86Z\xff\xe4\xe4\xe4\x8e\x1d;\xee\xdf\xbf_\x10\x04\x97\xcbU\xbel\xc5\t\xdf\xffZ\xa3Z\\jZ\n\xc7q\xf4\xc4\x1e\xc6\x98\xe7y\x95J\xcd\xf3&lt;"\xc8\xe1\xb0\xdf\xbas\xf3\xda\xf5\xcb\xc7O$%\x1d\xfd\xf3\xf2\x95\x8b\xe9\x19i\x8f\xfe~A\x10\n\x14(P\xadZ5H#\x07- \x00\x01\xc5?\xd6t"\x84BC\xc3\x9a6z\xf5\x8dv\x9d\xeb\xd7m,\x08*\x9b\xdd\xeat:r\xba\xfcO\xff\xfdTZ\xb4\x1a\xadJ\xadNI\xb9\xbfc\xd7\xd6\xd5\xeb\x96\xee;\xb0\xdb\xfd\x1e\x9e\xe7\x1b5j\xd4\xbd{\xf7N\x9d:\xd1D1\xdd\x88\x80\x11yv\xdcS\x8b\xf7\xef\xdf\xdf\xb1c\xc7\xe4\xe4dj\xfd_m\xd1\xf6\xbb1S"#\xa3\xb2\xb2\x8c&lt;\xcf\xe7\xfa\x11\nB\x88a\x18\x95\xa0\x12T*\x8e\xe5\x1cNGFF\xda\x8d\x9bW\x8f\x9f&lt;z\xf1\xd2\xd9\x13\xa7\x8e\xdd\xb8y\xd5\xe5r=\xfa\x97FEEU\xacX\xb1j\xd5\xaa\xf5\xeb\xd7/W\xae\\\x992e \x8d\x1c\xf0\x80\x00\x04\x08\xcfR\xd3Y\xa6t\xf9\x0e\xed\xbb\xb6j\xd9\xaed\xf1R\nQ\xcc\x16\x13Q\xfe\xa3]V\x14E!\x8a\xc0\x0b:]\x98\xd3\xe98r\xf4\xe0\xaa\xb5K\xb6\xef\xdc\x92\x96\x9e\xea~O\xf9\xf2\xe5;w\xee\xdc\xb9s\xe7r\xe5\xca\xd1W$I\xa2g\xca\x9e\xfb\x9f\x1b\xc8\xb8\xedlBB\xc2\xe0\xc1\x83%Ib\x18FQ\x94\xe1\x9f\x8dy\xb7\xff0\x87\xc3\xe1t98\xf6\x1f\x9a\xb8\xb8\x9by0\x0c\xc3\xf3\xbc \xa8\x04A \x84\x98L\xd97n\\\xbdv\xe3\xea\xa1\xa4\xfd\xe7/\x9c\xbet\xe5\x82\xd1\x98\xf9\xe8\x8f\x0b\x82P\xaaT)w\x1a\xb9l\xd9\xb2z\xbd\xfe\xd1_\x0e\x9b\x03\x7f\x07\x04\xc0\xbfy\x96\x9aN\xb5J]\xef\x95F\x1d\xdaw\xab\xffJ\xe3\x88\x88(\xab\xd5\xecp8\x10F,\xf3\xbcM~\x08!\x8a"c\x86\xd1it\xbc \xdc\xbcy}\xdd\xc6\x15k\xd6/?\x7f\xe1\x8c\xfb=!!!\xcd\x9b7\x7f\xef\xbd\xf7 Q\xfc,\xb8\x83\xfe\x83\x07\x0fNHH\xa0\xd5&gt;\xfa0\xfd\x94\t\xb3[4{\xcd\x98\x95\x89\x10\xfa\xb7\x1f\xdd\xc3\xbd\x81\x82\x10fYV\xa5R\x0b\x82\xc0`\xc6%\xba\x92\xef\xdf\xbdz\xed\xd2\xb9\xf3g\x92\x8e\xfey\xf6\xdc\xa9\xd4\xb4\x14\x97\xcb\xf9\xe8o\x88\x8e\x8e\xae\\\xb9r\xfd\xfa\xf5!\x8d\x1c`\x80\x00\xf8+\xff\xa6\xa6\xf3\xcdre+!\x8c\xacV\x8b(\x8ay\xe1\x83+\x8aB\x88\xa2R\xa9\xb5Z\x9d\xd9d:\x98\xb4o\xcd\xbae\x9b\xb7\xad\xcb\xb9\xff\x88\x8d\x8d\xed\xd1\xa3G\x8f\x1e= Q\xfc$h\xa5\xff\xe5\xcb\x97{\xf5\xea\xb5\x7f\xff~\x95J\xe5t:+W\xaa2u\xe2\xec\xb2\xa5\xcbg\x1a3\xdd\x97\xfby\xa0\xce;B\x04cF\x10\x04\x95J\xcdq\x9c,\xc9\x99\xc6\x8c\xe4\xfbwN\x9c&lt;z\xe1\xd2\xb9c\xc7\x0f_\xber\xc1j\xb3&gt;\xfa\xe3:\x9d\xaeb\xc5\x8a\x15*T\xa8W\xaf^\xc5\x8a\x15\x1f\xad1E0f\xd9\x7f\x00\x01\xf03\xfesM\'\xca\xfb\xe3Z\x84\x10Y\x919\x96\xd3ju\x0c\xc3\x9c;\x7fz\xe3\x965\x1b7\xad\xber\xed\x92\xfb=4Q\xfc\xce;\xef\xc4\xc7\xc7\xd3Wh\x88#\xc87\x04\xd4Eg\x18f\xdb\xb6mo\xbd\xf5Vff&amp;\xf5\xfd;\xb4\xef:f\xe4\x8fZ\x8d\xcel1q\x1c\xff\xcf\xbf\xe8\xbf\xfc\xbd\n!\x04a\xccs&lt;\xcf\x0b*A\x85\x19l\xb7\xd9n\xdd\xb9q\xed\xfa\x95c\xc7\x0f\x9f8u\xf4\xda\xf5+w\xef\xdd~\xeco(Z\xb4h\xf5\xea\xd5\xabU\xabV\xa7N\x9d\x97_~9**\n\xe5\xe8W\x01\xf88 \x00~\xc3\x0b\xa9\xe9\xf4\x0c\xb4rT\xa3\xd1\xa8\xd5!Fc\xe6\x96m\xeb\xd7\xac_v\xf0\xf0&gt;Q\xfc\xab\x06)W\x8b\xa1`&gt;Q\xecn\xf00y\xf2\xe4a\xc3\x86\xd1#\xbe,\xcb~\xfe\xf1\xe8\x81\xfd&gt;p:\x1d.\x97\xcb\x03M\xb9s\xa4\x91\t\xc3\xb04\x8d\xcc\xb2\xac$J\xc6\xac\x8c\xcbW.\x9c8u\xf4\xc2\xc5\xb3\'N\x1e\xbdw\xff\x8e\xc5\xf2\x98\x1a\xd3\xf0\xf0\xf0R\xa5JM\x9a4)&gt;&gt;\x9e&amp;\xb1\xf3z\xcd\xc0s\x02\x02\xe0\xeb\xe4EM\xa7g\xa0q!\x8e\xe3CC\xc3\\.\xd7\xd9s\'\x17,\x9e\xbd}\xd7\x96\xb4\xb4\xbf\x12\xc5\xb4\xc5P\xcf\x9e=+U\xaaD_\t\xb6\x13\xc54\xecc6\x9b\x87\x0e\x1d:g\xce\x1c\x81\x17\\\xa2+**f\xfa\xe4y\r\xeb7\xcd\xc8LG\xff&gt;\xe8\xffBxx\xe3\x11\x8c\x19\x8e\xe3h\xe6\x80\x10\x92\x9d\x9d\x95\x96\x9ez\xea\xf4\xb1\xb3\xe7O\x9d8y\xf4\xfc\x85343\xe1\xa6A\x83\x06\xbbw\xef\xa6\xfbT\xcf/\x1b\xf8W\x80\x00\xf8.y]\xd3\xe91dY\xc2\x98\xd1\x84hT*\xf5\xed;7\x13wl^\xb5v\xc9\xd1\xe3\x87\xddoP\xab\xd5-Z\xb4\xe8\xdd\xbbw\xcb\x96-\x05A@\x0f7\x04\x01\xefB\xba\x83\xfe\xdd\xbbw?|\xf80\r\xfaW\xabR\xf3\x97\xa9\xbf\x15*X$;;\xeb\x85\x04\xfd\x9f\x9f\\id\x9e\x17\xd4*5\xcb\xb1N\xa73\xf9\xfe\xdd\xabW/]\xb8xv\xff\xc1={\xfe\xd8\x811\x16Eq\xd7\xae]\r\x1b6t\xefl\x00\x9f\x05\x04\xc0\xd7\xf1@M\xa7gp\'\x8a5!Z\x97\xcb\xf9,-\x86\x028\x94\xec\xae\xf4_\xbe|\xf9\xbb\xef\xbe\xeb\x0e\xfaw\xed\xd4s\xdc\xe8\x89\x08a\x87\xc3\xc6\xfeS\xad\xa7\xb7\xc8Yc*\x08\x82JP3\x0c\xa3\xd1\x84\xbc\xd3\xaf\xd3\xda\r+\x10B\r\x1b6\xdc\xb5k\x17l\x02|\x1f\x10\x00_\x84^\x14\xab\xd5\xfa\xeb\xaf\xbf.X\xb0\xe0\xd4\xa9S\xeeo\xe5]M\xa7g\xa0\xb6\x0338T\x17\xc6`\xe6\xc6\xcdk\xcbW/\xdc\xb0i\xd5\xd5k\x97\xdd\xef\xd1\xeb\xf5m\xdb\xb6\xed\xdb\xb7o\xfd\xfa\xf5\x03R\x03\xdc\xae\xf1\xe8\xd1\xa3G\x8d\x1a\xe5\x0e\xfa\x8f\x1e1\xbeO\xafA&amp;\x93IQd\x7f1\x9dtg Ir\xa8.\xf4\xc2\xa5sm;4\xa2\x83\x83`\x13\xe0\x17\x80\x00\xf8"42\xf0\xf5\xd7_\x8f\x1c9\xd2\xfd\xa2\xc7j:=\x83\xbb\xc5\x90F\xa3\xcd\xcc\xcc\xf8c\xff\xae\\-\x86\xf4z\xfd\xa5K\x97\xa2\xa3\xa3Q`\x95\x15\xd2\x8bk4\x1a\x07\x0e\x1c\xb8|\xf9rz\xc4\xb7X\xd1\x12?~7\xbd^|\xa3Lc\x86/o\xe3\x9e\x82$I\x91\x11\x91\xef\xbe\xdfs\xcd\xfa\xe5\x086\x01~\x02\x08\x80\xcfA\xaf\x88\xd3\xe9\xacX\xb1\xe2\xad[\xb7\x08!5\xab\xd7\xe9\xdc\xa1G\xe3\x86\xcdcb\xf2{\xac\xa6\xd33\xd0\xa3d\x1c\xf7\xb0\xc5\xd0\xc9\xa3k\xd6/_\xb1z\x91\xcdns:\x1d?\xfe\xf8\xe3G\x1f}D-\xa6\xb7W\xfab\xa0\xff\x96\xe3\xc7\x8f\xf7\xe9\xd3\xe7\xf8\xf1\xe34\xe8\xffJ|\xc3)\x13f\xe7\x8b\xc9\x9f\x95m\xf4\xdf\x7f\xa9\xa2(\x1a\x8d\xe6\xfc\x85\xb3\xb0\t\xf0#@\x00|\x0ej#\x96,Y\xf2\xd6[oa\x8cK\x14\x7fi\xfb\xa6CZ\xad\xced\xce\xf6JM\xa7\x07pW:\xa9\xd5\xea\x98\xe8\x88y\x0b\xe6\x0e\x1e\xd6\x1bc\\\xa1B\x85\x13\'N\xf8\xef.\'\'\xee\xa0\xbf\xbb\xab3\xc7q\x92$\xf5z{\xc0\xe8/\x7f\x10E\x97\xd3\xe9\xf0\xd9\xa0\xff3\x92k\x13\xd0\xa8Q\xa3\x1d;v\xd0T\x81\xb7\x97\x06&lt;\x1e\xb80&gt;\x07\xc30\x84\x90\x993g\xd2\xd0p\xef\x9e\xefj4\xda\x94\xd4dY\x96Y\x96\x0b\xc8g\x89\xce\x9dgY\xd6\xe9t\xdc\xbe\x93\xdc\xa4Q\xcb\xa2E\x8a\x11B\xce\x9e=\xb7g\xcf\x1e:\xfa\xdc\xdbk|.h\xf7\x0b\x96e\x87\r\x1b\xd6\xa7O\x1f\x9b\xcd\x86\x10\x12xa\xfc\xb8\xa9\xe3\xc7\xfdl\xb5Z\\.\x97\xbf[\x7f\x84\x10\xc30N\x97s@\xdf\x0f\xd4j5B\xe8\x8f?\xfe\xb8p\xe1\x02\xc6\x98\xaa;\xe0\x83\x04\xa05\xf1kh#\xb0s\xe7\xce\xfd\xf1\xc7\x1f\x84\x90\xf0\xf0\x88\xe6MZ[m\x16AP\x05\x80\x17\xfc\x8f0\x0c\xab(JDxD\xbb6\x9d\x10B\x08\x91\x89\x13\'zyM\xcf\rm\x81\x97\x99\x99\xd9\xb2e\xcb\xc9\x93\'\x0b\x82J\x96\xe5\xf2e+\xae\\\xb2\xf5\xed\xee\xfdS\xd3R\x02\xa63\x12\xc30V\xab5\xb6r\xd5\xda5\xeb"\x84$I\xfa\xfe\xfb\xefs\x8d\xae\x04|\x8a@\xb8\xed\x02\t*\x00s\xe7\xce\x95$\t!\xd4\xbcq\xab\xa2E\x8b;\x1c\x8e`\xb0\xfe\x14\x96e\xad6[\x97\x8eok4Z\x84\xd0\xae]\xbb\xaf]\xbb\xc6\xb2\xac?z\x91\xee\x93\x1c\x87\x0f\x1f\xae]\xbb\xf6\xb6m\xdb\x04Ap\xb9\x9c\xaf\xb6h\xbbt\xc1\xa6\xd8\xca\xd5\xd2\xd3S9\x8e\x0b\xb0\x8b\xab(\xca;=\x06"\x84\x18\x86Y\xbat\xe9\xc5\x8b\x17i7So\xaf\x0bx\x0c \x00&gt;\x04\xad\x05LOO_\xb0`\x01}\xe5\xcd7\xba\x89\xa2\x18`\x06\xe2\xe9`\x8c\x1d\x0e{\xf1\xe2/5n\xd0\x1c!d\xb7\xdb\xe6\xcf\x9f\x8f\x1e\xe6\xc6\xfd\x08\xf7\xf9\xedY\xb3f5m\xda\xf4\xf2\xe5\xcb,\xcb\xb8\\\xae\xf7\x07}:\xe3\xe7\x85:\x9d.\xdb\x94\x95\xab\xa7\x7f\x00\xc0\xb2\xac\xd9lj\xd2\xa8E\\\xcdxB\x14\xa7\xd3\xf9\xed\xb7\xdf\xc2&amp;\xc0g\x01\x01\xf0!h\xa4x\xcd\x9a5\xa9\xa9\xa9\x08\xa1\xb8\x9au\xe3j\xd4\xb1X\xccAXDA\x14\xa5\xd3\x9b\xddi\xa5SBB\x82\xc5b\xa1\xa9\x11o\xaf\xebY\xa1\r-dY\x1e8p`\xbf~\xfdh\xd0_\xa3\xd1\xfd&lt;i\xce\x88/\xc6Z\xac\x16\x97\xcb\xf5\x8f=\xfd\xfd\x14B\x08\xc3\xb0\x83\x06|D\x08l\x02|\x1d\x10\x00\x1f\x82&gt;$\xb3f\xcd\xa2.\x7f\xa77\xbb\xabT\xea |lX\x965[\xcc\r\xea5\xa9T\xf1e\x84PJJ\xca\x86\r\x1b\xfc(\x15\xec\x1e\xe5\xd8\xb0a\xc3\x84\x84\x04\x95J%\xcbr\x85r\x95\x96-\xd8\xd4\xe9\xcd\xee\xa9\xa9)\x81\xdd\xfd\x94eY\x939\xbbq\x83f\xb0\t\xf0}\x02\xf6.\xf4;\xa8\xcfx\xec\xd8\xb1#G\x8e\x10Bb\xa2\xf35m\xdc\xd2l1\x05\xa1\xfb\x8f\x10\x92eY\xa5Rwl\xdf\x8dZ\x8d\x193f\xf8\xc5\x91"\x1a\xf4\xa7\xa3\x1c\xabW\xafN\x07\xf9:\x9d\xce7\xdbw]\xb5\xf4\xf7J\x15_NMK\t\xbc\xb0\xcf\xa3&lt;\xba\t\xb8p\xe1\x02l\x02|\x10_\x7f\xa2\x82\x8di\xd3\xa6\xd1\x87\xa4\xf5\xab\xed\xf3\xe7+\xe8r\xb9\x82*\x01\xe0\x86eY\xab\xcd\xd2\xa2\xf9k\x91\x11Q\x08\xa1\xdd\xbbw\x1f=z\xd4\xc77\x014\x81\xcf\xb2lBBB\xc3\x86\r\x93\x93\x93\x19\x86q\xb9\\\xc3?\x1b3\xf9\x87\x19&lt;\xcf[,\xa6`\xb0\xfe\xe8o\x9b\x80\xbaDQ\x9cN\xe7\x84\t\x13`\x13\xe0\x83\x80\x00\xf8\x044\xfd\x9b\x9c\x9c\xbcb\xc5\n\x84\x90Z\xad\xee\xf8F7\x87\xd3\xee\xfb&gt;o\x1e\x811v8\x1c\xc5\x8b\x96l\xd7\xa6#}\x85\x1e\x8c\xf0\xee\xaa\x9e\x02\x1dkc2\x99\xfa\xf5\xeb7p\xe0@\x840B(T\x17:\x7f\xe6\xca!\xef~b\xb5\x9aEQ\x0c\x80J\xffg\x87\x10\xc2\xb0\xec\xa0\x01\xc3\x10\xc6\x18\xe3\xb5k\xd7fdd\xf8W"\'\x18\x08R\xfb\xe2kP\xc7v\xc9\x92%V\xab\x15!\\\'\xae^\xd5\x97\xab[\xad\xd6\xa0\x15\x00\x84\x10\xc30v\x87\xbd]\xdb\xce4\x08Fs\xe3\xbeiA\xdc]\x9d\x9b5k6k\xd6,A\x10$I\xac\\\xa9\xca\xba\x95;\x9b7m\x95\x91\x99\x1e\x90\xe7\xb7\x9f\x0e\xcb\xb2\x16\x8b9\xbev\xfd\x92%J!\x84\xd2\xd3\xd3\x7f\xfe\xf9g8\x14\xe6k\x04\xd7M\xe9\xb3\xd09\xe0s\xe6\xccA\x08!D:u\xe8\xe1{V\xce\xd30\x0cc\xb3Y_\xae\\\xb5V\x8dx\x840\xad\x8e\xf5\xb5(\x10m\xf0\xc0q\xdc\xb6m\xdbj\xd7\xae}\xf8\xf0a\x9e\xe7].W\xa77\xbb/[\xb0\xa9d\xf1R\x99\xc6\x0c\xffm\xef\xf3\x9cH\x92\xa4\xd3\x85\xf6\xed5\x98v\x83\x98:u*l\x02|\r\x10\x00\xefC\xab?\xf7\xec\xd9s\xf6\xec9\x84P\xd1"\xc5\x1a\xbc\xd2\xc4b5\x07\x9b\xcf\xf8(\x84\x10\x9e\x17\xde\xe91\x00!\xe2&gt;\x1f\xe7;Yq\xda\xaa\x9aa\x98\xc9\x93\'\xb7l\xd9\xd2h4"\x8c\x14E\x19;r\xc2\x94\t\xb3x\x9e\xb7X-y1\xc8\xd7_\xe08\xcel6\xbd\xf1z\xe7\x12\xc5_"\x84ddd\xc0&amp;\xc0\xd7\x08v\x13\xe3;L\x9c8\x11!\x82\x10j\xd7\xa6SdDT\xb0\x9d\xffz,,\xcb\x9a-\xa6zu\x1b\xfa`k :"+--\xadO\x9f&gt;\xc3\x86\r\xe3y\x9e\x10\x12\x15\x19\xb3d\xfe\x86\xbe\xbd\xde\xcb4f@\x17L\x84\x90(\x8a\xfa0\xc3\x80&gt;\xef\xc3&amp;\xc07\x01\x01\xf02\xb4C\xe4\xd5\xabWw\xed\xda\x8d\x10\xd2h\xb4]:\xbem\xb5Y\xc1vPDQ\x8c\x8c\x88\xf6\xc1\xd6@\xb4l\xf7\x97_~\x993g\x8eZ\xad\x16E\xb1j\x95\x1a\x9b\xd7\xec\x89\xafS?#3=0:\x98&gt;?\x1c\xc7\x99L\xd9\xeda\x13\xe0\xab\x80\x00x\x19\xfa$,\\\xb8\xd0n\xb7!\x84\x1a7l^\xbc\xf8K\x0e\x87\x1d\xcc\x07\x85eY\xab\xcd\xea\xb3\xad\x81h\xf9\x96\xd3\xe9l\xd1\xb4\xf5\x9ae\x89QQ1&amp;\x93\xaf\x0c\xf2\xf5\x11D)\xf7&amp;\xc0g\x93\xf9A\x08\x08\x807\xa1\xe6\xc3\xe1p\xd0\xf4&amp;\xc6\xb8\xe3\x1b\xdd\x88\x02\x0f\xc6_\xf8~k Y\x96\t!\x95+V\xd1juV\xab5\xa8j=\x9f\x05\x8e\xe3\xb2\xff\xbe\tX\xb8p\xa1\x8f\xc4\xf1\x00\x10\x00o\xe2n\xfes\xf5\xeaU\x84\xd0K%K\xc7\xd7\xaeo\xb1\x06c\xf3\x9f\xa7\xe3\xfb\xad\x81\x1cN;\r\ny{!\xbe\x88D7\x01}?\xa0i\xf3Y\xb3f9\x9dN_\xbb\x82\xc1\t\xdc\xaf\xde$\xd7\xec\x97\x9e\xdd\x07\x84\xea\xc2h#h\xc0\rM\x057\xa8\xd7\xa4b\x85XB\x88o\xb6\x06\xc28\x10&amp;t\xe6\x11\xf4\n\xb6j\xf1zdd\x14B\xe8\xfc\xf9\xf3\xcb\x96-\x83\xce\x10\xbe\x00\x08\x80\xd7xt\xf6K\x8b\xa6\xad\xad6\x0b\xb8\xff\x8f\xa2(D\x10Tou\xeeE\xbf\xf4\x97\xd6@\x00\x05c\xecr\xb9b\xa2\xf3u\xed\xd8\x93n\x02\xbe\xf9\xe6\x1b\xa7\xd3\t\xcd!\xbc\x0e&lt;B^\x03f\xbf&lt;;\x0c\xc3X\xad\x96\xd6-\xdb\xc5D\xe7\xc3\x08\xef\xde\xbd\xfb\xd8\xb1c\xb4\xdf\xb2\xb7\x97\x06&lt;\x134\x99\xdf\xb3{\xffpC\x04\xc6\xf8\xe2\xc5\x8b\xb0\t\xf0\x05@\x00\xbc\x83\xcf\xce~Q\x14E\x96eI\x96dY\x92e\xe9\xc1\x1f\x14\xd9\xbb\x9e\x1a\xc6\xd8\xe9r\xe6\x8b\xc9\xd7\xfa\xd5\xf6\x04\x11\x84\xd0\xb4i\xd3\xbc\xb8\x1e_\x86v$\x95eI\x92\xfev\x11\x15\xaf^D\x9a\xcc/Z\xb4x\xb7\xae\xbd\xa8\xeb\x03\x9b\x00_\x00\x04\xc0;\xf8\xda\xec\x17B\x88,K\x08\xa1\x90\x10\x8d\xc1\x10\x1e\x15\x11\x1d\x11\x11\x15\x11\x1e\x15\x15\x11\x1d\x11\x1e\xa5\x0f\xd5\xf3\xbc@\xb5\xc1+\xcbC\x081\x0c\xe3p::\xbe\xd1\x8d\x0e\x1c_\xb1bErr2\xcb\xb2`&gt;(\x8a\xa2\xc8\xb2D\x08Q\xa9T\xfa0CDxTTdtD\xf8_\x171T\x17\xc6\xb1\x9c,\xcb\x84x\xc7\xe9\xa6\xdd\x81zv\x83M\x80\x0f\x01%k\xde!\xe7\xec\x17B\x08\x9d\xfdb\xb1Z\xbc\x12\xd7\x96eY\x10\x04\x9d6\xdcb5_\xbct\xf6\xe2\xa5\xf37o]\xcf6eI\x92\x14\xa2\x0e\x89\x8a\x8a)Y\xa2T\xb9\xb2\x15\x8b\x14*\x8a16YL\x08!\x06{z\x9dt\xe0x\xd5\x97\xab\xd7\x89\xab\xb7{\xefv\xab\xd5\xbad\xc9\x92\x0f?\xfc\x90\x0e\xdd\xf5\xf0b|\nj@CB4j\x95\xdaf\xb7\xde\xba}\xe3\xea\xb5\xcb\xb7n\xdfHOO\xb5\xd9\xad\x8aB4!\x9a\xfc\xf9\n\x96*U\xa6|\xb9\xca\xf9\xf3\x15p\xd8\xedv\x87\xdd\xf3\xae\x06\xed\xf0J7\x01?\xff2\x81n\x02:u\xea\xa4R\xa9hb\xc0\xc3\xeb\x01\x10\x08\x80W\xa0M\x02\x8e\x1c9\xe2\x0b\xb3_dY\xd6\xeb\rii)s\xe6\xff\xbaa\xf3\xaa\xf3\x17\xce&lt;\xb6\x0c\xc9\xa0\x0f\xafU3\xbe\xf3\x9b\xdd\x9b6i%\xcb\x92\xd3\xe9`\x18/\xac\x96\x10\xd4\xe9\xcd\x1e\xbb\xf6$"\x84f\xcd\x9a\xf5\xee\xbb\xef\xaa\xd5\xea`6\x1f\x84\x90P](A\xe8\xdc\xf9S\xbfo\xdf\xbck\xcf\xef\xe7/\x9e\xb1\xdb\xed\x8f}s\x81\x02\x85Z4m\xdd\xfb\xedwK\x95*\x9b\x95e\xf4\xfc\xfd\xe6\xde\x04,Z27;\xdbx\xf1\xe2\xc55k\xd6t\xed\xda\x95\xb6S\xf5\xf0b\x00\x04! /\xe2\x0b\xb3_\x14E6\x18\xc27m]\xdb\xe6\xcdF\xdf\x8c\xff\xf2\xf4\x99\x13\x92$\xf1&lt;\xafR\xa9\x04A%\x08\x82J\xa5R\t*\x96e\xb3\xb2\x8d\xbfo\xdf\xd4\xe7\xdd\xae}\x07vIKO\xd5h\xb4\x9e\x0f\x071\x0cc\xb1\x9a\x1b\xd6o\xfaR\xc9\xd2\x08\xa1\xf3\xe7\xcf\xef\xd8\xb1\x03=t\x81\x83\x10B\x08\xc7r{\xf6\xed\xec=\xa0\xf3ko4\x9c\xf0\xd3\xb8c\'\x92\xecv;\xcb\xb2&lt;/\xa8\x04\x15\xfdO\x10T\x1c\xc7a\x8c\x93\x93\xef\xce[0\xa3\xcd\x9b\x8dV\xacZh0\x84{\xfe\n\xfe\xb5\t\xe8\xd2K!\x04c&lt;c\xc6\x0c\x84\x10\x14ty\x0b\xf8\xdc=\x8d\xef\xcc~\x91eY\xaf\x0f\x9f3\xff\x97\xfe\x83\xba\xdd\xbes\x93c9\x96\xe50\xc6\xa2(:\x9dN\x97\xcb\xe9r\xb9\x9cN\xa7\xd3\xe5\x94e\x99e9\x96eY\x96M\xdc\xb9\xa5S\xb7Vw\xee\xde\n\t\xd1x\xd8\xf2\xd2\xb5EFDu|\xa3\x1b\xfd2!!\x81\x9e\xa0\xf6\xe42|\x07\x85(\x1a\x8df\xdeo\t\x89;6\xd3P\x18\xcf\x0b\x0c\xc3\xca\xb2,\x8a.\xa7\xcbI\xffs\xb9\x9ct^\r\xc30\x1c\xc7e\x9b\xb2&gt;\xf8\xb8\xff\x92e\xf3\xbd\xa2\x01\x0c\xc3\xd8\xed\xf6vm:\t\x82\x801\xde\xbd{\xf7\xee\xdd\xbb\xa1\xa0\xcb[\xc0\xb6\xcb\xd3\xd0\x075\xd7\xec\x17\xa3\xc7\xf7\xe3\xb2,\x87\x85\x86\xed\xde\x938b\xd4GT{\xdc\xa5&gt;u\xe2\xea\xd5\xae\xf5J\xe1BEx^\xc8\xca6\x9e\xbfpv\xd7\x9e\xdf\xef\xa7\xdc\xa3\xe9\n\x9e\xe3o\xde\xba\xfe\xde\xd0^+\x17o\xf5\xbch\xb1,k\xb1\x9a_{\xb5\xfdO\xd3\xc6\xdb\xed\xb6\x1d;v\x9c?\x7f\xbe|\xf9\xf2A{,@V\x94\x81\xfd&gt;\xd8\xb5\xf7w\xaa\x8e\xf4\xc5\x88\xf0\xc8b\xc5J\xe6\x8b\xc9\xaf\xd3\xea$YNM\xbd\x7f\xf1\xd2\xb9\x8c\xcct\x84\x10\xfd\xa0\x08!\xc3G\x0e{9\xb6Z\xa9\x92e\xec\x0e\x8f:\x1ft\xccC\xc5\n\x95[\xb7l\xb7f\xfdr\x84\xd0\xe8\xd1\xa3\x1b6l\x18\xb4*\xee]@\x00&lt;\x8do\xcc~!\x0c\xc38]\xceo~\xf8\n!D\xbb3\x12B\x8a\x14.\xf6\xdd\xd8)\xf5\xea6\x12\x04\x81z\xf7\xd4\xbbNKO\xfdi\xda\xf8Ys\xa71\x0c#J"\xc7q\'N\x1e]\xb9fI\xcfn\xfd\x8cY\x99\x9e\x94.\x1aC(Y\xa2\xf4\xab\xcd\xdb\xac^\xb7\xccn\xb7\xcf\x9a5k\xc2\x84\t\xc1)\x00,\xc3Z,\xe6Z5\xe3kV\xaf\xfd\xe7\xa1}\x91\x11Q\x8d\x1a4o\xd5\xb2m\xe5JU\xa3"\xa3\x05A\x851F\x04I\xb2\x94\x9e\x9e\xbav\xfd\xf2\x1f&amp;\x8f\xb5\xdbmtb\xbb\xc3\xe9\xf8e\xe6\xe4\x9f\'\xce\xb1\xd9\xad\x1e\x8e\x04`\x8c]\xa28\xa0\xef\x07\x9b\xb6\xae\x95$\x89n\x02\x1a6l\x08\r\xb4=O\xd0=3\xde\xc5Gf\xbf(\n\xd1j\xb4\xc7N$\x9d9{\xd2\xdd\x9bW\xaf7\xcc\x9d\xb1\xbcY\xe3W-\x16sFFzV\x961+\xcbh4ffdf\xa8\xd5!\xdf\x8f\x9b\xda\xbb\xe7\xbb\x8a\xa20\x0cK\x93\xae\xeb7\xae\x14%\xef\x1c\\P\x14\xe5\xad\xce\xbdhk \xba\x97\n\xe2zP\x82\x11z\xb7\xff\x87\xc3\x86|\xb1u\xc3\xfe\xa9\x13g\xb7h\xfaZ\xb8!\xd2\xe9tfggee\x19\xb3\xb2\x8dV\xab%44l\xd8\xfb_L\x9b&lt;\x8f\xe3y\x840Q\x14\x8c\xf1\xae=\x89\xf7\x92\xef\x08\x82\xca\xc3\x1f\x1d\xc30\x16\x8b\xb9Jl\xb5\xd6-\xdb\xd1{o\xf4\xe8\xd1\x08!\xd8\x04x\x1e\x10\x00/\xe0\xf5\xd9/\x84(\xbc \x9c&gt;s\x1c!\xc40,\xb5\xe9\x1d\xdbw{9\xb6ZJj2\xcb\xb2\x1c\xf7 \xe2O\xff,\x8ab\x961s`\xbf\x0f\xc2\xc2\xf4\xf4&lt;\x11!\xe4\xf2\x95\x0b\x19\x19it\x10\x8a\'\x17O\xa3@\xd5\xab\xd5\xa2\xad\x81\x92\x93\x93W\xae\\\x19\xb4-\xe6\x19\x86\xb5X-\xaf\xc47\xf8\xf4\xc3\xaf"\xc2\xa3\x8cY\x99\xd9\xa6lI\x121\xc6\xee+H#\xecw\xee\xdd~\xadU\xfb\xe6MZ\x11\xa2`\x06#\x8423\xd3\xaf\xdd\xb8\xa2R\xa9&lt;\x7f2\x80n@\x07\xf4\xfd@\x10\x04\x86a \x13\xe0-@\x00&lt;\x87\xef\xcc~!\x08a\x84S\xd3R\x10B\x18#D\x08B\xa8z\xf58\x97\xd3\xf5\xd8n\xc6,\xcb\xbaDWLT\xbe\xd2/\x95E\x0f=5\xb3\xc5l2g{\xabtU\xad\x0eq\xb7\x06\xfa\xf9\xe7\x9f\xe9\xe1R\xcf\xaf\xc4\x17\xa0\x9dv\x8cY\x99\xa2\xe8\xa2\x16\xff\xd1\x8f\x02c\xcc2\x8c,I\xf1\xb5\xeb?|\x85A\x08\xa5\xa7\xa7\xb2\x0c\xe7\xf9\xbd\x13\xc30\x16\x8b%\xd7&amp; \x98/\xa2\xb7\x00\x01\xf0\x1c\xbe6\xfb\x05\xa3\x07\x7f/m\xae\xa0V\xa9\xe9\x1f\x9e\x04\xcb\xb2*\x95\xfa\xc1\x8fz\x15\x96e\xad\x96\xbfZ\x03\x1d;v&lt;\xc8[\x03Q\x7f\xff\x9fn$L\x08\xd1jt\x0f\xbe@\x08!$J\x92\xb7.&amp;\xc30N\x97k@\xdf\x0fT*\x15\xc6\x0c\xed\xef\xe4kM^\x03\x1e\x10\x00\x0f\xe1S\xb3_0B\x04\x91\xa8\xa8\x18\x84\x10!\x0f&lt;\xfa\x94\x94d\x96a\xd1\x134\x00c\xc6\xee\xb0\xd3M\x03}OhhXX\x98\xc1+\x8fk\xae\xd6@\x8a"Ck\xa0g\x800\x0cc\xcc\xcaD\x08!\x84\xa9\xd8\x87\xeaB\x15/\xdd\x84\x0f3\x01\xd5iT\n!4m\xda4\xd8\x01x\x18\x10\x00\x0f\xe1S\xb3_0fDQ\xacX!\x16!\xa4(\x0f,\xf8\xd6\xc4\x8d\x08?~\xd2\x96$IZ\xad\xf6\xdc\xf9\xd3\xd7o\\\xa1\x8f(\xc6\xb8|\xd9JQ\x91\xd1\xdej`\x07\xad\x81\xfe-\x84 \x82\xc8\xa1\xa4\xfd\x08!\x8c\x90\xa2(\x1c\xc7\x17.TT\x92\\\x0c\xe3\xa5=(\xc6\x92,ux\xa3;B\x08cf\xf1\xe2\xc5\x17/^\x84\xee@\x9e\x04\x04\xc0C\xf8\xd4\xec\x17\x8c\xb1\xcdn\xadV\xa5F\xa9\x97\xca"\x84\xe8\xb0\xd6\xdd{\x13\x17/\x9d\x97?_AI\x12s&gt;\x81\x92,\t\x82JQ\x94\xef\'\x8c\xa62\x86\x11&amp;\x84t|\xb3\x1b\xcbx\xcd\xe0\xe6l\r\x841\xa6\xad\x81\x10B\x10@x,\x92$\x1a\x0c\xe1\x07\x0f\xed\xdb\xb5\xe7w\x8c\x19\x82\x08\xc6\xb8\\\x99\n%K\x94r8\x1c\xd8\xe3\x9d\x9d(,\xcb\x9a\xcd\xa6\xc6\r\x9a\xc5\xd5\x8cGHq\xb9\\\xdf~\xfb-\xf4\x07\xf5$ \x00\x9e\xc0\xd7f\xbf`\x8ceI\xd2\xe9\xc2\x06\x0f\xfc\x88Z\x7fZ\xd9\xf9\xc5\x97\x1f\xcc_8322Z\xadVK\xb2$\xcb\xb2,\xcb\xfa0\x03B\xe8\xfd\x0f\xfb\xfcy\xe8\x0fz\x9aT\x92\xa5\xfa\xaf4n\xdb\xfa\r\x939\xcb\xbb\x85\xdb\xb45\x10\xb5\x17\xb3f\xcd\xa2]\x10\xc0|\xe4B\x92\xa4P]\xd8\xfd\xfb\xc9\x1f\x7f1\xc8\xe5r\xd1-\x1c!\xa4\xc7[}4!Z\xef\xba\xdb\xf4P\xc2\xa0\x01\x1f\x11\x82\x18\x86Y\xbat)l\x02&lt;\t\x08\x80\'\xf0\xc1\xd9/,\xcbegguh\xdf\xb5]\xdbN\x92$\xd1\xe2\x1f\x97\xe8\xfa\xf0\xb3\x81\x83&gt;x\xe7\xd6\xed\x1b\x11\xe1\x91z\xbdA\x1ff\xf8c\xff\xce\xf6\x9d\x9a\xae\xdb\xb8\x92eY\x86a%Iz\xa9d\xe9\x89\xe3\x13dI\xf6n6\x18Z\x03=\x0b\x92$\xe9\xf5\x86{\xf7\xefv\xef\xdd\xee\xea\xb5\xcbT\xc2eY\xaa\x1d\xf7J\xa7\x0e\xdd\xb3M^\x96p\x96eM\xe6l\xba\t Dq:\x9d\xb0\t\xf0$ \x00y\x0e!\x84\xe3\xb8\xcc\xccL_\x9b\xfd\x821\xb6\xd9\xed?|\xf3s\xf3&amp;\xadi\xe58\xb5\x0e\xab\xd7.m\xd5\xae\xfe\xf0\x91\x1f&amp;\xee\xd8\xdc\xf7\xdd\xae]\xdfn{\xe6\xdcI\x8e\xe3eY\x96$\xb1f\xf5:\x8b\xe6\xad\x8b\x8a\x8cv\xba\x9c\xde\xfd\'&lt;h\r\x14\t\xad\x81\x9e\x88$I\x91\x11Q\'O\x1d\xed\xf0V\xcb\xf3\x17\xce\xb0,\xcb`F\x92\xa4\xe2\xc5JN\x990\x8b\x10\xf2\xa4\x9c\xbf\'\xa1\x9b\x80\xf7rl\x02.]\xba\xc4\xb2,\x08\xb9\x07\x00\x01\xc8s\xe8}\xbct\xe9R:\xfb\xe5\x95\xf8\x06\xb5\xaa\xd7\xb6Z\xbd?\xfb\x17c,+\x12B(a\xda\x82~\xbd\x07+\x8aB\x1bB\xb0\x0ck\xb5Z\xe6\xcc\xff\xe5\x9d~\x1d\xb7\xfc\xbe\x1e!\xc40\xac$\x89\x0c\xc3\x0c\xea?l\xf1\xfcu\xf9\xa2\xf3\xdblV_h\xbd@\xdb\x0b\xb7i\xf5\x86^o \x84\xec\xdc\xb9\xf3\xe4\xc9\x93\x10@\xa0\xc8\xb2\x1c\x19\x19\xb5f\xfd\xb2N\xdd[\xdf\xb9s\x8b\xd6\x89J\xb2T\xa6t\xf9E\xf3\xd6\xe5\x8b)\xe0\xc5\xe8\x7fN\xe8&amp;\xa0A\xfd\xa6\xf5\xea6R\x14\xc5\xe9t\x8e\x193\x86\xde\x8a\xde^Z\xe0\xe3\xfd\xcb\x1f$l\xdb\xb6\x8dZ\xcc\x9a\xd5\xe3\xb5:\x9d\xb7\xd2\xbf\xb9`0#\xcb\xb2\xc3\xe1\x18=b\xfc\x8aE[\xca\x95\xa9\x80\x10R\x88B\xeb\xca\x19\x86\xa1\xff\'D\xa9^-n\xf7\xefGG\x7f5^\x14E\x87\xd3\xe1u\xf5\xa2\xd03P\x85\n\x16)R\xb8\x18B\xc8f\xb3A\x14\x88"\xcbrxx\xc4\xf4\x84I\xef\xbe\xdf\xd3\xedmH\x92T\xb7N\x83e\x0b7\x16.T\xc4\x17\\\x107\x8a\xa2\x84\xa8C\x1a5h\x8e\x10\xc2\x18\xff\xfe\xfb\xef6\x9b\r\xd29\x1e\x00\x04\xc0C\xf4\xeb\xd7\x8fZ\xa5\x8d\x9bW\xa7\xa5\xa5\n\x82\xe0#7\xb7\xa2\xc8ju\x88\xdda\xcf6e\xa1\x87%\x9e\xd4\x89\xa6\xa1X\xba\xce{\xc9w\xd6\xac[v\xfd\xfaU\x83&gt;\x1c!\xe23\x8bWBB4g\xce\x9d\xbat\xf9&lt;B(**\xaa{\xf7\xee\x08!\xd</t>
        </is>
      </c>
    </row>
    <row r="389">
      <c r="A389" s="1" t="n">
        <v>387</v>
      </c>
      <c r="B389" t="inlineStr">
        <is>
          <t>shape_reflect</t>
        </is>
      </c>
      <c r="C389" t="inlineStr">
        <is>
          <t>What is the missing shape denoted by a question mark?</t>
        </is>
      </c>
      <c r="D389" t="inlineStr">
        <is>
          <t>['square', 'triangle', 'pentagon', 'hexagon']</t>
        </is>
      </c>
      <c r="E389" t="inlineStr">
        <is>
          <t>square</t>
        </is>
      </c>
      <c r="F389" t="inlineStr">
        <is>
          <t>There are six shapes in the image separated by a line. In the top part there are ['square', 'pentagon', 'hexagon']. In the bottom part there are ['?', 'pentagon', 'hexagon'].</t>
        </is>
      </c>
      <c r="G389" t="inlineStr">
        <is>
          <t>We observe that the hexagon is reflected across the line as a hexagon. Similarly, the pentagon is reflected as a pentagon. Hence, the pattern is that each shape in the top part is reflected in the bottom part.</t>
        </is>
      </c>
      <c r="H389" t="inlineStr">
        <is>
          <t>Based on the pattern that each shape in the top part is reflected in the bottom part, the missing shape which is reflected from a square part should be a square.</t>
        </is>
      </c>
      <c r="I389" t="inlineStr">
        <is>
          <t>b'\x89PNG\r\n\x1a\n\x00\x00\x00\rIHDR\x00\x00\x02\x00\x00\x00\x02\x00\x08\x02\x00\x00\x00{\x1aC\xad\x00\x00X4IDATx\x9c\xed\xddg|\x14\xd5\xfe\x06\xf0\xdflK\xaf@\x12\x8a\x85\x16PAZ\xb8\x84^CU\xe4J\x8d\r\x12\x10\x04\xa4c\x82\x94\x84\x16 \x80\x80\x04\x14\x04\x12T\x94\xa2pED\x08\x01\x14\x10I4\xf4\xd0B\x13\x85\x90\x84\xb4M\xdd2\xe5\xff\xe2\\\xf6\xe6\x8f\x80\x94dwv\xe7\xf9~\xee\x8b\xebfI\xce\x969\xcf\x99\xdf9s\x86\x93$\x89\x00\x00@yT\xb6n\x00\x00\x00\xd8\x06\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97(\x8a\xa2(\xda\xba\x15\xca%\x8a\xa2 \x08\xb6n\x85\xa2!\x00@\xa1\x04AP\xa9T*\x95\n}\x90\xf5I\x92\xc4\xf3\xbcJ\xa5R\xab\xd5\x82  \x86m\x05\x01\x00\x8a\xc3z\x1f\xb5Z\xfd\xc7\x1f\x7f\xa4\xa4\xa4\xa8\xd5j\x9c\nX\x93 \x08\x1c\xc7i4\x9a\xb4\xb4\xb4\xfd\xfb\xf7\xab\xd5j\x95J\xc5\xf3\xbc$I\xb6n\x9a\xe2 \x00@YDQd\xbd\xcf\xb6m\xdb\xda\xb4i\xd3\xb6]\xdb\xb9s\xe7\xb2S\x01\x9e\xe7m\xdd:\x07\xc7\x06\xfbj\xb5Z\xaf\xd7\xcf\x993\xa7}\xfb\xf6!!!#F\x8cHOO\xd7h4\x1c\xc7\xe1l\xcc\xca8\xa4.(\x07\xcf\xf3\x1a\x8d\xa6\xa8\xa8h\xc6\x8c\x19qqq\x96\xc7{\xf6\xec\x19\x1f\x1f_\xbdzuvf\xc0q\x9c\r\x1b\xe9\x90$Ib]?\x11%$$,Y\xb2\xe4\xc2\x85\x0b\x96\x9f\xfa\xfa\xfa\x8e\x1b7n\xd2\xa4I^^^\xecTL\xa5\xc2\xd8\xd4*$\x00\x05\x10E\x91\x15\x19\x8e\x1f?\xde"\xa8\x05\xfb\xf2\xb7\xeb\xdc&amp;4l0\xfb\xff5k\xd5\xdc\xbau+{\xb2 \x086m\xacC\x11E\xd1l6\xb3\xff\xbf\x7f\xff\xfe\x90\x90\x10K\xe73\xe8\xed\x01\x83\xde\xeao\xf9\xcf\x86\r\x1bn\xde\xbc\x99=\x93\xe7yQ\x14m\xd7j\xa5@\x00\x80\xe3c]\xbf$I+W\xae\xf4\xf6\xf1&amp;"\x8e\xb8\xf1\x91c/\xe7\x9c\xcb4\xff\xb9(n\xbe\x97\xb7\x17\xeb\x83\xc6\x8d\x1bWXX(I\x92\xa5\xcf\x82\xa7ay\xe7o\xdd\xba\x15\x1e\x1en9\xb5j\xd7\xa9\xcdW\xdfo\xcc4\xfd\x99i\xfa\xf3\xab\xef7\xb6\xed\xd8\xda\x12\x03\xdd\xbbwONN\xb6\xfcs\xc4@\xa5B\x00\x80#\xb3\x0c?o\xdd\xba5x\xf0\x7f\x07\xfb\xb5\xeb=\xff\xf9\x8e\rY\xe6?/e\x9f=\x97q\xf2\xb6\xf1\xc6O\'\x12\x83\x82\x9b\xb3\x9f\xb6h\xd1\xe2\xf8\xf1\xe3\x12z\x9f\xa7#\x08\x02;\x912\x1a\x8d\xf3\xe6\xcd\xab^\xbd:{{\xeb\x05\xd6]\xb2z\xe1u\xfd\xa5[e\xd7\xcee\x9c&lt;\x97q\xf2V\xd9\xb5?\n\xd3cW\xc5\x04\xd4\x08`\xcfqrv\n\x0f\x0f\xbfy\xf3&amp;\xfbU\x96\x14\x81\n\x879\x00pX\xa2(\xb2Rrbb\xe2\x88\x11#n\xde\xbcID}\xfa\xf5\x8aY1\xc7\xaf\xba_~N\xbeZ\xa3\xe68\x8e\xe7yw\x0fw\x93\xc9\x14\xb7\xf8\x93\xb8\xc5\x9fH\x92\xe4\xed\xe3=w\xce\xdcq\xe3\xc6\x11\x91 \x08\xacr\r\x8fH*W\xee\xdf\xb2e\xcb\xc2\x85\x0b\xcf\x9c9CD\xde&gt;\xdea\xa3\xdf\x1e\xf6\xde;\x01\xd5\xfd\xf3r\xf3%Ib\xcf\x11\x04A\xc5\xa9\xbc}\xbdn\xfeyk\xe3\x9a/\xd7\xad\x8a7\x1a\x8cD\x14\x10\x100}\xfa\xf4Q\xa3F\xe9t:L\x0cT\x12\x04\x008&amp;6\xdf\xcb\xf3|DD\xc4\x8a\x15+$I\xf2\xf4\xf2\x9c&lt;c\xc2\xf0\xb1\xc3LF\x93\xc1`\xd0h4\x96\'\x8b\x82\xa8R\xab||\xbd\x7f\xdc\xb97\xf2\xfd\x19Y\xb7\xb3\x89h\xf0\xe0\xc1\xcb\x96-\xabQ\xa3\x06f\x86\x1fQ\xf9\xae?%%%**j\xdf\xbe}\xecG}\x07\xbc2i\xfa\xb8\x97\x9a\xbc\xa4\xcf\xd7\x9bL\xa6\xf2o&gt;\xc3\xf3\xbc\xb3\xb3\xb3\xab\xbb\xeb\xd9\x93iq\x8b?\xd9\xb5}7{\xbcq\xe3\xc6\xb1\xb1\xb1\xbdz\xf5b\xcf\xc1\x07Q\xb1\x10\x00\xe0h,\xdd\xd0\x89\x13\'\xc6\x8e\x1d\x9b\x9c\x9cLDM\x83\x9a\xc4,\x9f\xf3\xaf6Aw\xb2s8\x8e\xfb\xfbXR\x92$A\x10||\xbdo\xfeykND\xcc\xee\xef\xf6\x10Q\xadZ\xb5\xd6\xaf_\xdf\xa3G\x0f*w&gt;\x01\xf7e9U\xbau\xebVTT\xd4\xd7_\x7fm0\x18\x88\xa8y\xcb\xa6\x93gN\xe8\xd8\xad\x83 \x08%E%\xec\xac\xeb\xbe\xbf\x81}\x04\xee\x1e\xee\x1a\x8d:\xf1\x87\xfd\xb1\xd1K/\x9dOg?\n\r\r\x9d&gt;}z\xa3F\x8d\xe8n\xb4[\xebe98\x04\x008\x14K7\x14\x17\x17\x17\x15\x1dU\x90_\xc0\x117l\xf4;3c"\xb5ZmQa\xb1F\xfb\xb0\xbe\x83\xe7y\x17W\x17\xadV\xbba\xf5\xc6e1\x1f\x17\xea\x0b9\x8e\x8b\x8e\x8e\x9e1c\x86F\xa3A9\xe8\xbe,\xf5\x19\x93\xc9\xb4v\xed\xda\x05\x0b\x17d\xde\xce$\xa2\xea5\xabO\xfap\\\xbf\xc1}\xdd&lt;\xdc\xf4\xf9\xfa\xfb\xe6\xee\xfd\x7f\x9bD\x1e^\x1ee\xa5e\x9b6l^\xfd\xd1\x9a\x9c\xec\x1c"rqq\x992e\xca\xb8q\xe3\xfc\xfc\xfc\xca\x9fj\xc0\xd3@\x00\x80\x83`\xe3G\x8dF\x93\x9b\x9b;v\xec\xd8\xad[\xb7\x12\x91\x7fu\xff\xd8U\xf3{\xbe\xda]_P\xf8\x88\xdd7\x9b\xf8\xad\xe6W\xf5\xb7_SgL\x8a&gt;\x95z\x9a\x88\xda\xb5o\xb7a\xfd\x86\xc0\xc0@\xb6\x81\x04\xaa\x10L\xf9\x8ex\xcf\x9e=\x91\xd3"\xcf\x9e9KD\xce\xce\xce#\xc6\x85\r\x1b\xf5v\xadgk&gt;\xfa;_\x1e\xfb\'^\xde\x9e\xd7\xaf\xdeX\x16\xf3\xf1\xceo~0\x19\x8dDT\xabV\xad\xb9s\xe7\x86\x85\x85\xd1\xdd+\x8aqZ\xf64\x10\x00\xe0\x08\xca\xcf\xf7N\x988\xe1\xd2\xc5KD\xd4\xa7_\xaf\xe8\xc53j=[3?\xaf\xe0qk\xc7\xbc\x99\xf7\xf0t7\x9b\xcd13b\xe3?\xfd\x9c\x88|}}cccG\x8c\x18A\x98\x19.\x17\xb7D\x94\x96\x96\x16\x19\x19\xf9\xe3\x8f?\xb2\x1fu\xee\xdeq\xda\x9c\xa9MZ4)).\xb9g\xae\xe5q\xb1\x89\x01wO\xf7\xa3?\xff\xba|\xc1\xca#\x07\x8f\xb2\xc7\xbbu\xeb6m\xda\xb4\xae]\xbb\x12&amp;\x06\x9e\x0e\x02\x00\xec\x1e\xeb\x8ey\x9e\x8f\x89\x89\x993g\x8e$I\x9e\x9e\x9e\x93gN\x18&gt;v\x98\xd9l.+-{\xb2&gt;\x88\xfdZo\x1f\xafm\x9b\xb6\xcf\x9f\xbe(\xebv\x16\x11\x85\x86\x86\xc6\xc5\xc5U\xa9RE\xc9\x95hK\xfeegg\xc7\xc4\xc4\xac[\xb7\xae\xac\xac\x8c\x88\x1a\xbc\xd8 r\xce\x94\x90\xde]DQ*.*\xae\x90~\x99%\x8d\x87\x87\xbbJ\xad\xfe\xcf\x96\xef\x96/\x88\xbbv\xe5:\x11q\x1c\x17\x16\x16\x16\x19\x19\x19\x18\x18H\x88\xe4\'\x85\x00\xb8\x17[\x1ek\xebVT\n\x8e\xe3\x1cl\xa0d)A\xa4\xa7\xa7\x0f\x1f1\xfc\x97#\xbf\x10Q\xa3&amp;/\xc5\xae\x8ei\xd9:(\xe7\x01\xf3\xbd\x8f\xf5\xfb\x05A\xf0\xad\xea\xfb\xe7\xb5?\xa7\x8e\xf9\xf0\xc8\xc1_\x88\xa8A\x83\x06\x1b6lh\xdb\xb6\xad\x02\xd7&amp;Z^\xb2\xd9l\xde\xb4iStt\xf4_\x7f\xfdED~\xfe\xd5FO\x1e\xf5\xd6\xf0P\x17W\x97\xa2\xc2"\xaa\xe8\xb7\x85\xd5\xe5|\xaa\xf8dgf\'|\xfa\xc5\xc65_\x14\xe4\xeb\x89\xc8\xc7\xc7g\xf2\xe4\xc9\x11\x11\x11X*\xfad\x10\x00`\xaf,\x83\xbe\xf5\xeb\xd7GFF\xe6\xe5\xe5\x11\xd1\xd0\x91oE\xcc\x9e\xe2\xe9\xe5\xa9/\xd0k\xb5\xda\n\xf9C&lt;\xcf\xbb\xb8\xb8h\xb4\x9a\xcf&gt;^\xbfx\xee2\x93\xd1\xe4\xe4\xec\xf4\xe1\xb4\x0f\xa3\xa3\xa3I1\x8bR\xca\xd7|\x92\x92\x92\xa2\xa3\xa3\x8f\x1d;FD\xce\xce\xceC\x86\x0e\x1c\x171\xa6F\xad\xea\x85\x85E\x02_\x89#q\x9e\x17t:\xad\x97\x8f\xd7\xd9\x93ik\x96\x7f\xf6\xed\xd7\xffa\xddW\xe3\xc6\x8d\xa7O\x9f&gt;d\xc8\x10\xba\xbb\xcb\xb7\x83\rt*\x0f\x02\xe0\x7fX\x1d\xf9\xd4\xa9S\x93\'Of\xe3\x08\xc7\xf8\x1a\xb1\x8fX\x14\xc5e\xcb\x965m\xda\xd41\x963\xb2n777w\xdc\xb8q\x9b7o&amp;"\xff\xea\xfe3\x17L\x1b\xf4\xf6\x80\xc2\x02\xbd\xd9\xccWl7\xc4F\x97\xbeU}\x0f\x1f8\x129v\x06\xabB\xf4\xec\xd9s\xe5\xca\x95\xf5\xeb\xd7w\xf82\xb4%\xe4\xd2\xd2\xd2\x16,\\\xb0\xf9\xeb\xcd\xecqV\xeeo\xdc\xbcqYI\x99\xc1`\xd4\xa8\xd5T\xc9\xef\x81$I\x02/\xb8\xba\xbb\xba\xb88\x1fL\xfcy\xc9\x9ce\'SO\xb3\x1f\x85\x84\x84\xcc\x9b7\xafU\xabV\x84\x18xd\x08\x80\xffa#\xca\xa4\xa4\xa4\xee\xdd\xbb\xdb\xba-\x95b\xdf\xbe}!!!\xf6^-\xb5\x9c\xe9\'&amp;&amp;N\x9c8\xe1\xe2\xc5KD\xd4\xbeK\xbb\xa5\x9f,|\xb6\xce\xb3y9y\x95\xd7\x17\xf3&lt;\xef\xe9\xe5Y\xa8/\x9c;m\xc1\xd6/\xbe!\xa2j\xd5\xaa\xadZ\xb5j\xd0\xa0A\xe4\xa0ehKO\x9a\x9d\x9d\xbdj\xd5\xaa\xa5\x1f--+-#\xa2\x86/6\x183e\xd4\xeb\xa1\xfd\x04\x9e/).U\xa9\xad\xda\xdb\xb2\xfb7x\xfbx\x97\x14\x97\xfcg\xeb\xce\x15\x0b\xe2ngd\x12\x91\x93\x93\xd3\xc8\x91#g\xce\x9c\xe9\xe7\xe7G\x0e\xfa\x89T,\x04\xc0\xff\xb0\xaf\xcb\xcf?\xff\xdc\xad[7\x95J\xd5\xe0\xa5@__\x1f\x9e\xe7\xedw\x1c!I\x92F\xa3\xc9\xcb\xcb\xbft.]\x14\xc5\xfd\xfb\xf7w\xea\xd4\xc9\xae\x8f\n\xcbPt\xce\x9c9l\xbeW\xa7\xd3EDO\x1e9a\x04o\xe6\xcb\xca\x9ep\xbe\xf7\xd1\t\x82\xa0\xd3\xe9\\\\\x9d\xb7\x7f\xfd\xdd\xec\x88\xf9y\xb9yD4n\xdc\xb8\x98\x98\x18\x0f\x0f\x0fG*\x07\xb1\xb2\xbbe\x03gK\xb9\xbf\x9a\x7f\xb5w\xde}c\xe4\xf8\x11\x1e\x9e\x1e\xfa\x02=\xd9\xae\xecnY*\xca\xf6\x90X\xbf*\x81]z\x86=$\x1e\x1d\x02\xe0\x7f\xd8\xf7\xe9\xa7\x9f~\xea\xd2\xa5\x0b\x11m\xf9qS\x8f^\xdd\xf4\x85z\xb5\xc6^\xbbK\x81\x17\xbc&lt;\xbd\x12\xf7\xec\x1f\xd2\xfb-":x\xf0`\xe7\xce\x9d\xed4\x00,\xf3\xbd\x97/_\x1e?~\xfc\xde\xbd{\x89\xa8Q\x93\x97bV\xcci\xd5\xb6eA\xbe^\x92$\xeb\x1c\xe7\xac%\xbeU}/\x9c\xbd8u\xf4\xb4\xe3)\'\x88\xa8EP\x8b\xd5\xabV\xb7j\xd5\xca\x01z\x9c\xf2\xe5\xfe\x03\x07\x0e\xc4\xc6\xc6&amp;%%\x11\x91\x93\x93\xd3k\x03_\x994cB\x9d\xfa\xb5\x0b\xf2\n\x04^\x90\xc3\xa1\xc1\x96\x8a\xba\xb9\xbb\x9d&gt;~za\xd4\x92\x9f\x93\x0e\xb3\xc7\xb1\x87\xc4\xa3p\x90\xd1Je(+5\x14\x97\x16\x17\x17\x97\xd8cw\xc9\x08\x82\xa0\xd6\xa8\xcbJ\r\xb6n\xc8\xd3b\xa1\xa5V\xab\xb7l\xd92a\xc2\x84\xec\xecl\xba;\xdf\xeb\xe5\xed\x95\x9b\x93\xc7\xee\'e\x9d\xc6p\x1c\xa7V\xabs\xb3s\xeb\xd4\xaf\xbd\xf5\xc7/W.\xfe$.\xf6\x93\xe3\xa9\xc7;v\xec\xb8h\xd1\xa2\x89\x13\'\x92=\x17\x1fX\xcb5\x1aMzzzlll\xc2\xc6\x04I\x94\x88\xa8m\xa7\xd6SgMj\xd31\xb8\xb8\xb0$\';G\xa3\xd6\xc8\xa1\xf7\'"\x8dFc6\x9bssr\x1b6j\xf8\xe5w\xf1I?\x1e\x8c\x8dZz\xe9B\xfa\xd9\xb3g{\xf7\xee\x8d=$\x1e\xce\x8e\xc7)\x95M\xa5\xe2T\x0e\xc2\xbe\x07&gt;l\xf8\xa6\xd7\xeb\xdf}\xf7\xdd\xd0\xd0\xd0\xec\xecl\xdf*\xbe\xab\x12\x96/\xfed\xa1N\xa7-\xd4\x17\xda\xe4\xa8\xd6h5\xa5\xc5\xa5\x82 \xce\x88\x89\xdc\xb8c}\xedz\xcf\x1b\x8d\xc6I\x93&amp;\r\x192$##\x83]\x97`_\xa7\xd7\xac\xb0n\xb9_c\xeb6\xad\xe3\xe3\xe3%Q\xaa\x17Xw\xf1\xea\x85\x9bvn\x0c\nn\x9e\x93\x9dk6\x9b5\x1aMeO\xf6&gt;\x16v\x8f\xcf\xd2\x92\xd2\xe2\xa2\x92\xee}\xba\xfdp\xe4?\xd1\xb13\xab\xfaU%\xa2\xcd\x9b7\xff\xeb_\xff\x9a5k\x96^\xaf\xd7h4\xa2(\xe2\xae\x93\xe5!\x00@\xbeX\x97\xa4\xd1h\x8e\x1e=\x1a\x1c\x1c\xbc~\xfdz"j\xdf\xa5\xdd\xf6}\x9b\x07\xbc\xd5?\';G\x10l\xb9!\x8cJ\xad\x92$)\'+7\xa4O\xd7\xff\xec\xdf\xd6\xbb_O"\xda\xbauk\xabV\xad\x12\x13\x13\xd9I\x89]\xdck\x9e\xd5|\xd8`a\xcb\x96-\xad[\xb7\x9e={v^n\x9e\xb7\x8f\xf7\xa4\x0f\xc7m\xdf\xbfe\xe8\xc87\re\x86\xe2\xc2\x12k\x9ei=.\xd6\xfeB}\xa1(\x8a\xa3\'\xbd\xbb\xeb\xd0\x8e\x81o\xf5\xd7\xe9teee\xf3\xe7\xcf\x0f\x0e\x0eNHHP\xa9Tj\xb5\x9a\xdd\xa8\xc0\xd6\xed\x95\x05\x04\x00\xc8\x14\xcf\xf3\xec\x90\x9e3gN\xd7n]/^\xbc\xa8\xd3\xe9&amp;D\xbe\xbfig|\xed\xfa\xb5s\xef\xe4\xca\xa13\xe28N\xa3\xd5\xe4\xe7\xe6{xz\xac\xfdj\xf5\xec\xc5\xb3&lt;\xbd&lt;o\xde\xbc\xd9\xabW\xaf\xc9\x93\'\xb3\x97 \xe7!\xa7$Il\x99\x83Z\xadNII\xe9\xd1\xa3Ghh\xe8\x85\x0b\x17T\x9cj\xe0[\xfd\xb7\'m\xf9p~\xa4\xab\xabk\xce\x9d\\\x95J\xa5R\xdbAw\xc1\x06\x04\xb99y~\xfe\xd5Vm\\\xbeu\xcf\xa66\x1d[\x13\xd1\xc5\x8b\x17\xc3\xc3\xc3CBB\x0e\x1c8\xc0\xe6\x03\xec\xee\x14\xad2\xd8\xc1\'\nJ\xc3z%\x8dFs\xf9\xf2\xe5^\xbdz\xcd\x9e=\xdbh0\xd6\xa9W\xfb\xab]\x1bg,\x98VZR\xf6\xc4\xbb;T\x12\x8dFc2\x99\x8a\n\x8b\xc6N\x19\xb5\xf9\x87/\x9a\x065\x91$i\xf9\xf2\xe5\x9d\xbbtNOO\x97\xed\x90\x93m\xa6\xa6\xd1hn\xdd\xba5|\xf8\xf0N\x9d:\xb1\xed\xfb\xdbvj\xf3\xe5\xce\xf8\xb8\xf8eu\xea\xd7\xbe\x93y\xc72!lG\xd8\xc4@NvnPp\xf3\xaf\xbe\xdf\xb8x\xf5\xc2\xba\xf5\xeb\x10\xd1\xfe\xfd\xfb\xbb\x85t\x1b&gt;|xFF\x06\x1b@\xc89\x9e\xad\x00\x01\x00\xf2b\xe9\x95\xb6m\xdb\xd6\xb6m[\xb6\xdag\xf0;\x03w\x1d\xde\x11\xdc\xae\xd5\x9d\xcc;\xec\xb4\xc0\xd6\xcd\xbc\x17\xab-dg\xdei\xdc\xf4\xa5\xed\xfb6\x87\x8f\x1eJD\xbf\x1c\xf9\xa5u\xeb\xd6\xeb\xd7\xafgCN\xb9\xf55j\xb5\xdad2\xcd\x9f?\xbfe\xcb\x96\xf1\xf1\xf1\x06\x83\xa1z\xcd\xea\x8bW-\xf8\xea\xfb\x8d\x9dB:\xe4\xe6\xe4\x19\xca\x0c\x1a\xad\xedO\xb3\x9e\x0c\xfb\x16\x15\x17\x96\x18\xca\x0cCG\xbe\xb9\xe3\xc0\xd6\x89\x1f\x8e\xf3\xf2\xf6"\x89\xe2\xe3\xe3[\xb4h1\x7f\xfe|\x93\xc9d\xa7s\xf5\x15Ev\x07\x12(\x19\x9b\xef-**\x1a?~\xfc\xe0\xc1\x83\xef\xdc\xb9S\xa5\xaa\xef\xca\r\xcb\x96\xad\x8durr**,z\xf8n\xfe6\xa7\xd1j\x8a\x8bKx^X\xb8r^\\\xc2r\xff\xea\xfeyyy\xef\xbe\xfb\xee\x1bo\xbc\x91\x9b\x9b\xcbf\x86m\xddF""v\xab\xe4-[\xb6\xb4h\xdeb\xd6\xacY\xb7o\xdfvvv~\xff\x83\xd1\xbb\x0em\x7fg\xe4\x9b\x86R\x83\xbe\xa0P\xa3\xd1\xc80h\x1f\x97J\xadR\xa9T9wr]]]\xa7\xcf\x8f\xfc\xee\xe0\xb6W\xfb\xf7!\xa2\xcc\xcc\xccY\xb3f5o\xde|\xcb\x96-f\xb3\xd9.\xa6j*\x83\xdd\x7f\xc0\xe0\x18,\xf3\xbd)))\x9d\xbbt\x8e\x8b\x8b#\xa2\xf6]\xda}\x93\xb8y\xf0;\x03\xf4\x05\x85,\x1bl\xdd\xcc\x7f\xa6V\xab%I\xca\xb9\x93;\xe0\xcd\xd7\xbf\xff\xe9\xdb\xf6]\xda\x11\xd1\xe6\xcd\x9b\xdb\xb5k{\xf4\xe8Q\xb6\x10\xc5\xb6\xdd\r\x9b\xefMNN\x0e\r\rM;\x97\xa6V\xab_}\xbd\xcf\xf7\x87\xb6\xcf\x88\x99\xe6\xe3\xeb\x93\x9b\x93\xc7\xa98\xbbx\xab\x1f\x1d\xbb\x99\xcf\x9d\xcc;\xb5\xeb\xd5\xfe\xe4\x8b\x95\x9bvnl\x1a\xd4\x84\x88\xce\x9d;\x17\x1a\x1a\x9a\x9c\x9c,\xf3\xa9\x9a\xca\x83\x00\x00\xdb\xb3\xcc\xf7\xaeX\xb1\xa2c\xc7\x8e\xc7S\x8fs\xc4\x8d\x8f\x1c\xbbigB\x9d\xfa\xb5s\xee\xe4\xda\xd7U&lt;\xac\xf8\x90\x97\x93W\xcd\xbf\xdaW\xdfo\x9c\x193M\xa7\xd3]\xbcx\xa9k\xb7\xaes\xe6\xcca\xaf\xd4\xe6\xa7\x02f\xb3\x99\x95\xad\xa2\x17\xcf\xdc\xf0\xcd\x9a\xc0\x17\xea\xe7\xe5\xe4\xfdw\x89\xa7#b\xd3\xf5e\xa5eE\x85E\x9dB:|w`\xdb\xf8\x88\xb1j\xb5Z\xa5R\x99\xcdf[\xb7\xcef\x10\x00`K\x96\xf9\xde\x8c\x8c\x8c^\xbdzM\x9a4\xc9h4\xd6\xaeW{\xe3\x8e\xf53b"\xcbJe7\xdf\xfb\xe84\x1a\x8d\xd1h,-)}\xff\x83\xd1\xdf$~\xdd\xa8\xc9KF\x83q\xf6\xec\xd9\xbdz\xf5\xba|\xf92\x1b\x93\xdapf\x98-Q\x15\x04!\xb0a}\x93\xd1T\\T,\x87UU\x95\x8de^~n\xbe\xceY\xd7\xaeK[A\x10DQt\xf8W\xfd\x10\x08\x00\xb0\x19v\xec\xb1\xf9\xdeV\xad\xfe\xc5\xe6{_\xed\xdfg\xc7\xfe-\xdd\xfbt\xcd\xc9\xca\xb5\xf7\x1b\xfe\xa9T*\x8e\xe3rs\xf2Z\xb4j\xb6m\xefW\x83\xdf\x19HD{\xf7\xeem\xd7\xae\xdd\x96-[d23\\Vf\xb0\xf7\xf7\xf9q\xa95jQ\x10K\x8aKl\xdd\x10\xdbS\xd0\xa7\x0e\xb2\xc2\xca&gt;\x96\xf9\xde\x9b7oyy{-\x8a\x9b\xbfn\xf3\'\x1e\x1e\x1ey\xb9\xf92\x9f\xef}t\x1a\x8d\xa6\xb0\xa0H\xab\xd3.[\x1b\xbbr\xc3\xb2*U}\xb3\xb3\xb3CCC\xdf}\xf7\xdd\xa2\xa2"\x9b\xcf\x0c\xdb\xfb\x85\xe2OFi\x99\xf7 x\x0b\xc0\xda,{\x8d\x9d8q\xc22\xdf\x1b\x14\xdc\xfc\xbb\x83\xdb\x86\x8e|;/7\x9f7;\xda\x9e-j\x8dZ\xe0\x05}A\xe1\xe0w\x06|\x93\xb8\x99\xcd\x0c\xaf_\xbf\xbes\x97\xce)))r\x98\x19\x06eB\x00\x80U\xb1e\xfej\xb5:..\xaek\xb7\xae\x96\xf9\xde\xcd\xbb\xbf\xacS\xbfN^n\x9eZ\xad\xe6\x1cqL\xca^u\xce\x9d\xdc:\xf5ko\xda\x990&gt;r,\x11\xb1-\xe4V\xacX\xc1f\x86m^\x0e\x02\xa5A\x00\x80\xf5\xb0\x9d&amp;322\x86\x0c\x192~\xfc\xf8\x82\xfc\x82\xda\xf5\x9eg\xf3\xbd\xa2 \x96\x16\x97:\xd8\xc0\xff\xef4\x1a\r\x9b\xd9\x9e\x11\x13\xf9\xf9\x8e\r\xb5\xeb\xd5f[\xc8\xf5\xea\xd5\x8bm!\x87\x0c\x00kB\x00\x80\x95\xb0\xbb\x8b$&amp;&amp;\xb6l\xd9r\xeb\xd6\xadD\xd4\xbb_\xaf\xff\xec\xdf\x16\xd2\xa7kNV\xae$Iv\xb1\xd5\xcc\xd3c3\xc39Y\xb9\xdd\xfbt\xdd\xb1\x7f\x0b\xbb.i\xef\xde\xbd-[\xb6LLLd\x97\x11\xd8\xba\x8d\xa0\x14\x8a8\xe4\xc0\xe6\xd8\x82\x9f9s\xe6\xf4\xec\xd93##\xa3\x9a_\xb5\xe8\xd8\x19k\xbfZ\xe5\xe1\xe9\x91\x9f\x9bo\xbf\xfb\r&lt;1\x8dV\x93\x97\x9b\xef\xe1\xe1\xb1n\xf3\'\x0b?\x9eW\xcd\xafjFFF\xcf\x9e=\xe7\xcc\x99c/{\x88\x82\x03@\x00\x805\xb0\x1e\x8d\xd578\x8e\x9b:k\xe2\xd4\x88I\x85\xfaB\x93\xc9\xe4\xf0e\x9f\x07\xd1h4\xbc\x99\xcf\xb9\x93;f\xfc{SgMb\x11\xc8\xde"\x04\x00X\x07\x02\x00\xac\x81-\xb9\x1b:t\xa8\xb3\xb3\xb3$I\xc7SN\x14\x1a\n\xc9\xceo\x9d\xf8\xf48\x15\xc7q\\\xb1\xa1\xe8x\xca\tI\x92\x9c\x9d\x9d\x87\x0e\x1dJ\x8a\x7f[\xc0j\xf0=\x03kP\xa9T\xa2(\xd6\xae]\xbbY\xb3fD\xf4s\xd2\xe1;Y9NNN\n\xafwK\x92\xe4\xe4\xe4t\'+\x87\xdd\xc9\xb6Y\xb3f\xb5k\xd7\x16E\x11\x01\x00\xd6\x81\xef\x19X\t\xeb\xd7^\x7f\xfdu"\xca\xce\xba\x93r\xf4wW7\x17\x85\xd7:DQtusI9\xfa{v\xd6\x1d"z\xfd\xf5\xd7YR\xda\xba]\xa0\x14\x08\x00\xb0\x126\xaa\xed\xdb\xb7\xaf\x93\x93\x13\x11%\xee\xda\xa7\xb4\x89\xdf\xfb\xe28.q\xd7&gt;"rrr\xea\xdb\xb7/\xa1\xfe\x03V\x84\xaf\x1aX\t\x1b\xdb\xd6\xabW/((\x88\x88\x8e\x1dI\xc9\xc9\xce\xd1j\xb5\x8a\xad\x02I\x92\xa4\xd5js\xb2s\x8e\x1dI!\xa2\xa0\xa0\xa0z\xf5\xea\xa1\xfe\x03\xd6\x84\xaf\x1aX\x0f\xeb\xddBBB\x88(;\xeb\xce\xf9\xb4K\xce.\xce\x8a\xadx\x88\xa2\xe8\xec\xe2|&gt;\xed\x12\xab\xff\x84\x84\x84\xa0\xfe\x03V\x86\x00\x00\xeba5\x9f\xee!\xddU*\x95\xc0\x0bI?\xec\xd79)\xfa\x0c@\xe7\xa4M\xfaa\xbf\xc0\x0b*\x95\xaa{Hw\xba\xfb\x16\x01X\x07\x02\x00\xac\x87]\xe6\xda"\xa8E`` \x11\xfd\xb4\xefPA^\x81V\xab\xb5u\xbblC\xab\xd5\x16\xe4\x15\xfc\xb4\xef\x10\x11\x05\x06\x06\xb6\x08j\xc1.\x96\xb6u\xbb@A\x10\x00`U\x82 \xe8t\xbaW_}\x95\x88\xae_\xfd\xe3T\xea\x19WW\x17\x05n\x80#\x08\x82\xab\xab\xcb\xa9\xd43\xd7\xaf\xfeAD\xaf\xbe\xfa\xaaN\xa7S\xe0\xfb\x00\xb6\x85\x00\x00\xabb%\x8e\xfe\xfd\xfb\xb3zw\xd2\xee\x03ZEV\x81$I\xd2:i\x93v\x1f`\xf3"\xfd\xfb\xf7\'\xd4\x7f\xc0\xea\x10\x00`U\xac\n\xd4\xacY3\x85W\x81\xee\xa9\xff4k\xd6\x0c\xf5\x1f\xb0&gt;\x04\x00X\x1b\xaa@\xa8\xff\x80L \x00\xc0\xdaP\x05B\xfd\x07d\x02\x01\x00\xd6\x86*\x10\xea? \x13\x08\x00\xb0\x01%W\x81P\xff\x01\xf9@\x00\x80\r(\xb9\n\x84\xfa\x0f\xc8\x07\x02\x00l@\xc9U \xd4\x7f@&gt;\x10\x00`\x1b\x7f\xab\x02\x9duus\xfc*\x90 \x08\xaen.\xa7R\xcf\xa2\xfe\x03r\x80\x00\x00\xdb\xb8\xa7\n\xb4\xef\x87$\x8d\x02v\x06\x95$I\xa3\xd5\xee\xfb!\t\xf5\x1f\x90\x03\x04\x00\xd8\xc6=U\xa0\xdf\x8f\xa5\x96\x95\x96:|%D\xadV\x97\x95\x96\xfe~,\x95P\xff\x01\x19@\x00\x80\xcd\x88\xa2\xa8\xd3\xe9Z\xb7nMD\x97.\\\xb9t\xee\xb2\x8bC\xef\x0e-\x8a\xa2\x8b\x8b\xf3\xa5s\x97/]\xb8BD\xad[\xb7\xd6\xe9t\x0e\xfczA\xfe\x10\x00`c\xac\x0cb4\x18\x0e&amp;\xfe\xec\xd8\xb7\x07`7\x008\x98\xf8\xb3\xd1`\xa0\xbb/\x1c\xc0\x86\x10\x00`3\xec\xd6W\x1d:t\xa8Q\xa3\x06\x11%\xfdx\xa0\xac\xac\xcc\x81\xeb!j\xb5\xba\xac\xac,\xe9\xc7\x03DT\xa3F\x8d\x0e\x1d:\x10n\x00\t6\x85/\x1f\xd8\x0c\xc7q\x82 xxxt\xef\xde\x9d\x88\xce\x9d\xb9p1\xed\x92\xa3V\x81X\xfd\xe7b\xda\xa5sg.\x10Q\xf7\xee\xdd=&lt;&lt;\x04A\xc0\x0c0\xd8\x10\x02\x00lo\xc0\x80\x01Dd2\x1a\x0f&amp;\x1er\xd4*\xd0\xdd\xfa\xcf!\x93\xd1Hw_2\x80m!\x00\xc0\x96\x94S\x05B\xfd\x07d\x08\xdf?\xb0%\x85T\x81P\xff\x01yB\x00\x80,8v\x15\x08\xf5\x1f\x90\'\x04\x00\xd8\x98\x12\xaa@\xa8\xff\x80&lt;\xe1+\x086\xe6\xf0U \xd4\x7f@\xb6\x10\x00 \x17\x8eZ\x05B\xfd\x07d\x0b\x01\x00\xb6\xe7\xd8U \xd4\x7f@\xb6\xf0-\x04\xdb\xfb{\x15\xe8\xfc\xd9\x8b\x8eQ\x05b\xf5\x9f\xf3g/\xa2\xfe\x032\x84\x00\x00\x19\x198p \xc7q&amp;\xa3\xf1\x97\x9f~uvu\x90\x00pvu\xfe\xe5\xa7_MF#\xc7q\x03\x07\x0e\xb4u\x8b\x00\xfe\x07\x01\x00\xb2\xc0J"\xad[\xb7\xf6\xf5\xf5%\xa2\x94#\xbf\x99\xcd&lt;\xc7\xd9\xfd\xf7\x93\xe3Tf3\x9fr\xe47"\xf2\xf5\xf5e[\x9f\xa2\xfe\x032\x81/"\xc8\x02\xc7q\xa2(z{{\x07\x07\x07\x13\xd1o\xc7Ro\\\xbd\xe1\xec\xecd\xd7\xb7\x88\x91$\xc9\xd9\xd9\xe9\xc6\xd5\x1b\xbf\x1dK%\xa2\xe0\xe0`oooQ\x14Q\xff\x01\x99@\x00\x80\\\xb0\x9e\x91\x15I\x8a\n\x8b\x8e\x1c&lt;j\xef7\x89d7\x80&lt;r\xf0hQa\x11\xdd-p\xc9\xad\xae%\x8a\xa2]\xa7\xec\x13S\xe6\xab\xbe\x07\x02\x00\xe4\x82-\xfb\xe9\xd1\xa3\x87\x97\x97\x17\x11%\xfe\x90$\x08\x82]W\x818N%\x08B\xe2\x0fID\xe4\xe5\xe5\xd5\xa3G\x0f\xba\xfb2\xe5\xc3\xcd\xddM\xa5V\xd9u\xd0&gt;.I\x92DQ\xd4\xea\xb4\xb6n\x88\xed\xd9\xf1\xd1\x05\x0e\x86\x8d\x8e\x03\x02\x02\xda\xb7oOD\xa9\xc9\'\xfe\xb0\xe7*\x10\xab\xff\xfcq\xf5Fj\xf2\t"j\xdf\xbe}@@\x80|\xea?\x92$\xa9T*\xb5Z\xfd\xcb\xc1\xa3&amp;\xa3\xc9\xc7\xd7\x87\xe7y\xb9\x9d\x9dT\x06\x9e\x17t:\x9d\xbb\xab{VF\x16\xc7qj\xb5Z&amp;\x9f\x88M \x00@FX\x07\xc4.\x95\xb2\xf7*\xd0=\xf5\x1f\xf6\xa2\xe4\xd3\xc3j\xb5ZQ\x14\x05AX\xb9xu\xbf\xce\x03\x0f\x1f8R\xa5\xaa\xaf\xb3\x8b3\xcf\xf3\xb6nZea_$\xdf*\xde\x85\xfa\xc2\x89\xa3\xa6\xce\x9a&lt;\x87\xad?v\xe0\x97\xfc\x8f\x10\x00 #\x8eT\x05\x92m\xfdG\xadV\x8b\xa2\x18\x1c\x1c\xbcy\xf3\xe6\x97^z\x89\x88N\x1d?\xf3f\xdfa\xe3\xc2&amp;]\xbb|\xbd\x9a_U"\x12x\xbb\x0c\xdd\x07aQ\xe7\xe5\xed\xa5V\xab\xd7\xacX\xdf\xb3\xf5\xab\x9f\x7f\xb6\xa9\xa4\xa4D\xa3\xd1\x8c\x1b7\xaeE\x8b\x16\xa2(*si\x96\x12_3\xc8\x96\xc3T\x81d^\xffQ\xa9TZ\xadv\xc8\x90!\'N\x9c\x987o\x9e\x8f\x8f\x8f$I\xdf|\xb5\xe3\xf5n\x83bg\x7fDD\xde\xbe\xde\xa2(\xca\xe7|\xe5\x89I\x92\xc4\xf3\xbc\xab\x9b\xab\x87\xa7\xc7O\xfb\x0e\r\xec\x11:\'r\xfe\x9d\xec\x1c"\xea\xdd\xbb\xf7\xf1\xe3\xc7W\xae\\\xe9\xe3\xe3\xa3R\xa9d\xf2\xd1X\x19\x02\x00\xe4\xc51\xaa@2\xaf\xff0\x82 \xe8t\xba\x993g&amp;\'\'\x87\x87\x87s\x1c\xa7/(\xfch\xfe\x8a\xbe\x1d\xfb\x7f\xfb\xd5\x0e\x0fO\x0f77W\x81\x17\xec.}-x\x9eWk\xd4\xbeU}/\x9dO\x1f\xf3\xce\xf8\xb7^\x1bv2\xf54\x115n\xdc\xf8\xc7\x1f\x7f\xdc\xbd{w\xa3F\x8d\x04\xc1\x8e_\xe0\xd3C\x00\x80\xbc8F\x15H\xb6\xf5\x9f\xf2\xd4j5\x1b \x07\x06\x06n\xd8\xb0!))\x89]\x84q\xe9B\xfa\xf8\xe1\x93C_y;5\xe5\x84o5_\xadV\xc3\xdb[EH\x14DQ\x14\xabV\xabRVZ\x163}\xd1\xab\x1d_\xdf\xb5}7\x11\x05\x04\x04\xcc\x9b7/55\xb5W\xaf^\xec\x14\x07\x93\xc0\x002\xe2\x00U \x99\xd7\x7f\xca\xe38N\xa3\xd1\x88\xa2\xc8\xf3|\xd7\xae]\x8f\x1c9\x12\x1f\x1f_\xabV-":r\xf0\xe8\x90\xdeoO{\x7fFA\xbe\xde\xb7\x8a7\xdd\x9dD\x959\x16i\xee\x9en\xce.\xce_|\xf6U\xbf.\x83V-\xfd\xd4h0:9;\x85\x87\x87\xa7\xa6\xa6\xce\x9c9S\xa7\xd3\t\x82\xa0R\xa9\x94Y\xf7/O\xe9\xaf\x1fd\xc8\xde\xab@vQ\xff)O\xa5Ri4\x1aA\x104\x1aMXX\xd8\xf1\xe3\xc7g\xce\x9c\xe9\xe2\xe2b2\x996\xae\xfd\xb2g\x9b\xbekV\xacW\xab\xd5^\xde^\x82 \xc8\xf7\x85H\xc4\xf3\xbcV\xab\xad\xeaW%5\xf9\xc4\x9b}\x87}0\xf6\xc3k\x97\xaf\x11Q\xb7n\xdd\x0e\xfd|h\xc3\x86\r5k\xd6\xe4y^\x92$\xb9\x9d\x8d\xd9\n\x02\xe0\x81DQ\x12\x1d\x84\xdd\x8c\x9d\x19{\xaf\x02\xd9E\xfd\xe7\xef,\x15!??\xbfy\xf3\xe6\xfd\xf6\xdbo\xbd{\xf7"\xa2;Yw\xe6D\xce\x1f\xd8#\xf4\xa7}?{xz\xb8\xb8\xba\xf0f^n\'d\x82 \x10GU\xfd\xaafg\xddy\x7f\xd8\xa4\xc1\xbd\xde\xfa\xf5\xd01"j\xd8\xb0a|||RRR\xabV\xadX\xb9_\xa3\xd1\xc8\xf0T\xccV4\xb6n\x80|\xb9\xb8:\xbb\xbb\xba\x0b\xbc\xa0\xd6\xc8\xfd\xd0}\x10\x81\x17\xdc]\xdd]\\\x9dm\xdd\x90\xc7S\xbe\n\xf4\xc3\x0f?\xa4&amp;\x9f\xb8v\xe5\x8f\x9a\xcf\xd40\x19M\xf2?t%Irvq\xbav\xe5\x8f{\xea?vQm`\x15!v\xa1l\xa3F\x8dv\xef\xfeq\xcf\x9e=\x91\x91\x91g\xcf\x9e=\x99z\xfa\xad\xd7\xc2^\xed\xdfg\xf2\x8c\xf1/5yI\x9f\xaf7\x99\xcc\x1a\x19\x1c\x1a\xa2(\x12\x91\x97\xb7gqQ\xc9\xe2\xd9K\xbf\xf8\xec+\xb6\xc8\xc7\xc5\xc5e\xca\x94)S\xa7N\xf5\xf2\xf2b\xcf\x91\x7f\x06[\x1f\x02\xe0^\xec\xe2@\x95J5\x7f\xfa\xc2O\x96\xae\xe1y^\xfe\x9d\xce\x83\xb0\xf1N^^&gt;\xbb\xea\xc7\x8e^\x08\xeb1\xfb\xf7\xef\xff\xc3\x0f?\x14\x15\x16\x9d9q\xb6^`\x1dC\x99A\xfe\xc7\xb0(\x8a..\xcegN\x9ce\xf5\x9f\xfe\xfd\xfb\xd3\xdd\x97c\xeb\xa6=*v\x08\xb0N\xb3W\xaf^]\xbbv]\xbcx\xf1\xea\xd5\xab333wm\xdf}\xf8\xc0/a\xa3\xdf\t\x1b\xfd\x8e_\x80_~n&gt;\xc7q\xb6zi\x92$\x89\x82\xe8\xe6\xe1\xa6Rq\x89?\xec_\x14\xb5$\xfd\xc2e\xf6\xa3\xd0\xd0\xd0\xe9\xd3\xa77j\xd4\x88\x88x\x9e\xd7h\xd0\xd1\xdd\x1f\xde\x97{\x99\xcdfA\x10\x04AH;u\xce\xd6m\xa9`f\xb3\xd9\xd6MxT\xacOi\xd3\xa6\x8d\x93\x93\x93\xd1h&lt;\xb8\xf7\xe7\xd7C\xfb\xd9\xbaQ\x8f\x8c\xe3\x0e\xee\xfd\x99\x88\x9c\x9c\x9c\xda\xb4iC\xf6\xb9\xff3k\xb3e\xa9hxx\xf8\xacY\xb3\xe2\x13\xe2\xf5\x05\xfa\x15\x0b\xe3\xbe\xff\xe6\x87I\xd3\xc7\xfd{H?Q\x10\x8a\x8a\x8a\xad\xbf\x96\x86\xe7yggg\x17o\x97\xb3\'\xce.\x8cZ\xf2s\xd2a\xf6xp\xeb\xe0\xb9s\xe6\x86\x84\x84\xb0\xe7\xa8\xd5j\xf4\xfe\x0f\xc1\xc9\xad\x96gCl\x98v\xea\xd4\xa9\xc9\x93\'\xb3o\xbf\x1d\r\x99\x1f\x82}\xc4\xa2(.[\xb6\xaci\xd3\xa6\xf62\x1ae#\xd0v\xed\xda\x1d;v\xcc?\xc0/1\xf9\x07w\x0fw\x99\x9f\x90\xb1S\xae\xe2\xa2\xe2\x1e\xc1\xafdef\xb7n\xdd\xfa\x97_~!\xfb\x0c\x00\x0bI\x92\xd8\xfc0\x11\x1d8p`\xd1\xa2E\xfb\xf7\xefg?j\xdf\xa5\xed\xa4\xe9\xe3\xdbvjS\\Xl0\x18\xac\xd3\xd5\n\x82\xa0V\xab\xbd\xbc=o\xdd\xbc\xbd2v\xd5\x96\xcf\xbf1\x1a\x8cD\x14\x10\x100}\xfa\xf4\xf7\xde{\x8f\x9d\xef\x92\x9d\xbf\xed\xd6\x81\x00\x00\x99bg\xeeK\x97.\xfd\xe0\x83\x0f\x88h\xcdW\xab\xfb\xf4\xeb\x91\x9fW \xe7*\x90 \x08&gt;\xbe\xde\xbb\xbfK|\xef\xcd\xb1D\xb4d\xc9\x92\xa9S\xa7:F\t\x82M\x0c\xb07?!!!**\xea\xe6\xcd\x9bD\xa4srzm\xe0+\x93gL\xa8]\xf79}A!\xeb\x9d+\xa9\r\xa2(J\x92\xe4\xe5\xe3URT\xf2\x9f\xad;W,\x88\xbb\x9d\x91ID..\xce#F\xbc;s\xe6L???\xba\x9b\x10\x95\xd4\x06\x07\x83\x00\xb8\x97$I\x8e\xfa\x9ep\x1c\'\xe7\xe1\xf3=\xd8\x99Jzz\xfa\xcb/\xbfl4\x1a\xfb\x87\xfe{\xd3\xd7\t\xf9&amp;\xd9\x07\x80\xce\xfb\xad7\xc2\xb6o\xfe\x8f\x93\x93\xd3\x993g\x02\x03\x03\xed\xe5\x94\xebQ\xb0\xe5\xf3\x1c\xc7egg\xc7\xc5\xc5}\xf4\xd1GeeeDT\xd5\xaf\xea\xd8)\xef\xbd5&lt;\xd4\xc5\xd5\xa5H_D\\\x05\x8f\xbe%I\x12x\xc1\xcd\xc3M\xadV\x1f\xda\x7f\xf8\xa3\xf9\x1f\x9f\xfc\xfd\x14\xfbQ\xef\xde\xbdcccY\xb9\xdf\xd2\xbc\n\xfc\xd3\x8e\r\x01\x00\xf2e\xa9\x02%\'\'\xfb\xf8\xfa\xbc\x11&gt;X\xa5RI\x92\xc4\x91\x1c\x8fp\x89$\xb6~\xe9\xeb\xf8\xad\xf9y\xf9\xc1\xc1\xc1\x0eP\xff\xb9/\xcb9MZZ\xda\x82\x05\x0b6o\xde\xcc\x1eo\xf0b`\xe4\x9c\xa9=^\xe9\xc6\xf3Bq\xc5M\x0c\xf0&lt;\xaf\xd3\xe9\xbc|\xbc\xce\x9d&gt;\xb7,f%\xbb\xa6\x97\x88\x1a7n&lt;}\xfa\xf4!C\x86\x10\xba\xfe\'\x85\x00\x00\xf9b\x1d\xcd\x92%K"""l\xdd\x96\xc7\xb6x\xf1\xe2\x0f&gt;\xf8\xc01\xea?\x7fW~b\xc0\xb2T\x94\xfd\xe8\xd5\xfe}\xc6E\x8ci\xdc\xacQqQ\xb1\xc9hz\x9a\x97/\n"q\xe4[\xc5\'\xf3vV\xc2\xa7_$|\xfa\x85\xbe@OD\x01\x01\x01c\xc7\x8e\x8d\x88\x88\xd0\xe9t(\xf7?\r\x04\x00\xc8\x17+\x9e\\\xbe|\xb9C\x87\x0e&amp;\x93I\xadVK$\xf7\xaf+G\x1c[9s\xf8\xf0\xe1\xfa\xf5\xeb;R\xfd\xe7\xef,\x9d\xaf\xc9dZ\xbbv\xed\x82\x05\x0b233\x89\xc8\xc9\xd9\xe9\xdd\xf7\xc3GN\x18\xee\x1f\xe0\x97\x97\x9bO\x12\xa9\xd4\x8f\xf7&amp;\xb0\x80\xf1\xf4\xf2\xe0y\xe1\x9bM;\xd6\xaeXw\xf5\xf25""\x8e\xc2\xc3\xc2\xe7\xcd\x9bW\xa3F\rB\xb9\xff\xa9!\x00\xc0\x0e\x14\x16\x16\n\x82\xc0qv\xf0ue\x8dT\xab\xd5\x9e\x9e\x9e\xb6n\x8b\x95Xz\xe1[\xb7nEEE}\xf5\xf5WlYN\x9d\xfauFO|w\xc0[\xafk4\xeaB}\xd1\xa3W\x84\xd8\x12OwO\xb7_\x0f%/\x99\xbb\x9c]\xd3KD\xdd\xbau\x9b6mZ\xd7\xae]\xe9\xee\x12O\xd4|\x9e\x92\x1d\x1cQ\xa0p\x92$\xd9\xe3qn\xa7\xcd~2\xe5\xd7\x08\xa5\xa4\xa4\xcc\x9c9\xd3\xb2T\xb4M\xc7\xd6\x1fDMj\xd31\xb8\xb8\xb0\xc4`0h\xd4\x9a\x87\xcc\xe0X\x96x^\xbfzcY\xcc\xc7;\xb7\xed2\x99LD\xd4\xb0a\xc3\x88\x88\x88\xb0\xb00B\xb9\xbfB!\x00\xc0\x0e\xd8\xe3\xb7T\x81=\xd4=KE\x17/^|\xf1\xe2E"\xd2\xe9t\xaf\rzu\xf2\x8c\tu\xea\xd7.\xc8+\xb8o\xdd\x86U\x93&lt;&lt;=\xcaJ\xcb6m\xd8\xbc\xfa\xa359\xf7\xdb\xd1\x01\xfb\xb8U,\x04\x00\x00T$\xcb\xc4\x80^\xaf_\xbat\xa9e\xa9h5\xbf\xaa\xef\x8c|s\xe4\xf8\x11\xee\x1en\x85\xfa"\xba;s\xcb\xca\xfd\xee\x1e\xee*\x15\x97\xf4\xe3\xc1\xd8\xa8\xa5\x97.\xa4\xb3_\x85\x1d\x1d*\x1b\x02\x00\x00*\xde\x83\x96\x8a\x06\xbeP\x7f\xda\xdc\x0fBzw\x11E\xa9\xb8\xa8\x84Hrvvvsw;}\xfct\xf9\x1d\x1d\x1a7n\x1c\x1b\x1b\xdb\xabW/B\xb9\xbf2!\x00\x00\xa0R\x94_*\x9a\x94\x94\x14\x15\x1d\x95|,\x99\xfd\xa8SH\x87\x0f\xe7~\xf0r\xf3\xc6\x9cJu\xf3\xc6\xcd\x8dk\xbe\\\xbf*\xc1`0\xd0\xdd\x1d\x1dF\x8d\x1a\x85%\x9eV\x80\x00\x00\x80Jd\xe9\xc4\xcdf\xf3\x9a5k\xfe\xb7T\xd4\xc9i\xf4\xe4\x91\xb5\x9e\xad\xb9d\xee\xf2\xac\xdbY\xec\x91\x91#GbG\x07kB\x00\x00@\xa5\xb3\xf4\xe6\xd9\xd9\xd9\xf3\xe7\xcf\xff\xec\xb3\xcf\x8cFc\xf9\'\x84\x84\x84\xcc\x9b7\xafU\xabV\x84u&gt;V\x84\x00\x00\x00k\xb8g\xa9\xe8\xacY\xb3\x92\x92\x92\x08;:\xd8\x14\x02\x00\x00\xac\xa7|\x0c|\xfe\xf9\xe7\xd7\xaf_\x9f1c\x066p\xb6\x15\x04\x00\x00X\x1b\xbb?\x9de\xa4\x8fr\xbf\xad \x00\x00\xc06\xd8]\xda\xb1\xc4\xd3\x86\x10\x00\x00\x00\n\x85\x8a\x1b\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n\x01\x00\x00\xa0P\x1a[7\xe0iI\x92d\xeb&amp;\x00\x80Bq\x1cg\xeb&amp;&lt;\x15\x0e\x1d(\x00\x802\xd9\xf7\x19\x80$I\x85\x85\x85\xa2(r\x1c\x92\x0c\x00\xac\x87\xf59\x1e\x1e\x1e\x1a\x8d\x1d\xf7\xa2\xf6\xdatI\x928\x8e\xd3\xeb\xf5-[\xb6\xd4\xeb\xf5\x08\x00\x00\xb0&amp;\x95J%\x8a\xe2\x8e\x1d;\xda\xb5k\'\x08\x82Z\xad\xb6u\x8b\x9e\x84\xbd\x06\x00#\x08\xc2\x95+Wl\xdd\n\x00P\xa8\x92\x92\x12[7\xe1\xa9\xd8k\x00\xb0\xb9\x1777\xb7\xd8\xd8X\x83\xc1`\xeb\xe6\x00\x80\xb2\xb0\xaaC\x83\x06\r\x88H\xa5\xb2\xd7\xe5\x94\xa8\x9c\x00\x00(\x94\xbd\x9e\x01X\xf0&lt;o\xeb&amp;\x00\x80B\xa9\xd5j\xbb^\t\x8a3\x00\x00\x00\x85\xb2\xd7\xd2\x15\x00\x00&lt;%\x04\x00\x00\x80B!\x00\x00\x00\x14\n\x01\x00\x00\xa0P\x08\x00\x00\x00\x85B\x00\x00\x00(\x14\x02\x00\x00@\xa1\x10\x00\x00\x00\n\x85\x00\x00\x00P(\x04\x00\x00\x80B!\x00\x00\x00\x14\n\x01\x00\x00\xa0P\x08\x00\x00\x00\x85B\x00\x00\x00(\x14\x02\x00\x00@\xa1\x10\x00\x00\x00\n\x85\x00\x00\x00P(\x04\x00\x00\x80B!\x00\x00\x00\x14\n\x01\x00\x00\xa0P\x08\x00\x00\x00\x85B\x00\x00\x00(\x14\x02\x00\x00@\xa1\x10\x00\x00\x00\n\x85\x00\x00\x00P(\x04\x00\x00\x80B!\x00\x00\x00\x14Jc\xeb\x06(\x82$I\xa2(\xb2\xff\xa3\xd1&lt;\xec=\x17\x04\x81\xfd\x1f\x95JED\x1c\xc7Y\xa1y\x006!\x08\x82$Ij\xb5\x1a\xdfs[\xe1$I\xb2u\x1b\x1c\x10\xeb\xf1%I\xe28N\xa5R=\xf1\xf7\x9b\x1d!O\xf9K\x00\xe4F\x14E\x8e\xe3,_iA\x10\xd4j\xb5m\x9b\xa4L\x08\x80\x8a\xc7\xba\xec\xf2\x8f\xe4\xe7\xe7_\xbdz5//\xef\xfc\xf9\xf3c\xc6\x8c\xd1\xe9t\x0f\xfaW_~\xf9\xa5\x8b\x8b\x8b\xbf\xbf\xff\x0b/\xbc\xe0\xeb\xeb\xcb\xce\x03\x18Q\x14\xcb\xff\'\x80=bc#\xd6\xdd\x7f\xfe\xf9\xe7\xd7\xaf_\x9f1c\x86V\xabe\xa7\xc8\xf8\x86[\x19\x02\xa0R\x08\x82p\xfc\xf8\xf1c\xc7\x8e\x9d={\xf6\xfc\xf9\xf3W\xaf^\xcd\xce\xcef?\xbax\xf1b\x83\x06\r\xfe\xde\x9bK\x92\xc4\xf3\xfc3\xcf&lt;\x93\x95\x95EDU\xaaT\xa9Q\xa3F```\xb3f\xcd\x82\x83\x83\xff\xf5\xaf\x7fyxx\xd8\xe0\x95\x00T\x10I\x92\x04A`%\xd0\x94\x94\x94\xa8\xa8\xa8}\xfb\xf6\x11Q\xe3\xc6\x8d\xa7O\x9f&gt;d\xc8\x10"\x12\x04\x01\'\xbbV%A\xc5\xe1y^\x14\xc5\xf8\xf8\xf8F\x8d\x1a\xdd\xf7\x94\xd6\xc7\xc7\'66\x96=\xf3\x9e\x7f(I\xd2\xa1C\x87\xaaU\xabv\xdf\x8f\xe9\xb9\xe7\x9e\x9b8q\xa2t\xb7\xb2\x04`_,_\xf8\x9b7o\x86\x87\x87;;;\xdf\xf3\r\x0f\t\tINN\xb6&lt;\x19\xdfs\xeb\xc0$pE\x92$\x89\xe38gg\xe7\xb4\xb44\xf6H\xed\xda\xb5\x1b4h\x10\x14\x14\xd4\xbcy\xf3*U\xaa\xbc\xf8\xe2\x8bl\xe0\x7fO&lt;\xb0\xffl\xda\xb4\xe9\xa5K\x97X\xb1(55\xf5\xc4\x89\x13\xe9\xe9\xe9\xe9\xe9\xe9F\xa3\xf1\xc6\x8d\x1b\x85\x85\x85Dd\x19C\x01\xd8\x05V\xdbQ\xab\xd5&amp;\x93i\xf1\xe2\xc5\x9f|\xf2\xc9\xed\xdb\xb7\x89\xa8z\x8d\x80\xc93\'\x10\xd1G\xf3Vd\xde\xceJJJ:|\xf8\xf0\xc8\x91#g\xce\x9c\xe9\xe7\xe7G\x98\x18\xb0\n\x94\x80\x1e\x9b$I\xec\xab\xf9\xf7\x13U\xf6xrr\xf2\xfc\xf9\xf3\xbbw\xef\x1e\x1c\x1c\xdc\xa8Q#WW\xd7\'\xfe[\x82 \\\xbat)555))\xa9M\x9b6\xa3G\x8f~\xd0Q\xc1\xf3&lt;VS\x80\xacH\xe5\xca\xfd{\xf6\xec\x996m\xda\x993g\x88\xc8\xd9\xd9y\xc4\xb8\xb0a\xef\xbd]\xeb\x99\x9aDt\xf3\xaf\x8c\x8d\x9f~\xb1~U\x82\xc1` \xa2\x80\x80\x80\xe9\xd3\xa7\x8f\x1a5J\xa7\xd3ab\xa0\xb2!\x00\x1e\xcf\xa3\x8cJx\x9e/?H\x17E\x91\xady\xa0\x7fZ\xdc\xc9&gt;\x0b\xcb\x82Q\x8e\xe3\xca\xff\xad\x87\xfci\xcb\x8c\x02\x06M \x07\xe5\xbb\xfe\xb4\xb4\xb4\xc8\xc8\xc8\x1f\x7f\xfc\x91\xfd\xa8\xef\x80W\xde\xff`t\xe3f\x8dJ\x8bKY\x8f\xef\xec\xec\xec\xe6\xeev\xfa\xf8\xe9\x85QK~N:\xcc\x9e\xd6\xb8q\xe3\xd8\xd8\xd8^\xbdz\x11\x067\x95\t\x01\xf0\xa8\xa4\xbbSX\x82 l\xd9\xb2\xa5o\xdf\xbe\x1e\x1e\x1e\xd2\xdf\x16\xfc0\x96N\xff)g\xb4X\x9d\x8e\xfd\xaa\x87\xf7\xec_|\xf1E\x8f\x1e=\xfc\xfd\xfd\xd9?\xc1\xa0\tl\xc52\n\xc9\xce\xce\x8e\x89\x89Y\xb7n]YY\x19\x115o\xd9t\xf2\xcc\x89\x1d\xbb\xb5\x17E\xb1\xb8\xa8\xd8\xd2\xa7\xb3#\xcb\xdd\xc3]\xa5\xe2\x92~&lt;\x18\x1b\xb5\xf4\xd2\x85t\xf6\xabBCC\xa7O\x9f\xde\xa8Q#\xfa\xdb\xb8\n*\x04\x02\xe0\x91X\xbe\xd3\x07\x0e\x1c\x88\x8a\x8a\xfa\xf5\xd7_\x07\x0f\x1e\xfc\xd9g\x9f\xb9\xbb\xbb\x97_\xcel},iV\xae\\9e\xca\x94Z\xb5j\xcd\x9d;7,,\x8c\x1c\xeeh\xb1\\\x1fgG\x14x*f\xa9\xd8\x98L\xa6\xb5k\xd7.\\\xb8\x90\x95\xfb\xfd\xfc\xab\x8d\x9e&lt;\xea\xed\x11o\xb8\xb8\xba\xe8\x0b\xf4l`t\xdf\x7f\xeb\xe1\xe9QVZ\xb6i\xc3\xe6\xd5\x1f\xad\xc9\xc9\xce!"\x17\x17\x97)S\xa6L\x9d:\xd5\xcb\xcb\x8b\xcd\x0c+\xf0\x8d\xad&lt;\x08\x80\x7f\xc6:\xd3\xdc\xdc\xdc\x88\x88\x88\x84\x84\x04\xf6\x8e\xd5\xad[\xf7\x9bo\xbei\xda\xb4\xa9\r\x87\xdb\xac%yyy\x83\x06\r:x\xf0 {\xb0[\xb7n\xb1\xb1\xb1\xcd\x9b7\xc7\x8a:\xb0\x1a\xa9\xdc\x12\xcf={\xf6DN\x8b&lt;{\xe6,\x119;;\x0f\x19:p\\\xc4\x98\x1a\xb5\xaa\x17\xea\x8b\xfe\xb1D\xc9\x9e\xe0\xe5\xedy\xfd\xea\x8de1\x1f\xef\xdc\xb6\xcbd2\x11Q\xc3\x86\r#""\xd8\xe0\x06_\xec\n\x84\x00x\x18K9%11q\xc2\x84\t\x97.]\xa2\xbb\x93T\xa3G\x8f\xd6h4\x0f*\x01Y\xdf\x9e={"##\xcf\x9e=KD\xde\xde\xdes\xe7\xce\x1d7n\x1c9\xc4\xe5c\xa2(\xfe\xfa\xeb\xaff\xb3\xd9\xd6\ry\x0cZ\xad\xb6M\x9b6\xf6\xfe\xce?\x8a\xf2]\x7fZZ\xda\x82\x85\x0b6\x7f\xbd\x99\xfd\xa8s\xf7\x8e\xd3\xe6Lm\xdc\xbcqYI\x99\xc1`\xd4h\x1eu\xe4\xce\xf3\xbc\xb3\xb3\xb3\xbb\xa7\xdb\xaf\x87\x92\x97\xcc]\xfe\xeb\xa1c\xec\xf1n\xdd\xbaM\x9b6\xadk\xd7\xae\x84\x89\x81\n\x82\x00x K\xe7&gt;g\xce\x9c\xd9\xb3g\xb3\x07CCC\x97.]Z\xa3F\r\xba\xdf\x15\xbf\xb6\xc2Zb2\x99\x16,X\xb0h\xd1"\xa3\xd1HD\x83\x06\rZ\xb3f\x8d\x8f\x8f\x8f|\xda\xf9\xb8\xd8x0%%%88\xd8\xd6myl\xc9\xc9\xc9\xadZ\xb5r\xeci\xf9\xf2\xe5\xfeU\xabV-\xfdhiYi\x19\x115x10r\xce\xd4\x90\xde]DQ*)*Q\xa9\x1f{\xc0\xcer\xc5\xd3\xcb\x83\xe7\x85o6\xedX\xbbb\xdd\xd5\xcb\xd7\x88\x888\n\x0f\x0b\x9f7o\x1e;\x06\x1d\xfb\xed\xb5\x02\xc7\x1f\xa1&lt;\x19Ku\xa5K\x97.\xac\xf7\xafV\xad\xda\xe6\xcd\x9b\xbf\xfe\xfa\xeb\x1a5j\xb0\xabZ\xe4\xd3\xabr\x1c\'\x08\x82N\xa7\x9b={\xf6\xa1C\x87Z\xb4hAD\xdb\xb6m\x0b\n\nJMM\xa5\xbb\x05V\xbb\xc3&gt;\x85\xed\xdb\xb7\xff\xe3\x1c\xb8\xac\xb0\x91\xe9\xf6\xed\xdb\xe9\xeeKp&lt;\xa2(\xb218\xcf\xf3\t\t\tAAA\xf3\xe6\xcd++-\xab\xe6_m\xca\xcc\t\xdf\xff\xbc\xbd\xc7+\xdd\x8a\x</t>
        </is>
      </c>
    </row>
    <row r="390">
      <c r="A390" s="1" t="n">
        <v>388</v>
      </c>
      <c r="B390" t="inlineStr">
        <is>
          <t>venn</t>
        </is>
      </c>
      <c r="C390" t="inlineStr">
        <is>
          <t>What is the missing number of the part denoted with a question mark?</t>
        </is>
      </c>
      <c r="D390" t="inlineStr">
        <is>
          <t>['2', '6', '3', '0']</t>
        </is>
      </c>
      <c r="E390" t="inlineStr">
        <is>
          <t>3</t>
        </is>
      </c>
      <c r="F390" t="inlineStr">
        <is>
          <t>There are 3 overlapping circles containing the numbers [5, 2, '?']. The overlapping part between the first and second circle contains the number 7. The overlapping part between the second and third circle contains the number 5.</t>
        </is>
      </c>
      <c r="G390" t="inlineStr">
        <is>
          <t>We observe that the circles with 5 and 2 overlap to form the part 7, where 5 + 2 = 7. Hence, the pattern is most likely that the numbers in the overlapping parts are the sum of the numbers in the corresponding circles.</t>
        </is>
      </c>
      <c r="H390" t="inlineStr">
        <is>
          <t>Based on the pattern that the numbers in the overlapping parts are the sum of the numbers in the corresponding circles, the missing number of the circle where the overlapping part is 5 should be 3.</t>
        </is>
      </c>
      <c r="I390" t="inlineStr">
        <is>
          <t>b'\x89PNG\r\n\x1a\n\x00\x00\x00\rIHDR\x00\x00\x02\x00\x00\x00\x02\x00\x08\x06\x00\x00\x00\xf4x\xd4\xfa\x00\x00\x9bxIDATx\x9c\xec\xddu\x9cTU\x1b\xc0\xf1\xdf\xbdw:\xb6\xe9\xee\x12$\x14\x05Q\xb0\xc0DL0P\x04\x01\xc1x\x05;@Ql\x05QTD\xc5V\x0c\x0cLP\x01\xa5D\x14\x10\xa4\xa5;\xb6fv\xfa\xc6\xfb\xc7\x9dY\xc2B\xd8ewf\xce\xf7\xf31`\xeb\xee&lt;s\xefy\xce9\xcf9G2\x0c\xc3@\x10\x04A\x10\x84\xb4"W\xf4\x05\x08\x82 \x08\x82p\xf4\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xa5\xa2/@\xa8\x18\x86a\x1c\xf0\xff\xfb\xff\xf9\xe0\x8f\'H\x92\xf4\xa7\xff?\xf8\xbfB\xe5\x90\x88\xdf\xc1\xb1\xfd\xab\xb8\xee\xef\xe0\x18\x8b\xf8VN\xfb\xc7w\xff\xff\x1e\xfc\xff\xfb\x13\xf7\xafp0\xc9\xf8\xb7\'\x82\x90\xb4\x12\xa1\xd5u\xbd\xf4\xff\x13\x0fuY.\xfb\xc1\x1fM\xd3\xfe\xf4s\xf6oD\x84\xb2\x95h\xdc\xf7o\xe4\x13\xb1-\x8f\xd7&lt;\xf1&gt;2\x0c\xa3\xf4\xfb\x97\xd7\xcf\x12\xfe&gt;\xbe\xe5q\xff\x1a\x86\xf1\x97\xcf\tq\xff\xa66\x91\x00\xa4\x90\x83\x1f\xd0\x8a\xa2\xfc\xe3\xe7\x07\x02\x01\xfc~?\xc5\xc5\xc5\x94\x94\x94PRRB(\x14"\x18\x0c\xa2\xaa*\xd1h\x0c]\xd7\xb1X\x14\xacV+V\x9b\r\x97\xd3\x89\xcb\xe5\xc6\xe3q\xe3\xf1x\xc9\xca\xca\xc4\xedv\xe3t:\xff\xf6\xe7\xec\xffp)\xcf\x06*\x95%\xe2\xaa\xeb:`6\xbc\xff\xd4\x08\x04\x02\x01b\xb1\x18{\xf6\xec\xa1\xa0\xa0\x80H4J4\x12\xa5\xb0\xb0\x00\xbf\xdf\x8f\xaa\xaaD\xa2Q\x0c\xc3\xc0f\xb5b\xb5Zq\xb9\\dgg\xe3r\xb9\xb0X,dffR\xbdzul6\x1b^\xaf\xf7\x1f\xafM\xc4\xf7\xc8\x1c\xdc\xd8\xff[|5M#\x18\x0cR\\\\\x8c\xcf\xe7\xc3_RB0\x10 \x18\x0c\x11\n\x85\xd04\x95h4\x8aa\x80\xd5f\xc5b\xb1\xe0\xb0\xdbq\xba\\\xb8].&lt;\x1e\x0f^\xaf\x97\xcc\xcc,\xdcn\x176\x9b\xed\x1f\xafM\xd34`_\xc2\'\xe2\x9b\x1aD\x02\x90\xc4\xf6o\xf0-\x96?\xcf\xe6\x18\x86\xc1\xae]\xbb\xd9\xb4i#\xeb\xd7o`\xdd\xbau\xac\xdf\xb0\x9e-[\xb6\xb0s\xc7\x0ev\xef\xdeEqq1\x91H\xf4\xb0\xaf\xc1\xe5r\x92\x95\x95M\x8d\x1a5\xa8^\xbd:\xf5\xeb7\xa0A\x83\xfa4n\xdc\x98\xfa\xf5\xebS\xb7n]\xb2\xb3\xb3\xff\xf2\xdau]\x17\r\xc6\xdf\xd8\xbf\xc1\xff\xbbd\xae\xa4\xa4\x84\xad[\xb7\xb2i\xd3&amp;V\xae\\\xc9\xd6\xad[Y\xbdz5\xf9\xf9\x05l\xde\xbc\t\xbf\xdf\x8f\xcf\xe7;\xa2\xebp\xbb\xdd\xb8\xddnj\xd7\xaeM\x95*Uh\xd0\xb0!\xf5\xea\xd5\xa3Y\xd3\xa6\xd4\xabW\x8f\x06\r\x1a\x88\xf8\x1e\x86C\x89o$\x12a\xe7\xce]l\xdc\x18\xbfw\xd7\xafg\xfd\xfa\xf5l\xdb\xb6\x8d\x9d;v\xb0w\xef^|&gt;\x1fj\xbcq\xfe\xaf$\xc0\xe3\xf5\x92\x9b\x9b[z\xff6l\xd8\x88\xfa\xf5\xeb\x99\xf7o\x83\x06\xd4\xaeU\x0b\x8f\xc7\xf3\xa7\xaf\x15\xf1M\r"\x01H"\xfb?4\x14E\xf9\xd3M\xb7u\xebVV\xacX\xc1\xa2E\x8bX\xbcx1\xcb\x97/g\xdd\xbau\x84\xc3\xe1\xbf\xfc~\x8a\xc5\x8a7#\x93\xcc\xacl&lt;\xde\x0c&lt;^/N\xa7\x0b\x87\xd3\xec\x01Z\xad6dEFU5T5J,\x1a%\x1c\n\x11\x0c\x06\x08\xf8\xfd\xf8\xfd\xc5\x14\x15\x16P\xe2\xf7\x83\xa1\xff\xe5\xcf\xc8\xcc\xcc\xa4i\xd3\xa6\xb4n\xdd\x9a\xf6\xed;\xd0\xbe};\x9a5kFNN\xce\x01\x9f\x97x\xa0\xfc[\xcf\'\x95\xed\xdf\xc3?\xb8A\x08\x87\xc3\xacY\xb3\x96\xdf\x96\xfe\xc6\xe2E\x8bX\xb2d\t\xabV\xadb\xc7\x8e\x1d\x7f\xfb\xfd,V\x1bn\x8f\x07\xb7\xc7CVV\x0e\xde\xccl\x14E\xc1b\xb5\xa2\xc82\x16\xab\rI\x92P\xd5\x18\x9a\xaa\xa2\xaa*\xba\xae\x11(\xf1STP\x80\xdf_L(\x18$\x1c\n\xfe\xed\xcf\xc8\xca\xca\xa2Y\xb3f\xb4l\xd9\x92\xf6\xed\xdb\xd3\xbe}{Z\xb4h\xf1\xa7\xa4@\xc4\xf7\xc0\x91\x92\x83\x13vUU\xd9\xb0a\x03K\x97.c\xd1\xa2_Y\xb2d\t+V\xac`\xcb\xe6\xcdh\xfa_\xdf[6\xbb\x83\x8c\xcc\xac\xd2\xfb\xd7\xe5\xf6\xe0t\xba\xb0;\x9d(\x8a\x12\xef\xd5\x9b\xf1UU\x95h$l\xde\xbf\x81\x12J\xfc&gt;|\xc5\xc5\x14\x17\x15\x10\n\x06\xfe\xf6\x9a\xabV\xadJ\xf3\xe6\xcdi\xd3\xe6X\xda\xb7oO\xdb\xb6\xc7\xd2\xb4iS\xdcn\xf7\x01\x9f\x97\x98\xfeK\xe7\xf8&amp;#\x91\x00Tr\xff\xf4\xd0\xd8\xbcy3\x0b\x16,`\xf6\xec\xd9\xcc\x9b7\x8f\xa5K\x97\x12\x8b\xc5\x0e\xf8\x1cof\x16u\xeb7\xa2^\xc3\xc6\xd4\xa9\xdf\x90\xdau\xeaS\xadf-r\xf2\xaa\x92\x99\x9d\x83\xdb\xed\xc5\xeep`\xb3\xd9\xb0\xdalH\x92\x8c$A"\xb7\x90$H\xbcC\x0c\xc3\xfcG\xd74\xa2\xb1(\xd1H\x84H8D\x89\xdfGQA&gt;\xf9{v\xb3c\xdbf\xb6m\xd9\xc8\xa6\xf5\x7f\xb0y\xc3:\xb6l\xda@$\x1c:\xe0\x9a\xb2\xb3\xb2h\xdb\xbe=]N:\x89\x93O9\x85\xf6\xed\xda\x91\x9b\x9b{\xc0\xe7\xa8\xaa\x9a\x16\x0f\x93\xbfk\xf4UUe\xf9\xf2\x15\xcc\x9d;\x87\x1fg\xcff\xe1\xcf?\xb3~\xfd\xfa?}}fV6u\x1b4\xa2V\x9dz\xd4k\xd4\x94j\xd5kR\xbb^C&lt;^/yUk\xe0\xf6xP,\x16\xb3ap8\x91\xa04\xb8\xa5\xf9\xa3\x01F\xe2\x7f\x80h$J(\x14 \x16\x8d\x12\x8dF\xd8\xb3k\x07%~?;\xb7ma\xe7\xb6-l\xd9\xb4\x81-\x1b\xd7\xb3y\xd3:v\xef\xd8\xfe\xa7k\xca\xcd\xcd\xa5m\xdb\xb6\x9ct\xd2I\x9cr\xca)\xb4o\xdf\xfe\x80\x84 1\xa4\x9c\xce\xf15\x0c\x83\xd5\xabW3o\xde|f\xcf\xfe\x91\x9f~\xfa\x89U\xabV\xfd\xe9\xeb\xf3\xaaV\xa7^\x83F\xd4k\xd4\x84:\xf5\x1aP\xb3N}\xaaV\xabAvn\x152\xb3\xb2q\xba\xdd\xd8lvlv;V\x8b\x15I\x96\xf6\xc5U2{\xf9\x07\xdf\xbf\x9a\xaa\x12\x8dF\x88F"\x84CA|\xc5E\x14\x15\xe4\xb3w\xcfN\xb6o\xd9\xc4\xb6-\x9b\xd8\xb8n\r\x9b7\xaeg\xdb\xe6M\xe8\xfa\x81#\x0c5k\xd6\xe4\xb8\xe3\x8e\xa3\xcb\xc9\'\xd3\xa5K\x17\xda\xb4n\x83\xdb\xed:\xe0wK\x97\xf8&amp;;\x91\x00TR\x89\x1e\xd3\xfe\x8d\xbe\xa6i,^\xbc\x98\xe9\xd3\xbfe\xda\xb4oX\xf0\xd3OD\xa2\xfb\x86\xef32\xb3h\xda\xb25\xc7\xb4\xed@\xcb\xd6m\xa9\xdf\xb895j\xd5!+;\x07\x87\xd3\x81\xa2\xc4\x1f\x00\x1ah\x9a\x8e\x16\xef\xf1%~\x96\xf9V0\xf6k\x10\x0e$\xed\xf7/s\xd8\xcf\xbc\xc1\x15EA\xb1XP\x14\t9\xfe\x8cSc\x10\x0c\x94P\x98\xbf\x87\xad\x9b7\xb2~\xcd*V,[\xcc\xf2\xdf~e\xf5\x8a\xdfQc\xfb\xae;77\x97\x93O&gt;\x99\x1e=zp\xea\xa9\xa7\xd2\xacY\xb3\xd2\x8f%\x1e&amp;\x7f5\xe2\x91\xac\xfe\xaeQ\xc8\xcf\xcfg\xf6\xec\xd9L\x9b6\x8dY\xb3f\xfd\xa9A\xc8\xce\xc9\xa3i\x8bch\xd5\xb6=\xcd[\x1dK\xfd\xc6M\xa9Q\xab\x0e\x99\xd9\xb98\x0f\x8a\xaf\xae\x1b\xa8j\x0c]\xd31\x0c\xbd4\xc6\xf1+8\xe0?\x94\xbe\xac\xfb*\xc2eEA\x96$$Y\xc6b\xb1\xa2(2\xb2\x0c\xb2\x02\xba\x06\xd1\x88\x8a\xaf\xb8\x90=\xbbv\xb0i\xfd\x1f\xacY\xb1\x8c\x95\xcb\x96\xb0z\xe526oXw\xc0uW\xadZ\x95.]\xba\xd0\xbd{\x0f\xba\x9d\xda\x8dfM\x9b\x1e\xf0Z\xa4Z|\x81\xd29\xf3\xfd\xe3\xeb\xf7\xfb\x99?\x7f&gt;\xdf|3\x8d\xef\xbe\xfb\x96e\xcb\x96\x1d\xf05\xd5j\xd6\xa6E\xab6\xb4:\xb6=\xcdZ\xb5\xa1~\xa3fT\xa9^\x83\x8c\xcc,\xecv+\xb2\x0c\xban\xfe\xa3\xaa\x1a\x9a\xa6\x1e\x10\xdfC\xbb\x7f\xf7\x15\xf6%\x1ahY\xb1`\xb1X\x90eJ\xdfC\xb1\x98N\x89\xdfO\xfe\xee\x9dl\xde\xb8\x9e?V/g\xc5\xd2\xc5\xac\\\xb6\x84?V\xaf8\xe0\xfb\xd6\xa9S\x87\xae]\xbbr\xe6\x99g\xd2\xb5kW\xea\xd5\xabW\xfa\xb1\xc4u\x89i\x82\xcaI$\x00\x95\xc8\xfes\x82\x89\xccY\xd7u~Z\xb0\x80\xcf&gt;\xfd\x94/\xbf\xfc\x92\xe5\xcb\x97\x97~\xbe\xc7\x9bI\xdb\xe3N\xe0\xf8\xce\xa7\xd0\xa6CG\x1a5mI^\x95j\xd8\x9d\x16\x0c\xdd\xbc\x89c\xb1(Z,f\x0e#\x1aFi\x03~p!\xcf\xe1\xdc\x9c\xfb\xde:F\xbcwa\x94v7$YB\x96\xcd\xe1f\x9b\xcd\x8e\xc5b&gt;\x94\x82\x810;\xb7me\xed\xcae,\xfey\x1e\x0b\xe7\xcff\xd9\xe2_\x0e\xe8et\xee\xdc\x99\x0b.\xb8\x80\xf3\xce;\x8f\x96-[\x96\xfe\xfd_=T\x93I\xa2\xb1\xdb?\xa9+((\xe0\xbb\xef\xbeg\xea\xe7S\xf9\xee\xdbo\xd9\xb5kW\xe9\xc7\xb2s\xf3h\xdb\xe1\x04:\x9c\xd8\x85\xd6\xed;\xd2\xb0Isr\xabT\xc3\xe1P\xd0\xcb9\xbe\x7fZVf\x18f\xa3b\x18 I\xc8\xb2\x84\xa2X\xe3\xc5\xa1\x16\x14\x05T\x15\x8a\x8b\n\xd9\xb2q=+\x97-a\xd1\x829,^8\x9f\xf5kW\x97~/E\x96\xe9\x14\x8f\xef\xb9\xe7\x9eK\x8b\x16-J?\x96\x8a\xf1\xf5\xfb\xfd\xcc\x9a5\x8b\xcf&gt;\xfb\x8ci\xd3\xa6\xb1u\xeb\xd6\xd2\x8fU\xabY\x9b\x0e\x1d;s\\\xa7\x93i\xd5\xf68\xea7lBVN\x0eV\xab\x84\xa6A,\xa6\x12\x8b\xc6\xcc\x86\xbe4\xbe\xd2\x01\r9p\xc0\xa8\xce\x7f\xbd\xde}\xff5\xef\xe1\xc4{H\x92\xcc\xc4\xdej\xb5a\xb5YQ,f\xe2W\xe2/a\xfb\x96M\xac\xfc\xfd7~\xfdi6\xbf.\x98\xcb\x9a\x15\xfb\x12\x19\xbb\xddN\xd7\xae\xdd\xe8ua/\xce\xea\xd1\x83\x06\r\x1a\x94~L\xd3\xb4r[\x81$\x1c\x1e\x91\x00T\x02\x7f\xf5\xe0X\xbdz5\x1f}\xf4\x11\x1f~\xf8!\xbf\xfd\xf6[\xe9\xdf\xd7k\xd0\x98N]O\xe7\xa4S\xcf\xa4u\xdb\xe3\xa9V\xb366\xbb\x8c\x1a\x83H$\x8c\x1a\x8b\xa2k\xfa\x01\x99~\xc5e\xde\x89\xc4 \xd1;\x91P\x14\x19\xab\xcd\x8e\xddnCV \x14\x88\xb2e\xe3:\x96\xfc\xf2\x13sg}\xcb\xfc\x1fg\x90\xbfg_#\xd8\xad[7\xfa\xf4\xe9\xc3y\xe7\x9dG\xadZ\xb5J\xff&gt;1\xc4\x98\x0c\xbd\x8aD/(\xd1\xb0\xe9\xba\xce\x0f?\xfc\xc0{\xefM\xe6\x8b/\xbf`\xc7\xf6}\xc3\xe8M\x9a\xb7\xe2\xc4SN\xa3s\xd73hul\x07\xaaV\xaf\x89\xcd&amp;\x11\x8bA$\x1c\x8f\xaf^9\xe2{\xc0\x12\xb5\xc4\xca\x13\x8b\x15\xbb\xdd\x8e\xcd\xae`\x18P\\X\xcc\x1fkV\xf2\xcb\xfc\x1f\x99;\xf3[~\xf9i6\xd1H\x04\x00Y\x96\xe8\xd6\xed4\xfa\xf4\xe9\xcd\xb9\xe7\x9eK\xcd\x9a5K\xbfw2\xc7\x17`\xde\xbcyL\x9e&lt;\x99\xa9S\xa7\xb2i\xd3\xa6\xd2\xbf?\xa6m\x07\xba\x9c\xd6\x83N\'\x9fF\xb3Vm\xc8\xc9\xab\x82\xa2@4\xaa\x13\x8d\x84QU\x15\xa3\x12\xc5\x17\x0c\x0c=\x1e\xe3x\xb1\xa2\xcd\xee\xc0n\xb7 I\xe0\xf7\x05\xd9\xb8n\r\x8b\x16\xcca\xce\xcc\xe9,\x983\x8b@\x89\x1f\x00\x9b\xcdF\xf7\x1e=\xe8\xd3\xbb\x0fg\x9d}\x16\xb9\xf1\xba\x9fDG\'Y\xe2\x9b\xcaD\x02P\x81\x0e~p\x84Ba\xbe\xfe\xfa+^\x7f\xfdu\xbe\xfc\xf2\xcb\xd2!\xdb\xba\r\x1aq\xfaY=\xe9\xd6\xfd\\Z\x1d\xdb\x81\xec\xdc,t\x1d\xc2\xa1\x08\xd1h\x04#&gt;j %\xc9\rU:\x04n\x18\xc8\x8a\x82\xdd\xee\xc0\xee\xb4b\xe8\xb0k\xc7\x0e\x16/\x9c\xcf\x8c\xaf?\xe3\xc7\xef\xbf!\x7f\xcfn\xc0,&amp;\xbc\xf0\xc2\x8b\xb8\xfa\xea\xab9\xf5\xd4n\xa5\xdfKU\xd5J;||p\x8fg\xeb\xd6\xad|\xf8\xe1\x87\xbc\xf5\xd6\xdb,^\xbc\xa8\xf4\xf3\x9a4o\xc5ig\x9d\xcf)g\x9cC\x8b6m\xc9\xcc\xf2\xa2\xa9f\xe1_,\x1a5\xe3+K\xf1\xfa\x8c\xca\xf7{\xeeo_R\xa0\x03\x12\x16\x8b\x05\xbb\xc3\x89\xcd.\x13\r\xabl\\\xff\x07?\xcf\xfd\x81\x99\xdf|\xc6\xfc\x1fg\x12\x89\x98\x05\xaa999\xf4\xea\xd5\x8b\xbe}\xaf\xa6[\xb7\xae\xa5\xdf/\x99\xe2\xbbk\xd7.&gt;\x9a2\x857\xdf|\x93\x9f\x17,(\xfd\xbc\xd6\xed\x8f\xe7\xccs/\xa4K\xb73i\xdc\xfc\x18\xdc^\x07j\x0c\xc2\xa1 j,\x86\x81Q\x1a\xdb\xca\xf8{\x1e\xcc\xd0u\xf4xr\xa0(f|\xedv\x055f\xb0m\xcbF\x16\xce\xff\x91\x19_\x7f\xce\x9c\x99\xd3K\x93\x81\x1a5jp\xc9\xa5\x97r\xd5\x95W\xd2\xb1c\xc7\xd2\xefU\x99\xe3\x9b\x0eD\x02P\x01\x0en\xf8\xb7o\xdf\xce\xdbo\xbf\xcd\xa4I\x93X\xbd\xda\x1c.\xf5ffrZ\x8f\xf39\xe7\xc2\xde\xb4?\xe1$rr\xb3QU\x08\x05\x03\xa8j\x8c}\xf3\xf0\xc9\x7f\xe3$\xe60A\xc2f\xb3\xe1t9\x91$\xd8\xb1m;\xf3\x7f\xf8\x8e\xaf?\xfb\x90Y\xdf~e\xf6\x8c0\xa7\x08\x06\x0c\x18\xc0\xa5\x97^Z\xba&gt;\xbd2\xf5\x18\x0f\xbe\x96_~\xf9\x85I\x93&amp;1\xf9\xfd\xf7),(\x00\xa0J\xd5\xea\x9cv\xf6\xf9\x9cu\xc1\xa5\x1c\xdb\xe1D2\xb3\xbd\xc4\xa2\x06\xa1`\x10M\x8d\xc5\x87\xd9+\xc7\xefsD\x0c\x03\xdd0\xe2I\x8c\x8c\xc3\xe1\xc4\xe1\xb4\x12\x8b\xe9lX\xbb\x9a\x1f\xbe\xfd\x92o\xa6Na\xc9/?\x95~\xc9I]\xba0\xa0\x7f\x7f.\xb9\xe4\x92\xd2\xf8V\xa6\x86\xe2\xe0\x86\x7f\xe9\xd2\xa5\xbc\xf6\xdak\xbc\xf3\xce;\xec\xd9\xb3\x07\x80\xdau\xeb\xd3\xa3\xe7%t?\xef"Z\xb4i\x87\xdb\xe3 \x1a\xd6\x08\x87\x83h\xaa\x964\t\xdd\xa10\x9fg:\x92$c\xb3\xdbq:\xed\xe8:l\xd9\xb8\x9e\xd9\xdfO\xe3\x9b\xcf&gt;\xe4\xa793K?\xff\xcc3\xcfd\xe0\xc0\x81\xf4\xec\xd9\x13\xbb\xdd\x0eT\xae\xf8\xa6\x13\x91\x00\x1cE\x077\xfck\xd6\xaca\xe2\xcb/\xf3\xfak\xaf\x91\x9f\x9f\x0f@\xabc\xdbs\xc1eWq\xc69\x17R\xa7A}\x0c\x1d\x82\x01\xb3\xd17{\x08\xa9\xf1\xd0\xf8;\xfb\x17\xc8\xd9lv\\n\x07\xaa\xaa\xb3f\xc52\xa6M\x9d\xc2g\x1f\xbc\xc5\xd6\xcd\x1b\x01h\xd0\xa0\x01\x83\x06\r\xa2\x7f\xff\xfeT\xadZ\x15\xa8\xd8\x07\xc9\xc1\r\xc3\x8c\x193\x18?~&lt;\x9f|\xf2I\xe9\xe7t8\xb1\x0b=/\xbd\x92\xd3\xce:\x9f\x1a\xb5k\xa1%\x92\xbaX\x0c)\r\xaa\xa6\x13\xc9\x9e$\xedK\x06\x82\x810K\x16\xce\xe7\x8b)\xef1\xed\xf3)\x14\x15\x9aIR\xa3F\x8d\xb8\xee\xba\xeb*M|\xf7\xdf\x84\t\xe0\xc7\xd9\xb3y~\xfcx&gt;\xfc\xf0\xc3\xd2\xf9\xf4\xaeg\x9cM\xcf\xcb\xfa\xd2\xe5\xd43\xc9\xab\x9aG,\xaa\x13\n\x06\xcc\xf7FZ\xc47^\xc7\x04\xd8\x1d\x0e\x9c.;\x91\xb0\xca\xefK~\xe1\xabO\xdf\xe7\xcb)\x93\xd9\xb3{\'\x00\xadZ\x1d\xc3\xe0\xc1\x83\xe8\xdb\xb7/YYY@\xe5J\xe4\xd3\x81H\x00\x8e\x82\x83\xe7\xf8W\xadZ\xc5s\xcf=\xc7k\xaf\xbfF(h.\x91;\xfd\xec\x9e\\z\xd5ut\xeaz:\x1e\xaf\x8b`0B$\xbe~?]o\x88\xfd\x8b"\x9d.\x17v\x87\x85\xbd\xbb\xf62s\xda\x17|\xf0\xd6+,Z0\x17\x80\xea\xd5\xab3x\xf0\xf5\x0c\x19r=\xd5\xaaU\x03\x8e\xee\x83\xe4\xe0\xc4\xee\xdbo\xbfe\xcc\x981|\xf3\xcd7\x00X\xadV\xba\x9f\x7f\x11\x97\\u\x1d\xc7w&gt;\x05\xa7\xd3F\xa0$L4\x1aFBBVd\xf6+\xc5O\x1bFbo\x00E\xc1\xed\xf6\xa0X%6\xad\xdf\xc87\x9f}\xc0\x94w^c\xfdZs\x15D\x8d\x1a5\x194h C\x86\x0c\xa9\x14\xf1\x9d9s&amp;c\xc6\x8c\xe5\x8b/&gt;\x07\xc0\xed\xc9\xe0\xfcK.\xe7\xa2\xcb\xaf\xa1M\xfb\x13\xb0Xe\x02%Ab\xd1hZ4\xfa\x7f\xc7\xbc\x7f\xcd89]\x1el6\x99\xed[\xb7\xf3\xed\x17\x1f\xf3\xe1\xdb\xaf\xb2r\xd9\x12\x00\xea\xd5\xab\xc7\xd0\xa1C\x198p`\xe9r\xd1\xc4\xca\x10\xa1|\x89\x04\xa0\x9c\xed\xffF\xde\xb8q#c\x9fy\x86\x97\'N$\x14\n\xa1(\x16z^z\x05\xbd\xfb\r\xa6\xdd\xf1\x9d\x90$\x89@I\t\x9a\xaa"\x8b\xe1\xb0\x03\xe8\xba\x8e\xa1\xebXm6\xdc\x1e\x17\xa1P\x84\xf9?|\xc7;\xaf&lt;\xcf\x0f\xdf}\r\x98\x89\xc0\x8d7\xde\xc4\r7\x0c=\xa0GQ^\x0f\x92\x83\x13\xbb9s\xe6\xf0\xd8c\x8f\xf1\xe5\x97_\x02\xe0\xf6x\xe9\xd5\xfb*.\xed{\x1d\xad\x8em\x8f\xaeC\xa0\xc4\x1f\x7f(\x8a\xf8\xeeO\xd7\xcd\x8dd\xec\x0e\'.\xb7\x9d\x82\xbd\x85|\xff\xf5g\xbc7\xe9E~\xfb\xf5g\xc0\x8c\xef\r7\xdc\xc0\r7\xdcpT\x1a\x8a\x83\xe3;\x7f\xfe|\x1e\x7f\xfcq&gt;\xfb\xec3\x00r\xabT\xe5\xd2\xbe\xd7qQ\x9fkh\xd4\xac)\xb1\xa8N P"\x96\xbd\xfd\x85\xc4\xfdk\xb3;p{\x1c\xf8\x8aK\xf8\xf1\xbb\xafy\xf7\xd5\xe7Y0\xf7\x07\x00\xea\xd6\xad\xc7-\xb7\xfc\x8f\x81\x03\x07\xe2\xf1x\x0e\xd8\xf4L(\x1f"\x01(\'\x89\x9e\xab$I\x14\x15\x15\xf1\xec\xb3\xcf\xf2\xcc3\xcfPXX\x88,+\\t\xf9\xd5\\9\xe0\x06\x8ei\xdf\x01M\xd5\t\x94\x94\xfc\xa9\x92X\xf8\xb3}\xbd\n\x05\x8f\xd7\x8b\xa6\xe9,\x983\x83\xd7_\x18\xcb\xaco\xbf\x02\xa0a\xc3\x86\xdcy\xe7\x9d\xf4\xef\xdf\x1f\x8b\xc5R.\xbd\xc5\xfd\x1b\x9eU\xabV\xf1\xc8#\x8f\xf0\xd6[o\x01\xe0r{\xb8\xe4\xcak\xb9\xbc\xff\xf54m\xd1\x92HD%\x18\x08 \x01\xb2\x88\xef?2\x0c\x03]\xd3\xb0X\xadx2\xdc\x04K\x82\xcc\xf8f*oLx\x96\xc5\x0b\xe7\x03\xe6\xd4\xcf\xed\xb7\xdf\xceu\xd7]\x87\xd5j-\x97\xe5e\xfb\xc7w\xed\xda\xb5&lt;\xf2\xe8\xa3\xbc\xfe\xdak\x00\xe4\xe4U\xe1\x8a\xfeC\xb8\xe4\xca\x01\xd4mP\x97`0J8\x14,\xdd\x17C\xf8{\x89\xf8*\x16\x0b\x1e\xaf\x87h$\xca\xec\x19\xd3xc\xc23\xcc\xffq\x06\x00-Z\xb6\xe4\xae\xbb\xee\xe2\xea\xbe}\x011-P\x9eD\x02P\xc6\x0e\xee5\xbc\xf9\xd6[&lt;\xf4\xe0\x83\xfc\xf1\xc7\x1f\x00\x9c\xd3\xeb2\xfa\xdfp+m\x8f\xefH,\xaa\x11\x08\x94\x88\xb5\xb1\x87)\xf1\xe0\xf7x30t\x9d93\xa7\xf1\xf2\xb3O\xb0`\xce,\x00:u\xea\xc4\xa8Q\xa38\xf3\xcc3K?\xffH\x13\xac\xfd\xe7\x81}&gt;\x1fO=\xf5\x14\xcf&lt;\xf3\x0c~\xbf\x1fEQ\xb8\xe8\xf2~\xf4\x1br\x0b\xcd[\x1fC8\x18#\x14\x0c\xa4\xf50\xf0\xe1J$z\x8a\xa2\xe0\xc9\xf0\x12\n\x86\x98\xfe\xf9\x14^\x1d\xff\x14+\x97\x99\xcbbO8\xe1\x04\x1ex\xe0\x01\xce:\xeb,\xc0\xac\x0f\xf8\xab31\xfe\x8b\xfd\xe3\xeb\xf7\xfb\x193f\x0cO\x8f\x19\x83\xdf\xe7\xc3\xe5\xf6pE\xff!\\1`(\xf5\x1a\xd6\'Xb\xee\x84)+\xe6\xa6X\xc2\x7f\x93h\xd8=^/\xb1X\x8cY\xd3&gt;\xe7\x95\xe7\x9ed\xf1B\xb3 \xb4[\xb7n\x8c\x1a5\x8aSN9\xa5\xf4\xf3E\x07\xa9l\x89\x04\xa0\x0c\xed\xff\x06]\xb4h\x11w\xdf}7\xd3\xa7O\x07\xa0\xe3I]\xb9~\xf8=t9\xb5;\x9a\xa6\x11(\x11\r\x7fY\xd15\r$\toF\x06\xd1h\x94o&gt;\xfb\x90\tc\x1e)\xdd\xb1\xac_\xbfk\x195\xea\x01\xea\xd6\xad\xfb\xa7B\xae\xffb\xff\x06f\xca\x94)\xdc7b\x04\xabV\xae\x04\xa0\xdb\x99\xe7p\xfd\xad\xf7r\xdc\x89\x9d\x89Db\x84\x02\x01\xb3\xd7"\xe2{\xc4\x12\rEF\xa6\x17_\xb1\x8f\x8f\xdf}\x9dW\x9e}\x82\x9d;\xb6\x01p\xd5U}y\xf0\xc1Q4h\xd0\xe0\x80\xd3\xf4\x0e\xe7\xe7$\xee\xdf\x8f?\xfe\x84\xfb\xee\xbb\x8f\x95+\xcd\xf7P\xaf\xde}\x19x\xf3\x1d4o}\x0c\xc1@\x84p($\xaa\xd6\xcbH"\xbe\xde\x0c/\xa1`\x90\xcf?z\x8f\x97\x9ey\xb4tG\xc9\xc1\xd7_\xcf\xfd#GR\xa3F\x8d#\xba\x7f\x85?\x13\t@\x19\xd8\xbf\xd7\x1f\n\x85x\xf4\xd1Gy\xe2\x89\'\x88D"\xd4\xac]\x8f\xa1\xb7\xdfG\xaf\xde}\xb1Y\xed\xf8|\xc5\xa2\xe1/\'\xfb7\x14\x85\x05\x85\xbc\xfd\xf2x^}\xeeIJJ\xfcT\xa9Z\x95\x87G\x8ff\xe0\xc0\x81\xc0\x7f\xeb-\xee?\x17\xb9i\xd3&amp;\xee\xba\xeb.&amp;O\x9e\x0c@\xe3f-\xb9\xe1\xf6\x11\x9c\xdd\xeb2\x00J\xfc&gt;1\x14\\N4M\xc5b\xb1\x92\x91\xe9f\xeb\xe6\xad\xbc:\xfe)\xde}\xf5\x05b\xb1\x18yyy\x8c\x1a5\x8a\xa1C\x87\x02G\x16\xdf\xbb\xef\xbe\x87\xf7\xde{\x17\x80v\x1d;s\xd3\x9d\xf7s\xf2i\xdd\x89Ec\x04\x02\x01\xd1\xf0\x97\x93D\x02\x96\x91\xe9a\xf7\xae\xdd\xbc1a\x1c\xaf\xbf0\x96p8D\xadZ\xb5x\xf8\xe1\x87\xb9\xe6\x9ak\x80\xb2\x19\xed\x11D\x02p\xc4\x12;Z\x81Y\x04v\xcb-\xb7\xf0\xeb\xaf\xbf\x02p\xe5u70d\xf8=\xd4\xa8U\x93\xe2"\xbf(h9J4U\xc5b\xb3\x91\x91\xe1b\xe5\xb2\xdf\x19\xf7\xe8H\xa6\x7fa.\xc5;\xf7\xdcs\x19;v,M\x9a49\xa4\xb9\xc5\xfd{\x85\xaf\xbf\xfe:w\xdd}7\xbbv\xee\xc4n\xb7\xd3\xef\xfaa\\w\xf3\xedd\xe7\xe6P\\\xe4\x03\x0cdY\xc4\xb7&lt;%\x92m\x87\xc3\x81\xcb\xe3`\xe1\xbcy\x8c\x1d}o\xe9\xb4O\xf7\xee\xdd\x19;v,-[\xb6&lt;\xa0\x0e\xe7\xef\xec\x1f\xdf\xd7^{\x8d\xbb\xef\xbe\x9b]\xbbv\x91\x99\x95\xcd\xd0\xdbFpy\xff\xebq8\x9c\xf8\x8aE\xe2~\xb4h\xaa\x8a\xd5n\xc7\xebu\xb2t\xd1b\x9eyd\x04\xb3\xa6\x9b\x85\xb5\x17^x!O?\xfd4\r\x1a4\x10\xb5\x01e@$\x00G \x91\x85\xc6b1F\x8f\x1e\xcd\xe8\xd1\xa3\xd1u\x9d\x96\xad\xdbq\xc7\xa8\'8\xf9\xf43\xcc\xe5^\x910\x8a\xc8V\x8f\xaaDC\xe1\xf6\xb8Q\x14\x0b\x9f\xbd\xff\x16cF\xdf\xcb\xce\xed[\xc9\xc9\xc9\xe1\x89\'\x9e`\xc0\x80\x01\xc0\xdf\xcf-&amp;\xe2\xbbk\xd7.\x86\r\x1b\xc6{\xef\xbd\x07@\x87\x13O\xe2\xae\x07\x9f\xa2\xc3\x89\'\xe2\xf7\x99\xcb\xbdD|\x8f\xaeD|\xbd\x19\x99hZ\x8cw_}\x91\xf1O\x8c\xa2\xb8\xa8\x90\xcc\xccL\x1ey\xe4\x91\xd2\xd1\x80\xbf\x8a\xef\xfe\xa3v;v\xec`\xf8\xf0\xe1\xa5\xa3:g\x9ew!\xb7\x8ex\x94\xa6-\x9aQ\\T"\xe6\x9e+@"&gt;\x1e\x8f\x17I\x82\x8f\xde}\x8dg\x1e\xbe\x8f\xbd\xbbwQ\xa5J\x15\x9e|\xf2\xc9\xd2\xd1\x00\x11\x9f\xc3\'\x12\x80\xc3\xb0\xff\x90\xe1\xca\x95+\x19|\xfd\xf5\xcc\xfe\xf1G\x00\xae\xbb\xe9v\x86\xdcz\x1f\xde\x8c\x0c|EEb9_\x05Kl9\x9c\x95\x93\xc9\x96M\x9byj\xd4\x9d|1\xc5|\xd0_u\xd5U&lt;\xf3\xcc3\xe4\xe6\xe6\x1e0\xa4\xb8\x7f\xcf\xf1\xeb\xaf\xbff\xe8\r7\xb0q\xc3\x06\xecv\x07Co\xbb\x97\xfe7\xdc\x86\xd5f\xc3\xef\xf3\x89\xe1\xe0\n\xa6\xc77\xd8\xc9\xca\xf6\xb2z\xf9J\x1e\x1dq+?\xc6\x97\x85^z\xe9\xa5&lt;\xfb\xec\xb3T\xaf^\xfdo\xe3\xfb\xe5\x97_r\xc3\r7\xb0i\xd3&amp;\xb2sr\xb9\xed\xfe\xc7\xb8\xe4\xaa\xfe\xa8\xaaF0\x10\x10\xc3\xcc\x15,1\xe7\x9f\x95\x9d\xc1\xc6\xf5\xeby\xf2\xfe;\xf8f\xea\x14\x00\xfa\xf5\xeb\xc7\x981c\xc8\xce\xce\x16S\x02\x87I$\x00\xff\xd1\xfe\x0f\x8fw\xdey\x87\x9bn\xba\x89\xc2\xc2B\x1a4n\xca\x88\xc7\x9e\xa5k\xf7\x1e\xf8\x8b\x03\xa5;\x96\t\x95\x83\xaa\xaa8\x9cN\xecv;\x1f\xbd\xfd*\x8f\x8f\xbc\x9d\xe2\xa2B\x9a5k\xc6+\xaf\xbcB\x97.]\xd04s-z\xe2A2r\xe4H\x1ez\xe8!\x00Z\xb6i\xc7\xc8\'\xc6\xd3\xf1\xa4\xce\x14\x17\x8a^ae\xa3\xaa*n\xb7\x1bI\x96yc\xc23\x8c{d$\xa1P\x90\x06\r\x1a\xf2\xf2\xcb\x139\xfd\xf4\xd3\x0f8b[\xd7uF\x8c\x18\xc1#\x8f&lt;\x02\xc0\xc9\xa7\xf5\xe0\xdeG\xc7\xd1\xa4E3\x8a\n|\x80(4\xabLTU\xc5\xe9ra\xb5Zy\xff\x8d\x89&lt;q\xff\x1d\x94\xf8}\xb4h\xd9\x92W_y\x85N\x9d:\x89)\x81\xc3 \x12\x80\xff \xf1\xd0WU\x95\xdbo\xbf\x9dg\x9ey\x06\x80\xf3/\xb9\x82\xbb\x1f\x1eC\x95\xaa\xd5(*,\x12\xbd\xc2J\xca\x88\xef\xe8\x96\x9d\x9b\xc9\xcae\xbfs\xffmC\xf9e\xfell6\x1bO=\xf5\x147\xddt\x13\x00;v\xec`\xe0\xc0\x81\xa5\x1b\xfa\xf4\xe97\x98\xdbG=\x8e\xc7\x93\x81\xaf\xb8\x18\x8bE!\x1dw\xee\xab\xec\xcc\xe4\x1c\xb2r2\xf8u\xfeO\x8c\xbcu\x08+\x97-AQ\x14\x1ey\xe4\x11\xee\xb8\xe3\x0e\xc0&lt;\x94\xe9\xba\xeb\x062m\xda7H\xb2\xcc\xcdw&gt;\xc0\xe0[\xee\x8a\x1fW-z\xfd\x95\x959\x1a`\x90\x9d\x93\xc9\xefK~\xe3\xfe\xdb\x86\xb2\xf8\xe7y\xd8\xedv\xc6\x8c\x19\xc3\xd0\xa1C\x8fh\x15H:\x12\t\xc0!J\x0c1m\xdb\xb6\x8d~\xfd\xfa\xf1\xddw\xdfa\xb3\xd9\xb8}\xd4\x13\xf4\xbb\xfe\x7f\x84B!\xa2\xe1\x88\x98\x0bN\x02\xaa\xaa\xe2\xf1x\x88\xc5\xa2&lt;\xfd\xd0=\xbc1a\x1c\x00C\x86\x0e\xe5\xd2K.a\xc0\x80\x01l\xd8\xb0\x01oF\x06\xf7&gt;2\x8eK\xfb\xf6\xc3\xef\x13\xa3:\xc9BUU222\xf1\xfb\x8by\xe4\x9ea|\xfc\xde\xeb\x809d\xdc\xbbwo\x06\r\x1a\xc4\x96-[\xa8U\xa7\x1e\x0f\x8d}\x89n=zPT\xe0\x17\rG\x92PU\x15\x8f\xd7K4\x1c\xe6\xc9\x07\xef\xe2\xed\x97\xc7\x030x\xf0`\x9e}\xf6Yl6\x9b\x18\xa1;D"\x018\x04\x89\xc6\xff\xe7\x9f\x7f\xe6\xf2\xcb/g\xfd\xfa\xf5\xd4\xa9\xd7\x90G\xc7O\xa2s\xd7\xae\x14\xe6\x17\x97\x1e\xc7+$\x07]\xd3\x90-\n\x19\x19\x1e&gt;xs\x12c\x1f\x1e\xc1\xee\x9d\xdbK?\xde\xba\xddq\xdc\xff\xe4\xf3\xb4\xef\xd8\x91\x82\xbd\xa2\x96#\xd9h\x9a\x86\xd5j\xc5\xe5v\xf1\xfa\x84qLx\xfa\x11\xf2\xf7\xee.\xfd\xf8\xa9=\xce\xe3\xbeG\xc7Q\xb7AC\x8a\n\x8bD\xaf?\xc9$\n8\xbd\x19n\xde\x7fc\x12\x0f\xddu3\xa1`\x80SO=\x95w\xdey\x87\x1a5j\x88\xba\x80C Z\xac\x7f\x91x\x13M\x992\x853\xce8\x83\xf5\xeb\xd7\xd3\xe9\xe4\xd3x\xeb\xf3\x99t&lt;\xa9+\xf9\x89\xc6A4\xfeIEV\x14tM\xa7 \xbf\x90\x017\xf6\xe7\x8cs{\x95\xf6\xfe\x1cN\'7\xdf\xfd ]N\xed\xc8\xae\x1d{P,\x16\xd1\xf8\'\x19\xc5b!\x16\x8b\xe2\xf7\xf9\x19z\xeb\xff\xe8xR\xd7\xd2\x18z\xbc^\x06\xde|\'\xcdZ5$\x7f\xcf^\xd1H$!EQ\xd0u\x9d\xc2\x82"\xfa\xf4\xeb\xcf\xeb\x1fO\xa7n\x83F\xcc\x9c9\x93\xae]\xbb\xf2\xdbo\xbfa\xb1XPU\xb5\xa2/\xb5R\x13\xad\xd6\xdf\xd8\x7f\x99\xd0\xf8\xf1\xe3\xb9\xe4\x92K\xf0\xfb\xfd\\|\xc5\xb5\xbc4\xf9\x0b\xf2\xaaV\xc7W$z\x0e\xc9\xca\\\xc5!\x93\x91\x99\xc5\xedC\x86\xf1\xee\xab/\x00P\xbfQS\xc2\xa1\x10w\x0e\xbd\x86O&amp;O\xa5Z\xcd*\xe2!\x92\x84tU\xc5f\xb3c\xb5Y\x19rU_\xbe\xfe\xecCl6;M\x9a\xb7\xa2\xc4\xefgh\xdf^|1\xe5s\xaa\xd6\xc8\x13\xf1MR\x92$\xa1(\x16\xf2\xf7\x16\xd1\xaecg\xde\xfal\x06\xc7w&gt;\x85\xb5k\xd7r\xfa\xe9g\xf0\xed\xb7\xdf\x8a$\xe0_\x88\x04\xe0/\xec\xbf\xcc\xef\xfe\xfb\xef/-\x0e\xbb\xf1\x8e\x91&lt;\xf6\xfc$t]\'\x12\x0e\x89\xf9\xfe$\x95\xa8\x04\xb7\xdal\xdcu\xe3\xb5\xbc1\xe1\x19dYf\xd4\x98\t|&gt;\xfb\x17z\xf4\xbc\x84\x82\xbd{\xb8\xf9\xdaK\x99\xf2\xce\xdb\xe4V\xc9B\x13\x0f\x91\xa4\xa1i\x1av\x87\x83X,\xca\x8dW_\xcc\xd4\x0f\xde\xc6\xe5v3\xe6\xe5w\xf9d\xd6\xcf\xf48\xffb\x8a\n\xf2\xb9\xa9\x9f\x88o*\xb0X,\xf8\x8a\x8a\xc8\xabZ\x9d\x97\xdf\xff\x92s.\xbc\x8c\xfc\xfc\xbd\x9c\x7f\xfe\xf9|\xf8\xe1\x87"\t\xf8\x07"\x018H\xa2\x8aTQ\x14\x86\r\x1b\xc6\x83\x0f&gt;\x88,\xcb&lt;\xf0\xd4\x0b\x0c\xbfo\x14\xbe\xe2\xe2\xf8\xee\x7f\xa2\xc0$\x19\xe9\xba97,Ip\xcb\x80\xcb\xf9\xe4\xbd7p{\xbc\x8c\x7fc\nW\xf4\x1f\x88\xa6\xc9\x8c\x9b\xf4&gt;}\x07\xdeD,\x1a\xe5\xf6!W\xf3\xe6\x84\x17\xc9\xa9\x92\x85\xa6\x89\x87He\xa7i\x1aN\x97\x8b\x12\xbf\x8f\xeb/\xef\xc9\x0f\xdf~E\x95j5x\xe5\x83\xaf\xe9\xd1\xf3B\xd4\x98\xce\xb8\xd7&gt;\x88\xc77r`|E#\x91\xb4\x14\x8b\x85p(\x84$\xc9\x8cy\xf9=\xfa\x0e\xbc\x89H$B\xef\xde\xbdy\xf5\xd5WE\x12\xf07D\x11\xe0~\xf6\xef\xf9\x0f\x192\x84\t\x13&amp;`w8x\xf4\xb9I\\\xd8\xe7r\xf2\xf7\x88b\xb0df6\xfe6t]\xe3\x7f\xfd\xfb\xf0\xc3\xb7_\x92\x93[\x85q\x93\xde\xa7\xf3\xa9\xa7\x9a\xc5~\xf1u\xc4\x19Y^\xc6&lt;4\x92\x17\x9e2\xf7\x01\xb8\xe7\xe1\xb1\\w\xd3-\x14\xe4\x17\x8b\xea\xe2J\xcal\xfc\x9d\x14\x17\x14p\xfd\x95\x17\xb0t\xd1\xcf\xd4\xa9\xdf\x90\x17\xde\xfa\x84\xe6\xc7\xb4\xa1\xa8\xb0\x10EV@\x92\xc8\xc8\xf42\xe6\xa1\x11\xbc\xf0\xf4h@\xc47U$\xf6i\xc9\xc8\xf42f\xf4\x08^x\xca\x8c\xef\x0b/\xbc\xc0\x90!CDa\xe0AD\x02\x10\xb7\x7f\xe3?h\xd0 ^~\xf9e\\n\x0fc^~\x97\xee\xe7\x9fO\xfe\x1e1\xdf\x9f\xcct]\xc7b\xb5\x82\xa1s\xe35\x970\xfb\xfbo\xa8R\xad:/\xbc\xfd\x19\xed\x8e\xefHaA!\x16\x8b\x15H\x8c\x02\xe9d\xe7d\xf2\xfc\x93\x8f\xf1\xf4Cw\x03p\xf7\xe81\x0c\xfa\xdf0\xf2\xf7\x16\xa1(\xe2\xbdP\x99\x946\xfe\x85\x05\x0c\xec}\x1e\xcb\x7f\xfb\x95\x86M\x9a3\xe1\xbd\xa9\xd4k\xd08\xbe\x7f\x83\x19\xb3\x03\xe3\xfb(O?t\x0f \xe2\x9b*\xfe.\xbe\xe3\xc7\x8f\xe7\x86\x1bn\x10I\xc0~D\x02\xc0\x81\x8d\xff\xd0\xa1Cy\xf1\xc5\x17\xf1x3x\xe6\xd5\xf79\xed\xac\xb3\xc8\xdf\xbb\xafq\x10\x92\x8f\xae\xeb(\x16\x05E\x96\xb9\xf9\xda\xcb\x989\xed\x0b\xaaV\xaf\xc9K\xefM\xe5\x98\xb6\x1d(*\xfcs|\x13\xef\x89\x9c\xbcL&amp;\x8cy\x8a\'\xee\xbf\x1d\x80\x11\x8f?\xc7\xb5Co\xa4`O\x91\xa8\x01\xa9$\xf4\xf8\x9c\x7fI\x89\x8fA\xbd\xcfc\xe9\xa2\x9fi\xdc\xbc\x15\x13\'\x7fN\xcd\xdau\xf1\xfb\xfc\x7fz\xe0\xff]|G&gt;&gt;\x9e~Co\x10\xf1Mr\x7f\x17\xdf\x89\x13\'2p\xe0@\x91\x04\xc4\xa5}\x02\xb0\x7f\xb5\xffm\xb7\xdd\xc6\xd3O?\x8d\xcb\xeda\xdc\xa4\x0f8\xfd\xec\xb3\xc9\xdfSh\xf6\x1c\x85\xa4d\x18\x06\x92d.\xed\x1b~\xdd\x15|\xfd\xd9\x87\xe4U\xa9\xc6\xc4\xc9_\xd0\xba\xfdq\x7f\xd9\xf8\xefO\xd3Tr\xf3\xb2x\xfe\xc9\xc7y\xea\xc1\xbb\x00xt\xfck\xf4\xbe\xa6\x9f\xf9\xde\x10\x89a\x85\xd2u\x1d\xab\xd5\x8a\xaa\xc6\x18\xd8\xfb\\~\xfdi\x0e\r\x9b4\xe7\x95\x0f\xbf\xa2F\xad\xba\x04\xfc\xfe\x7fl\xc8\xff*\xbe\x8f\x8d\x7f\x8d\xcbD|S\xc2\x9f\xe3+\xf1\xee\xbb\xefp\xf9\xe5\x97\x8b$\x00Q\x04X\xda\xf8\x8f\x1e=\x9a\xa7\x9f~\x1a\xbb\xdd\xc1S/\xbd-\x1a\xff\x14\x90(\xe8\xf4x\xbd\xdc?|\x08_\x7f\xf6!\x99\xd99&lt;\xff\xd6\xc7f\xe3_\xf0\xef\x0fxs\x99Q1Co\xbb\x93\x9b\xee|\x00\x80\x91\xc3\x06\xf3\xf5\xa7\x9f\x92\x93\x9b-\n\x8b*\x90a\x98K9eYb\xd8\x80&gt;\xfc\xfa\xd3\x1c\xea\xd4o\xc8K\xefM\xa5f\xed\xba\x94\xfcK\xe3\x0f\x07\xc6\xf7\xc6;\x1e\x00`\xc4\xf0\xc1|\xf3\xe9g"\xbe)\xe0\xcf\xf7\xafA\xbf~\xfd\xf8\xe6\x9boDa i&gt;\x02\x90\xc8\x00_~\xf9e\x06\r\x1a\x84"\xcb&lt;\xf6\xfc\xeb\\|U_\x91\xfd\xa7\x00MS\xc9\xc9\xcd\xe2\xc9\x07\xee\xe3\xc51\x0f\xe3r\xbb\x19\xff\xe6\xc7\x9crzw\n\xf3\x0f=\xb9K\xcc)feg\xf2\xd0]\xc3y\xfd\xc5\xb1x\xbc\x19\xbc\xf2\xc1W\xb4?\xe1$|Eb\xb8\xf8hK$w\xde\x0c/\xb7\x0f\xb9\x86\xcf\xde\x7f\x8b*\xd5j\xf0\xeaG\xdf\xd0\xace\xeb\x03\xe6\xfc\x0f\xed{\x99\xf1}\xf0\xcea\xbc1\xe1\x19&lt;\x19\x99f|;v\x16\xf1Mr\x7f\x15\xdf\xcc\xcc,\xbe\xff\xfe;:t\xe8\x90\xd6\xdb\x06\xa7m\x02\x90h\xfc\xbf\xfa\xea+z\xf6\xbc\x00MS\xb9\xf7\x91g\xb8\xee\xe6\xff\xb1w\xb7h\xfc\x93\x9d\xaa\xaa\xe4V\xc9\xe2\xad\x97&amp;p\xffmC\x90\x15\x85\xa7&amp;\xbcM\xaf&gt;}\xc8\xdf\xfd\xdfGv\xcc\xdb\xc4\xc0\xe3\xcd\xe0\xb6\xc1}\x99\xfa\xe1\xdbT\xafY\x9b\xb7\xa6\xce\xa4V\xddz\x04\x03\xc1\xb4}\x88T\x84Dr\xf7\xd8\x88\xbb\x998\xee1&lt;\xde\x0c&amp;N\xfe\x82\xe3O:\x99\xa2\x82\xff^\xb0\xbb/\xbe^n\x1d\xd4\x97\xcf?z\x87\xea\xb5j\xf3\xf6\xd4Y\xd4\xacSW\xc47\xc9\xed\x1f_\xf3\xfe}\x87\xbau\xeb1g\xcel\xea\xd4\xa9\x13_\xda\x9d~\x03\xe2i\x99\x00$2\xbee\xcb\x96\xd1\xb5kW\n\x0b\x0b\x19x\xf3\x1d\xdc=\xfaq\n\xf2E\x05p\xb2SU\x95\xac\xec,~\xfcn\x1aC\xae\xba\x80h$RZ\xe1\xbd\xf70\x1a\xff\x04C\xd7\x91\x15\x05\xc5\xa20\xb8\xcf\xf9\xcc\xfb\xe1;Z\x1d\xdb\x9e7?\xfd\x1e\x8b\xcd\x86\xa6\xaaHR\xfa=D\x8e6U5\xe7u\xdf~u"#\x87\r\xc6b\xb10\xf6\x95\xc9\x9cs\xd1\xc5\x14\x1cA\xc1n\xa2\x10X\xb1\xc8\x0c\xea}&gt;\xf3\x7f\xfc\x9ec\xda\x1e\xc7\x1b\x9f}\x87E\xb1\xa2i\x9aX\x02\x9c\xc4\xfe*\xbe\'\x9cp\x023f\xcc\xc0\xe1p\x94\x1e\xf3\x9eN\xd2\xeei\x958\xf1\xab\xa0\xa0\x80K/\xbd\x8c\xc2\xc2B\xce\xb9\xb07\xb7?\xf0\x18E\x85&gt;\xb1\xc1O\x92\xd34\r\xb7\xc7\xcd\xfa\xb5\xab\xb9\xf3\x86k\x88F"\xf4\x1dx\x13\xd7\xddl.\xef:\x92\x9a\x0eI\x96\xd14\r\x90xz\xe2\xdb4j\xda\x92\xe5\xbf-\xe2\xee\x9b\xaf\xc3\xe1p\x92~\xa9\xf4\xd1\xa7\xc5\x93\xbb93g\xf2\xc8\xdd\xb7\x00p\xdb\xfd\x8fs\xde\xc5\x17Sp\x84\xd3vr&lt;\xbe\x122OO|\x9b\x86M\x9a\xf3\xfb\x92_\xb8\xef\xe6\x818]N\xd2\xb0\xaf\x94R\x0e\x8eo\xa3\xa6\xcdY\xb0`\x01\x03\x07\x0e*\xfdX\xbaI\xab\x04 \xb14D\x92$\xae\xbe\xfajV\xaf^\xc5\xb1\x1dN\xe0\xe1g_!\x14\x0ca\x18\xa4]\x06\x98J\x0c\xc3\xc0b\xb1\x10\t\x87\xb9mp_\xf6\xee\xdeE\xd73\xcf\xe1\x9eG\xc6\xe0+\xf4\x97Ir\'\xcb2\x91p\x98\xec\xdc*\x8c}\xe5]\xb2\xb2s\x98\xfe\xf9\x14\x9e{|\x14\xd9\xb9\x19i_TT\x9etM\xc7\xe9r\xb2u\xf3F\xee\x1cz\r\xe1p\x88\xcb\xfb\x0fa\xe0\xff\x86\x1fqr\x97 \xcb2\xe1p\x98\x9c\xbc\xaa\x8cy\xf9]2\xb3\xb2\xf9\xfa\xb3\x0fy\xfe\xc9\x87\xc9\xce\x11\xf1Mv\xfb\xc7\xf7\xe9\x89\xef\x92\x99\x9d\xcd\xbb\xef\xbe\xc3\x13O&gt;\x99\x96E\x81i\x95\x00$\x86\xfeG\x8e\x1c\xc9\x97_~I\xb5\xea5y\xea\xa5\xb7\xb1\xdb\xed\xc4b\xb1\xb4\x9c\x03J%\xba\xae\xe3\xf1\xbay\xe8\xae\xff\xb1l\xf1B\x1a4n\xc6c\xe3\'\xa1\xc6Tt\xc3(\xb3\xe4NQ\x14\xfc&gt;\x1f\xad\x8e=\x96QO\xbf\x84,\xcb\xbc\xf0\xf4h\xa6M\x9dJvNV\xda=D\x8e\n\xc3@V\xcc\xf8\xdduC\x7fvl\xdb\xc2\x89\'\x9f\xca\xbd\x8f\x8c\xc5WTR\xa6#wf|\x8bi\xdd\xae\x1d\x0f&lt;\xf5\x02\x92,3\xfe\xc9Q|\xf7\xd5Wde\x8b-\x83\x93\xdd\x01\xf1}\xf2EdY\xe6\x9e{\xeea\xc6\x8c\x19X,\x96\xb4\x1a\tH\x9b\x16/\xb1\xdc\xef\xcb/\xbfd\xf4\xe8\xd1X\xadV\x1ez\xe6e\x1a4nL\xa0$ \n|\x92\x9c\xaa\xaa\xe4\xe4f\xf2\xce\xab/\xf1\xf1\xbb\xaf\xe1r{x\xfc\x85\xd7\xc9\xc9\xabJ$\x1c.\xf3\xe4\xceb\xb1P\x90_D\xcfK/a\xf0\xb0\xbb\xd15\x8d\x91\xc3\xafg\xd3\xfa\xf5\xb8\\Nt]/\xd3\x9f\x97\xee4M#3\xcb\xcb\xd3\x0f\xdd\xcb\x8293\xa9Q\xab\x0e\x8f=\xff:`n\x04T\xd6#w\x16\x8b\x95\x82\xfc"z\xf5\xee\xc3u7\xde\x8e\xa6\xaa\x8c\x1c&gt;\x98m\x9b7\xe1p\x8a\xf8&amp;\xbb}\xf1\xed\xcd\x80\x9b\xcc\xf8\xf6\xeb\xd7\x8f]\xbbv!\xcbr\xda\xc47-\x8a\x00\x13\xc3\xfe\xdb\xb7o\xe7\xb8\xe3\x8eg\xe7\xce\x1d\xdc|\xd7(n\xb9w\xa4X\xee\x97\x02t]\xc3\xe5v\xb3z\xc52\xae:\xaf\x1b%~\x1f\x0f&lt;\xf9\x02W_?\xe4\xb0*\xfe\x0f\x9d\x81a\x80\xd3\xe5d`\xef\xf3\x983c\x1a\x9d\xbb\x9e\xc1\xab\x1f~E(\x14\x16\xd3IeDSU2s\xb2\x98&gt;\xf5\x13n\xbc\xe6b,V+\x13\xde\x99\xca)g\xf4\xa0\xa8\xb0&lt;\xb7\xe86\xe3\xebp\xda\x19p\xc99\xcc\xff\xf1{N9\xe3l&amp;N\xfe\x9c@I@\x8c\x18&amp;\xbdx|\x1dv\x06\\j\xc6\xf7\xfc\xf3\xcfg\xea\xd4\xa9i\xb3IPZ\xbc\x83\x8d\xf8\xf0\xefu\xd7]\xc7\xce\x9d;8\xe5\xf4\xb3\x18z\xdb\xbd\x14\xe5\xfbD\xe3\x9f\xe4\xcc\xa2N\x85h$\xc2\x88[\x06S\xe2\xf7q\xfe%Wr\xd5\xc0!\x14\xec-.\xe7\x8d\x9c\xa4\xd2\x9d$\x1f\x1a\xfb\x12\xd5j\xd4b\xde\x0f\xdf1a\xeccde{\xc5T@\x190t\x1d\xbb\xd3\xc9\xb6\xcd\x9by\xf0\xce\x9b0\x0c\x83\xc1\xc3\xee\xe6\xb4\xb3z\xc4wq,\xcf\x87\xb4\x19_C\x87\xd1\xcf\xbcD^\xd5j\xfc\xf8\xdd\xd7\xbc:\xfeiQ\x0f\x90\x12\xe2\xf15\xcc\xf8V\xa9Z\x9d\xcf?\xff\x9cg\x9f}6m\xea\x01R&gt;\x01H\xcc\xfb?\xfb\xec\xb3|\xf3\xcd7T\xab^\x93QO\xbf\x88\xaa\xaa\xa4\xfc\xd0G\x1a\xd05\x8d\xcc,\x0f\xcf=\xfe \xcb\x16/\xa4~\xa3\xa6\xdc\xf7\xe83\x04\x03\xc1\xa3\xd2C\x93e\x99P0D\x9dz\xf5\xb8\xef\xb1g\x91e\x99\tc\x1f\xe5\xe7y\xf3\xf1fd\xa0\xa7\xd1|by0\x00\x9b\xcd\xc6\xe8\xbb\xfe\xc7\xae\x1d\xdb\xe8t\xca\xe9\xdcp\xeb\xbd\x14\x16\xf8\x8fJ\xf2.\xcb2\xc1`\x90\xfa\x8d\x1aq\xcf\xc3\xcf I\x12\xcf?\xf9 K~\xf9\x15\x8f\xd7\x8b\xae\x8b\xf8&amp;\xb3\xfd\xe3{\xf7\xc3c\x91$\x89{\xee\xb9\x97\x15+V`\xb1XR~* \xa5\x13\x80\xc4\xba\xcf\x95+Wr\xcf=\xf7"I\x12w\x8d\x1eC\xdd\x06\xf5\t\x07Cb\x08/\xc9i\x9a\x867+\x8393g\xf2\xc6\x84\xb1X\xacVF&gt;\xfe\x1c9\xb9yD#\xd1\xa36\x04o\xb1X(*(\xe2\xdc\x0b/\xa2\xf75\x83\x88\x84C&lt;x\xc7\r\x84CAdEA\xac\x0f&lt;&lt;\xaa\xaa\x92\x95\x93\xc1\xfbo\xbc\xccw_}JvN.\x0f&lt;\xf5\x02z|\x17\xc0\xa3\xc5b\xb1PXP\xcc\x05\x97\xf5\xe1\xc2&gt;\xfd\x08\x06\x02&lt;x\xc7\x8d\xa8\xa5\x85\xc3"\xbe\xc9l\xff\xf8^ty?\x02\x81\x12\x06\r\x1a\x84\xa6i\xa5;N\xa6\xaa\x94m\x01\x13\x81\xd3u\x9d!C\x86\x10\x08\x94pa\x9fk8\xff\xd2\xde\x14\x16\x88\xad=\x93]b\xc9_\xb0$\xc0\xc3\xf7\xdcB,\x16\xa3\xef\xc0\x9b\xe8\xd6\xa3;E\x15\xb0u\xab\xac(\xf8|A\x86\x8fx\x84\x86M\x9a\xb3b\xe9b^z\xe612\xb3&lt;iUU\\Vt\xdd\\\xf2\xb7a\xed:\xc6&gt;|\x1f\x00\xc3G&lt;J\x93\xe6M\x8f\xda\xe8\xce\xfedY&amp;P\x12\xe2\x8eQ\x8fQ\xa7~C\x96\xfc\xf2\x13\xaf\xbd0\x96\xcc,/\xaa*\xe2\x9b\xec\x12\xf1\xbd\xfd\x81\xc7\xa8[\xbf!s\xe7\xcee\xdc\xb8q(\x8a\x92\xd2\xf7o\xca&amp;\x00\x89\xde\xff\x8b/\xbe\xc8\x0f?\</t>
        </is>
      </c>
    </row>
    <row r="391">
      <c r="A391" s="1" t="n">
        <v>389</v>
      </c>
      <c r="B391" t="inlineStr">
        <is>
          <t>color_overlap_squares</t>
        </is>
      </c>
      <c r="C391" t="inlineStr">
        <is>
          <t>What is the missing color of the part denoted with a question mark?</t>
        </is>
      </c>
      <c r="D391" t="inlineStr">
        <is>
          <t>['yellow', 'red', 'blue', 'purple']</t>
        </is>
      </c>
      <c r="E391" t="inlineStr">
        <is>
          <t>red</t>
        </is>
      </c>
      <c r="F391" t="inlineStr">
        <is>
          <t>There are 3 squares which overlap each other in the image. The color of the squares are ['blue', 'yellow', '?']. The part where the first and second squares overlap is green. The part where the second and third squares overlap is orange.</t>
        </is>
      </c>
      <c r="G391" t="inlineStr">
        <is>
          <t>We observe that the blue and yellow squares overlap to form green. Hence, the pattern is that the color of the part where two squares overlap is determined by mixing the two colors.</t>
        </is>
      </c>
      <c r="H391" t="inlineStr">
        <is>
          <t>Based on the pattern that the color of the part where two squares overlap is determined by mixing the two colors, the missing color of the part which overlaps with yellow to form orange should be red.</t>
        </is>
      </c>
      <c r="I391" t="inlineStr">
        <is>
          <t>b'\x89PNG\r\n\x1a\n\x00\x00\x00\rIHDR\x00\x00\x02\x00\x00\x00\x02\x00\x08\x02\x00\x00\x00{\x1aC\xad\x00\x00!YIDATx\x9c\xed\xddo\x8c\x1c\xe5\x81\xe7\xf1\xe7\xa9\xaa\xee\xf6\xfc\xc1\xe3\xc1g\xb2{rP\x8e\xe4\x92\xbb,^@\xd8l\x82\x82\xf1\x1e \x07\x94\x1c\xecE\\trbqJ&lt;&amp;\x81\xc0\xea"H \xbe\x93P\x12\xb8S\xf2\x02\xbc\x01\x19[ c\xbc:\x92\xbd(QV\x82\xe5t\xe1\xf0\x88(86\xb0&amp;@6\xd9\x88\xe5X"d\x0c\x8c\xed\xf9\xdb\xddU\xf5\xdc\x8b\x07\x86a&lt;3\xee\xe9~\xaa\xea\xf9\xf3\xfd\xbc\x88\xbc\x8e\xb3.\xf7T\xff\xbe\xd3\xdd5\xddR)%\x00\x00\xe1\x89\xaa&gt;\x00\x00@5\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G\x96eJ\xa9\xaa\x8f\x02\xe5\x91|\xbd\x01\x08!\x94RR\xca\xb9\xbf\x80\xf7x\x04\x00\x84N)\xa5G\xff\xce;\xef&lt;z\xf4\xa8\x942\xcf\xf3\xaa\x0f\ne \x00@\xd0\x94Ry\x9eK)\xaf\xbf\xfe\xfao}\xeb[W_}\xf5\xd8\xd8X\x14E4 \x04\x04\x00\x08\x97^\xff8\x8eGFF\xee\xbf\xff\xfe\xfe\xfe\xfe\x83\x07\x0fn\xde\xbc\x99\x06\x04\x82\x00\x00\x81\x9a\xbb\xfe{\xf6\xeci4\x1aSSSI\x92\x1c:t\x88\x06\x04\x82\x00\x00!:u\xfd\x9b\xcd\xe6\xa7&gt;\xf5\xa9,\xcbh@8\x08\x00\x10\x9cy\xeb\xdf\xd7\xd7\xd7l6\xb7l\xd9r\xe0\xc0\x81\xbb\xef\xbe;M\xd3F\xa3A\x03B@\x00\x80\xb0\x9c\xba\xfe\xd3\xd3\xd3[\xb7n\xdd\xbbw\xef\xd8\xd8\xd8M7\xddt\xcf=\xf74\x9bM\x1a\x10\x02\x02\x00\x04d\xb1\xf5\x7f\xe0\x81\x07\xc6\xc7\xc7\x85\x10\xc7\x8e\x1d\xa3\x01\xe1 \x00@(\x96^\xff&lt;\xcf\xa3(J\x92\x84\x06\x84\x83\x00\x00A\xe8d\xfd\xf5\x9f\xa4\x01\xe1 \x00\x80\xff:_\x7f\x8d\x06\x04\x82\x00\x00\x9e[\xee\xfak4 \x04\x04\x00\xf0Yw\xeb\xaf\xd1\x00\xef\x11\x00\xc0[\xbd\xac\xbfF\x03\xfcF\x00\x00?\xf5\xbe\xfe\x1a\r\xf0\x18\x01\x00&lt;dj\xfd5\x1a\xe0+\x02\x00\xf8\xc6\xec\xfak4\xc0K\x04\x00\xf0J\x11\xeb\xaf\xd1\x00\xff\x10\x00\xc0\x1f\xc5\xad\xbfF\x03&lt;C\x00\x00O\x14\xbd\xfe\x1a\r\xf0\t\x01\x00|P\xce\xfak4\xc0\x1b\x04\x00p^\x99\xeb\xaf\xd1\x00?\x10\x00\xc0m\xe5\xaf\xbfF\x03&lt;@\x00\x00\x87U\xb5\xfe\x1a\rp\x1d\x01\x00\\U\xed\xfak4\xc0i\x04\x00p\x92\r\xeb\xaf\xd1\x00w\x11\x00\xc0=\xf6\xac\xbfF\x03\x1cE\x00\x00\xc7\xd8\xb6\xfe\x1a\rp\x11\x01\x00\\b\xe7\xfak4\xc09\x04\x00p\x86\xcd\xeb\xaf\xd1\x00\xb7\x10\x00\xc0\r\xf6\xaf\xbfF\x03\x1cb\xc5\x19\x03`i\xae\xac\xbfF\x03\\a\xd1I\x03`An\xad\xbfF\x03\x9c`\xddy\x03`.\x17\xd7_\xa3\x01\xf6\xb3\xf4\xd4\x01 \\^\x7f\x8d\x06X\xce\xea\xb3\x07\x08\x99\xeb\xeb\xaf\xd1\x00\x9b9p\x02\x01\x01\xf2c\xfd5\x1a`-g\xce! \x1c&gt;\xad\xbfF\x03\xec\xe4\xd8i\x04x\xcf\xbf\xf5\xd7h\x80\x85\x9c&lt;\x93\x00_\xf9\xba\xfe\x1a\r\xb0\x8d\xc3\'\x13\xe0\x19\xbf\xd7_\xa3\x01Vq\xfe|\x02\xfc\x10\xc2\xfak4\xc0\x1e\x9e\x9cR\x80\xd3\xc2Y\x7f\x8d\x06X\xc2\xab\xb3\npQh\xeb\xaf\xd1\x00\x1bxxb\x01\x0e\ts\xfd5\x1aP9o\xcf-\xc0~!\xaf\xbfF\x03\xaa\xe5\xf9\xe9\x05X\x8b\xf5\xd7h@\x85\x828\xc3\x00\xdb\xb0\xfes\xd1\x80\xaa\x04t\x92\x01\x96`\xfdOE\x03*\x11\xdcy\x06T\x8b\xf5_\x0c\r(_\xa0\xa7\x1aP\t\xd6\x7fi4\xa0dA\x9fm@\x99X\xffN\xd0\x802q\xc2\x01e`\xfd;G\x03J\xc39\x07\x14\x8e\xf5_.\x1aP\x0eN;\xa0X\xac\x7fwh@\t8\xf3\x80\x02\xb1\xfe\xbd\xa0\x01E\xe3\xe4\x03\x8a\xc2\xfa\xf7\x8e\x06\x14\x8a\xf3\x0f(\x04\xebo\n\r(\x0e\xa7 `\x1e\xebo\x16\r(\x08g!`\x18\xeb_\x04\x1aP\x04ND\xc0$\xd6\xbf84\xc08\xceE\xc0\x18\xd6\xbfh4\xc0,NG\xc0\x0c\xd6\xbf\x1c4\xc0 \xceH\xc0\x00\xd6\xbfL4\xc0\x14NJ\xa0W\xac\x7f\xf9h\x80\x11\x9c\x97@OX\xff\xaa\xd0\x80\xdeqj\x02\xddc\xfd\xabE\x03z\xc4\xd9\tt\x89\xf5\xb7\x01\r\xe8\x05\'(\xd0\r\xd6\xdf\x1e4\xa0k\x9c\xa3\xc0\xb2\xb1\xfe\xb6\xa1\x01\xdd\xe14\x05\x96\x87\xf5\xb7\x13\r\xe8\x82TJU}\x0c\x803X\x7f#\xe6\xcd\x8e\x94\xd2\xd4\xff\xe74M\xd7\xacY\xb3s\xe7\xce\x9bo\xbe\xb9\xd1h4\x9b\xcd\r\x1b6&lt;\xfe\xf8\xe3\xc3\xc3\xc3|uNE\x00\x80N\xb1\xfe\xbd\xc8\xf3&lt;\xcfs)e\x1c\xc7q\x1cGQ$\xa5\xd47i\x96eY\x96\t!\xf4o\xf6\xf8\x17\xd1\x80\xce\x11\x00\xa0#\xac\x7fw\x94RY\x96%I\xd2\xdf\xdf_\xaf\xd7\xb3,\x9b\x98\x98\x18\x1f\x1f\x9f\x9e\x9en\xb5Z\xb5Z\xad\xbf\xbf\x7fhhhpp0\xcf\xf3\xf1\xf1\xf1,\xcb\xe28\xee\xf1/\xa5\x01\x1d"\x00\xc0\xe9\xb1\xfe\xdd\xc9\xf3\xbc\xd1h\x0c\x0c\x0c\x9c8q\xe2\xc8\x91#\xa3\xa3\xa3\x87\x0f\x1f~\xf9\xe5\x97\x8f\x1e=:==\x9deY\x14E\xfd\xfd\xfdk\xd7\xae=\xef\xbc\xf3\xae\xba\xea\xaa\xcb/\xbf|pp\xf0\xc4\x89\x134\xa0\x1c\x04\x008\r\xd6\xbf;y\x9e\x0f\x0c\x0c\xbc\xfa\xea\xab\x8f&lt;\xf2\xc8\x8f\x7f\xfc\xe3\xe7\x9f\x7f\xfe\xb4\xff\x93\xf3\xce;\xef\x8e;\xee\xf8\xecg?\xab_\xb9\xed\xf1\x00h\xc0i\x11\x00`)\xac\x7fw\xb2,\x1b\x1a\x1az\xe8\xa1\x87n\xbd\xf5\xd6\xb1\xb11\xfd\x9b\xb5ZM?\xc5\xaf_\x0f\x10BH)\xf5\r\xa8og\xfd\x9bw\xddu\xd7-\xb7\xdc266\xc6\xe3\x80\xa2\x85\xfe\xef\x07\x96\xc0\xfa\xf7B)\xf5\x81\x0f|`ll\xacV\xab\xd5j\xb58\x8e\xdb\xedv\xab\xd5j\xb5Zi\x9a\xea\xb9\xcf\xb2\xac\xddn\xb7\xdb\xed,\xcb\x94R\xfa\xf5\xe1\xdbn\xbbm\xdf\xbe}\xc3\xc3\xc3\xfa\x95\xe1^pm\xe8\xd2x\x04\x00,\x8c\xf5\xefQ\x9e\xe7CCC\x9f\xfe\xf4\xa7\x7f\xfe\xf3\x9f\xeb\xdf9\xeb\xac\xb3.\xbe\xf8\xe2\xf5\xeb\xd7\x7f\xf8\xc3\x1f^\xb5jU\x1c\xc7\x93\x93\x93\xbf\xfb\xdd\xef\x1e}\xf4\xd1\x03\x07\x0e\xe8?\x13E\x91Rj\xf5\xea\xd5\x87\x0f\x1f&gt;\xf3\xcc3\xdb\xed6\xd7\x05\x15\x87\x00\x00\x0b`\xfd{\x97e\xd9\xaaU\xab~\xf6\xb3\x9f}\xees\x9f\xbb\xf4\xd2K\xbf\xf0\x85/\\~\xf9\xe5k\xd7\xaeM\x92$\xcb\xb2&lt;\xcf\x95RQ\x14\xc5q\x9c\xa6\xe9\xbe}\xfb\xbe\xf6\xb5\xaf5\x9bM\xfd\x9bY\x96\xddu\xd7]\xdf\xfc\xe67\x8f\x1d;\x96$I\xef\x07C\x03\x16D\x00\x80\xf9X\x7fS\xa4\x94\xadV\xeb\xa5\x97^\xba\xe8\xa2\x8b\xfa\xfa\xfa&amp;&amp;&amp;\xf4\xc4\xebo\xea\xf5\xcf\x01\xe8\tZ\xb3f\xcd\xf7\xbe\xf7\xbd[o\xbdU?\xef\x9f\xe7\xf9\xa6M\x9b\x1e{\xec\xb1\x89\x89\tS\xb76\r8\x15\x01\x00\xde\x87\xf57KJ\xd9\xd7\xd7799\xa9/\xf0_\xf0\xf9\x1c\xfd]\xff\xe4\xe4\xe4\x05\x17\\p\xec\xd8\xb18\x8e\xb3,\xfb\xd0\x87&gt;\xf4\xf4\xd3O\xafX\xb1"\xcb2S?*L\x03\xe6\t\xee\x1f\x0c,\x81\xf57N)511!\xa5L\x92d\xb1\x1d\x97R\xea\xe7\x8b\xce9\xe7\x1c\xf1\xee;C\x9c&lt;yrff\xc6\xec\r\xcek\xc2\xf3p6\x03\xef`\xfd\x0b\xd2\xe1\xed&amp;\xa5\x9c[\x08#o\x0bq*\x1a0\x17\'4 \x04\xeb_)}\x01\xe8\xe4\xe4\xe4\xeb\xaf\xbf&gt;\xfb\x9b\xabV\xad\xea\xef\xef\xef\xfdJ\xd0S\xd1\x80Y\x9c\xd3\x00\xeb_\xb1,\xcb\x06\x07\x07\x9f}\xf6\xd9W_}U_\x06*\xa5\xfc\xe8G?:44\x94\xa6)\x8f\x03\x8a\xc3i\x8d\xd0\xb1\xfe\xd5\xca\xf3\xbcV\xab\xb5\xdb\xed;\xee\xb8c\xf6\x9a\x14\xa5\xd4g&gt;\xf3\x998\x8e\x8b\xbbJ\x85\x06\x08\xae\x02B\xe0X\xffj\xe9[x\xe5\xca\x95_\xfe\xf2\x97\xf7\xee\xdd\xabo\xed&lt;\xcf?\xf2\x91\x8f\xfc\xf2\x97\xbfL\x92D\xbf\x83tq\x07\x10\xf8uA\x9e\xff\xf3\x80%\xb0\xfe\xd5J\xd3\xb4\xd1h4\x1a\x8d\xeb\xae\xbbn\xef\xde\xbds\xdf\xf9\xe7\xee\xbb\xef.\xee\xf9\x9f\xb9\x02\x7f\x1c\xc0\xf9\x8d@\xb1\xfe\xd5J\xd3t\xe5\xca\x95\'O\x9e\xbc\xe6\x9ak\xf6\xef\xdf?\xfblO\x9e\xe7;w\xee\xbc\xf2\xca+\x8f\x1f?\xde\xfb\x9b\xc1u"\xe4\x06\xf0\x14\x10B\xc4\xfaW+M\xd3\xe1\xe1\xe1#G\x8el\xd9\xb2\xe5\xb7\xbf\xfd\xad\x1ez\xfd\xf1\x00\xf7\xde{\xef\xf6\xed\xdb\xdfz\xeb\xadr\xd6\x7f\xee!\x05\xf8\\\x10\x01@pX\xffj\xe9\xf5\x1f\x1d\x1d\xbd\xf6\xdak\xdf~\xfb\xed\xd9\xf5\x1f\x1e\x1e~\xf0\xc1\x07\xaf\xb9\xe6\x1aS\xef\xff\xd3\xc5\x81\x85\xd6\x00\x02\x80\xb0\xb0\xfe\xd5\xd2\x9f\x12\xf3\xc2\x0b/\\q\xc5\x15\xb3O\xf2dYv\xee\xb9\xe7&gt;\xfc\xf0\xc3\xeb\xd6\xad{\xfb\xed\xb7+Y\x7f-\xb4\x06\x10\x00\x04\x84\xf5\xaf\x96\xbe\xc0_J\xb9q\xe3\xc6_\xff\xfa\xd7I\x92\xe8O\x0c\xde\xb4i\xd3#\x8f&lt;\xb2j\xd5\xaa\x13\'N\xd4j\xb5j\x0f2\xa8\x06x\xf5\x8f\x01\x96\xc0\xfaWN\x7fL\xd8\xfe\xfd\xfb\xf5\xfa\xeb\x0f\x84\xb9\xf4\xd2K\x7f\xf2\x93\x9f\x0c\x0c\x0c\x9c&lt;y\xb2\xf2\xf5\x17\x81\xbd&amp;\xcc\x19\x8f \xb0\xfe6\x88\xa2\xa8\xddn\xff\xe8G?\xd2\x8f\x03\x94Rk\xd7\xae\xdd\xb7o_\xbd^\x9f\x99\x99\xa9\xf0\x99\x9fy\xc2i\x00\'=\xfc\xc7\xfa\xdb@)U\xaf\xd7\x8f\x1e=\xfa\x9b\xdf\xfcF\xbd\xeb\xa6\x9bn:\xfb\xec\xb3\'&amp;&amp;J\xbe\xe6\xe7\xb4\x02i\x00\xe7=&lt;\xc7\xfa[B\xbf\xe3\xdb\x9bo\xbey\xe2\xc4\t!\x84\xfex\x80\x8d\x1b7NOO\xdb\xb6\xfeZ\x08\r\xe0\xd4\x87\xcfX\x7f\xabDQ4===\xfb\xc90+W\xae\\\xb3fM\t?\xee\xdb5\xef\x1b\xc0\xd9\x0fo\xb1\xfe\x16\xd2\x9f\x06\xac\xffsff\xc6\xce\xef\xfd\xe7\xf2\xbb\x01\\\x06\n?\xb1\xfe\xb6\xd1O\x01\x8d\x8f\x8f?\xfb\xec\xb3\xfawj\xb5\xda\x86\r\x1b\xf4\xc5\xa0\xd5\x1e\xdbi\xf9zm(\x01\x80\x87X\x7fkEQ400\xa0\x7f\xad\x94\x9a\x9c\x9cte\x82\xbcl\x00\x01\x80oX\x7f\x9b)\xa5\xd24\xd5\xcf\x9cDQd\xc3\x85\xff\x9d\xf3\xaf\x01\x04\x00^a\xfd-\xa7\xdf\nb\xc5\x8a\x15B\x88v\xbb=&gt;&gt;.\xde\xfd\x14x\'x\xd6\x00\x02\x00\x7f\xb0\xfe\x96SJ\r\x0c\x0c\xfc\xeaW\xbf:p\xe0\xc0\xcc\xcc\xccE\x17]t\xc5\x15W4\x9b\xcd\xa2?\xf5\xc5,\x9f\x1a@\x00\xe0\t\xd6\xdfr\xfa} v\xee\xdc\xf9\x8do|c\xf6\xa3\xde\xb7n\xddz\xdf}\xf75\x9bM\x87\x02 &lt;j\x00\x01\x80\x0fX\x7f\xcb)\xa5\x92$9~\xfc\xf8\xbau\xeb\xf4{\xfe\xe8\x9f\x04\xce\xb2\xec\xd1G\x1f\xbd\xec\xb2\xcb\xc6\xc7\xc7\xdd\xfa\x1a\xf9\xd1\x007\x8e\x12X\x02\xebo?\xa5T\xa3\xd1x\xe5\x95W\xc6\xc7\xc7\xa5\x94\xedv[\xff\xfcW\x14E/\xbe\xf8b\xadVs\xee\x82z?~&gt;\x80;\x06\xdc\xc6\xfa;d\xc1\xaf\x85\xbb_ \x0f\x1a\xe0\xeaM\x0f\x08\xd6\xdf\x1dR\xca\x99\x99\x99s\xce9g\xf5\xea\xd5\xfa]\xe1\xf4\xdbA\xe7y~\xfe\xf9\xe7\xb7Z-G\xbfR\xae7\xc0\xc9\x1b\x1d\x10\xac\xbfS\xf4\xd3&gt;k\xd6\xac\xf9\xeew\xbf[\xaf\xd7[\xad\x96\xfei\x80\x1bo\xbc\xf1\xe2\x8b/\x9e\x98\x98p\xf7\x8b\xe5t\x03x\x11\x18Nb\xfd]\xa4\x94\x1a\x1c\x1c|\xe6\x99g\x9ex\xe2\x89\xe9\xe9\xe9O~\xf2\x93\x97]v\xd9\xcc\xcc\x8c\x07+\xe4\xe8k\xc2\x04\x00\xeea\xfd\xdd\x95\xe7y\x7f\x7f\x7f__\x9f\x10\xa2\xd5j9w\xf1\xcf\x12\\l\x00\x01\x80cX\x7f\xd7\xe9\xa7\xfe\x85\x10RJ\xfb\xdf\rtY\x9ck\x00\x01\x80KX\x7fX\xce\xad\x06\xd8u4\xc0\x12X\x7f\xd8\xcf\xad\xd7\x84\xb9\xc3\xc0\r\xac?\\\xe1P\x03\xb8\xcf\xc0\x01\xac?\xdc\xe2J\x03\xb8\xdb\xc0v\xac?\\\xe4D\x03\xb8\xe7\xc0j\xac?\xdce\x7f\x03\xb8\xf3\xc0^\xac?\\gy\x03\xb8\xff\xc0R\xac?\xfc`s\x03\xb8\x0b\xc1F\xac?|bm\x03\xb8\x17\xc1:\xac?\xfccg\x03\xb8#\xc1.\xac?|ea\x03\xb8/\xc1"\xac?\xfcf[\x03x/\xa0\xb0T~\xd5\xc1\x12\x94R\xfa3\x02\xf5\xfa\xebw\x8d\xdf\xb2e\xcb\x83\x0f&gt;\xc8\xfa\x97\x86\x1b\xb9\x04s\xdf/(\x8e\xe3,\xcbf\xdf/H\xdf\x0bJ;\x12\x02\x00\xbb\xe8\xf5o4\x1a\xedv{\xfb\xf6\xed\xf7\xddw_\xb3\xd9TJ1L%\xc8\xb2lff\xa6\xea\xa3\x08\xc2l\x03n\xbf\xfd\xf6v\xbb\xddj\xb5&gt;\xf1\x89O\xfc\xf0\x87?\\\xbbv\xad\x94\xb2\xb4\x06\x10\x80P\xe8\xef,\xbe\xfe\xf5\xaf?\xf7\xdcs\xfa\x9b\x8e\xaa\x8fh&gt;)\xe5\x89\x13\'\x9ey\xe6\x19}xq\x1c_r\xc9%J\xa94MY\xff\xa2\xe9\xe7\x1f\xd6\xad[\xf7\xfd\xef\x7f\x7fzz\xba\xccoB\xc3\xa4\x1f\x8b\xaf^\xbd\xfa\x92K.y\xea\xa9\xa7\xfa\xfb\xfb\xa7\xa6\xa6\xbe\xfd\xedo\xef\xd8\xb1C\x9f\xfc\xe5\x1cFR\xce_\x83\xca\xe9\x00\xfc\xe2\x17\xbf8x\xf0`\xd5\xc7\xb2\x94F=\xc9\xf2&lt;\x89\xa34\xcb\x9e|\xf2\xc9\xaa\x0f\',SSSI\x92\x94\xfc,D\x80\xf4\xf3\x99g\x9cq\xc6\x17\xbf\xf8\xc5\xa7\x9ez\xaa\xd1hLMMm\xdf\xbe\xfd\xb6\xdbn\xd3\xaf\x81\x95v$\x04 ,\x83\x83\x83q\x1c\xc7q\xdcj\xb5\xaa&gt;\x96\x855[\xa9\xfe\x85\x94"\x8a\xde\xb9\'X\xf8x\xc53\xf5z=\xcb\xb2\xc1\xc1A\x9e\x12(\xda\xec\xfa\x7f\xe9K_\xda\xbf\x7f\xbf\xfe\xcc\x80m\xdb\xb6\xed\xda\xb5\xab\xfc\x1b\x9f\x00\x84%\xcf\xf3,\xcb\x94R\x9b\xfe\xec_n\xda\xf8\xc1|\xaa\x1dEv}\xaf\xa7\x94\x10I\xf4\xd6[\xd3?x\xf8\x85&lt;\xcf\xa4\x94\x91\x94_\xfd\xec\x9f\xfe\xd1\xea\xc1\xa9\xa9V\x1cGB(!\xec:fw\xe5J5V\xd4\x9ex\xe6\xff=\xf5\xe2\xeb\xb3\x1f\xd4\x85\xe2\xcc]\xff}\xfb\xf6\xe9\xeb\xdc\xb6m\xdb\xb6{\xf7\xee,\xcb\xa2(*\xf9\xb1\x17\x01\x08Q\x9e\xe7Wm\xfc\xe0-w^*\xde\x98\x12\x89}O\xaf+%\x1a\xc9\x9f~\xec\xcc\x91\x1d\xa3I,\xb3\\\xfd\xfe\x0f\xc7\xff\xea\xc6?\x8f\x06\x1bb&amp;\x15\xb1\x14|\x93jJ\x96\x8b\xe1\x81\xe4\xaf\x9e\x18\xfd\xf5\x1f\xaa&gt;\x14\xff\xd9\xb6\xfe\x82\x00\x04kb\xaa\x9d\xbe1\x95\xbe9\x95X\x18\x00!r%\xb6m?_\x081\xb2c\xb4\x96D\xff\xfb\xd9W/\xb8\xfe\xaf\xff\xee\xae\xff0&lt;X\x9f\x99I\xe3\x98G\x00f\xa4Y~\x86\x10\x93\xd3\xed\xaa\x0f\xc4\x7f\x16\xae\xbf \x00\xc1\x8a"\x99$\x91H";\x03 \x84H\xdf\x98\x9am@\xa3\x1e?\xffOo~f\xc7O\x1f\xff\xef\x7f1&lt;\xd0\x98\xa6\x01\xe6$qd\xdb\xd3\x80\xfe\xb1s\xfd\x05?\t\x0ck%I\xa4\x1b\xb0\xfb;\x1b\x9b\xad\xacQ\x8f\x9f\xfd\xfd\x1b\x9b\xbf\xf9\x93\xb1\xc9f\xdf\x8a$\xcbx\x1a\x08n\xb0v\xfd\x05\x01\x80\xcdh\x00\\g\xf3\xfa\x0b\x02\x00\xcb\xd1\x00\xb8\xcb\xf2\xf5\x17\x04\x00\xf6\xa3\x01p\x91\xfd\xeb/\x08\x00\x9c@\x03\xe0\x16\'\xd6_\x10\x00\xb8\x82\x06\xc0\x15\xae\xac\xbf \x00p\x08\r\x80\xfd\x1cZ\x7fA\x00\xe0\x16\x1a\x00\x9b\xb9\xb5\xfe\x82\x00\xc094\x00vrn\xfd\x05\x01\x80\x8bh\x00l\xe3\xe2\xfa\x0b\x02\x00G\xd1\x00\xd8\xc3\xd1\xf5\x17\x04\x00\xee\xa2\x01\xb0\x81\xbb\xeb/\x08\x00\x9cF\x03P-\xa7\xd7_\x10\x00\xb8\x8e\x06\xa0*\xae\xaf\xbf \x00\xf0\x00\r@\xf9&lt;X\x7fA\x00\xe0\x07\x1a\x802\xf9\xb1\xfe\x82\x00\xc0\x1b4\x00\xe5\xf0f\xfd\x05\x01\x80Oh\x00\x8a\xe6\xd3\xfa\x0b\x02\x00\xcf\xd0\x00\x14\xc7\xb3\xf5\x17\x04\x00\xfe\xa1\x01(\x82\x7f\xeb/\x08\x00\xbcD\x03`\x96\x97\xeb/\x08\x00|E\x03`\x8a\xaf\xeb/\x08\x00&lt;F\x03\xd0;\x8f\xd7_\x10\x00\xf8\x8d\x06\xa0\x17~\xaf\xbf \x00\xf0\x1e\r@w\xbc_\x7fA\x00\x10\x02\x1a\x80\xe5\na\xfd\x05\x01@ h\x00:\x17\xc8\xfa\x0b\x02\x80p\xd0\x00t"\x9c\xf5\x17\x04\x00A\xa1\x01XZP\xeb/\x08\x00BC\x03\xb0\x98\xd0\xd6_\x10\x00\x04\x88\x06\xe0T\x01\xae\xbf \x00\x08\x13\r\xc0\\a\xae\xbf \x00\x08\x16\r\x80\x16\xec\xfa\x0b\x02\x80\x90\xd1\x00\x84\xbc\xfe\x82\x00 p4 d\x81\xaf\xbf \x00\x00\r\x08\x13\xeb/\x08\x00 h@xX\x7f\x8d\x00\x00B\xd0\x80\x90\xb0\xfe\xb3\x08\x00\xf0\x0e\x1a\x10\x02\xd6\x7f.\x02\x00\xbc\x87\x06\xf8\x8d\xf5\x9f\x87\x00\x00\xefC\x03|\xc5\xfa\x9f\x8a\x00\x00\xf3\xd1\x00\xff\xb0\xfe\x0b"\x00\xc0\x02h\x80OX\xff\xc5\x10\x00`a4\xc0\x0f\xac\xff\x12\x08@X\x94b\xb6\x96\x81\x06\xb8\x8e\xf5_\x1a\x01\x08\x85RJ)\x95$I\xd5\x07\xe2\x18\x1a\xe0.\xd6\xff\xb4\x08@\x10\x94RRJ)\xe5\xf1\xe3\xc7C?\xe5\x97\x8f\x06\xb8\x88\xf5\xef\x04\x01\xf0\x9fRJ\xdf\x19FFF\x0e\x1f&gt;\\\xab\'B\x08\x9e\nZ\x16\x1a\xe0\x16\xd6\xbfC\x04\xc0sz\xfd\xe38\x1e\x19\x19\xd9\xb3gO\x1c\xc7y\x9e\x0b!jI\x94\x13\x81\xe5\xa0\x01\xae`\xfd;G\x00|6o\xfdk\xf5z\x96e\xfa\xbfz\xe3\xad\xe9\xa8\x91\xd0\x80e\xa1\x01\xf6c\xfd\x97\x85\x00x\xeb\xd4\xf5o\xb7ZR\xca4\xcd\xa3H\xde\xf7?_\xda\xf3\x83g\xea\x1f\x18L\xd3\xbc\xea#u\t\r\xb0\x19\xeb\xbf\\\x04\xc0O\xf3\xd6\xbf\xb1\xa2\xaf\xddj\x9d\x7f\xe5u\x1f&lt;\xf7b!\x84\x10Q\x96\xa9\x91\xff:\xba\xe7\xfe\xe7\x92\xb3\xfai\xc0\xb2\xd0\x00;\xb1\xfe] \x00\x1e:u\xfd\x9b3\xd3\x1f\xdft\xedU\x7f\xb9S\xff\x1c\x80\x12B\x08\x95$\xd1\xc8\x8e\xd1=\xf7\xff=\rX.\x1a`\x1b\xd6\xbf;\x04\xc07\x0b\xae\xff\x9f\xfc\xbb\xcf_u\xf3=\xad\xa9\x89&lt;\xcf\xde\xfdc"Ms\x1a\xd05\x1a`\x0f\xd6\xbfk\x04\xc0+\x0b\xae\xff\xb9z\xfd\xa7\'\x94\xc8\xf5=A\xe5\xd9\xa6\xffx\xd1\xc7\xd6\xff\xab4\xcdk\xf5\x98\x06t\x87\x06\xd8\x80\xf5\xef\x05\x01\xf0\xc7b\xeb\x7f\xa5^\x7f\x95K\xf9\xde\x97{h\xf5\x19\xffe\xd7\x7f^\xfb\xaf\xff\xa8\xdd\xcah@\xd7h@\xb5X\xff\x1e\x11\x00O,k\xfd\x85\x103S\xad\xfe\xc1\x157\xff`\xeb\xd9\xff\xe6\x8fi@/h@UX\xff\xde\x11\x00\x1f,w\xfd\x85\x10q\x1c5gZ\xfdg\xf4\xfd\xe5\xbd\xd7\xd1\x80\x1e\xd1\x80\xf2\xb1\xfeF\x10\x00\xe7u\xb1\xfeZ\xf4N\x03V\xd0\x80\xde\xd1\x802\xb1\xfe\xa6\x10\x00\xb7u\xbd\xfeZ\x14G\xcdi\x1a`\x06\r(\x07\xebo\x10\x01pX\x8f\xeb\xaf\xd1\x00\x83h@\xd1X\x7f\xb3\x08\x80\xab\x8c\xac\xbfF\x03\x0c\xa2\x01\xc5a\xfd\x8d#\x00N2\xb8\xfe\x1a\r0\x88\x06\x14\x81\xf5/\x02\x01p\x8f\xf1\xf5\xd7h\x80A4\xc0,\xd6\xbf \x04\xc01\x05\xad\xbfF\x03\x0c\xa2\x01\xa6\xb0\xfe\xc5!\x00.)t\xfd5\x1a`\x10\r\xe8\x1d\xeb_(\x02\xe0\x8c\x12\xd6_\xa3\x01\x06\xd1\x80^\xb0\xfeE#\x00n(m\xfd5\x1a`\x10\r\xe8\x0e\xeb_\x02\x02\xe0\x80\x92\xd7_\xa3\x01\x06\xd1\x80\xe5b\xfd\xcbA\x00lW\xc9\xfak4\xc0 \x1a\xd09\xd6\xbf4\x04\xc0j\x15\xae\xbfF\x03\x0c\xa2\x01\x9d`\xfd\xcbD\x00\xecU\xf9\xfak4\xc0 \x1a\xb04\xd6\xbfd\x04\xc0R\x96\xac\xbfF\x03\x0c\xa2\x01\x8ba\xfd\xcbG\x00ld\xd5\xfak4\xc0 \x1ap*\xd6\xbf\x12\x04\xc0:\x16\xae\xbfF\x03\x0c\xa2\x01s\xb1\xfeU!\x00v\xb1v\xfd5\x1a`\x10\r\xd0X\xff\n\x11\x00\x8bX\xbe\xfe\x1a\r0\x88\x06\xb0\xfe\xd5\xaa~P\xa09\xb1\xfe\x1a\r0(\xe4\x06\xb0\xfe\x95\xb3eS\x02\xe7\xd0\xfak4\xc0\xa00\x1b\xc0\xfa\xdb\xc0\xaeY\t\x93s\xeb\xaf\xd1\x00\x83Bk\x00\xebo\t\x1b\x97%(\x8e\xae\xbfF\x03\x0c\n\xa7\x01\xac\xbf=\xec\x1d\x97\x108\xbd\xfe\x1a\r0(\x84\x06\xb0\xfeV\xb1}_&lt;\xe6\xc1\xfak4\xc0 \xbf\x1b\xc0\xfa\xdb\xc6\x8d\x89\xf1\x8f7\xeb\xaf\xd1\x00\x83|m\x00\xebo!\x97V\xc6\x1b\x9e\xad\xbfF\x03\x0c\xf2\xaf\x01\xac\xbf\x9d\xdc\x1b\x1a\xd7y\xb9\xfe\x1a\r0\xc8\xa7\x06\xb0\xfe\xd6ruk\x1c\xe5\xf1\xfak4\xc0 ?\x1a\xc0\xfa\xdb\xcc\xed\xb9q\x8b\xf7\xeb\xaf\xd1\x00\x83\\o\x00\xebo9\x1f\x16\xc7\t\x81\xac\xbfF\x03\x0cr\xb7\x01\xac\xbf\xfd\xfc\x19\x1d\x9b\x05\xb5\xfe\x1a\r0\xc8\xc5\x06\xb0\xfeN\xf0mw,\x14\xe0\xfak4\xc0 \xb7\x1a\xc0\xfa\xbb\xc2\xcf\xe9\xb1G\xb0\xeb\xaf\xd1\x00\x83\\i\x00\xeb\xef\x10\x9f\xd7\xa7r\x81\xaf\xbfF\x03\x0c\xb2\xbf\x01\xac\xbf[\xfc\x1f\xa0\xaa\xb0\xfe\xb3h\x80A67\x80\xf5wN(\x1bT2\xd6\x7f\x1e\x1a`\x90\x9d\r`\xfd]\x14\xd6\x0c\x95\x83\xf5_\x10\r0\xc8\xb6\x06\xb0\xfe\x8e\nq\x89\n\xc5\xfa/\x81\x06\x18dO\x03X\x7fw\x85;FE`\xfdO\x8b\x06\x18dC\x03X\x7f\xa7\x85\xbeG\x06\xb1\xfe\x1d\xa2\x01\x06U\xdb\x00\xd6\xdfuL\x92\x19\xac\xff\xb2\xd0\x00\x83\xaaj\x00\xeb\xef\x01V\xc9\x00\xd6\xbf\x0b4\xc0\xa0\xf2\x1b\xc0\xfa\xfb\x81a\xea\x15\xeb\xdf5\x1a`P\x99\r`\xfd\xbd\xc16\xf5\x84\xf5\xef\x11\r0\xa8\x9c\x06\xb0\xfe&gt;a\x9e\xba\xc7\xfa\x1bA\x03\x0c*\xba\x01\xac\xbfgX\xa8.\xb1\xfe\x06\xd1\x00\x83\x8ak\x00\xeb\xef\x1fF\xaa\x1b\xac\xbfq4\xc0\xa0"\x1a\xc0\xfa{\x89\x9dZ6\xd6\xbf 4\xc0 \xb3\r`\xfd}\xc5T-\x0f\xeb_(\x1a`\x90\xa9\x06\xb0\xfe\x1ec\xad\x96\x81\xf5/\x01\r0\xa8\xf7\x06\xb0\xfe~c\xb0:\xc5\xfa\x97\x86\x06\x18\xd4K\x03X\x7f\xef\xb1Y\x1da\xfdKF\x03\x0cZ\xa2\x01\xfd+\x12\x95/\xdc\x00\xd6?\x04\xcc\xd6\xe9\xb1\xfe\x95\xa0\x01\x06-\xda\x80\x89\xa6\\\x91\xa4\xd9\xfc\x1b\x93\xf5\x0f\x04\xcbu\x1a\xac\x7f\x85h\x80A\x0b7\xe0\xf6\x9fNN\xb6\xce\xe8\xab\xcd\xfd\x93\xac\x7f8\x18\xaf\xa5\xb0\xfe\x95\xa3\x01\x06\x9d\xda\x80#/\x1f\xbb\xfa\x96\xff\xf5\xfa\xdbS\xb3\x7fF)\xc5\xfa\x87\x83\xfdZ\x14\xebo\t\x1a`\xd0\xbc\x06\xd4\x92\xe8\xe7G^\xbb\xf7o\x8f\xc4q,\x84\xc8\xf3\\\x08\xc1\xfa\x87\x83\t[\x18\xebo\x15\x1a`\xd0\xdc\x06\xb4\xd3\xbc\x96D\xb3\xab\x9e$I\xa3\xd1`\xfd\xc3\xc1\x8a-\x80\xf5\xb7\x10\r0h^\x03\x84xg\xd9\xa5\x94_\xf9\xcaW\xf6\xef\xdf\xcf\xfa\x07\x82!\x9b\x8f\xf5\xb7\x16\r0\xe8\xdd\x06\\\xb0\xfb\xdb\x1b\xe3X*\x95\x0b!FGGw\xed\xda\xd5h4X\xff@\xb0e\xef\xc3\xfa[\x8e\x06\x18\x94$Q\xeb\xe8\xc4\xb6\x1b/\xfc\xea\x7f\xfax\x9e\xab$\x89\xf2&lt;\xaf\xd7\xeb\xcdf\x93\xf5\x0f\x04s\xf6\x1e\xd6\xdf\t4\xc0\xa0H\xca\xbc\x99\x9e\xb5\xbaO\xff\x9fq\x1c\xb7Z-\xd6?\x1c,\xda;X\x7f\x87\xd0\x00\x83")\xdbi.\x84\x88\xa2(\xcb2\xd6?(\x8c\x9a\x10\xac\xbf\x83h\x80Az\xe7\xdb\xadt\xfd\xfa\xf5\xbbw\xef\xd6?\x08\xc6\xfa\x87\x80]c\xfd]E\x03\xccRB\xacZ\xb5J)\xa5\x94b\xfd\x03\x11\xfa\xb4\xb1\xfeN\xa3\x01f\xa5i*\xa5d\xfd\xc3\x11\xf4\xba\xb1\xfe\x1e\xa0\x01\x061\xfd\xa1\tw\xe0X\x7fo\xd0\x00\xa0;\x81n\x1c\xeb\xef\x19\x1a\x00t!\xc4\x99c\xfd\xbdD\x03\x80\xe5\nn\xe9X\x7f\x8f\xd1\x00`Y\xc2\x1a;\xd6\xdf{4\x00\xe8\\@{\xc7\xfa\x07\x82\x06\x00\x1d\ne\xf2X\xff\xa0\xd0\x00\xa0\x13A\xac\x1e\xeb\x1f \x1a\x00\x9c\x96\xff\xc3\xc7\xfa\x07\x8b\x06\x00K\xf3|\xfbX\xff\xc0\xd1\x00`\t&gt;\xcf\x1f\xeb\x0fA\x03\x80\xc5y\xbb\x80\xac?f\xd1\x00`A~\x8e \xeb\x8fyh\x00p*\x0fw\x90\xf5\xc7\x82h\x000\x8foS\xc8\xfac\t4\x00\x98\xcb\xab5d\xfdqZ4\x00\x98\xe5\xcf \xb2\xfe\xe8\x10\r\x004O6\x91\xf5\xc7\xb2\xd0\x00@\xf8\x11\x00\xd6\x1f]\xa0\x01\x80\xf3\xcb\xc8\xfa\xa3k4\x00\x81s{\x1cY\x7f\xf4\x88\x06 d\x0e\xef#\xeb\x0f#h\x00\x82\xe5\xeaD\xb2\xfe0\x88\x06 LN\xae$\xeb\x0f\xe3h\x00\x02\xe4\xdeP\xb2\xfe(\x08\r@h\x1c\xdbJ\xd6\x1f\x85\xa2\x01\x08\x8aKs\xc9\xfa\xa3\x044\x00\xe1pf1Y\x7f\x94\x86\x06 \x10n\x8c&amp;\xeb\x8f\x92\xd1\x00\x84\xc0\x81\xddd\xfdQ\t\x1a\x00\xef\xd9&gt;\x9d\xac?*D\x03\xe07\xab\xd7\x93\xf5G\xe5h\x00&lt;f\xef\x80\xb2\xfe\xb0\x04\r\x80\xaf,\xddP\xd6\x1fV\xa1\x01\xf0\x92\x8d3\xca\xfa\xc3B4\x00\xfe\xb1nIY\x7fX\x8b\x06\xc03v\x8d)\xeb\x0f\xcb\xd1\x00\xf8\xc4\xa2=e\xfd\xe1\x04\x1a\x00o\xd82\xa9\xac?\x1cB\x03\xe0\x07+V\x95\xf5\x87sh\x00&lt;P\xfd\xb0\xb2\xfep\x14\r\x80\xeb*\xdeV\xd6\x1fN\xa3\x01pZ\x95\xf3\xca\xfa\xc3\x034\x00\xee\xaalaY\x7fx\x83\x06\xc0QI%\x7f+\xeb_9\x95\xab,\xcd\xf3\x8cm2C\n151\xd3\xe8\xaf\x7fm\xe7\xd6\xbb\xbf\xba\xf7\x0f\xbf?\x9a$\xd1\xc8\x8eQ!\xc4\xb6\xed\xe7\xb7\x8eNE\xb2\xeaC\\H\x9a\xe6"\xcd\xf3\\U} \xa8F\x05\x01`\xfdm\xd0\xe8\xab\x0f\xfd\x8bA!E\x1csk\x9b"\xf3,_y\xe6\xc0\x7f{\xe4\x86{nx\xe8\x1f\x0e\xbd\xfc^\x03n\xb8P4S!\xad\x8b@\x92\xe6\xe2\xac\xfe\xc1\xfeZ\xd5\x07\x82j\x94\x1d\x00\xd6\xdf\x06RF/&gt;\xfd\xfb\xbf\xbe\xebo\x9b\xd3\xed\xc8\xbeUr\x94\x12J\n\x99e\xf9\x8a\xfe\xfa\x9a\xb3W\xff\xc3\xe1\x7f\xcas%\xa5\x1c\xd91\xfa\xfco\xdf^\xbd\xbaO\xa4\xb9m7v\x9e\xab\xa8\xbf\xf6\xe4\xe8?GQ\x94\xe7&lt;\x1c\x0cN\xa9\x01PJ\t!f\xd7\xbf^o\xb0\xfe%\x932\x92Q,\xa3\xf8\x1f\x9f{\xe5\x1f\x9f{\xa5\xea\xc3\xf1\x99\x8c"!")\x95\x10\xea\x07\x0f\xbfP\xf5\xe1\x9cF\xbd^\xcf\xb2,\x8a\xb8\x03\x86\xa5\xec\x00(\xa5n\xb8\xe1\x06\xbd\xfe\xadV\xf3O\xfe\xfcZ\xd6\xbfD\xb2=3\xa9\xf2L\xe5Y\xd5G\xe2?\x95\xe7B\x08\xfd\xe4z\x12GB\x8a8\x8a\x9a\xad\xb4\xda\xa3ZL\xab\xd5\x12BLLLT} (Uy\x01\xc8\xb2,\x8e\xe3\xef|\xe7;\xf7\xdf\x7f\x7f__\xff\xf4\xf4\xd4\xda\x8f\xff\xd9\xbf\xbfu\xcf\xe4\xd8\x1bB\n\xd6\xbfpR\xaa&lt;\xfd\xe3\x8f]\x984\xfad\x14\xd3\x80BI!\x95\xcae\x14K)\xff\xf9\xc5\xa7\xd3,\x8b\xe3\xb8\xd9J/\xbc\xf0\xc2\xa1\xa1!\xfdP\xd8*q\x1cgYv\xc1\x05\x17\x08!\xa4mOT\xa10\xb2\xb4sQ\x7f\xfb\xff\xdak\xaf}\xfe\xf3\x9f\x7f\xfa\xe9\xa7k\xf5\xba\x88\x92K\xb7\xee\xb8\xf0\xea\xedS\xc7\x8fEq5\xd7#\x85&amp;\xa97d\x14\x0b%\x04\xf7\xf1"\xa9&lt;\x972\xaa\xf7\x0f&gt;v\xcf\xcd\x7f\xffw\x0f\xd5\x92Z\xab\xd5\xdc\xb6m\xdb\xee\xdd\xbb\xab&gt;4\xe0=\xe5\x05@\x08\xa1\x94\x92R\x8e\x8d\x8dm\xde\xbc\xf9\xd0\xa1CI\x92\xa4iz\xf9\xc8\x9d\xeb\xaf\xb9~r\xec\r\x1aP\x02\xa5ra\xddw\x9f~\x91\xef[\xff\x17\xff\xef\xdf\xd4\xeb\xf5V\xab\xa5\xd7?\xcfs}/\xa8\xfa(\x17\xc5\xcb\x00A)5\x00B\x88&lt;\xcf\xa3(\x9am\x80~%\x80\x06\xc0\x1b\xfa\xd5\xacz\xdf\xe0c\xf7\xdc\xf4\xc2\x13?\xd2\xd7\xb9\xe9\xf5\xd7\xaf\xb2\xda\xbc\xfe\x08M\xd9\xb5\xd7W\x9b\r\x0f\x0f?\xfe\xf8\xe3\x1b6lh\xb5\x9a\xf5z\xe3\xff\xec\xbe\xfd\xf0Ow\r\x0c\x9f\x95g\x96\xbeD\x06tb\xce\xfa\xdf\xcc\xfa\xc3~\x15&lt;\xdc\xa3\x01\xf0\xd2\xfb\xd7\xff\x87\xac?\xecW\xcd\xf3}4\x00\x9ea\xfd\xe1\xa2\xca^\xf0\xa1\x01\xf0\x06\xeb\x0fGU\xf9\x8a?\r\x80\x07X\x7f\xb8\xab\xe2K\xbeh\x00\x9c\xc6\xfa\xc3i\xd5_\xf3K\x03\xe0(\xd6\x1f\xae\xab&gt;\x00\x82\x06\xc0A\xac?&lt;`E\x00\x04\r\x80SX\x7f\xf8\xc1\x96\x00\x08\x1a\x00G\xb0\xfe\xf0\x86E\x01\x104\x00\xd6c\xfd\xe1\x13\xbb\x02 h\x00,\xc6\xfa\xc33\xd6\x05@\xd0\x00X\x89\xf5\x87\x7fl\x0c\x80\xa0\x01\xb0\x0c\xeb\x0f/Y\x1a\x00A\x03`\r\xd6\x1f\xbe\xb27\x00\x82\x06\xc0\x02\xac?&lt;fu\x00\x04\r@\xa5X\x7f\xf8\xcd\xf6\x00\x08\x1a\x80\x8a\xb0\xfe\xf0\x9e\x03\x01\x104\x00\xa5c\xfd\x11\x027\x02 h\x00J\xc4\xfa#\x10\xce\x04@\xd0\x00\x94\x82\xf5G8\\\n\x80\xa0\x01(\x18\xeb\x8f\xa08\x16\x00A\x03P\x18\xd6\x1f\xa1q/\x00\x82\x06\xa0\x00\xac?\x02\xe4d\x00\x04\r\x80Q\xac?\xc2\xe4j\x00\x04\r\x80!\xac?\x82\xe5p\x00\x04\r@\xcfX\x7f\x84\xcc\xed\x00\x08\x1a\x80\x1e\xb0\xfe\x08\x9c\xf3\x01\x104\x00]a\xfd\x01\x1f\x02 h\x00\x96\x89\xf5\x07\x847\x01\x104\x00\x1dc\xfd\x01\xcd\x9f\x00\x08\x1a\x80\x0e\xb0\xfe\xc0,\xaf\x02 h\x00\x96\xc4\xfa\x03s\xf9\x16\x00A\x03\xb0\x08\xd6\x1f\x98\xc7\xc3\x00\x08\x1a\x80S\xb0\xfe\xc0\xa9\xfc\x0c\x80\xa0\x01\x98\x83\xf5\x07\x16\xe4m\x00\x04\r\x80\x10\x82\xf5\x07\x16\xe7s\x00\x04\r\x08\x1e\xeb\x0f,\xc1\xf3\x00\x08\x1a\x100\xd6\x1fX\x9a\xff\x01\x104 H\xac?pZA\x04@\xd0\x80\xc0\xb0\xfe@\'B\t\x80\xa0\x01\xc1`\xfd\x81\x0e\x05\x14\x00A\x03\x02\xc0\xfa\x03\x9d\x0b+\x00\x82\x06x\x8d\xf5\x07\x96%\xb8\x00\x08\x1a\xe0)\xd6\x1fX\xae\x10\x03 h\x80wX\x7f\xa0\x0b\x81\x06@\xd0\x00\x8f\xb0\xfe@w\xc2\r\x80\xa0\x01^`\xfd\x81\xae\x05\x1d\x00A\x03\x1c\xc7\xfa\x03\xbd\x08=\x00\x82\x068\x8b\xf5\x07zD\x00\x84\xa0\x01\x0eb\xfd\x81\xde\x11\x80w\xd0\x00\x87\xb0\xfe\x80\x11\x04\xe0=4\xc0\t\xac?`\n\x01x\x1f\x1a`9\xd6\x1f0\x88\x00\xccG\x03\xac\xc5\xfa\x03f\x11\x80\x05\xd0\x00\x0b\xb1\xfe\x80q\x04`a4\xc0*\xac?P\x04\x02\xb0(\x1a`\t\xd6\x1f(\x08\x01X\n\r\xa8\x1c\xeb\x0f\x14\x87\x00\x9c\x06\r\xa8\x10\xeb\x0f\x14\x8a\x00\x9c\x1e\r\xa8\x04\xeb\x0f\x14\x8d\x00t\x84\x06\x94\x8c\xf5\x07J@\x00:E\x03J\xc3\xfa\x03\xe5 \x00\xcb@\x03J\xc0\xfa\x03\xa5!\x00\xcbC\x03\n\xc5\xfa\x03e"\x00\xcbF\x03\n\xc2\xfa\x03%#\x00\xdd\xa0\x01\xc6\xb1\xfe@\xf9\x08@\x97h\x80A\xac?P\t\x02\xd0=\x1a`\x04\xeb\x0fT\x85\x00\xf4\x84\x06\xf4\x88\xf5\x07*D\x00zE\x03\xba\xc6\xfa\x03\xd5"\x00\x06\xd0\x80.\xb0\xfe@\xe5\x08\x80\x194`YX\x7f\xc0\x06\x04\xc0\x18\x1a\xd0!\xd6\x1f\xb0\x04\x010\x89\x06\x9c\x16\xeb\x0f\xd8\x83\x00\x18F\x03\x96\xc0\xfa\x03V!\x00\xe6\xd1\x80\x05\xb1\xfe\x80m\x08@!h\xc0&lt;\xac?`!\x02P\x14\x1a0\x8b\xf5\x07\xecD\x00\nD\x03\x04\xeb\x0fX\x8c\x00\x14+\xf0\x06\xb0\xfe\x80\xcd\x08@\xe1\x82m\x00\xeb\x0fX\x8e\x00\x94!\xc0\x06\xb0\xfe\x80\xfd\x08@I\x82j\x00\xeb\x0f8\x81\x00\x94\'\x90\x06\xb0\xfe\x80+\x08@\xa9\xbco\x00\xeb\x0f8\x84\x00\x94\xcd\xe3\x06\xb0\xfe\x80[\x08@\x05\xbcl\x00\xeb\x0f8\x87\x00T\xc3\xb3\x06\xb0\xfe\x80\x8b\x08@e\xbci\x00\xeb\x0f8\x8a\x00T\xc9\x83\x06\xb0\xfe\x80\xbb\x08@\xc5\x9cn\x00\xeb\x0f8\x8d\x00T\xcf\xd1\x06\xb0\xfe\x80\xeb\x08\x80\x15\x9ck\x00\xeb\x0fx\x80\x00\xd8\xc2\xa1\x06\xb0\xfe\x80\x1f\x08\x80E\x9ch\x00\xeb\x0fx\x83\x00\xd8\xc5\xf2\x06\xb0\xfe\x80O\x08\x80u\xacm\x00\xeb\x0fx\x86\x00\xd8\xc8\xc2\x06\xb0\xfe\x80\x7f\x08\x80\xa5\xacj\x00\xeb\x0fx\x89\x00\xd8\xcb\x92\x06\xb0\xfe\x80\xaf\x08\x80\xd5*o\x00\xeb\x0fx\x8c\x00\xd8\xae\xc2\x06\xb0\xfe\x80\xdf\x08\x80\x03*i\x00\xeb\x0fx\x8f\x00\xb8\xa1\xe4\x06\xb0\xfe@\x08\x08\x803Jk\x00\xeb\x0f\x04\x82\x00\xb8\xa4\x84\x06\xb0\xfe@8\x08\x80c\nm\x00\xeb\x0f\x04\x85\x00\xb8\xa7\xa0\x06\xb0\xfe@h\x08\x80\x93\x8c7\x80\xf5\x07\x02D\x00\\e\xb0\x01\xac?\x10&amp;\x02\xe00#\r`\xfd\x81`\x11\x00\xb7\xf5\xd8\x00\xd6\x1f\x08\x19\x01p^\xd7\r`\xfd\x81\xc0\x11\x00\x1ft\xd1\x00\xd6\x1f\x00\x01\xf0\xc4\xb2\x1a\xc0\xfa\x03\x10\x04\xc0\'\x1d6\x80\xf5\x07\xa0I\xa5T\xd5\xc7\x00\x93\xf2&lt;\x8f\xa2hlll\xf3\xe6\xcd\x87\x0e\x1d\xaa\xd7\x1b\xadV\xf3\xf2\x91;\xd7_s\xfd\xe4\xd8\x1b2\x8aX\x7f\x00\x1a\x01\xf0\xd0b\r\xb8\xf0\xea\xed\xd3\'\xdfj\xf4\xafd\xfd\x01\x08\x02\xe0\xab\xc5\x1a\xb0\xe1/\xbe\xfa\xb3\xff\xb1\xed\xc5\'\xff\x86\xf5\x07@\x00\xbc5\xaf\x01I\x92\xa4Y\xb6\xf6\xdf^\xf4\xdaK\x07u\x0fX\x7f p\x04\xc0g\x0b4 MY\x7f\x00\x1aW\x01\xf9l\xdeuAi\x9a\xf6\xf5\xf5\xb3\xfe\x004\x1e\x01\xf8o\xf6q\xc0\x95W^y\xf0\xe0\xc1\xed\xdb\xb7\xef\xda\xb5\x8b\xf5\x07@\x00\x82\xa0\x1bp\xf4\xe8\xd1\x07\x1ex\xe0\xf6\xdbo\xd7_t\xd6\x1f\x08\x1c\x01\x08\x85RJ/\xfe\xec/\x00\x04\x8e\xd7\x00B!\xa5TJeY\xc6\xfa\x03\xd0x\x04\x00\x00\x81\xe2\x11\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fe?\xcbk\x8a\x05\x1f\xc4-\xe8\x00\x00\x00\x00IEND\xaeB`\x82'</t>
        </is>
      </c>
    </row>
    <row r="392">
      <c r="A392" s="1" t="n">
        <v>390</v>
      </c>
      <c r="B392" t="inlineStr">
        <is>
          <t>rectangle_height_color</t>
        </is>
      </c>
      <c r="C392" t="inlineStr">
        <is>
          <t>What is the missing color of the part denoted with a question mark?</t>
        </is>
      </c>
      <c r="D392" t="inlineStr">
        <is>
          <t>['yellow', 'blue', 'purple', 'orange']</t>
        </is>
      </c>
      <c r="E392" t="inlineStr">
        <is>
          <t>yellow</t>
        </is>
      </c>
      <c r="F392" t="inlineStr">
        <is>
          <t>There are 7 rectangles in the image with varying colors and lengths. The lengths from left to right are ['long', 'long', 'medium', 'short', 'short', 'medium', 'medium']. The colors from left to right are ['orange', 'orange', 'yellow', 'purple', 'purple', 'yellow', '?'].</t>
        </is>
      </c>
      <c r="G392" t="inlineStr">
        <is>
          <t>We observe that the orange rectangles are of long length and the purple rectangles are of short length. Hence, the pattern is that the color of each rectangle corresponds to its length.</t>
        </is>
      </c>
      <c r="H392" t="inlineStr">
        <is>
          <t>Based on the pattern that the color of each rectangle corresponds to its length, the missing color of the part denoted with a question mark should be yellow.</t>
        </is>
      </c>
      <c r="I392" t="inlineStr">
        <is>
          <t>b'\x89PNG\r\n\x1a\n\x00\x00\x00\rIHDR\x00\x00\x02\x00\x00\x00\x02\x00\x08\x02\x00\x00\x00{\x1aC\xad\x00\x00?\xa6IDATx\x9c\xed\xddy|T\xd5\xdd?\xf0\xef9\xf7\xce$3\xd9f\x12\x92\xb0\xab\x90\xb0\x89\x12\xc3&amp;\x04\x01E\x16k\xdd\x11A\xc1\xb6(`\xdd\x1a\x1e\x7f\xb6\xda\xc7\xa7\x80&gt;\xadU\xb0V\xab\x8f\x16\x04\x04+\xa2\xe2V\xdaBH\xaa,\xb5\x84\x04\x94\xb0$a\x11d\x0b\tY\'\xdbdf\xee=\xe7\xf7\xc7\xd5\x14q\x0b1\xc9\xdc\x9b\xfby\xbf\xda\xd7\x0b\'q\xf2\xc5|\xe7|\xce=\xf7\xdc{\x99\x94\x92\x00\x00\xc0~x\xb8\x0b\x00\x00\x80\xf0@\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a5\x86\xbb\x80\x16\x91R\xb6\xe2\xdfb\x8c\xb5y%\xadc\xf5\xfa\x01\xa0S2i\x00H)\x85\x10RJ\xc6\x18c\x8c\xf3\xd6\x1c\xa9\xb4\xc9\x9b\xb4\x8e\xd5\xeb\x07\x00;`\xad\x9b\x9c\xb6\x13c\xc8#"EQ\xce~\xdd\xe7\xf3\t!\x18ki\xb5\xc6\xdc\xd9\xe3\xf1\x9c\xfd\xa21\x98r\xce\xdbofm\xf5\xfa\x01\xc0V\xcc\x12\x00RJ]\xd7U\xf5\x8b#\x92\xba\xba\xba\xbc\xbc\xbc\x1d\xb9\xb9\x9f|\xfaIUUUQa\xa1\xaekD\x8c\xa8\x85\xd52"\xea\xdb\xb7\xaf\xc7\xeb\x1d6lxzz\xfa\x88\x11#z\xf4\xe8a|M\xd34\xcey\xdbN\xa8\xad^?\x00\xd8\x90)\x02@\xd7uc\xca\x1c\x0c\x067n\xdc\xb8z\xf5\xaa\x9d\xf9\xf9\xc7\x8e\x9fh\xc3\x1f\xe1\xf5\xc4\r\x1b6|\xda\xb4i\xd7\xdfpCRR\x12\x11i\x9a\xa6(J\x9b\xcc\xa6\xad^?\x00\xd8S\x98\x03\xc0\xf8\xe9\x8c1\x9f\xcf\xb7l\xd9\xb2\xd7^[\xbdg\xcf\xde\xe6\xaf\xc6DE^\x90\x14\x9b\x1c\xef\x1e\xd8\xc3\x13\x1f\x17\xa9\xeb\x82Q\x8b\xc6;\xc6(\xa4\x89O\x8fT\xd4\xd4\x05\x0e\x9f\xae\xa9\xf456\x7f\xa9{\xb7\xae\xb7\xdf1\xf3\xee\xbb\xef\xee\xdf\xbf?\x11\t!~\xc8T\xda\xea\xf5\x03\x80\x9d\x853\x00\x9a\'\xce+W\xae|\xfa\xe9\xa7\x8a\x8b\x0f\x18\xaf\xf7N\x8e\x9b\x90\xd6\xf3\x9a\xe1\x17^\xd67\xb1{B\x94\xdb\xe5$\x85\x11g-]&gt;i\xa6\t-\xa8\x95V7\xee?^\xb9\xe9\x93\x13\x9bv\x1d\xdfw\xb4\xc2X\x84\x89\xf7z\x1fx\xf0\xc1\xf9\xf3\xe7\xc7\xc5\xc5i\x9a\xd6\xbctc\xab\xfa\x01\xc0\xe6\xc2\x16\x00\xc6\xe8YRR2{\xf6\xec\xac\xac,\xe3\xc5\xc1\x17%&gt;x\xe3\x90\x9b3R\x12\xbcn\x92R\x0f\xea!M\xd7\x85\x14\xad\xddF\xc9\x19s\xaa\\u\xaa\xa4p\x7fC`\xcb\xde\x93\x7fx\xe7\xd3\xec]\xc7\x8da\xb4\x7f\xff\xfe\xcb\x97/\xcf\xc8\xc80\xce\xd0\x9e\xd7r\x8a\xd5\xeb\x07\x00\x08O\x00\x18\x93\xd6\xac\xac\xac\xbbf\xcf&gt;URBD\xfd{\xc5\xff\xbf[\xd3\xa7\x8f\xeb\x1f\x1d\x13\x11h\x0c\x06C:c\x8c\xb36\xd8\x0c/\xa5\x14\x92\xa4\x94\xaa\xc2].\'\t\x99\xb5\xeb\xd8\xd3o\xed\xfcp\xf7\t"\x8ap:\x7f\xff\xd4S\x99\x99\x99\xe75\x86Z\xbd~\x00\x00\nK\x00\x18\xa3\xe7\xb2e\xcb\xe6\xce\x9dk\xd4p\xdfu\x97&gt;\xfe\xd3Q\xf1\xf1Q\xfe\xba&amp;M\x17\n\xe7\xed4\x8e\xe9B2\xa2\xa8\xe8\x08]\x17/\xbc\xbf\xfb7\xabsk\x1b\x02D4g\xce\x9c\xa5K\x97\xea\xba\xde\x92M\x96V\xaf\x1f\x00\xc0\xd0\xd1\x01`\xac\x9c4\x8f\x9e\xf11\xae\x17\xee\x1f?c\xd2\xa0@} \xa8\xe9\xaa\xd2\x11\xe73\xbf\x18F=\xee\x9d\xfbK\xee~&amp;\xbb\xe0H\x05\x914\xc6\xd0\xef\x9dG[\xbd~\x00\x80f\x1d\x1a\x00_\x1d=Y\xb7x\xf7;\xffs\xed\xa8\xf4\xde\xb5\x95\r\xaa\xd2^\xb3\xe6o\x13\xd2DlLdyM\xe3\xf5\xff\xf3An\xf1\x19"\xd1&lt;\x8f&gt;\xe72\xaeNS?\x00\xc0\xd9:.\x00\x8c\x81)\'\'g\xe2\xc4\x89D\xd4%\xce\xb5\xe3\xf9\xe9}\xba{j\xeb\x9a\x1cjx62j\xba\x88p\xaa\x8c\xb3\xc9\x8f\xbc\xfbQ\xc1I"Z\xb8p\xe1\x82\x05\x0b\xbeq_\x8d\xd5\xeb\x07\x008G\x07\x05\x80\xb1]\xbd\xac\xac,m\xc8\x90\xb23g&lt;\xd1\x11\x7f{\xe2\x86\xd1\x17w\xaf\xabo\xea\x98e\x93o\xa3\x0b\xe9t*5\xf5\xc1k~\xfd\xde\'\x87\xcb\x19\xa3\xac\xac\xac\x89\x13\'\x9e3\x8f\xb6z\xfd\x00\x00_\xd7A\x83\x97q\xa7\x84Y\xb3f\x95\x96\x95\x11\xd1\x8b\xf7]9\xfa\xb2^\xb5ua\x1e=\x89H\xe1,\x18\xd0\x93\xbc\xae5\x8f^\xe3\x8d\x89 )\xef\x9c5\xab\xb4\xb4\x941f\xdc\xd5\xc7`\xf5\xfa\x01\x00\xbe\xaeCNZ\xea\xba\xa2(k\xd6\xac\xc9\xce\xce&amp;\xa29\xd7\x0c\x9e1\xe5\xe2\xda\xca\x86p\xad\x9c\x9cCQXm]\xa0\x7f\x9f.\xcf\xff|\x9c$*-+{\xf4\xd1G9\xe7\xcd\xc7FV\xaf\x1f\x00\xe0\x1b\xb5\xfb\x12\x90\x94RJYSS3r\xe4\xc8#G&gt;\xbb\xa8k\\\xfe\x9ff\xb8\x9c\x8a\x10\xd2T{Ut]D\xc7\xbanY\xb0\xfe\xdd\x7f\x1d\x8e\x88pn\xdb\xb6m\xd8\xb0a\xc6\xad\x98-]?n\x14\x01\x00\xdf\xa6\xddG\x07cs\xfa\xca\x95+\x0f\x1f&gt;,\x84|\xe4\xd6a\xdexwH\xd3M5z\x12\x11cL\xd7\xf4E3GF:\x95@ \xb0`\xc1\x02c\xe8\xb7z\xfd\xe1\xae\x0b\x00\xcc\xab}\x03@J\xa9(\x8a\xdf\xef_\xb9r\x05c\xac\x7f\xaf\xf8\x19\x13\xfa\xfbM\xb0t\xfeu\x9c3\x7fcpp\xbf\xa4\xa9W\xa4\x12\xd1\xd6\xad[\x8a\x8a\x8a\x14E\xe1\x9c[\xba~\x9c\t\x00\x80o\xd3\xbe\x03\x99q]RNN\xce\xfe\xfd\x85R\xca\xffwKzTt\x84\xa6\x9btHb\x8c\xe9A\xfd\xe1\xa9\xe9Q\x91\xce\x86\x86\xc6W^y\x85\x888\xe7\x96\xae\x1f\x01\x00\x00\xdf\xa6#f\xb2\xaf\xbe\xba\x921\xd6\xbdK\xcc-cR\x02\x8dA\xc5\xac\xab\xd2\x9c3\xbf?xi\xbf\xe4qCz2\xc6\xd6\xbd\xfdV}}=\x11\xad\\i\xcd\xfa\xd7\xbd\xd5\xd8\xd8\xa8\xaa*\x16\x82\x00\xe0\x1b\xb5\xe3Xf\xac\xff\xf8|\xbe\xfc\xbc&lt;)\xe5\xc4\xcbzy\xbd\xeeP\xc8t\xab\xe7g\x93D\xc4\xe8\xc6Q}\xa4\x94%%\xa7\x0b\x0b\x0b5M\xdb\x91\x9bk\xc9\xfaO\x9d.(( \x1c\x04\x00\xc0\xb7h\xc7\x000\xc6\x9d\x9d;w\x9e8y\x8a\x88\xae\x1dq!\x11\x91\x99\x87O"\x85s-\xa0M\x18\xd236*R\xd3\xf5\xad[\xb7\xee\xdd\xbb\xb7\xe4\xf4i\xb2f\xfd\x1b7l\xa0/\x9fZ\x03\x00p\x8e\xf6=\x02 \xa2\xfc\xbc&lt;"\x8arE\xa4\xf5I\xd4\x83ZG\xdf1\xe7&lt;1F\xc1\xa0\xde+9&amp;\xb5\x87\x87\x88\n\nv\x7f\xfc\xf1\xc7d\xd9\xfa\xf3w\xe6\x13\x11v\x82\x02\xc07j\xc7\xa1\xc1\xb8\'\xe5\xce];\x89\xe8\xa2n\xb1\xdd\xbbD\x9b|\xfd\xc4 \x84pD8.\xbd(\x81\x88\xf6\x14\x14l\xf8\xc7\xdf\x89\xe8\xa2\xae1V\xac\xbf\xa8\xa8\xb0\xbe\xbe\x1e\x17\x85\x01\xc07j\xdf\x00\x90R\x96\x97\x97\x13QR\x9c+\xca\xed\xd4\x85\x05\x86!ID\x9c\xf5\xec\x12EDU\x95\x95\xc7\x8f\x1f\'\xa2D\xeb\xd5\x1fMD\xbe\x9a\x1a\xbf\xdf\x1f\xee\x8a\x00\xc0\xa4\xda+\x00\x8ckP}&gt;\xdf\xc1\x83\x07\x88hP\xefx\xe2\xd6\xb8.\x891FB\x0c\xea\x95@De\xe5\xe5\x87\x0f\x1f&amp;K\xd6\x1fOD\xbe\xda\xfa\xa2\xa2"\xc2y`\x00\xf8&amp;\xed{\xd3`)\xa5\x16\n\x11QBL$qf\x81\xe1\xd3 )!6\x92\x884M\x13\x8c\x91e\xeb\x17Bh\x9a\x16\xeej\x00\xc0\xa4\xda\xfd\xf4\xa0q&amp;@\xd3-3x\x1a\x8c\x82\x9b\x9f\xaee\xd1\xfa\xa9\r\x9eI\x0c\x00\x9dV\x07\xed\x0f\xb1\xdc(tN\xc1V\xaf\x1f\x00\xe0\xeb\xb0A\x1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a5\x86\xbb\x00\xb0\x00)e+\xfe-\xc6X\x9bW\x02Vd\xf5\xfe\xb1z\xfd\xdf\x01\x01\x00\xdf@J)\x84\x90R2\xc6\x18c\x9c\xb7\xe6H\xb1M\xde\x04\xac\xc8\xea\xfdc\xf5\xfa[\x0e\x01\x00\xffa\xb4,\x11)\x8a\xa2(J\xf3\xeb&gt;\x9fO\x08\xc1\x18k\xe1T\xc8\x98\xfbx&lt;\x9e\xb3\xdf\xc4\xf80p\xce-13\x82V\xb0z\xffX\xbd\xfeV@\x00\x00\x11\x91\x94R\xd7uUU\x8d\x96\xad\xab\xab\xcb\xcb\xcb\xdb\xb1#\xf7\x93O&gt;\xa9\xaa\xaa***\xd45\xed&lt;\xde\x8e1\x92\xb2oJ\x8a\xd7\xe3\x1d:lxzz\xfa\x88\x11#z\xf4\xe8a|Q\xd34\xce\xb99\'D\xd0:V\xef\x9fo\xa9\x7f\xc7\x97\xf5\x17\xe9\xba~\xbe\xef\xd9\xb7o_\x8f\xc73l\xd803\xf7?\x02\x00H\xd7uEQTU\r\x06\x83\x1b7n\\\xbdz\xd5\xce\x9d\xf9\xc7\x8e\x9d\xf8\x81o[^\x91GD\x1b6f\x11Q\xbc7n\xe8\xb0\xe1\xd3\xa6M\xbb\xfe\xfa\x1b\x92\x92\x92\x88H\xd34EQL5\x1b\x82\xd6\xb1z\xff|\xad\xfe\xd5;w\xee&lt;v\xec\xd8\x0f\xad\xbf\xbc\x9c\x886n\xdcHD^\xafw\xd8\xb0a\xd3\xa6M\xbb\xfe\xfa\xebM\xd5\xff\x08\x00[3\x0ei\x15E\xf1\xf9|\xcb\x96-{\xed\xb5\xd5{\xf6\xecm\xfejlt\xe4\x05=c\x92\x13]\x83\xfbx\xbc\xf1\x91R\x13-iW)\x89q\x16\n\xe9;\x0b\xabjj\x02\x87\x8e\xf9*\xab\x1b\xab\xaa}\xd9\xd99\xd9\xd99\x0b~\xf3\x9b\xdb\xef\x98y\xf7\xddw\xf7\xef\xdf\x9f\x88\x84\x10&amp;\x99\nA+X\xbd\x7f\xbeV\xffk{\xf6\xeci\xfejLLL\xef\xde\xbd\xbbv\xed\xda\xaf_\xbf\xf8\xf8xM\xd3Z8^3\xc6B\xa1\xd0\x9e={\xaa\xab\xab?\xfb\xec\xb3\xaa\xaa\xaa\xea\xea\xea\xec\xec\xec\xec\xec\xec\x05\x0b\x16\xdc~\xfb\xed\xe6\xe9\x7f\x04\x80}\x19\x13\x1f"Z\xb9r\xe5\xd3O?U\\|\xc0x\xfd\x82\x9eq\x13Fw\xff\xf1U\x17\x0c\x1d\x94\xd0#9J\x89r\x90\xc2Iat~[!$\x85\x04\x05\xf4\x8a\x8a\xc6\x82\x83\xd5\x1b\xb7\x9d\xdc\xb8\xf5\xc4\xbe\xe2\xca\x92\xd3\xa5K\x96,Y\xb1b\xf9\x03\x0f&lt;8\x7f\xfe\xfc\xb8\xb88M\xd3T\x15}h=V\xef\x9f\xaf\xd6\xfftqq\xb1\xf1z\xef\xde\xbd\xc7\x8f\x1f?e\xca\x94!C\x86t\xed\xda5&amp;&amp;FU\xd5VL\xd5C\xa1P \x10(+++**\xfa\xe7?\xff\x99\x9d\x9d\xbd\x7f\xff\xfe\x92\x92\x92%K\x96\xacX\xb1\xe2\x81\x07\x1e0C\xff\xb7\xf4\xb4\xc6\xf92\xce}WWW\xf7\xef\x97R^Q\xf5\xd8\xed#\x9f\x983\xa6\xae\xa6QU\xcc&gt;\xdd\xd3\x85\x8c\x8e\x8e\xd8\x98{\xf4\x9a\xc7\xde\xe7\x9cq\xc64]\xfc\xf7\x8c\x11\xff;\xf7\n\xcb\xd5OD\x1f~\xf8\xe1\x95W^\xd9\xdc\xeb\xff\xf96]W\x14\xa5\xa4\xa4d\xf6\xec\xd9YYY\xc6\x8b\x97\x0e\xe8\x929\xfb\x92[\xa6\xf4\x89Mt\x93\x94\xd4\xa4SH\x17B\nIt\xfe}\xc29c\x8c1\x07\xa7\x08\x85T\xae\xd5\x05?\xca-yfYA\xd6\xd6\x13D\x92\x88\xfa\xf7\xef\xbf|\xf9\xf2\x8c\x8c\x0c\xe3\x0c[\xd8\x0f\x87\xa1\xe5\xac\xde?\xdfX\xff\xc5\x17_|\xff\xfd\xf7\xdfx\xe3\x8dIIIR\xca\xa6\xa6\xa6`0h\xac\xfe\xb7b\x9c4v\xfe8\x1c\x0e\x97\xcb\xa5(Jmm\xed\xb6m\xdb\x9e{\xee\xb9\x9c\x9c\x1c\xe3\x1b\xcc\xd0\xfff\x1f\xce\xa0=\x18\xeb\x8fYYY#\x86\x0f7\xba\x7f@\x1f\xef\x8a\xc5W\xe6\xbf\x7f\xf3\xcff\r\x8eu\xa9z\xb5_\xaf\t\x88\xa0&amp;\x898g\xaa\xc2T\x95\x9f\xef\xff\x8c\xfd\x0e2$\xf4\xda\xa0V\xe5W\x85\x9cxe\xef\x8d\x7f\xf9\xf1\xa6\xd7~|uFO":p\xe0\xc0\x84\tW\xfd\xf1\x8f\x7f\xe4\x9cK)\xdbi.\x02m\xce\xea\xfd\xf3\x9f\xfaG\x8c0\xeaOMM}\xf9\xe5\x97\xb7n\xdd:o\xde&lt;\x97\xcbUYYY]]\x1d\x08\x04\xe8\xcb\x1dA\xea\xf93\x96\xf8C\xa1PMMMEE\x85\x10b\xca\x94)\x7f\xfb\xdb\xdf\xd6\xaf_?~\xfc\xf8/\xeb\x9f\x10\xde\xfeG\x00\xd8\x8eq\xc8\xb9l\xd9\xb2)S\xa6\x9c*)!b\x0f\xfcdp\xee\x07\xb7\xfcl\xd6`\'#\xbd\xda/u\xa9(\\QX\x9blXc\x8c\x14\x85\xa9\n\x97DzmP4\x84&amp;^uA\xf6\x1b\xd7?\xbfp\x8c\':"\x10\x08\xce\x9f?\x7f\xee\xdc\xb9\x9csc\x9f\\\x1b\xfc\r\xa1=Y\xbd\x7f\xbeR\xff\xa9SDt\xcf=\xf7l\xdb\xb6m\xde\xbcy\x8c\xb1\x8a\x8a\x8a\xe6\xed@m2%g\x8c\x19\xf9AD555\xf5\xf5\xf5S\xa6L\xd9\xb0a\xc3\x92%Kbbb\x02\x81@x\xfb\x1f\x01`/Fs/[\xb6l\xee\xdc\xb9D\x94\xe0\x89|\xf3\x85\xab\x9f\x7f\xfa\xaa\xb8HE\xab\xf4K"E\xe1\xedt$\xca\x88\x14\x85q\xcet_@4\x84\x1e\xb87\xfd\xc3\xb7nH\x1f\xd4\x85\x88\x19\xf5(\x8a\x82\xe3\x00\x93\xb3z\xff\x9cS\xbf\xd7\xeb]\xbdz\xf5K/\xbd\x14\x19\x19il\xdai\xddr\x7f\x0b)\x8a\xc29\xaf\xa9\xa9ihhx\xe8\xa1\x876m\xdat\xe9\xa5\x97\x12Q\x18\xfb\x1f\x01`#\xc6\xba\xe7\x97\xdd\xcf\xba\'\xba7\xac\xfc\xd1\xb4\xe9\x83B\xe5\x8dR\x97\xaa\xca;f\r\xd2\xf8\x18kg\x1a/\xbb4)\xe7\x8d\xeb3.K"\xe2FU\xc6&lt;\xa8C\xaa\x80\xf3f\xf5\xfe\xf9j\xfd\x94\x9c\x9c\xfc\xde{\xef\xcd\x9a5\xeb\xcc\x993F0tH\xf9_\xc4\xc0\x993g\x86\x0e\x1d\xbaa\xc3\x86\x11#F\xd0\x97\x19\xd0\xf1\xfd\x8f\x00\xb0\x0b\xa3\xfbsrr\x8c\xeeO\x8a\x8f\xcc}\xef\xe6\xe1\xc3\xbbi\xa5\r\x0eG{\xcd\xda\xbe\x83\xea\xe0\xba\xaf\xc9\x1b\xe5\xdc\xfc\xee\xcdW\x8f\xeaFD\xcb\x96-[\xb4h\x91\xa2(\xday]4\x04\x1d\xc2\xea\xfdsN\xfd]\xbat\xd9\xbcy\xf3\xe8\xd1\xa3\xcf\x9c9\xe3p8:\xfe\x04\xac\xc3\xe1\xa8\xa9\xa9\x89\x89\x89\xf9\xe8\xa3\x8f\xc6\x8e\x1d\xfb\xbd\xf5\xb7\x13\x04\x80-\x08!\x14E)++\x9b5s&amp;c,&gt;.\xf2o\xcb\xaf\xe9ua\x9c\xe6\x0b\xa8\x8e\xb0\xf5\x80\xa2r\x11\xd4U!\xd7\xbe4y\xd8\xe0D"\xb6h\xd1\xa2\xec\xeclUU[q\xe1%\xb4\x1f\xab\xf7\xcf\x7f\xea\x9f5\x8b1\xe6\xf5z\xd7\xad[\xd7\xb7o\xdf\xea\xeaj\x87\xc3\x11\xae\xfaUU\r\x04\x02B\x885k\xd6\xa4\xa5\xa5\x11Q\xc7\xf7?\x02\xc0.t]\x9f5kViY\x19\x11-}\xe2\x8a\xe1W\xf4\xd2j\x02\xaa\x1a\xe6\x06\xe0\n\xd3\x9b\xf4\x84.\xae\xb7^\x98\x18\xef\x89 )\xef\x9c5\xab\xb4\xb4\x941\x86\xb5 \xf30\xee\x94`\xdd\xfe\xf9O\xfd\xa5\xa5D\xf4\xc7?\xfeq\xdc\xb8q\xe1\x1d\xfd\r\x8a\xa2\xf8\xfd\xfe\xc4\xc4\xc4\xd7^{\xcd\xeb\xf5\x12\xd1\x9dw\xde\xd9\x91\xfd\x8f\x00\xb0\x05\x87\xc3\xb1f\xcd\x9a\xec\xecl"\xbaw\xc6\xc0[\xa6\x0f\n\x956\x84q\xeev6EeZM\xe0\xa2\x81]^^\x98!\x89J\xcb\xca\x1e}\xf4Qcc\\\xb8K\x03\xa2/\x17O\xac\xdb?\xe7\xd4?{\xf6\xec;\xef\xbc\xd3X\xf9\tk\xe1_PU\xb5\xa6\xa6f\xf0\xe0\xc1\xcf&lt;\xf3\x8c\x94\xb2\xb4\xb4\xb4#\xfb\xdf\x14\xbfBh?F\x1bUVV&gt;\xfe\xf8\xe3\x9c\xb3\xd4\x0b\xe3\x9e\xfc\xf5h\xdd\xd7\x14\xf6\xb9\xdb\xd9T\x07\xd7*\x1bo\x9d6p\xda5}\x89\xd8\xda7\xde\xc8\xcf\xcf\xc7\ta30\xae\xe8\xac\xaa\xaa\xb2h\xff|\xb5~\xde\xa7O\x9f\xdf\xfe\xf6\xb7&gt;\x9f\xcfT\x17\x9f;\x1c\x8e\x8a\x8a\x8a\x9f\xfc\xe4\'7\xdex#\x11\xbd\xd1\x81\xfdo\xa2\xdf"\xb4\x07\xe3\x84\xd2\xf2\xe5\xaf\x1c&gt;|X\x08\xf9\xd8=\x97\xc5$\xbaeP7\xdbU\xb7\x9c1\x19\x12\xff;\x7fXd\x84\xd2\x14\x08,X\xb0\xa0\xe5w\xdf\x85\xf6\xa3\xeb:\xe7|\xe5\xca\x95\x16\xed\x9f\xaf\xd6/\x1ez\xe8\xa1\xe4\xe4\xe4`0h\xb6\xcb\xce\x19c\xc1`\xf0\xb1\xc7\x1e\x8b\x88\x88\x08t`\xff#\x00:9\x87\xc3!\x84X\xb9r%cl@_\xefm7\xf5\x135M\x8a\x99\xa6o\x06\xce\x99\xa8\x0f\xa6^\x9a4\xfd\xda\xbeD\xb4u\xeb\x96\xa2\xa2"EQp\x10\x10FRJc\x91z\xe5\xca\x15\x16\xed\x1f\xce\xb9\xdf\xef7\xfa\xbf_\xbf~3f\xcc\xa8\xae\xae6\xd5\xf4\xdf\xc09\xaf\xab\xabKOO\xbf\xf9\xe6\x9b\x89h\xeb\xd6\xad\x1d\xd3\xff\xa6\xfbEB\xdb\x8a\x8d\x8d\xdd\xb6m[q\xf1\x01)\xe5\xa3s\x86D\xc4EHM\x98k\xf2\xf3%\xc6\x99\x0c\xe8\x8f\xcc\x1d\x12\xe5v644.\x7f\xe5\x15"B\x00\x84\x91q\x8f\x9a\x9c\x9c\x9c\xfd\xfb\x0b-\xd7?\xaf\xbc\xf2\n\x11q\xcesrr\xf6\xef\xdf/\xa5\xcc\xcc\xcc\xf4x&lt;\xa6\xddd\xcc9ojj\x9a?\x7f\xbe\xdb\xednhhx\xa5C\xfa\x1f\x01\xd0\xc91\xc6\x8c\xe9O\x8f\xe4\x98[~\xd4W\xd6\x05\xb9Y\xefg\xc79\x13\r\xc1\xfe\x97&amp;]uyw\xc6\xd8\xdb\xeb\xdejllTU\x15\x0bA\xe1\xf5\xea\xab\x96\xec\x9fu\xeb\xde\xaa\xaf\xaf\'"\xa3\xff\xbbu\xebv\xd3M7\xd5\xd6\xd6\x9esWD\xf3\xe0\x9c744\xa4\xa7\xa7\x8f\x1d;\x961\xb6n\xdd\xba\x0e\xe8\x7f\x93\xfe.\xa1\xad\x9c:u*?\x7f\x87\x94r\xf2\x15=\xa2\x12\xdd"d\xba\xd5\xdb\xb3II\x92\xb1[&amp;](\xa5,9u\xba\xa0\xa0\x80p\x10\x10&amp;\xc6\xfa\x8f\xcf\xe7\xcb\xcf\xcb\xb3h\xff\x14\x16\x16j\x9a\xb6c\xc7\x0e)\xe5\x84\t\x13\x92\x92\x92B\xa1\x90\xd9V\xff\xcff\x9c\xb2\xbe\xee\xba\xeb\xa4\x94%%%\x1d\xd0\xff\x08\x80\xce\xcc\xa1*\xdb\xb7o?t\xf0\x10\x11]\x7f\xd5\x05$\x89\xc8\xbc\xddO\xc6\x9dd\x9a\xb4\x89\xa3{\xc4FGj\xba\xbeq\xc3\x06j\xd5\x9dx\xe1\x873\xc6\x9d\x9d;w\x9e8y\x8a\xac\xd9?[\xb7n\xdd\xbbwoII\t\x11M\x992\xc5\xfc\x8dd\x9cq\xb9\xf2\xca+ccc5M3\x9e&amp;\x86#\x00h%\x87\xc3\xb9s\xe7\xce\x90\xa6\xbb#\x1dC\x07%P@\xe3\x1dt\xbf\x96Vb\x8cd@O\xee\x19\xd3\xef\xa28"\xca\xdf\x99ODxdXX\x18\xe3N~^\x1e\x11E\xbb#\xac\xd8?{\nv\x7f\xfc\xf1\xc7D\x14\x1d\x1d=d\xc8\x90\xa6\xa6&amp;\x93\xf7\x12c,\x10\x08\xf4\xea\xd5\xabo\xdf\xbeD\x94\x9f\xdf\xee\xfdo\xea\xff\x1c\xf0\x03\x05C\xc1\x9d;\xf3\x89\xe8\xa2^\xd1\x89\xdd\xa2\xa5\xb9\x8f\xdf\rB\x08\xc5\xe5\xb8lP&lt;\x11\x15\x15\x15\xd6\xd7\xd7\xe3\xa2\xb0\xb00\x96Jv\xee\xdaID}z\xc7Z\xab\x7f\xd2\x06\xc6\x13Q\xc1\x9e\x82\r\x1b6\x10Q\xef\xde\xbd{\xf4\xe8a\xf2\xf5\x1f\x83\x10\xc2\xedv_r\xc9%DTTT\xd4\xde\xfd\x8f\x00\xe8\xcc\x84\x10\xd5\xd55D\x94\xdc\xc5\x15\x11\xe5\x94\xba\x05\x86Q)\x898\xeb\xd55\x8a\x88|55~\xbf?\xdc\x15\xd9\x94\xb1\x0f\xdd\xb8IrRB\xa4\x15\xfb\xa7\xb2\xaa\xf2\xf8\xf1\xe3D\x94\x98\x98\x18\x1d\x1dm\x89\x1bLI)9\xe7=z\xf4 "\x9f\xcf\xd7\xde\xfd\x8f\x00\xe8\xe4\x8c+6/\xe9\x17O\x8a5\xae\xabb\x8c\x91..N\xf1\x12\x91\xaf\xb6\xbe\xa8\xa8\x88p\x1e\xb8\xc3\x19\xc3\x90\xcf\xe7;t\xf0\x00\x11\rN\xf5X\xab\x7f\x06\xa7z\x89\xe8LY\xf9\xe1\xc3\x87\x89h\xe0\xc0\x81\xc6\xdd\xf6\xc3]\xdd\xf7c\x8c\xe9\xba&gt;`\xc0\x00"\xf2\xf9|\xed\xdd\xff\xa6\xbb \x02\xdaC\x17o$qf\x85\xfe\'""I]\xbc\x91D$\x840\xed\xaem;\x90R\x86B!\xb2l\xffh\x9a&amp;\x84$\xa2\xf8\xf8x\x0b-$J)\x13\x12\x12\xa8C\xfa\x1fG\x00\xb6\xa0i\xd6h\xfdf\xcd\x05\x9b\x7f\xd1\xb6s3\xfe\xfb[\xb4\x7f\x9a\x9f\xb4n\xb9iDs\xc1\xed\xdd\xff\x08\x00[\xb0\xdc(j\xb9\x82;7\xcb\xfd:\xce)\xd8r\xd3\x88\x0e+\x18\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R\xc3]\x00@\xbb\x93R\xb6\xe2\xdfb\x8c\xb5y%\xadc\xf5\xfa\xc1\xb4\x10\x00\xd0\tI)\x85\x10RJ\xc6\x18c\x8c\xf3\xd6\x1c\xe9\xb6\xc9\x9b\xb4\x8e\xd5\xeb\x07\xab@\x00@\xe7a\x0cyD\xa4(\x8a\xa2(\xcd\xaf\xfb|&gt;!\x04c\xac\x85Sic\xee\xec\xf1x\xce~\x13c0\xe5\x9c\xb7\xdf\xcc\xda\xea\xf5\x83\xe5 \x00\xa03\x90R\xea\xba\xae\xaa\xaa1\xe4\xd5\xd5\xd5\xe5\xe5\xe5\xe5\xe6\xe6~\xfa\xc9\xa7\x95UUE\x85E\x9a\xae\x9d\xef{\xa6\xf4\xed\xeb\xf1z\x87\x0f\x1f\x96\x9e\x9e&gt;b\xc4\x88\x1e=z\x18\xafk\x9a\xc69o\xdb\t\xb5\xd5\xeb\x07\x8bB\x00\x80\xe5\xe9\xba\xae(\x8a\xaa\xaa\xc1`p\xe3\xc6\x8d\xabW\xad\xce\xdf\xb9\xf3\xf8\xf1c?\xf0m+++\x88(+k#\x11y&lt;\xdea\xc3\x86N\x9bv\xdb\r7\\\x9f\x94\x94DD\x9a\xa6)\x8a\xd2&amp;\xb3i\xab\xd7\x0f\xd6\x85\x00\x00\x0b3\x96D\x14E\xf1\xf9|\xcb\x96-[\xbd\xfa\xb5\xbd{\xf74\x7f\xd5\xed\x8a\xf6\xc6u\x8d\x8d\xee\x92\x94\xd0;\xca\x1d\'\x84N\xd4\x92\xf1N2\xc6t];Uv\xa8\xd1_[Q}\xb2\xae\xbe\xa6\xa6\xa6:\'\'\'\'\'g\xc1o~s\xc7\xcc;\xee\xbe\xfb\xee\xfe\xfd\xfb\x13\x91\x10\xe2\x87L\xa5\xad^?X\x1d\x02\x00\xac\xca\x988\x13\xd1\xca\x95+\x9fz\xea\xe9\x03\x07\x8a\x8d\xd7\x13\xbc\xdd\xfa]4\xfc\xe2\xd4\x8c\x1e]\xfb\xc5\xc5t\x89p\xba9W8\xe7t&gt;[i$I]\xd74-X\xdbPYz\xe6h\xf1\x91\x1d\xc5\x9f\xe5\x9e*=|\xba\xf4\xf4\x92%K\x96/_\xf1\xe0\x83\x0f\xcc\x9f??..N\xd34Um\xcd\xe7\xc8\xea\xf5C\'\x80_&lt;X\x921z\x96\x94\x94\xcc\x9e=;++\xcbx\xb1Gr\xca\xb8\xcb\xa7\xa7\r\xbc2&amp;:^J\xd2\xb4\x80\xa6\x87\xfc\x81zj\xd56Jb\x8c3\x16\x1b\x95\x90\xd0\xaf\xdb%\x03\xc6\xfa\x9b\xea\x0f\x7f\xfe\xc9\x87\xdb_/\xfe,\xb7\xba\xbaj\xd1\xa2Ek\xd7\xae]\xbe|yFF\x86q\x86\xf6\xbc\x96S\xac^?t\x0e\x08\x00\xb0\x1ec\xd2\x9a\x95\x955{\xf6\xec\x92\x92\x12"J\xeer\xc1\xd5\x19w\x0e\xbdd\x92+2\xa6)\xd0\xd0\xd0\xe8\xa3/\x06@\xc6\x19o\xd1\xc2\xc9\xb7\xfd,=\x14\xd2\x83$%\xe7\xca\xa0~\xa3\x07\xa6\\^t87\xe7\xe3\xd5\x07\x8e\xe4\x1f8p\xe0\xaa\xab\xaez\xea\xa9\xa7233\x8d\xdd;-\x1cC\xad^?t\x1a\x08\x00\xb0\x18c\xf4\\\xb6l\xd9\xdc\xb9s\x89\x88\x18\x8d\x1d~\xeb\x8f\'\xfc&lt;6:\xa1\xd1_\xdb\xd0X\xc39\xe7\\\xf9\xbe\xb7i)\xc6\x18#f\x0c\xc1~\x7f=ctq\xbf\x8c\x81)\x97o\xce]\xfb\xf7\x8f^\xf675\xcc\x9f?\xbf\xb0\xb0p\xe9\xd2\xa5\xba\xae\xb7d\x93\xa5\xd5\xeb\x87\xce\x04\x01\x00Vb\xec\x95l\x1e=\xa3\xdc\xb1\xb7\xfe\xe8W\xa3.\xbb\xae\xb1\xa9\xae\xae\xa1J\xe1j\x1b\x0e\x9d_g\x9c/m\xf4\xd72\xc6&amp;]\xf1\xd3\xbe\x17\\\xf6\x97\xf7\x17\x9d*=\xb4l\xd92"Z\xbat\xe9\xf7\xce\xa3\xad^?t2\xd8\x00\x00\x96a\xac\x9b\x1b\xa3\'c\x14\x1b\x9dp\xcf\xed\xcf\x8e\x1ezCm}\xa5\x10\xba\xc2;h6\xc3\xb9\xc2\x18\xf7\xd5U\\\xd0c\xe0\x83?\xf9\xbf\x0b{\x0ef\x8c\x8c\xaa8\xe7\xc6\x18\xda)\xeb\x87\xce\x07\x01\x00\xd6`\x8c\x9e999_\xcc\x9d]\x9e\xff\xba{y\x9f\xdei\xbe\xdarEQ;~\xd2\xaa(j\xa3\xbf.""\xea\xbf\xee^\x9er\xc1P"Z\xb6l\xd9\xa2E\x8b\x14E\xd1\xb4o\xb8h\xcb\xea\xf5C\xa7\x84\x00\x00\x0b\x10B(\x8aRVV6s\xe6L\xc6\x98\xdb\x15;\xef\xf6?$\xc6\xf7jl\xaaU\x94\xb0-cr\xaehZHJq\xd7m\xbf\xef\xd5\xad?1Z\xb4hQvv\xb6\xaa\xaa\xba\xaew\xa6\xfa\xa1\xb3B\x00\x805\xe8\xba&gt;k\xd6\xac\xb2\xb22"\x9av\xed/\xfb\xf7\x1d\xd1\xe8\xaf\xed\xb0e\x93o\xc39\x0f\x85\x021Q\xf1?\xbb\xf5w\xee\xc8X)\xe5\xacY\xb3JKK\x19cg\xaf\xa5\x18wz\xb0V\xfd\xe1-\x0c:\x06\x02\x00,\xc0\xe1p\xacY\xb3&amp;;;\x9b\x88F\xa7\xdf8*\xfd\x06_]y\x18\xe7\xceg\xe3\\i\xf4\xd7vON\x99z\xcdCDTVV\xf6\xe8\xa3\x8fr\xce\x9bo\xdcf,\xfeX\xab\xfe\xb3\xef"\x07\x9d\x18\x02\x00L\xcd\x18F+++\x1f\x7f\xfcq\xceyb|\xcf\x1b\'=\xd0\xe8\xaf\xe5\xccD#\x94\xa2\xa8\xf5\r\xd5\xa3\xd2\xafO\x1bt\x15\x11\xbd\xf1\xc6\x1b\xf9\xf9\xf9\xc6\tU\xe3n\xccUUU\xd6\xaa?//\xaf\xf9\xd6\xa4\xd0\x89!\x00\xc0\xd4\x8c\x13\x92\xcb\x97/?|\xf8\xb0\x10\xe2\xea1w\xc6Fw\xd1\xf4\x90\xe9\xd6(\x18\xd3\xf4\xd0\x8f\xc6\xcfq8"\x02\x81\xc0\x82\x05\x0b\x8c\xbb7\x1b\x9b\xebW\xae\\i\xd1\xfa\xc3]\x16\xb4/\x04\x00\x98\x9a\xd3\xe1\x10B\xac\\\xb9\x921\x96\x9cx\xe1\xf0K\xafi\xf0\xfb\x94\xf6\xdc,\xdf:\x9c\xf1@\xa0\xb1w\xf7\x81\x97\r\xba\x8a\x88\xb6l\xd9ZTT\xa4(\n\xe7\xdc\xef\xf7\xafXa\xb1\xfa\xb7n\xddz\xe8\xd0\xa1\xe8\xe8h\x1c\x04tn\x08\x000\xb5\xd8\xd8\xd8m\xdb\xb6\x15\x17\x17K)\'\x8c\xba\xc3\x1d\x19+\x84I7\xa80\xc6BZp\xc2\xe8\x99\x11NWcc\xc3+\xaf\xbcBD\x9c\xf3\x9c\x9c\x9c\xc2\xc2\xfdV\xab\xbf\xf1\x95W\x96GFF"\x00:7\x04\x00\x98\x1bc\xc6\xf4\xdf\x13\x974d\xd0\x95\xfe@=c&amp;mZ\xc6x \xd8\xd8\xab\xc7\xa0\xd4\x8b\x862\xc6\xde~{]}}=\x11\x19\xd3\x7f\x0b\xd6\xffvYY\x993""\xdcuA;2i/\x02\x18N\x9d:\x95\xb7#_J\xd9\xbf\xcf\x88\xd8\xe8.\xba\tW\xcf\xcf\xc6\x88\x13\xbb\xa4\xff8)eI\xc9\xa9\xc2\xc2BM\xd3v\xec\xd8a\xc5\xfaO\x9c8\xbek\xd7.\xb7\xcb\x15\xee\x9a\xa0\x1d\x99b#\x1a\xc07r\xa8\xca\xf6\xed\xdb\x0f\x1d:HD\x17\xa7d\x10I2\xf3\xe8I\xc4\x88\x07BM\xfd/\x1a\xe6\x8e\x8cnl\xaa\xdf\xbau\xab\xc3\xe18}\xba\x84\xacV\x7fddTSS\xc3\xc6\x8d\x1b\x9dNg\xb8\x8b\x82v\x84#\x000/\x87\xd3\xb9s\xe7NM\xd7\x1c\x8e\xc8\x9e\xdd\xfa\x85B\x01\xf6C\xee\x8c\xdc\xfe\x18c\xba\x1e\xf4z\xbavI\xe8ED\xbbw\x17|\xfc\xf1\xc7D\x14\x19\xe1\xb6V\xfd\x89\xf1\xbd\x88(???\xa4iD\xad|\x1e\x01\x98\x1f\x8e\x00\xc0\xbc\x82\xc1\xe0\xce\x9d;\x89(\xc1\xd3\xcd\x13\x9b\xa8\xe9!\x93\x0f\xa0D$\x84pE\xbaz$\xa7\x1c?UTPPPUUID\xf1\xd6\xab?\xf5DIq\xe1\xfeB]\x84\x88\x88\xce\xebid`\x1d\x08\x000/!Duu5\x11EGy#"\xa2\x9a\x9a\xcc{\x06\xf5l\x9cqOL\x12\x11UVVJ!\xc8\x8a\xf5\xc7&amp;\x11Qm]\x1d\xae\x08\xee\xdc\x10\x00`j\x8a\xa2\xe8\xba\xde=\xa9/g\x8a\x94\xd2\xdcK\xe8DD\xc4\x98\x10z\xd7\xc4\x8b\x88\xa8\xbc\xbc\xbc\xb2\xb2\x92\x88\xbav\xb9\xc8\x8a\xf5s\xce\x19\x93\x98\xfewb\x08\x0007ID\x14\xe5\xf6p+\xcc\x9d\r\x92d\x94\xdbCD\x9a\xa6\x19{~,W\x7f\xb4\xdbC_\xde\x87\x03:1\xcb4%\xd8\x99\x10\x16\xbbC\xbdQp\xf3\x93\xd6-Z?tz\x08\x00\xb0\x04\xf3/\x9d\x9c\x83}\xe7?\x9a\x9f\xe5\n\x86\xd6@\x00\x00\x00\xd8\x14\x02\x00\x00\xc0\xa6\x10\x00\x00\x006\x85\x00\x00\x00\xb0)\x04\x00\x00\x80M!\x00\x00\x00l\n\x01\x00\x00`S\x08\x00\x00\x00\x9bB\x00\x00\x00\xd8\x14\x02\x00\x00\xc0\xa6\x10\x00\x00\x006\x85\x00\x00\x00\xb0)\x04\x00\x00\x80M\xe1y\x00\x00\x00-"\xcf\xd2\xfc";K\x18kk\x1d\x04\x00\x00\xc0w\x11B\x08!\x14Eq:\x9dN\xa7SQ\x14\xce9c\xcc\x88\x01!D0\x18\x0c\x04\x02\xc6\xf3\x7f8\xb7\xd2\xb2\n\x02\x00\x00\xe0\x1bH)u]WU5&amp;&amp;\xc6\xe9t\xd6\xd7\xd7\x97\x94\x94\x1c?~\xbc\xb4\xb4\xb4\xa2\xa2\xa2\xa9\xa9\x89\x88\xa2\xa2\xa2\x92\x93\x93/\xbc\xf0\xc2\x8b.\xba(!!!\x14\n\xd5\xd5\xd5\x19\xf1\x10\xee\xf2[\x04\x01\x00\x00p.)eDD\x84\xdb\xed\xf6\xf9|[\xb7n\xcd\xca\xca\xda\xb2e\xcb\xa1C\x87jjj\xbe\xfe\xcd\x0e\x87\xe3\x82\x0b.\xb8\xf2\xca+o\xbf\xfd\xf6\x8c\x8c\x8c@ \xd0\xd4\xd4\xa4(J\x87W}\xde\x10\x00\x00\x00_!\xa5T\x14\xe5\xc4\x89\x13\xef\xbe\xfb\xee\x9bo\xbe\xb9g\xcf\x9e\xef\xfe\xfeP(t\xf8\xf0\xe1\xc3\x87\x0f/[\xb6l\xfa\xf4\xe9\xbf\xfd\xedo{\xf6\xecY[[k\xfe\x0c@\x00\x00\x00|\x85\xae\xeb^\xaf\xf7\xc9\'\x9f|\xea\xa9\xa7\x9a_d\x8c\xf5\xe9\xd3\xa7\x7f\xff\xfe}\xfb\xf6MLLt\xb9\\R\xca\x9a\x9a\x9a\xa3G\x8f\xee\xde\xbd\xbb\xa8\xa8\x88\x88\x14EY\xbbv\xed\xbf\xff\xfd\xef\xb5k\xd7\x0e\x1d:\xd4\xfc\x19\x80\x00\x00\x00\xf8\n\xce\xb9\xdf\xef\x9f&gt;}\xfa\xe2\xc5\x8b\x85\x10\x83\x06\r\xba\xf1\xc6\x1b\'O\x9e&lt;p\xe0@\x8f\xc7\xe3p8\x88\xc88\x03\xcc\x18\xd3u\xbd\xb6\xb6v\xe7\xce\x9d\xcf?\xff\xfc\xdf\xfe\xf67\x87\xc3q\xfc\xf8\xf1\x1bn\xb8a\xf3\xe6\xcd\x17^x\xa1\xdf\xef7\xf3ia\x04\x00\x00\xc0Wp\xce\x9b\x9a\x9a\xfa\xf5\xeb\xf7\xc8#\x8f\xa4\xa6\xa6\xdet\xd3Mqqq\x81@\xc0\xef\xf7\xfb|\xbe\xb3\xf7\x80\x12\x11cLQ\x94q\xe3\xc6M\x980\xe1\xe5\x97_\xfe\xc5/~\xe1t:\xcb\xcb\xcb\xef\xbb\xef\xbe\r\x1b6\x84\xeb\xaf\xd0B\x08\x00\x00\x80s1\xc6\x9a\x9a\x9a\x16.\\\xc8\x18\xab\xaf\xaf///7\xf6\xf6|\xdb\x92Nmm\xad\x94\xf2\xde{\xef\x95R\xde\x7f\xff\xfd\xaa\xaan\xde\xbc\xf9\xef\x7f\xff\xfb\r7\xdcPSSc\xda\x85 \xf3\x1e\x9b\x00\x00\x84\x11c\xcc\xe7\xf3\xd5\xd4\xd4\x08!TU\xfd\xee\xcd\x9d\x8a\xa2(\x8aR^^\xfe\xf3\x9f\xff|\xc2\x84\t\xc65\x01k\xd6\xac1\xf9~P\x04\x00\x00\xc073\x86\xf5\x16\x0e\xe2\xc6\xb7I)\xef\xba\xeb.\xe3\x0fyyy\xe5\xe5\xe5\x0e\x87\xe3\x9cU#\xf3@\x00\x00\x00\xb4\rEQ\xfc~\x7fzzzTT\x14\x11\x95\x96\x96\x9e&lt;y\xd2\xe9t"\x00\x00\x00:?M\xd3\xbc^orr\xb2\xf1\xe7\xca\xcaJEQ\x10\x00\x00\x00\x9d\x9cq\x83 \x87\xc3\xe1v\xbb\x8dW\x02\x81\x80\x99\xb7\x81\x9a\xb72\x00\x00k\x91R2\xc6\x84\x10\xa1P\xc8xEUU\xd3N\xff\t\x01\x00\x00\xd0\x868\xe7\x8d\x8d\x8d\xd5\xd5\xd5\xc6\x9f=\x1e\x8f\xae\xeb\xa6\xdd\x0b\x84\x00\x00\x00h\x1bRJ\xa7\xd3y\xfc\xf8\xf1\xca\xcaJ"\xf2z\xbd\xdd\xbbw\x0f\x85B\x08\x00\x00\x80NN\x08\x11\x19\x19\xf9\xe1\x87\x1f\x1a\xb3\xfe\xc1\x83\x07w\xeb\xd6-\x18\x0c"\x00\x00\x00:3\xe3\xf4oEE\xc5\xca\x95+\x8d\x7f\xbc\xe9\xa6\x9b\x9cN\xa7\x10"\xdc\xa5}+\xdc\n\x02\x00\xa0\rh\x9a\x96\x94\x94\xf4\xd0C\x0f\x1d=z\x941\xd6\xabW\xaf\xdbn\xbb\xcd\xe47\x04\xc5\x11\x00\x00\xc0\x0f\x15\n\x85\x92\x92\x92V\xadZ\xf5\xec\xb3\xcf\x1a\x97\xfe&gt;\xfe\xf8\xe3\x89\x89\x89f^\xff!\x04\x00\x00\xc0\x0f!\xa54\xe6\xfe\x7f\xf9\xcb_\xe6\xcc\x99\xe3p8B\xa1\xd0O\x7f\xfa\xd3\x993gVWW\xab\xaa\xa9WY\x10\x00\x00\x00\xad$\x84`\x8c%&amp;&amp;\xfe\xe1\x0f\x7f\xb8\xf3\xce;\x89(\x18\x0c\xfe\xf8\xc7?\xfe\xd3\x9f\xfed&lt;\x1c8\xdc\x05~\x0fS\xa7\x13\x00\x80ii\x9a\x16\x15\x15%\x84\xf8\xf9\xcf\x7f\xfe\xf2\xcb/\x1bs\xff[o\xbdu\xc5\x8a\x15\xba\xae\xeb\xban\xfe\x000{}\x00\x00&amp;d\xdc\xf3\xe7\xc4\x89\x13\xd7\\s\xcd\xcb/\xbf\xac(J(\x14\xca\xcc\xcc|\xed\xb5\xd74M\xd34\xcd\xfc\xa3?\xe1\x08\x00\x00\xe0|i\x9a\x16\x1f\x1f\xbfm\xdb\xb6;\xee\xb8\xa3\xa4\xa4\x84\x88\x1c\x0e\xc7\x0b/\xbc0o\xde\xbc\xea\xeaj)\xa5%F\x7fB\x00\x00\x00\x9c\x17\xe3\x91\xf1\xff\xfc\xe7?o\xb9\xe5\x96\xfa\xfaz"JIIy\xf5\xd5W322\xca\xcb\xcb\x15E\xb1\xca\xe8O\x08\x00\x00\x80\x96\x13BDEE\xed\xdb\xb7\xef\xb6\xdbnkhh \xa2\x8c\x8c\x8c\xb5k\xd7&amp;%%\x9d9s\xc6x^\xbc\x85 \x00\x00\x00Z\x8as\xae\xeb\xfa\xbcy\xf3jjj\x88\xe8\xf2\xcb/\xff\xeb_\xff\x1a\x11\x11\xe1\xf3\xf9,7\xfa\x13N\x02\x03\x00\xb4\x90\xae\xeb\xb1\xb1\xb1\xef\xbc\xf3N^^\x1e\xe7\xbck\xd7\xae\x7f\xf9\xcb_\\.Wcc\xa3\xc9\xf7\xfb\x7f\x1b\x04\x00\x00@\x8b\x18\xf7\xfa7\x1e\xf5.\x84\xf8\xf5\xaf\x7f\xdd\xb7o\xdf\xba\xba:\x8b\x8e\xfe\x84\x00\x00\x00h\t\xe3^o\xa7O\x9f\xde\xbd{\xb7\x94\xb2k\xd7\xae7\xdf|\xb3\xcf\xe7\xb3\xee\xe8O\x08\x00\x00\x80\x968\xe7^\xff\x97_~yrr\xb2\x99\xef\xf5\xdf\x12\x08\x00\x00\x80\xef\'\xa5TU\xf5\xcc\x993\xba\xae\x13\xd1\xc0\x81\x03M\xfe\xb8\xc7\x96@\x00\x00\x00\xb4\x08\xe7\xdc\xd8\xfcCD\xdd\xbau3\x9e\x00\x1c\xd6\x8a~(\x0b\xaf^\x01\x00t\xb0@ `\\\xe7\x15\x1b\x1bk\xe6\'\xbd\xb4\x10\x02\x00\x00\xa0E\x18c\xc1`\xd0\x18\xf7;\xc1\xf4\x9f\x10\x00\x00\x00-\xc19\xaf\xaf\xaf\x9f&lt;y\xf2\x07\x1f|@D\x03\x07\x0elhh\xb0\xd0]\x1f\xbe\x11\x02\x00\x00\xe0\xfb1\xc6B\xa1P\xcf\x9e=SRR\x88\xc8\xef\xf7[}\x0b\x10!\x00\x00\x00Z\xc8X\x02jjj""\xce\xb9\xd5G\x7fB\x00\x00\x00\xb4\x1cc\xcc\xcc\x0fy?_\xd6^\xc0\x02\x00\xe8`R\xcaN\xb0\xff\xc7\x80\x00\x00\x00h)!\x84\xd3\xe9\x8c\x8c\x8c\x94RZ\xfd*0B\x00\x00\x00\xb4\x10c,::\xba\xa4\xa4\xe4\xc8\x91#\x0e\x87\xc3\xe9tZ=\x03\x10\x00\x00\x00\xdf\xcf\xb8\x17\xd0\xaf~\xf5\xab\xe1\xc3\x87\x8f\x1c9\xf2\xba\xeb\xae+//w8\x1c\x96\xce\x00\x04\x00\x00\xc0\xf7\x10BDGGo\xdf\xbe\xfd\xb9\xe7\x9e\xab\xad\xad\r\x04\x02[\xb6ly\xe9\xa5\x97\xa2\xa3\xa3\x8d[\x03Y\x14v\x01\x01\x00|\x0f\xe3Np\xc5\xc5\xc5\x8a\xa2\x18\xbb?\x19cEEE\xba\xae[z3(\x8e\x00\x00\x00Z\xc4\x98\xefs\xce\x15E\x11B\xb8\xddn\xab_\tl\xed\xea\x01\x00:\x00\xe7\xbc\xa1\xa1a\xec\xd8\xb1\xc9\xc9\xc9\xc1`0\x10\x08H)o\xb9\xe5\x16K\xaf\xff\x10\x96\x80\x00\x00\xbe\x97q\rp\xd7\xae]\xff\xfa\xd7\xbf\xaeZ\xb5\xaa\xb1\xb1q\xd2\xa4I\xd7]w]]]\x9d\xa5\xaf\x0bC\x00\x00\x00|?\xceycc\xe3\xe0\xc1\x83_x\xe1\x05\xe3Z\xb0\xda\xdaZK\x9f\x00 \x04\x00\x00@\x0bq\xce\xfd~\x7fCC\x831\xee[z\xeeo@\x00\x00\x00\xb4\x14\xe7\xdc\xea\'~\xcf\xd6y\xfe&amp;\x00\x00p^\x10\x00\x00\x006\x85\x00\x00\x00\xb0)\x04\x00\x00\x80M!\x00\x00\x00l\n\x01\x00\x00`S\x08\x00\x00\x00\x9bB\x00\x00\x00\xd8\x14\x02\x00\x00\xc0\xa6\x10\x00\x00\x006\x85\x00\x00\x0b\xb0\xdc-\xb7\xce)\xd8\xea\xf5Cg\x85{\x01\x81\x05hzH\x92\x95\x9e\xbc\xaa\xe9!"\x92R\x1a\x0f\x8c\xb5h\xfd\xd0\xe9\xe1\x08\x00LMHAD\'O\x1f\xd0\x85f\x8di\xa9\x94\nWO\x95\x1e$\xa2\xa4\xa4\xa4\xd4\x94\x14":Uv\xd0Z\xf5\x9f&lt;}0\xdcu@G@\x00\x80\xa99\x1c\x0e"j\xf0\xfbBZ\xd0\x1a\x03(\x91\x94\xb2\xae\xa1\x9a\x88bcc\x93\x93\x93\x89\xa8\xd1_k\xc5\xfa\x1d\x0eGg\xba\xf3%|\x1d~\xbb`^\x91\x91\x91C\x87\x0e%\xa2\xf2\xca\x93uu\x15\x9c;\x8c\x15\x153c\x8c\x85\xf4\xc0\xa9\xb2CD4x\xf0\xe0\xc9S&amp;\x13QE\x95\xe5\xea?HD\x03\xfa\xf7\xef\xda\xb5\xab\xf1rx\xab\x82v\x82\x00\x00\xf3\xd25-==\x9d\x11\x0b\x04\x1bJ\xcb\x8f:\x1d\x11&amp;_I\x97R*\x8a\xa3\xae\xae\xb2\xbc\xf28\x11]r\xc9\xe01c\xc6\x10Q\xa3\xbf\xceZ\xf5\x9f\xa9&lt;NDC\xd2\x86\xb8"#\x89\xc8"\x87.p\xde\x10\x00`^\xc1Ph\xf4\xe8\xd1={\xf6\x92R\x16\x7f\x96\xc7\xb9B\xe6\x9eAK\x92NG\xe4\xd1\x93{k\xeb\xaa8\xe7W\\q\xc5\x88\x11#\xe2\xe2&lt;\x96\xab\xbf\xae\xbe\x8as&gt;i\xd2$\xab?\xf4\x1c\xbe\x1b\x02\x00\xccKJJMMM\x1fz\x19cl\xff\xe1\x7f\xf9\x9b\xea87\xf7C\xf8\xa4\xe4\\\xd9S\xbcE\x92\x8c\x8b\xf3\x0c\x1d:\xd4\xedv\xa7\xa5\xa5Y\xae~"JH\xe82f\xcc\x98\x86\xc6\xc6p\xd7\x04\xed\x08\x01\x00\xa6\xe6P\xd5\xdbn\xbbMJy\xa6\xe2\xf8\xa1\xa3\xbb"#\xa2\x8c}A&amp;$\xa5t\xa8\xce\x8a\xeaSE\x9f\xe5\x12\xd1\x94)\x93\xbd^/\x11\xcd\x981\xdd\x9a\xf5O\xe9\xd9\xb3g\xa0\xa9)\xdcuA;B\x00\x80\xa9\xd5\xd7\xd7\xdfx\xe3\x8d\x89\x89\x89R\xca\x9c\x8fW\x0b)L\xbb\x1c-\xa5\x88\x8c\x88\xde\x96\xb7\xae\xb6\xaeRQ\x94\xb9s\xe72\xc6\xa4\x94S\xa7NMNN\xb6`\xfds\xc2]\x11\xb4;\x04\x00\x98Z\xa3\xdf\xefr\xb9n\xbf\xfdv)\xe5\xa1\xcf?)&lt;\xf8\xb1+2F\x08\xd3-LK)U\xd5YQ}\xea\xdf\xbb\xdec\x8c\xa5\xa5]6~\xfcx!\x84\xae\xeb\t\t\t3g\xce\xb4V\xfdC\x86\x0c\x193fLmm\xad\xa2\x98{\xcd\n~\x18\x04\x00\x98\x9a\xa2(R\xca{\xee\xb9\xc7\xe3\xf1\x10\xd1\xa6m\xaf\n!L\xb8\xa1^H\xdd\x15\x19\xf3Q\xee\x1b\xc6\x0e\xfa_\xfe\xf2a"\x92Rr\xce\xa5\x94s\xe7\xce\xb5V\xfd\x0f?\xfc\xb0\x94R\x08\x93\xaeVA[A\x00\x80\xa9q\xce\x19c\x03\x06\x0c\xc8\xcc\xcc\x94R\x1e&gt;\xf6\xe9\x87\xdb_\x8f\x89\x8a\xd7u-\xdc\xa5\xfd\x87\x10\xba;2\xf6\xe0\xd1\xfc\xcd\xb9k\x89h\xec\xd8\xb1\xd3\xa6M\x13B(\x8a\xc29\x17B\xf4\xeb\xd7\xcfZ\xf5O\x9f&gt;\x9d1\x86\xe9\x7f\xa7\x87\x00\x00\x0b\xd04-33\xb3O\x9f&gt;D\xf4\x8f\x8f\xfe\xfc\xd9\xf1\xddQ\xaeX\x93,\xa4\x18\x8b\'M\x81\x867&gt;\xf8\xad\xae\x87\x14Ey\xe6\x99g\xce\xbe\xe0\x8bs\xae\xeb\xbau\xeb\x87N\x0c\x01\x00\x16 \xa5\x8c\x8b\x8b[\xb3f\x8d\xaa\xaa\x81\xa0\x7f\xf5\xbb\x0b\xeb\x1a\xabU\xd5\x19\xf65\n)\xa5$\xe9P#\xdeX\xff\xbb\x923\x9fI)\x97,Y2t\xe8P!D\xf3M\x14\x18c\x8c1k\xd5\x8f\xed\xff6\x81\x00\x00\x0b\xe0\x9ck\x9a6r\xe4\xc8\xc5\x8b\x17K)O\x9f\xf9\xec\xc5\xd7\x1e\xe4\\q8\x9ca\x9cGK)\x89\xa4\'&amp;\xf1\xcd\xbf\xfd~\xe7\x9e\x8dD4u\xea\xd4\xcc\xccLM\xd3\xceY&lt;\xb1z\xfd\xd0Y!\x00\xc0\x1aTU5\x16\x82\xe6\xcc\x99CD\xc7K\n_Xu\xbf\xbf\xa9\xde\x15\x19\x13\x96\xf5t!tEQ##\xa2V\xbf\xb7\xf0_;\xdf!\xa2\xe1\xc3\x87/]\xba\xd4X\xfa\xff\xfa\xf7[\xbd~\xe8\x94\x10\x00`\x19\x8a\xa2\x08!\x96.]:g\xce\x1c\x92t\xf0h\xfe\x8b\xaf=PV\xf1yLt\xbc\x10\xba\xec\xa8\x0b\xac\xa4\x94\xba\xd0\\\x911\xba\x1eZ\xf5\xce\x82\xad;\xde\x12B\x0c\x1f&gt;&lt;++\xcb\xb8\xf2\xeb\xdb6\xf9X\xbd~\xe8|\x10\x00`\x19\xc6b\xba\xae\xeb_\x8c\xa1D\'J\x8a\x9fye\xf6\xf6O\xfe\xeav\xc5:\x1d\xae\xf6\x1eF\xa5\x94\xba\xd0\x15E\x8d\x8dN8zb\xcf\xb3\xcb\xe7\xe4\x15\xfc\x9d\x88\x86\x0f\x1fa\x8c\x9eg/\xfdw\xbe\xfa\xa1\xf3\xc1/\x1b\xac\x841fl\xac\\\xbat\xe9\xc2\x85\x0b\x89\xa8\xa1\xd1\xb7\xea\x9d\xffY\xfe\xe6#\xa7\xcf|\x16\xe5\xf6\x18\xc3\xa8\x10z\x1b\xeec1v\xc4\x1bk&amp;1Q\xde\x06\xbf\xef\xdd\x8d\xcf&gt;\xf7\xea\xbc\x93\xa5\x07\x89h\xda\xb4iYY\x1b[8zZ\xbd~\xe8d\xf0HH\xb0\x18c\x81B\x08\xb1`\xc1\x82\xcb/\xbf|\xf6\xec\xd9%%%\xbb\xf6m\xda{pK\xfa\xc5\x93\xae\xbc|F\xaf\xee\x03\x18c\xc1P@\xd3\x82\xff\x99P\x9f\xef\xb2\x86\xfc\xe2\xff\x8c1Eq8\x1d\x91\x9c+\x95\xd5\xa7\xb2\xb6\xae\xfc\xf7\xae\xf7|u\x15D\xe4t8\x9fz\xfa\xa9\xcc\xccL\xa3\x9e\x16\x8e\x9eV\xaf\x1f:\x13\x04\x00X\x8f\xb1\x96\xa2i\xda\xe4\xc9\x93\xf3\xf3\xf3\x1f{\xec\xb1\xd7__\x13\x0c\x06r?]\xffiav\xff&gt;#\x07\xf7\xbb\xa2\xdfE\xc3\xbcq]\x9d\x8eH\xce\xb8.4I\x92\x9d\xc7SM$\x11S\xb8*\xa5\x08\xe9\xc1\xba\xfa\xca\xfd\x07?\xdewp[\xd1g\xdbk|\xe5\xc6wL\x9c8\xf1\x89\'\x9e\x189r\xa4qe\xefy\x8d\x9eV\xaf\x1f:\r\x04\x00X\x95\xaa\xaa\xba\xaew\xef\xde}\xc5\x8a\x15\xf3\xe6\xcd\xfb\xdd\xef\x9e\xcc\xde\xb4\xc9\xdf\xe4\xdfS\xb4eO\xd1\x16\xb7+:\xb9\xcbE]\x13/\xf2\xc6uMN\xe8\x1d\xe5\xf6\xe8Bo\xc9\x08*\x89\x18c\xba\x1e:Uz\xa8\xbe\xb1\xba\xe4\xcc\xe1\xd2\xf2\xcfk\xeb*\x9b\xbfa\xf4\xe8\xd1\xf7\xdf\x7f\xff\x8c\x193\x88H\xd7\xf5V\xef\x99\xb1z\xfd\xd0\t \x00\xc0\xc2\x8c;\x05\t!F\x8e\x1c\xf9\xc1\x07\xef\xef\xdb\xb7o\xd5\xaaU\xeb\xde^\xf7\xf9\xb1\xcf\x1b\xfd\xf5GO\xec=zbo[\xfd\xac\xc4\xc4\xa4k\xae\x992s\xe6\xcc\x89\x13\'\x12\x91q\r\xd7\x0f\x1c=\xad^?X\x1d\x02\x00\xac\xcd\xb8e\x8d\x10BJ9x\xf0\xe0\xc5\x8b\x17/Z\xb4\xa8\xa0\xa0`\xd3\xa6M\xdb\xb7\xe7\x16\x17\x17\xd7\xd6\xd6VWW\xb5\xe2\x9d\xa3\xa3b\xa2\xa2\xdc\x03\x07\rJKK\xbb\xf2\xca\xf1\x19\x19\x19\t\t\t\xf4\xe59\xd5\xb6\x1a:\xad^?X\x1a\x02\x00:\x03c\t[\x08!\x84p\xbb\xdd\xa3F\x8d\x1a5j\x14\x11\xf9\xfd\xfe\x86\x86\x86\xc2\xc2\xc2V\xdc\xdb %%%666..\xae\xf9\x15\xe3M\x14Ei\x</t>
        </is>
      </c>
    </row>
    <row r="393">
      <c r="A393" s="1" t="n">
        <v>391</v>
      </c>
      <c r="B393" t="inlineStr">
        <is>
          <t>polygon_sides_color</t>
        </is>
      </c>
      <c r="C393" t="inlineStr">
        <is>
          <t>What is the missing color of the part denoted with a question mark?</t>
        </is>
      </c>
      <c r="D393" t="inlineStr">
        <is>
          <t>['blue', 'purple', 'orange', 'red']</t>
        </is>
      </c>
      <c r="E393" t="inlineStr">
        <is>
          <t>orange</t>
        </is>
      </c>
      <c r="F393" t="inlineStr">
        <is>
          <t>There are 6 colored polygons arranged in a triangle with color ['orange'] in the top row, ['blue', 'green'] in the middle row, and ['blue', 'green', '?'] in the bottom row.</t>
        </is>
      </c>
      <c r="G393" t="inlineStr">
        <is>
          <t>We observe that the polygon with 9 sides is blue in color and the polygon with 3 sides is green in color. Thus, the pattern is that the polygons with the same number of sides have the same color.</t>
        </is>
      </c>
      <c r="H393" t="inlineStr">
        <is>
          <t>Based on the pattern that the polygons with the same number of sides have the same color, the missing color of the part with 7 sides should be orange.</t>
        </is>
      </c>
      <c r="I393" t="inlineStr">
        <is>
          <t>b'\x89PNG\r\n\x1a\n\x00\x00\x00\rIHDR\x00\x00\x02\x00\x00\x00\x02\x00\x08\x02\x00\x00\x00{\x1aC\xad\x00\x00p&amp;IDATx\x9c\xed\xddw|\x14E\x1b\x07\xf0\xd9\xd9\xbd\x9a\xdc\xe5R\t%\x11x\x05\x02$\xa1K\x08\xbdH\x97\x8e\x08H\x90^DPAi\xd2\xab\rA\xe9\x08\xd2\x05\x05\x04\xa4\x17)\xd2\x02!\xb4$\x10:\t\x84\xf4r\x97\xeb\xbb3\xef\x1f\x0b1"*`\x92\xdb\xbb{\xbe\xef?\xef\xe7}1\x0e\x97\xbd\xf9\xcd&lt;3;\xc3PJ\x11\x00\x00\x00\xf7\x83\x1d\xdd\x00\x00\x00\x00\x8e\x01\x01\x00\x00\x00n\n\x02\x00\x00\x00\xdc\x14\x04\x00\x00\x00\xb8)\x08\x00\x00\x00pS\x10\x00\x00\x00\xe0\xa6 \x00\x00\x00\xc0MA\x00\x00\x00\x80\x9b\x82\x00\x00\x00\x007\x05\x01\x00\x00\x00n\n\x02\x00\x00\x00\xdc\x14\x04\x00\x00\x00\xb8)\x08\x00\x00\x00pS\x10\x00\x00\x00\xe0\xa6 \x00\x00\x00\xc0MA\x00\x00\x00\x80\x9b\x82\x00\x00\x00\x007\x05\x01\x00\x00\x00n\n\x02\x00\x00\x00\xdc\x14\xe7\xe8\x06\x00P\xf4\x04A@\x08a\x8c\x19\x86qt[\x00\x90.\x06.\x85\x07\xaeD|\x9e\x0b\xfa}J\x88@\x08\xc30\x0c\xc3`\x0c\xf3]\x00\xfe\x04\x02\x00\xb8\x0eB\x88\xd8\xcbo\xdf\xb9G\xed\xe1Y\xbbfX)\x7f\xdf\xc2\x7f@\x10\x04J\xa9\x18\x0609\x00\x00\x02\x00\xb8\x08A\x10X\x96\x15\x04\xa1g\x9f\x01\xc6\xc4\xc3\x1eZ\x8f\x8c|V\xed\x17\\-\xbcvXx\xcd\xc8\x06\xf5C*U,\xfc\xe7\t!\x84\x10\x08\x03\xe0\xce \x00\x80+\xe0y\x81\xe3\xd8\xe4\x87)\xed:tjR\xd6\xb0t\\G\xc40\xb99\x86\xb8;\xa9q\xf7\xd2\xcf\xdf\xcc\xb8\x9bE\xe4\xdee}JW\xa8W\xbfAxXX\xdd\xda5\xbc\xbd4\x7f\xfe\t&lt;z\xbal\x00y\x00\xdc\x04\x04\x00pn\x94RB\x08\xcb\xb2\x07\x8f\x1e\x1f\xf4\xee;SzV\x1a\xf6NCcf&gt;%T&amp;\xc3\n\x85\x1c\xc99\xc4 k\x9e\xf1\xc1\xe3\xac\x8b\x89\x8fcn\xa5\'\xa6\x1as\x04O\xad\x7fPHh\xed\xc6\x8d\x1b\xd7\xa9]\xf3\xb5r\xa5\x0b\xffLB\x04B\xa0R\x04\\\x1f\x04\x00pb\x05E\xffy_-Z\xb7p\xda\x9aO\xde\x8c\xac\xfb?}\xba^\xc6a\x84\x10E\x88RJ)\xa2\x94r,\xab\x90sX\xc1!\x0e#\xab=5#\xf7Vr\xe6\x99\xf8G\xb1w\xb2\xb3m\n^\xe1[\xa9z\xad\x90j\xa1\r#\x1b\xd4\x08\xad\xaaT\xc8\x0b\xfe\x15\x94\x12Ax\xb2\x8c\x0c\x93\x03\xe0b \x00\x80\xb3\xe2y\x9e\xe3\xb8|\x83!j\xf0\x08C\xe2o\x9b&gt;\xeb\x14\xe0\xeb\xa9\xcf5\xca8\xf6\xb9\x7f\x9eRJ(\x12\x17\x81\x152V&amp;\x97!\x05\x87\x04b\xcd7\xdd\xb8\x9f~\xedn\xda\x85[\x19q\x8f\xccv\x85\xaf. \xa8V\xdd\x88\xda\xb5k\xd7\xad]\xb3l\xe9\x80\xc2?\x04\x96\x91\x81+\x81\x00\x00NI\xec\xfd\x13n\xdc\xec\xda\xadg\xb7jd\xde\xa8\xb6v\xb3\xcdb\xb5s\xec\x0b\xed\xf5\xa4\x14QD\xc5:\x0f\x8b\xb1J\xc1!\x85\x0ca\x86\x9a,I\xa99\xf1\xf7\xd2\xce\\\x7f|3\xc5\xf0\xc8\xc0\xf9\x96\xfd_\xc5\xaa5\xc2k\xd4\x8a\xa8_\xafb\xf9`\xa5\\V\xf0C\n\x96\x91a\x8f)pR\x10\x00\xc0\xc9PJ)\xa5\x18\xe3\xed;\xf7\x8c\x1a\xf2\xde\xc2\xc1\xb5zu\xa8c\xcc6 \x84\xf0\xab\x0e\xc9\xc9\xd3J\x11\x8b\xb1B\xce\xb1r\x0e\xc9XDH^\x96\xfe\xee\xa3\xac\xf3\xd7\x1f\x9dK\xccH5b\x03\xf2,\xf7\xbf\xd0*!\xd5\x1a5j\x04\xcb\xc8\xc0\x05@\x00\x00g"\xee\xf5D\x08M\x999o\xcb\x92\xd9;fw\r\xabR\xc6\x90\x95\xcfqE6\x00\x17\x93\x80P\xca0\x8c\x8c\xc3\n\x99\x0c)e\x08Qb\xb2\xdc}\x94u\xf9v\xea\xe5;\xe9\x97\x1f\xe8s\x04O\xad_P\xd5\xf0\xda\x11\x11\r\xc2\xc3\xaa\xffe\x8f),#\x03\'\x00\x01\x00\x9c\x86X\xf6\xd1\x1b\x0c\xef\x0e\x18&amp;\xdc9\xfa\xe3\xac\xb7\xb5J\x99\xde`\x91\x15]\xef\xff\x0c\x8a\x10z\xbar\xf0dr\xa0\x94!\x16#\x9b\xb8\x8c\x9cu6\xfea\xe2#\xc3\x9dL\x9e\xd1\x94~\xb2\x8c\xdc \xa2r\xa5\xff\x15\x9e\x1c\xc022\x90,\x08\x00\xe0\x1c\xecv\xbbL&amp;;w\xfe\xe2\xe0A\x03;WCsF\xb4\xb1\x99,6\x1b\xcf\xbeX\xd1\xbfHP*\x16\x8b\xfe\xbc\x8cL\xa9\xcd`\xba~/\xed\xda\xdd\xb4\xe8\xc4\xf4[\x196\x83\xa0\xf4-W\xb9J\xb5\xf0\x88\x88\x88\x88\xfau\xcb\x06\x06\xfc\xfb\x8f\x06\xc0\x11 \x00\x80\xd4QJ)%\x18\xb3\xab\xd7n\x9a6\xe1\xc3\xe5#\xeaulU\xc3\x98\xa9G\xcc\xab\x17\xfd\x8b\xa2UO\x96\x91\x11B\x1c\x8bU\n\x99\xb8\x8c\x8c,\xd6\xd4L}\xec\xad\x94kw3b\xeed\xa7\x1ae\x1a\xff\xe0\xb2\x15C""\x1a\xd6\xaa\x19Z3\xb4\x1a\x82\x15c \x19\x10\x00@\xd2\n\x8a\xfe\xa3?\x9ep\xe4\xa7\xa5{\xe6u\xab\x18\xe4o\xc81\x16a\xd1\xbfH\x14,#c\xcc\xc89N\xa6\x94\x15,#\xdfK\xc9:\x17\xff\xe8\xc6c\xc3\x91\xcb\x8f\xeb\xb7\xea\xbe\xfa\xfb\x95\x05\x7f)\x00\x1c\x0b\x02\x00H\x97X\xf4\xcf\xce\xc9\xe9\xdd\xb7\xbf"\xfd\xfc\xf6\xb9\xbdY\x8a\x8cf\xeb\x0b\xee\xf5t\x94\xe7,#\xcb9\xa4\xe4R\xee\xa6\x85\x0c\xdex6\xe6J\xb5\xaaU\xc4\x8dL\x8en)pw\xf0\x08\x02\x89\x12{\xff3\xe7.4j\xd4\xb4\xa1\xee\xc1\xeeE\x03x\x1bo\xb6\xd8$\xde\xfb#\x84\x18\x06a\xccp,f1#\x10j\xb2X\xf3\xf3\x8c9\x8f\xb2\xcb\xbc\x16\xd0\xafi\xf0\xc4)3\x18\x06\x06^@\x12\xe0A\x04\x92SP\xf4\xff\xfa\xdbe+\xbf\x9e\xfe\xcd\x90z\xed\x9b\x85\xe6g\x19\xb03\xef\xa0\xa1\x14q\x1c\xce\xc83\x85\x0e\xd9t\xea|l\xb5\xaa!0\t\x00\x0e\x07\x01\x00\xa4\xa5\xa0&gt;\x1e5h\xc4\x8d\x93?\xef\x9c\xd9\xa5Lio\t\x16\xfd_\x01/\x10\x8d\x9f\xf6\xfd\xd9\xdb\x93=\xea\xee\xde\xfe#\xac\x04\x00\x87\x83\x00\x00\x12"\x96}\xd232\xdf\xea\xdc\xfdu\xee\xfe\xa6i\xddy;q\x8a\xb2\xcf\x8b\xf8\xf3$\xe0\x12\xac\x04\x00\x87\x83\x87\x0fH\x02\xa5T\x10\x04\x8e\xe3\x0e\xffv\xa2qdD\xf7\x10\xd3\xa6\xf9}\x8cF\x9b\xf5\x85\x8f\xf7\x91&gt;\x86AV\x1b_6\xc8\xafO\xe3r\x13\xa7L\x87\x95\x00\xe0p\xf0\x08\x02\xc7+8Rm\xdeW\xdf\xae[8u\xd5\xd8\x96\x8d\xebU\xd2g\xe89\x0e;m\xcd\xff\xf9(E\x9c\x0cg\xe4\x98\xc2\x87o&gt;\x13s\xb5r\xa5\xff\xc1$\x008\x10&lt;y\xc0\xc1\x04A\xc0\x18\x13B\xba\xf6\x8a:\xbaa\xee\xc9E\xef4\xaeYQ\x9f\xa1\x97\xb9\\\xef\x8f\xc4I\x80\x95/\x1b\xec\xd7\xb8\x8a\xd7\x92\x15\xdf\xc3$\x008\x16&lt;\x7f\xc0\x91\xc4\xa2\x7f\xe1\xab\x1cy+ov\xa1\xb2\xcf_\x11J\x95J\xf9\xa5\xc4\x94\xd6\xd3\x8e$\xdeL\xf4\xf3\xf5E\x089\xf1\xf6&amp;\xe0\xcc\\\xf6k\x06$\xae\xa0\xe8\x7f\xf0\xe8\xf1\x06\xf5j\x7f\xd0T\xb5\xf4\xb3\xae\xc6|\xab\xd5\xce\xbbp\xef\x8f\x10\xc2\x0cc6Y\xeb\xd6\xaa\x10\x11\xcc\xce\xf9|\x01\xc30\x84\x10G7\n\xb8)\x98\x01\x00\x07(\xd8\x019m\xd6\xfcm\xab\xbeX\xf5q\xcb\xc8z\x7f\\\xe5\xe8\xf2\x08\xa5J\x95\xfcrbJ\xab)\x87o\xde\xba\t\x93\x00\xe0(n\xf1}\x03\x92\xc2\xf3&lt;\xcb\xb2\xf9\xf9\x86\xce=\xfa\\\xd8\xb1\xe0\xf4\xe2\xde\x91a\xc1\xfa\xf4&lt;7\xe9\xfd\x918\t0Z\xeb\xd4\xac\xd0\xa0&lt;\x07\x93\x00\xe0@\xee\xf2\x95\x03\x12Qp\x95c\x9d7\x1aUC\xd7\xf6-|O\xcd\xb1\xf9\x06\xf3\xdf]\xe4\xeb\xaa\x18\xcc\x08f\xeb\xecA\xcd\xd7}\xbf&lt;#3\x13c\x0csqP\xf2 \x00@\t\xa1\x94\x12B8\x8e\xdb\xbesO\xcb\xc6\x913;\x07\xcc\xfb\xb0\x831\xcfh\xe7\x85\x92&lt;\xd3_"\xc4I@\xed\x1a\x15"\xcb\xcb\xe6\xcc\xff\x1a&amp;\x01\xc0!`\r\x00\x94\x84?]\xe5\xb8t\xf6\x8eYE\x7f\x95\xa3\xd3!\x84*\xd5\x8a\x8b\xf1\xc9\xed\xe7\x9c|p\xff\xaeZ\xadF\xb0\x12\x00J\x96\xfb~\xfd@\x89\xb1\xf3&lt;\xcb\xb2\xd999m;t\xbe\xba\xe7\xbb\x98U\x03\xc2*\x04\xe8\xdd\xbb\xf7G\x08a\xccXM\xd6\xba\xe1\xaf\x05y\x98\x7f\xd8\xf0#L\x02@\xc9s\xebo (\x01v\xbb]\xc6q\xe7\xce_l\xd4\xa8I\xa4\xd7\xfd]\x0b\xa2\x94\x18\xe7\xe7\x17\xe3E\xbeN\x84 \xc40h\xea\xbb\r\xe6\xcf\x9bg\xb3\xd9\xe0\xbd0P\xc2\xe0K\x08\x8a\x0b\xa5\x94\x10A&amp;\x93\xad^\xbb\xa9G\xa7\xb6_\xbe\x1d4\xf5\xfd\xf6\xf9Y\x06Ap\xc7\xa2\xffs\xb1\x981\xe9\xcd]Z\x86\xfb\x92\xb4\x95k\xd6\x8boD;\xbaQ\xc0\x8d\xc0\x88\x03\x14\x0b\xf1\xe6t$\xf9\xab\x1c\x1dN \xd4C\xab\xdau\xf4\xda\xa8\r\xb7\xef\xde\xba\xceq\x9cx,\x92\xa3\xdb\x05\xdc\x02|\x1bA\xd1\xa3\x94RJ333\xbb\xf7\xe8y\xff\xc4\x0fW\xd6\x0c*\x1f\xe0m\xc8\x85\xde\xff9\xc4I@g\x98\x04\x00G\x80/$(z\x84\x10\x8c\xf1\xefg\xce_9\xb6c\xf7\xb7\x03\x05\'\xb9\xca\xd1Q(B\x08\xd1\x19\xfd\x1b\x8a+\x01\xf0N\x00(1\xf0\x9d\x04\xc5\x05s\x9c\xbf\x9f75[y^\xc0.x\xb2g\x91\xf9c\x12@\xd3\x96\x7f\xbf\x16\xb6\x03\x81\x12\x03\x01\x00\x8a\r\xa5&lt;/@E\xfbEP\x84\x10\x83\xa6\xf4\x8dX\xb9b9\x82\xb7\x01@I\x81\x00\x00\xc0\xf1X\xccX\r\xe6\x8eM\xaa\xe7\xa7$\xee;x\x04c,\x08\x82\xa3\x1b\x05\\\x1f\x04\x00\x00\x92`\x17\x88\xd2C\xf1A\xc7j\x93\xa7LC0\t\x00%\x02\x02\x00\x00I\xe0Xl\xc93\x8d\xe8\xd1 \xfdV\xcc~\x98\x04\x80\x12\x01\x01\x00\x80T\xd8\x05\xa2\xd6\xaa\xc6v\xad1\t&amp;\x01\xa0D@\x00\x00 \x15\x1c\x8b-\xb9\xc6\xe1\xdd#`\x12\x00J\x06\x04\x00\x00\x12\xf2d\x12\xd0\r&amp;\x01\xa0$@\x00\x00 !O&amp;\x01\xdd"2n_\xdc{\xe0\x10\xc300\t\x00\xc5\x07\x02\x00\x00i\xb1\x0bD\xed\xa5z\xbfc\xb59\xf3\xbe\x80\x19\x00(V\x10\x00\x00H\x0b\x8b\xb1Mo\xee\xd7\xb6\xf6\xcd\xcb\xe7\xe2\x13\xae\xc3\xe9@\xa0\xf8@\x00\x00 -\x0c\x83\xac6\xbe\\\xb0\xdf\xdb\r\x02\'N\x99\t\x97\x04\x80\xe2\x03\x01\x00\x80\xe4\xb0\x18\xdb\xf4\xa6\xc9\xfd\x9b\xfd~p\'L\x02@\xf1\x81\x00\x00@r\xc4I@\xd9 \xbf&gt;\x8d\xca\xc1$\x00\x14\x1f\x08\x00\x00\xa4H\x9c\x04L\xea\xdf\x14&amp;\x01\xa0\xf8@\x00\x00 E\x7fL\x02\x1a\x97\x9b8e\x06L\x02@q\x80\x00\x00@\xa2\x9eL\x02\xa2\x9a\x9e9\xbc\xfbj\\&lt;L\x02@\x91\x83\x00\x00@\xa2\x18\x06Y\xad|\xd9\xd7\xfc\xdb\xd5\xf4\xfb\xe6\xbbepQ\x0c(r\x10\x00\x00H\x17f\x19!\xdf2\xbaG\xc4\xaf\xdb\xb7fdf\xb2,\x0b\x85 P\x84 \x00\x00\x90.\xcc0f\x93\xb5^\xed\x8ao\x94c\xe6|\xbe\x00&amp;\x01\xa0hA\x00\x00 i\x0cf\x04\xb3u\xd6\xe0\xe6\xeb\xbe_\x9e\x91\x99\tW\xc6\x83"\x04\x01\x00\x80\xa4a\x861\x1b\xadujVhP\x9e\x83I\x00(Z\x10\x00\x00H\xdd\x93I\xc0 \x98\x04\x80"\x06\x01\x00\x80\xd4\x15L\x02"^\xe3f\xcf\xff\x1a&amp;\x01\xa0\xa8@\x00\x00\xe0\x04\x18\xcc\xf0&amp;\xeb\xbc\xa1-\xb7\xae[u\xffA\x12l\x07\x02E\x02\x02\x00\x00\'\xc0 \x86\xf0B\xa0\xaf\x86\xb7\x9ar\xf3\xf2\x10B\x10\x00\xe0\xbf\x83\x00\x00\xc0\t\x08\x84\xc8\xbd\xd43\x7f8\x16\xf9f\xe7\x9a\xe1a\x82 `\x0c_^\xf0_q\x8en\x00\x00\xe0_P\x8a\x14r\xeeQR\xe6\x8f\xa7\x1e\xfe~~7\xa5\x14n\n\x03E\x02\x06\x11\x00H\x9d@\x88\\\xab\x9e\xbb\xeeD\xe36]B\xabU%\x84\xc0\xf0\x1f\x14\t\x98\x01\x00 iO\x86\xff\xc9\x99\x9bO=&lt;\x05\xc3\x7fP\xa4`\x1c\x01\x80\xa4\x15\x1e\xfeW\x87\xe1?(R0\x03\x00@\xba`\xf8\x0f\x8a\x15\x0c%\x00\x90.q\xf8?g\xddq\x18\xfe\x83\xe2\x003\x00\x00$J\x1c\xfe?L\xca\xfc\xe9l\xea\x89\xb3Sa\xf8\x0f\x8a\x1c\x8c&amp;\x00\x90(\x81\x10\xb9V\xb5\xe1@l\xe5\x9a\x110\xfc\x07\xc5\x01f\x00\x00H\x94\x8c\xc5\xa6&lt;\xf3\x92=\t+6\xef\x86\xf7~Aq\x80\x01\x05\x00R\xc4\x0bD\xa9\xf3X\xbe\xe3\x9c\xff\xebu:\xb4mM)eY\xd6\xd1\x8d\x02\xae\x06f\x00\x00H\x91\x8c\xc5&amp;\xbd\xf9\xeb\x1dW\xbe\xdf\xb2\x17\xc1\xc9?\xa0x\xc0\x0c\x00\x00\xc9y2\xfc\xdf~.\xa0R\xddvmZ\x11B`\xf8\x0f\x8a\x03\xcc\x00\x00\x90\x9c\'\xc3\xff_`\xf8\x0f\x8a\x17\xcc\x00\x00\x90\x16\x18\xfe\x83\x12\x033\x00\x00$\x84&gt;\x1d\xfe\x7f\xb5\xe3\xca\xea\xad0\xfc\x07\xc5\x0bf\x00\x00H\x88 P\xa5V\xbdl\xfb\xb92!o\xc0\xf0\x1f\x147\x98\x01\x00 !,\x83(/,\xdf{m\xce\xb2-\x08\x86\xff\xa0\x98\xc1\x0c\x00\x00\xa9\x10\x08UiU\xbb\x8e\xc5\xd9\xd4e\xdfj\xd7\x9aR\n\xaf\xfe\x82b\x05\x8f\x17\x00R\xc1 \x84\x103m\xdd\xe9O\xc6OP\xa9T\x84\x108\xfc\x07\x14+\x08\x00\x00$A T\xadU\xed:z5\x0b\x97\x1a:0\nN\xfe\x01%\x00\x9e0\x00$\xa1`\xf8?a\xe2D\xb9\\\x0eg\x7f\x82\x12\x00\x01\x00\x80\xe3\xc1\xf0\x1f8\x04&lt;d\xa0\xd80\x0c\xc7\xb1\x94R\xd8\xca\xf2\xaf`\xf8\x0f\x1c\x02\x02\x00\x14\x17\xc2\xf3\x19\x999\x8cJ\xc1q,!\x90\x01\x7f\x0b\x86\xff\xc0Q\xe09\x03E\x0fcL\x08i\x1c\xf9F\x8d\xe6\xdd:\x8d^\xc3\xca9\x95R\xce\x0b\xc4\xd1\xed\x92(\xf1K8u\xdd)\x18\xfe\x83\x12\x06\x01\x00\x8a\x1e\xc30\x0c\xc3\xf8\xf9\xf9m\xdf\xf6s\xf9\xa6\x03j\x0c\\}?=G\xa3\xf3\xe0y\xc8\x80g\t\x84*5\xaa]\xbf\xc5\xe5\xc9\xca\xc2\xf0\x1f\x940x\xd4@\xb1`\x18\x86RJ\x88\xf0\xed\x82\xf9cg/k\xf2\xc9\xde\xbd\'\xe25\x01^\x02\x81%\x81?\xa3\x14\xcb\xb9\xc5\xbf\\\x88z\xef=\xb9\\\x0e{\xffAIb\xe0\xdb\x08\x8a\x95\xddn\x97\xc9d\xe7\xce_\x1c8\xe0\xbdwj\xe0\xa9#\xdbY\xf3Lv;\xcf\xb20\xf8@\x84R\xa5J~\xe5F\xca\x9b\xd3\x8e$\\\xbf\x1e\x10\xe0\x8f\x10\x82\x00\x00%\x06\xbe\x84\xa0x\xc9d2;\xcfG\xbcQ\xe7\xd4\xa9\x93g\xf2\xcaw\xfex\xbd\x85\x10OO\xa5\x1d\xcaA\x08QBY\x95\xe2\xb35\xc7\xfa\r\x1aV\xaaT\x00\x0c\xffA\t\x83\x00\x00\xc5N\xc6q\x82 \xf8x{\x1f\xd8\xbb+\xbc\xe3\x07u\x87\xfcp\xed^\xba\xd6\xd7\xd3\xcd\x97\x04\x08\xa5*\x0f\xc5\xc5\xcb\xf7\xce\xde\xe7\'\x8f\xff\x18N\xfe\x01%\x0f\x1e8P\x12X\x96\xa5\x94\x12BfM\x9d8\x7f\xf9\xd6\xd6\x93\x0el\xdd\x7fI\xe3\xaf%\x94\x12w-B\x8a\xc3\xff)\xab\x8f\xf5\x1f&lt;\xdc\xdf\xcf\x0f\x86\xff\xa0\xe4\xc1\x1a\x00(Q&lt;\xcfs\x1c\x97p\xe3f\xd7n=\xbbU#\xf3&gt;hg3Zl6\xb7[\x12\x10\xab\xff\x97\x13SZM9|\xf3\xd6M?__\x04\xd5\x7fP\xe2\xdc\xeb[\x07\x1c\x8e\xe38\x9e\xe7\xab\x85T\xbex\xfeT\x02\nk\xff\xe1Z\x13/xjTv^pt\xd3J\x14\x0c\xff\x81\x14@\x00\x80\x92\xc6q\x9c \x08\x9e\x9e\x9a]\xdb6\xd7\xeb\xf6q\xc3Q?\x9e\xb9\x96\xa4\r\xf0r\x9feaB\xa8\xcaCq\xf1\x12T\xff\x81\x83\xc1c\x07\x1c@\\\x12\x10\x04a\xc6\x94\t\x0b~\xd8\xf1\xf6\xe7\xbf\xaf\xd8zZ[JK(r\x87%\x01J)\xab\x90M\xfd\xe1\xc4{C`\xf8\x0f\x1c\t\xd6\x00\x80#\x89K\x02\xc9\x0fS\xdau\xe8\xd4\xa4\xaca\xe9\xb8\x8e\xbc\x957[\xed\x9c\xeb.\tP\x8a\xe4r69-\xaf\xd6\x07\xdb\xaf\xdf\xbc\x1dX*\x00A\xf5\x1f8\x88\xcb~\xcd\x80S\x10\xcbAA\xe5\xca\\\x89\x8d~\xac\xa9\xdf\xea\xa3M\xd9&amp;\xab\xc6\xcb\xc3\x85\xcbA\x02!\x9c\xa7\xea\xeb-g\x9a\xb6\xeeP:\xb0\x14\x0c\xff\x81\x03A\x00\x00\x07cYV&lt;\x00\xe7\x97\xad\xeb[\xf6\x9b\xd4d\xcc\x96\xdf/\xdf\xd5\xfak\xed\xbc\x0b\x9e J)R\xc8\xb9G\xc9\x99\x9b~O\x9e3s:\x82\xb1?p((\x01\x01I\x10\xdf\x12`Y\xf6\xf0o\'F\r\x1b4\xa8\xb1\xf7\xa7\x83[\x193\r\x88R\x8c]\xa7\x8b\xe4\x05\xa2\xf1\xd3\xbe?{{\xb2G\xdd\xdd\xdb\x7f\x14\x04\x81eYG7\n\xb8/\x08\x00 !\xe2\x92@zF\xe6[\x9d\xbb\xbf\xce\xdd\xdf4\xad;o\'f\x8b\xcd5\x96\x04(E\x1c\x873\xf2L\xa1C6\x9d:\x1f[\xadj\x08\xec\xff\x01\x8e\x05\x0f\x1f\x90\x10qI \xc0\xdf/\xfa\xcc\t\xb6R\xfb7\x86\xafO\xcf\xc9w\x99s\xa4\x05B\xe4Z\xf5\xdcu\'\x1a\xb7\xe9R\xbdZU8\xf9\x198\x1c\xcc\x00\x80\xe4PJ)%\x18\xb3_\x7f\xbbl\xe5\xd7\xd3\xbf\x19R\xaf}\xb3\xd0\xfc,\x03f\x9c\xb8`\x0e\xc3\x7f A\x10\x00@\xa2\xc4r\xd0\x99s\x17\x06\x0f\x1a\xf4N\rf\xea\xfb\xed\xcd9\xf9D \xce\xb5$@\x11B\x94\x12\x8a\xec\xbc\xe0\x1d\xe8\xfd\xfe\xecm\xc9j\xa8\xfe\x03\xa9\x80\x00\x00\xd2%f@vNN\xef\xbe\xfd\x15\xe9\xe7\xb7\xcf\xed\xcdRd4[%\xbe$@)\xa2\x94\x12J\x19\x86\x91qX!\x93!9\x87\x94\\\xca\xdd\xb4\x90\xc1\x1b\xcf\xc6\\\xa9V\xb5\n\x0c\xff\x81\x14@\x00\x00I+\x18)\x8f\xfex\xc2\x91\x9f\x96\xee\x99\xd7\xadb\x90\xbf!\xc7\xc8q\xd2\xea=\xc5\x8b\xce(\xa5\x183r\x8e\x93)eH\xc6"B\xf2\xb2\xf4\xf7R\xb2\xce\xc5?\xba\xf1\xd8p\xe4\xf2\xe3\xfa\xad\xba\xaf\xfe~%\x0c\xff\x81D@\x00\x00\xa9+X\x12X\xbdv\xd3\xb4\t\x1f.\x1fQ\xafc\xab\x1a\xc6L=b\x10v\xdc\x9a\x00\xa5\x88"J\x08E\x08q,V)dH!C\x98A\x16kj\xa6&gt;\xf6V\xca\xb5\xbb\x191w\xb2S\x8d2\x8d\x7fp\xd9\x8a!\x11\x11\rk\xd5\x0c\xad\x19Z\r1\x0c\x8c\xfd\x81D@\x00\x00\xe7Pp\xb5\xe4\xe0A\x03;WCsF\xb4\xb1\x99J\xfa\x1ciJ\xc5\x91&gt;e\x18F!cer\x19Rp\x88R\x9b\xc1t\xfd^\xda\xb5\xbbi\xd1\x89\xe9\xb72l\x06A\xe9[\xaer\x95j\xe1\x11\x11\x11\x11\xf5\xeb\x96\r\x0c(\xb1\x16\x02\xf0R \x00\x80\xd3\x10\x97\x04\xf4\x06\xc3\xbb\x03\x86\tw\x8e\xfe8\xebm\xadR\xa67Xd\xc5V\x0e*X\xc2\xa5\x94\xb2\x18+\xe4\x1c\xab\x94!\x16#\x9b=5#\xf7Vr\xd6\xd9\xf8\x87\x89\x8f\x0cw2yFS\xbaR\xf5Z!\xd5B\x1b6\x88\xa8\\\xe9\x7f\xde^\x9a?~\x08%\x82@\x98B\x8a\xa9\xb5\x00\xbc,\x08\x00\xe0L\n\xaa\xe7Sf\xce\xdb\xb2d\xf6\x8e\xd9]\xc3\xaa\x941d\xe5\x17\xe1\x92\xc0s\x96p\x952\x84(1Y\xee&gt;\xca\xba|;\xf5\xf2\x9d\xf4\xcb\x0f\xf49\x82\xa7\xd6/\xa8jx\xed\x88\x88\x06\xe1a\xd5C*U,\xfcC\x08\x11\x08\xa1\x0c\xc3`\x8c\xa1\xc7\x07\x92\x05\x01\x00\x9c\x0c\xa5T\xdcB\xb3}\xe7\x9eQC\xde[8\xb8V\xaf\x0eu\x8c\xd9\x06\x84^}I\xa0`\t\xf7\xc90_\xce\x15,\xe1\xde}\x94u\xfe\xfa\xa3s\x89\x19\xa9Fl@\x9e\xe5\xfe\x17Z%\xa4Z\xa3F\x8d\xea\xd6\xaeQx\x98\x8f\x10\xe2y\x1e!$\xf6\xf8\xd0\xe9\x03\xa7\x00\x01\x00\x9c\xd2\xb3WK\x8ejk7\xdb,/|\x8et\xc1\x12.\xc30,\xc6*\x05\'.\xe1R\x93%)5\'\xfe^\xda\x99\xeb\x8fo\xa6\x18\x1e\x198\xdf\xb2\xff\xabX\xb5Fx\x8dZ\x11\xf5\xebU,\x1f\xac\x94\xcb\n~\x08!D&lt;\xcb\x93\x81u]\xe0\x9c \x00\x80\xb3\x123 \xdf`\x88\x1a&lt;\xc2\x90\xf8\xdb\xa6\xcf:\x05\xf8z\xeas\x8d2\xee\xf9;,\xe9\xd3j\xfe\x9f\x96p\x05b\xcd7\xdd\xb8\x9f~\xedn\xda\x85[\x19q\x8f\xccv\x85\xaf. \xa8V\xdd\x88\xda\xb5k\xd7\xad]\xb3l\xe9?-\xe1\n\x82 \xfe\x04\xa8\xed\x00\x17\x00\x01\x00\x9cX\xc1q:\xf3\xbeZ\xb4n\xe1\xb45\x9f\xbc\x19Y\xf7\x7f\xfat\xbd\xb8,L\x9f\xd4\x8b\x10\xa5\x94cY\x85\x9c\xc3\n\x0eq\x18Y\xc5%\xdc\xcc3\xf1\x8fb\xefdg\xdb\x14\xbc\xc2\xf7\xc9\x12nd\x83\x1a\xa1U\x95\ny\xc1\xbf\x02\x96p\x81\x0b\x83\x00\x00\xce\xad\xe0\x1c\xe9\x83G\x8f\x0fz\xf7\x9d)=+\r{\xa7\xa113\x9f\x12*\x93a\x85B\x8e\xe4\x1cb\x905\xcf\xf8\xe0q\xd6\xc5\xc4\xc71\xb7\xd2\x13S\x8d9\x82\xa7\xd6?($\xb4v\xe3\xc6\x8d\xeb\xd4\xae\xf9Z\xb9\xd2\x85\x7f&amp;,\xe1\x027\x01\x01\x00\\\x01\xcf\x0b\x1c\xc7\x16\xbeZ\x121Ln\x8e!\xeeNj\xdc\xbd\xf4\xf373\xeef\x11\xb9wY\x9f\xd2\x15\xea\xd5o\x10\x1e\x16\x06K\xb8\x00 \x08\x00\xe02\xc4\x1d\xa2\x82 \xf4\xec3\xc0\x98x\xd8C\xeb\x91\x91\xcf\xaa\xfd\x82\xab\x85\xd7\x0e\x0b\xaf\x19\xd9\xa0\xfe_vj&gt;Y\xc2\x85a&gt;p[\x10\x00\xc0u\x14,\tl\xdf\xb9G\xed\xe1Y\xbbfX)\x7f\xdf\xc2\x7f\x00\x96p\x01(\x0c\x02\x00\xb8\x14\xf1y.\xe8\xdc)!\x02\xec\xd4\x04\xe0o@\x00\x00\x17$\x08\x02zZ\xd0wt[\x00\x90.\x08\x00\x00\x00pS0)\x06\x00\x007\x05\x01\x00\x00\x00n\n\x02\x00\x00\x00\xdc\x14\x04\x00\x00\x00\xb8)\x08\x00\x00\x00pS\x10\x00\x00\x00\xe0\xa6 \x00\x00\x00\xc0MA\x00\x00\x00\x80\x9b\xe2\x1c\xdd\x00\xe04\xc4\x83\x97\xc5\xff\x821\xc6\x18\x0b\x82\x00o\xdb\x02\xe0\xbc\xe0M`\xf0|\xb4\x90\x7f&gt;=\xad\xe0\xa2v\x00\x80s\x81\x00\x00O\x88\x03|\xf1y\x10\x07\xf8\xcf\xfc\x81\xac\x8c\xb4\xeb\xf1q\xc9\xc9I\x97\xaf\\\x8dK\xbc\x93\x95\x91\xd1\xa3\xeb[\x1f\x8e\x1d\xcfq\xac83\x80\xd3\xd6\x00p.\x10\x00n\xea\x99\x01\xfe_\x87\xf0\x06}nz\xea\xe3\xf8\xb8\xb8\x98\x8b1\xf7\x1f&lt;L\xcd\xcaKJ\xcd\xb2q\x1a\xb5\x7f\xb06\xe0\xb52\x95k\xf1\x16\xe3\xe9\x1f\xbf\xf4c\xf5_~\xf1E\xc7N]\x10BP\x11\x02\xc0\xb9@\x00\xb8\x05\xf1\xb7\\h\x80\xcfb\xfcl7\x9d\xfe\xf8\xd1\xcd\x9b\x89q\xd7\xae\xde\x7f\x90|9.\xe1az./\xf3$\no\xaf2\xaf{\x97\xa9\xe0W\xf6\x7f:\xff\xd2\x1ao?\x8e\x93!J\xec6\x0b\xc3`\xccr\x17\xf6\xae;\xbfcq\xbd\x90r\x0b\xbf]\x1c\x16^\x03!\xc4\xf3&lt;\xcb\xb2\x10\x03\x00H\x1f\x04\x80kz\x91\x01\xfe\xdd\xdb\xb7\x1e\xdc\xbf\x17s1\xf6Z\xfc\xf5,\xbd9\xc3`\xb3P\x99G\xa9\n\xbe\xc1U}\x02\x83\x03\x82^\xf7\xd0\xf9)\x95*\x8c\xb1 \xd8y\x9bU\xe0\xed\x02o\x17\x7f b0\xa2\x14!\xa4\xd6z[M\x86\xdf6|y\xff\xec/\xefti7k\xee\xe7\xfe\xfe\xfe\x08\x16\x06\x00p\x06\x10\x00\xae\xe0_\x17l\xed6kFZj\\\xdc\xd5K\xb1\xb1\xc9\x8f\x1e\xdf\xba\x97\xfc(=\xdb\x8cTJ\xbf`\xb5w\xe9R\x15\xab\xfb\x94\xa9\xe0\xe5[J\xed\xe9%\x93\xcb\x88 \x08\xbc\xddn\xb3\x10\x9e\'\x94 \x84\x18\xc4\xa0\'\x17\xe5&gt;;\xae\'D`1\xa7\xf6\xf2\xc9L\xbe\xb5\x7f\xe5T{r\xec\xf4iS\x06\x0f{\x9f\xc5\x0c,\x0c\x00 q\x10\x00\xce\xed\xef:\xd9\xac\x8c\xb4\x87I\x0f\xe2\xe3\xe3\xe3\x13\x12\x12n\xdcLN\xcb\xb60j3\x91i\xca\xbc\xee[\xae\x92o\x99\n\xba\x802^&gt;\xa5d\n%\xc3 \xc1n\xe7\xedV\x81\xb7\x13A\xa0\x940\x8c\xd8\xdd3\x7f\xed\xee\xff\xb6\x19\x02/S\xa8\x94\x1e\x9a\x84S{Ol\xfa\xb2\x82\x17\x993o~\xdbv\x1d\x10T\x84^\x8c\xb8\x02\x0fs&amp;P\xc2 \x00\x9c\xd8\x93j\x0cBv\x9b%\xe9\xfe\xbd\xc4\x1b7\xae]\xbb\x1a\x7f=15K\x9f\x94\x9a\xc5\xb3j\x99wY\x9f\xa0*\xbaR\xc1\x01\xc1\x95\xbd\xfc\x02Uj\x0f\x96\x93\x11\xc1\xce\xdbl\x02o\xe3y;%\xf4\x8f\xe1\xfd\x7f\xeb\xa3)\xa5\x94\x08*\x8d7"B\xf4\xafkbv.k\xdd\xb0\xe6\xfc/\x17T\xae\\\x19AE\xe8\xc5\x88s8\x983\x81\x12\x03\x01\xe0\xac\xc4.\xf5\xc2\x85\xf3\x93&amp;M\xce3\xd9r\xad\x18kJ)u\x01\x01\xe5\xab\xfb\x05W\xd6\xf9\x05zh\xbd\xe5\n\x05\xa2T\x10x\xdej\xe1y\x1b%\xa4\xa0\x82\xff\xdcz\xce\x7fG\x89\x80\x18\xc6\xc3\xcb\xcf\x98\x93vt\xfd\x17\x8fc~\x1d&gt;\xf8\xbdO\'M\xf1\xd2j\xc5%h\x88\x81g\x88\x17\xd9\xc7\xc4\xc4\xc4\xc5\xc5\xbd\xf7\xde{\x086S\x81\x12\x04\x01\xe0\x94\x08!\x0c\xc3dge\xd6\x08\x0f\xaf\xd4mR\xa5\xdaM&lt;4:\x95\xa7\x06c,\xf0&lt;o\xb3\x08\xbc]\x10xJ\xa8\xd8\xd1\xff\xf7\x01\xfe\xcb5O\xe0Y\x99B\xed\xe9\x95|\xe3\xe2\xe15\xb3&lt;\x8cI\xe3\xc7\x7f:d\xd8\x08\x04\xbd\xdb_\x88A~\xe8\xd0\xa16m\xda4m\xd4l\xce\xbc9\r\x1bE"\xf8\xa0@\x89\x80\xc9\xa6\xf3\x113\x9ba\x98\xd6\xadZ\x96m\xf6^\xe3.\x03&lt;5^\x94\xd8\xf3s3\xf5Yi&amp;}\x8e\xcdj!D`\x18\x8cY\x96\xc1,\x83qI\xf6\xfe\x08!\xccrT\xe0\r9\xe9\xa5*T{o\xfe\xb6\xea\xefL\x1f;\xe3\x9b&amp;\x8d\x1a\x1c&gt;tP\\\x0f\xe0y\x1eF\x1e\x85\x11;\r\xaaZ\xca\xb7\x9e\xacc\xd7v}{\xbf\xfb\xe8Q\x8a\xf8A\x89\xb7\xdb\x03PL \x00\x9c\x8f86\x8c\xea\xdd3K]\xb1\xcd\xc0\xcfr\xd3\x1f\x11\x81G\x88\xc1\x98\xc5,\xc7&lt;\x196:z\xe4\xc80\x98\xe5lf\xa3I\x9fS5\xb2\xfd\xd0\xef\x8e\x08\xffk\xd3\xa9g\xdfw{\xbf\x9d\x92\xf2\x88\xe38\xe8\xdd\n\xa3\x94\x12Jz\x8d\xee0q\xc3\xb0\xc4\xdc\xd8\xba\xf5\xea|\xf5\xc5\xd7v\xde\xce\xb2,!D\\\xea\x07\xa0\xc8A\x008\x19\xbb\xdd\xceq\xdc\xfcY\xd3v\x9e\xbd\xd5g\xca\xea\xbc\x8cG\x98eKx\x80\xff\xe2\x18\x8c\x19\xcc\x9a\x0c9&lt;oo\xf6\xce\x98\x81\xdf\x1d;\x97,\xd4\xae\xfb\xc6\xd4\xcf&amp;\xda\xed\xd0\xbb\xfd\t\xa5(/\xcb\xe0\xe9\xa5\xfe\xe0\xab\xfe\x03&gt;\xef\xb4x\xe3Wa\xd5\xc2~\xdd\xf5k\xc1\xb9{0g\x02E\x0e\x02\xc0\x99\xf0&lt;/\x93\xc9\xb6n\xde0\xfd\x9b\xef\x07\xcc\xddb1\xe6#)\x0c\xf6\xff\r\xc6,B\xc8\x90\x93\xaePk{M^\xd5\xf2\xe3\xd5K\xb7\x1e\xae\x11\x16\xbaq\xc3:\xe8\xdd\n\xc3,\xe6\xed|^\x96\xa1|\xb5\xa0i\x1bG\xd7\xedUi\xc0\xfbQ\xcd\x9b\xb6\xbcz\xe5*\x94\xce@q\x80\x00p\x1a\x82 p\x1c\x17}\xf6\xcc\xd0\x91cz\xcd\xd8\xac\xd4x\xf36\x0b\xc38\xcdo\x10\xb3\x9c\xc0\xdb\r9\x99e_\x0f\x1f\xf2\xcd\xfe\xf2\x1d\xc7\x8e\xfcdz\xb3&amp;\r\xcf\x9e9]P\xef\x86\xde\x8da\x18\xccb\xab\xc9j\xc83\xb5|\xbb\xe1\xcc\x9f\xc7\xe0`c\xf3\xd6M\x87\x0e\x1a\x96\x91\x91\x01\xa53P\xb4\x9c\xa6\xfbps\xe2[Bi\xa9\x8f\xdbw\xec\xd4\xe2\xc3\xe5e*V3\x1br1\xebd\xd790\x0c\x83Y\xd6j6\x9a\x0c\xb9\xe1\xcd\xba\x0cY|\xdcT\xa6a\xdb\xb7\xba\r\x1f20==\r\x96=\x0b0\x98\xc1\x981\xe4\xe4\x13J\xfaO\xea\xf6\xc9\x9a\x81go\x1f\r\x0b\r_\xbed\x05!\x02\x94\xce@Q\x81\x00p\x02\x94R\x86A&amp;\x93\xb9u\xab\x96U\xdf\xfa \xb4a\xbb\xfc\xdc,\xa7\xeb\xfd\x0b0\x183\x18\x9b\r\xb9\x82\xc0\xbf\xf9\xde\xc4w\xe6\xef9x5-\xbcF\xad\xaf\xbf\x98o\xe7y\xe8\xdd\n`\x16#\x8ar\xd2\xf5:\x7f\xed\'\xcb\x86\xf6\x98\xdcr\xf6\xe2)uj\xd5\xdb\xbf\xef\x80X:\x83\x8a\x10\xf8\x8f \x00\x9c\x00\xcf\xf3\x0c\x83\xdf\xeb\xdb\xd3\xe4_\xabe\xbfOr\xd3\x1f\xb1\x9c\xcc\xd1\x8d\xfa\xaf\x18qa ;\xdd\xd3\xa7T\xdf\x99\x9b\x9b\xbc\xff\xdd\xfc\x95?\xd7\x08\xad\xb6\xe7\xd7]\xd0\xbb\x15\xc6r\xd8n\xe3s2\xf5\xb5\x9aV\x9b\xbeiL\xe56\x01}\x06\xbe\xdd\xa5c\xd7\xc4\x1b\x89P\x11\x02\xff\x11\x04\x80\xd4\xd9\xedv\x99L6q\xdc\x87G\x13\xb2{~\xb2(7\xfd\xa1\x0b\xf4\xfe\x050\xcb\xf1v\x9b&gt;+\xb5|X\xe4\xe0E\x07\xca\xb6\x1c\xfe\xce\x80\xf7\xbbu\xea\x10w\xed\x9a\xd8\xbbA\x0c \x84\x18\x86aYl\xcc3\x99M\x96\xf6\xef\xb5\x98\xbeet\x9e\xf6a\xb3VM\'\x8e\x9f\xa4\xd7\xeb\xc59\x13\xc4\x00x\x05\x10\x00\x92&amp;n\xfbY\xbdr\xf9w\xebwF\xcd\xdah1\x19%\xbb\xe3\xf3\x951\x0c\x83Y\xcej\xca7\xe9s\xeavxo\xe0\xc2\xc3\xb7I\xb9\xc8&amp;\xcd\xc7\x8f\xfb(##S\x8c\x01\xc8\x00\x84\x10f1\xc30\xb9\x99zN\xc1\x0e\x9c\xfa\xf6\xb0ozn;\xb6\xb1V\xcd\xda+\x97\xaf\xc2\x18\xb3,\x0b\xab\xe8\xe0eA\x00H\x97\xb8\xed\xe7\xdc\xe9\xdfG\x8f\x9d\xd8{\xce\xcf\x9c\\)\xd8\xadN\xb4\xed\xe7\xa5\x88o\x0c\x18s3X\xb9\xb2\xd3\xe8/\xbb\xcf\xdc\xbe\xf9XBxX\xf5\x15\xcb\x16\xf3\x82\x00\x19P\x80e1\x15hvZ^\x99\x8a\x01\x93\xbe\x1f\xd9\xe6\x83z\x9f\xcd\xff\xb4Qd\x93C\x87\x0e\xc3VQ\xf0\xb2\\\xb37q\x01\xe2\xb6\x9f;\xb7o\xb5\xed\xd8\xa5\xfd\xa7\xdf\xfb\x06\xbef5\x19\xc4\xba\xb9\x0b\xc3,G\x89\xa0\xcf|\xec[\xf6\x7fQs\xb6F\x0c\xf9z\xe2\xe7+\x1b6\x88\xb8w\xef\xbex`\xb2\xa3\x1b(\r\x0cb9l5\xd9\x0cy\xf9u[\x86\xcf\xdc\xfaQ@}y\xb7^\x9d\xfb\xf4\xea\x9b\x92\x92\x02\x0b\x03\xe0\xc5A\x00H\x918\x82\xcb\xcd\xcd\xed\xdc\xb1}\xad^\x13\xaa6hc\xd4g;\xef\xb6\x9f\x97\xc30\x98\xe5\xec6\xb3!;\xadR\xbdV\x1f|\x7f\xfa\xb6^\xf1\xd5\xe7s0\xc6\x10\x00\x851\x98\xc1\x18\xe7\xe7\x1ay\x9e\xef&lt;\xb8\xf5\x8c\x9f\xc7\xdc\xd4_\xaaS\xb7\xce\x94IS\xe1-k\xf0\x82 \x00$\x87R\xca\xf3&lt;\xc6\xb8O\xcf.\xa4b\x8b\xc6\xdd\x87\xe7\xa4\xb9\xd4\xc2\xef\x8b\x10/\x1c\xb6\x18r\xcdFc\x9b\x81\x93~\xd9\xb5\xc7`\xd0s\x1c\x07\xc5\x8dg`\x16#\x84r\xb3\xf4j\x8dB&lt;Cb\xdd\xaf+\xc3C\xc37\xae\xdf\x08oY\x83\x7f\x05\x01 9\x82 \xc8d\xb2\xf7\x87\r\xbe\x94\x86\xbb|07/3\xd5\xddz\xff\x02\x98\x93Y\xcd\x86r!\xb5\xf4T}\xe4\xe0\x01\xf4\xf4\x064\xf0\x0c\x96\xc5\xbc]\xc8\xcb2T\xa8\x1e4}\xd3\x98F\x03CGO|\xbfE\xb3?\xce\x90\x80\x18\x00\xcf\x05\x01 -&lt;\xcfs\x1c\xb7l\xf1\xa2\xf5\xbb\x8e\xbd;s\x83\xd9\xa0w\xf3\x13\xe1)!2\x99\xb2j\xd3\x1e\xcb\x96.A\x08\xb9\xf9\xa7\xf1\x0f\xc43$,Fk~\x9e\xa9A\xdb\xdasv|\xac\xae\xca7o\xddt\xe8\xa0\xe1\xe9\xe9\xe9\xf0\x965x.\x08\x00\t\x11\xb7\xfd\x9c:ql\xcc\x84\x19\xfd&gt;\xff\x85\x08\x02\x11x\xd7\xdb\xf7\xf9R0f-\xe6\xfc\xf0f\x9d/\\IHM}\x8c1\x86\x91\xec?\x10\xcf\x90\xc8\xcf3\n\x82\xd0\xf3\x83\x0e\xe3V\x0f\x8c\xbe\xf7[\x8d\x1a5\xbe\xfc\xfc+8\\\x1a\xfc\x15\x04\x80T\x887C]\xbdr\xb9c\x97\x1e\xdd&amp;\xad\xd1\xfa\x04\xda\xadf\x06\xae\x87e\x18\xdej\x0ex\xad2\xa3\x0b\xda\xbe\xf5G\x84\x10\x0cc\xff\x95x\x86Dn\xa6^\xe7\xaf\x1d\xbbdH\x9f\x19m\x17o\xf8*\xacz\xf8\xaf\xbb\xf7\xc0[\xd6\xa00\xb7\xef_\xa4A\xbc\xaa7++\xab{\x97No\xbc7\xbbR\xdd\x16&amp;\xf7\xd9\xf6\xf3B\x98\x9am\xfa\xad^\xb3\x06!\x04w\xa6\xbf \x96\xc5\xbc\x9d\xcf\xc9\xc8\x0b\xa9\xfb\xbf\xe9\x9b\xc7\xd4\xebU)jh\x9f.ou\xbdv-\xae\xe0-kG\xb7\x118\x18|\x97\x1c\x8fR*^\xf2\xd5\xa5c[\xcf\xda=\xdeh\xdb\'/#\x05\xbb\xeb\xc2\xef_1\x0c\xb6\x1a\rU#\xde\xbc\x95\x94~\xed\xcae\xd8\x0f\xfa\xe2\xc43$\xccF\xf1p\xe9\xc8i[&gt;\xc8\xd3&lt;l\xdc\xac\xe1\'\x1f\x7f\x9a\x91\x99!\xee\xaa\x82\x19\x95;\x83\x00p&lt;\xb1\xf4?0\xaa\xef\x03\xbb_\x87\xa1\xd3\x0c\xd9i\xd0\xfb\xff\t\xc3\xf0v\xabw`\xb0o\xd5F+\x96-A\xb0\x17\xe8%a\xcc`\xcc\xe8\xb3\xf3e\nn\xe0\xd4\xb7?Z\x1e\xb5/f\xbbx\xb84\xc30\xe2\x19\x12\xf0\x91\xba\'\x08\x00\x07\xe3\xedv\x8e\xe3\xbe[\xf0\xe5OG/\xf6\x99\xb1&gt;?\'\xc3U\x0f{\xf8/\x18\x86\xb1[-\xe1\xcd\xbb\x1e&lt;|D\\,qt\x8b\x9c\x0f~z\x86D`y\xff\xf1\xcb\x87\xf7\x98\xd8b\xf6\xe2)\x8d"\x9b\x1c:x\x98eYX\x18pO\xd0\xd78\x12\xcf\xf3\x9cL\xb6\x7f\xcf\xee\xb1\xd3\xbf\x1c\xf0\xf9\x0e\x9b\xd9D)u\xf3m?\xcf\xc5`\xd6j2\xbc^\xab\xd1c\xbdp\xf4\xf0A\xd8\xd1\xf8\x8a\x18\xc4r\xd8f\xb1\xe7d\xe6\xd5jV}\xfa\xe61\x01\xf5\xe5\xdd{w\xee\xfdv\xdf\x9b7o\xc2\x19\x12n\x08\x02\xc0a\xc4\xca\xcf\x85\xe8\xe8&gt;Q\x03zNY\xe7\xa1\xf3\xe7m\x16\xd8\xf6\xf3w\x88\xc0\xab\xb5\xbe\xe5\xdfh\xb7z\xd5\nG\xb7\xc5\xb91\xf8\xe9\xe1\xd2FK\xe7!\xad\xa7o\x1d\x9dL\x12"#\x1bL\xfct\x92^\x9f\x07[E\xdd\nt7\x8eA\x08\xc1\x18gefv\xed\xd2\xb9\xd1\xf0\x85\xe5C#LyY\x98\x85\xd2\xff\xdf\xc2\x18[M\xf9aM:\x9d&lt;\x1d\x9d\x9f\x9f\xcf\xb2,\xd4+\xfe\x8b\x82\xc3\xa5\xd5Z\xe5\x90\x99\xbdG|\xd7k\xdb\x89\x8d\xb5j\xd6\x813$\xdc\n\x04\x80\x03\x88\xdf+\x86aZ\xb7jQ\xae\xf9\xc0\x1aM\xdfz\xba\xf0\x0b\xdf\xb7\xbf\xc7`\x9b\xc5\x18\\\xad\x8eY\xee\xb7m\xebf\xd8\xbeR$\xc43$r3\xf5A\x95\xcbL^\xfd~\xcb\xe1\xb5?\x9c4\xaai\xa3fgN\x9f\x813$\xdc\x01\x04\x80\x03\x88\x9b&gt;\xa3z\xf7\xccRWl=p\xb2&gt;\x0b\xb6\xfd\xbc\x10J\x08\'SVi\xdce\xc3\x86\xf5\x0c\xc3\xc0\x0b\x01EB\xdc*j5Y\xf59\x86\xfamj\xce\xde\xfe\x91g(\xe9\xd8\xb5}\xdf\xde\xef&gt;z\x94\x02gH\xb86\xf8\n\x954\xf1\xb4\x9f\xf9\xb3\xa6\xed&lt;{\xab\xcf\x94\xd5y\x19\x8f0\xeciy1\x18\xb3fc^\x8d\xe6\x9d/\\M\xbc\x99x\x03^\x08(B\xe2\xe1\xd2\xc6&lt;\x13/\x90\x9e\xa3:L\xda8,17\xb6n\xbd:_}\xf15\x9c!\xe1\xc2 \x00J\x94\xb8\xf0\xbbe\xd3\xfa\x19\xdf\xac\x1e0w\x8b\xc5\x98\x8f\x18\x06!\xd8\xf6\xf3b\x18\x86\xb7Z\x02\x82+\xab\xcb\x85n\xfdq#\x82\x17\x02\x8a\x1af1\xa2T\x9fm\xf0\xf0R\x8b\x87K/\xde\xf8UX\xb5\xb0_w\xfd\n\x0b\x03.\t\x02\xa0\xe4\x88\x0b\xbf7\x13o\xbc\xff\xd1\xa7=\xa7mPj|x\x9b\x05v\xfd\xbf\x14\x86a\x04;_\xbdq\xa7\x9d\xbf\xec\xa4\x94B\x15\xa88`\x16\xf3v&gt;/\xcbP\xbeZ\xd0\xb4\x8d\xa3\xeb\xf6\xaa4\xe0\xfd\xa8\xe6M\xff8\\\x1a\xde\x18p\x19\xf0\xfd)9\xe2\x81?7o$\x08\xea\x80\xa0*5\xcc\x068\xed\xe7\xa51\x18[\x8cy\xa1\x8d;\xdeH\xce:{\xfa\x948&amp;ut\xa3\\\x90x\xb8\xb4\xd5$\x9e!\xd1p\xe6\xcfcp\xb0\xb1y\xeb\xa6C\x07\r\xcb\xc8\xc8\x807\x06\\\x06\x04@I\x93\xcb\xe5,Fv\x9b\xcd\xe5/\xf8-\x1e\x8c\xc0\xdb\xb5&gt;\xa5\x02\xaaFn\xde\xb8\x0e=\xddR\x05\x8a\x83x\xb8\xb4!\'\x9fP\xd2\x7fR\xb7O\xd6\x0c&lt;{\xfb\xa8x\x86\x04!\x02,\x0c\xb8\x00\x08\x80\x92F\xa9\xf8\xb6/\xd4\xfd_\x11\xc3`\xab\xd9\xf8F\x87\xa8\x1d\xbb\xf6\x1a\xf4pOd\xb1\x13\x0f\x97\xceI\xd7\xeb\xfc\xb5\x9f,\x1b\xdacr\xcb\xd9\x8b\xa7\xd4\xa9Uo\xff\xbe\x03p\xb8\xb4\xb3\x83\x00\x00N\x86\xc1\xd8j6\x96\x0f\xad\xafG\x1e\xbf\x1d9\x84`)\xb8D\xb0\x1c\xb6\xdb\xf8\x9cL}\xad\xa6\xd5\xa6o\x1aS\xb9M@\x9f\x81ow\xe9\xd85\xf1F"T\x84\x9c\x17\x04\x00p&gt;\x94\x082\x85\xaaB\x9dV\x1b\xd6\xafut[\xdc\x88\xf8\xc6\x801\xcfd6Y\xda\xbf\xd7b\xfa\x96\xd1y\xda\x87\xcdZ5\x9d8~\x92^\xaf\x17+B\x10\x03\xce\x05\x02\x008\x1f\x8cY\xb3Q_\xaf}\xbf#\'\xce\xa6\xa6&gt;\x86c!JR\xc1\x19\x12\x9c\x82\x1d8\xf5\xeda\xdf\xf4\xdcvlc\xad\x9a\xb5W._\x851\x16\x0f\x97\x86_\x87\xb3\x80\x00\x00N\x88ax\xab\xb9T\xf9*\xd8\xe75\xb8\'\xd2!\xd8\xa7\x87K\x97\xa9\x180\xe9\xfb\x91m&gt;\xa8\xf7\xd9\xfcO\x1bE69t\xe80l\x15u"\x10\x00\xc0y=\xb9\'\x92\xc0\x0b\x01\x0e\xc1 \x96\xc3V\x93\xcd\x90\x97_\xb7e\xf8\xcc\xad\x1f\x05\xd4\x97w\xeb\xd5\xb9O\xaf\xbe)))\xb00\xe0\x14\xe0k\x03\x9c\xd2\xd3{"[\xddJJ\xbb\r\xc7B8\x8ex\x86D~\xae\x91\xe7\xf9\xce\x83[\xcf\xf8y\xccM\xfd\xa5:u\xebL\x994\xd5n\x873$\xa4\x0e\x02\x008\'\x86\xe1\xed6]@9m\x85Z?\xac^\x85`/\x90Ca\x16#\x84r\xb3\xf4j\x8dB&lt;Cb\xdd\xaf+\xc3C\xc3\xe1pi\x89\x83\x00\x00\xce\x8aa\x10o\xb7\xd7m\x1f\xf5\xd3\xb6\x1d6\x9b\r\xee\x89t8\xf1p\xe9\xbc,C\x85\xeaA\xd37\x8di40t\xf4\xc4\xf7[4\xfb\xe3\x0c\t\x88\x01\xa9\x81\x00\x00\xce\x8a\xc1\xac\xd5\x9c_1&lt;25\xcfv\xf1|4T\x9c\xa5@&lt;C\xc2b\xb4\xe6\xe7\x99\x1a\xb4\xad=g\xc7\xc7\xea\xaa|\xf3\xd6M\x87\x0e\x1a\x9e\x9e\x9e\x0e\x87KK\r\x04\x00pb\x84\xb7{x\xf9\x94\xab\xddj\xd9\xd2\xc5\x8en\x0b\xf8\x83x\x86D~\x9eQ\x10\x84\x9e\x1ft\x18\xb7z`\xf4\xbd\xdfj\xd4\xa8\xf1\xe5\xe7_\xc1\xe1\xd2\x92\x02\x01\x00\x9c\x18\xc6\xd8j6\xd5i\xd3\xfb\xd0\xd1cpO\xa4\xd4\x88gH\xe4f\xeau\xfe\xda\xb1K\x86\xf4\x99\xd1v\xf1\x86\xaf\xc2\xaa\x87\xff\xba{\x0f\x9c!!\x11\x10\x00\xc0\x991\xd8f1\x06\x85\xd4\xb2(\x02\xb6m\xdd\x8c\xe0\x85\x00\xe9aY\xcc\xdb\xf9\x9c\x8c\xbc\x90\xba\xff\x9b\xbeyL\xbd^\x95\xa2\x86\xf6\xe9\xf2V\xd7k\xd7\xe2\xc4\xad\xa2&lt;\xcf;\xba\x8d\xee\x0b\x02\x0087\xf1\x9e\xc8\x90&amp;]7n\xd8\x80\x10\x82\x17\x02$H&lt;C\xc2l\x14\x0f\x97\x8e\x9c\xb6\xe5\x83&lt;\xcd\xc3\xc6\xcd\x1a~\xf2\xf1\xa7\x19\x99\x19\xe2q~\x90\xdc\x0e\x01\xdf\x16\xe0\xdc0f-&amp;C\xb5\xc8\xb6\x17\xaf^OIy\x841\x86\xaa\x824a\xcc`\xcc\xe8\xb3\xf3e\nn\xe0\xd4\xb7?Z\x1e\xb5/f\xbbx\xb84\xc30\xe2\x19\x12\xb00P\xc2 \x00\x80\x93c\x18\xbb\xd5\\\xbaBUy\xe9\xaa?|\xbf\x02A\x15H\xda\xf0\xd33$\x02\xcb\xfb\x8f_&gt;\xbc\xc7\xc4\x16\xb3\x17Oi\x14\xd9\xe4\xd0\xc1\xc3,\xcb\xc2\xc2@\t\x83\x00\x00N\x8fA\x88P\x1a\xda\xac\xfb\xb6m\xdb\x10T\x81\xa4\x8fA,\x87m\x16{Nf^\xadf\xd5\xa7o\x1e\x13P_\xde\xbdw\xe7&gt;\xbd\xfa\xde\xb8~C\\\x18pt\x13\xdd\x05|U\x80\xd3c0\xb6\xe4\xe7\x856n\x7f\xfb\xb1\xe1\xc4\xb1\xa3pO\xa4S`\xf0\xd3\xc3\xa5\x8d\x96\xceCZO\xdb\xf2\xc1}[\\\xeb\xf6\xadf\xcd\x9a\x95\x9c\x9cL\x08\x81y@\t\x80\x00\x00.\x80\x11x\xbb\xc6\xa7\x94\xc2\xb7\xdc\x99S\xbf#\xb8\'\xd2y\x88gHd\xa5\xe6\xe8\x02\xb4\xe3\x97\x8f\xa8\xde\xb2\xfc\xd4\xa9SW\xacX\x01/\n\x94\x0c\xb8\x94\x1c8?J9\x852\xfd\xc1M{\xc6\xddn=\xdeFP\x05r\x1e\x02Odr\xce\xbb\xac\xd7\x8d\xd8;_\x8f\xfc\xde\x07\x97\xf9\xed\xb7\xdf\x9a5k\x86\x10\\\x9bZ\x12 \x00\x80\xd3#D\xf0\xf0\xf0;\xbdce\xdd\xd0\xd7\xabT\xadF\x08\x81\x00\x90&gt;"\x10\x063\xde\x01^\x99)\xd9[\x16\xfe\xfa\xf0b\xf6\xd8\x0f&gt;\x19\xfa\xfeP\x19\x07\x9dR\xc9\x81\xcf\x1a8=\x06c\xdefI\xfc}\xd7\xc2i\xa3)\xa5\x10\x00\x12G)%\x84jt\x1e\xbc]\xd8\xb9\xe2\xe0\xb9]q}:\xf7\xfb\xf9\xd4\xb8R\x81\xa5\x10B\x82 \xc0\xb9~%\x06\x02\x0089J\xe4J\x8f\xe4\xc4KJkz\x8f^}\xc4\x1d\xe5\x8en\x13\xf8[\x02O\x14*\xb9\xdaSyf\xdf\xc5C\xebO\x87\x05\xd7\xdb\xb7\xe3`\xcdZ5\x10B&lt;\xcf\xb3,\x0b\xbf\xbe\x92\x04\x01\x00\x9c\x1b!D\xa1R_&lt;\xf8c\xeb\x96\xcd===a\xfc(YD ,\xc7\xfa\x04x=\xb8\xf9h\xcb\xd7{\x94F\xefog\xaf\xe8\xd8\xa9\x03z\xda\xf5sP\xfc)q\xf0\x89\x03\xe7\x869\x991/\xfba\xec\x91\xb5\xbb\xb7:\xba-\xe0\xf9\x08\xa1\x0cBZ\x1fM~\xaeq\xcd\xac\x9f\x92b2\x87\xf6\x1f1n\xc2X\xf1XP\x84\x10t\xfd\x8e\x02\x9f;pb\x94\x08JO\xdd\x8d\xe8C\x81^\xf2:o\xd4\xa7\x94\xc2\xf0_R\xc4r\xbf\x87F\xc5`\xe6\xc0\xa6\x13\xa7\x7f\xba\xd4\xb6\xe9[\x9b\x8f\xcf,]&amp;\x10A\xb9_\x02 \x00\x80\x13\xa3\x08q2\xd9\xc5}\x1b\xfa\xf5\xe8&amp;\x97\xcby\x9e\x87\xb1\xa4t&lt;)\xf7kT\x17\x8f]\xdd\xbb\xeaxy]\xc8\xee\x9f\xf7\xd7\xaa]\x13!$\x08\x02\xc6\x18z\x7f\x87\x83o\x0bpZ\x94r\x9c&lt;7#%\xfbv\xcc\x80\xcd\x0b\x11l\xff\x97\x8c?\xca\xfd\x89\x0f\x7fZ\xb8\x8fd*\xbe\x9a\xb1\xb8K\xf7\xce\x08\xba~\x89\x81\x00\x00\xce\x8a\x12\xa2\xf4\xd2F\xef]W\'\xf4\xf5\xd7\xab\x84\xc0\xeeO)\xa0\x84"\x844\xde\x9eF\xbd\xa9\xa0\xdc\xff\xd1\'\x1f\xca\xe5r\xb1\xdc\x0f]\xbf\xa4@\x00\x00gE\x19\xc4 \x14w|\xc7W\xe3\x87`\x86\xe1\x05\x01\x02\xc0\x81(\xa5\x94P\x95F\x851srW\xf4\xa15g\xdb7\xeb\xb4\xf9\xf8\x8c\xd2eJ#(\xf7K\x15\x04\x00pN\x94(T\x1e\xf7\x13.(\xcc\xa9\x9d\xbb\xf7\x84\xe5_\xc7\x12\x04\xa2P\xcaT\x1e\xaa\xf8\xf3\x89\xdb\xbf=\x14\xecUi\xcb\xdam\x8d\x9b4BP\xf3\x916\x08\x00\xe0\x94\x08!\n\x95\xe7\x95\xa3;Z6\x89\x0c\x08(\x05\x03LG\x11\xcb\xfd:_\xed\xe3\x07i\xab\xa6n\xb5&gt;\xc4S\xc7\xce\xe9? \nA\xd7\xef\x0c \x00\x80Sb0k\xb3\x18\xef]&lt;2{\xe9|8\xfb\xd3!\x9e\x94\xfbu\x9e&amp;\xa3y\xf3\x82]\xb7O\xa5\xbc\xd3\xb5\xef\xb4\xddS\xa1\xdc\xefD \x00\x80\xf3\xa1DPzz%F\x1f\tT\xf3m\xdawD\xb0\xff\xa7d\x89\xbb\xfb\xd5\x9e*\xcc2\'v\x9f;\xb26\xbaI\x9d\x16\xdf\x1f\xde\x12\x14\x1c\x84\xa0\xdc\xefT \x00\x80\xf3\xa1\x94\xca\x15\xaa\xcb\xbfm\x7f\xabmk\x95J\x05\xdb\xffK\x92\xc0\x13\xb9R\xe6\xa1U\xc7G\'n[t\xf05\xafJ?\xae\xfe\xb9q\xd3F\x08\x0e\xf3qB\xf0\xb5\x01\xce\x86RN\xa6\xc8N}\x90u\xfd\xd4\xd0e\x87\x10\x0c\xffK\n\x11\x08f\xb1w\x80\xd7\xe3\xfb\xe9\x1b\xbf\xf8%\xf3\x9ay\xea\x849\xfd\x07\xfeQ\xee\x87\x18v:\xf0\x0bs\x14([\xbf"J\x89\xc2Cs\xe5\xc4\xceJ\xc1\x01a5j\xc2\xf6\xff\x12@\t\xa5\x88j\xbc=-F\xeb\xb6%{/\xed\xbd\xd5\xa7{\xd4\xc4\xd5\xe3u:\x1d\x94\xfb\x9d\x1a\x04@I\xa3\x94\xb2,\x87\x10\x03\x19\xf0j(B\x0c\xc3\xc4\x9f\xf8\xe5\xb3\xc1\x03\x10B\x10\x00\xc5\xaa\xe00\x1f\x96e\xcf\xec\x8f9\xb0\xfaT\xc3\xf0\x16\x87\xf6-\xafZ5\x04A\xb9\xdf\xf9A\x00\x944\x99L\xae\xcfN\xc7\x0c\x03\x172\xbf\nJe\nU\xda\xfd\x1b\xd6G\xf1=zmA0\xf6,NO\xca\xfd\x1aUB\xcc\xed\x1dK\x0e\x96VTX\xb9`m\xbb\x0em\x11\x94\xfb]\x05\xf4A%\x87eYA\x10\x1a5m\xde\xa6A\xe8\xae\xa5S\xbc|K\t\xbc\xdd\xd1\x8dr2\x84\x08J\x95\xe7\xd5\xe3\xbb\xea\xd5\xac\x1e\x18X\x9a\x10\x027\xc7\x16\x07"\x10J\xa9\xb7\xbfV\x9f\x9d\xbf|\xca\xa6\x9dsO~\xd8o\xe2\x89\x93\xc7\xdbuh+\xf0\x02!\x84\xe38\xf8\xe4]\x00\x04@\x89\xc2\x18+\x14\x8au\x1b6\xe3\xbb\xbf\xfd\xbe}\xb9w\xa9r\x90\x01/\x85\xc1,o\xb7^?\xb1m\xc4\xc8\xf7\x11B\xf0\x06@\x91\xa3\x84\n\x02\xf1\xd4y(U\x8a\x1d\xcb\x0f,\x1e\xb9\xb9q\x85\xf6\xe7\xce\x9d\x1b9j8\xa5T\x10\x04\x96c\xa1\xe6\xe62\xa0\x04T\xa2\x18\x86!\x84x\xfb\xf8\xec\xda\xb3\xafN\xbd\x08\xbf\xb2\x15\xffW\xb3\xb1\xc9\x90\x83Y\xf8E\xfc;J\x88B\xedy?.Z\xcb\x98Z\xb5i\x87`\xffO\xd1\xa2H\x10\x88\xcaC\xa1T+\xce\xec\xbbxh\xc3\xe9\xb0ru\x0f\xed=Z\xb5Z\x08BH\</t>
        </is>
      </c>
    </row>
    <row r="394">
      <c r="A394" s="1" t="n">
        <v>392</v>
      </c>
      <c r="B394" t="inlineStr">
        <is>
          <t>size_grid</t>
        </is>
      </c>
      <c r="C394" t="inlineStr">
        <is>
          <t>What is the size of the missing part denoted with a question mark?</t>
        </is>
      </c>
      <c r="D394" t="inlineStr">
        <is>
          <t>['medium', 'small', 'large']</t>
        </is>
      </c>
      <c r="E394" t="inlineStr">
        <is>
          <t>medium</t>
        </is>
      </c>
      <c r="F394" t="inlineStr">
        <is>
          <t>There are circles arranged in a grid formation with varying sizes in the image. The sizes in the first row are ['small', 'medium', 'small'], the sizes in the second row are ['medium', 'large', '?'], and the sizes in the third row are ['small', 'medium', 'small'].</t>
        </is>
      </c>
      <c r="G394" t="inlineStr">
        <is>
          <t>We observe that the circles at the corners are small size, while the circles directly adjacent to the center are medium size. Only the center circle is large size. Hence, the pattern is that the circles alternate in size depending on if they are at the corner or adjacent to the center.</t>
        </is>
      </c>
      <c r="H394" t="inlineStr">
        <is>
          <t>Based on the pattern that the circles alternate in size depending on if they are at the corner or adjacent to the center, the size of the missing part that is adjacent to the center should be medium.</t>
        </is>
      </c>
      <c r="I394" t="inlineStr">
        <is>
          <t>b'\x89PNG\r\n\x1a\n\x00\x00\x00\rIHDR\x00\x00\x02\x00\x00\x00\x02\x00\x08\x02\x00\x00\x00{\x1aC\xad\x00\x00H\xccIDATx\x9c\xed\xddy|\x14E\xde?\xf0ou\xf7L2\xb9\'\t\x97\xb8\xc8\x99p\x05H$\x80\x82\xc8\x8d\x08\xa8\xbb"\xe8z \x08\xac?\x14\r\xca\xba\xe2\x1e\xea\xaa\xbb*(\xac+\x88DAE\x85G\x1f]\xe4X\x08\x87(\xa7\x10\rl\x12\x88\xc4\x00\x02!\x17\x98\x10B\xae\x99\xae\xaa\xdf\x1f%\xf3d\xf1\xe2\x98d\x8e\xfe\xbc_\xbe|\xe9d2\xe9t\xbe]\x9f\xea\xea\xeaj&amp;\xa5$\x00\x00\xb0\x1e\xcd\xd7\x1b\x00\x00\x00\xbe\x81\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19\xbe\xde\x00\xeb\x92Rz\xfe\x9b1\xe6\xc3-\xb1\x1a\xcf\x9e\x97R\xaa=\x8f\xfd\xdf\xf4P\xff\xfe\x805\xfc3@c\x13B\x08!\x18c\x8c1M\xfb\xbf\xd3/)\xa5\x10BJ\xa9iZ\xc3\xd7\xc1[\xa4\x94j\'3\xc6t]\xff\xe1W9\xe7\xea\x8f\x82\xc6\xa8\xf1\xa0\xfe\xfd\r\x02\xa0\x89p\xce\x89\xa8a\xd3SYY\xa9\x0e\x06"\x8a\x89\x89\xf1\xbc\xae\x0e\x86\x1f6RpiT\xe3n\x18\xffu\xb2[UUUSS\xe3r\xb9l6[xxxdd\xa4\xe7K\x9cs\xec|\xafC\xfd\xfb\'\x04@\xa3kX\xd0\x85\x85\x85\x9b6m\xda\xbe}\xdb\x91#\xdf\xe6\xe5\x1d0M\x93\x11\x93D\x1d;vh\xdd\xfa\xca\xfe\xfd\xfb\x8f\x1c9\xb2K\x97.t\xae\xc7\x8a\xde\xd0e\xf2\x0c\xf2\x10QVV\xd6\x96-[v\xed\xdaUPPPRRRSS\xc39\xd74-&lt;&lt;\xfcW\xbf\xfaUJJ\xca\xd8\xb1cG\x8d\x1a\xa5\xeb:2\xc0\x8bP\xff~MBc2MS\xfd\xc7\xa6M\x9b\xee\xb9\xe7\x1e\xa7\xd3\xf9\xf3\x7f\x8e\x90\x90\x90\x11#F\xbc\xfd\xf6\xdb\xe7};\\\x025\xaap\xe2\xc4\x89\xe7\x9f\x7f\xbeW\xaf^\x17r8\\}\xf5\xd5\x19\x19\x19\x12{\xdeKP\xff~\x0eg\x00\x8dHu$\x8b\x8a\x8a\xfe\xfc\xe7?/]\xba\xd4\xb3\xab\xafjsE\xa7NWu\xef\xdc\xce\x19\x1bC\x9c\xbb\xdd\xe6\x97\xd9\xf9\x85\x85%\xb9\xfb\x0b\x88\xbe\x7f\xcf\xb0a\xc3\x9e}\xf6\xd9\xbe}\xfbz\xc6L}\xf7{\x04$\xb5\xf3\xdf{\xef\xbd\x87\x1ez\xa8\xbc\xbc\\\xbdh\xb3\xd94M\x93\xe7\xb2AJ\xe9\x19\x8cV\xff\xabF*\xe6\xcd\x9b\x97\x96\x96\x86\xf3\x80\xcb\x84\xfa\x0f\x00\xbeH\x1dKp\xbb\xddR\xca\xf5\xeb\xd7\xb7n}\x85\xda\xd5\x8e\xd0\x90\xfb&amp;\xfez\xd3\xba\xf4\xca\xa2\xadR\xe6IyP\xca\x02)\xbf\x91\xf2\x1b)\xf2\xdc\x95\x99\xbbw\xbc\xff\xf4_\xa6\xb7j\xd9L\xbd\xdfn\xb7\xcf\x9b7OJ\xc99\xf74Xp\x81T\xe7\xf1\xb3\xcf&gt;S{\xd2f\xb3\xfd|k\xaeZ\x19]\xd7\xd5\xdb\xfe\xe7\x7f\xfeG\xa2\x07z\x19P\xff\x01\x01g\x00\x8dB\xf5}\xd2\xd3\xd3\xa7M\x9b\xa6^\x99|\xcf-\x8f&lt;|w\xb7\x94\xeeD\x82jj\x85\xcb\x14R\x12I"FD\x1ac\x9a\xaeQ\x98\x83t{\xe9\xf1\xc2E\xe9\x1f\xfe\xe3\x95e\x15\x95UD4u\xea\xd4\xc5\x8b\x17\xa3\x1ft\t\x84\x10\x9a\xa6\x8d\x1a5j\xfd\xfa\xf5\xea\x95\x16-Z\x0c\x1c8\xb0_\xbf~\t\t\t111\x86a\x9c={v\xff\xfe\xfd\xabV\xad\xfa\xf4\xd3O\xd5{\xd4)B|||^^^ll,a\x92\xe2\xc5C\xfd\x07\x0c_\'P\x10R\xdd\xc6\xc5\x8b\x17\xab=\x1c\xe7\x8c\xfe\x9fw\xe7HY ]9f\xc5n\xb3b\x8f\xa8\xcc\x94g\xbe&lt;\xef\x1fq\xe6K~z\x8f\xbb|\xb7\xac\xde+\xe5\xe1\xaf\xf6|\x98\xd2#Q}\xc2\xd4\xa9S%z\xa3\x17\xcf4M!DFF\x06\x11\r\x1d:t\xd9\xb2e\xa7N\x9d\xfa\xa97/_\xbe\xdc\xe1p\xa8i\xa0j\xca\xd0?\xfe\xf1\x0fy\xae\'\x0b\x17\x0e\xf5\x1f@p\x06\xe0e\xaa\xef\xb3i\xd3\xa6\xe1\xc3\x87\x13QlL\xe4\xfa\xd5\x8bR\x07\xf4s\x97\x9f\xd4\xf5\x0b\x9a\xe3,\xa54\xdd\xa6-6\xba\xe2d\xc5\xc8\x1b\xa6d\xee\xcd#\xa2\xa7\x9ez\xea\xc9\'\x9f4M\xf3\xbc\xe9\x8c\xf0\x8b\\.WnnnJJ\x8a\xfa_\xce\xb9l05\x88\xce\xdd\x91d\x18\xc6\x82\x05\x0b\x1e|\xf0A5\x04$\x84\x18&gt;|xFF\x86:\x8d\xf0\xc9\x96\x07"\xd4\x7f`A\x00x\x93\x10\x82\x88\xca\xca\xca\x92\x93{\x95\x94\x94\xc6:\xa3\xd6\xafz-u@o\xf7w\xe56\xbb\xed\xa2&gt;\x8a\x9b\xa6\x1e\x1eVq\xbaj\xc4\rS\xbe\xdc\x9b\xc7\x18\xdb\xb0a\xc3\xb0a\xc3pe\xf2\xd2H)US\xfe\xa3\xc3\x08j\x88\xb9\xbe\xbe\xbe}\xfb\xf6\xa5\xa5\xa5j&amp;h\xfb\xf6\xed\xf3\xf2\xf2\xecv\xfby\x81\x01?\x05\xf5\x1fp\xd0\xb5\xf1&amp;)\xa5\xa6i\xb3\x1f\x7f\xbc\xa4\xa4\xd40\xf4\xc5\xaf\xfc1u@\xbfK\xa8~"\xd2\r\x83W\xd7:\xe3c&gt;xwn|\\\x0c\x91|\xf0\xc1\x07].\x17c\xc8\xec\x8b\xe6\xb9\x01\xf8\xa7\xdaqu\x03jXXX\xc7\x8e\x1d\xe9\xdc\xa0\x7feeemmm\x93nh\x80C\xfd\x07\x1c\x04\x80\xd7\xa8\xbe\xc9\xd6\xad[\x97\xbd\xfb.\x11\xdd9~\xd4\xadw\x8ds\x97\x9f\xbc\x84\xeaWtCwWT\xb5\xeb\x9a8\xf7\xd9\x87\xa5\xa4\x83\x07\x0f\xce\x9d;W\xd34\xd5\xcf\x82\x0bw\x81#\x0f\xf4\xdf\xd7{\xb1,\xc4EA\xfd\x07"\x04\x80\x97-Z\xb4\x88s\x1e\x12b\x9f=k\x92pU\xeb\xfae\xeda\xc3n\xf0\xaa\xd3\xb7\xffvl\xe7\x84\xb6\x8c\xb1%K\x96\xd4\xd6\xd6\xaai*\xde\xda`\xa0s]W\xb7\xdb}\xe2\xc4\t\xcf\x8bN\xa73,,\xcc\x87[\x15\x88P\xff\x81\x05\x01\xe0\x1dRJ]\xd7\x8b\x8b\x8b\xff\xbdv-c\xec\xae\t\xa3\x12\x93\xbb\xcb\x9a\xda\xcb\xbc~\xc8\x88\xc8\xe4!Q\x91O&lt;:\x89\x88\x0e\x1d:\xf4\xe9\xa7\x9f2\xc6\xd0\t\xf2.\xb5?333\xbf\xfd\xf6[\xf5\'c\x8cu\xee\xdc\xd90\x0c\xb5H\x9c\xaf7\xd0\xdf\xa1\xfe\x03\x14\x02\xc0;\xd4\x1d\xa4\x1b7n\xac&lt;sFJy\xcf\x1d\xa3\xa5\x14\xaa\x80/\x93\xa6k\xb2\xb6\xe6\xe61\x83b\x9d\xd1\xc4\xd8\xc7\x1f\x7ft\xf9\x9f\t\ryZ\x93\xc7\x1f\x7f\\u-\xd5\x0c\xb9[o\xbd\x95\xfe{\xd5b\xf8)\xa8\xff\x00\x85\x00\xf0\x0e\xd5I\xfc\xf4\xd3\xcdD\xd4\xf6\xaa+z\xf4\xecL\xb5\xb5\x9a\xe6\x85\x03\x801&amp;]\xee\x88\xe6\xf1\x03\xfb\'\x93\x94\xbbv\xee\xaa\xab\xab\xc3\xc4DoQ\xad\xbf\xae\xeb\xd3\xa7O\xdf\xb6m\x9b\x1a\xf7\xe7\x9c\'&amp;&amp;\xdev\xdbm\xaac\xeb\xebm\x0c\x00\xa8\xff\x00\x85\xfd\xe8\x1djr\xc2\xe1\xc3G\x88\xa8C\xfb_\xc5\xb4\x8a\x97n\xd3[C\x07BH\xcd\x08INJ \xa2\x92\xd2\x92\xaa\xaa*\xcc\x85\xf0\n\xb5\x1a(cl\xea\xd4\xa9\xaf\xbd\xf6\x9a\xa7\xadg\x8c\xbd\xfe\xfa\xeb\x0e\x87\xc3\xb3^1\xfc&lt;\xd4\x7f\x80B\x00x\x81\xba\x84XYYYP\xf0\r\x11%u\xed@R\xf7b\x812\xc6\x88\xccn];\x12Qe\xe5\x99\xbc\xbc&lt;j0p\x01\x97F\xcdZ\xa9\xa8\xa8\x18;v\xec\x1bo\xbca\x18\x86\xfa\x93q\xce\x17/^|\xfd\xf5\xd7c\xca\xf9\x05B\xfd\x07.\xdcV\xe75RJ\xb7\xdbMD\xf1\xb1\xd1\xc44owPd|\\4\x11\t!L\xd3\xf4\xeeG[\x90j\xdc\xf3\xf2\xf2\xc6\x8d\x1bw\xe0\xc0\x01\xd5\xfa\xabe\xeb\xdfz\xeb\xad\x89\x13\'\xe2\xa6\xd3\x8b\x85\xfa\x0fD(qoRC\x93\x9c7J\xdf\xc4\xf3\xb1\x18\x00\xbdL\xaa\xa1\xff\xe2\x8b/\xc6\x8e\x1d{\xea\xd4)\xd5\xfas\xce\xe3\xe3\xe3\xdf}\xf7\xdd\x91#G\xa2\xf5\xbf4\xa8\xff\x80\x83*\xf7\x1ayn5y\xb7\xdb\xa4F\x18\xa0t\xbb\xbf\xef\xf8\xa8\x9f\x02\x97F-\x08\x91\x97\x977z\xf4\xe8\xf2\xf2r5\xc8\xc39\xef\xd5\xab\xd7\x8a\x15+\x12\x13\x13\xd1\xfa_\x1a\xd4\x7f B\x96z\x81\xba$\x15\x15\x15\xd5\xbe}\x07"\xda\x9bs\x90\x18\xf7\xca\x14\x08EJId\xec\xcb&gt;HDQQ\x91\x9d:u"\xacQ|I\xd4\xc0t}}\xfd\x9dw\xdeY^^\xae\x1az\xd34G\x8c\x18\xf1\xd9g\x9f\xa1\xf5\xbf4\xa8\xff\xc0\x85\x00\xf0\x0e!\x84a\x18m\xda\xb4!\xa2\xa3\xc7J\xea*\xcf\xb2\xcb\xbb\x07\xb2!\xc6\x88$\xcf?t\x8c\x88b\x9d\xb1\xf1\xf1\xf1\x84\x03\xe0\x92\xa8i?\xef\xbf\xff\xfe\xde\xbd{\r\xc3\x10Bp\xce\x87\r\x1b\xb6j\xd5\xaa\xe8\xe8\xe8\x1f&gt;;\x1e.\x10\xea?@!\x00\xbcCu-\x07\x0c\x18@D\x07\xbe&gt;\x9c\x97\x93O\x0e\x07\xf7\xc6D\x05)\xa5f3\xea*No\xf8t7c,9%9,,\x0c\xb7\xa7^\x1a5|\xbcl\xd92\xf5t\x11)e\x9b6m&gt;\xf8\xe0\x83\x90\x90\x10\xcc\xf9\xb9\x1c\xa8\xff\x00\x85\x00\xf0\x0e\xd5\xb2\xdcp\xc3\rv\xbb]\x08\xb1z\xddV\xa6\xdbIxa$T\x08\xc9\x1ca_\xec\xdaW\\rRJ9v\xecM\x84\xdbS/\x89\x9a\xadXUU\xb5\x7f\xff~\xcf\x1d\xbf\x8f=\xf6\x98\xd3\xe9t\xbb\xddh\xfd/\x07\xea?@!\x00\xbcC-R\x98\x98\x988`\xc0\x00\xc6\xd8\xab\x8b?8u\xbc\x90\x85\xd8\xbcQ\xa9\x92\x84xf\xce\x9b\xa6\xc9\x9b7k6f\xcc\x18"Bku\t\xd4\xdf\xa2\xb4\xb4\xb4\xa2\xa2\x82\x88L\xd3\xd4u}\xe8\xd0\xa1\xb8\xdd\xf7\xf2\xa1\xfe\x03\x14\x02\xc0k\xd4]\xa3S\xa6L\x91R\x9e&lt;U\xb1\xe0\xb5\xe5ZX\x8c\xe9\xbe\xac9\xcb\xdc\xe4zL\xf4\xd6\x8d;\xb6l\xfd\x92\x88n\xbe\xe5\x96f\xcd\x9a\xe1\xfc\xf7r\xd4\xd6\xd6\xaai\xa0\x8c\xb1\xe8\xe8\xe8\xe6\xcd\x9b\xe3a\xb3^\x81\xfa\x0fD\xb8\xa3\xda\x9b\x84\x10B\x88\xa1C\x87n\xdb\xba5:&amp;r\xeb\x867\x93\xae\xee\xce+\xcf\xe8\x97tiQ\x08A6\xa3\xae\xde\xec?\xe8\xae\xec\xdc\x82\x98\x98\xe8\xdc\xdc\xfd-[\xb6$\\\x01\xbb$j\x02\xe8\xbe}\xfb\x92\x93\x93\xd5+aaaEEE\xd1\xd1\xd1x\xe6\x97W\xa0\xfe\x03\x0e\x02\xc0\x9bT\x13\x93\x95\x95\xd5\xb7o\x1f\xd3\xe4=\xbau\xfcl\xf3\xdbNg$\xaf\xae\xd5\x8d\x8b;i\x15BH\xa6\xe9Q\x11\xf7\xfe\xf6\xd1\xb7\x97\xaf%\xa2W_}\xf5\x81\x07\x1e\xc0\xb5\xcaK\xa6Z\xf9\xb3g\xcffff\xaaWl6[\xbf~\xfd0\xf3\xc7[P\xff\x01\x07\x01\xe0e\xaa@\xe7\xcf\x9f?s\xe6L"JM\xee\x92\xb1\xee\rg3\xa7\xfbt\xa5a\xb3]`\xbf\x85\x9b\xa6\x1e\x12B\x8e\xd0i\x93f\xa7\xbf\xbd\x92\x88\xc6\x8d\x1b\xf7\xe1\x87\x1fb\x96:\xf89\xd4\x7f`A\x00x\x9f:\x06\xa6M\x9b\x96\x9e\x9eND\xa9)]\xdf[6\xa7S\xd7D\xaa:\xcdM\xae\xe9?\xf9\xa0A)I\x08\xce\x88i1\xd1U\x15\x95i\x0f=\xbb\xe4\xddUD\x94\x9a\x9a\x9a\x91\x91\x11\x1d\x1d\x8d\xd1\xea\xcb\'\xa54MS-%\xc6\x18\xb3\xdb\xed\xbe\xde\xa2`\x83\xfa\x0f \x08\x00\xefS\x8f\x13\xd14\xcds\x0c4\x8b\x8by\xe1o\x8f\xdc9\xe1F{t\x14\xd5T\x0b\xb7\xfb\xdc:\xc3\xcc\xf3-\x8c\x91n\x18\x14\x11F\x9co\xdc\xb8k\xf6\xec\x97\xbf\xda\x97G\xe7\xaa\xdf\xe9t\xaa\xf3k_\xfebA\xe1\xbc\xdd\x88\xd1\x7f\xafC\xfd\x07\x10\x04@\xa3\xf0\x1c\x03O=\xf5\xf4\xd3O?\xa5^L\xea\xd6i\xe6Cw\xdd4zP\\\xabx\xd2B\x88L"\xcf\xce7\x88xM\xf9\xe9\x1d\xbb\xff\xf3\xd2\xbc\xb736\xeeT\xaf\x8e\x1f?~\xd1\xa2E\xa8~oQ\xcd\xfd\xbe}\xfb6o\xde\\WWw\xcd5\xd7\x0c\x192\xc4\xd7\x1b\x15\x84P\xff\x81\x02\x01\xd0X&lt;\xc7@FF\xc6\xacY\xb3rss\xd5\xeb\xcd\x9b\xc5^\xdb\xafg\xaf^]\x92\x12\xdb9\xe3\xa2\x89\x0b\xb7\xdb\xcc\xcc&gt;x\xf8\xf0\xf1-[\xbf&lt;r\xa4P\xbd\xade\xcb\x16O&lt;\xf1\xc7\x193f\xd0\x0f:\xadpi\xd4n\\\xb0`\xc1\xc3\x0f?\xecYPl\xca\x94)\xaf\xbf\xfe:a\x8dIoC\xfd\x07\x06\t\x8d\xc9\xedvK)\xeb\xeb\xeb\x9fy\xe6\x99\xae]\xbb\\\xc8_\xa4U\xabVS\xa7N-,,\x94Rr\xce\x85\x10\xbe\xfe%\x82\x81\xda\x8d\xa7O\x9f\x8e\x89\x89!"\xbb\xddn\x18\x86\x9aO\xb2}\xfbv)\xa5i\x9a\xbe\xde\xc6 \x84\xfa\xf7s8\x03ht\x9e\x89k\xf5\xf5\xf5\xeb\xd7\xaf_\xb5jUf\xe6\x9e\xe2\xe2\xe2S\xa7\xbe\xf3\xbc\'***&gt;&gt;.99e\xcc\x9817\xdexc\xf3\xe6\xcd\x1b~#\\&gt;\xcfM\x00)))t\xee\xae`\xb5\x1e\xdc?\xff\xf9\xcf\xe9\xd3\xa7c\x86I#A\xfd\xfb3\x04@S\x90\xe7\x9e6\xa5\xfe\x97s^QQq\xe0\xc0\x01\xce9c$%u\xec\xd81&gt;&gt;\xde\xe1px\xde\xa0\x9eU\xeb\xbbM\x0e6*\x00rrrz\xf6\xecI\xff\x1d\x00\x0b\x16,\xb8\xff\xfe\xfb\x11\x00\x8d\x07\xf5\xef\xb7\x10\x00MG\x1d\x06\xf4\xd3+\x99p\xce\xa5\x94j\x95\x82\xa6\xdd\xb4\xe0\xa7\xea\xbc\xba\xba\xbaC\x87\x0eeeev\xbb]\x9e\x1ba\xc8\xcc\xcc\xec\xdd\xbb7\x06\x9a\x1b\x1b\xea\xdf\x0f\xa1\xe2\x9b\x0ecL\xd7u]\xd7\xd5\xe8\x1bo@\rt\xea\xban\x18\x06\xaa\xbf10\xc6\x84\x10\x11\x11\x11s\xe7\xce\xb5\xdb\xed.\x97\xcb\xedv\x0b!\x1ey\xe4\x11\xb4\xfeM\x03\xf5\xef\x87p\x06\x00\x16"\xa5d\x8c\xed\xdf\xbf?##\xa3\xb6\xb6\xf6\xba\xeb\xae\x1b8p\xa0\xc4\xad\x00`U\x08\x00\xb0\x16\xdc\x08\x06\xe0\x81\x00\x00\xcbQ\x8bV\xd2\xb9A\t_o\x0e\x80\xcf \x00\x00\x00,\n\x17\xbe\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86\xaf7\x00\xa0\xa9I)\x7f\xf4u\xc6X\x13o\t\x80o!\x00 \x98\xc9\x06\x88H\xd34\xcf\xbf\x7fH\x08\xe1\xf97k\xa0\t\xb7\x17\xa0I\xb1\x9f\xea\r\x01\x04(\xd5\xdc\x0b!\x18c\xba\xae\xff\xf0\rB\x88\xca\xcaJ\xc6\xbe/~\xf5\x1f\xa1\xa1\xa1\x0e\x87\xe3G\xdf\xac&gt;J\xd34\x84\x01\x04\x19\x04\x00\x04\t\xd5\xe8K)\r\xe3\xff\xcek9\xe7EEE\x05\x05\x0599\xd9\xa7N\x9d\xca\xcc\xfc\xd24\xcd\xd2\x92\x92\x92\xd2\x12FL\x92*~F$#\xc2#:v\xea(%%%%\xc5\xc7\xc7\xf7\xee\xdd\xfbW\xbf\xfa\xd5UW]\x15\x16\x16\xd6\xf0\xd3\x88\x08I\x00A\x03\x01\x00\x01OJ\xc99\xf7\xb4\xfb\x9c\xf3\xfc\xfc\xfc\x8c\x8c\x8c\xed\xdb\xb7\xe7\xe7\xe7\x1f=\xfa\xed\x993U\x97\xf0\xb1!!\xf6+\xae\xb8"11\xb1_\xbfkF\x8c\x18\xd1\xb3gOO\x18\x98\xa6\xa9i\xdaO\r%\x01\x04\n\x04\x00\x040\xd5%W\xe3&lt;\x9c\xf3\xdd\xbbw\xaf\\\xb9r\xdd\xbau\xdf|\x93__\xefj\xf8\xce\xc8\xc8\xf0\xf0\xf0\xb0\xae\tm5C\x8f\x8e\x0c\xef\xd1#Ar\xa1\xba\xf1RJf\xd8\x8e~[x\xac\xb0\x84\xe9zA\xc1\xb13g\xce~W~\xfa\xbc\x9f\xd5\xae]\xdb\xc1\x83\x87\xdc|\xf3\xcd\x83\x06\r\x8a\x8a\x8a\xa2s\xe7\x1c8!\x80\xc0\x85\x00\x80\x80\xc49\xf7\xb4\xbc\x85\x85\x85+V\xacx\xef\xbd\xf7\xf6\xed\xdb\xf7\x7f\xef`\xac\xedU\xad\xafN\xee\x92\xd23\xb1w\xaf\xce]\x12\xdbGEGD7s\x92\xa6\x93\xc6\x88lD\r+\x9f\x11\x99$81V{\xaa\xa2\xba\xbav\x7f\xfe\xb7{\xb3\xf3sr\xbf\xc9\xfcj\xff7\x05G\xeb\xea\xea=o\xbd\xea\xaa\xab\xc6\x8f\x1f\x7f\xd7]w\xf5\xe8\xd1\xc3\xb31?z\xb1\x01\xc0\xcf!\x00 \xc0\xa8\x81~\xd5\xe0\xee\xdc\xb9\xf3\xcd7\xdf\xfc\xd7\xbf&gt;\xae\xa88\xad\xbe\xeatF\xf5N\xe96rh\xbf\x81\xd7\xf5\xee\xd6\xb9mX|,\x91AdR\xbd\x8b\xb8\x10n7\x11IIR\n\xa2\x86\xddv\xf9\xfd\x84\x1fI\x9a\xcd ]\xa3\x10;1\x83H\xf23U\xf9\x87\x8e\xef\xce\xcc^\x93\xb1\xfd\xab\xaf\x0e|{\xf4\x84\xfa\x06\xbb\xdd&gt;h\xd0\xa0\xe9\xd3\xa7\x8f\x1a5\xcan\xb7\xab\xb3\x01\xc4\x00\x04\x16\x04\x00\x04\x8c\x86c\xfd\x9b7o~\xf1\xc5\x177l\xd8\xe0\xf9\xea\x80k\x93o\x1e;\xf8\xf6q#\xafl\x7f%i6\x12n\xaa\xad\xe7nSJ\xe9\x99\xcfy!c5\xea\x88\x10BJ)\x19#\xdd\xd0)$\x84lv"QUZ\xber\xed\x96\x8fW~\xba\xf1\xd3]\xd5\xd5\xb5\xea\xfd=\x92\x92\xd2f\xce\x9c4i\x12\xfd\xf7y\t\x80\xffC\x00@`P\xa3\xedD\x94\x9f\x9f\xff\xc2\x0b/\xbc\xb5t\xa9\x90\x92\x88\x1c\x8e\xd0\xdf\x8e\x1f5\xf9\xde__{MO\nqP}\xad\xa8\xab\x17B2\x8di\xde\x98\xc5\xafN\x17\x84\x94\x8cH\xb7\xdb(,\x9c\xa4\xf8:7\xff\x7f&gt;\xccX\xfc\xc6\x87E\xc5\'\xd5\xdb\x86\r\x1b\xf6\xf8\xe3\x8f\x0f\x1d:\x940"\x04\x81\x03\x01\x00\x01\xc04M\xc30\\.\xd7\x8b/\xbe8o\xde\xcb\xe5\xe5\x15D\x14\xeb\x8c\x9e&lt;\xe9\xd7\x13\xef\x18\xdd\xbdwO\x12ny\xb6\x86s\xa1\xeb\x8d\xd8\x01\xff\xfe\xf6\x02"-\xdcA6G\xe9\xd1c\xcbV\xac[\xb2\xf4\xa3\xbc\x83G\x88\x8816i\xd2\xa4g\x9ey\xe6\x8a+\xae\xc0\xa9\x00\x04\x04\x04\x00\xf85u_\xae\xa6i;v\xec\xb8\xff\xfe\xfbsss\x89\xc8\x11\x12r\xc7\xed\xa3\x1e{drb\x8fn\xe4\xae\xe6\xd5\xb5\x8c\x98\xa67\xdd\xa4L!\x84\x10\xd2\x08\xb5\x93#\xaa\xb2\xacd\xfe\xab\xef\xbe\x9e\xfeaq\xc9)"j\xd9\xb2\xc53\xcf&lt;;e\xca\x14\xc2\xa9\x00\xf8=\x04\x00\xf8/O\x03\xfa\xd4SO=\xff\xfc\xdf\xd5\xcc\xcea\x83\xfb&gt;\xfb\xd7\x19}\x07\xf4%W\xady\xb6F\xd3}6\x1f_J\xc9Mn\x84\xd8)&lt;\xaa\xe8\xf0\x91??\xbd\xe0\xade\x9f\xa8\x81\xa9\xdbo\xbf\xfd\xd5W_\x8d\x8b\x8bS\xe7.&gt;\xd9&lt;\x80_\x84\x00\x00?\xa5Z\xff\xe2\xe2\xe2I\x93&amp;edd\x10\x913&amp;\xf2\xe9\xbf&lt;0\xe3\xc1\xbbHc\xfcL\x15\xf3\x8f[\xb1\xbe\xbf4\xed\x08\xa5\xd0\xf0\x8c\xd5\x9b\x1e~\xf4\xf9\x83\xdf\x1c%\xa2\x84\x84\x84%K\x96\xf4\xef\xdf\x1f\xe7\x01\xe0\xb7\x10\x00\xe0\x8fT\xc7y\xc7\x8e\x1d\xe3\xc7\x8f/**"\xa2\x01\xd7\xf4z3\xfd\x99\x84n\x9dE\xe5i\x92\xb2)\x07|.\x84\x94\x92sa8\xa3+\xbf;=k\xd6\x0bo\xbc\xf5/"\n\t\xb1\xff\xe3\x1f\xaf\xfc\xeew\xbf\xc3%\x01\xf0O\xfeu\x14\x01\xd0\xb9\xd6?==}\xf0\xe0\xc1\xaa\xf5O{\xf0\xce-\x1b\x97&amp;$\xb45+\xbe\xd3\xb4&amp;\x1d\xee\xbf@\x8c1\xc3\xd0yEe\xb4\xc3\x9e\xbe\xf4\xf9\xf4\xd7\x9e\x8a\x89\x8a\xa8\xafw\xdd\x7f\xff\xfd\xf7\xdf\x7f\xbf\xae\xeb\xea\xf6\x05_o&amp;\xc0\x7f\xc1\x19\x00\xf8\x17O\xeb?m\xda4"\x8a\x8e\x0c\x7fy\xeec\x93\xa7\xdd%\xab*$\x17~\xd8\xf4\x9fGJ)\xb8\xd0\x9dq{\xb6\xef\xbe\xfb\xde\xc7\xf3\x0f\x1d\'\xa2\xa9S\xa7.^\xbc\x18\xe7\x01\xe0o\x10\x00\xe0G\xcek\xfd\xe3\x9cQ\xebV\xbd\x96:\xa0\xafY~J7\xf4\x00j:M\xb7i\xc4D\x95\x97\x95\x8f\x1a=mO\xd6\x01B\x06\x80_\xf2\xf7\xfe\x14X\xc7y\xad\x7f\x9f\x94\xae\xbbv,O\xbd6\xd9,?e\xd8\x8c\xc0j4\r\x9b\xc1+\xabb\x9d\x91\x9b6\xbd5\xf9\xae\x9b\x88H\xfd^\x18\x0b\x02\xbf\x823\x00\xf0\x0b?l\xfd\xd7\xff;\xdd\xd9,\x86WV\xe9\x01;\x8dRp\xa1\xd9m\xe4\x08\x9d6iv\xfa\xdb+\xe9\xdcy\x80z\xc2L`E\x1a\x04%\x04\x00\xf8\x9e\x9a(\xe9i\xfdS\x93\xbbd\xac{\xc3\xe9\x8c\xe4\xd5\xb5\xba\x11\xd8\x13(\x85\x10R\xd3\xf4\x88\xf0\xf32\x00sC\xc1\x1f \x00\xc0\xc7TS\xb8k\xd7\xae\x01\x03\x06\x08!bc\xa2\xbe\xdc\xb9\xbc]b[^y6\xd0[\x7fE\n!u\x9d\xd9l\xfd\xaf\xfb\xed\xae\xcc\\"\x9a7o^ZZ\x1a\xee\x11\x03\x9fC\x00\x80/\xa9\xc1\x90\xb2\xb2\xb2\x9e={\x94\x96\x96\x85\x879\xb6d\xa4\xa7^\x9b\xc2+\xab\x82\xa3\xf5W\x84\x10d\xb3\x9d\xae\xaa\x19&lt;\xe4\x9e\xec\x03\x87\x88h\xc3\x86\r\xc3\x87\x0f\xc7y\x00\xf8\x16.\x02\x83/\xa9\xa5~\xee\xbe\xfb\xee\xd2\xd22"Z\xf0\xf2\x1fR\x07\xf43O\x9f\t\xa6\xd6\x9f\x884M\x93\xf5\xae\xd8f\xcew\xdfz&gt;\xd6\x19ED\xf7\xdcswii\xa9\xa6ij\x0f\x00\xf8\x04\x02\x00|F\x8d\x81\xfc\xf5\xaf\x7f\xdd\xb8q#\x11\xa5\xfd\xbf\xdb\'\xfe\xeenw\xf9)\xc3\x16\x84\x03#\xba\xa1\x9b\xa7\xcf$\xa5&amp;/~\xe5ODTRRz\xf7\xddw3\x86Sp\xf0%\xd4\x1f\xf8\x86Z\xdf\xff\x8b/\xbe\x188p\xa0\xdb\xed\xee\xd7\xbb\xfb\xf6\xad\xefJ\xb7\xa9\x93\x0c\xe2\xe91\xa6i\x1a\xce\xb8\x99\xd3\xff&lt;\xff\xb5\x15t\xeeb\x00\x06\x82\xc0W\x10\x00MJ6p\xde\x97X\x03&gt;\xd9\xb6\xa6\xa4\x16\xd6\xe7\x9c\'%%\xe5\xe7\xe7GF\x86\xef\xdb\xb5\xa2}B[Q]\xeb\xff\xf7\xfa^\x0e)\xa5`\x8c\x0c\xa3\xcf5\x13\xb2\xfe\x93o\x18Zn\xee\xfe\x84\x84\x04)\xa5?,l\xd7\xd8P\xff\xfe&amp;\xf8k\xce\x1f\xa8\x05#9\xe7\x8c1M\xd3t]7~@\xd7uu\x8f(\xe7\xdc4\xcd\xe0\x1e\x1aV\x8f\xcf\x9d;wn~~&gt;\x11=\xff\xe4\x03\xed\xbbu6\xab\xaa\x83\xbb\xf5\'"\xc6\x18q\xa1\xdblo,\xf8KH\x88\x8ds\xf1\xd0C\x0f\x05\xfd@\x10\xea\xdfo\x05y\xe5\xf9\\\xc3\'\x98\x13\x11\xe7\xfc\xc4\x89\x13\x87\x0e\x1d:z\xf4\xe8\xb1cG\x19cR\x12\x91\x8c\x89q&amp;%%\xb5l\xd9\xb2m\xdb\xb6\x0e\x87\xa3\xe1\xf7\x06\xdf\xca\x01j\xe6\xcf\xe1\xc3\x87\xaf\xbe\xfa\xea\xca\xca\xca\x81\xfd\x93?\xff\xec]^]\xad[\xa0\x0b\xac\x98\xa6i8\xe3\xff4\xeb\xb9\xe7^ZJD\x1f|\xf0\xc1m\xb7\xdd\x16\x94\x03A\xa8\x7f?\x87\x00h,\r\xef\xf6,--\xdd\xb1c\xc7\xda\xb5k33\xf7\x1c=z\xec\xcc\x993?\xfa-!!\xf6\xd6\xad[\xa7\xa4\xa4\x8c\x1e=\xa6_\xbf~\x9d;wV\xaf\x07Y\xd3\xa0~\x9d\x89\x13\'\xbe\xf3\xce;\xa1\xa1!;6\xbe\x99\xd2\xaf\x978[\x13\xf4\xdd\x7f\x0f)\xa5\xd0\xf5\xea\x9a\xba\xde\xd7\xdc~\xe8\xc8\xf1\x8e\x1d;\xe5\xe4\xe4\x18\x86\x11L\x03 \xa8\xff\x80\x80\x00\xf0&gt;5\xc0\xadJ6;;{\xc1\x82W\xd7\xacY\xab\x965n\xa8Y\xb38\x92B\x121\xa6UVV\xb9\\\xae\x86_\r\x0f\x0f\x1b&gt;|\xf8\xf4\xe9\x0f\x0c\x192D- CDA0L\xac\x0e\xe6\xad[\xb7\x0e\x192\x84s&gt;\xf1\x8e\xd1o\xbd\xff\x0f^q*p\xd7{\xb84\xa6\xc9\rg\xec;\xaf\xbf7\xf1\xfe\xa7\x88\xe8\xb9\xe7\x9e{\xe2\x89\'\x82\xa3\xa5C\xfd\x07\x10\x04\x80\x97\xa9\xc9-D\x94\x9b\x9b\xfb\x87?\xfca\xd3\xa6M\x9e\xca\xbe\xaa\xcd\x15\xbd{wK\xe9\x99\xd8\xbbgg\xa73\xaac\x876\xa4\x06:u\xa3\xa4\xa8\xb4\xf8dy\xce\x81\xc3\xd99\xf9\x99_\xed\xcf\xc9\xcd\xf7|`\xcf\x9e=\xff\xfe\xf7\xbf\x8f\x1a5\x8a\x82\xa2+\xa4\x8e\xe4a\xc3\x86m\xd9\xb2%.6\xfa\x8b\xcf\x97\xb5\xef\xd4\x96\xea\xea5-Hz\xbe\x17H\x12I"7\xb1\x81\x83\xef\xc9\xcc:\x10\x1b\x1b{\xe0\xc0\x81f\xcd\x9a\x91\xbaN\x10\xb0P\xff\x81\x05\x01\xe0Mjb{UU\xd5\x1f\xff\xf8\xc77\xdeH\xaf\xad\xad#\xa20G\xe8m\xb7\x8e\xf8\xcd-\xc3\x06\rH\x89j\x11O\xa4\x13\x99$\x04\xd5\xbb\x88\xd4\xa1.\xc9f\x90a\x10\xe9D\x92WU\xed\xfej\xff\xca\xd5[\xde[\xbe\xb6\xa8\xf8\xa4\xfa\xe4Q\xa3F\xcd\x9f??!!!\xa0\xd7\x0fP\x07\xf0\x97_~\xd9\xa7O\x1f)\xe5\xac\x19w\xcdy\xe5\xaffyYPN\xfc\xffE\xdc\xe4\xba3f\xfdG\xebG\x8d{\x98\x88^z\xe9\xa5G\x1ey$\xa0\xff\xbe\xa8\xff\x80\x83\x00\xf0\x1aU\x9aYYYS\xa7N\xcd\xca\xca""Gh\xc8\x1d\x13F\xcd\x9cqw\xf7\xab\xbb\x13I\xaa\xa9\xe1.\xb7\x94\xc4\x18#FZ\x83\x8e\x9e\x9a\x17\'\xa5d\x8ct]\xa7p\x07i!\xa5\xc7\x8f/J\xff\xe0\xf5\xf4\x0f\x8bKN\x11Q||\xfc\x82\x05\x0b\xc6\x8f\x1f\x1f\xb8kI\xaa\x00\x98&lt;y\xf2\xd2\xa5KCC\xedY\xdb\xde\xeb\xdc#Q\xd6Z\xae\xfb\xafH"\xc9\xa8\xce\x14W\xf7\x1b\x7f0\xffh\xd7\xae]333CCC)0O\x02P\xff\x81\x08\x01\xe0\x1d\xaa\xfa\x97,Y2s\xe6Lu\x8d\xeb\x86a\xd7\xce}qV\xb7\xe4n\xe4v\xf1\xb35\xc4\xe8\x02\xe73H")\x84\x10\xc2\x08\r%GXYa\xf1\xb3\x7f[\xb4`\xd1\n!%\x11\xa5\xa5\xa5\xcd\x9b7/\x10\x8f\x01)%c\xac\xb8\xb8811\xa1\xaa\xea\xec\xa4\xbbnZ\xb2l.?]a\xe5\x93znr\xdd\xe9|\xe7\xf5\xf7\xd5\x95\x80\xd5\xabW\x8f\x193&amp;\x10\x07:P\xff\x01\n\x17U\xbc\xc0\xb3\x96\xfd}\xf7\xddw\xe6\xcc\x99\x10\xbbm\xde\x0b\xb3\xd6\xadK\xef\x96\x94\xc0+N\x8b\x9aZ\xdd\xd0u\xfdB\x1fh\xc5\x884M3\x0cC\xba\xddfEy\xf3\xb8\xe8W\x16&gt;\xfd\xefO\x16\xb4n\x19OD\xf3\xe7\xcf\x9f6m\x9aZC&amp;\xb0\xc2\x9bsND\xcb\x97/\xaf\xaa:\xab\xeb\xfa\xf4)\xe3\xa4p\x9f\x1b\x04\xb0(M\xd7d\xcd\xd9[\x7f3\xe2\xca\xd6-\x18c\xe9\xe9\x8b)\x00\xbb\xff\xa8\xff\xc0\x853\x80\xcbu\xde\x93Lbc"W}\xfcj\xff\xc1\xd7\x8a\xca\xd3$\xe5\xe5Om\x94Rr.\x0cgt\xf1\xb1\xa2\x9boy0s\xef\xff=_\xd04\xcd\x0b?\xae|NJ\xe9v\xbbS{\xf7\xce\xc9\xcd\xed\x97\x9a\xb4}\xeb2\xaawi\x01\xb2\xf1\x8d\xc74\xb9\xe1t&gt;\xf6\xf03s^Y\x16\x1e\x1e\xb6w\xef\xbeN\x9d:y.\xa5\xfa?\xd4\x7f@\x0b\x8c"\xf3[\x9cs\xc30\xde~\xfbmU\xfd]\x13\xdbm\xda\xb0\xb4\xff\xe0~f\xf9w\x9a\xc6\xbc2\xb1\x9d1f\x18\xbaY~\xbaU\xab\xe6\x19\xeb\xd3o\x19}=\x11\xa5\xa7\xa7\xdf\x7f\xff\xfd\x86a\xa8n\xb5\xffSw\x81\xee\xdd\x9b\x95\x93\x9b+\xa5\xbc\xf5\xa6\xc1ZH\x98\xe0\xb8\xdb\x93\x18c$\xdc\xb7\xde&lt;T\xd3\xb4\xea\xea\x9a\x95+W\xd2\xb9\xb9R\xfe\x0f\xf5\x1f\xe8\x10\x00\x97NMv\xce\xc9\xc9y\xe0\x81\xe9D\x14\xe7\x8cZ\xf1\xee\x9c\xe4\xd4\x1efy\xb9\xd7\xa7\xb5\x186\x83\x9f\xadv\xc6D.\x7f\xff\xa5\xd4\xe4.D\xf4\xfa\xeb\xaf/]\xba4P\x8e\x01u\xa2\xf9\xf1\xc7\x1fK)c\x9d\xd1\xbf\x9dp#\xd5W\xeb\x96\xb9\xf3\xebg\xe8\xba&amp;\xce\xd6\xa4\xf6O\xb9\xb6o\x0f\xc6\xd8\'+W\x06J\xf7\x1f\xf5\x1f\x04\x02\xa0\xce\xfc\x93Z\xd0\xaa\xaa\xaa\xea\xae\xbb\xee\xac\xae\xae1\x0c}\xcd\xff\xbe\x92\xd4;\xc9,\xff\xce\xb0\xdb\x1a\xe3\'\xea\x86.jjC\xedF\xc6\xba\xf4\xf6m[3\xc6f\xcc\x98\x91\x9d\x9d\xed\xb9M\xc6\x9f\xe9\xba\xeev\xbb\xd6\xacYKD\xbdz$\xb4j\xff+Q\xe7\xc2\xc9\xbb"\xb8\xd0B\x1c\xc3\x06\xf7\x91R~\x95\x95UPP\xe0\xff\xcf\t@\xfd\x07\x07\x04\xc0%R\xdd\x9f\xd9\xb3ggg\xe7\x10\xd1\x9cg\x1e\xee7d\x80\xbb\xbc\xc2\xb0\xd9\xa8\xd1\xae\xaah\xba\xcek\xeb\x9d\xcd\xe3\xde_\xf2\x9c\xcd\xd0\xab\xab\xab\xef\xbd\xf7^u\xa3\x8d?_\xcbQs6\x0e\x1d:|\xf8\xf0!"\xbaa\xd8\xb5\xa4\x19B\xf8\xef\x0671\xc6\x18\t\xd7\x88\xc1\xfd\x0c]\xaf\xab\xab\xdb\xb1c\x07\xf9\xfd(\x10\xea?8 \x00.\x85\xaa\xfe\x83\x07\x0f.^\xbc\x9816lp\x9f\xb4\xdfO1+\xcbm\x8d\x7fC\x93n\xe8fEe\xdf\xc1\xd7=\xf1\xe8$"\xda\xbbw\xef\xf2\xe5\xcb\xfd\xbc\xc3\xa8\xb6m\xfd\xfauuu\xf5\x86\xae\x0f\xbd&gt;\x95\x84\x1b\xdd\x7f\x0fMcT[\xd73\xb9K\xeb\xd6\xcd\x89h\xf5\xeaU\xe4\xdfs\x81P\xffA\x03\x01p\x89\xa4\x94\x0f?\xfc\xb0\xdb\xed\x0e\t\xb1-x\xe9q\x92Bk\xaa.\x88n\xe8\xbc\xaa\xe2\x89?\xfe\xbf\xce\tm5M\x9b={\xf6\xa9S\xa74M\xf3\xdbN\x90j\xcb\xb6\xef\xd8AD\xad\xafh\x9e\xd8\xb9\x1d\xd5\xd6Y\xf3\xe6\xaf\x1f\xc5\x18\xe3n\x1e\x16\x1bsu\xaf\xceD\xb47koMM\x8d\xae\xeb~\xfb\x07%\xd4\x7f\xb0@\x00\\45\xa0\x91\x97\x97\xb7y\xf3f"\x9a\xf0\x9b\x11\t\xc9\xddy\x13\xaee\xcf\x18\x93&amp;\xb7ED\xcc\x9ey\xaf\x10\xa2\xb8\xb8x\xe5\xca\x95j!\xf5\xa6\xd9\x80\x8b\xa5i\x9a\xcb\xe5\xfa:/\x8f\x88R\xaf\xee\x16\x1e\x1f\xcb\xdd\xdc\x9f{\xb8MOJIL\x1f4\xe0j"*-+=~\xfc8\xf9\xeb\xb0\x06\xea?\x98 \x00.\x9a\xba\xa3u\xfe\xfc\xf9\xa6i:\x1c\xa1\xb3gM\x92\xeez\xd6\xb4\xfdY\xdd\xd0\xc5\xd93\x13~;\xa6k\xe7v\x8c\xb1\x7f\xfcc\xbe\x9a\x13\xdd\x94\xdbp\x81T{Q\\\\|\xec\xd81"\xba\xbaWgb\x86\x7f6m&gt;\xc4\x18#i&amp;\xf7\xec\xaciZmm]vv6\xf9k\x00\xa0\xfe\x83\t\x02\xe0\xe2\xa8\xa7[\x94\x96\x96~\xf2\xc9\'\x8c\xd1\xb8\x9b\x87$&amp;\'\x89\xb35M&lt;o\x8f\x11\t7\x0f\x89\x8az\xf4\xc1\xbb\xa4\x94\x07\x0e\xe4}\xfe\xf9\xe7\xfe\xd9\tR\xad\xd8\x91#G\xaa\xaa\xce\x12Q\xaf\x1e\x89D\xe8\xfe\x9fO\xd3\x18\xd5\xbb\x12;^\x15\x13\x1dID_\x7f\x9dG~\x19\x00\xa8\xff \x83\x00\xb88\xaa\xc2v\xed\xdaUVV&amp;%\xdd~\xebH)\x05\xf9\xa29\xd3uM\xd6\xd5\x8c\xbe\xe1\xba\x98\xe8H!\x84\xbar\xe8\x9fM\x06\x11\xe5\xe4d\x13QtTd\xb7.\xed\xa9\xbe\x1e\x01p\x1e\xc6\x98t\xb9\x9dW4\xeb\xd4\xb1\r\x11\xe5\xe4\xe4\x92_^\x07F\xfd\x07\x19\x04\xc0\xc5Q\xc7\xe4\x9a5k\x18cW\xb6n1\xe0\xba\x14V[\xe3\x93\xeb\x99\x8c1Y\xe7j\xd1\xee\xca\x81\xfdS\x88h\xf3\xe6O].\x97\xdf\x9e\x05\x97\x94\x94\x10QXXhtt$q\xee\x7f-\x9b\xefI)\x8d\x10{\\l4\x11\x95\x96\x96\xaa\x91\x16_o\xd4\xf9P\xffA\x06\x01pq\xd4\xf5\xcc\x9d;wJ)\xaf\xe9\x93\x14\xd5\xa2\x19w\xf9lF\xa3\x90\x924c\xf8\xe0&gt;DTP\xf0\xcd\x91#G\x18c\xfe6\x1fN\r\x0ede\xed%\xa2\xce\x89m#\x9a9\x85\xdb\xf4\xc3\xa6\xcd\xe7\x84\x90\xc4\x8c\xab{v&amp;\xa2\xfc\xfc\x83\xa7O\x9f\xf6\xc3\x99-\xa8\xff \x83\x00\xb8\x08\xeazfQQQa\xe1q"J\xe9\xd9\x99H\xf7\xe1\x11\xaa\xae\x1c\xf6\xea\x91\xa8iZ]]\xbd\x9f_9\xa4s\x0b=\xfaz[\xfc\x19S\xbdi\xcf#\x15\xfd\n\xea?\xf8\xe0h\xbc\x08\xaa\xb6\x8e\x1d;\xf6\xfd\xf5\xcc\xa4\x04\xdf^\xcfTW\x0e\x13:^\x15\x1d\x15ID\xf9\xf9\x07\xc9\xff\x0e\x00\xc6X]]]\xd1\x89\x13D\xe4\x8c\x89"b\xfe\xb5}\xfeE:c\xa2\x88\xa8\xba\xba\xfa\xc4\x89\x13\xe4g\x7fM\xd4\x7f\xf0A\x00\\\xb4#G\x0e\x13\x91\xcdf\x8b\x8fw\x92\xf0\xf1p\xb6\xe4",2,&amp;&amp;\x82\x88\x8e\x1c9B~v\xe5P\rd\xd7\xd4\xd4\x14\x9e($\xa2\xe4\x1e\t\xa4\xd9$\x16\x81\xf81\x8c1"\x9e\xdc3\x91\x88\xaa\xabk\n\x0b\x0b\xc9/\x9b3\xd4\x7f0A\x00\\\x04u4\x16\x14\x14\x10\x913&amp;\xaaS\x876T\xef\xcb\x15\xcd\x18c\xd24#\xe2\x9d\x9d:\xb4!\xa2\x82\x82C\xe4\x97\x07\x00c\xccf\xb3\x11\x91ib|\xf6\x17xv\x91\xdac~\x05\xf5\x1f|\x10\x00\x17\xcdn\xb7\x13\x91\x94\xd2_.7\x9d\xdb\x12\xb5a\xfe\xe9\xfbk\x0086\x7f\x89g\x17\xf9a\xdf_A\xfd\x07\x13\x04\xc0\xa5\xf3\x9fC\xd4\x7f\xb6\x04\xac\xc3\x7f\xaa\xce\x7f\xb6$\xe0 \x00.\x9ai\x9aD\xa4i\xccf\x18\xe4\x0f\x95\xa7i6\xc3\xa0s\x1b\xe6\x9f\xd4\x899\x0e\xd4_\xe4\xd9E~;\x94\x81\xfa\x0f&amp;\x08\x80\x8b\x16\x17\x17ODg\xcf\xd6\x1c?QJv\x9b\x0f\x1b5)%\xd3\xf5\xda\xd3U\x85EeD\x14\x17\x17\xe7\xab-\xf9yRJ\x93\x9bDd\xf7\xbfqm\x7f\xe3\xd9E~\xdb\x9c\xa1\xfe\x83\t\x02\xe0"\xa8NY\xf7\xee\xdd\x89\xa8\xba\xa6\xb6\xb8\xe4$\x19\x86o\xfb@L\xd7\xea\xce\x9c-*&gt;ED\xdd\xbbw#\xff{\x90\x88\x94\xd2f\xb3EGE\x13Q\xc1\x91\xe3$\xb1\x10\xd0\xcf\xd0\n\x8e\x1c\'"\x9b\xcd\x16\x1d\x1dM~v\x1e\x80\xfa\x0f&gt;\x08\x80\x8b\xa0\x0e\x80\x96-[8\x1c\xa1Dt\xf0\x9b\xa3D\xbe\\\xb4]JI!\xb6o\x8f\x17\x9f\xad\xae&amp;\xa2+\xaf\xfc\x95\xaf\xb6\xe4\xa70\xc6\xa4\x94\x91\x91\x91\t\t\x89Dt\xe8\xc8\t\x92\xa6?\xb5i~DJI\xa4\x1d:\\HDNgLBB\x02\xf9e\x00\xa0\xfe\x83\t\x02\xe0"\xa8\x03\xa0]\xbb\xf6-Z\xb4 \xa2\xaf\xf6}M$}x\x84\n!I\xb3\xe7\xe4~\xe3r\xb9\r\xc3HII!\x7f\xbd\xd5V=\xb7/4\xd4N\xcc\x1f7\xcf\x7f8BC\x88\x88s\xee\x87\x0b[\xa2\xfe\x83\x0fv\xd6EP\xeb\xcd:\x1c\x8e\xe4\xe4\x14\xc6\xd8\xae=9\xae\xaa*\xcd\xf0\xd9-\xfb\xea\xc2\xea\x96\xed_\x11\xd1\x15W\\\xd1\xa9S\'\xf2\xb3&gt;#\x9d;%\xef\xd9\xb3\'\x11\xe5\x17\x1c?{\xaa\x82\x19x\x1e\xc0\x8fP\x0b\x1b\xec\xcd\xc9\'\xa2\x8e\x1d;EEE\xf9\xdbzp\xa8\xff\xe0\x83\x00\xb88\xaa\xe5\x1a;v\x8c\x942\xbf\xe0\xe8\xde=9\xe4pp\xee\x83aG)\xa5f\xb7\x9d)-\xdb\xb4e\x0f\x11\r\x1e&lt;(""\x82s?\x1dao\xd5\xaa%\x11\x9d&gt;]USU\xc3\x9a\xea\xd1Q\x81\x85i$\xb8Yz\xb2\x9c\x88\x9a5kf\xf8eL\xa2\xfe\x83\x0c\x0e\xc5\x8b\xa3N0\xaf\xbbn`xx8\xe7\xfc\xa3\xd5[\x98\x1e\xe2\x93\x03Up\xc9\xc2\xc2\xb6o\xcb*&lt;QJD#F\x8c$\xbf\x9cg\xa9\x0e\xc8\xa4\xa4\x1eDTy\xa6*\xbf\xe0(\x85\xd8\x05V\x83\xf8oRJ\xcd0\xaa\xca\xca\x0f\x1d*$?\xbe\x9e\x89\xfa\x0f2\x08\x80\x8b\xa3i\x1a\xe7\xbcc\xc7\x8e\x83\x07\x0f&amp;\xa2e+\xd6~w\xfc\xb8\x1ejo\xfa\xcac\x1a\x91\xc9\xe7-|\x8f1\xd6\xaaU\xab\x9bn\xba\x89\x88\xfcp\tI\x15\x00m\xdb\xb6\r\r\r\x15B\xec\xcb\xce\xc7#!\x7fHJI\xa1!\x87\x0f\x1f?y\xaa\x9c\x88\xd45s?\x84\xfa\x0f2\x08\x80K\x94\x96\x96\xa61VR\xfa\xdd\xab\xaf-g\x8e\x88&amp;&gt;\x0b\xe6\\\xb0\xc8\x88\xcf2\xb6m\xda\xb2GJ9u\xea4\xbf=\xff\xf5\x04\xc0\x15\xadZ\x11\xd1\xde\xec\x83\xbe\xbdr\xe8\x9f\x84\x90\xa4\x199\xfb\x0b\xdc\xa6i\xb3\xd9z\xf5\xeaE\xfe}=\x13\xf5\x1f\x1c\xfc\xb7\xc2\xfc\x96\xae\xebR\xca\xeb\xaf\xbf\xbes\x97\xce\x8c\xb1\x05\xe9\x1fV\x14\x15iM\xdd\t\x92\x8c\xb1\xbf\xbe\xf8\x06c,$$d\xe2\xc4{\xc8_/\x7f\xa9gt8\x1c\x8e\x84\xc4D"\xfa"3\xc7UU\xa5\xa1\xa7\xf6\xdf\xd4\x9f\xee\xb3\xed_\x11Q\\\\l\xfb\xf6\xed\xc9_\xff\xa0\xa8\xff`\x82\x00\xb8\x14B\x08\xc30\xe6\xcd\x9b/\xa5&lt;y\xaa\xe2\xcfO\xbd\xaa5a\'\x88\x9b\\\x8fq~\xf8\xce\xca\xcf\xb6}%\xa5\x9c5kV\xfb\xf6\xed9\xe7~\xdbaTc\xd9\xa9\xa9\xa9Dt\xf8\xc8\x89o\xbf9\xca\x1c!\xb8\x0c\xd0\x90\xa6\xeb\xee\xaa\xaa\xdd_\xee\'\xa2.]\xbaFFF\xaa\xa7\xaf\xf8z\xbb~\x1c\xea?h`\x97]\n]\xd7\x85\x10#F\x8c\x181|8\x11-|\xe3\x7f7\xae\xda`8\xa3Mw\xa3\xdf\xbe/\x84\xd0\x1c!\xa5\xdf\x1e\x7f\xf0\xf7s\xa4\x94\xcd\x9b7{\xe4\x91G\xa4\x94\xfe\\\xfd\xaa!\x1b5j\x94a\x18u\xf5\xf5;v\xff\x87\x0c\xbb\x1f^\xe1\xf4\x15!$s\x84\x1c:\xf8\xed\xe1oO\x10\xd1\x8d7\x8e\xd24\xcd\x9f\xf7\x0f\xea?h`\xaf]:)\xe5\xc2\xd7^\x8b\x8duJ)\xef\x99\xfa\x97\xb2cEFd87\x1b\xf1\xfe\x1d)\xa4\xd44\x16\x12r\xf7\xe4\xd9e\'\xcb\x89h\xc1\x82\x85\xb1\xb1\xb1\xfe\xdc[\xa4sc\xd9={\xf6T\x97\x01V\xaf\xdbFR\xf8\xf1\xf665!\x844B26\xef\xaa\xab\xab\xd7um\xc8\x90\xa1\x14\x08\x03\x1a\xa8\xff \x80\x00\xb8D\xaa\x8f\xd6\xa1C\x87\xc5\x8b\xd3\x89\xa8\xa4\xec\xbb\xb1\xbf~\xf0t\xc5\x19=\xcc\xd1H\xf7pJ!\x85\xc6\xf4\x88\xf0i\x93fo\xdc\xb2\x87\x88\xd2\xd2\xd2\xc6\x8d\x1b\xc79\xf7\xf3\xc9\x0f\xea\x06\xa2\xb0\xb0\xb0!C\x87\x12\xd1\x97{\xf3\xce\x9e*\xd7}\xba\x8e\x98_\xd1\x181\xc9\xb7l\xfb\x8a1\x96\x98\x98\xd8\xad[7)\xa5\x9f\xffMQ\xff\xc1\x01\x01p\xe9t]7M\xf3\xd6[oMKK#\xa2=Y\x07&amp;M~\xa2\xaa\xce\xa5\x87\x86z\xbd\x1f$\xb8P\xd5\xff\xdc_^I\x7f{%\x11]s\xcd5s\xe7\xce\r\xac\xa1\xcf\xdbn\x1bGD\xc7\x0bK&gt;\xf9\xe4Sr\x84s\\\x06 \x12Bj\xe1\x8eo\xfe\xf3\xf5\xa6-\xbb\xa5\x94\xa3G\x8f\t\t\t\xf1\xc3u ~\x08\xf5\x1f\x04\xb0\xef.\x8b:\x06\xe6\xcd\x9b7u\xeaT"Z\xb9\xf6\xf3aC\xee)?]\xa5\xc7D\x99n\xd3[=\\\xd34\xb5\xd0\x10\xd5\xf7\xf9\xd3\xb3\xaf\x11Qjj\xea\x9a5k4M\xd34- N~=7\x10]yek\xc6h\xc5G\x1b\x88\x84F\x08\x00\x12B\x90\xcd\xf1\xc9\xda\xcf\xaakju]\xbf\xf5\xd6[)\x10\xc6\x7f\x14\xd4\x7f\xa0C\x00\\\x16\xc6\x98\xba \xb6x\xf1bu\x0c\xec\xc9:p\xcd\x80\xdf\xee\xf8l\x8f\x11\x1b\xcf\x183M~9G\x01\xe7\\pa8c\x8bKO\xde0|\x92\xea\xfb\xa4\xa6\xa6fdd\xc4\xc6\xc6\xfa\xdbZ1?\x831f\x9afdd\xe4\xed\x13n\x97\x92\xb6l\xfb\xf2pn&gt;\x0bw`.\x90nhfu\xd5\xb2\x15\xfff\x8c\xa5\xa6\xf6NMM\x15B\x04\xca\x98\x06\xea?\xd0!\x00.\x17cL\x8dq/^\xbc\xf8w\xbf\xfb\x1d\x11\xe5\x1f:6\xf4\x86\xa9O\xffi\xae\x8b1\xc3\x19\xc342M~Q\xbd!)%\xe7\\\x08\xa1GGjQ\x11+\x96\xfd+\xf5\x9a;26\x7fAD\xfd\xfb\xf7\xcf\xc8\xc8p:\x9dB\x88\xc0:\xf9U[{\xef\xa4Iv\x9b\xad\xba\xba\xf6\x9d\xe5k\x99-L\xfa\xf1\\\x97&amp;\xc0\xb9`\x11\x11\xdb\xb6\xec\xce\xd9_ \xa5\x9c&lt;\xf9&gt;?\x9f\xff\xf3C\xa8\xff\x80\xc6p!\xce+\xd43\xb2u]\x7f\xe3\x8d7~?k\xd6\xe9\xcaJ"J\xea\xd6q\xe6Cw\xdf9a\xb4=:\x8a\xeajD\x9dKH\xc9\x18\xd34F\xff}\x9a\xaf\xfe\nBJ)$#\xd2\xed6\n\x0f#\xce7n\xd8&gt;\xf7\xe5\xb76l\xda\xa5\xde\x96\x96\x966g\xce\x1c\xc30\x02\xb4\xfa\xd5f\x0f\x1f&gt;|\xf3\xe6\xcd\xf1\xf11\xb9\x99\xff\xdb\xacy,\xb9M\xcb\xf6\xe3\x84\x102\xd41b\xe4\xe4O?\xcfl\xd9\xa2ENn\xaez\xacU\xc0\xed\x10\xd4\x7f\x80B\x00x\x93\x9a\x90\x90\x95\x95\xf5\xc0\x03\xd3\xbf\xf8b\xb7z\xb1G\xf7\x84\x19\xd3\xef\xb8ax\xff+;\\I\xcc iR\xbd\x8b\xb8\x10n\x93\xd4! I3t\xd25\xb2\xdbI7\x88\xe8L\xe9\xc9\xcfvd-\\\xb4"c\xe3N\xf5!\xad[\xb7~\xf9\xe5\x97\xc7\x8f\x1fO\xeaIx\x81\xd6@(j\xff\xfc\xfb\xdf\xff\x1e=z4\x11\xbd\xf4\\\xda#O\xcc0\xcbO\x1a6\xc3\xd7\x9b\xe6\x03\x9c\x0b=:"k\xdbW\xbd\x07\xdd#\xa5|\xf4\xd1G\xe7\xce\x9dk\x9a\xa6a\x04\xea\xde@\xfd\x07\x1c\x04\x80\x97\xa9c\xc04\xcdw\xdey\xe7\xa9\'\x9f&lt;^X\xa8^w:\xa3\xaf\xbf\xee\xeaA\x03{\'\'%tMh\x1b\x1e\xeep\xc4;IJ\x92D\x9a\xc6+\xab\xce\x9c\xad)\xf8\xf6\xc4\xfe\xbcC\xdbw\xee\xdd\xbce\xcf\xb7GO\xa8ot8\x1c\x8f&gt;\xfa\xe8\x8c\x193\x9a7o\xae\xe6&lt;\x04n\xf5\xabb\xab\xab\xabKII\xc9\xcf\xcf\xef\xd4\xa1\xcd\xee\xed\xefE\x86;\x98%Wq\xe1B\xe8\x11\x11\xb7OH\xfb\xe0\xe3\x8d!v{\xd6\xde\xbd\x9d;w\x0e\xf4{\x9aP\xff\x81\x05\x01\xe0}\x9e\xf3\xd3\xb2\xb2\xb2O&gt;\xf9d\xe1\xc2\x85\xfb\xf6\xedk\xf8\x86\xb8\xd8\x98\xa8\xa8\xf0\x0e\x1d\xda\x90\x10$\x89\x0c\xbd\xa4\xa8\xac\xf4d\xf9\xc9\x93\x15\xd4`b\xccUW\xb5\x994i\xf2\x84\t\x13:w\xeeL\xe7\x0e\xad\xa6\xfdU\xbcO\xfd\x16\xef\xbc\xf3\xce\xc4\x89\x13\x89\xe8\xa9\xc7\xa7&gt;\xf9\xf7?\x98\x15\xa7\x02\xb7\xdb{i8\x17zt\xe4g\xff\xfe|\xf0\x98\xfb\x89\xe8\xde{\xef]\xbatip\xfc\x89Q\xff\x01\x04\x01\xd0(&lt;C\xa2D\xc49\xdf\xbcy\xf3\xfa\xf5\xeb6m\xda\x9c\x9f\x7f\xb0\xbe\xde\xf5\xf3\xdf\xdb\xbe}\xbbA\x83\x06\x0f\x1a4\xe8\xe6\x9bo\x8e\x8a\x8aR\x9f\x10L\x1d\x1f5\xc9}\xe8\xd0\xa1[\xb7n\x8d\x8f\x8b\xc9\xde\xf3A\xf3\x96\xcd\xc8\xed\xd6\x82\xe5\x17\xbc\x10\\\x08\xe6p\x0c\x1dv\xef\xe7\xdb\xb3\xe2bcsrs[\xb4h\x11\xe8\xdd\x7f\x0f\xd4\x7f\xa0@\x004\xa2\x86\x87\x01\x11q\xce\xf3\xf3\xf3\xf3\xf2\xf2rss\x8f\x1d;z\xf4\xe81U\xd3R\xca\x98\x98\x98\xa4\xa4\xa46m\xdat\xeb\xd6\xad[\xb7naaa\x9eoa\x8c\x05G\xa3\xe0\xa1\xbar[\xb7n\x1d2d\x08\xe7\xfc\xde\xdf\x8eY\xfa\xde&lt;\xb3\xe2;\xeb\x9c\x04\x98\xa6i8\xe3\xde^\xf</t>
        </is>
      </c>
    </row>
    <row r="395">
      <c r="A395" s="1" t="n">
        <v>393</v>
      </c>
      <c r="B395" t="inlineStr">
        <is>
          <t>circle_size_number</t>
        </is>
      </c>
      <c r="C395" t="inlineStr">
        <is>
          <t>What is the missing number of the part denoted with a question mark?</t>
        </is>
      </c>
      <c r="D395" t="inlineStr">
        <is>
          <t>[3, 5, 1, 6]</t>
        </is>
      </c>
      <c r="E395" t="inlineStr">
        <is>
          <t>3</t>
        </is>
      </c>
      <c r="F395" t="inlineStr">
        <is>
          <t>There are 6 numbered circles with varying sizes arranged in a ring with number [5, 6, 5, '?', 3, 6] in a clockwise order.</t>
        </is>
      </c>
      <c r="G395" t="inlineStr">
        <is>
          <t>We observe that the size of the circle is related to the number in the circle. The circle with the largest value 6 seems to be the biggest and the circle with the smallest value 3 seems to be the smallest. Thus, the pattern is that the larger the number the larger the circle.</t>
        </is>
      </c>
      <c r="H395" t="inlineStr">
        <is>
          <t>Based on the pattern that the larger the number the larger the circle, the missing number of the circle denoted with a question mark should be 3.</t>
        </is>
      </c>
      <c r="I395" t="inlineStr">
        <is>
          <t>b'\x89PNG\r\n\x1a\n\x00\x00\x00\rIHDR\x00\x00\x02\x00\x00\x00\x02\x00\x08\x02\x00\x00\x00{\x1aC\xad\x00\x00\xaeTIDATx\x9c\xec\xbdw\\S\xd7\xff\xf8\x7fo\xf6 !\x83!\xe2\x16d\xcbV\x14\x1cu\xd6\x85\xa8u\xd4Uk\xeb\xd6Z[G\xed\xdb\xaa\xadZ[;\xac\xda\xba\xf7\xd6:\xd1\xba\xf7@\x90!\xa0\xc8\x12G\x1d\xec$\x84\x102\xee\xbd\xf9\xfd\xf1\xfa\x9a\x1f\x1fWQ!\xb9\x17\xce\xf3\x0f\x1f&lt;0\t\xe7\xe6\x9c\xf3\xda\xe7up\x8b\xc5\x82!\x10\x08\x04\xa2\xfe\xc1\xb2\xf7\x00\x10\x08\x04\x02a\x1f\x90\x02@ \x10\x88z\nR\x00\x08\x04\x02QOA\n\x00\x81@ \xea)H\x01 \x10\x08D=\x05)\x00\x04\x02\x81\xa8\xa7 \x05\x80@ \x10\xf5\x14\xa4\x00\x10\x08\x04\xa2\x9e\x82\x14\x00\x02\x81@\xd4S\x90\x02@ \x10\x88z\nR\x00\x08\x04\x02QOA\n\x00\x81@ \xea)H\x01 \x10\x08D=\x05)\x00\x04\x02\x81\xa8\xa7 \x05\x80@ \x10\xf5\x14\xa4\x00\x10\x08\x04\xa2\x9e\x82\x14\x00\x02\x81@\xd4S\x90\x02@ \x10\x88z\nR\x00\x08\x04\x02QOA\n\x00\x81@ \xea)H\x01 \x10\x08D=\x05)\x00\x04\x02\x81\xa8\xa7 \x05\x80@ \x10\xf5\x14\xa4\x00\x10\x08\x04\xa2\x9e\x82\x14\x00\x02\x81@\xd4S\x90\x02@ \x10\x88z\nR\x00\x08\x04\x02QOA\n\x00\x81@ \xea)H\x01 \x10\x08D=\x05)\x00\x04\x02\x81\xa8\xa7 \x05\x80@ \x10\xf5\x14\xa4\x00\x10\x08\x04\xa2\x9e\x82\x14\x00\x02\x81@\xd4S\x90\x02@ \x10\x88z\nR\x00\x08\x04\x02QOA\n\x00\x81@ \xea)H\x01 \x10\x08D=\x05)\x00\x04\x02\x81\xa8\xa7 \x05\x80@ \x10\xf5\x14\xa4\x00\x10\x08\x04\xa2\x9e\x82\x14\x00\x02\x81@\xd4S\x90\x02@ \x10\x88z\nR\x00\x08\x04\x02QOA\n\x00\x81@ \xea)H\x01 \x10\x08D=\x05)\x00\x04\x02\x81\xa8\xa7 \x05\x80@ \x10\xf5\x14\xa4\x00\x10\x08\x04\xa2\x9e\x82\x14\x00\x02\x81@\xd4S\x90\x02@ \x10\x88z\n\xc7\xde\x03@ \x105\x83\xc5b\x81\x7f\xe1\x87\x97\xc1q\x1c\xc7q\xeb\xcf\xb6\x1b\x19\x82\xae\xe0\xaf[+\x08\x04\x82\xb6X\xaa\x80a\x18\x8b\xc5b\xb1\xde\xce\x9b\xa7(\n\xde\x0e\x9a\x80\xc5b!\x95P\x0fA\n\x00\x81`\x06V\x91\xfd:q_\\\\\x8c\xe3\xb8V\xab\xbds\xe7\xce\x0b\xff\x85\xe38EQ\xcd\x9a5sww\xa7(J\xa9T\xb2\xd9\xec\x97?\x81$I\xf8\xfc\xaa\xbe\x02\xa2\x0e\x83\x14\x00\x02A_,\x16\x0b\xc8}\x0e\xe7\xffDk\xd5j\xf5\x83\x07\x0f\xee\xdf\xbf\x1f\x1f\x1f_RR\x92\x95\x95e2\x994\x1a\x8d\xc5b!\x08B\xa9Tr8\x1c\x8a\xa2\xaa\nq\x16\x8bUTT\x04\xcaC$\x12\x89\xc5bww\xf7F\x8d\x1a\x05\x05\x05\xb5h\xd1\xc2\xd7\xd7\xd7\xd9\xd9\xb9\xea\x9f I\x12\xc30\x1c\xc7\xdf\xd6\xb7@0\x08\xa4\x00\x10\x08\xda\x01r\x1f\xc3\xb0\xaav\xfa\xbd{\xf7\xae]\xbbv\xe9\xd2\xa5\x8c\x8c\x8c\xc2\xc2B\x89D\xe2\xe8\xe8\xe8\xe5\xe5\xe5\xe2\xe2\x12\x14\x14$\x16\x8b\xfd\xfd\xfdI\x92\xe4p8\xee\xee\xeel6\xfb\x85\xad\x8d\xe3xAAAEE\x05\x97\xcb}\xf8\xf0aaaa^^\xde\xbf\xff\xfe{\xef\xde\xbd\x92\x92\x12\xadV+\x91H&lt;&lt;&lt;:v\xec\xd8\xb1c\xc7\x80\x80\x00.\x97\x0bo\xa4(\x8a\xa2\xa8w\x882!\xe8\x0fR\x00\x08\x04\x8d\x80 \x8c\xd5\xde\xd7j\xb5\x97.]:z\xf4hJJJeee\xc3\x86\r\xfd\xfc\xfc\xc2\xc2\xc2\x02\x03\x03\x9b4i"\x93\xc9@([,\x16\x92$\r\x06\x03\xbc\xcbh4\xbe\xf2\xc3\xb9\\.\x8b\xc5\xb2X,|&gt;\x9f\xcb\xe5Z\xfd\x03\x9dN\xf7\xe4\xc9\x93;w\xee\xa4\xa4\xa4\xdc\xbd{7//\x0f\xc7q\x0f\x0f\x8f\xe8\xe8\xe8\x0f&gt;\xf8\xa0i\xd3\xa6\xd6\xb1a([P\xb7@\n\x00\x81\xb0?`\xf2[ekYY\xd9\xf1\xe3\xc7\x0f\x1d:\x94\x94\x94\xe4\xe8\xe8\x18\x19\x19\xd9\xa3G\x8f\xb6m\xdb\xba\xb9\xb9\xe18n\xb1X*++M&amp;\x13A\x10\xb0\x7f\xf1\xe7\xc0\xa7\xbdN@[7\xbb5{\x0cI`6\x9b\xcd\xe3\xf1\x04\x02\x018\x1c*\x95\xea\xce\x9d;\xa7N\x9d\xbav\xed\xda\xbd{\xf7\xbc\xbd\xbd\xa3\xa3\xa3\x07\x0c\x18`\xd5\x04\x04A\xb0\xd9l\xa4\x06\xea\x00H\x01 \x10\xf6\x04D\xbf5\xd4s\xe1\xc2\x85\xbd{\xf7\x9e&gt;}\xda\xcd\xcdm\xc0\x80\x01\x1d:t\x08\t\t\x11\x08\x04\x04A\xe8\xf5z\x93\xc9\x04"\xbb\xc6\xcdpk\xb2\x01\xc7q\x0e\x87#\x14\n\xf9|\xbe\xc5b\xc9\xc8\xc8\xb8~\xfd\xfa\xd1\xa3GSSS\xdb\xb4i3t\xe8\xd0A\x83\x06\xf1x&lt;\x0c\xc3H\x92D\x19\x02\xa6\x83\x14\x00\x02a\x1f n\x03\xd1\x1e\x83\xc1\xb0i\xd3\xa6={\xf6&lt;}\xfa\xb4w\xef\xde#G\x8e\x0c\t\t\xe1\xf3\xf9\x06\x83A\xaf\xd7\x93$i\xe3\xca\x1c\x88\xfb\xe38.\x14\n\xc5b1\x86a\x99\x99\x99\x07\x0f\x1e\xdc\xb7o\x1fA\x10\x1f}\xf4\xd1\xc4\x89\x13\xdd\xdd\xdd1\xa4\x06\x18\x0eR\x00\x08\x84\xad\xa9j\xf5\x17\x14\x14,[\xb6\xec\xdc\xb9s\n\x85b\xd4\xa8Q111J\xa5\xd2h4\xeat::\xa4^\xad\xe9h\xd0\x04\x06\x83\xe1\xfc\xf9\xf3\x9b7o\xce\xc9\xc9\xf1\xf5\xf5\x9d;wnPP\x10\x86aV\x15e\xc7\xa1"\xde\x01\xa4\x00\x10\x08\x9bB\x92$\x88\xfe\xc2\xc2\xc2e\xcb\x96\xed\xdf\xbf?44\xf4\xeb\xaf\xbf\xee\xd0\xa1\x83\xc5b)++3\x9b\xcdv\x97\xfb/\x03\xfe\n\x9b\xcd\x96J\xa5\x1c\x0e\'77w\xe5\xca\x95G\x8e\x1ci\xdb\xb6\xed\xbcy\xf3@\r\xa0\xdc\x00\xe3@\n\x00\xf1"oh$`\xe3\x91\xd41\xc0\x94f\xb1X\x04A\xcc\x9d;w\xcf\x9e=aaas\xe6\xcci\xd7\xae\x9d\xd1h,//\xc7\x98Pc\x03\xd1!\xa1P\xe8\xe0\xe0\xf0\xe0\xc1\x83\xdf\x7f\xff\xfd\xf0\xe1\xc3\x11\x11\x11\x7f\xfc\xf1G\xa3F\x8d\xb0*\x1a\x0eA\x7f\xe8ee l\tx\xf7$I\x12\x04A\x10\x04I\x92\xd6\xc8\xef+\xa1\x9eS\xf5\xf5\xc8\x80\xa8&amp;\x04A\x80]\xbfe\xcb\x16__\xdf\xdc\xdc\xdc\xbf\xff\xfe\xfb\xc8\x91#!!!\xc5\xc5\xc5:\x9d\x8e\xcdf3\xc2|f\xb1X\x1c\x0e\xc7d2\x15\x17\x17;;;\xafZ\xb5\xea\xea\xd5\xab\r\x1b6\xec\xdc\xb9\xf3\xacY\xb3\xc0\t\xb0\x96\'!h\x0e\xf2\x00\xea\x17U\x8b=^g\xa6\xe9t\xba\xca\xcaJ(7\xc40\x0c~`\xb3\xd9\n\x85\xe2\x95\xaf\xaf\xaa6\xe8\x16\xb8\xa0\x03\x10\xca\xc70,33\xf3\xb3\xcf&gt;+//\xff\xfe\xfb\xef\x07\x0e\x1ch4\x1a\xb5Z-\r\xa3=\xd5\x07\xe2B\x02\x81@"\x91\xa4\xa4\xa4\xcc\x993\xe7\xd1\xa3G\xbf\xfc\xf2K\xff\xfe\xfd1\xe4\n0\x01\xa4\x00\xea\x05V\x19]uC\x92$y\xff\xfe\xfd\xcc\xcc\xcc\xfb\xf7\xef\xc3\x0f\x10\x85P\xab\xd5f\xb3\xf9\x85\x85\xc1b\xb1\x94J%\x8b\xc5b\xb3\xd9\x81\x81\x81\xae\xae\xaeAAA\x8d\x1b7n\xd5\xaa\x95\x83\x83\xc3\xcb\x7f\x88\xfe\xa1\x0c\xdb@\x10\x04te\x983g\xce\xc1\x83\x07G\x8d\x1a5{\xf6l\xa1PXZZ\xcah\xd1_\x15\xe8?!\x95J\x05\x02\xc1\xee\xdd\xbb\xe7\xcf\x9f\x1f\x14\x14\xb4r\xe5\xca\x86\r\x1b\xa2\xac\x00\xcdA\n\xa0.cM\xdcYw`YY\xd9\x95+W._\xbe\x9c\x9e\x9e\x9e\x9f\x9fO\x10\x84\x83\x83C\x83\x06\r\x1a5j\xd4\xa8Q#\x0f\x0f\x0f\x93\xc9\xe4\xeb\xeb+\x97\xcb\xe1\xd8\'\x80\xe38A\x10\xb7n\xdd\xc20L\xa5R\xdd\xbe}[\xa3\xd1\xdc\xbf\x7f_\xaf\xd7\x9b\xcdfgg\xe7\xc0\xc0\xc0\xb6m\xdbv\xec\xd8\xb1Y\xb3f\xd6wY\x83\x1e\xb6}h\xba`-\xf5\xc9\xca\xca\x1a2d\x88\x93\x93\xd3\xbau\xeb&lt;==\xd5ju\x9d4\x8d\xc1\xb3T(\x14:\x9dn\xf6\xec\xd9\x87\x0e\x1dZ\xbf~}LL\x0cV\xc5\x07B\xd0\r\xa4\x00\xea /w\x92IKK\xbbx\xf1\xe2\xc9\x93\'\x1f&gt;|\xc8\xe1p\x02\x03\x03;t\xe8\xe0\xe7\xe7\xe7\xe1\xe1\xe1\xe2\xe2bm&lt;\x00\xc6\xbb\xc1`\xa8*\xfd\x01(\t\xafZ\x8aN\x92dYY\xd9\xc3\x87\x0f\xef\xdc\xb9s\xfd\xfa\xf5\xc4\xc4\xc4\x92\x92\x92F\x8d\x1a}\xf0\xc1\x07={\xf6\x8c\x8a\x8a\xb2v)\xa8z\xc6\xb5\x9e`\x15\xf1+V\xacX\xbat\xe9\x82\x05\x0b&amp;M\x9aTQQ\xa1\xd7\xeb_h\xebV\xc7\x80\x93\r2\x99\xec\xc2\x85\x0b\x13&amp;L\x88\x8a\x8a\xda\xbcy3\x18\x10u\xfb\xc1\x19\nR\x00u\x8a\x17\x8e\x95&gt;|\xf8p\xe3\xc6\x8d\xc7\x8e\x1dS\xab\xd5\xc1\xc1\xc1\xbdz\xf5\x8a\x88\x88\xf0\xf2\xf2\x12\n\x85\x18\x86\x19\x8dF\xa3\xd1\x08\xd1\x1ek_x\xec\xff^\x1bR\x15P*\xd8\xf3\xfe\x01\x10P\xe2\xf3\xf9\x02\x81\x00v\xf8\x83\x07\x0f\x12\x13\x13O\x9f&gt;}\xfd\xfau\x1c\xc7;u\xea4~\xfc\xf86m\xda\xc0\xbb\xeaO\xa98\x08\xbb\x8a\x8a\x8aO&gt;\xf9$##c\xcf\x9e=AAA\xc5\xc5\xc5\xf5\xc4\x1f\xb2v$-++\x1b3f\xcc\x83\x07\x0f\x0e\x1c8\xe0\xe5\xe5\x85t\x00\rA\n\xa0\x8ePU\xf4S\x14\x15\x1b\x1b\xbbu\xeb\xd6\xdb\xb7o\xfb\xf9\xf9\xc5\xc4\xc4\xf4\xec\xd9\x13\xcem\xea\xf5z0\xf0\xab\x96\xf7\xbc\xff\xdf\x85&amp;\xf2|&gt;_,\x16\xe38\xae\xd1h\xae^\xbdz\xf0\xe0\xc1\xf8\xf8x\xa5R9|\xf8\xf0\x91#G:::b\xf5\xa0T\x1c\xc4\\bb\xe2\xf0\xe1\xc3\xc3\xc3\xc37n\xdc\xc8f\xb3\xcb\xca\xca\xac\xcd5\xeb\t\x04A\xf0\xf9|\xa9T\xbal\xd9\xb2_~\xf9\xe5\x97_~\x193f\x8c\xb5X\xc0\xde\xa3C\xfc?\x90\x02\xa8\x0bX\x03\x0eF\xa3q\xed\xda\xb5\xeb\xd6\xad\x13\n\x85\x03\x06\x0c\x186l\x98\x87\x87\x87\xc5b)//7\x99LX-\x97\x99[\x95\x01\x97\xcbupp\xe0p8\xc5\xc5\xc5\xb1\xb1\xb1;v\xec\xf8\xf7\xdf\x7f\xfb\xf7\xef?s\xe6L\xd0CuU\r\x80\xf4?|\xf8\xf0\xf8\xf1\xe3\x7f\xf8\xe1\x87I\x93&amp;\xd5\xd5\x88\x7fu\x80\x14\x94\xb3\xb3\xf3\xf5\xeb\xd7G\x8c\x181f\xcc\x98\x85\x0b\x17Z\x0fC\xd8{t\x08\x0cC\n\x80\xe9X\xe3*f\xb3\xf9\xcf?\xff\xdc\xbe}\xbbL&amp;\x9b8qbLL\x0c\x9f\xcf\xb7\x16t\xda&gt;\xf6\x02\xe5@&lt;\x1eO*\x95\xe28~\xfd\xfa\xf5\xe5\xcb\x97gggw\xef\xde}\xd6\xacYnnn\xd8sqi\xcbQ\xd5\x1eV\x0fl\xf9\xf2\xe5K\x96,\xf9\xfb\xef\xbf?\xf8\xe0\x83\xa2\xa2"\x0e\x87S\xf7\xf4\xdc[a6\x9b\x95Jeqqq\xf7\xee\xdd}||\xf6\xef\xdf\x8f\xa1\xb40m@\n\x80\xa9T\x8d\xf9\xacZ\xb5\xea\xaf\xbf\xfe\xf2\xf6\xf6\x86\x8e\x02\x90\x9e}\xa1\xfe\xc7\x8e\x83\xc40\xcc\xc1\xc1A \x10\xe4\xe6\xe6\xaeZ\xb5\xea\xd4\xa9S\xfd\xfa\xf5\x9b?\x7f\xbe\xa3\xa3c\xdd\xb0\x07\xad75\x8e\x1e=\xfa\xfa\xf5\xebW\xaf^uqqQ\xa9T\xf5-\xec\xf3:\x08\x82\x10\x08\x04\x0e\x0e\x0e\xfd\xfb\xf7\x7f\xfc\xf8\xf1\xa5K\x97\x1c\x1d\x1d\xeb\xadcD+\x90\x02`$\xd6\xcds\xe2\xc4\x89\xa5K\x97\x9aL\xa6\xd9\xb3g\x0f\x1a4\xc8\xdaQ\x80n[\xabj\xff\x80\xa4\xa4\xa4E\x8b\x16\xe5\xe4\xe4L\x992e\xea\xd4\xa9\x18\xc3]\x01\xab&amp;\x1e&lt;x\xf0\xb3g\xcf\x0e\x1d:$\x95Ju:\x1ds\x9f\xa86\x80\xafH"\x91L\x9e&lt;\xf9\xf2\xe5\xcb7n\xdc\x80Rc\xba-\xd4\xfa\x06R\x00\x0c\xc3\xdaCX\xab\xd5N\x9f&gt;\xfd\xdc\xb9ss\xe7\xce\x9d4i\x12EQ*\x95\x8a\xe6u&amp;P\x1f"\x91H\x84B\xe1\x993g\xe6\xce\x9d\xcb\xe3\xf16m\xda\xe4\xeb\xeb\xcb\xd0\xf4\xa0U\xfa\x0f\x1c8P\xaf\xd7\x9f:u\xaa\xbc\xbc\xdch4"\xb9\xf62\xf0]999}\xff\xfd\xf7;w\xee\xbcy\xf3&amp;\xd2\x01v\x87\xbe\xc2\x02\xf12 %9\x1c\xce\xd1\xa3GCCCM&amp;Srr\xf2\xe4\xc9\x93KKK\xd5j5\x87\xc3\xa1\xb3\xf4\xc70\x0c\xc7q.\x97\xab\xd7\xeb\x8b\x8b\x8b?\xf8\xe0\x83\x84\x84\x84\x9e={\xf6\xed\xdbw\xe9\xd2\xa5\x90\xa5x\xf9\xfc\x01\x9d\xa9*\xfd+++O\x9d:\xa5V\xabM&amp;\x13\x92h\xaf\x04rQEEE\x0b\x16,\x185jT\x9b6m\xd4j5\x9b\xcd\xb6\x96\x17#l\x0f\xf2\x00\x18\x03\xc4I,\x16\xcb\xe7\x9f\x7f~\xf2\xe4\xc9\r\x1b6\xf4\xe9\xd3\xa7\xac\xac\xccd211\xda\x00\xa5\xa8J\xa52\'\'g\xd8\xb0a&lt;\x1e\xef\xd0\xa1C\xd0&lt;\x80\x11\x8fcu\xc5\x06\r\x1a\xa4\xd7\xebO\x9e&lt;\xa9V\xabQn\xb3:\x98\xcdf\x17\x17\x97\x1f~\xf8a\xc7\x8e\x1d\xe0\x07\xa0\xef\xcd^\xa0/\x9d\x19\x80X\xcc\xce\xcen\xdd\xbauqqqzz\xfa\x87\x1f~X\\\\l\xbdR\x8aq\xb0\xd9l\x16\x8bU\\\\\xdc\xa8Q\xa3\xc4\xc4\xc4.]\xba\x04\x05\x05\xc5\xc6\xc6B\xe7\x1c\xfa\xdb%\xf0\xcd\x0f\x192D\xadV#\xe9\xffVp\xb9\xdc\xa2\xa2\xa2\xf9\xf3\xe7\x7f\xfc\xf1\xc7aaap\x97=\xfdg\xbcN\x82&lt;\x00\xbac\x8d3l\xdb\xb6m\xd6\xacY3g\xce\x9c={\xb6V\xab5\x1a\x8d\x0c\x15\xfd/\x00\x11\x00\xa5Ry\xf2\xe4\xc9\xb1c\xc7\x0e\x1f&gt;\xfc\xb7\xdf~\xc3\xe8])h6\x9b\xb9\\\xeeo\xbf\xfd\xf6\xc7\x1f\x7f\xdc\xb9s\x07\xcapi;ZzB\x10\x84\xb3\xb3s\xbf~\xfd0\x0c;v\xec\x98\xd9lF%\xb3\xb6\x07)\x00Zc\x95\xfe\x8b\x17/^\xb1b\xc5\xbe}\xfb\xbat\xe9R\\\\l\xf7\xfa\xce\x1a\xc7l6;99\x15\x14\x14\xf4\xec\xd9\xd3\xcb\xcbk\xeb\xd6\xad\x0e\x0e\x0e\xf4\xd4\x01\xe0\x8d\x81&gt;NOO\x97H$\x95\x95\x95(\xee\xff\xb6@\xed\xacR\xa9\xec\xd2\xa5K\x93&amp;M\xb6n\xdd\xca\x94\xe8_]\x02)\x00\xfaR\xb5\xbe099\xf9\xfa\xf5\xeb\xce\xce\xceu\xb8\xba\x1c\xaa\xc5%\x12ILL\xcc\xdd\xbbwo\xde\xbc)\x93\xc9\xe8V%\x02:)&gt;&gt;\xbeO\x9f&gt;\xc7\x8e\x1d\x83L&amp;\x12[\xef\x06EQ\\.\x97$\xc9\xb0\xb0\xb0\xe9\xd3\xa7\x7f\xf1\xc5\x17t\x9b\xee:\x0f\xed\xcc+\x04P\xb5\xc2\xa4\xbc\xbc&lt;33S"\x91\xa8\xd5\xea\xba*\xfd1\x0c\x83{\xa6T*\xd5\x91#GF\x8c\x18\x11\x1e\x1e\x0eU"\xf4)\r\x02kI\xadV\xf7\xed\xdbw\xd5\xaaU\xed\xdb\xb7\xaf\xc3\xfa\xd8\x06\xb0X,\x93\xc9$\x10\x08\xce\x9e=\xfb\xcd7\xdf\\\xbbv\x8dV\xd3]\x1f@\x1e\x00\x1dy\xa1\xbe\xf0\xe4\xc9\x93eee\xd0^\xdf\xdeC\xabu\xac\rd~\xf8\xe1\x87\xed\xdb\xb7\'&amp;&amp;\xd2\xa7Z\x1cb\x14]\xbat\xf1\xf4\xf4\\\xb7n]QQ\x11\x92\xfe\xef\x0f\x14\x05\xed\xdd\xbbw\xda\xb4i999\x8e\x8e\x8eL&lt;\x11\xc2P\x90\x02\xa0\x1d/K\xffzXab\xad\x14\xa4\x8f\x0e\x00\xe9\xbfx\xf1\xe2\xbd{\xf7\xa6\xa6\xa6\x96\x95\x95\xd5\xab\x19\xa9U`\xba\xc7\x8f\x1f\x7f\xef\xde\xbd\x0b\x17.@\x8e\xdd\xde\x83\xaa\x17 \x05@/\xac]e\xea\xb3\xf4\x07\xaaV\x8b\'$$(\x14\n;~\x0f\xf0\xa7o\xde\xbc\xd9\xb5k\xd7\xd4\xd4\xd4\x06\r\x1a\x18\x0c\x86z8)\xb5\x07EQ2\x99\xacu\xeb\xd6\xa3G\x8f\x9e3g\x0eJ\x08\xdb\x06\xf4\x15\xd3\x0b\xa8.\x1f:th=\x97\xfeX\x95jq\x8b\xc5\x12\x19\x19y\xfd\xfau\x99LV\xf5\xe2\x1a\x9b\x01Z\xb9\xbc\xbc|\xd8\xb0a\xeb\xd6\xadk\xd9\xb2eqq1\x12O5\x8e\xc1`8r\xe4H\xfb\xf6\xed\xbbv\xed\x1a\x16\x16VoW\xbe-A\x1e\x00\x8d\x00\xcfw\xc6\x8c\x19\xff\xfc\xf3ONNN}\x96\xfeV\xc0\x0f\xf8\xec\xb3\xcf\x92\x92\x92\xd2\xd2\xd2\xecr\x91\x00D\x9fF\x8d\x1a\xa5\xd5j\x8f\x1e=\x8a\xa4\x7f-\x01\'\x03V\xae\\\xb9b\xc5\x8a\x9c\x9c\x1c\xac\x96\xaf\xaf@`H\x01\xd0\x07\x902\xabW\xaf^\xb2dIrr\xb2H$Bg\x8b\xb0\xe7\x19\x11\x85B\xd1\xbbwoGG\xc7}\xfb\xf6\xd988\x00:\xf8\xc6\x8d\x1b\x03\x07\x0eLKK\x13\x08\x04\x04A \xa9TK\x90$\xe9\xe4\xe4\xd4\xb1c\xc7^\xbdz\xcd\x9d;\xd7\xee\x89\x9f:\x0fR\x00\xb4\x00\xa4\xcc\xad[\xb7"##\xcf\x9e=\xdb\xb6m[T]n\x05.\x96!I\xd2\xcf\xcf\xef\xdbo\xbf\x9d2e\x8a\xcdt\x80\xf5&gt;\x03//\xaf\x193fL\x992\x05\x99\xff\xb5\nEQ"\x91(;;\xbbc\xc7\x8e\xc9\xc9\xc9p\x9f\x1d2\x83j\x0f\xa4\x00\xec\x0fH\x19\x83\xc1\xe0\xe3\xe3\xf3\xed\xb7\xdfN\x9c8\xb1\xa8\xa8\x88\xc7\xe3\xa1\xa9\xb1B\x92\xa4T*\xcd\xca\xcaj\xdf\xbe\xfd\xd5\xabW\x83\x83\x83m\x13\x1c\x03\x0b\xf4\xa7\x9f~\xda\xb7o_JJJii)2Hk\x1b\x08\xfaM\x9d:5;;\xfb\xec\xd9\xb3\xc8\t\xa8U\x90\x02\xb0?`\xcf\x0e\x1a4\x88\xcdf\xef\xdf\xbf\x1fU\x97\xbf\x12\x90\x0bk\xd6\xac\xf9\xf9\xe7\x9f\xef\xdc\xb9#\x14\nk;@\x0c\xb9_\x8dF\xd3\xacY\xb3\xd3\xa7O\x07\x07\x07WTT k\xd46\xb0\xd9lOO\xcf\xed\xdb\xb7\xf7\xec\xd9\x13\xe9\x80\xda\x03)\x00;\x03\x8b{\xcb\x96-\xf3\xe6\xcd\xbbw\xef\x9e\xc1`\xb0K\xa1\x0b#\x00\x1d\x10\x13\x13#\x14\n\xf7\xec\xd9S\xdb\x81 k\xee\x17n\xadA\xc1\x1f\x9bA\x92\xa4B\xa1\xd8\xb5k\xd7\x8f?\xfe\x98\x96\x96\x06M\xe2\xd0\xa6\xa8\r\x90\x02\xb0\'\x10_.,,\x0c\x0e\x0e\xde\xbf\x7f\x7f\xdb\xb6m\xcb\xcb\xcb\x91\xb1\xf3:,\x16\x0b\x9b\xcd6\x9b\xcd\xa1\xa1\xa1\xabW\xaf\xee\xd3\xa7O\xed\xd9\x86p\xf7\xce\xdd\xbbw\xdb\xb5k\x97\x9e\x9e\xee\xe4\xe4d2\x99\x90\x0c\xb2\x19\x14E\xc9\xe5r\x7f\x7f\xff)S\xa6L\x992\x059\x01\xb5\x04R\x00\xf6\x04\x96u\xf7\xee\xdd\xbd\xbc\xbc\xfe\xfc\xf3O\x14\xfc\xf9O\x08\x82prr:r\xe4\xc8\x84\t\x13\xf2\xf2\xf2\xc4bq-\xd9\x8605\xfd\xfb\xf7o\xd0\xa0\xc1\xbau\xeb\x90\xf9ocH\x92\x94\xc9d\x87\x0e\x1d\xfa\xfa\xeb\xaf\xf3\xf2\xf2\x90\x13PK \x05`7@\xc4l\xdb\xb6m\xfe\xfc\xf9w\xee\xdc1\x9b\xcdh}W\x07\xa8\x16\x1f8p\xa0X,\xde\xb1cGm\xd8\x86\x90a\xce\xc8\xc8\x88\x8a\x8aJIIqvvF\xe6\xbf\xed\xa1(\xca\xd1\xd1188x\xe2\xc4\x89\xc8\t\xa8%\x90\x02\xb0\x0f\x90`$\x08\xa2e\xcb\x96\x7f\xfc\xf1\xc7\x80\x01\x03T*\x15Z\xdf\xd5\xc1b\xb1p\xb9\\\xb5Z\x1d\x14\x14t\xe5\xca\x15??\xbf\x1a\xaf\x14\x04Y\x13\x1d\x1d\xed\xe6\xe6\x86\xcc\x7f{A\x92\xa4\\.?p\xe0\xc0\xcc\x993srr\x04\x02\x01\x86aH\r\xd7,\xa8\xa4\xc1&gt;\x80\x8d9o\xde&lt;??\xbfA\x83\x06\xa1\xfa\xc2\xea\x83\xe3\xb8\xc1`h\xd2\xa4\xc9\xec\xd9\xb3?\xfb\xec\xb3\x1a\x97\x08\xa0N\x9e&gt;}\x9a\x9c\x9c&lt;{\xf6l\x9dN\x87\xa6\xc6.\xb0\xd9l\x8dF3p\xe0@\'\'\xa7c\xc7\x8e\xe18\x8e\xae\x8f\xafq\x90\x07`\x07\xe0;/))\xf1\xf4\xf4&lt;y\xf2$\xaa/|7X,\x96\xb7\xb7\xf7\xe6\xcd\x9b{\xf5\xeaU\x83\xf1\x01\xf8\xa8\x193f\x14\x17\x17\xef\xdc\xb9\x13\x99\xffv\x04R&gt;\x9b6m\xda\xb0aCBB\x02\xea\x8cR\xe3\xa0o\xd3\x0e@\x85\xc9\x92%K\x06\x0c\x18\xd0\xae]\xbb\xf2\xf2r\xb4\xac\xdf\x168\x1a\xb6t\xe9\xd2\xef\xbf\xff\x1e\xab\xb9\xc8\x00\x98\xff\x95\x95\x95G\x8e\x1c\xf9\xf4\xd3O\x8dF#\x9a\x1a;\xc2\xe1p\xb4Zm\xff\xfe\xfd\xf3\xf3\xf3o\xdd\xba\xc5b\xb1\x90\x13P\xb3\xa0\xc5mk@\xc4\x14\x14\x14\x1c?~\xfc\x7f\xff\xfb_EE\x05\x8a0\xbc\x03l6[\xa5R\x8d\x181\x82$\xc9\xe3\xc7\x8f\xb3X\xac\x1a\xb9I\x8a$I\x1c\xc7\xb7m\xdb&amp;\x95J;v\xec\xa8\xd3\xe9\x90\x02\xb0/&amp;\x93\xc9\xd9\xd9\xb9W\xaf^\x8b\x17/\xc6\x9e{\xcf\x88\x9a\x02-n[\x03\xe6\xff\xd2\xa5K\xdb\xb4i\xe3\xe1\xe1QQQ\x81\xf2Z\xef\x06EQ\x1c\x0eg\xfc\xf8\xf1\x0b\x17.\xc4j\xc8\t\x00q\xbf{\xf7\xeeQ\xa3Fq\xb9\\do\xda\x1d\x16\x8be0\x18\xc6\x8e\x1d\x9b\x90\x90\x00\xa7d\x90\x0e\xa8A\x90\x02\xb0)`\xfe\x17\x17\x17\xef\xda\xb5k\xf2\xe4\xc9\x06\x83\x01\x99\xff\xef\x0c\x87\xc3)++\x1b4hP~~\xfe\xa9S\xa7\xde\xdf\t\x80\x10\xf3\xdd\xbbw\xef\xdd\xbb\xf7\xf1\xc7\x1fk\xb5Z4;v\x87\xc5b\xe9t\xba\xf0\xf0\xf0F\x8d\x1a\xed\xdc\xb9\x13\xc30tip\r\x82\x14\x80M\x81\x08\xc3\xd6\xad[\x83\x82\x82\xa2\xa2\xa2P\xf4\xff=1\x9b\xcd\n\x85b\xfc\xf8\xf1+W\xae|\xffO\x03{\x7f\xd7\xae]!!!\xee\xee\xeeF\xa3\x119g4\x01\xc7\xf1\x81\x03\x07\xee\xde\xbd\x1b{\xee\xa5!j\x04\xf4U\xda\x14\xc8bm\xdf\xbe\xfd\xd3O?\x05e`\xef\x111\x1b6\x9b\xad\xd3\xe9F\x8c\x18\x91\x96\x96\xf6\xf8\xf1\xe3\xf7\x8c\x0f\xc0\xec\x9c&gt;}\xfa\xf3\xcf?GM\xff\xe9\x038\x01\xc3\x87\x0f\xcf\xcf\xcf\xff\xf7\xdf\x7fY,\x16\x8a\x02\xd5\x14H\x01\xd8\x0e\x92$Y,\xd6\xb5k\xd7\xf4z}\xbf~\xfdP\x84\xe1\xfd\xc1q\xbc\xb2\xb2\xd2\xc3\xc3#44t\xfd\xfa\xf5\xd8{\xc4\x07 \xfes\xe7\xce\x9dg\xcf\x9eEDD\xe8\xf5zdi\xd2\x04\x1c\xc7\x8dF\xa3\xbb\xbb\xbb\xab\xab\xeb\xe1\xc3\x871\x14\x05\xaa9\xd0\x12\xb75+W\xae\xec\xdf\xbf\xbfT*%\x08\xc2\xdec\xa9\x0b\xe08N\x10\xc4\xe7\x9f\x7f\xbew\xef^\x93\xc9\xf4\xce:\x15\xe2?\x87\x0f\x1fn\xdd\xba\xb5\xab\xab+\xea\xfd@+\xa0En\xef\xde\xbd\x8f\x1e=\x8a\xa1\xf3\xc05\x07R\x006\x02:Yj\xb5\xdak\xd7\xae\r\x1c8\x10\x15\x98\xd7\x14\x10\x05\xea\xd8\xb1\xa3\xc1`\xb8q\xe3\x06\x8e\xe3\xeff\x1e\xc2t\\\xb8p!::\x1a\xc9\x17\xba\xc1f\xb3+++\xfb\xf4\xe9\xf3\xe0\xc1\x03\xb5Z\x8dj\x81j\n$\x83l\x04\x18\x98\'N\x9c\x90\xcb\xe5aaa\xf4&lt;\xfa\x0bw\x93\x91$I\xfc_H\x92\xa4\xf3~3\x9b\xcd2\x99\xacS\xa7N\xdb\xb7o\xc7\xde\xa9T\xdcZ\x9d\x95\x97\x97\xd7\xa1C\x87:\x13\xffy\xc3\x842\xab\xc2\x15b}^^^"\x91\xe8\xda\xb5k\xd8\xf3\r\x85xO\xd0\x19w\x1b\x01R\xe9\xe4\xc9\x93={\xf6\x14\x08\x04\xe5\xe5\xe5\xb4j0\x00V3\x97\xcb\x15\x08\x04\\.\x17\xc4\x9f\xf5j\x1a\x82 \x0c\x06\x83\xc1`\xc00\x8c\x86y\x0b\x88\x02\r\x1a4h\xc1\x82\x05\x14E\xbd\xc3\x08\xe1]qqqnnn&gt;&gt;&gt;eeeLW\x00\x14EQ\x14\x05\x13\xca\xe3\xf1^\x98P\x8a\xa2L&amp;See\xa5\xbd\x87\xf9\x16\x90$)\x14\n\xa3\xa2\xa2\xce\x9d;\xd7\xaf_?:[$\x0c\x82F2\xa8n\xc3f\xb3\x8dFcbb\xe2\x9a5kL&amp;\x13}\xe4\x0b\xa4\xa6\xa5R)\x87\xc3)**JKK\xcb\xcd\xcd}\xfc\xf8\xb1V\xab5\x9b\xcdB\xa1\xd0\xc9\xc9\xa9e\xcb\x96\x01\x01\x01\xcd\x9b7\xb7X,Z\xad\xb6\xb6\xefb|[ \n\xd4\xa9S\'\xa3\xd1x\xe7\xce\x9d\xd6\xad[\xbfm\xd3\x18\x90&amp;\x17/^\x0c\x0e\x0e\xe6p8\x8c\xee9\x03V\xbfX,\x16\x08\x04\xa5\xa5\xa5)))999\x8f\x1e=\x82\t\xe5\xf1x2\x99\xacq\xe3\xc6\xadZ\xb5\xf2\xf2\xf2\xa2\xd5&lt;\xbe\x19h\x06\xd7\xa1C\x87\xd5\xabW\xa3\x9b\xe2k\n\xa4\x00l\x01\x08\x94\xcc\xccL\x82 Z\xb7nM\x93\x08\x03H\nGGG\x82 .]\xba\xb4o\xdf\xbeK\x97.\xdd\xbf\x7f\xff\x95/V(\x14\x1d;v\x9c0aB\xf7\xee\xdd\xcb\xcb\xcb\xe1&lt;\xb3\x8d\x07\xfc\x06\xa0kX\xcb\x96-\xcf\x9f?\xff\x0e\n\x00*\x0bo\xdc\xb81i\xd2$F_\xc9I\x92$\x97\xcb\x95\xc9d\xb7n\xdd\xda\xbd{\xf7\xc9\x93\'333_\xf9J\x0e\x87\x93\x9c\x9c\xdc\xb2eK\x83\xc1@\x87\xd5\xf8\x9f@\x8f\xa6\xb0\xb0\xb0\xa7O\x9f\x16\x15\x15\xb9\xba\xba2z\xa6h\x02R\x00\xb6\x00\xe4\xd1\xe1\xc3\x87[\xb4h!\x97\xcbKJJ\xec\x1eH\xb1X,|&gt;\x9f\xcf\xe7\x9f:uj\xf9\xf2\xe5\x17.\\\x80\xdf\xf3x&lt;OO\xcf&amp;M\x9a(\x95J.\x97\xab\xd7\xeb\x9f&lt;yr\xf7\xee]\x95Ju\xe4\xc8\x91\xa3G\x8fN\x9a4\xe9\xe7\x9f\x7f&amp;I\x92V\xe7\x18\xc0\x84\x8f\x8a\x8a\x8a\x8d\x8d\x9d1c\xc6[\r\x0c\xccI\x8dF\xf3\xe4\xc9\x93\x80\x80\x00\x83\xc1@\x9f\xe7z+H\x92tpp\xd0j\xb5\xdf}\xf7\xdd\xe6\xcd\x9b+**0\x0c\x13\x08\x04\xbe\xbe\xbe\xcd\x9b7wrr\xe2\xf1xF\xa3\xb1\xa4\xa4\xe4\xc1\x83\x07yyy\xb4\xf2D\xff\x13\x1c\xc7M&amp;S\xe3\xc6\x8d\xf9|~ZZZ\x8f\x1e=\xde-\xdc\x87\xa8\nR\x00\xb6\x00\x04\xca\xb5k\xd7\xbav\xed\x8a\xd1\xa0\xa1\x95\xc5b\xe1p8\x8f\x1f?^\xbat)$N1\x0c\xeb\xd4\xa9\xd3G\x1f}\x14\x15\x15\xd5\xa4I\x13\x89D\x02q\x1e\x8b\xc5b4\x1a\x9f={v\xfa\xf4\xe9?\xfe\xf8\xe3\xde\xbd{\xabW\xaf.,,\xdc\xbe};\xadj\xb1Y,\x96\xd1h\xec\xd0\xa1\xc3\xda\xb5k\xf5z\xbdH$\xaa\xbey\x08\xaf\xbc{\xf7.\x8f\xc7k\xd1\xa2\x05C\x0b\xb4\x08\x82ptt\xcc\xca\xca\x1a9r\xe4\xed\xdb\xb71\x0c\x0b\n\n\xfa\xf4\xd3O\xbbt\xe9\xd2\xa4I\x13\x91Hd\x9dP\x8a\xa2*++\x1f=z\xa4P(\x98\xa5\x03H\x92\x14\x8b\xc5-[\xb6LHH\xe8\xd1\xa3\x87\xdd\xf7Q\x1d\x00)\x00[\x00\r\xad\xf2\xf3\xf3###\xe9\xb0\xe5(\x8a\x12\x89D\xd7\xaf_\x07\xe9\xdf\xb9s\xe7\x993gv\xe9\xd2E \x10TVV\x1a\x8dF\xadVk\xdd],\x16\xcb\xd5\xd5u\xca\x94)\x83\x06\r\xfa\xe4\x93O\xce\x9c9s\xf0\xe0\xc1\xe0\xe0\xe0o\xbf\xfd\x96&gt;\xf7\xd8@|\xc0\xcf\xcfO$\x12\xe5\xe6\xe6\x06\x06\x06\xbe\x95\x02\xc00,33\xb3y\xf3\xe62\x99\x8c&gt;\x0fU}H\x92\x94H$YYY\xbdz\xf5z\xf6\xec\x99P(\xfc\xee\xbb\xef&amp;O\x9e,\x95J\xf5z\xbd\xd1h\xd4h4X\x95$0\x9b\xcdn\xde\xbc9A\x10\xcc\xaa\xa5\x81\x99\n\n\n\xca\xc9\xc9\xb1\xf7X\xea\x08H\x01\xd4:\x10\xffy\xf2\xe4\x89\xc9d\xf2\xf4\xf4\xac\xac\xac\xb4{\x84\x01N$\x8c\x1c92!!\xa1e\xcb\x96\x103\xd1j\xb5\xd0\xfd\x18\xa8\xfaz\xb3\xd9\\TT$\x95Jw\xef\xde\x1d\x15\x15\x95\x93\x93\xf3\xc7\x1f\x7f\x8c\x181B\xa1P\xd0\xa7e\x02A\x10J\xa5\xb2A\x83\x06\xc9\xc9\xc9\xa0\x00\xaa\xf9Fxezzz\x8b\x16-\xc0F\xae\xcda\xd6&lt;\x16\x8b\x85\xc7\xe3\x95\x95\x95\r\x192\xe4\xd9\xb3gr\xb9|\xe7\xce\x9d\xbd{\xf7V\xab\xd5\x10l\xc4q\xfce\x95\xc6\x94\xd0\x7fU`v\xfc\xfc\xfc b\xc9\xb8\xf1\xd3\x10\xf4\r\xd6: Pn\xdd\xba\xe5\xe4\xe4\xe4\xea\xeaJ\x13\x89\x89\xe3\xb8^\xaf_\xb9r\xe5W_}UQQ\x01\x85\x8f\x1c\x0e\xe7\x95\x9b\n\xc7q.\x97[^^\xaeT*g\xcc\x98AQTII\xc9\xb9s\xe7\x1c\x1c\x1c\xe8cB\xc2\xf7\xec\xef\xef\x9f\x98\x98\x88\xbdM\x9c\r\xa6#++\xabu\xeb\xd6L\xcc+R\x14\xe5\xe0\xe00g\xce\x9c\xec\xecl&gt;\x9f\xbfe\xcb\x96\xde\xbd{\x17\x16\x16B\xa0\xefu\x8f\xc3D\xe9\t\xb7\x81z{{k4\x9a\xb2\xb22&amp;jk\xba\xc1\xbcE\xc08`\x8d&amp;%%\xb5j\xd5\x8anW\x1a\x81\xe8\xc7\xaaW\xdd\xcf\xe5r\xe1\xcc\xadD"\xc1q&lt;99\x99V;\x10\xc7q\x1c\xc7\x83\x82\x82\xee\xdc\xb9\x83\xbd\x8d\x80\x83\xfa\xc2\xd2\xd2R777\xfa&lt;N5\x81\x9b\xd1\xce\x9f?\xbfc\xc7\x0e\x0c\xc3f\xce\x9c\xd9\xbf\x7f\xff\xc2\xc2B\x1e\x8f\xc78M\xf6\x9f\xc0\x81\x0f\'\'\'\x93\xc9\x84.\xd2\xa8\x11\x90\x02\xa8u`\x99\x16\x14\x14\xb8\xb9\xb9\xd1m\xc9\xb2X\xac\xb7\x8aw\x13\x04\xa1P(\x1a4h`\xb1X\n\n\nhU\x08\x04\xd2\xa1A\x83\x06:\x9d\xae\xfa\x9d|\xa0\x04H\xadV\xab\xd5j??\xbf\xca\xcaJ\xc6\x99\xc68\x8e\xff\xfe\xfb\xef\x14E\xf9\xf8\xf8|\xfd\xf5\xd7j\xb5\x9a\xcb\xe5\xda{P\xb5\x02\x8e\xe3f\xb3\xd9\xcd\xcdM&amp;\x93\xa5\xa5\xa5a\xe8&lt;\xf0{\xc3\xb0\xb5\xceD@\x12egg\xfb\xfb\xfbc\xcc\xefc\xc5f\xb3y&lt;\x1e\x86a\x04A\xd0\xca^\x86\xf8\x80\x97\x97\x97Z\xad\xd6\xe9to\xe5\x9d\x98L&amp;\x8b\xc5"\x10\x08\x98%P \xf8\x93\x94\x94\x041\xf1\xa9S\xa7\xcad2\x9a\xc4\x18k\t\x88k\xf1x&lt;\xbd^o\xef\xb1\xd4\x05\x90\x02\xa8u\xa0\x8d\x89Z\xad\x96\xcb\xe5L\xdf\x9c\xd0\x98\xb7\xbc\xbc\x1c\xc30\xb9\\N\xb7j\x19\xa8n\xb2X,\x8f\x1f?\xc6\xaa\x97\x06\x00\x89\x7f\xeb\xd6-\x99L\xd6\xa8Q#\xb3\xd9\xcc\xa0\t\xa2(J \x10\x1c9r\xc4d25l\xd80::\x1a.M\xb4\xf7\xb8j\x11\xa8\xfd\xf7\xf3\xf3\x8b\x8b\x8b\xc3hPQ\xcdt\x90\x02\xa8] \xa9\xa8\xd5j\r\x06\x83\xaf\xaf/\x1dJ\x80\xde\x19\xa86y\xfc\xf8q~~&gt;\x86a&gt;&gt;&gt;\xb4\xba\x9a\xc3\x1a\x1fpvv\xbew\xef\x1e\xf66\xd2\x81 \x08\x88\x86\xd1\xe7q\xaa\x03\x87\xc3\xd1j\xb5g\xcf\x9e\xc5q\xbc{\xf7\xee\r\x1b6\xac\'\xb7\x98q8\x1c\xd4M\xbdF@\n\xc0\x16\xf0\xf9|8\xc7\xc8\xb8\xf8rU\x08\x82\x10\n\x85G\x8e\x1c\x81\x962]\xbbv\xa5a\xc4\x9c$I\xb3\xd9,\x16\x8b\xdf\xea]\xd0#\x93Y\xd2\x1f\xcc\xff{\xf7\xeeeffZ,\x96.]\xba\xbcP\xc2dm\x05\n\xbd?\x99\x15\xddz30_\xf6\x1eE]\x80^\xbb\xb7\xee\x012\xe5\xc1\x83\x07"\x91H\xa9T2w\xd5\x9aL&amp;\xa5Ry\xeb\xd6-\xb8x\xab\x7f\xff\xfe\xa1\xa1\xa1tkj\r\x97.4n\xdc8;;\xbb\xfao\xc10,..\xce\xcb\xcb\x8bY\x1e\x004\xf3HKK3\x18\x0cB\xa1000\x10\xce0[,\x168\xe1\xc5\xe5r\xc5b\xb1\xa3\xa3\xa3L&amp;\x93H$\x02\x81\x00\xc30\xc6\x1d\xfez\x01H\xed\x84\x86\x86\xde\xbau\x0bcf1+\xad@\x07\xc1j\x97\x17\x14\x80J\xa5\xa2s\x88\xf6e\xf1GQ\x14HUWW\xd7\xec\xec\xecQ\xa3F\xa9T*77\xb7\x1f\x7f\xfc\x91\x86\xe1,(\xe9\xb1*\x80\xb7J\x02\xcb\xe5rZU\xb5\xfe\'`\xefC\xcdk\xd3\xa6M\x1b5jd2\x99H\x92\xe4\xf3\xf9r\xb9\x1cN\x9e\xe7\xe7\xe7k\xb5Z\xf0\x15\\]]\xdd\xdd\xdd\x9d\x9c\x9c\x0c\x06\x03hn\xbaM_\xf5Q(\x14\xb4\xeaD\xc2\\\x90\x02\xb0\x05\\.\xd7b\xb1\xd0\xaah\xf2ep\x1c\xafjO\xc1\xf1Q\x1e\x8f\x07G\xc0v\xec\xd81g\xce\x9c\xfc\xfc|ww\xf7\xfd\xfb\xf77i\xd2\x84\xb6w\x1a\x9b\xcdf\x07\x07\x87\xb7z\x0b\x94\x90\xd6\xd2xj\t\xb8\xfb\x0c\xb2\x1d\xcd\x9a5\x93H$\x1a\x8dF\xa9T\x16\x16\x16n\xdd\xba\xf5\xc8\x91#)))p\xc8\x03\x10\x08\x04\xadZ\xb5\xea\xd6\xad\xdb\x88\x11#\x82\x82\x82\xca\xca\xca\x98x\xea\r`z1\x05}@\n\xc0\x16\x80]I\xe7%\x0b\x19\xd4\xaa\xfb\x8a \x88\xb2\xb2\xb2\x87\x0f\x1f\xde\xb8qc\xff\xfe\xfd\xb9\xb9\xb9\x18\x86\r\x1c8\xf0\xc7\x1f\x7fl\xde\xbc9m\xa5?\xf6&lt;J\xf0\x0e\xef\xaa\x8d\xc1\xd4\x1e\xd0\xfe\xe8\xd9\xb3g\x18\x865n\xdc\x98\xc5b9::\xee\xdc\xb9s\xe1\xc2\x85\x0f\x1f&gt;\xc40\x0cz\xdbI\xa5R\x8b\xc5\xa2V\xab\x9f&lt;y\x92\x9e\x9e\x9e\x9e\x9e\xbe~\xfd\xfa\xa9S\xa7\xce\x9b7\x0f\xae\x06c\xdc\x83c\x0c\x9c,\xda\x82\x14\x00\xe2\xffu\xd1Y\xbat\xe9\xfa\xf5\xeb\xb9\\.8\xd7P\xee\xa9\xd3\xe90\x0ck\xd6\xac\xd97\xdf|3d\xc8\x90\xe0\xe0`\xadV\xab\xd1hx&lt;\x1e\x83\xa2%u\x0f\x88\xcb\xe9t\xba\xd2\xd2R\x0c\xc3\x9c\x9d\x9d9\x1c\xce\xec\xd9\xb3\x97/_\x8ea\xd8\x80\x01\x03\x86\x0c\x19\x12\x14\x14\xa4T*a\xa6 "t\xf5\xea\xd5\r\x1b6\xdc\xb9s\xe7\xa7\x9f~\xba{\xf7\xee\xce\x9d;!Q\x8c\xe4i\xbd\x05)\x00\x04\x86a\x18\x8b\xc5\xca\xcf\xcf\xff\xf7\xdf\x7f_\xf9\xbff\xb3\xf9\xe1\xc3\x87\x97/_6\x1a\x8d!!!\x1c\x0eG\xaf\xd7\xd3\xd6\x03\xa8\'@\x8bY\xadV\x8baX\xcb\x96-W\xae\\\xb9|\xf9r\x1f\x1f\x9f\xe5\xcb\x97w\xeb\xd6\r\xc30\x83\xc1`6\x9b!\xe5+\x14\n\xbd\xbc\xbc\x82\x82\x82F\x8f\x1e=k\xd6\xac\x8d\x1b7\xc6\xc6\xc6~\xfd\xf5\xd7k\xd6\xac\x81;\xd6\xed\xfc0\x08;\x81\x14\x80-\xa0\xb9\x85\xc5f\xb3\xcb\xcb\xcb\xc7\x8d\x1b\xd7\xb3gO(#\xb1X,&amp;\x93\xa9\xac\xac\xec\xd9\xb3g\xb9\xb9\xb97n\xdc\xd8\xbbw\xef\xde\xbd{9\x1cNLL\xcc\xbcy\xf3\xfc\xfc\xfc4\x1a\rm\x05\xc7\xdb~\xe1\xccJ\xff\x02,\x16K\xaf\xd7\xc3\xbd\xbeW\xaf^\xdd\xbe}{\xfb\xf6\xed\x0f\x1e&lt;\xe8\xec\xec\xacR\xa9\xac\x19\x1d\xf8*\xe0^x\x9dN\xc7\xe7\xf37l\xd8P^^\xbeo\xdf\xbe\r\x1b6\xf4\xef\xdf\xbfG\x8f\x1eeee\xb4\x9d\xcaW\xc2\xdc\xec\x05\xdd@\n\xc0\x16@l\x9d\xb6K\x16\x12\x00\x9e\x9e\x9e~~~U\x7f\x0f}\xa1)\x8a\xd2\xe9t\x99\x99\x99\xdb\xb7o_\xbf~\xfd\x81\x03\x07\xce\x9d;\xb7i\xd3\xa6\xe8\xe8hz\xea\x00\x16\x8b\xf5\xb6\x19]\xb3\xd9\xcc\xac\xfe9 \x01M&amp;\x13,\xad\xad[\xb76m\xdat\xdf\xbe}\x8e\x8e\x8e\xa5\xa5\xa5/?\x0b,?\x16\x8be6\x9b\xcb\xcb\xcb\x97-[v\xe5\xca\x95\x82\x82\x82\x15+Vt\xef\xde\xdd.\x8f\xf0&gt;\xf0x&lt;\xc6%\xed\xe9\t\xaa\xa2\xad]@\xe8\x07\x04\x04h\xb5\xdag\xcf\x9eA9\x90\xbd\x07\xf5\n\xa0\x91\x8e\xe6\xff\xa2R\xa9\x8a\x8b\x8bU*\x15I\x92\x81\x81\x81\x7f\xfd\xf5\xd7\xe9\xd3\xa7\x9b4i\xa2\xd1h&gt;\xfe\xf8\xe3\xeb\xd7\xafK$\x12ZU\xe3\xb1X,\x92$\xb3\xb3\xb3\xc3\xc3\xc3\xb1\xb7\xf1\x03\\\\\\\x1e=z\xc4\xb8h8\x14\xe9\xc2\xcfK\x96,qww///\x7f\xb3&amp;c\xb3\xd9\x95\x95\x95M\x9a4\x191b\x84\xc5b\xb9~\xfdzff\xa6H$b\xd0\xe1\x00\x1c\xc7\xf3\xf2\xf2\x1c\x1d\x1d1\xd4\n\xe2\xbdA\n\xa0v\x01\x81\xa2P(\xccf3\r\xcf\xcdV\x05\xea&gt;_\x80\xc3\xe1\x80\x8d_QQQTT\xd4\xa5K\x97\xfd\xfb\xf7\xcbd2\x93\xc94c\xc6\x0c\x93\xc9D7\x0f\xc0b\xb1\x94\x95\x959;;W\xf3\xf50A\xe1\xe1\xe1O\x9f&gt;e\\I\x0cL\x90\xc5b\xf1\xf2\xf2\xea\xd3\xa7\x8fF\xa3\xa9\x8e\x1f\xc3f\xb3M&amp;S\x8f\x1e=\xe0N\x88\xe4\xe4d\x81@\xc0\x14I\n\xe3\xcc\xc9\xc9i\xdd\xba5\x86\x14\xc0{C_yT\x97\x80z;F/V\x16\x8b\xc5\xe5r\x0b\n\n\xda\xb6m;m\xda4\x0c\xc3n\xdd\xbau\xf6\xecY\xba9\x01\xd0\xf3\xc0d2\xbd\xd5\xbb\x0c\x06\x03\x8f\xc7\xa3\x9b2{\x03p\x87\x81P(\x84\xce\xac\xa1\xa1\xa1\xd5\x9f\x08\xe8\xe8\xd7\xb2eK\xa5R\x89aXNN\x0e\xadz:U\x07\xa1Ph4\x1a\xed=\x8a\xba\x00R\x00\xb5\x0bd\x17\x15\n\x85T*MOOg\x96\xaf\xfd2\\.\xb7\xa2\xa2b\xd0\xa0AB\xa1\x10\xc7\xf1\x0b\x17.\xd0\xa7}\x02\xf4\xaa{\xfa\xf4iii)\x98\x87\xd51\xe7\xe15J\xa5\x12\xee\x18\xa1\xb3\x8b\xf6\x02\xd0\x0bZ*\x95b\x18\x06\xd3Q\xfd\xf7\xc2\x1d\xc2\n\x85\x02\xc3\xb0\xe2\xe2b\x06\xc5\xbe`C\xa9\xd5j\x17\x17\x17{\x8f\xa5.\xc0\x98\xe5\xce\\\xa0\x83\xb9R\xa9,//g\xca6{\x1d\x90.vwwo\xd2\xa4\x89\xc5b\xc9\xcd\xcd5\x9b\xcd\xf4\x11\x9ap6J \x10\xc8\xe5r\xecm\x14\x00\x145\x15\x16\x16\xd26I\xf3\x02ptY*\x95\xba\xba\xbab\x18\xa6V\xab\xdf\xd6\xb0\xb0\xde\xeb`4\x1a\x19\xf1\xc8\x00(\x80\x9c\x9c\x9c\xe0\xe0`\x8c\xf6\xf5u\xf4\x87.[\xb7\x0e\x03;\xd3\xc7\xc7\'%%\x85\x89\xe5\x86U\xb1F\x1ed2\x19\x86aeee\xf4i\xa0\x0f\x03\xcb\xc8\xc8\x90\xc9d\x8e\x8e\x8e\xd5\xb7jAC\x0b\x85B(jb\xca\x04Q\x14%\x16\x8b===1\x0c{\xf2\xe4\xc9\xdb^\xf2\x0emS\xb1\xe7\xadjkk\x945\r\x8b\xc5\xaa\xa8\xa8\x80\x8b01\xa4\x00\xde\x1b\xa4\x00lD\x83\x06\r\x8a\x8b\x8b\xed=\x8a\x9a\xc1\xda[\x98n\r\xc5p\x1c/,,\x94\xcb\xe5\xd5\x0fj\x83J\x86~\x99999\xccJ\x87\xe28\x1e\x1a\x1a\x8aa\xd8\xbd{\xf7\n\n\n\xaa\x7f&lt;\x1b\xce\x10h4\x1a\x0c\xc3\x94J%Sr\x00\xa0\xaa\x8b\x8a\x8a4\x1aM\xdd\xb8_\xcf\xee \x05P\xeb\xc0\x1am\xd7\xae]vv\xb6\xd1hdP\xa6\xf1e\xa0\x03AEE\x05(3\xe84@\x93\xac\x06\x88\xb0\xc4\xc4D\x08\x0eT_\xa2\xc1+\x1b7n\x0c-t\x18!\n1\x0cc\xb1XF\xa3\xb1}\xfb\xf6\\.W\xa5RA1Ou\xe6\x02\x92%\xcf\x9e=\x836\x12-Z\xb4`\xca#\xc3\xc8\x9f&lt;y"\x91H\x84B!S\x86Mg\x90\x02\xa8u\xc01\x0f\x08\x08(//\xa7\xf3Q\x80\xea\x00=\xe8\xef\xdf\xbf\xff\xf4\xe9S\x0c\xc3|}}\xa1\x0c\xd1\xde\xe3\xc20\x0c\x833k\xefp\x08\x00\xc6\xdf\xaaU\xab\xcc\xcc\xccZ\x1c_M\x03V|\xeb\xd6\xad\x83\x83\x83q\x1c\xff\xfb\xef\xbf\xab\xf9\xc8\x14E\xf1\xf9\xfc\xc4\xc4D\x82 \xb8\\\xae\xf5"\x81\xda\x1e\xf0\xfb\x03\xcb/\'\'G\xa1P\x88\xc5bt\x1e\xf8\xfda\xc0\xac3\x1d\x082\xb8\xb8\xb8888ddd\xd0\xc7ry\x87a\x90$)\x10\x08\x0e\x1c8\x00\xe1\xe3.]\xba\xd0$\x07`\xb1X\xb8\\naaaqq\xf1\xdb\xa6\x07\xe1\x95\xc1\xc1\xc1999\x14E1B\x14\x02$I\x8aD\xa2\x91#GZ,\x96\x13\'N$&amp;&amp;:88\xfcg1(\x1c!&gt;p\xe0\x00\x8e\xe3~~~~~~4?\xa1b\x05\x9a\x94\xa4\xa5\xa5\xf9\xf8\xf8`\xcf\xb3k\x88\xf7\x81\x01\xb3^\x07\xa0(\x8a\xc3\xe14k\xd6\xec\xf2\xe5\xcb\x1c\x0e\x87\x0e\x0b\x17\x8e}\xbd\xd5\xfdPf\xb3Y.\x97\xdf\xbauk\xd3\xa6M8\x8e\x87\x85\x85EFF\xd2\xe4\x16r\x8b\xc5"\x12\x89n\xdd\xbae\xb1X\xa0B\xa9\xfa\x12\r\x14\x80\xb7\xb7w~~~qq1}|\x9a\xff\x84\xcdf\x97\x95\x95\r\x1b6\xcc\xc3\xc3\xa3\xb2\xb2r\xfe\xfc\xf9\x1c\x0e\xe7\xcd\x85\x06&amp;\x93\xc9\xc9\xc9)66\xf6\xfa\xf5\xeb\x16\x8be\xc4\x88\x11\x12\x89\x84)m\x15`\xa6n\xdf\xbe\r\n\x00\xf1\xfe \x05`\x0b`Cv\xeb\xd6\xed\xc6\x8d\x1bt\xa8\xb9\x86jN\x83\xc1\xe0\xec\xec,\x12\x89\xe0\x12A\xb89\x16\x8c,x\x19\xfcLQ\x14\xfc\xaf\x93\x93S~~\xfe\'\x9f|\xa2\xd5j-\x16\xcb\x82\x05\x0b\xf8|&gt;\x1d\x94\x19\xf6\\\xc5^\xbe|9((\xe8m\xd3\x120\x1dPN\x93\x9b\x9b\xcb\xa0&lt;0\x14\x83*\x14\x8a\x1f~\xf8\x01\xc3\xb0\xb3g\xcf~\xfb\xed\xb7\x90\xd4\x85+\x8e\xe1A\xe0\x07(\xfbqrr\xca\xc9\xc9\x999s&amp;EQ\x9e\x9e\x9ec\xc6\x8caP\'8\x0e\x87\xa3\xd1h\x1e=z\xd4\xa6M\x1b\x0c\xdd\x07Y\x13\xa0o\xd0\x16\xc0\x06\xeb\xdb\xb7\xef\xb3g\xcf\xde\xaaZ\xa36\x80DneeeLL\xcc\xb7\xdf~\x9b\x91\x91\xc1\xe3\xf1\x9c\x9c\x9c\xe4r\xb9H$\xe2r\xb9\xd6}\x05\xa7\x7f\xc5b\xb1R\xa9\x94H$\'N\x9c\xe8\xde\xbd\xfb\xed\xdb\xb71\x0c\xfb\xee\xbb\xefz\xf5\xeaE\x1f\xd9\x01fo|||LL\xcc;\xbc\x17b)\x9e\x9e\x9e\xa9\xa9\xa9|&gt;\x9f)\n\x00\xc306\x9b\xadV\xab\x87\x0c\x192i\xd2$\x0c\xc3~\xf9\xe5\x97i\xd3\xa6\xb1X,\'\'\'&gt;\x9f\x0fS\t\xf3(\x95J]\\\\\xe2\xe3\xe3\xfb\xf5\xeb\xf7\xef\xbf\xffr8\x9c\xbf\xfe\xfaK*\x952\xe5v-H]\xdc\xbf\x7f\x9f\xcdf\xa3\x12\xa0\x9a\x02u\x03\xb5\x05P&gt;\xdf\xa4I\x13\xa5R\x99\x90\x90\xd0\xaf_?\xfb\xf6\xd1\x84\x08Ibbb||\xfc/\xbf\xfc\x12\x12\x12\xd2\xbe}\xfb\xf0\xf0pOOO\x17\x17\x17P\x03\x18\x86\x99\xcdf\x8dF\xf3\xec\xd9\xb3\x94\x94\x94\xd8\xd8\xd8\xb3g\xcfb\x18\xc6f\xb3\xe7\xcf\x9f\xff\xed\xb7\xdf\xd2\xa7\x15(\xe4\x06\x1f?~\x9c\x9f\x9f\xdf\xb1cG\xec\xedmC\x90\xf8\x1d:t\xb8v\xed\xda\xb4i\xd3\x18\xa4\x000\x0cc\xb1XZ\xad\xf6\xb7\xdf~\xd3\xe9t;v\xec\xf8\xf3\xcf?\xe3\xe2\xe2&amp;L\x98\x10\x15\x15\xe5\xec\xec\xcc\xe5r)\x8a\xd2h4999\x07\x0f\x1e\xdc\xb1cGee%\x8f\xc7\xdb\xb0aC\xd7\xae]KKK9\x1cf\x08\x01\x8b\xc5"\x10\x08n\xdc\xb8\x01\xd7\x9c\x91$I\x93\xe5\xc7h\x981\xf7u\x00\x88Q\xb4o\xdf\xfe\xc0\x81\x03\x03\x06\x0c\xb0\xa3\x88\x01\x83W,\x16\xff\xf0\xc3\x0f;w\xee\xcc\xcc\xcc\xbcy\xf3\xe6\xcd\x9b7\xe1\xbf\x94J\xa5B\xa1\x10\x08\x048\x8eWVV\x96\x96\x96B\xb1 \xd0\xa1C\x87y\xf3\xe6u\xeb\xd6M\xadV\xd3\xc7\x01\x87\xa6\x08{\xf7\xee\x95\xc9d\xcd\x9a5{\x87D.\xbc\xbeK\x97.\x07\x0f\x1ed\xdc]7\xe0\xfd\x18\x8d\xc6\r\x1b6x{{\xff\xfc\xf3\xcf)))\x13&amp;L\x10\x08\x04\x8d\x1a5rpp0\x99LEEE%%%\xf0\xfa\xd6\xad[\xff\xfa\xeb\xaf\xcc\x92\xfe\xd8\xf3s\x0f\xd7\xae]\x8b\x8c\x8c\xc4\x98S\xadKs\x98}0\x95A\x80\xc1r\xe1\xc2\x85O?\xfd4--\r\xa3\xc1\nvttT\xa9TIII\x97.]JLL\xcc\xc9\xc9),,\x84\xf2\x9e\xaa\x88\xc5\xe2\x96-[FDDDGGw\xee\xdc\x99\xcb\xe5\xd2\xedB`\x82 \x9c\x9d\x9d{\xf5\xea\x15\x1c\x1c\xfc\xe3\x8f?\x12\x04\xf1\xb6r\r\x84\x8bN\xa7\xf3\xf1\xf1\xd9\xbbwoXX\x98N\xa7\xa3\x8f\x86\xab\x0e\xb0\x9c\xe4ryZZ\xda\x96-[N\x9f&gt;\x9d\x93\x93Su\x8d\xc9d\xb2\xd0\xd0\xd0\x81\x03\x07\x0e\x192D*\x95\xd2m\x12\xff\x13k\xb1\xd6\x8e\x1d;\xa2\xa2\xa2\x98U\xafE[\x90\x02\xb0\x1d\x90k\xf5\xf0\xf0X\xb5jU\xef\xde\xbd\xed\x1eB!I\x92\xc3\xe1\x88\xc5b.\x97k0\x18JKK\xc1N,//\x87V\x8bB\xa1\xd0\xd1\xd1\xb1A\x83\x06nnn\xe0t\x97\x97\x97S\x14E+\xc1\x01\xa7C\xcb\xcb\xcb\x83\x83\x83/^\xbc\xe8\xe7\xe7\xf7n\xa2\x014t\xff\xfe\xfd\xc3\xc3\xc3\xe7\xcd\x9b\x07\xe5@\xb51\xe0Z\x85 \x08\xb1X,\x14\nKJJ\x1e&lt;x\x90\x9f\x9f_QQ\xc1\xe3\xf1\xe4ry\xe3\xc6\x8d\x1b7n\xcc\xe7\xf3\xb5Z-A\x10\xb4\x9a\xc4\xff\x84\xa2(\x89Dr\xe3\xc6\x8d\xf1\xe3\xc7\xa7\xa5\xa51\xab}\x05\x9dA\n\xc0v\x80e:}\xfa\xf4\x92\x92\x92]\xbbv\xd1A\xc4@\x91\x0f\xa4\x04\xb8\\.\x87\xc3\xe1p8\xd6\x06\x0f\xf0\xbff\xb3\xd9d2Au9\r\xa5\x06I\x92\n\x85b\xe3\xc6\x8d\x1b7nLHHx\xab\x02\xd0\xaa\xc0\xec\xfc\xf9\xe7\x9f\xdb\xb7o\x8f\x8b\x8b+++c\xa8\x81\t\x13\xca\xe1p\xf8|&gt;\x97\xcb\xb5^\ti2\x99\xa0\xef\x1b\xdd\x1axT\x07p\xf2\xa6O\x9f\xfe\xef\xbf\xff\x1e&gt;|\x18%\x00j\n\xe6\xd98\xcc\x05\x04\xca\xa4I\x93\xbau\xeb\xf6\xf4\xe9S\xa8\xbf\xb6\xefV\x84\xd3\x00\xf03A\x10f\xb3\xf9\x05\x83\x00\x7f\x0e\xcd\xf7\xdb\x96-[&gt;\xfb\xec3Ho\xbc\x9b\xe0\x86\x07\xec\xdf\xbf\xff\xd2\xa5K\x1f=z\xe4\xea\xeaj2\x99\x18\'(\xb1\xe7\xcb\x8c\xa2(\xbd^o\x9dM\xeb\x95\x90v\x1d\xda\xbb\x03\x85\xadW\xae\\\x993g\x8e\xbd\xc7R\xa7`\xea\x82`"\xd0\xab\xc0\xdb\xdb\xbbe\xcb\x96{\xf6\xec\x81\xa0\x8a\xbd\x07\xf5\xff\x03\x02\xe2\x85\x1b\xc1hn-B\xfa7))\xe9\xc9\x93\'\x1f\x7f\xfc1T\xb8\xbe\xdbGA\xa5V\xe3\xc6\x8d\xbd\xbc\xbc\xce\x9f?/\x16\x8bir\xc4\xe1\xddxa6i&gt;\x8fo\xc6b\xb1\x08\x85\xc2\xcc\xccL\x9dN\xd7\xb3gO\x0c\x9d\x00\xa89\xd0\xf7hS\xc0"\x9b4i\xd2\x8e\x1d;h\xd5I\x9f\xa1P\x14%\x10\x08\xd6\xaf_\xdf\xbd{wP\xa8\xef#\xe6@\xe2\xc7\xc4\xc4l\xdc\xb8\x11\x85F\xe9\x03\x9c\xd2\xd8\xbcy\xb3\xb7\xb7\xb7\\.g\xdc\xcd\x9dt\x06\t \x9b\x02}wcbbT*\xd5\xa1C\x87\x1c\x1d\x1di\xe5\x040\x0b0\x0c\xef\xdf\xbf\x7f\xe8\xd0\xa1\x193f`\xefm\x18\x82\xf70d\xc8\x90\</t>
        </is>
      </c>
    </row>
    <row r="396">
      <c r="A396" s="1" t="n">
        <v>394</v>
      </c>
      <c r="B396" t="inlineStr">
        <is>
          <t>venn</t>
        </is>
      </c>
      <c r="C396" t="inlineStr">
        <is>
          <t>What is the missing number of the part denoted with a question mark?</t>
        </is>
      </c>
      <c r="D396" t="inlineStr">
        <is>
          <t>['0', '9', '2', '1']</t>
        </is>
      </c>
      <c r="E396" t="inlineStr">
        <is>
          <t>2</t>
        </is>
      </c>
      <c r="F396" t="inlineStr">
        <is>
          <t>There are 3 overlapping circles containing the numbers ['?', 3, 7]. The overlapping part between the first and second circle contains the number 5. The overlapping part between the second and third circle contains the number 10.</t>
        </is>
      </c>
      <c r="G396" t="inlineStr">
        <is>
          <t>We observe that the circles with 3 and 7 overlap to form the part 10, where 3 + 7 = 10. Hence, the pattern is most likely that the numbers in the overlapping parts are the sum of the numbers in the corresponding circles.</t>
        </is>
      </c>
      <c r="H396" t="inlineStr">
        <is>
          <t>Based on the pattern that the numbers in the overlapping parts are the sum of the numbers in the corresponding circles, the missing number of the circle where the overlapping part is 5 should be 2.</t>
        </is>
      </c>
      <c r="I396" t="inlineStr">
        <is>
          <t>b'\x89PNG\r\n\x1a\n\x00\x00\x00\rIHDR\x00\x00\x02\x00\x00\x00\x02\x00\x08\x06\x00\x00\x00\xf4x\xd4\xfa\x00\x00\x9eOIDATx\x9c\xec\xddu\x9cTU\x1b\xc0\xf1\xdf\xbdw:\xb6\xe9\x0eIiEA\x11Ll1\xc1@\x11\x04\x04\x1b\x03[QlEQT@\x05\x0b\x05\x15\x03\x0bP\x01\xa5D\x14\x10\x94\x94\xee\xd8\x9c\x9e\xb9\xf1\xfeqg\x96x\rb\x97\xdd\x999\xdf\xcf\xc7W\xdf\xcd\xbb\xf3\xcc\xbd\xe79\xe7&lt;\xe7\x1c\xc90\x0c\x03A\x10\x04A\x10\xd2\x8a\\\xd1\x17 \x08\x82 \x08\xc2\xd1\'\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01\x10\x04A\x10\x844$\x12\x00A\x10\x04AHC\x96\x8a\xbe\x00\xa1b\x18\x86\xb1\xdf\x7f\xef\xfb\xff\x0f\xfc|\x82$I\xff\xf7\xdf\x07\xfe[\xa8\x1c\x12\xf1;0\xb6\x7f\x17\xd7}\x1d\x18c\x11\xdf\xcai\xdf\xf8\xee\xfb\xef\x03\xff{_\xe2\xfe\x15\x0e$\x19\xff\xf5D\x10\x92V"\xb4\xba\xae\x97\xfew\xe2\xa1.\xcbe?\xf8\xa3i\xda\xff\xfd\x9e}\x1b\x11\xa1l%\x1a\xf7}\x1b\xf9Dl\xcb\xe35O\xbc\x8f\x0c\xc3(\xfd\xf9\xe5\xf5\xbb\x84\x7f\x8eoy\xdc\xbf\x86a\xfc\xedsB\xdc\xbf\xa9M$\x00)\xe4\xc0\x07\xb4\xa2(\xff\xfa\xf5\x81@\x00\x9f\xcfGqq1~\xbf\x1f\xbf\xdfO(\x14"\x18\x0c\xa2\xaa*\xd1h\x0c]\xd7\xb1X\x14\xacV+V\x9b\r\x97\xd3\x89\xcb\xe5\xc6\xe3q\xe3\xf1x\xc9\xca\xca\xc4\xedv\xe3t:\xff\xf1\xf7\xec\xfbp)\xcf\x06*\x95%\xe2\xaa\xeb:`6\xbc\xff\xd6\x08\x04\x02\x01b\xb1\x18\xbbw\xef\xa6\xa0\xa0\x80H4J4\x12\xa5\xb0\xb0\x00\x9f\xcf\x87\xaa\xaaD\xa2Q\x0c\xc3\xc0f\xb5b\xb5Zq\xb9\\dgg\xe3r\xb9\xb0X,dffR\xbdzul6\x1b^\xaf\xf7_\xafM\xc4\xf7\xc8\x1c\xd8\xd8\xffW|5M#\x18\x0cR\\\\LII\t&gt;\xbf\x9f` @0\x18"\x14\n\xa1i*\xd1h\x14\xc3\x00\xab\xcd\x8a\xc5b\xc1a\xb7\xe3t\xb9p\xbb\\x&lt;\x1e\xbc^/\x99\x99Y\xb8\xdd.l6\xdb\xbf^\x9b\xa6i\xc0\xde\x84O\xc475\x88\x04 \x89\xed\xdb\xe0[,\xff?\x9bc\x18\x06;w\xeeb\xe3\xc6\r\xac[\xb7\x9e\xb5k\xd7\xb2n\xfd:6o\xde\xcc\x8e\xed\xdb\xd9\xb5k\'\xc5\xc5\xc5D"\xd1\xc3\xbe\x06\x97\xcbIVV65j\xd4\xa0z\xf5\xea\xd4\xaf\xdf\x80\x06\r\xea\xd3\xb8qc\xea\xd7\xafO\xdd\xbau\xc9\xce\xce\xfe\xdbk\xd7u]4\x18\xff`\xdf\x06\xff\x9f\x929\xbf\xdf\xcf\x96-[\xd8\xb8q#+V\xac`\xcb\x96-\xacZ\xb5\x8a\xfc\xfc\x026m\xda\x88\xcf\xe7\xa3\xa4\xa4\xe4\x88\xae\xc3\xedv\xe3v\xbb\xa9]\xbb6U\xaaT\xa1A\xc3\x86\xd4\xabW\x8f\xa6M\x9aP\xaf^=\x1a4h \xe2{\x18\x0e&amp;\xbe\x91H\x84\x1d;v\xb2aC\xfc\xde]\xb7\x8eu\xeb\xd6\xb1u\xebVvl\xdf\xce\x9e={())A\x8d7\xce\x87J\x02&lt;^/\xb9\xb9\xb9\xa5\xf7o\xc3\x86\x8d\xa8_\xbf\x9ey\xff6h@\xedZ\xb5\xf0x&lt;\xff\xf7\xbd"\xbe\xa9A$\x00Id\xdf\x87\x86\xa2(\xffw\xd3m\xd9\xb2\x85\xe5\xcb\x97\xb3h\xd1"\x16/^\xcc\x9f\x7f\xfe\xc9\xda\xb5k\t\x87\xc3\x7f\xfb\xf3\x14\x8b\x15oF&amp;\x99Y\xd9x\xbc\x19x\xbc^\x9cN\x17\x0e\xa7\xd9\x03\xb4Zm\xc8\x8a\x8c\xaaj\xa8j\x94X4J8\x14"\x18\x0c\x10\xf0\xf9\xf0\xf9\x8a)*,\xc0\xef\xf3\x81\xa1\xff\xed\xef\xc8\xcc\xcc\xa4I\x93&amp;\xb4j\xd5\x8a\xf6\xed;\xd0\xbe};\x9a6mJNN\xce~_\x97x\xa0\xfcW\xcf\'\x95\xed\xdb\xc3?\xb0A\x08\x87\xc3\xac^\xbd\x86\xdf\x97\xfe\xce\xe2E\x8bX\xb2d\t+W\xaed\xfb\xf6\xed\xff\xf8\xf3,V\x1bn\x8f\x07\xb7\xc7CVV\x0e\xde\xccl\x14E\xc1b\xb5\xa2\xc82\x16\xab\rI\x92P\xd5\x18\x9a\xaa\xa2\xaa*\xba\xae\x11\xf0\xfb(*(\xc0\xe7+&amp;\x14\x0c\x12\x0e\x05\xff\xf1wdee\xd1\xb4iSZ\xb4hA\xfb\xf6\xedi\xdf\xbe=\xcd\x9b7\xff\xbf\xa4@\xc4w\xff\x91\x92\x03\x13vUUY\xbf~=K\x97.c\xd1\xa2\xdfX\xb2d\t\xcb\x97/g\xf3\xa6Mh\xfa\xdf\xdf[6\xbb\x83\x8c\xcc\xac\xd2\xfb\xd7\xe5\xf6\xe0t\xba\xb0;\x9d(\x8a\x12\xef\xd5\x9b\xf1UU\x95h$l\xde\xbf\x01?~_\t%\xc5\xc5\x14\x17\x15\x10\n\x06\xfe\xf1\x9a\xabV\xadJ\xb3f\xcdh\xdd\xba\r\xed\xdb\xb7\xa7m\xdb64i\xd2\x04\xb7\xdb\xbd\xdf\xd7%\xa6\xff\xd29\xbe\xc9H$\x00\x95\xdc\xbf=46m\xda\xc4\x82\x05\x0b\x98={6\xf3\xe6\xcdc\xe9\xd2\xa5\xc4b\xb1\xfd\xbe\xc6\x9b\x99E\xdd\xfa\x8d\xa8\xd7\xb01u\xea7\xa4v\x9d\xfaT\xabY\x8b\x9c\xbc\xaadf\xe7\xe0v{\xb1;\x1c\xd8l6\xac6\x1b\x92$#I\x90\xc8-$\t\x12\xef\x10\xc30\xff\xd15\x8dh,J4\x12!\x12\x0e\xe1\xf7\x95PT\x90O\xfe\xee]l\xdf\xba\x89\xad\x9b7\xb0q\xdd_lZ\xbf\x96\xcd\x1b\xd7\x13\t\x87\xf6\xbb\xa6\xec\xac,\xda\xb6o\xcf\xc9\'\x9dD\x97SN\xa1}\xbbv\xe4\xe6\xe6\xee\xf75\xaa\xaa\xa6\xc5\xc3\xe4\x9f\x1a}UU\xf9\xf3\xcf\xe5\xcc\x9d;\x87\x9ff\xcff\xe1/\xbf\xb0n\xdd\xba\xff\xfb\xfe\xcc\xacl\xea6hD\xad:\xf5\xa8\xd7\xa8\t\xd5\xaa\xd7\xa4v\xbd\x86x\xbc^\xf2\xaa\xd6\xc0\xed\xf1\xa0X,f\xc3\xe0p"AipK\xf3G\x03\x8c\xc4\x7f\x00\xd1H\x94P(@,\x1a%\x1a\x8d\xb0{\xe7v\xfc&gt;\x1f;\xb6nf\xc7\xd6\xcdl\xde\xb8\x9e\xcd\x1b\xd6\xb1i\xe3Zvm\xdf\xf6\x7f\xd7\x94\x9b\x9bK\xdb\xb6m9\xe9\xa4\x938\xe5\x94Sh\xdf\xbe\xfd~\tAbH9\x9d\xe3k\x18\x06\xabV\xadb\xde\xbc\xf9\xcc\x9e\xfd\x13?\xff\xfc3+W\xae\xfc\xbf\xef\xcf\xabZ\x9dz\r\x1aQ\xaf\xd11\xd4\xa9\xd7\x80\x9au\xeaS\xb5Z\r\xb2s\xab\x90\x99\x95\x8d\xd3\xed\xc6f\xb3c\xb3\xdb\xb1Z\xacH\xb2\xb47\xae\x92\xd9\xcb?\xf0\xfe\xd5T\x95h4B4\x12!\x1c\nRR\\DQA&gt;{v\xef`\xdb\xe6\x8dl\xdd\xbc\x91\rkW\xb3i\xc3:\xb6n\xda\x88\xae\xef?\xc2P\xb3fM\x8e;\xee8N\xee\xd2\x85\x93O&gt;\x99\xd6\xadZ\xe3v\xbb\xf6\xfb\xdb\xd2%\xbe\xc9N$\x00\x95T\xa2\xc7\xb4o\xa3\xafi\x1a\x8b\x17/f\xfa\xf4\xef\x986m*\x0b~\xfe\x99Ht\xef\xf0}Ff\x16MZ\xb4\xe2\xd8\xb6\x1dh\xd1\xaa-\xf5\x1b7\xa3F\xad:de\xe7\xe0p:P\x94\xf8\x03@\x03M\xd3\xd1\xe2=\xbe\xc4\xef2\xdf\n\xc6&gt;\r\xc2\xfe\xa4}\xfe\xc7\x1c\xf63opEQP,\x16\x14EB\x8e?\xe3\xd4\x18\x04\x03~\n\xf3w\xb3e\xd3\x06\xd6\xad^\xc9\xf2e\x8b\xf9\xf3\xf7\xdfX\xb5\xfc\x0f\xd4\xd8\xde\xeb\xce\xcd\xcd\xa5K\x97.t\xef\xde\x9dSO=\x95\xa6M\x9b\x96~.\xf10\xf9\xbb\x11\x8fd\xf5O\x8dB~~&gt;\xb3g\xcff\xda\xb4i\xcc\x9a5\xeb\xff\x1a\x84\xec\x9c&lt;\x9a4?\x96\x96m\xdb\xd3\xace\x1b\xea7nB\x8dZu\xc8\xcc\xce\xc5y@|u\xdd@Uc\xe8\x9a\x8ea\xe8\xa51\x8e_\xc1~\xff\xa2\xf4e\xdd[\x11.+\n\xb2$!\xc92\x16\x8b\x15E\x91\x91e\x90\x15\xd05\x88FTJ\x8a\x0b\xd9\xbds;\x1b\xd7\xfd\xc5\xea\xe5\xcbX\xb1l\t\xabV,c\xd3\xfa\xb5\xfb]w\xd5\xaaU9\xf9\xe4\x939\xeb\xac\xeet;\xb5\x1bM\x9b4\xd9\xef\xb5H\xb5\xf8\x02\xa5s\xe6\xfb\xc6\xd7\xe7\xf31\x7f\xfe|\xa6N\x9d\xc6\xf7\xdf\x7f\xc7\xb2e\xcb\xf6\xfb\x9ej5k\xd3\xbcekZ\xb6iO\xd3\x96\xad\xa9\xdf\xa8)U\xaa\xd7 #3\x0b\xbb\xdd\x8a,\x83\xae\x9b\xff\xa8\xaa\x86\xa6\xa9\xfb\xc5\xf7\xe0\xee\xdf\xbd\x85}\x89\x06ZV,X,\x16d\x99\xd2\xf7P,\xa6\xe3\xf7\xf9\xc8\xdf\xb5\x83M\x1b\xd6\xf1\xd7\xaa?Y\xbet1+\x96-\xe1\xafU\xcb\xf7\xfb\xb9u\xea\xd4\xa1k\xd7\xae\x9cy\xe6\x99t\xed\xda\x95z\xf5\xea\x95~.q]b\x9a\xa0r\x12\t@%\xb2\xef\x9c`"s\xd6u\x9d\x9f\x17,\xe0\x8b\xcf?\xe7\xeb\xaf\xbf\xe6\xcf?\xff,\xfdz\x8f7\x93\xb6\xc7\x9d\xc0\xf1\x9dO\xa1u\x87\x8e4j\xd2\x82\xbc*\xd5\xb0;-\x18\xbay\x13\xc7bQ\xb4X\xcc\x1cF4\x8c\xd2\x06\xfc\xc0B\x9e\xc3\xb99\xf7\xbeu\x8cx\xef\xc2(\xednH\xb2\x84,\x9b\xc3\xcd6\x9b\x1d\x8b\xc5|(\x05\x03avl\xdd\xc2\x9a\x15\xcbX\xfc\xcb&lt;\x16\xce\x9f\xcd\xb2\xc5\xbf\xee\xd7\xcb\xe8\xdc\xb93\x17]t\x11\xe7\x9f\x7f&gt;-Z\xb4(\xfd\xf8\xdf=T\x93I\xa2\xb1\xdb7\xa9+((\xe0\xfb\xef\x7f`\xca\x97S\xf8\xfe\xbb\xef\xd8\xb9sg\xe9\xe7\xb2s\xf3h\xdb\xe1\x04:\x9cx2\xad\xdaw\xa4\xe11\xcd\xc8\xadR\r\x87CA/\xe7\xf8\xfe\xdf\xb22\xc30\x1b\x15\xc3\x00IB\x96%\x14\xc5\x1a/\x0e\xb5\xa0(\xa0\xaaP\\T\xc8\xe6\r\xebX\xb1l\t\x8b\x16\xcca\xf1\xc2\xf9\xac[\xb3\xaa\xf4g)\xb2L\xa7x|\xcf;\xef&lt;\x9a7o^\xfa\xb9T\x8c\xaf\xcf\xe7c\xd6\xacY|\xf1\xc5\x17L\x9b6\x8d-[\xb6\x94~\xaeZ\xcd\xdat\xe8\xd8\x99\xe3:u\xa1e\xdb\xe3\xa8\xdf\xf0\x18\xb2rr\xb0Z%4\rb1\x95X4f6\xf4\xa5\xf1\x95\xf6k\xc8\x81\xfdFu\x0e\xf5z\xf7\xfe\xdb\xbc\x87\x13\xef!I2\x13{\xab\xd5\x86\xd5fE\xb1\x98\x89\x9f\xdf\xe7g\xdb\xe6\x8d\xac\xf8\xe3w~\xfby6\xbf-\x98\xcb\xea\xe5{\x13\x19\xbb\xddN\xd7\xae\xdd\xe8qq\x0f\xce\xee\xde\x9d\x06\r\x1a\x94~N\xd3\xb4r[\x81$\x1c\x1e\x91\x00T\x02\x7f\xf7\xe0X\xb5j\x15\x9f|\xf2\t\x1f\x7f\xfc1\xbf\xff\xfe{\xe9\xc7\xeb5hL\xa7\xae\xa7s\xd2\xa9g\xd2\xaa\xed\xf1T\xabY\x1b\x9b]F\x8dA$\x12F\x8dE\xd15}\xbfL\xbf\xe22\xefDb\x90\xe8\x9dH(\x8a\x8c\xd5f\xc7n\xb7!+\x10\nD\xd9\xbca-K~\xfd\x99\xb9\xb3\xbec\xfeO3\xc8\xdf\xbd\xb7\x11\xec\xd6\xad\x1b\xbdz\xf5\xe2\xfc\xf3\xcf\xa7V\xadZ\xa5\x1fO\x0c1&amp;C\xaf"\xd1\x0bJ4l\xba\xae\xf3\xe3\x8f?\xf2\xe1\x87\x13\xf9\xea\xeb\xaf\xd8\xbem\xef0\xfa1\xcdZr\xe2)\xa7\xd1\xb9\xeb\x19\xb4l\xd3\x81\xaa\xd5kb\xb3I\xc4b\x10\t\xc7\xe3\xabW\x8e\xf8\xee\xb7D-\xb1\xf2\xc4b\xc5n\xb7c\xb3+\x18\x06\x14\x17\x16\xf3\xd7\xea\x15\xfc:\xff\'\xe6\xce\xfc\x8e_\x7f\x9eM4\x12\x01@\x96%\xbau;\x8d^\xbdzr\xdey\xe7Q\xb3f\xcd\xd2\x9f\x9d\xcc\xf1\x05\x987o\x1e\x13\'Nd\xca\x94)l\xdc\xb8\xb1\xf4\xe3\xc7\xb6\xed\xc0\xc9\xa7u\xa7S\x97\xd3h\xda\xb259yUP\x14\x88Fu\xa2\x910\xaa\xaabT\xa2\xf8\x82\x81\xa1\xc7c\x1c/V\xb4\xd9\x1d\xd8\xed\x16$\t|%A6\xac]\xcd\xa2\x05s\x983s:\x0b\xe6\xcc"\xe0\xf7\x01`\xb3\xd98\xab{wz\xf5\xec\xc5\xd9\xe7\x9cMn\xbc\xee\'\xd1\xd1I\x96\xf8\xa62\x91\x00T\xa0\x03\x1f\x1c\xa1P\x98o\xbf\xfd\x86\xb7\xdf~\x9b\xaf\xbf\xfe\xbat\xc8\xb6n\x83F\x9c~\xf6\x85t;\xeb&lt;Z\xb6\xe9@vn\x16\xba\x0e\xe1P\x84h4\x82\x11\x1f5\x90\x92\xe4\x86*\x1d\x027\x0cdE\xc1nw`wZ1t\xd8\xb9};\x8b\x17\xceg\xc6\xb7_\xf0\xd3\x0fS\xc9\xdf\xbd\x0b0\x8b\t/\xbe\xf8\x12\xae\xbd\xf6ZN=\xb5[\xe9\xcfRU\xb5\xd2\x0e\x1f\x1f\xd8\xe3\xd9\xb2e\x0b\x1f\x7f\xfc1\xef\xbd\xf7&gt;\x8b\x17/*\xfd\xbac\x9a\xb5\xe4\xb4\xb3/\xe0\x943\xce\xa5y\xeb\xb6dfy\xd1T\xb3\xf0/\x16\x8d\x9a\xf1\x95\xa5x}F\xe5\xfb;\xf7\xb57)\xd0\x01\t\x8b\xc5\x82\xdd\xe1\xc4f\x97\x89\x86U6\xac\xfb\x8b_\xe6\xfe\xc8\xcc\xa9_0\xff\xa7\x99D"f\x81jNN\x0e=z\xf4\xa0w\xefk\xe9\xd6\xadk\xe9\xcfK\xa6\xf8\xee\xdc\xb9\x93O&amp;O\xe6\xddw\xdf\xe5\x97\x05\x0bJ\xbf\xaeU\xfb\xe39\xf3\xbc\x8b9\xb9\xdb\x994nv,n\xaf\x035\x06\xe1P\x105\x16\xc3\xc0(\x8dme\xfc;\x0fd\xe8:z&lt;9P\x143\xbev\xbb\x82\x1a3\xd8\xbay\x03\x0b\xe7\xff\xc4\x8co\xbfd\xce\xcc\xe9\xa5\xc9@\x8d\x1a5\xb8\xec\xf2\xcb\xb9\xe6\xea\xab\xe9\xd8\xb1c\xe9\xcf\xaa\xcc\xf1M\x07"\x01\xa8\x00\x076\xfc\xdb\xb6m\xe3\xfd\xf7\xdfg\xdc\xb8q\xacZe\x0e\x97z339\xad\xfb\x05\x9c{qO\xda\x9fp\x129\xb9\xd9\xa8*\x84\x82\x01T5\xc6\xdey\xf8\xe4\xbfq\x12s\x98 a\xb3\xd9p\xba\x9cH\x12l\xdf\xba\x8d\xf9?~\xcf\xb7_|\xcc\xac\xef\xbe1{F\x98S\x04\xfd\xfa\xf5\xe3\xf2\xcb//]\x9f^\x99z\x8c\x07^\xcb\xaf\xbf\xfe\xca\xb8q\xe3\x988i\x12\x85\x05\x05\x00T\xa9Z\x9d\xd3\xce\xb9\x80\xb3/\xba\x9c6\x1dN$3\xdbK,j\x10\n\x06\xd1\xd4X|\x98\xbdr\xfc=G\xc40\xd0\r#\x9e\xc4\xc88\x1cN\x1cN+\xb1\x98\xce\xfa5\xab\xf8\xf1\xbb\xaf\x99:e2K~\xfd\xb9\xf4[N:\xf9d\xfa\xf5\xed\xcbe\x97]V\x1a\xdf\xca\xd4P\x1c\xd8\xf0/]\xba\x94\xf1\xe3\xc73a\xc2\x04v\xef\xde\r@\xed\xba\xf5\xe9~\xe1e\x9cu\xfe%4o\xdd\x0e\xb7\xc7A4\xac\x11\x0e\x07\xd1T-i\x12\xba\x83a&gt;\xcft$I\xc6f\xb7\xe3t\xda\xd1u\xd8\xbca\x1d\xb3\x7f\x98\xc6\xd4/&gt;\xe6\xe793K\xbf\xfe\xcc3\xcf\xa4\x7f\xff\xfe\\x\xe1\x85\xd8\xedv\xa0r\xc57\x9d\x88\x04\xe0(:\xb0\xe1_\xbdz5c\xdfx\x83\xb7\xc7\x8f\'??\x1f\x80\x96m\xdas\xd1\x15\xd7p\xc6\xb9\x17S\xa7A}\x0c\x1d\x82\x01\xb3\xd17{\x08\xa9\xf1\xd0\xf8\'\xfb\x16\xc8\xd9lv\\n\x07\xaa\xaa\xb3z\xf92\xa6M\x99\xcc\x17\x1f\xbd\xc7\x96M\x1b\x00h\xd0\xa0\x01\x03\x06\x0c\xa0o\xdf\xbeT\xadZ\x15\xa8\xd8\x07\xc9\x81\r\xc3\x8c\x193\x185j\x14\x9f}\xf6Y\xe9\xd7t8\xf1d.\xbc\xfcjN;\xfb\x02j\xd4\xae\x85\x96H\xeab1\xa44\xa8\x9aN${\x92\xb47\x19\x08\x06\xc2,Y8\x9f\xaf&amp;\x7f\xc8\xb4/\'STh&amp;I\x8d\x1a5\xe2\x86\x1bn\xa84\xf1\xddw\x13&amp;\x80\x9ff\xcf\xe6\xd5Q\xa3\xf8\xf8\xe3\x8fK\xe7\xd3\xbb\x9eq\x0e\x17^\xd1\x9b\x93O=\x93\xbc\xaay\xc4\xa2:\xa1`\xc0|o\xa4E|\xe3uL\x80\xdd\xe1\xc0\xe9\xb2\x13\t\xab\xfc\xb1\xe4W\xbe\xf9|\x12_O\x9e\xc8\xee];\x00h\xd9\xf2X\x06\x0e\x1c@\xef\xde\xbd\xc9\xca\xca\x02*W"\x9f\x0eD\x02p\x14\x1c8\xc7\xbfr\xe5J^y\xe5\x15\xc6\xbf=\x9eP\xd0\\"w\xfa9\x17r\xf957\xd0\xa9\xeb\xe9x\xbc.\x82\xc1\x08\x91\xf8\xfa\xfdt\xbd!\xf6-\x8at\xba\\\xd8\x1d\x16\xf6\xec\xdc\xc3\xcci_\xf1\xd1{o\xb2h\xc1\\\x00\xaaW\xaf\xce\xc0\x8172h\xd0\x8dT\xabV\r8\xba\x0f\x92\x03\x13\xbb\xef\xbe\xfb\x8e\x11#F0u\xeaT\x00\xacV+g]p\t\x97]s\x03\xc7w&gt;\x05\xa7\xd3F\xc0\x1f&amp;\x1a\r#!!+2\xfb\x94\xe2\xa7\r#\xb17\x80\xa2\xe0v{P\xac\x12\x1b\xd7m`\xea\x17\x1f1y\xc2x\xd6\xad1WA\xd4\xa8Q\x93\x01\x03\xfa3h\xd0\xa0J\x11\xdf\x993g2b\xc4\x8b|\xf5\xd5\x97\x00\xb8=\x19\\p\xd9\x95\\r\xe5u\xb4n\x7f\x02\x16\xabL\xc0\x1f$\x16\x8d\xa6E\xa3\xffO\xcc\xfb\xd7\x8c\x93\xd3\xe5\xc1f\x93\xd9\xb6e\x1b\xdf}\xf5)\x1f\xbf\xff\x16+\x96-\x01\xa0^\xbdz\x0c\x1e&lt;\x98\xfe\xfd\xfb\x97.\x17M\xac\x0c\x11\xca\x97H\x00\xca\xd9\xbeo\xe4\r\x1b6\xf0\xe2K/\xf1\xc6\xd8\xb1\x84B!\x14\xc5\xc2\x85\x97_E\xcf&gt;\x03iw|\'$I"\xe0\xf7\xa3\xa9*\xb2\x18\x0e\xdb\x8f\xae\xeb\x18\xba\x8e\xd5f\xc3\xedq\x11\nE\x98\xff\xe3\xf7Lx\xf3U~\xfc\xfe[\xc0L\x04n\xbe\xf9\x16n\xbai\xf0~=\x8a\xf2z\x90\x1c\x98\xd8\xcd\x993\x87\xa7\x9f~\x9a\xaf\xbf\xfe\x1a\x00\xb7\xc7K\x8f\x9e\xd7py\xef\x1bh\xd9\xa6=\xba\x0e\x01\xbf/\xfeP\x14\xf1\xdd\x97\xae\x9b\x1b\xc9\xd8\x1dN\\n;\x05{\n\xf9\xe1\xdb/\xf8p\xdc\xeb\xfc\xfe\xdb/\x80\x19\xdf\x9bn\xba\x89\x9bn\xba\xe9\xa84\x14\x07\xc6w\xfe\xfc\xf9&lt;\xf3\xcc3|\xf1\xc5\x17\x00\xe4V\xa9\xca\xe5\xbdo\xe0\x92^\xd7\xd1\xa8i\x13bQ\x9d@\xc0/\x96\xbd\xfd\x8d\xc4\xfdk\xb3;p{\x1c\x94\x14\xfb\xf9\xe9\xfbo\xf9\xe0\xadWY0\xf7G\x00\xea\xd6\xad\xc7\xed\xb7\xdfF\xff\xfe\xfd\xf1x&lt;\xfbmz&amp;\x94\x0f\x91\x00\x94\x93D\xcfU\x92$\x8a\x8a\x8ax\xf9\xe5\x97y\xe9\xa5\x97(,,D\x96\x15.\xb9\xf2Z\xae\xeew\x13\xc7\xb6\xef\x80\xa6\xea\x04\xfc\xfe\xff\xab$\x16\xfe\xdf\xde^\x85\x82\xc7\xebE\xd3t\x16\xcc\x99\xc1\xdb\xaf\xbd\xc8\xac\xef\xbe\x01\xa0a\xc3\x86\x0c\x1d:\x94\xbe}\xfbb\xb1X\xca\xa5\xb7\xb8o\xc3\xb3r\xe5J\x9e|\xf2I\xde{\xef=\x00\\n\x0f\x97]}=W\xf6\xbd\x91&amp;\xcd[\x10\x89\xa8\x04\x03\x01$@\x16\xf1\xfdW\x86a\xa0k\x1a\x16\xab\x15O\x86\x9b\xa0?\xc8\x8c\xa9Sxg\xf4\xcb,^8\x1f0\xa7~\xee\xbe\xfbnn\xb8\xe1\x06\xacVk\xb9,/\xdb7\xbek\xd6\xac\xe1\xc9\xa7\x9e\xe2\xed\xf1\xe3\x01\xc8\xc9\xab\xc2U}\x07q\xd9\xd5\xfd\xa8\xdb\xa0.\xc1`\x94p(X\xba/\x86\xf0\xcf\x12\xf1U,\x16&lt;^\x0f\xd1H\x94\xd93\xa6\xf1\xce\xe8\x97\x98\xff\xd3\x0c\x00\x9a\xb7h\xc1\xbd\xf7\xde\xcb\xb5\xbd{\x03bZ\xa0&lt;\x89\x04\xa0\x8c\x1d\xd8kx\xf7\xbd\xf7x\xfc\xb1\xc7\xf8\xeb\xaf\xbf\x008\xb7\xc7\x15\xf4\xbd\xe9N\xda\x1e\xdf\x91XT#\x10\xf0\x8b\xb5\xb1\x87)\xf1\xe0\xf7x30t\x9d93\xa7\xf1\xc6\xcb\xcf\xb2`\xce,\x00:u\xea\xc4\xb0a\xc38\xf3\xcc3K\xbf\xfeH\x13\xac}\xe7\x81KJJx\xfe\xf9\xe7y\xe9\xa5\x97\xf0\xf9|(\x8a\xc2%W\xf6\xa1\xcf\xa0\xdbi\xd6\xeaX\xc2\xc1\x18\xa1` \xad\x87\x81\x0fW"\xd1S\x14\x05O\x86\x97P0\xc4\xf4/\'\xf3\xd6\xa8\xe7Y\xb1\xcc\\\x16{\xc2\t\'\xf0\xe8\xa3\x8fr\xf6\xd9g\x03f}\xc0\xdf\x9d\x89q(\xf6\x8d\xaf\xcf\xe7c\xc4\x88\x11\xbc0b\x04\xbe\x92\x12\\n\x0fW\xf5\x1d\xc4U\xfd\x06S\xafa}\x82~s\'LY17\xc5\x12\x0eM\xa2a\xf7x\xbd\xc4b1fM\xfb\x927_y\x8e\xc5\x0b\xcd\x82\xd0n\xdd\xba1l\xd80N9\xe5\x94\xd2\xaf\x17\x1d\xa4\xb2%\x12\x802\xb4\xef\x1bt\xd1\xa2E\xdcw\xdf}L\x9f&gt;\x1d\x80\x8e\'u\xe5\xc6!\xf7s\xf2\xa9g\xa1i\x1a\x01\xbfh\xf8\xcb\x8a\xaei Ix32\x88F\xa3L\xfd\xe2cF\x8fx\xb2t\xc7\xb2&gt;}\xaeg\xd8\xb0G\xa9[\xb7\xee\xff\x15r\x1d\x8a}\x1b\x98\xc9\x93\'\xf3\xe0C\x0f\xb1r\xc5\n\x00\xba\x9dy.7\xde\xf9\x00\xc7\x9d\xd8\x99H$F(\x100{-"\xbeG,\xd1Pddz)).\xe1\xd3\x0f\xde\xe6\xcd\x97\x9fe\xc7\xf6\xad\x00\\sMo\x1e{l\x18\r\x1a4\xd8\xef4\xbd\xc3\xf9=\x89\xfb\xf7\xd3O?\xe3\xc1\x07\x1fd\xc5\n\xf3=\xd4\xa3go\xfa\xdfz\x0f\xcdZ\x1dK0\x10!\x1c\n\x89\xaa\xf52\x92\x88\xaf7\xc3K(\x18\xe4\xcbO&gt;d\xccKO\x95\xee(9\xf0\xc6\x1by\xe4\xe1\x87\xa9Q\xa3\xc6\x11\xdd\xbf\xc2\xff\x13\t@\x19\xd8\xb7\xd7\x1f\n\x85x\xea\xa9\xa7x\xf6\xd9g\x89D"\xd4\xac]\x8f\xc1w?H\x8f\x9e\xbd\xb1Y\xed\x94\x94\x14\x8b\x86\xbf\x9c\xec\xdbP\x14\x16\x14\xf2\xfe\x1b\xa3x\xeb\x95\xe7\xf0\xfb}T\xa9Z\x95\'\x86\x0f\xa7\x7f\xff\xfe\xc0\xa1\xf5\x16\xf7\x9d\x8b\xdc\xb8q#\xf7\xde{/\x13\'N\x04\xa0q\xd3\x16\xdct\xf7C\x9c\xd3\xe3\n\x00\xfc\xbe\x121\x14\\N4M\xc5b\xb1\x92\x91\xe9f\xcb\xa6-\xbc5\xeay&gt;x\xeb5b\xb1\x18yyy\x0c\x1b6\x8c\xc1\x83\x07\x03G\x16\xdf\xfb\xee\xbb\x9f\x0f?\xfc\x00\x80v\x1d;s\xcb\xd0G\xe8r\xdaY\xc4\xa21\x02\x81\x80h\xf8\xcbI"\x01\xcb\xc8\xf4\xb0k\xe7.\xde\x19=\x92\xb7_{\x91p8D\xadZ\xb5x\xe2\x89\'\xb8\xee\xba\xeb\x80\xb2\x19\xed\x11D\x02p\xc4\x12;Z\x81Y\x04v\xfb\xed\xb7\xf3\xdbo\xbf\x01p\xf5\r71h\xc8\xfd\xd4\xa8U\x93\xe2"\x9f(h9J4U\xc5b\xb3\x91\x91\xe1b\xc5\xb2?\x18\xf9\xd4\xc3L\xff\xca\\\x8aw\xdey\xe7\xf1\xe2\x8b/r\xcc1\xc7\x1c\xd4\xdc\xe2\xbe\xbd\xc2\xb7\xdf~\x9b{\xef\xbb\x8f\x9d;v`\xb7\xdb\xe9s\xe3\x1d\xdcp\xeb\xddd\xe7\xe6P\\T\x02\x18\xc8\xb2\x88oyJ$\xdb\x0e\x87\x03\x97\xc7\xc1\xc2y\xf3xq\xf8\x03\xa5\xd3&gt;g\x9du\x16/\xbe\xf8"-Z\xb4\xd8\xaf\x0e\xe7\x9f\xec\x1b\xdf\xf1\xe3\xc7s\xdf}\xf7\xb1s\xe7N2\xb3\xb2\x19|\xd7C\\\xd9\xf7F\x1c\x0e\'%\xc5"q?Z4U\xc5j\xb7\xe3\xf5:Y\xbah1/=\xf9\x10\xb3\xa6\x9b\x85\xb5\x17_|1/\xbc\xf0\x02\r\x1a4\x10\xb5\x01e@$\x00G \x91\x85\xc6b1\x86\x0f\x1f\xce\xf0\xe1\xc3\xd1u\x9d\x16\xad\xdaq\xcf\xb0g\xe9r\xfa\x19\xe6r\xafH\x18Ed\xabGU\xa2\xa1p{\xdc(\x8a\x85/&amp;\xbd\xc7\x88\xe1\x0f\xb0c\xdb\x16rrrx\xf6\xd9g\xe9\xd7\xaf\x1f\xf0\xcfs\x8b\x89\xf8\xee\xdc\xb9\x93;\xee\xb8\x83\x0f?\xfc\x10\x80\x0e\'\x9e\xc4\xbd\x8f=O\x87\x13O\xc4Wb.\xf7\x12\xf1=\xba\x12\xf1\xf5fd\xa2i1&gt;x\xebuF=;\x8c\xe2\xa2B233y\xf2\xc9\'KG\x03\xfe.\xbe\xfb\x8e\xdam\xdf\xbe\x9d!C\x86\x94\x8e\xea\x9cy\xfe\xc5\xdc\xf9\xd0S4i\xde\x94\xe2"\xbf\x98{\xae\x00\x89\xf8x&lt;^$\t&gt;\xf9`&lt;/=\xf1 {v\xed\xa4J\x95*&lt;\xf7\xdcs\xa5\xa3\x01"&gt;\x87O$\x00\x87a\xdf!\xc3\x15+V0\xf0\xc6\x1b\x99\xfd\xd3O\x00\xdcp\xcb\xdd\x0c\xba\xf3A\xbc\x19\x19\x94\x14\x15\x89\xe5|\x15,\xb1\xe5pVN&amp;\x9b7n\xe2\xf9aC\xf9j\xb2\xf9\xa0\xbf\xe6\x9akx\xe9\xa5\x97\xc8\xcd\xcd\xddoHq\xdf\x9e\xe3\xb7\xdf~\xcb\xe0\x9bnb\xc3\xfa\xf5\xd8\xed\x0e\x06\xdf\xf5\x00}o\xba\x0b\xab\xcd\x86\xaf\xa4D\x0c\x07W0=\xbe\xc1NV\xb6\x97U\x7f\xae\xe0\xa9\x87\xee\xe4\xa7\xf8\xb2\xd0\xcb/\xbf\x9c\x97_~\x99\xea\xd5\xab\xffc|\xbf\xfe\xfakn\xba\xe9&amp;6n\xdcHvN.w=\xf24\x97]\xd3\x17U\xd5\x08\x06\x02b\x98\xb9\x82%\xe6\xfc\xb3\xb23\xd8\xb0n\x1d\xcf=r\x0fS\xa7L\x06\xa0O\x9f&gt;\x8c\x181\x82\xec\xecl1%p\x98D\x02p\x88\xf6}xL\x980\x81[n\xb9\x85\xc2\xc2B\x1a4n\xc2CO\xbfL\xd7\xb3\xba\xe3+\x0e\x94\xeeX&amp;T\x0e\xaa\xaa\xe2p:\xb1\xdb\xed|\xf2\xfe[&lt;\xf3\xf0\xdd\x14\x17\x15\xd2\xb4iS\xde|\xf3MN&gt;\xf9d4\xcd\\\x8b\x9ex\x90&lt;\xfc\xf0\xc3&lt;\xfe\xf8\xe3\x00\xb4h\xdd\x8e\x87\x9f\x1dE\xc7\x93:S\\(z\x85\x95\x8d\xaa\xaa\xb8\xddn$Y\xe6\x9d\xd1/1\xf2\xc9\x87\t\x85\x824h\xd0\x907\xde\x18\xcb\xe9\xa7\x9f\xbe\xdf\x11\xdb\xba\xae\xf3\xd0C\x0f\xf1\xe4\x93O\x02\xd0\xe5\xb4\xee&lt;\xf0\xd4H\x8ei\xde\x94\xa2\x82\x12@\x14\x9aU&amp;\xaa\xaa\xe2t\xb9\xb0Z\xadLzg,\xcf&gt;r\x0f~_\t\xcd[\xb4\xe0\xad7\xdf\xa4S\xa7NbJ\xe00\x88\x04\xe0\x10$\x1e\xfa\xaa\xaar\xf7\xddw\xf3\xd2K/\x01p\xc1eWq\xdf\x13#\xa8R\xb5\x1aE\x85E\xa2WXI\x19\xf1\x1d\xdd\xb2s3Y\xb1\xec\x0f\x1e\xb9k0\xbf\xce\x9f\x8d\xcdf\xe3\xf9\xe7\x9f\xe7\x96[n\x01`\xfb\xf6\xed\xf4\xef\xdf\xbftC\x9f^}\x06r\xf7\xb0g\xf0x2().\xc6bQH\xc7\x9d\xfb*;39\x87\xac\x9c\x0c~\x9b\xff3\x0f\xdf9\x88\x15\xcb\x96\xa0(\nO&gt;\xf9$\xf7\xdcs\x0f`\x1e\xcat\xc3\r\xfd\x996m*\x92,s\xeb\xd0G\x19x\xfb\xbd\xf1\xe3\xaaE\xaf\xbf\xb22G\x03\x0c\xb2s2\xf9c\xc9\xef&lt;r\xd7`\x16\xff2\x0f\xbb\xdd\xce\x88\x11#\x18&lt;x\xf0\x11\xad\x02IG"\x018H\x89!\xa6\xad[\xb7\xd2\xa7O\x1f\xbe\xff\xfe{l6\x1bw\x0f{\x96&gt;7\xdeF(\x14"\x1a\x8e\x88\xb9\xe0$\xa0\xaa*\x1e\x8f\x87X,\xca\x0b\x8f\xdf\xcf;\xa3G\x020h\xf0`.\xbf\xec2\xfa\xf5\xeb\xc7\xfa\xf5\xeb\xf1fd\xf0\xc0\x93#\xb9\xbcw\x1f|%bT\'Y\xa8\xaaJFF&amp;&gt;_1O\xde\x7f\x07\x9f~\xf86`\x0e\x19\xf7\xec\xd9\x93\x01\x03\x06\xb0y\xf3fj\xd5\xa9\xc7\xe3/\x8e\xa1[\xf7\xee\x14\x15\xf8D\xc3\x91$TU\xc5\xe3\xf5\x12\r\x87y\xee\xb1{y\xff\x8dQ\x00\x0c\x1c8\x90\x97_~\x19\x9b\xcd&amp;F\xe8\x0e\x92H\x00\x0eB\xa2\xf1\xff\xe5\x97_\xb8\xf2\xca+Y\xb7n\x1du\xea5\xe4\xa9Q\xe3\xe8\xdc\xb5+\x85\xf9\xc5\xa5\xc7\xf1\n\xc9A\xd74d\x8bBF\x86\x87\x8f\xde\x1d\xc7\x8bO&lt;\xc4\xae\x1d\xdbJ?\xdf\xaa\xddq&lt;\xf2\xdc\xab\xb4\xef\xd8\x91\x82=\xa2\x96#\xd9h\x9a\x86\xd5j\xc5\xe5v\xf1\xf6\xe8\x91\x8c~\xe1I\xf2\xf7\xec*\xfd\xfc\xa9\xdd\xcf\xe7\xc1\xa7FR\xb7AC\x8a\n\x8bD\xaf?\xc9$\n8\xbd\x19n&amp;\xbd3\x8e\xc7\xef\xbd\x95P0\xc0\xa9\xa7\x9e\xca\x84\t\x13\xa8Q\xa3\x86\xa8\x0b8\x08\xa2\xc5\xfa\x0f\x897\xd1\xe4\xc9\x939\xe3\x8c3X\xb7n\x1d\x9d\xba\x9c\xc6{_\xce\xa4\xe3I]\xc9O4\x0e\xa2\xf1O*\xb2\xa2\xa0k:\x05\xf9\x85\xf4\xbb\xb9/g\x9c\xd7\xa3\xb4\xf7\xe7p:\xb9\xf5\xbe\xc78\xf9\xd4\x8e\xec\xdc\xbe\x1b\xc5b\x11\x8d\x7f\x92Q,\x16b\xb1(\xbe\x12\x1f\x83\xef\xbc\x8d\x8e\'u-\x8d\xa1\xc7\xeb\xa5\xff\xadCi\xda\xb2!\xf9\xbb\xf7\x88F"\t)\x8a\x82\xae\xeb\x14\x16\x14\xd1\xabO_\xde\xfet:u\x1b4b\xe6\xcc\x99t\xed\xda\x95\xdf\x7f\xff\x1d\x8b\xc5\x82\xaa\xaa\x15}\xa9\x95\x9ah\xb5\xfe\xc1\xbe\xcb\x84F\x8d\x1a\xc5e\x97]\x86\xcf\xe7\xe3\xd2\xab\xaeg\xcc\xc4\xaf\xc8\xabZ\x9d\x92"\xd1sHV\xe6*\x0e\x99\x8c\xcc,\xee\x1et\x07\x1f\xbc\xf5\x1a\x00\xf5\x1b5!\x1c\n1t\xf0u|6q\n\xd5jV\x11\x0f\x91$\xa4\xab*6\x9b\x1d\xab\xcd\xca\xa0kz\xf3\xed\x17\x1fc\xb3\xd99\xa6YK\xfc&gt;\x1f\x83{\xf7\xe0\xab\xc9_R\xb5F\x9e\x88o\x92\x92$\tE\xb1\x90\xbf\xa7\x88v\x1d;\xf3\xde\x1738\xbe\xf3)\xacY\xb3\x86\xd3O?\x83\xef\xbe\xfbN$\x01\xffA$\x00\x7fc\xdfe~\x8f&lt;\xf2Hiq\xd8\xcd\xf7&lt;\xcc\xd3\xaf\x8eC\xd7u"\xe1\x90\x98\xefOR\x89Jp\xab\xcd\xc6\xbd7_\xcf;\xa3_B\x96e\x86\x8d\x18\xcd\x97\xb3\x7f\xa5\xfb\x85\x97Q\xb0g7\xb7^\x7f9\x93\'\xbcOn\x95,4\xf1\x10I\x1a\x9a\xa6aw8\x88\xc5\xa2\xdc|\xed\xa5L\xf9\xe8}\\n7#\xde\xf8\x80\xcff\xfdB\xf7\x0b.\xa5\xa8 \x9f[\xfa\x88\xf8\xa6\x02\x8b\xc5BIQ\x11yU\xab\xf3\xc6\xa4\xaf9\xf7\xe2+\xc8\xcf\xdf\xc3\x05\x17\\\xc0\xc7\x1f\x7f,\x92\x80\x7f!\x12\x80\x03$\xaaH\x15E\xe1\x8e;\xee\xe0\xb1\xc7\x1eC\x96e\x1e}\xfe5\x86&lt;8\x8c\x92\xe2\xe2\xf8\xee\x7f\xa2\xc0$\x19\xe9\xba97,Ip{\xbf+\xf9\xec\xc3wp{\xbc\x8czg2W\xf5\xed\x8f\xa6\xc9\x8c\x1c7\x89\xde\xfdo!\x16\x8dr\xf7\xa0kyw\xf4\xeb\xe4T\xc9B\xd3\xc4C\xa4\xb2\xd34\r\xa7\xcb\x85\xdfW\xc2\x8dW^\xc8\x8f\xdf}C\x95j5x\xf3\xa3o\xe9~\xe1\xc5\xa81\x9d\x91\xe3?\x8a\xc77\xb2\x7f|E#\x91\xb4\x14\x8b\x85p(\x84$\xc9\x8cx\xe3Cz\xf7\xbf\x85H$B\xcf\x9e=y\xeb\xad\xb7D\x12\xf0\x0fD\x11\xe0&gt;\xf6\xed\xf9\x0f\x1a4\x88\xd1\xa3Gcw8x\xea\x95q\\\xdc\xebJ\xf2w\x8bb\xb0df6\xfe6t]\xe3\xb6\xbe\xbd\xf8\xf1\xbb\xaf\xc9\xc9\xad\xc2\xc8q\x93\xe8|\xea\xa9f\xb1_|\x1dqF\x96\x97\x11\x8f?\xcck\xcf\x9b\xfb\x00\xdc\xff\xc4\x8b\xdcp\xcb\xed\x14\xe4\x17\x8b\xea\xe2J\xcal\xfc\x9d\x14\x17\x14p\xe3\xd5\x17\xb1t\xd1/\xd4\xa9\xdf\x90\xd7\xde\xfb\x8cf\xc7\xb6\xa6\xa8\xb0\x10EV@\x92\xc8\xc8\xf42\xe2\xf1\x87x\xed\x85\xe1\x80\x88o\xaaH\xec\xd3\x92\x91\xe9e\xc4\xf0\x87x\xedy3\xbe\xaf\xbd\xf6\x1a\x83\x06\r\x12\x85\x81\x07\x10\t@\xdc\xbe\x8d\xff\x80\x01\x03x\xe3\x8d7p\xb9=\x8cx\xe3\x03\xce\xba\xe0\x02\xf2w\x8b\xf9\xfed\xa6\xeb:\x16\xab\x15\x0c\x9d\x9b\xaf\xbb\x8c\xd9?L\xa5J\xb5\xea\xbc\xf6\xfe\x17\xb4;\xbe#\x85\x05\x85X,V 1\n\xa4\x93\x9d\x93\xc9\xab\xcf=\xcd\x0b\x8f\xdf\x07\xc0}\xc3G0\xe0\xb6;\xc8\xdfS\x84\xa2\x88\xf7BeR\xda\xf8\x17\x16\xd0\xbf\xe7\xf9\xfc\xf9\xfbo4&lt;\xa6\x19\xa3?\x9cB\xbd\x06\x8d\xe3\xfb7\x981\xdb?\xbeO\xf1\xc2\xe3\xf7\x03"\xbe\xa9\xe2\x9f\xe2;j\xd4(n\xba\xe9&amp;\x91\x04\xecC$\x00\xec\xdf\xf8\x0f\x1e&lt;\x98\xd7_\x7f\x1d\x8f7\x83\x97\xde\x9a\xc4ig\x9fM\xfe\x9e\xbd\x8d\x83\x90|t]G\xb1((\xb2\xcc\xad\xd7_\xc1\xcci_Q\xb5zM\xc6|8\x85c\xdbv\xa0\xa8\xf0\xff\xe3\x9bxO\xe4\xe4e2z\xc4\xf3&lt;\xfb\xc8\xdd\x00&lt;\xf4\xcc+\\?\xf8f\nv\x17\x89\x1a\x90JB\x8f\xcf\xf9\xfb\xfd%\x0c\xe8y&gt;K\x17\xfdB\xe3f-\x19;\xf1Kj\xd6\xae\x8b\xaf\xc4\xf7\x7f\x0f\xfc\x7f\x8a\xef\xc3\xcf\x8c\xa2\xcf\xe0\x9bD|\x93\xdc?\xc5w\xec\xd8\xb1\xf4\xef\xdf_$\x01qi\x9f\x00\xec[\xed\x7f\xd7]w\xf1\xc2\x0b/\xe0r{\x189\xee#N?\xe7\x1c\xf2w\x17\x9a=G!)\x19\x86\x81$\x99K\xfb\x86\xdcp\x15\xdf~\xf11yU\xaa1v\xe2W\xb4j\x7f\xdc\xdf6\xfe\xfb\xd24\x95\xdc\xbc,^}\xee\x19\x9e\x7f\xec^\x00\x9e\x1a5\x9e\x9e\xd7\xf51\xdf\x1b"1\xacP\xba\xaec\xb5ZQ\xd5\x18\xfd{\x9e\xc7o?\xcf\xa1\xe11\xcdx\xf3\xe3o\xa8Q\xab.\x01\x9f\xef_\x1b\xf2\xbf\x8b\xef\xd3\xa3\xc6s\x85\x88oJ\xf8\xff\xf8J|\xf0\xc1\x04\xae\xbc\xf2J\x91\x04 \x8a\x00K\x1b\xff\xe1\xc3\x87\xf3\xc2\x0b/`\xb7;x~\xcc\xfb\xa2\xf1O\x01\x89\x82N\x8f\xd7\xcb#C\x06\xf1\xed\x17\x1f\x93\x99\x9d\xc3\xab\xef}j6\xfe\x05\xff\xfd\x807\x97\x19\x153\xf8\xae\xa1\xdc2\xf4Q\x00\x1e\xbec \xdf~\xfe99\xb9\xd9\xa2\xb0\xa8\x02\x19\x86\xb9\x94S\x96%\xee\xe8\xd7\x8b\xdf~\x9eC\x9d\xfa\r\x19\xf3\xe1\x14j\xd6\xae\x8b\xff?\x1a\x7f\xd8?\xbe7\xdf\xf3(\x00\x0f\r\x19\xc8\xd4\xcf\xbf\x10\xf1M\x01\xff\x7f\xff\x1a\xf4\xe9\xd3\x87\xa9S\xa7\x8a\xc2@\xd2|\x04 \x91\x01\xbe\xf1\xc6\x1b\x0c\x180\x00E\x96y\xfa\xd5\xb7\xb9\xf4\x9a\xde"\xfbO\x01\x9a\xa6\x92\x93\x9b\xc5s\x8f&gt;\xc8\xeb#\x9e\xc0\xe5v3\xea\xddO9\xe5\xf4\xb3(\xcc?\xf8\xe4.1\xa7\x98\x95\x9d\xc9\xe3\xf7\x0e\xe1\xed\xd7_\xc4\xe3\xcd\xe0\xcd\x8f\xbe\xa1\xfd\t\'QR$\x86\x8b\x8f\xb6Dr\xe7\xcd\xf0r\xf7\xa0\xeb\xf8b\xd2{T\xa9V\x83\xb7&gt;\x99J\xd3\x16\xad\xf6\x9b\xf3?\xb8\x9fe\xc6\xf7\xb1\xa1w\xf0\xce\xe8\x97\xf0dd\x9a\xf1\xed\xd8Y\xc47\xc9\xfd]|33\xb3\xf8\xe1\x87\xef\xe9\xd0\xa1CZo\x1b\x9c\xb6\t@\xa2\xf1\xff\xe6\x9bo\xb8\xf0\xc2\x8b\xd04\x95\x07\x9e|\x89\x1bn\xbd\x8d=\xbbD\xe3\x9f\xecTU%\xb7J\x16\xef\x8d\x19\xcd#w\rBV\x14\x9e\x1f\xfd&gt;=z\xf5"\x7f\xd7\xa1\x8f\xec\x98\xb7\x89\x81\xc7\x9b\xc1]\x03{3\xe5\xe3\xf7\xa9^\xb36\xefM\x99I\xad\xba\xf5\x08\x06\x82i\xfb\x10\xa9\x08\x89\xe4\xee\xe9\x87\xeec\xec\xc8\xa7\xf1x3\x18;\xf1+\x8e?\xa9\x0bE\x05\x87^\xb0\xbb7\xbe^\xee\x1c\xd0\x9b/?\x99@\xf5Z\xb5y\x7f\xca,j\xd6\xa9+\xe2\x9b\xe4\xf6\x8d\xafy\xffN\xa0n\xddz\xcc\x993\x9b:u\xea\xc4\x97v\xa7\xdf\x80xZ&amp;\x00\x89\x8co\xd9\xb2et\xed\xda\x95\xc2\xc2B\xfa\xdfz\x0f\xf7\r\x7f\x86\x82|Q\x01\x9c\xecTU%+;\x8b\x9f\xbe\x9f\xc6\xa0k."\x1a\x89\x94Vx\xef9\x8c\xc6?\xc1\xd0udEA\xb1(\x0c\xecu\x01\xf3~\xfc\x9e\x96m\xda\xf3\xee\xe7?`\xb1\xd9\xd0T\x15IJ\xbf\x87\xc8\xd1\xa6\xaa\xe6\xbc\xee\xfbo\x8d\xe5\xe1;\x06b\xb1Xx\xf1\xcd\x89\x9c{\xc9\xa5\x14\x1cA\xc1n\xa2\x10X\xb1\xc8\x0c\xe8y\x01\xf3\x7f\xfa\x81c\xdb\x1e\xc7;_|\x8fE\xb1\xa2i\x9aX\x02\x9c\xc4\xfe.\xbe\'\x9cp\x023f\xcc\xc0\xe1p\x94\x1e\xf3\x9eN\xd2\xeei\x958\xf1\xab\xa0\xa0\x80\xcb/\xbf\x82\xc2\xc2B\xce\xbd\xb8\'w?\xfa4E\x85%b\x83\x9f$\xa7i\x1an\x8f\x9bukV1\xf4\xa6\xeb\x88F"\xf4\xee\x7f\x0b7\xdcj.\xef:\x92\x9a\x0eI\x96\xd14\r\x90xa\xec\xfb4j\xd2\x82?\x7f_\xc4}\xb7\xde\x80\xc3\xe1$\xfdR\xe9\xa3O\x8b\'wsf\xce\xe4\xc9\xfbn\x07\xe0\xaeG\x9e\xe1\xfcK/\xa5\xe0\x08\xa7\xed\xe4x|%d^\x18\xfb&gt;\r\x8fi\xc6\x1fK~\xe5\xc1[\xfb\xe3t9I\xc3\xbeRJ90\xbe\x8d\x9a4c\xc1\x82\x05\xf4\xef?\xa0\xf4s\xe9&amp;\xad\x12\x80\xc4\xd2\x10I\x92\xb8\xf6\xdakY\xb5j%m:\x9c\xc0\x13/\xbfI(\x18\xc20H\xbb\x0c0\x95\x18\x86\x81\xc5b!\x12\x0es\xd7\xc0\xde\xec\xd9\xb5\x93\xaeg\x9e\xcb\xfdO\x8e\xa0\xa4\xd0W&amp;\xc9\x9d,\xcbD\xc2a\xb2s\xab\xf0\xe2\x9b\x1f\x90\x95\x9d\xc3\xf4/\'\xf3\xca3\xc3\xc8\xce\xcdH\xfb\xa2\xa2\xf2\xa4k:N\x97\x93-\x9b60t\xf0u\x84\xc3!\xae\xec;\x88\xfe\xb7\r9\xe2\xe4.A\x96e\xc2\xe109yU\x19\xf1\xc6\x07dfe\xf3\xed\x17\x1f\xf3\xeasO\x90\x9d#\xe2\x9b\xec\xf6\x8d\xef\x0bc? 3;\x9b\x0f&gt;\x98\xc0\xb3\xcf=\x97\x96E\x81i\x95\x00$\x86\xfe\x1f~\xf8a\xbe\xfe\xfak\xaaU\xaf\xc9\xf3c\xde\xc7n\xb7\x13\x8b\xc5\xd2r\x0e(\x95\xe8\xba\x8e\xc7\xeb\xe6\xf1{oc\xd9\xe2\x854h\xdc\x94\xa7G\x8dC\x8d\xa9\xe8\x86Qf\xc9\x9d\xa2(\xf8JJh\xd9\xa6\r\xc3^\x18\x83,\xcb\xbc\xf6\xc2p\xa6M\x99BvNV\xda=D\x8e\n\xc3@V\xcc\xf8\xdd{S_\xb6o\xdd\xcc\x89]N\xe5\x81\'_\xa4\xa4\xc8_\xa6#wf|\x8bi\xd5\xae\x1d\x8f&gt;\xff\x1a\x92,3\xea\xb9a|\xff\xcd7de\x8b-\x83\x93\xdd~\xf1}\xeeudY\xe6\xfe\xfb\xefg\xc6\x8c\x19X,\x96\xb4\x1a\tH\x9b\x16/\xb1\xdc\xef\xeb\xaf\xbff\xf8\xf0\xe1X\xadV\x1e\x7f\xe9\r\x1a4nL\xc0\x1f\x10\x05&gt;INUUrr3\x99\xf0\xd6\x18&gt;\xfd`&lt;.\xb7\x87g^{\x9b\x9c\xbc\xaaD\xc2\xe12O\xee,\x16\x0b\x05\xf9E\\x\xf9e\x0c\xbc\xe3&gt;tM\xe3\xe1!7\xb2q\xdd:\\.\'\xba\xae\x97\xe9\xefKw\x9a\xa6\x91\x99\xe5\xe5\x85\xc7\x1f`\xc1\x9c\x99\xd4\xa8U\x87\xa7_}\x1b07\x02*\xeb\x91;\x8b\xc5JA~\x11=z\xf6\xe2\x86\x9b\xefFSU\x1e\x1e2\x90\xad\x9b6\xe2p\x8a\xf8&amp;\xbb\xbd\xf1\xedI\xbf[\xcc\xf8\xf6\xe9\xd3\x87\x9d;w"\xcbr\xda\xc47-\x8a\x00\x13\xc3\xfe\xdb\xb6m\xe3\xb8\xe3\x8eg\xc7\x8e\xed\xdcz\xef0n\x7f\xe0a\xb1\xdc/\x05\xe8\xba\x86\xcb\xedf\xd5\xf2e\\s~7\xfc\xbe\x12\x1e}\xee5\xae\xbdq\xd0aU\xfc\x1f&lt;\x03\xc3\x00\xa7\xcbI\xff\x9e\xe73g\xc64:w=\x83\xb7&gt;\xfe\x86P(,\xa6\x93\xca\x88\xa6\xaad\xe6d1}\xcag\xdc|\xdd\xa5X\xacVFO\x98\xc2)gt\xa7\xa8\xb0&lt;\xb7\xe86\xe3\xebp\xda\xe9w\xd9\xb9\xcc\xff\xe9\x07N9\xe3\x1c\xc6N\xfc\x92\x80? F\x0c\x93^&lt;\xbe\x0e;\xfd.7\xe3{\xc1\x05\x170e\xca\x94\xb4\xd9$(-\xde\xc1F|\xf8\xf7\x86\x1bn`\xc7\x8e\xed\x9cr\xfa\xd9\x0c\xbe\xeb\x01\x8a\xf2KD\xe3\x9f\xe4\xcc\xa2N\x85h$\xc2C\xb7\x0f\xc4\xef+\xe1\x82\xcb\xae\xe6\x9a\xfe\x83(\xd8S\\\xce\x1b9I\xa5;I&gt;\xfe\xe2\x18\xaa\xd5\xa8\xc5\xbc\x1f\xbfg\xf4\x8bO\x93\x95\xed\x15S\x01e\xc0\xd0u\xecN\'[7m\xe2\xb1\xa1\xb7`\x18\x06\x03\xef\xb8\x8f\xd3\xce\xee\x1e\xdf\xc5\xb1&lt;\x1f\xd2f|\r\x1d\x86\xbf4\x86\xbc\xaa\xd5\xf8\xe9\xfboyk\xd4\x0b\xa2\x1e %\xc4\xe3k\x98\xf1\xadR\xb5:_~\xf9%/\xbf\xfcr\xda\xd4\x03\xa4|\x02\x90\x98\xf7\x7f\xf9\xe5\x97\x99:u*\xd5\xaa\xd7d\xd8\x0b\xaf\xa3\xaa*)?\xf4\x91\x06tM#3\xcb\xc3+\xcf&lt;\xc6\xb2\xc5\x0b\xa9\xdf\xa8\t\x0f&gt;\xf5\x12\xc1@\xf0\xa8\xf4\xd0dY&amp;\x14\x0cQ\xa7^=\x1e|\xfaedYf\xf4\x8bO\xf1\xcb\xbc\xf9x32\xd0\xd3h&gt;\xb1&lt;\x18\x80\xcdfc\xf8\xbd\xb7\xb1s\xfbV:\x9dr:7\xdd\xf9\x00\x85\x05\xbe\xa3\x92\xbc\xcb\xb2L0\x18\xa4~\xa3F\xdc\xff\xc4KH\x92\xc4\xab\xcf=\xc6\x92_\x7f\xc3\xe3\xf5\xa2\xeb"\xbe\xc9l\xdf\xf8\xde\xf7\xc4\x8bH\x92\xc4\xfd\xf7?\xc0\xf2\xe5\xcb\xb1X,)?\x15\x90\xd2\t@b\xdd\xe7\x8a\x15+\xb8\xff\xfe\x07\x90$\x89{\x87\x8f\xa0n\x83\xfa\x84\x83!1\x84\x97\xe44M\xc3\x9b\x95\xc1\x9c\x993yg\xf4\x8bX\xacV\x1e~\xe6\x15rr\xf3\x88F\xa2Gm\x08\xdeb\xb1PTP\xc4y\x17_B\xcf\xeb\x06\x10\t\x87x\xec\x9e\x9b\x08\x87\x82\xc8\x8a\x82X\x1fxxTU%+\'\x83I\xef\xbc\xc1\xf7\xdf|NvN.\x8f&gt;\xff\x1az|\x17\xc0\xa3\xc5b\xb1PXP\xccEW\xf4\xe2\xe2^}\x08\x06\x02&lt;v\xcf\xcd\xa8\xa5\x85\xc3"\xbe\xc9l\xdf\xf8^re\x1f\x02\x01?\x03\x06\x0c@\xd3\xb4\xd2\x1d\'SU\xca\xb6\x80\x89\xc0\xe9\xba\xce\xa0A\x83\x08\x04\xfc\\\xdc\xeb:.\xb8\xbc\'\x85\x05bk\xcfd\x97X\xf2\x17\xf4\x07x\xe2\xfe\xdb\x89\xc5b\xf4\xee\x7f\x0b\xdd\xba\x9fEQ\x05l\xdd*+\n%%A\x86&lt;\xf4$\r\x8fi\xc6\xf2\xa5\x8b\x19\xf3\xd2\xd3dfy\xd2\xaa\xaa\xb8\xac\xe8\xba\xb9\xe4o\xfd\x9a\xb5\xbc\xf8\xc4\x83\x00\x0cy\xe8)\x8ei\xd6\xe4\xa8\x8d\xee\xecK\x96e\x02\xfe\x10\xf7\x0c{\x9a:\xf5\x1b\xb2\xe4\xd7\x9f\x19\xff\xda\x8bdfyQU\x11\xdfd\x97\x88\xef\xdd\x8f&gt;M\xdd\xfa\r\x99;w.#G\x8eDQ\x94\x94\xbe\x7fS6\x01H\xf4\xfe_\x7f\xfdu~\xfc\xf1Gj\xd5\xa9\xc7\x9d\x8f&lt;E0 z\xfe\xa9@\xd3422\xdd\x8c}\xe9\x19V\xfd\xb9\x94\xc6\xcdZr\xf3=\x0fSRT1+:$IB\x8d\xc5\xc8\xca\xce\xe6\xfe\'^DQ\x14\xc6\xbf6\x82E\x0b~\xc1\xed\xf5\x8a\xa9\x80Cd\x18\x06v\x9b\x9dg\x1e\xb9\x9b\xc2\xfc\xdd\x9c\xda\xfd|z^\xdb\x8f\xc2\x82\x92\n)\xce\x92$\x89h$B^\xd5\xaa\x0c\x1d\xf6&lt;\x92$1\xe6\xa5\xa7\xf8\xf3\xf7e\xb8=\xee\x94\x1f*Nu\xfb\xc6\xf7\x9e\xc7\xcc\xf8&gt;\xfa\xe8\xa3\xac]\xbb\x16EQR6\xbe)\xd9\x12&amp;\xf6u\xde\xbcy3\x0f=\xf4\x10`\xee\x16V\xadzu\xa2\xe1\x88\xd8\xae5\xc9\xe</t>
        </is>
      </c>
    </row>
    <row r="397">
      <c r="A397" s="1" t="n">
        <v>395</v>
      </c>
      <c r="B397" t="inlineStr">
        <is>
          <t>size_grid</t>
        </is>
      </c>
      <c r="C397" t="inlineStr">
        <is>
          <t>What is the size of the missing part denoted with a question mark?</t>
        </is>
      </c>
      <c r="D397" t="inlineStr">
        <is>
          <t>['small', 'large', 'medium']</t>
        </is>
      </c>
      <c r="E397" t="inlineStr">
        <is>
          <t>medium</t>
        </is>
      </c>
      <c r="F397" t="inlineStr">
        <is>
          <t>There are circles arranged in a grid formation with varying sizes in the image. The sizes in the first row are ['large', 'medium', 'large'], the sizes in the second row are ['medium', 'small', '?'], and the sizes in the third row are ['large', 'medium', 'large'].</t>
        </is>
      </c>
      <c r="G397" t="inlineStr">
        <is>
          <t>We observe that the circles at the corners are large size, while the circles directly adjacent to the center are medium size. Only the center circle is small size. Hence, the pattern is that the circles alternate in size depending on if they are at the corner or adjacent to the center.</t>
        </is>
      </c>
      <c r="H397" t="inlineStr">
        <is>
          <t>Based on the pattern that the circles alternate in size depending on if they are at the corner or adjacent to the center, the size of the missing part that is adjacent to the center should be medium.</t>
        </is>
      </c>
      <c r="I397" t="inlineStr">
        <is>
          <t>b'\x89PNG\r\n\x1a\n\x00\x00\x00\rIHDR\x00\x00\x02\x00\x00\x00\x02\x00\x08\x02\x00\x00\x00{\x1aC\xad\x00\x00Z\xe5IDATx\x9c\xed\xddy|\x14\xf5\xfd?\xf0\xf7gfv7\x9b{spZ.!\t\x86\x10\x88\x84C\x10\t H=[\x10\xb4\xa2\x10\x04\xe4\xe7\x19\xbc*\xadm\xbd\xda\xaa\xa0\xd0VP\x89\x02\x8a\x08\xc5\xda\x82\xc0\x17\xc2!\xca!"\x120\t\x04B8\xc2\x91\x0bH\x08K\xae\xdd\x99\xf9\xfc\xfe\xf8\xc86\xe5\x0c\x90\x90\xdd\xfd\xbc\x9e\x8f\xef\xc3G\xbf\x9bM\x98\xdd}\xcd\xbc&gt;3\xf3\x99Y\xc69\'\x00\x00\x90\x8f\xd2\xd4\x0b\x00\x00\x00M\x03\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Jk\xea\x05\x90\x11\xe7\xfc\x82\x8f3\xc6\xae\xf3\x92\x00\\\x7f\xc8\xbf\xf7@\x014.^\x07\x11)\x8a\xe2\xf9\xef\xf9L\xd3\xf4\xfc\x97\xd5q\x1d\x97\x17\xa0!!\xff^\x8e]\xac\x8d\xe1\xaa\x89\xb8\x9b\xa6\xc9\x18SU\xf5\xfc\'\x98\xa6YQQ\xc1\xd8\xcfo\xbe\xf8\x1f\x01\x01\x01v\xbb\xfd\x82O\x16\x7fJQ\x14\xac\x0c\xe0\xfd\x90\x7f\x1f\x82\x02h0"\xf4\x9csM\xfb\xef~\x95a\x18\x85\x85\x85\xf9\xf9\xf9\xd9\xd9Y\'N\x9c\xd8\xb6\xedG]\xd7K\x8a\x8b\x8bK\x8a\x191N\xe2\xcdgD&lt;8(\xb8c\xa7\x8e\x9cSBBBTTT\x8f\x1e=~\xf1\x8b_\xb4m\xdb600\xb0\xee_#"\xac\t\xe0\x85\x90\x7f_\x84\x02h\x00\x9cs\xc30&lt;\xb97\x0c#///##c\xd3\xa6Myyy\x05\x05\x87N\x9fv^\xc5\x9f\xb5\xd9\xac\xadZ\xb5\x8a\x8d\x8d\xed\xdd\xbb\xcf\x90!C\x12\x13\x13=+\x83\xae\xeb\x8a\xa2\\lW\x1a\xe0zB\xfe}\x17\n\xe0\x9a\x88!\x89\xd8\xcf5\x0cc\xeb\xd6\xadK\x96,Y\xb9r\xe5\xbe}y\xb5\xb5\xae\xba\xcf\x0c\t\t\n\n\n\xbc)\xa6\x9d\xa2\xa9a!A]\xbb\xc6p\xc3\x14\xc3\x18\xce9\xd3,\x05\x87\x8e\x1e&gt;Z\xccT5?\xff\xf0\xe9\xd3gN\x96\x9d:\xe7\xdfj\xdf\xbe]J\xca\xc0{\xef\xbdw\xc0\x80\x01\xa1\xa1\xa1tv\xcc\x85\x01\x114\x15\xe4\xdf\xd7\xa1\x00\xae\x92a\x18\x9e\xe4\x1d=zt\xd1\xa2E\x0b\x16,\xd8\xb9s\xe7\x7f\x9f\xc1X\xbb\xb6\xado\xee\xde9)1\xb6G\xb7\xb8\xce\xb1\x1dB\xc3\x82\xc3\xa2\x1d\xa4\xa8\xa40"\x0bQ\xddw\x9e\x11\xe9d\x1a\xc4X\xf5\x89\xf2\xca\xca\xea]y\x87vd\xe5e\xe7\xec\xdb\xb6}\xd7\xbe\xfc\x82\x9a\x9aZ\xcfS\xdb\xb6m;r\xe4\xc8\xd1\xa3Gw\xed\xda\xd5\xb30\x17&lt;\xd8\n\xd0H\x90\x7f\xff\x80\x02\xb8b\xe2@\xa7\x08\xdcw\xdf}\xf7\xf1\xc7\x1f\xff\xe7?\xff./?%~\xeap\x84\xf6H\x8a\x1f:\xa8w\xff[{\xc4\xc7\xb5\x0b\x8c\x8a \xd2\x88t\xaau\x91a\x9an7\x11qN\x9c\x9bDu\x87-\xfc\xe7\t\x0f\x9c\x14\x8bF\xaaB6+1\x8d\x88\x1b\xa7\x9dy\xfb\x8fl\xdd\x96\xb5&lt;c\xd3\xf6\xed\xbb\x0f\x15\x1c\x13\xbf`\xb5Z\x07\x0c\x18\xf0\xf8\xe3\x8f\x0f\x1b6\xccj\xb5\x8a\xd1\x10V\x03hl\xc8\xbf?A\x01\\\x81\xba\xc7:\xd7\xad[\xf7\xf6\xdbo\xaf^\xbd\xda\xf3\xd3~\xb7t\xbf\xf7\xee\x94\x07F\x0c\xbd\xa1\xc3\r\xa4X\xc8tSu\xad\xe1\xd69\xe7\x9e\xf9l\xf5\xd9W\x15\x9f\x88ir\xce9c\xa4j*\xd9ld\xb1\x12\x99\xce\x92\xb2%+\xd6\xff{\xc9\xd7k\xbe\xdeRYY-\x9e\xdf5!!m\xf2\xe4\xd4\xd4T\xfa\xdfq\x19@\xc3B\xfe\xfd\x0f\n\xa0\xbe\xc4\xd1F"\xca\xcb\xcb{\xeb\xad\xb7\xe6\xcd\x9dkrNDv{\xc0oF\x0e\x1b7\xf6W\xb7\xf4I$\x9b\x9dj\xab\xcd\x9aZ\xd3\xe4LaJC\xccb\x16\xc3%\x93sF\xa4Z-\x14\x18D\xdc\xdc\x93\x93\xf7\xcf/2f\x7f\xf4Ea\xd1q\xf1\xb4\xc1\x83\x07\xbf\xf4\xd2K\x83\x06\r"\xec\x11C#@\xfe\xfd\x12\n\xa0^t]\xd74\xcd\xe5r\xbd\xfd\xf6\xdb\xd3\xa7\xbf[VVND\x11\x8e\xb0q\xa9\xbf\x1a\xf3\xe0\x9d]z$\x92\xe9\xe6g\xaa\x0c\xc3T\xd5F\x1c\x80\xfc&lt;\xbd\x9aH\t\xb2\x93\xc5^Rpx\xfe\xa2\x95s\xe6~\x99\xbb\xf7 \x111\xc6RSS_\x7f\xfd\xf5V\xadZa(\x04\r\x08\xf9\xf7W(\x80\xcb\x10\xd7%*\x8a\xb2y\xf3\xe6I\x93&amp;\xe5\xe4\xe4\x10\x91\xddf{\xf0\x81a/&gt;;.\xb6k&lt;\xb9+\x8d\xcajFLQ\xaf\xdf\xa44\xd34M\x93k\x01V\xb2\x87V\x94\x16\xcfx\xef\xb3\x0f\xd3\xbf(*&gt;AD-Z4\x7f\xfd\xf57\xc6\x8f\x1fO\x18\n\xc15C\xfe\xfd\x1b\n\xe0R&lt;\x01z\xe5\x95W\xde|\xf3\xafbf\xdb\xe0\x94^o\xbc\xf6T\xaf~\xbd\xc8U\xad\x9f\xa9R\xd4&amp;\x9b\x8f\xcc97tC\xb3Y)(\xb4\xf0\xc0\xc1?\xbc:s\xde\xfc\xa5b\xc7\xfc\x81\x07\x1ex\xef\xbd\xf7"##\xc5\xd8\xadI\x16\x0f|\x1d\xf2\xef\xf7P\x00\x17%\xd2_TT\x94\x9a\x9a\x9a\x91\x91AD\x8e\xf0\x90W\xff\xf8\xc4SO\x8e&amp;\x85\x19\xa7\x9d\xcc;.E\xf9\xf9\xd4\x9c=\x80\x02\x822\x96\xad}\xe6\xb97\xf7\xee+ \xa2\x98\x98\x989s\xe6\xf4\xed\xdb\x17\xe3 \xb8\n\xc8\xbf\x0cP\x00\x17&amp;\x06\x0e\x9b7o\x1e9rdaa!\x11\xf5\xeb\xd3\xed\xe3\xf4\xd7c\xe2\xe3\xcc\x8aS\xc4\xf9\xf5\xdc\xe1\xad\x0f\xce\xb9a\x98\x9a#\xac\xe2\xe4\xa9\xe7\x9f\x7f\xeb\xa3y\xff!"\x9b\xcd\xfa\xb7\xbf\xfd\xfd\xb1\xc7\x1e\xc3!Q\xb8"\xc8\xbf$\xbc\xebS\xf4\x12"\xfd\xe9\xe9\xe9)))"\xfdiO&gt;\xb4~\xcd\xdc\x98\x98vz\xf9IE\xb9\xae\x87;\xeb\x891\xa6i\xaaQ^\x11f\xb7\xa6\xcf}3\xfd\xfdW\xc2C\x83kk]\x93&amp;M\x9a4i\x92\xaa\xaab\xfavS/&amp;\xf8\x00\xe4_\x1e\xd8\x038\x97\'\xfd\x13\'N$\xa2\xb0\x90\xa0w\xa7\xbd8n\xe2h\xee,\xe7\x86\xe9\x85\xd1?\x07\xe7\xdc4L\xd5\x11\xf9\xc3\xa6\xad\x0f\x8f})o\xff\x11"\x9a0a\xc2\xec\xd9\xb31\x0e\x82\xcbB\xfe\xa5\x82\x02\xf8\x1f\xe7\xa4?\xd2\x11\xba\xf2\xab\xf7\x93\xfb\xf5\xd2\xcbN\xa8\x9a\xeaC\xd1\xd1\xdd\xba\x16\x1eZVZ6\xec\xce\x89?d\xee&amp;\xac\x03P\x0f\xc8\xbfl\xbc\xbd\xcf\xaf\xa7s\xd2\xdf3\xe9\xa6-\x9b\x17&amp;\xdf\xd2]/;\xa1Y4\xdf\n\x8df\xd1\x8c\ng\x84#d\xed\xday\xe3F\xdfCD\xe2ua_\x18.\x06\xf9\x97\x10\xf6\x00~v~\xfaW\xfd_\xba#:\xdc\xa8p\xaa&gt;;\x8d\xcc4L\xc5j!{\xc0\xc4\xd4)\xe9\x9f,\xa1\xb3\xe3 \xf1\r\x1b\xbe\xb5JC\xa3B\xfe\xe5\x84\x02 :;\xe3\xcd\x93\xfe\xe4\xee\x9d3V~\xe4p\x84\x18\x95\xd5\xaa\xe6\xdb\x13\xc8L\xd3\xe4\x8a\xa2\x06\x07\x9d\xb3\x0e`n\x1cx \xff\xd2B\x01\xfc\x9c\xfe-[\xb6\xf4\xeb\xd7\xcf4\xcd\x88\xf0\xd0\x1f\xbf[\xd8&gt;\xb6\x9dQq\xc6\xd7\xd3/p\xd3\xe4\xaa\xca,\x96\xbe\xb7\xfef\xcb\xb6\x1c"\x9a&gt;}zZZ\x1a\xae\x91\x01B\xfe\xe5&amp;{\x01\x88\x9d\xc1\xd2\xd2\xd2\xc4\xc4\xae%%\xa5A\x81\xf6\xf5\x19\xe9\xc9\xb7$\x19\x15N\xffH\xbf`\x9a&amp;Y,\xa7\x9cU)\x03\x1f\xc9\xda\xbd\x9f\x88V\xaf^}\xfb\xed\xb7c\x1c$9\xe4_\xf2\xfc\xcb~\x12X\xdc\xea\xe4\xe1\x87\x1f.))%\xa2\x99\xef\xfe6\xb9_o\xfd\xd4i\x7fJ?\x11)\x8a\xc2k]\x11\xd1\x8e\xcf\xe6\xbd\x19\xe1\x08%\xa2G\x1ey\xb8\xa4\xa4DQ\x14\xf1\x0e\x80\x9c\x90\x7f\xc9\xf3/u\x01\x88}\xc0\xd7^{m\xcd\x9a5D\x94\xf6\xff\x1e\x18\xf3\xd8\xc3\xee\xb2\x13\x9a\xc5\x0fw\x0cUM\xd5O\x9dNH\xee&gt;\xfb\xef/\x13Qqq\xc9\xc3\x0f?\xcc\x98\xec\xbb\x802C\xfe\x91\x7fy_\xbf\xb8\xbf\xf9\xf7\xdf\x7f\xdf\xbf\x7f\x7f\xb7\xdb\xdd\xbbG\x97M\x1b&gt;\xe3n]%\xee\xc7\xd3\x03t]\xd7\x1c\x91\x93\x1f\xff\xc3\x8c\xf7\x17\xd1\xd9\x83\xa1\xd8\x11\x96\x10\xf2O\xc8\xbf\xb4\x05 n,n\x18FBBB^^^HH\xd0\xce-\x8b:\xc4\xb43+\xab\xbd\xffZ\xc7k\xc197\x19#M\xeb\xd9gT\xe6Oy\x9a\xa6\xe4\xe4\xec\x8a\x89\x89\xe1\x9c{\xc3\x8d\xbd\xe0\xfa@\xfe\x91\x7fA\xc6\xd7LD\xe2\xebC\xa7M\x9b\x96\x97\x97GDo\xfe\xe9\x89\x0e\xf1q\xba\xb3\xd2\xbf\xd3OD\x8c12L\xd5b\xf9h\xe6\x1fm6\x8ba\x98O?\xfd4v\x84e\x83\xfc#\xff\x82\x9f\x7f\xde\x17$v~\xf7\xef\xdf\xff\xf6\xdbo\x13Q\xff\xbe\xdd\x1f\x7ff\x8cQQ\xee\x97\x87&gt;\xcf\xa7\xaa\x8a\xeetv\xef\xdb\xeb\xf9\'\x1f\xe2\x9c\xaf^\xbd\xfa\x8b/\xbePU\xd50\x8c\xa6^4\xb8\x1e\x90\x7f\xe4\xdfC\xc6\xea\x13\x87\xfc\xc6\x8c\x19\xf3\xe9\xa7\x9f\x06\x04\xd86\xaf\xf98\xa9w7\xf3L\x95\xdf\x0f\x7f&lt;8\xe7\xa6\xaaVV\xd5\xf4\xe8\xf3\xc0\xfe\x83G:v\xec\x94\x9d\x9d\xadi\x1a.\x8f\x94\x01\xf2\x8f\xfc{\xc8\xf2\x91{\x88\xf4o\xd8\xb0a\xc1\x82\x05D4\xeaW\x83\x93\xfa\xf56\x9cg\xe4I?\x111\xc6\xb8\xcb\x1d\x1a\x1d\xfd\xf2\x0b\xe3L\x93\xe7\xe5\xe5M\x9b6\rS\xe2d\x80\xfc\x13\xf2_\x87t{\x00\xe23\x1e&lt;x\xf0\xfa\xf5\xeb##\xc2\xbe\xffv~\x87N\xed\xa8\xa6VQ\xe4j~N\xc4\x89\xdc\xc4\xfa\xa7&lt;\xb2-swDD\xc4\xee\xdd\xbb\xa3\xa3\xa3I\x1c\'\x05?\x85\xfc\x0b\xc8\xbf Q\xed\x13\x91\xb8\x19lff\xe67\xdf|CD\xa9\x0f\xdd\xdd\xb1K\x17\xb3\xb2J\xb6\xf4\x13\x11#\xe2\xbaa\x0b\t~u\xcaD\xce\xf9\xc9\x93\'?\xfb\xec3\xc6\x98\x9cGB%\x81\xfc{ \xff\x82\\\x05 \xcc\x9a5\x8bs\x1e\x10`\x1d\xf7\xc8\xbd\xdcuF\x91u\n\xb0\xa2\xa9\xe6\x19g\xffA}\xe2b\xdb1\xc6\xe6\xcc\x99S]]\xad\xaa\xaal;\x85\xb2A\xfe\x05\xe4\x9f\xa4*\x00\xce\xb9\xf8\x92\xeb\x7f\xfd\xeb\x0b"zp\xc4\x1d\x9d{$\x9aU\xd5\x12\x0e\x7f\x04F\xc4\xddF`x\xf8\x94\xc9c9\xe7\xbbv\xedZ\xb7n\x1dc\xcc\xef\x8f\x84\xf2\xb3\xc4\xad\xe1%Y\xe1\x91\xffsH\x9b\xff\xba$*\x00\xb1s\xb7p\xe1B\xa7\xf3\x8c\xaa\xaa\x8f\x8f\x1f\xc1M7\x91\xa4\xe9\x17\x14U\xe1Ug\x86\xffz\xc8\r\xad\x9b3\xc6\xd2\xd3g\x93\x9f\x1e\x03\x15\x9b{]\xd7\r\xc3`g\x89/\x87\x12\xd3\xc0\xc5\x8f\xfc\xb8\x0c\x90\xff\xf3\xc9\x93\xff\x8b\x91\xa8\x00TUu\xb9\\\x9f\xcc\x9b\xc7\x18\xebys|R\xefD~\xa6J\x95i\xf2\xc3\xf9\x18cF\xad;(:\xea\xc1\xe1C8\xe7\xeb\xd6\xad\xdb\xb7o\x9f\x9fM\x87\x10\x1bw\xb1\xb9\xd74M\\\xf4\xeft:KJJ\x8e\x1c9R\\\\\xect:\x19c\xe2G~|\x14\x18\xf9?\x9f\x0c\xf9\xbf4Y&gt;~1\xee\xdb\xb1#3;\'\x87s&gt;\xfc\x9e\x14\xc5\x16h\x1a\xb2|\xcc\x97\xc0\x18#\xd3=\xfc\xdeA\x8a\xa2TVV-Y\xb2\x84\xce\xce\x15\xf1\x03\x9cs\xb1q\'\xa2\xcc\xcc\xccw\xdeyg\xc4\x88\x11\xdd\xbau\xeb\xd4\xa9S\xa7N\x9d\xe2\xe2\xe2\xc4\xffHNN~\xec\xb1\xc7\x96/_.fI\xfa_\x07 \xff\x17\xe3\xdf\xf9\xbf,Y\xa6\x81\x8a\x1b\x1f\xfe\xf6\xb7/\xbe\xfd\xf6\xd4\x08GX\xce\x0f\x8b[\xfe\xa29\xafuK\xb5\xbbw1&amp;\xe7d\xb3\xdd\x96\xf2\xc8\xe6\xef\x7f\xba\xa5O\x9f\r\x1b7\x12\x91\x1f\xdc\x1aEl\xfd\x0b\x0b\x0b\xe7\xcf\x9f\xbfh\xd1\xa2\x9d;w^\xf6Wn\xbe\xf9\xe6\xbf\xfc\xe5/C\x86\x0c\xf1\xb3\x1b\x84!\xff\x97\xe0\xaf\xf9\xaf\x0f)^$\x11\xa9\xaa\xeav\xbb\x96/_AD\xdd\xba\xc6\xb4\xec\xf0\x0b\xb3\xc6\x85\xf4\x0b\xa6a*6\xfb\xe0\x94\x9e\x9c\xf3\xed\x99\x99\xf9\xf9\xf9~\xb0\x17,\xc6\xbc\x0b\x16,HHHx\xe9\xa5\x97\xc4\xd6\xdfb\xb1\xd8l6\xab\xd5*\x0e\xf8(\x8a\xa2\xaa\xaa\xc5b\xb1X,\xe2\x91\xed\xdb\xb7\x0f\x1d:t\xc6\x8c\x19~\xb6\x1f\x80\xfc_\x82_\xe6\xbf\x9e\xa4(\x00\xf1\xb5G\xfb\xf7\x1f8p`?\x11\xdd1\xf8\x16R4\xd3\x94b\xd7\xa7&gt;\x18cd\xba\x86\xa4\xf4\xd6T\xb5\xa6\xa6f\xf3\xe6\xcd\xe4/{\xc17\xdcpCYY\x99\xd5j\xb5X,\xaa\xaa\xba\xdd\xee\xda\xdaZ\x97\xcb%N\xf9\x8a;b\xba\xddn\xb7\xdb-\xfe_UUUU\x9d&lt;y\xf2\xe2\xc5\x8b\xfd\xa6\x03\x90\xffK\xf3\xe3\xfc_\x96,\x05@D\xabV\xad\xac\xa9\xa9\xd5Tu\xd0m\xc9db\xe7\xf7\xbf\x14\x85QuMb\xf7\xce\xad[7#\xa2e\xcb\xbe"\xdf\x9f\x0b\xa1\xaa\xaai\x9a\xb7\xddv\xdb\x1dw\xdc\xe1r\xb9\xc4&amp;\xbey\xf3\xe6\xf7\xdf\x7f\xff;\xef\xbc\xb3l\xd9\xb2\x8d\x1b7n\xd9\xb2e\xcd\x9a53f\xcc\x188p\xa0\x98\x0f*&amp;\x021\xc6\x9e|\xf2\xc9\x93\'O*\x8a\xe2\x07\xc7H\x91\xffK\xf3\xcb\xfc\xd7\x93\x14\xf7\xff\x13\x9f\xe5\xa6\xcd\x9b\x89\xa8u\xabf\xb1q\xed\xa9\xbaF\xda\xe9\xcf\xe7c\x8c\x19n#0"\xfc\xe6nq\x05\x87\x8bvd\xee\xa8\xaa\xaa\n\x0c\x0c\x14\x9b\xc2\xa6^\xba\xab\'\xb6\xe9\x93\'O^\xb5j\xd5\xa0A\x83\xc6\x8e\x1d;l\xd8\xb0\xc8\xc8\xc8s\x9e6x\xf0\xe0g\x9eyf\xd1\xa2E\xe3\xc6\x8d\xab\xad\xad\x15\xf3\xe5\x8f\x1f?\xbe`\xc1\x82\xa7\x9f~\xda\x0f\xbe:\x1c\xf9\xbf4\x7f\xcd\x7f}H\xb1\x07\xa0(\x8a\xcb\xe5\xda\x93\x9bKD\xc97\xc7\x07EE\x18n\xc3\xef?\xda+\xc29\'\xa6\x0e\xe8w3\x11\x95\x94\x96\x1c9r\xe4\xe7\x07}\x99\x98\xd69`\xc0\x80\xed\xdb\xb7\xaf]\xbbv\xf4\xe8\xd1\x91\x91\x91\x86a\x88\xe3?\x1e\xba\xae\xeb\xba\xfe\xc0\x03\x0fL\x9d:U\xdc*Y\xac\xf9+V\xac \xbf8\x19\x88\xfc_\x96_\xe6\xbf&gt;|&gt;\xdc\x97%\x0e\x80\x16\x15\x15\x1d&gt;|\x98\x88n\xee\x16GL\x93\xe1\xa3\xbd"\x8c1\xe2z\xf7\xc48EQ\xaa\xabk\xb2\xb2\xb2\xc8_V\x00\xab\xd5\x9a\x94\x94\xe49\xbc\xa3\xaa\xaa8\xdf\xeb\xa1i\x9a\xa2(\x86a\xa4\xa6\xa66o\xde\\\x1c\xf7\xe7\x9c\xe7\xe7\xe7\xbb\\._?\n\x84\xfc\xd7\x87\x1f\xe7\xff\xd2\xfc\xbf\x00\xc4\xa7x\xf0\xe0A\xa7\xf3\x0c\x11u\xeb\x1aK\x84\xe1\xcf\xb9\x14\x85Q\xad+\xb6c\xdb\xf0\xb0\x10"\xda\xb3\'\x97\xfch\x05\x10\x1bA\xb1Cp\xc1\'(\x8a\xa2(J```\xc7\x8e\x1d\xe9\xec1\x93\x8a\x8a\x8a\xea\xea\xea\xeb\xba\xa0\x8d\x00\xf9\xaf\x0f\xff\xce\xff%\xc8R\x00\xd9\xd9YD\x14\x16\x1a\x12\xdf\xb9\x03\xd5\xd6b\x058\x87\xb8C\xba\xa3Ut\xa7\x8em\x88(;;\x87\xfc\xe8&lt;X}\x0e\xe3\x88\x9c\xd4}\xc9\xe2F\x11\x8d\xb8X\xd7\x05\xf2_\x1f\xfe\x9d\xffK\xf0\xff\x02\x10\x8a\x8b\x8b\x89(00 ,,\x84\x0cC\x82O\xf6\x8aq\xce5\x9b52"\x8c\x88JJJd8\x03\xe6!\xbe\x13\xdc\xedv\x1f;v\xcc\xf3\xa0\xc3\xe1\x08\x0c\x0cl\xc2\xa5j@\xc8\xffe\xc9\x99\x7f\xff/\x001\xfa\xcb\xcc\xdcADq\xb1\xed\x82\xa3\x1d\xa6[\x97\xe1\xa3\xbdR\xa6\xc9\x89i7\'\xc6\x11Q^\xde\xdeS\xa7N\xf9\xfa\xe1\xef\xfa\x13\x13%\xb7m\xdbv\xe8\xd0!\x11\x18\xc6X\\\\\x9c\xa6i\xe2\x82\xb2\xa6^\xc0\xab\x87\xfc\xd7\x93\x9c\xf9\xf7\xff\x02\x10~\xde\xc1\xf7\x8bI\x1d\x8d\x89\x89\xd9\x81\xe2\x92\xa8\xa6^\x98\xeb\xc4s\xc9\xcfK/\xbd$r"\xe6\x8f\x0e\x1f&gt;\x9c\xfc\xe5@0\xf2_?\xd2\xe5\xdf\xff\xd3\xc0\x18\xab\xa9\xa9)&lt;v\x8c\x88\x1c\xe1\xa1D\xcc\x1fV\xe8\xc6\xc2\x1d\xe1\xa1DTYY)\x0e\x86\xf8\xc7\xe6\xef\x12\xc4\xd6_U\xd5\xc7\x1f\x7f|\xe3\xc6\x8d\xe2\xb8\xbfa\x18\xb1\xb1\xb1\xf7\xdf\x7f\xbf\x985\xd4\xd4\xcbxM\x90\xff+!]\xfe\xfd\xbc\x00\xc4\x81\xbc\xaa\xaa\xaa\xa3\xc7\x8e\x12Q\xf7\xae1\xa4X8.\x82\xbf\x10\xc6\x18\x91\xd1=1\x96\x88*+\xab\x8e\x1e=J\xfe\xbe\x02\x88\xafHd\x8cM\x980\xe1\xfd\xf7\xdf\xf7l\xeb\x19c\x1f~\xf8\xa1\xddn\x17\xd3\x87\x9av!\xaf\x05\xf2_\x7f\x12\xe6\x9f\xe4\xb9\x12\xd8b\xb1\x10\x91\xaeKq\x7f\x8fk\xe1y\x8b\xc4;\xe6\xc7\xc4\xfd&gt;\xcb\xcb\xcb\x1f~\xf8\xe1\x15+Vh\x9a&amp;\xf6\x06\x0c\xc3HOO\xbf\xed\xb6\xdb\xfc\xe6\x86\xa0\xc8\x7f\xfd\xc9\x93\x7fA\x8a\x02\xa0\xffN\xf2k\xea\xe5\xf0z\x9e\xb7\xc8\xbf\xc7&gt;b\xe3\x9e\x9b\x9b;b\xc4\x88\xdd\xbbwk\x9a&amp;\xbe2LU\xd5y\xf3\xe6\x8d\x193\xc6\x0f\xee\x00Q\x17\xf2_O\x92\xe4\xdf\xc3\x7f"\x0ePObC\xff\xfd\xf7\xdf\xdf}\xf7\xdd\'N\x9c\x10[\x7f\xc30\xa2\xa2\xa2&gt;\xfb\xec\xb3\xa1C\x87\xfa\xd9\xd6\x1f\xe0bdI\xb98\x92+I\xab_\x0b\xcf[\xe4\xd3\xc7\xbe/A\xdc\xed\'77\xf7\xce;\xef,++\x13\x07y\x0c\xc3\xe8\xd6\xad\xdb\xa2E\x8bbcc\xfdr\xeb\x8f\xfc\xd7\x93\xdf\xe7\xff\x1c\xfe\x16\xf4\x0b\xe2\x9c\xeb\x86NDV9\x8e\xeb]\x0b\xcf[\xa4\xebz\xd3.Ic\x10\xabwmm\xedC\x0f=TVV&amp;\xc6\xfe\xba\xae\x0f\x192d\xf1\xe2\xc5aaa~\xb9\xf5G\xfe\xeb\xcf\xbf\xf3\x7f&gt;?\x9f\x05DD\x9cs\x8b\xc5\x12\x16\x1aFD\xf9\x07\x8f\x10\xf7\xed\xebz\x1a\x99\x92\x7f\xf0\x08\x11Y,\x96\xb0\xb00\xf2\xbbq\x90\x98\xf6\xf3\xf9\xe7\x9f\xef\xd8\xb1C\x9c\xf55\x0cc\xf0\xe0\xc1_}\xf5UXX\x98a\x18~\xb9\xf5G\xfe\xeb\xcd\xcf\xf3\x7f&gt;?/\x00\xc6\x18\xe7&lt;$$$&amp;&amp;\x96\x88\xf6\x1f&lt;F\\\xf7\xf7\xcf\xf4*q\xce\x89\x94\xfd\x07\x8e\x12\x91\xc3\x11\x1e\x13\x13C~\xb7\x02\x88\xcb\xa0\xe6\xcf\x9f\xcf\x18\x13\xd9h\xd3\xa6\xcd\xe2\xc5\x8bm6\x9b\xdf\xcc\xf9\xa9\x0b\xf9\xaf?\x19\xf2\x7f&gt;?/\x00\x0f\x97\xcbED\x01\x01Vb\xb2\xbc\xe4\xabc\x0f\xb0\x11\x91\xb8Q~S/K\x03\x137\xfcq:\x9d\xbbv\xed\xf2\\\xf1\xfb\xe2\x8b/:\x1c\x0e\xb7\xdb\xed\x7f[\xff\xba\x90\xffz\xf2\xe3\xfc_\x90\xff\xa7AL\xeeNLL$\xa2\xbc\xfc#gN\x943\r\xf7C\xbf\x00qK\xf4\x1d\xd9yD\xd4\xb1c\xa7\xd0\xd0P?\xbb\x1f\x96\xf8\xd0KJJ\xca\xcb\xcb\x89H\xd7uUU\x07\r\x1a\xe4\x07\x97\xfb^\x02\xf2_O~\x9f\xff\x0b\xf2\xff\x02\x10Z\xb6lAD\xa7N9\xab\x9cUL\x95\xe5U_\x11\xa6\x90i\xe8%\xc7\xcb\x88(::Z\xf3\xd3\xcdDuu\xb5\x98\x06\xca\x18\x0b\x0b\x0bk\xd6\xac\x998\x1c\xd4\xd4\xcb\xd5\xb8\x90\xff\xcb\x92$\xff\xe7\xf0\xff(\x88u;!\xa1+\x11U\x9cv\xe6\xe5\x17\x90\xcdj\xe2j\xf8\xff\xc59W4\xcdYZ\xb6\x7f\xffQ"\xea\xd2%\x9e\xea\xdc%\xcd\x9fx\xbe\t\xd24\xcd\x9a\x9a\x1a?\x1e\xfb\x0b\xc8\x7f}\xc8\x93\xffs\xf8\xdb\x9c\x87\xf3\x89\x15\xa0]\xbbv\x01\x01\x01555;\xb3\xf2\xfa\r\xe9/C\xb7_\x11\xce9\x0b\xb0\x1d8\xb0\xfb\xf8\x892"\x12\xe7\x0c\xfd\x8cHB\xc7\x8e\x1d\xbf\xfe\xfak\xf1\x88\xc5b\t\n\n"\xbf&gt;\xd7\x87\xfc\xd7\x87\x0c\xf9\xbf \x89\n\xa0U\xcb\x96\x07\x0e\x1e\xdc\x91\xb5\x97\x88\xfb\xef\xfa~\x95L\x93+\x8a\x96\xbd+\xdf\xad\xeb\x16\x8b\xa5[\xb7n\xe4w\xb7\x0e\x16I\x08\x0e\x0eNIIi\xeae\xb9~\x90\xff\xfa\x90!\xff\x17\xe4\xff\xaf\x901f\x9a\xa6\xddn\x8f\x89\x8d%\xa2\xef\xb7e\xbb\x9cN\xc5\xdfw\xfc\xaf\x94\xd8"|\xb3i;\x11EFFt\xe8\xd0\x81\xfct\\\xcc9w\xbb\xdd\xb5\xb5\xb5\xb5\xb5\xb5bn\x8c\x7fC\xfe\xebC\x9e\xfc\x9f\xc3\xff\x0b\x80\xce\x1e\xcbKNN&amp;\xa2\x03\x07\x8f\x1d\xdaW\xc0\xec6\x1c\x06\xadKQU\xb7\xd3\xb9\xf5\xc7]D\xd4\xb9\xf3M!!!\xbe~\'\xe4\x8b\x11\x17F\xd9l6\x9b\xcdf\xb5Ze8\x18\x82\xfc_\x96&lt;\xf9?\x87\x14\x05 &gt;\xc8a\xc3\x86i\x9aVS[\xbby\xebO\xa4Ye8\xc3SO\xa6\xc9\x99\xdd\xb6\x7f\xef\xa1\x03\x87\x8e\x11\xd1/\x7f9LQ\x14\xbf|\x7f\xc4\xa5\x00;w\xee|\xe7\x9dw\xfe\xfc\xe7?\x7f\xfd\xf5\xd72\xac\xe4\xc8\xff\xa5\xc9\x93\xff\xf3IQ\x00\xe2X^bbb\xab\x96-\x89h\xd9\xca\x8d\xc4M\tV\xfc\xfa2M\x93k\xb6\x8cu[jjjUU\x198p\x10\xf9\xe3\xfe\xaf\x18\xd3\xcd\x9c9\xb3G\x8f\x1e\xcf?\xff\xfc\xcb/\xbf&lt;h\xd0\xa0\t\x13&amp;\x98\xa6\xe9\xdfk;\xf2\x7fi\x92\xe4\xff\x82\xa4(\x00\xf1%\x7f\x81\x81\x81\x03\x07\r"\xa2\x1fw\xe4\x9e9Q\xa6Z-2\xec\xfe\xd7\x87\xc2\x88qc\xfd\xc6\xed\x8c\xb1\xd8\xd8\xd8\xf8\xf8x\xff\xbb6J\x8c\xfd+**^~\xf9e\xc30\xacV\xab\xa6i\xaa\xaa~\xf4\xd1G[\xb6lQ\x14\xc5\x8f\xaf\xfcD\xfe/M\x86\xfc_\x8c\x14\x05\xe0q\xff\xfd#\x88\xe8\xc8\xd1\xe2\xa5K\xbf&amp;{\x90\x81\xc3\xa0b\xfeC\x90}\xdfO{\xd6\xae\xdf\xca9\xbf\xf3\xce\xbb\xc4\x8dq\x9az\xb9\x1a\x98\xd8\xd8\x1d&lt;x\xb0\xa2\xa2\x821\xe6r\xb9t]g\x8c)\x8a\xf2\xd3O?\x91\x1c\xb7JF\xfe\xcf\'I\xfe/F\x96\x02\x10{\xc1\xb7\xde\xda\xff\x86\x1bZ3F\x8b\xbe\\Md*\x84\x15\x80L\xd3$\x8b}\xe9\x8ao*\xab\xaaUU\x1d&gt;|8\xf9\xef\xfe\xef\x05\x87uR\xcc\xf6C\xfe/B\xaa\xfc\x9f\xcf\xff\xa3/0\xc6t]\x0f\t\ty`\xd4\x03\x9c\xd3\xfa\x8d?\x1e\xc8\xc9cAv\xcc\x85P5E\xaft\xce_\xf4\x7f\x8c\xb1\xe4\xe4\x1e\xc9\xc9\xc9\xe2N\tM\xbd\\\rL\xdc\x17\xb3}\xfb\xf6\xd1\xd1\xd1\x9cs\xab\xd5j\xb1X\xc4\xd1\xff\x1e=z\x90\xbf\xd7\x00\xf2\x7f1\x92\xe4\xffb\xfc9\xf4\xe7\x10k\xf8\xd8\xd4T\xab\xc5RYY\xfd\xe9\xc2\x15\xcc\x12\xc8\xfd\xfa\xec\xdfe\x19\x86\xc9\x82\x837\xae\xdf\x9a\xbd+\x9fs&gt;n\xdc\xa3\xfe:\xffAL\x87\x0f\x0e\x0e\x9e6m\x9a\xd5ju\xb9\\n\xb7\xdb4\xcdg\x9f}\xb6G\x8f\x1e\xe2k\xc2\x9az\x19\x1b\x17\xf2\x7f&gt;y\xf2\x7f1L\x86C\x9f\x1eb=\xbf\xfd\xf6\xdb\xd7\xad[\x17\x15\x15\x9e\xb3\xed_\xd1\xcd"\xc8\xad\xcb\xb3\xc7w\x0e\xd34y\x80}\xc8\xd0q_\x7f\xbb\xadE\xf3\xe6\xd999\x91\x91\x91\xe4\xbf\xbb\xc0\xe2\xfe\x8e\xbbv\xed\xca\xc8\xc8\xa8\xae\xae\xbe\xf5\xd6[\xfb\xf7\xef/\xc3M\x1f\x05\xe4\xff\x1c\xb2\xe5\xff|~&gt;\xea9\x87h\xbb\xc9\x93\'s\xce\x8f\x1f/\xffl\xc12f\x0f5tYN\xf8\x9c\xc30L%4\xf8\xa7\xad;\xd7o\xf8\x91\x88\x1e\x1a=:**\xca0\xfc\xf9\x1b\xa3\xc4~@||\xfc\xb3\xcf&gt;\xfb\xfb\xdf\xff^\xaa\xad?!\xff\xffK\xc2\xfc\x9fO\xae\x02P\x14\x85s\x9e\x92\x92\x12\x17\x17\xa7(\xca\xecyK*J\x8b\x15\x9b\x14\x97\x83^\x00#2\xe9\xed\xbf\xcf\'\xa2\x00\x9b\xed\xd1G\x1f\x15s%\x9bz\xb1\x1a\x97\xd8\xc7\xd7u]\xd7u\xe9\xd6v\xe4\xbf.)\xf3\x7f\x0e\xb9^\xad\xe7\xbe(S\xa6L1Ms\xef\xbeC3\xa6\xcfS\x82B\xe5\x99\xf5\xe5a\x18\xa6\x1a\x1a\xf2\xcd\xaa\r\xff\xfcr5\xe7\xfc\x81\x07\x1f\xec\xdc\xb9\xb3\x0c\x87\xc2\x89HQ\x14M\xd3\xc4u\x00M\xbd,\xd7\x15\xf2\xef!s\xfe\xeb\x92\xeb\x1c\x80 \xe2&gt;h\xd0\xa0\r\x1b6DE\x86g\xfd\xb0\xb8Y\x8bhr\xbb\x15\x99\x06\x83\x86i2\xbb}\xd0\xe0\xb1\xdfn\xca\x8c\x8c\x88\xc8\xce\xc9i\xde\xbc\xb9\x84# \t!\xff\x84\xfc\x9f%\xd7\xab\xf5PU\xf5\xb5\xd7^S\x14\xe5\xf8\x89\xf2)/\xffM\xb1\x07\x992\r\x82t]W\xc3\x1c\xf3\xe7\xfc\xeb\x9b\x8d\xdb9\xe7\x93\x9f}\xb6E\x8b\x16\x12\x0e\x7f\xa4\x85\xfc#\xff\x82\x8c{\x00Dd\x18\x86\xaa\xaa\xa9\xa9\xa9\xf3\xe6\xcdSU5c\xc9?\x06\xdd\x95b\x94\x9fV5\xff?&amp;`\x9a\x9c\xac\x96\x13\xa5e\xddz\x8f,)-\x8b\x89\xe9\xf4\xd3OY\x9a\xa6\xc9\xf0\xcd\x88  \xff\xc8\xbf i\x01\x88\xa9\xbe\xa5\xa5\xa5\x9d;w&gt;u\xeaT\xc7\x0e7\xec\xfc\xf1\xcb\x00\xabE\x91\xe0\xac\xa0\xae\x1b\x9a\xc31\xea\xd7\x8f/\xfe\xcfZ"\xca\xc8\xc8\x182d\x88\xd8"4\xf5\xa2\xc1u\x82\xfc#\xff\x82t\xbb&lt;\x82\x98\x0e\xd1\xa2E\x8bw\xdey\x87\x88\xf2\x0f\x1c}\xfa\xe97\xd4\xa0`\xc3\xf0\xf3k@t\xb7\xae9"\xe6\xce\x9a/\xd2?n\\\xaa\xcc\xe9\x97\x16\xf2\x8f\xfc\x0b\x92\xee\x01\x08\xba\xaek\x9a6j\xd4\xa8\xc5\x8b\x17\x13\xd1\x9c\x99\x7fL}\xfc\x11\xbd\xec\x84f\xf1\xcfo\xca4tC\r\x0b\xc9\xde\xbe\xabO\xca#UU\xd5\xed\xdbw\xc8\xca\xca\xb2\xdb\xedr\xee\xfc\x02\xf2\x8f\xfcK]\x00\x9cs\xd34+**\x92\x93\x93\x0f\x1e&lt;\x18\x18\x18\xf0M\xc6G=\xfat7*\x9c\xfew0\xd44M\xb2X*\xceT\r\x188&amp;k\xd7~MS7m\xda\xd4\xabW/9\xcf}\x01!\xff\xc8\xbf\xb4\x87\x80\x04\xd1\xfc\x11\x11\x11\x9f\x7f\xfe9c\xac\xb2\xb2z\xd4C/\x94\x1f/S\xed\x01\xa6\x7f\xed\x0bs\xceMbJ\xa0}\xe2\x84\x97\xb3v\xe5\x13\xf1\xa9S\xa7\xf6\xea\xd5K\xd7u\x99\xd3/9\xe4\x1f\xf9\x97\xfa\xc5\x13\x91\xa2(\xba\xae\xf7\xea\xd5\xeb\xfd\xf7\xdf\'\xa2\x03\x05\x85C\x7f9\xb1\xaa\xa6\x96\xac\x16\x7f\xba\'\x94a\x9aZX\xd8\xa4qS\xfe\xf5\xd5z"\x1a3fLZZ\x9a8\x02\xd0\xd4\x8b\x06M\t\xf9o\xeaEkb\xb2\x17\x00\x11i\x9a\xa6\xeb\xfa\xc4\x89\x13\x1f{\xec1"\xda\x96\xb9\xfb\x89\xc7_U\x02\xed\x9c)\xdc/n\x96\xeb\xd6u-&lt;\xea\xc3\xbf\xcd\xfdp\xee\x7f\x88(99y\xd6\xacYR\xdd\xf3\x16.\x01\xf9\x97\x19\n\x80\x88HUU]\xd7?\xf8\xe0\x83\t\x13&amp;\x10\xd1\xbc\x85+&amp;\x8e}I\r\t"\xd5\xc7\xef\r\xcb\xb9a\x18\x16Gt\xfa{s\'\xa5\xfd\x95\x88\x92\x93\x93322\x02\x03\x03I\xa6[\x1e\xc2\xa5!\xff\xd2B\x01\x10\x111\xc6TU5\x0cc\xf6\xec\xd9b\x1dH\xffd\xc9\xc4\xd4)\x86\xa6)\x16\x8b\x8f\xde.\xd14M\x83\x93\x1a\x1e\xfe\xe1\xdf\xe7L|\xea\r"\xea\xd939##\xc3\xe1pH~\xe2\x0b\xce\x81\xfcKK\xeaY@\xe7\x10\x93"TU\x9d8qbzz:\x11\xf5\xed\xd5u\xd9\xd2Y\x8ef\x11z\xf9i\xdf\x9a\x1bg\xe8\x86\x1a`%\xbb}\xd2\xf8\xdf\x7f\xf8\xf1\x97D\xd4\xb3g\xcfU\xabV!\xfdp1\xc8\xbf\x84\xf0F\xfc\x97\xf8\x8a\xf0\xba\xe3\xa0\xcd[\xb3\x06\ryt\xc7\x8f\xbb\xb4\x88(\xdd\xad\xfbJY\xean]\r\x0f-?]5\xea\xd7O"\xfdPO\xc8\xbf\x84\xb0\x07p\xae\xf3\xc7A\x91\x8e\xd0Y\xff\xf8\xc3\xc8\x87\xee\xe3\xce\n\xd3\xbb/\x1a\xe4&amp;7\xb9\xa9\x86G\xec\xd8\xb6s\xfc\xf8\x973\xb3\xf6\x12\xd2\x0fW\x02\xf9\x97\n\xde\x8es\x89q\x90i\x9a\xb3g\xcf\x9e&gt;}:\x11\x9d,?=j\xf4\x0b\x93\x9fz\xc5PU5$X\xd7\xbdt(\xa4\xbbuf\xb3\xa8\xe1\x8e\x8f&gt;X0pp\xaaH\xff\xb8q\xe3\xd6\xae]\x8b\xf4C=!\xffR\xc1\x1e\xc0\x85q\xce\xc5\xcd\xc1322\x1e}t\xdc\xb1c\x85D\xd4;9a\xc6\xbb/\xf5\xea\xd7\x8b*O\xeb.\x97\xf7L"\x16\xdfl\xa5\x849\n\x0f\x1d~\xee\xc5\xa9\x8b\xbeXED6\x9b\xed\xcd7\xdfLKK\xa3\xb3_\x06\xdb\xc4K\t\xbe\x03\xf9\x97\x04\n\xe0R\xc4\xa5"EEE\xa9\xa9\xa9\x19\x19\x19D\x14`\xb3\xbe0y\xecs\xcf\x8e\t\x8bnF\xce\nC7\x14Mm\xc2\xd9d\x86a2"%&lt;\x84j\xdds?\xf9\xcf\x1f_\x9dy\xb4\xb0\x94\x88bcc?\xfe\xf8\xe3\xbe}\xfb\x9a\xa6)\xf3\xadN\xe0Z \xff~\x0f\x05p\x19\x9e;\x05\xce\x981c\xca\x94)555D\xd49\xb6\xfd\x0b\xcf\xa5\x8e\x1eu\xa7%4\x98\x9cNC7\x14U\xb9\x9e!\xe3D\xa6\x18\xf5\x84\x06\x13\xa75\x19\x1b\xa7N\x9d\xbbf\xfd\xf7\xe2\xa7\xe3\xc7\x8f\x9f6mZXX\x18\xaeu\x84k\x84\xfc\xfb7\x14\xc0\xe5y\x06\x11999/\xbe\xf8\xe2\xca\x95+\xc5\xe3}zv}\xe9\xb7\x13\x86\x0e\xeci\x0bwP\xe5\x19\xdd\xe5f\x8c\xa9j\xe3\xeei\x9a\xa6i\x9a\\\xd3T\n\t"\x97{\xcb\xf7Y\xff\x98\xb9`\xe1\xe2\x9f\x17)!!\xe1\xad\xb7\xde\x1a6l\x18\xd5Yu\x01\xae\x05\xf2\xef\xc7P\x00\xf5\xe5\xc9\xd3\xa2E\x8b\xfe\xf2\x97\xbfdgg\x8b\xc7\xbbv\xe9\x94\xf6\xd4\xe8\xe1\xf7\xdd\x1e\xda,\x8aL7?Se\x18\x06S\x14\xa5\xe1v&lt;9\x117M\xd3\xe4\ncJP\x00Y\xecF\xa5\xf3\xeb\r\xdb\xdey\xf7\x93\x8c\xb5\xdf\x89\xe7\xb4l\xd1\xe2\xf1\'\x9ex\xf1\xc5\x17\xadV+v{\xa1\xc1!\xff~\t\x05p\x05\xc4e\xf1\x8a\xa2\xb8\\\xae\xb7\xdf~{\xd6\xac\x99EE\xc5\xe2Gm\xdb\xb4\x1a9\xfc\xf6\xfb\xee\x19x\xcb-\xdd\xc9j\'\xd3E\xd5\xb5\x86[\xe7\x9c3\xc6\xc4\xdapE\xff\x16\xe7\xdc\xe4\x9c\x9b\x9c1R5\x95l6\xb2\xd8\x88\x8c=?\xedY\xber\xe3\xe7\xff\\\xb9cg\xaex\xa6\xddn\x7f\xf0\xc1\x07_{\xed\xb5\xd6\xad[\x13\x06&gt;\xd0h\x90\x7f\xff\x83\x02\xb8b\x9e\x84\x95\x94\x94\xcc\x9f?\x7f\xfe\xfc\xf9YYY\x9e\x9f\xf6\xeb\x9b48\xa5\xd7\x90\x94\x9e\x89\x89q\x81\x91\xe1D*q\x9dj]\xdc\xe5\xe6&amp;79\'\xe2\xe2F\xbc\xe7\xfc\xd9\xb3\x1f\x04gLa\x8c\x14\x8b\x85lVR5"2\x9c\xce\xbc}\x05\xab\xd7o\xfdv\xc3\xf6\x8c\xb5\xdfUUU\x8b_i\xd5\xb2\xe5o\x1ezh\xcc\x981]\xbat!\xf1U\xd7\xaa\x8a\x81\x0f4*\xe4\xdf\x9f\xa0\x00\xae\x86\xe7b\x19"r\xb9\\\xabV\xad\x9a;w\xee\xea\xd5\xab\xab\xaa\xaa&lt;\xcfi\xdf\xfe\x86\xa4nq\xb7\xde\xd2\xbd{b\xecM\x9d\xdaE\xb5\x88\xa2\x00\x1b\x918%\xc5\x89\xce\xbf\xbf\x8ar\xf6\xb2\x0c\x9dt\xfdTiY\xde\xfe\xa3\xbbr\xf7o\xfan\xc7\xb6\xed\xbb\xf2\xf6\x15\xd4\xd6\xd6z\x9e\xda\xaf_\xdf1c\xc6\xde}\xf7\xdd\xcd\x9b7\'"\xc30\xc4&gt;w\xa3\xbej\x00\x01\xf9\xf7\x1b(\x80\xab\xc797\x0c\xc33\xcd`\xcf\x9e=\xcb\x97/_\xbat\xe9\xb6m\xdb\xea\x86\x95\x88"#\xc2;ul\x13\xee\x08M\xee\x16\xa7iZXHP\xd7\xc4Xn\x18\x8c\x98\xf8;L\xd3\n\x0e\x1d-8R\xcc45;+\xefdY\xc5\x9e}\x87\x8a\x8a\x8e\x9f\xf3/&amp;$t\xb9\xe3\x8e;\xee\xbb\xefW\xb7\xdcr\x8bxD|\xa3\x05\xe68\xc3\xf5\x87\xfc\xfb\x01\x14\xc0\xb5\x12\xa3!q\xfd\xa4x$77w\xeb\xd6\xad\xcb\x97/\xcf\xcc\xcc,,&lt;V[\xeb\xba\x96\xbf\xdf\xa2E\xf3\x84\x84\x84\xa1C\xef\xe8\xdf\xbf\x7fRR\x92\x18v\x89\x7f\x14\xa3\x1ehr\xc8\xbfOC\x014\x18\xd34\xc5~\xb1\'\x94UUU\x05\x05\x05{\xf6\xec\xc9\xce\xce\xce\xce\xce&gt;y\xf2dn\xeen\xc30NW\x9c\xaeu]`\xad\x88\x8e\x8e"\xa2\x1bo\xec\xe8p8z\xf4\xb8\xb9C\x87\x1b\xe3\xe3\xe3;u\xea\x14\x1e\x1e\xeey\x8e\xae\xeb\xe2\xe6\xbd\xd7\xe55\x01\xd4\x17\xf2\xef\x8bP\x00\rO\xac\t\x17\x8ciEE\x85i\x9a\xc5\xc5\xc5\xc5\xc5\xc5\x8cQ\xdd\xf7&gt;88\xb8S\xa7N\x9cs\x87\xc3q\xb1?\x88!\x0fx?\xe4\xdf\x87\xa0\x00\x1a\x11\xafCLL\xae\xcf\xc1J\xb1{+&gt;\x17\x84\x1e|\x17\xf2\xef\xfdP\x00\xd7\x95x\xb7\xc5*q\xfeO\xc5\xea\x81\xb8\x83\xbfB\xfe\xbd\r\n\x00\x00@R\x98&gt;\x05\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ad\xa9\x17@.\xbc\x8es~\xc4\xeah\x92e\x03hl\xc8\xbf\xb7a\xe7\x7f\x12\xd0\xe08\xe7\xa6i\x12\x91\xaa\xaa\x97}\xb2a\x18\x9csEQ\x14\x05\xfbg\xe0\x0f\x90\x7f\xaf\x85\x02h\\\xa6ir\xce=\xb97\x0c\xe3\xd8\xb1c\xfb\xf7\xef/((8|\xb8\x801\xc69\x11\xf1\xf0pGBBB\x8b\x16-\xda\xb5kg\xb7\xdb\xeb\xfe\xae\xa2(\x18\x13\x81\x8fB\xfe\xbd\x1c\n\xa0\xb1\x98\xa6\xe9\xd9\x9f-))\xd9\xbcy\xf3\x8a\x15+\xb6m\xfb\xa1\xa0\xe0\xf0\xe9\xd3\xa7/\xf8+6\x9b\xb5u\xeb\xd6IIIw\xdeyW\xef\xde\xbd\xe3\xe2\xe2\xc4\xe3\x86a\xd4g\xe8\x04\xe0=\x90\x7f\x9f\x80\x02hxb\x87WD6++k\xe6\xcc\xf7\x96/_QXXx\xce\xd3\xa2\xa3#\x89\x9b\x9c\x881\xa5\xa2\xc2\xe9r\xb9\xea\xfe4((\xf0\xf6\xdbo\x7f\xfc\xf1\'\x06\x0e\x1c\xa8\xaa\xaa\xd8\x83\xc6N1x?\xe4\xdf\x87\xa0\x00\x1a\x98i\x9a"\xa6999\xbf\xfd\xedo\xd7\xae]\xebIv\xdb6\xadz\xf4\x88OJ\x8c\xed\x91\x18\xe7p\x84v\xbc\xb1\r\x99&amp;\x11\x91\xaa\x15\x17\x96\x14\x1d/\xcb\xde} +;o\xdb\xf6]\xd99y\x9e?\x98\x98\x98\xf8\xd7\xbf\xfeu\xd8\xb0a\x84\xa1\x10x=\xe4\xdf\xb7\xa0\x00\x1a\x92\xae\xeb\x9a\xa69\x9d\xce\xdf\xff\xfe\xf7\x1f}\x94^]]CD\x81\xf6\x80\xfb\x87\x0f\xf9\xf5}\x83\x07\xf4K\nm\x1eE\xa4\x12\xe9d\x9aT\xeb"\x12\x0779Y4\xd24"\x95\x88\x1bN\xe7\xd6\xed\xbb\x96,[\xbf`\xe1\x8a\xc2\xa2\xe3\xe2/\x0f\x1b6l\xc6\x8c\x19111\xe2\x9fh\xba\x97\x08pQ\xc8\xbf\xcfA\x014\x18\x11\xcd\xcc\xcc\xcc\t\x13&amp;dff\x12\x91=\xc0\xf6\xe0\xa8a\x93\x9fz\xb8\xcb\xcd]\x888UU\x19.7\xe7\xc4\x18#FJ\x9dS[b^\x1c\xe7\x9c1RU\x95\x82\xec\xa4\xd8J\x8e\x1c\xf9 }\xf1\x87\xe9_\x14\x15\x9f \xa2\xa8\xa8\xa8\x993g\x8e\x1c9\xb2\xee\xd1U\x00/\x81\xfc\xfb"\x14@\xc3\x10\xe9\x9f3g\xce\xe4\xc9\x93\xc59\xae;\x06\xdf2\xed\xed\xe7\xe3\xbb\xc7\x93\xdbe\x9c\xa9"F\xf5\x9c\xcf\xc0\x89\xb8i\x9a\xa6\xa9\x05\x04\x90=\xb0\xf4h\xd1\x1b\x7f\xf9`\xe6\x07\x8bL\xce\x89(--m\xfa\xf4\xe9X\x07\xae]\xdd\xe4\xe3\x9d\xbcF\xc8\xbf\x8fB\x014\x00\x91\xfe\xf4\xf4\xf4\x89\x13\'\x12\x91\xcdjy\xf3\xf5g\xd2\x9eM%\xe2\x86\xb3\x92)\xec\xeaN^q\xce\r\xc3\x10\xabA\xc6\xb2\xb5\x8fN\xfc\xe3\xb1\xe2\x13D4a\xc2\x84\xd9\xb3g\x1b\x86\x81\x19rW\xca4M\xcf\xb6\xa3\xee\x87"\xce[b\xfa\xf9\xd5A\xfe}\x17\n\xe0Z\x9d\x93\xfe\x88\xf0\x90\xaf\xfe\xfd^\xdf\x94[\xcc\x8aS\xc4\xb9\xa2^\xeb\xd6\x84sn\x18\xa6\xe6\x08+:\\x\xef}On\xdb\xb1\x9b\xce\xae\x03\xba\xae\xab\xaa\x8au\xa0&gt;\x0c\xc3\xa0\xff\xbd\x10\xa9\xa2\xa2B\x94\x01\x11\x85\x87\x87{\x1e\xaf;\x89\x05.\x0b\xf9\xf7i(\x80k"\xa6%|\xf2\xc9\'c\xc7\x8e%\xa2\x9bb\xdb\x7f6\x7fj\xf7\xe4\x04\xbd\xac\\\xb34\xe4\xa9*\xdd\xadk!\xc1\xe5\xe5\x15\xe3\xc6\xfdn\xc9\x8ao\x89\xe8\xb1\xc7\x1e\xfb\xe0\x83\x0fpN\xec\xb2\xean\xd0\x8f\x1e=\xbav\xed\xdaM\x9b6\x1e&lt;x(7w\xb7\xae\xeb\x8c\x18\'\xea\xd8\xf1\xc6\xd6\xado\xe8\xdb\xb7\xef\xd0\xa1C;w\xeeLgoZ\x80\xbd\x81KC\xfe}\x1d\n\xe0\xea\x89\x19o\xd9\xd9\xd9}\xfa\xf4\xae\xac\xac\x8at\x84\xae_=\'\xa1GW\xbd\xec\xa4f\xb14\xf8?g\xe8\x86\x1ad\xaf\xa9q\xf5\x1f\xf0\xf0\xb6\x1d\xb9D4g\xce\x9c\xd4\xd4T\xcc\x8d\xbb\x04\xcf\x9b\xb3n\xdd\xbaO?\xfdt\xd9\xb2e\xe5\xe5\xe5\x97x\xbe\xcdf\xbb\xed\xb6\xdb\x1ez\xe8\xa1G\x1ey\x840\xef\xf0\x92\x90\x7f?\x80\x02\xb8Jb\\YUU\xd5\xaf_\xdf\xac\xaclMS7f|\xdc{`\x1f\xbd\xacL\xb3Z\xa8q\xdeT\xd30\x94\x00[y\xc5\x99\x1e\xbdG\x1d,(\x0c\x0c\x0c\xfc\xee\xbb\xef\xbav\xed\xea\x99|\ru\x89MCaa\xe1\x1f\xfe\xf0\x87\xb9s\xe7z\xa2\xde\xb6M\xabN\x9d\xdav\x89k\xef\x88\x08\'\xc3p\xbb\xf5\x1f\xb3\xf2\x8e\x1e-\xce\xd9\x95Og?\xb9\xc1\x83\x07\xbf\xf1\xc6\x1b\xbdz\xf5\xc2\xf9\xc6\x0bB\xfe\xfd\x03\n\xe0*\x89\x8d\xcb\x93O&gt;9s\xe6L"\x9a\xfe\xd7g\xd3^z\xdc]v\xc2\xd2\xa0{\xbe\x17\xf8wuC\r\x0f\xdd\xfa\xcd\xd6\xfeC\xc7\xbb\xdcz\xf7\xee\xdd\xbf\xff\xfe{M\xd3\xb0\x91:\x8788\x90\x91\x91\xf1\xe8\xa3\xe3\x8e\x1d+$"{\x80\xed7\xa3~\xf9\xe0\x03\xbfLN\x8c\rm\x19M\xa4\x88\x89\xe7DD\\\xd7\x9dg2s\xf6\xad\xca\xd8\xf4\xc1\xec/\x8a\x8a\x8f\x13\x91\xd5j}\xeb\xad\xb7\xd2\xd2\xd2\xd0\x01\xe7C\xfe\xfd\x03\n\xe0j\x88\x11\xc7\xde\xbd{\x13\x12\x12t]\x1f4 y\xcd\x9ay\xfa\x993\xdau\x19\x86\xe8n]\x8b\x88~u\xca\x9b\xaf\xbc\x99ND\xf3\xe6\xcd\x1b3f\x0cv\x84\xeb\x12\xef\x86\xe7\xcc$\x11\x8d{\xe4\xbeg\x9fy8&gt;\xa9\x0b\x91IU\xd5\xa6K79\'\xe2\xe2Z$\x851EU(\xd0N\xaa\xb5\xe4\xc8\xd1\x0f\xd2\xbf\xf8\xdb\xdf\xe7\x97W8\xe9\xec\xf9Ft@]\xc8\xbf\xdf@\x01\\\r\xb19\x186lXFFF@\x80\xf5\xa7\xef\x16\xc5$\xc4\x98g\xaa\xae}\xceC}p\xceM\xc6L\xa6t\xbd\xf9\xd7y\xf9\x87\x9b7o\x9e\x95\x95\x15\x19\x19I\x98\xcfND\xe7m\xfd#\x1da\xb3\xfe\xf1\xf2\xc8\x87~E\xeej\xa3\xb2\x8a\x88)\xca\x056\xe5g\xa7\x9fs\xcdf\xa5\xc0\xb0\xccm\xdb\'\x8c\x7f93k/\xd5\x99w\x88M\x8c\x80\xfc\xfb\r\x1c8\xbbb"\xfd\xb9\xb9\xb9\xeb\xd6\xad#\xa2Q\xbf\x1e\x12\xd3\xbd\x8b\xe1\xac\xbc&gt;\xe9\'"\xc6\x18\xd7\rKp\xf0\x94\xc9cM\xd3,**Z\xb2d\tcL\xcct\x94\x9c\xd8L\xaf]\xbb\xd63+q\xe5W\xb3F&gt;\xf4kw\xd9\t\xb3\xaaZUUU\xbd\xf0\xe4qF\xa4(\x8a\xa6\xa9\\\xd7\xdd\'K\x92z\xc4\xaf]3\'\xb9{g"JOO\x7f\xf5\xd5WUU\xd5u\xfdz\xbf\x1e\xef\x83\xfc\xfb\x13\xec\x01\\1\xb1\x89\x998qbzz\xba\xdd\x1e\xb0c\xf3\x82\x98.1\xbc\xaa\xfaz\x9e\x86\xe2D\x9c\x91\xdb\xa4\xa4^\xf7\xe7\xee=\x14\x1f\x7f\xd3\x8e\x1d;1\'Z\xdc3\xb2\xb4\xb4\xb4{\xf7n\xc5\xc5%\x11\x8e\xd0U_\xbd\x9f\xdc\xaf\x87\xfbd\x99\xc5ze\xf3R\x0c]W\x83\x02\xcbO9\x87\xdc1\xfe\xc7\x1d\xb9\x8c\xb1\xd5\xabW\x0f\x1e&lt;\x18\xfb\x01\xc8\xbf?\xc1\x1e\xc0\x95\x11\xdfnQRR\xb2t\xe9R\xc6h\xc4\xbd\x03c\xbb\'\x98g\xaa\xae\xf3$\x04Fd\xba\r[h\xe8sO\x8e\xe6\x9c\xef\xde\x9d\xfb\xed\xb7\xdfb\x10$f\xeeOy\xe9\xa5\xe2\xe2\x12MSg\xff\xfd\xf7\xc9\xfdz_\xc5\xd6\x9f\x88TM3*\xab\x1dQ\xe1\x8b?\x9b\x16\x15\x19N\xc4\x9f|\xf2I\x97\xcb\xc5\x98\xd4c&amp;\xe4\xdf\xcf\xa0\x00\xae\x8cH\xd8\x96-[JKK9\xa7\x07\x86\x0f\xe5\xdc\xa4\xa6\x18w\xa8\xaa\xc2k\xaa\xee\xbc\xe3\xd6\xf0\xb0\x10\xd34\x97-\xfb\x8a\xfe\xf7\xfe6\xb2\x11#\xd3\r\x1b6\xcc\xff\xec3"zh\xe4\xb0\xe1\xa3G\xb8\xcb\x8e_\xc5\xd6_P5\xd5]\xeel\x7fS\xec\xb47\x9e\xe1\x9c\xf6\xee\xdd;m\xda4EQ\xc4~\x86\x9c\x90\x7f?\x83\x02\xb82b\x1fs\xf9\xf2\xe5\x8c\xb1\x1bZ7\xefwk\x12\xab\xaeR\x94&amp;X\x01\x18c\xbc\xc6\xd5\xbc\xfd\r\xfd\xfb&amp;\x11\xd1\xbau_\xbb\\.\xc9\x8fN\x10\xd1\x07\x1f|`\x18\x86\xcdf\x9d\xf2|\xaa\xe9\xaaT\xaf\xed\xc0\xb4f\xd5\x0c\xe7\xa9\x07~sw\\L;\xc6\xd8\x9c9s\xaa\xab\xab\x15E\x91vC\x83\xfc\xfb\x19\x14\xc0\x95Q\x14\xc5\xe5r}\xf7\xddw\x9c\xf3&gt;=\x13B\x9bG\x1b.wS\x1dy49\'E\xbb=\xa5\'\x11\xe5\xe7\xef;x\xf0 cL\xce\xf1\xa984QTT\xf4\x7f+V0\xc6F\x8f\x1a\x16\xdb\xbd\xcb\xb5\x1f\x98fD\xa4\x1b\xb6\xd0\x90\xdf=\x97JD\xfb\xf7\xef\xff\xfa\xeb\xaf\xa5}\x93\t\xf9\xf7;(\x80+ \xe6?\x14\x16\x16\x1e=z\x84\x88\x92\x12\xe3\x88\xd4&amp;\x1c\x0b2\xc6\x88\xeb\xdd\xba\xc6*\x8aRSS\x9b\x95\x95E\xb2\xee\x05\x8bC\x13k\xd6\xac\xa98}\x9as\xfe\xc8\x83wrn\x9e\xfd\xbe\x91k\xa2\xa8\n\xaf\xae\xba\xf7\xae\x01\x11\x8e0b\xec\xdf\xff\xfe\xf2\xda\xff\xa6\x8fB\xfe\xfd\x0f\n\xe0\n\x88l\x1d&gt;|\xd8\xe9&lt;CD\xdd\x12b\x88\x8c&amp;\x9cx\xa0(\x8cj]1\x1d\xdb\x86\x85\x86\x10Q^\xde^\x92u\x05\x10\x9f\xc2\xd7_\xaf#\xa2vm[uM\x8c\xa3\xea\xea\x0694\xc1\x18\xe3.wp\xb3\xa8\xfe}\xbb\x13\xe7[\xbe\xdbRSS#\xe7\x8d\x07\x90\x7f\xff#c\x8e\xaf\xd1\xc1\x83\x07\x88\xc8b\xb1DE9\xc84\x9av\xe2\x197\xcc\xc0\x90\xc0\xf0\xf0`":x\xf0 \xc9z-\x8c\x98\x9cs\xe0\xc0A"\xba\xb1\xc3/\xc2[Fq\xb7\xdePo\x85irE\xb3uO\x88!\xa2\xe2\x92b\xa7\xd3)\xf3\\ \xe4\xdf\x9f\xa0\x00\xae\x80X\xe7\xf3\xf3\xf3\x89\xc8\x11\x1e\xda\xe9\xc66T\xebj\xc2\xc01\xc6\xb8\xae\x07G9:\xdd\xd8\x86\x88\xf2\xf3\xf7\x93\x94+\x80\x98\xfdYQQ\x91\x9f\xbf\x8f\x88\x12n\xba\x91\xb8\xda\x80\x1bh\xc6\x18\x91\x1e\x7fSG"\xaa\xa88\x9d\x9b\x9bKg\xaf9\x90\n\xf2\xef\x7fP\x00W\xccj\xb5\xd2\xd9\xbb!6\xf5\xb2\x10\x11\xd1\xd9%\x11\x0b&amp;-\xce\xb9\xdb\xed&amp;\xa2\xa8\x880bJC\x0f\xd0yTd\x18\x11\x99\xa6)\xf9\xf5\xc0\xc8\xbf?A\x01\\=\xef9\x08\xe0=K\xd2\xb4\xc4\xa1y\xc3h\x94\r\x93\xe7\xcf\xcay\x02\xe0|\xde\x93:\xefY\x12\x9f\x83(_11\x00T\x14f\xd14\xf2\x86\xe4)\x8aE\xd3\xe8\xec\x82IK|\x85,\x11\xb9\xddzc|.n\xf7\xcfo\xaf\xe4\x97\x9b"\xff\xfe\x0</t>
        </is>
      </c>
    </row>
    <row r="398">
      <c r="A398" s="1" t="n">
        <v>396</v>
      </c>
      <c r="B398" t="inlineStr">
        <is>
          <t>color_hexagon</t>
        </is>
      </c>
      <c r="C398" t="inlineStr">
        <is>
          <t>What is the missing color of the part denoted with a question mark?</t>
        </is>
      </c>
      <c r="D398" t="inlineStr">
        <is>
          <t>['orange', 'purple', 'green', 'red']</t>
        </is>
      </c>
      <c r="E398" t="inlineStr">
        <is>
          <t>red</t>
        </is>
      </c>
      <c r="F398" t="inlineStr">
        <is>
          <t>There is a hexagon split into six parts with the colors ['red', 'orange', 'purple', '?', 'orange', 'purple'] in an anti-clockwise order.</t>
        </is>
      </c>
      <c r="G398" t="inlineStr">
        <is>
          <t>We observe that a orange part is opposite another orange part, and a purple part is opposite another purple part. Thus, the pattern is that the colors in opposite parts are the same.</t>
        </is>
      </c>
      <c r="H398" t="inlineStr">
        <is>
          <t>Based on the pattern that spatially opposite parts have the same color, the missing color of the part which is opposite a red part should be red.</t>
        </is>
      </c>
      <c r="I398" t="inlineStr">
        <is>
          <t>b'\x89PNG\r\n\x1a\n\x00\x00\x00\rIHDR\x00\x00\x02\x00\x00\x00\x02\x00\x08\x02\x00\x00\x00{\x1aC\xad\x00\x00|\xcdIDATx\x9c\xed\xddy|\x95\xd5\xb57\xf0\xbd\xd6~\xce\x989h\x082\xd50U\xa0\x80 2\xc9\xa4\x08T\xd4x\x15\'\x86\x8b\xd3u\xe2\xb6\r"j\xaaa\x94\x97\xa1\x0c\x96\xd6\xd6Z\xa9\xb5\nb\xb9\xb5\xa5\xceq@\x88@\x98" \x82\x18\x03e\x10\xc2\x98\x9c\x93\x9c\xf9\xd9{\xbf\x7f\xec\xe4\x88(\nd:\xe7&lt;\xeb\xfb\xe9\x1f\xbd\xd4\xfb\xf1p\x86g\xedg\xef\xf5\xac\x1f(\xa5\x18!\x84\x10\xeb\xc1\xa6~\x01\x84\x10B\x9a\x06\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4\xf5\x0b MI)\xa5\x94j\xeaWA\x9a\x0c\x00\x00@S\xbf\n\xd2d\x80~\xff\x96e\x9a\xa6a\xd0\n\xc0\xeaL\xd3\xe4\x9cS\x19\xb0&amp;*\x00\x16%\xa5D\xc4/\xbe\xf8\xe2\xe1\x87\x1fFD)eS\xbf"\xd2\xa8\x0c\xc30M\xf3\xbe\xfb\xee\x1b3fLS\xbf\x16\xd2dh\x01h9\xba\xe4\x07\x02\x81\x85\x0b\x17\xa6\xa7\xa7\xaf^\xbd\xba\xa9_\x11i2\x9d;w\xfe\xfa\xeb\xafG\x8e\x1c\xd9\xb5kW\xa5\x14"\x1d\nZ\x0b\xdd\x01X\x8e\x10\x82s\xfe\xd2K/\xddu\xd7]\x00\xc09\x8f~\x07\x90\xf6\x01,\xe0\xf4c\x1f\xcey8\x1c\x1e?~\xfc\xdf\xfe\xf67\xda\x12\xb4 *\x00\xd6\xa2O}=\x1eO\xe7\xce\x9dO\x9c8!\xa5\xa4\xcd\x1f\x8b\xb3\xdb\xedB\x88\xd5\xabW\x0f\x1c8P/\x0e\x9a\xfa\x15\x91\xc6C\x05\xdfZ\xa4\x94\x9c\xf3\x82\x82\x82\xf2\xf2r\xce9S\n\x80\x01\x03\xa9\xd4\xad\x9d:\x8d\xef\xdc\xd9\x13\n\x19\xb4\x0f\x90\xa0\x84RI6[\xc9\xd1\xa3s6n\x94JI\xa5\x00\xd04M)e^^\xde\xfa\xf5\xebm6\x9bR\x8a\x0e\x84\xad\x83\xee\x00,DJ\t\x00_~\xf9e\xd7\xae]\xa5\x94\xd1\x1ePdL2\x96\x9d\x94\xb4q\xec\xd84\xa73"\x040\xc6\xe8*\x90H\x94b\x00R\xca4\x87\xe3\xba\x7f\xfc\xe3\xc3\x03\x078\x80\xa8\xf9\xed\x03\xe7(\x84\xf8\xeb_\xff:a\xc2\x04\xba\t\xb0\x14*\x00\x16\xa2\x7f\xdb#F\x8c(,,\xb4\x19F\xc44\xaf\xe8\xd0\xfch\xa5\xef\xd0\x89j\x0ehJ9\xf6\xb2\xcb~{\xcd5\xa7\x02\x01\x03\x91\xbe\x16\tFH\x99\xe1t\xbe\xba{\xf7/?\xfaH_\xfd\rn\xcbi\xd3\xe3\xcb}\x9b\xf5\xd9oVV\xd6\xe7\x9f\x7f\x9e\x9e\x9eN\x0f\x07X\x07\xdd\xec[\x85\xbe\xfa\x17\x16\x16\x16\x16\x16r\xce\xa5\x92\x08\xf0\x87_\x0e\xfd\xd5M=\x94b\x0c\x18\x02\xbc\xb6g\xcf\x8e\xe3\xc7S\x1d\x0e\xc6\x18\x07\xa0\xff$\xcc\x7f\x10\xc0\xce\xb9\xdf4\x17o\xdd\xca\x18\x03\xe4\x8c\xb1\x8e9W\xdcw\xc7\xbc\xe4\xa4\x0c\xa5\x14G^^^\xbeh\xd1"\xea\t\xb6\x14*\x00\x96\xa07vM\xd3\xfc\xe5/\x7f\t\x8cq\x04!\xe4\xed\x83;\xf6\xfeY\xcb\x07Fuk\x7fI\x9a)$G0\xa5\x9c\xb6n\x1d\xa7\xd5_\xc2\xd1\xcb\xff%[\xb7\xee\xf3x\x0cD!%"\xbf\xfe\xea\x87.\xcah9j\xe8\xfdJ)\xfd\\\xc8o~\xf3\x9b\xd2\xd2R\xaa\x01\xd6A\x05\xc0\x12\xf4\xcf\xfbO\x7f\xfa\xd3\x9e={\xb8\xc1M!\xd2\x92\xec\x05c\xaf\x0c\xfb\xc2\xc9I\x8e\xe9\xe3\xfa2\xc6\xa4R\x1c\xa0\xe8\xd0\xa1w\xf6\xedKs8\x04\xed\r&amp;\n\xc5\x98\xcb0\xca*+\x97\xee\xdc\t\x00\x8a\x81R\xb2_\xcf\xdcK[\xff\xecT\xe5\x91\xbe\x97\xdf\xd8\xaaE\'!\xa5n\t}\xf2\xc9\'\x01hg\xd8*\xa8\x00$&gt;}\xf6[^^^PP\xa07w\xa5T\x13o\xe8~Y\xc7\xe6\xc1\xb0\xe9\xf3\x85\xc6\x0e\xef|U\xd7K\x84T\x88\xc0\x18\x9b\xbe~}u8\xcc\x01\xe8\x1a\x90\x18\x84\x94Iv\xfb\xec\xe2\xe2\xca`\x90\x03J%]\xce\x94QC\xef\x0f\x87\x83J)\xa7\xdd\x9d;l"cJ\x08\xc99_\xb9r\xa5\xde$\x14B4\xf5\x0b\'\r\x8e\n@\xe2\xd3Ox\xe6\xe7\xe7WTT\xd8\x0cn\nqiv\xea#\xa3{\x05\xbdA}\xd8+\x84\x9c\x7f\xefU\x06G\xa1\x94\x81\xb8\xb7\xb2rIII\x86\xd3)h\x1f \xfe\t\xa5\xd2\x9d\xce\xc2}\xfb\xfeYZ\xca\x01$cJ\xa9\x91\x83\xef\xcdH\xcb\x8e\x98!\xce\r_\xd0\xdb\xb9\xc3\x80n\x97\r\x91R\x00 \x00\xfc\xf2\x97\xbf4M\x93\xee\x03\xac\x80\n@\x82\xd3\x9b?[\xb7n}\xf5\xd5W9\xe7RJ\xa5\xd8\xac\xff\xee\xd7,\xd3\x1d1\x05\x00\xe3\x08\x01\x7f\xb8_\x8f\xd6\xf7\x8e\xec"\xa5b\xc0\x00`\xe9\xce\x9de\x95\x95N\xc3\xa0\x0b@\xbc\x03\xc6L)\x17l\xd9"\x95\x02D)e\xab\x16\x9d\x86\xf4\xb9-\x10\xac\xd2G\xc1\xc0\x98\x94"w\xd8D\x973Yw\n\xec\xd9\xb3\xe7O\x7f\xfa\x13\x9d\x04X\x01\x15\x80\x04\xa7\x8f\x7f\'O\x9e\x1c\n\x858\x82)\xe4U]/\x19;\xbc\xb3\xcf\x1b4x\xcd\xa7\x8f\x88a\x7fx\xc6\xf8\xbe\xe9\xc9\x0e!\x95\x81P\x19\x0c\xce..N\xb1\xdb\xe9&amp; \xae\x99R6s\xb9\x96\xed\xda\xb5\xe9\xc8\x11\x8e(\xa4bL\xe5\x0e\x9bh\xb39\xa5\x14\xfa\xac\x1f\x00\x83a_\xeb\x16\x97\r\xec}\xabR\x92)\x06\x00\x05\x05\x05\x15\x15\x15\x88H7\x01\x89\x8d\n@"\xd3\x0b\xba\x95+W\xaeY\xb3\xc60\x0cS\x08\xbb\x8d\xcf\xbf\xe7*!\xe4\xe9?k\x00\x16\n\x9b\xcd\xb3R\xa6\x8e\xe9\xa3\x9f\rC\x807\xca\xca\x8a\x0e\x1dJ\xb1\xdb%]\x02\xe2\x93b\xcc\xce\xf9\x11\x9foII\t\x00c\x80J\xc9\xee\x97\r\xed\xdca\x80?X\x85\xf8\xcd\xd3^\x88\xdc\x17\xf0\\3`\xecE\x19-\x85\x10\x067***\xf4\x89\x11\xdd\x04$6*\x00\tK\xaf\xddt_\x07c\x0c\x81I\xa9n\x1b\xd8\xa1_\xcf\xd6\x01\x7f\x98\xe3\xb7z=9\xc7@u\xe8\xa1\x1b\xbbuh\x99\xae[B\xc3B\xcc\xda\xb0\x81\xd3\x13aq\xcb\x942\xc3\xe9\xfc\xe3\xb6m\xfb\xbd^\x0e(\xa5\xe4\xdc6j\xe8\xfdJ\x9dyM\x07\x06\xa6\x88\xa4\xa7d];\xf0.\xc5\xd4\xe9=c\xb4\x11\x94\xd8\xa8\x00$,=\xf6g\xc1\x82\x05\xa5\xa5\xa56\x9b\x111Ef\x8as\xf6\xdd\x03\xc2\xbe\xf0w\xa7\xfe\x02cB*\xa7\xd3\xb6\xf0\x7f\x061\xdd\x12\x8a\xb0\xf1\xc8\x91\xd7\xbe\xf8"\xd3\xe94\xe9\x12\x10o\xa4R)v\xfb\x8e\xe3\xc7_\xfc\xec3\xacm\xfd\x1c\xda\xf7\x8e6-;\x07C&gt;\x843\xbf\x00\x1cy\xb5\xbf\xa2\x7f\xcf\xdc\x9c6=\x84\x14\x9c\xf3\x9a\xa7F\xe8(8\xa1Q\x01HLz\x11WVV6o\xde&lt;D\xd4S@\x7f\x91\xdb\xbdM\xab\xf4P\xd8\xfc\xde\'\xbd8\x82\xaf:t\xc3\x80\x9ck.o-\xa4B\x00`l\xde\xa6M\xc7\xfc~;\xe7t\r\x88/\x8a1\x0e\xf0\xf4\x86\r\xdep\x18\x01\xa5\x92)\xc9\x99W\xf7\x1f\x1b\x0c\xf9\xe0;W\xffo\xfe_\xb8q\xdd\x90\xfb\x00P\xb7\x84\x16\x16\x16\xae\\\xb9\x92ZB\x13\x18\x15\x80\xc4\xa4\xcf~g\xce\x9c\xe9\xf5z\r\xce#\xa6\xe8\xd0*\xfd\xb1\xdbz\x07\xaa\x82\x9c\xff\xd0\x87.\xa4Zt\xff \xbb\x8d\x0b\xa58\xe2\x01\xaf\xf7\x0f\x9f~\x9aA7\x01qE\xb7~~\xb8\x7f\xff;\xfb\xf6E[?\xaf\x1f\xfa`fz\x0b\xd3\x0c\x9fm\xce\x0f\x02\xfa\x03\xde\xae\x9d\x06\xf6\xfa\xd9p)\x05\x02\x02\xc0\x93O&gt;\x19\x0e\x87\xe9&gt; QQ\x01H@\xfa\xecw\xed\xda\xb5\xcb\x96-38\x17\xc2d\x8c-\xbco\x90\xdbm\x13B\xfd\xc0\x9c\x07D\xf0\xfb\xc3\xdd~\x9a\x9dwS\x0f\xdd\x12\x8a\x00/\xee\xdc\xb9\xed\xd8\xb1d\x9b\x8dN\x83\xe3\x05\x07\xf0\x85\xc3\xb3\x8b\x8b\x811@.\xa5\xc8i\xd3\xa3\x7f\xaf\x9b|~\xcf\xe9g\xbf\xdf\x05\x80\xa1\xb0?w\xd8D\xb7+\xd5\x14\xa6a\x18\xa5\xa5\xa5\x0b\x16,\xa0\x93\x80DE\x05 1\t!\n\n\n\x84\x10\x88 \xa4\xba\xe6\xf2\xd67\x0c\xc8\xf1U\x878\xff\x919?\x1c1\xec\x0fO\xba\xa5g\xf3\x0c\xb7\x94\x8a#x\xc3\xe1\xc5[\xb6\xb8\xa8\x00\xc4\tS\xcat\xa7\xf3\xb5/\xbe\xf8\xec\xc4\tD\xd4C\xff\xaf\x1br\x1f\xe7\x86b?\xf2\t\x02@$\x12\xcaj\xd6vp\x9f\xdb\x95RJ*@X\xb8payy9u\x04%$*\x00\x89\xc64M\xce\xf9\xf2\xe5\xcb\xd7\xae]k3\x0cS\x08\x83\xe3\xa2\xfb\x07}\xbb\xf3\xf3\xactKhv\xf3\xd4\x99\xe3\xfbI\xa5$c\x1c`\xd5W_\x15\xee\xdb\x97\xeet\xd2\x80\xa0\x18\xa7\x18s\x1a\xc6A\xafw\xfe\xe6\xcd\x08\xc0\x00\xa5\x14\xbd\xba^\xdb\xb5\xd3@\x7f\xc0\xfb\xdd\xb3\xdf\xef\x02\xe4\xbe\x80g\xf8\xc0\t\x17e\xb66\x85ip\xe3\xd4\xa9S\xf9\xf9\xf9\xf4L@B\xa2\x02\x90P\xf4\xd4\x07\xaf\xd7;c\xc6\x0c\x04`LI\xa9\xee\x1d\xd9\xa5[\xa7\xe6\x01\x7f\x18\xf1\x9c\xc6|\x1a\x1c\x03U\xc1q\xd7^vy\xfb\x8b\xa5\x94\x88 \x94Z\xb0e\x8b)%\x8d\t\x8dqB\xcad\xbb\xfd\xb9\xed\xdb\x8f\xfb\xfd\x08(\xa5t9\x93G\x0e\xbe7\x1c\t\x9e\xed\xec\xf7\x0c\xfa\xc1`\xa7#\xe9\xba!\xf71\xc6\xa4\x90z=QRR\xa2\x9f$o\xe0\xbf\x01iTT\x00\x12\x8an\xfe\x997o^YY\x19\xe7\\\x08\x99\x9e\xec\x981\xbeo8\x10\xf9n\xeb\xe7\x0f\x10B\xb9\xdd\xf6\xb9w\x0fPJ\xb7\x84\xe2\xa6#G^\xd9\xb5+\xd3\xe5\xa2\xd3\xe0\x98%\x95J\xb6\xdbK\x8e\x1e\xfd\xf3\x8e\x1d\x08\xa0\x18SJ\x0e\xec}k\x9b\x96\x9dCa\xff\xb9g\xbc r\x7f\xc0\xdb\xf7\xf2\x1b\xda\xb5\xed!\xa4@\xc4p8\x9c\x97\x97\'\x84\xa0\x9b\x80\x04C\x05 q\xe8\xc6\x7f}j\xc7\x91+%\xa5RS\xc7\xf4i\x9e\x95r\xb6\xd6\xcf\xb3\xe1\x1c|U\xc1aW\xfe\xe4\xbf\xfa\xb7\x13R!0`0o\xd3\xa6\x83^/\r\x08\x8ae\x1c`\xda\xbaua!\x10PH\xd9,\xe3\x92k\x06\x8c\xf3\xf9+\x7f\xf8\xec\xf7\xbb\x94\x1e\x10t\xed/\x10\xb9i\n\xc30\x8a\x8a\x8a\x96/_N-\xa1\t\x86\n@\xe2\xd0\xab3\xdd\xb7\xc79\x08)/o\x7f\xf1C\xb9\xdd\x03\xd5\xa1\x1fn\xfd&lt;\x1b)\xd4\x9c{\x06\xa4%\xd9\x85R\x1c\xe1\xb8\xdf\xff\xdc\xf6\xed\xc94 (&amp;\t\xa5R\x1d\x8ew\xf6\xed+:t\x08\x01$c\x8c\xa9\xeb\xaf~0-\xb9\x99\x10&amp;\xb0\xf3\xdb\xbdC\xc0`\xc8\xd7\xf1\xd2\xde\xfdz\xe6\xea\'\x87\x01`\xc6\x8c\x19\x1e\x8f\x87ZB\x13\t\x15\x80\x04\xa1[?\xd7\xacY\x13}rG)6\xf7\xee\x01N\x87\xf1\xc3\xad\x9fg\x83\x08\x01\x7f\xb8S\x87\xac\x897t\x8f\xb6\x84\xfey\xc7\x8emG\x8f\xd2\x80\xa0X\xa3\x1f\xfb\xf2G"\xd3\xd7\xafg\x8c!r)E\xbb\xb6=\xfa\xf4\xb8\xbe:p\xde\xcb\x7f\r\x00\x83\xa1\xeaQC\xefw9S\xf4M@YY\xd93\xcf&lt;\x83\x88t\x13\x900\xa8\x00$\x02\xfd\xd8W(\x14\x9a&lt;y2\x00\xe8\xd6\xcf\x9b\x07\xb4\x1fv\xe5O\xce\xa5\xf5\xf3l8\xc7\xa07\xf8\xc8\xe8^9-\xd2\x84Tz@\x90n/\xa1\xcb\x7fL\x11R\xa6:\x1c/\xee\xdc\xb9\xb7\xb2\x92#\n)\rn\xcb\xbd\xf6\x7f\xa5\x14\xec&lt;\xd7\xfeQ\x00`\x9a\xe1\x8c\xb4\xec\x9f\x0f\xbe\x97\xd5\x0e\x08Z\xbcx\xb1&gt;^\xa2\xd3\xe0\xc4@\x05 \x11\xe8\x1f\xe7\x8a\x15+\xb6n\xdd\xaa\x97\xffv\x1b\x9f1\xbe\xaf:\xb7\xd6\xcf\xb3\x01`\x11S4k\x96\x94\x7f{oU\xdb\x12\xfa\xf6\xde\xbd\x1f\xee\xdf\x9fN\x99\x911C\xb7~\x1e\xae\xaaZ\xb4e\x0b\xb0\x9a\xa9\x9f\x97w\x19\xd6)\xe7\xca\xef\x1d\xfbs\xee\x00y X5\xa8\xcf\xad\x177k\xa3o1=\x1e\xcf\xcc\x993\xe9\x99\x80\x84A\x05 \xee\xe9\xe5\x7fEE\xc5\x13O&lt;\x81\x88\xc0\x94\x94*\xef\xa6\x1e];6\xf7\x9fs\xeb\xe7\xd9\x18\x1c}\x9e\xc0\x84\x91]\xae\xeaz\x89\x10\x12\x11\x80\xb1\xd9\xc5\xc5\x01\xd3\xa4\xcc\xc8\x18\xa1[?\xe7o\xde\xec\t\x85\xf4\xe6\x8f\xdb\x95z\xe3\xb0\x87\x83\xc1\xb3\x8e\xfd9G\xba%\xd4ns\xdd&lt;\xe2W\xacv\x9bq\xd9\xb2eEEE\x86a\xd0FP\x02\xa0\x02\x10\xf7\xf4\xf2\xbf\xa0\xa0\xa0\xbc\xbc\x9c#\x9aB4\xcfpO\xba\xa5g8\x10\xe6\xe7\xd3\xfay6\x8a1\xc3\xc0ic\xfb \x82T\n\x11?;q\xe2\x85\x1d;\xd2\x1c\x0e:\rnrz\xea\xe7\'\x87\x0e-\xdf\xbd\x1b\x01\x18cJ\xa9\xc1}n\xcfj\xd66b\x86\xce\xbd\xf5\xf3l\x10y X\xd5\xed\xa7C:\xe6\xf4\x96R\x02\xa0\x10"///\x14\n\xd1ip\x02\xa0\x02\x10\xdf\xf4\xd5_g\xf8qD\xa5j\x12\x1f\xb3\x9b\xa7\x9eo\xeb\xe7\xd9p\x04_UpX\xdf\x9c;\x87t\xaai\t\x05X\xbcu\xeb\xd7UU\xd4\x12\x1a\x0b8\xe2\xac\r\x1bL)\x11QHqq\xb36\xc3\x07N\xf0\x05&lt;pAg\xbf\xdf\xa5\x18\x93J\xdc2b\x12\xe76!\x84a\x18%%%+V\xac\xa0\x01A\t\x80\n@|\xd3\xfb?:\xc5\x9bs\xd4\x89\x8fw\xff\xbc\xab\xcf\x1b0.\xa8\xf5\xf3{\x01b8\x10\x9es\xf7\x80\xcc\x14\xa7)\x15\x07\xf0\x84B\xf37ov\xdblt\x13\xd0\x84L\xa5\xd2\x9d\xce\x15\xbbwo&lt;r\x84\x83N|d7\x8f\xf8\x95\xc3\xee\x8e&amp;&gt;\xd6\x1d\x02\x86B\xfe\xb6\xad\xba\x0c\xed{\x87\xce\x8cD\xc4\'\x9ex\xe2\xd4\xa9St\x13\x10\xef\xa8\x00\xc41\xbd\'[XXXXX\xc89\x17Rr\x84ic\xfap\x03\xeb\xf7W\x89\xc0B!\xb3u\xab\xf4_\xe4vW\xaa\xa6%t\xf9\xee\xdd\xdb\x8e\x1dK\xa6\x96\xd0&amp;\xa2\x183\x00\xaa\xc2\xe1\x85[\xb60\xc6\x00Q)\xd91\xa7w\xb7\x9f\x0e\t|;\xf1\xb1\xee\x000\x18\xf2]\xdd\x7flJr3!\x05G^^^\xbeh\xd1"\xba\t\x88wT\x00\xe2\x95^\xfb\xd7\xc461\xc6\x11\x84\x90\xb7\x0f\xee8\xac_\x8e\xaf*\xc8\xebv\xf6\xfb]\x9cc\xa0*\xf8\xd8m\xbd\xdb_\x92\xa63#M)\xa7\xad[\xc7\xebe\x9b\x89\x9c?!e\x86\xd3\xb9d\xeb\xd6}\x1e\x8f\x81(\xa4D\xe4\xb7\x8c\x98$\x95\xa8\xf7\x82\x0c\x00\x113\x9c\x99\xdeb\xd4\xd0\xfb\x95\xaai\t\xfd\xcdo~SZZJ5 \xaeQ\x01\x88W\xa7\x07\xb7r\x83\x9bB\xa4%\xd9\x9f\x1a\xd3\'\x12\x8c@}_\xfd\x99\xce\x8c\x14\xca\x9dd\x9f&gt;\xae/\xd3\x99\x91\x00E\x87\x0e\xbd\xb3o_\x1a\xb5\x846:\xc5\x98\xcb0\xca*+\x97\xee\xdc\t\xb5\x89\x8f\xfdz\xe6\xb6i\xd99\x14\xf2\xd7\xa5\xf5\xf3l8r\x7f\xc0\xdb\xa7\xc7\xf5\xadZt\x12Rr\xceu\xdc4\xed\x02\xc55*\x00qIJ\t\x00\xe5\xe5\xe5\x05\x05\x05\x00\x00\x8cI\xa9&amp;\xde\xd0\xfd\xb2\x8eY\xc1@\x04\x1bfU\xae\x07\x04\x8d\x1d\xde\xf9\xaa\xae\x97\x08\xa9t\x83\xe9\xf4\xf5\xeb\xab\xc3aj\tmdB\xca$\xbb}vqqe0\xc8\x01\xa5\x92.g\xca\xa8\xa1\xf7\x87\xc3\x81:\xb6~\xfe\x00)\x85\xd3\xee\xce\x1d6\x911\xa53#W\xae\\Y\xb3\xfdH-\xa1\xf1\x89\n@\\\xd2c\x9f\xf3\xf3\xf3+**l\x067\x85\xb84;\xf5\x91\xd1\xbd\x82\xde\x1fI|\xac\xeb\xbf\x971!\xe4\xfc{\xaf28\n\xa5\x0c\xc4\xbd\x95\x95KJJ2\x9cN:\rn4:\xf1\xb1p\xdf\xbe\x7f\x96\x96F\x13\x1fG\x0e\xbe7#-\xbb^Z?\xcf\x06\x91\xfb\x82\xde\xce\x1d\x06t\xbbl\x88\x94\x02\x00\xa3\r\x08t\x1f\x10\xa7\xa8\x00\xc4\x1f\xbd\xf9\xb3u\xeb\xd6W_}U?\x94\xaf[?\x9be\xba#\xa6h\xd0=y\x8e\x10\xf0\x87\xfb\xf5h}\xef\xc8.z@\x10\x00,\xdd\xb9\xb3\xac\xb2\x92ZB\x1b\r0fJ\xb9`\xcb\x16\xa9\x14 J)[\xb5\xe84\xa4\xcfm\x81`U}\xb5~\xfe\xc0\xbfZJ\x91;l\xa2\xcb\x99\xac{\x10t\x0b2\x9d\x04\xc4)*\x00\xf1G\x1f\xffN\x9e&lt;9\x14\nq\x04\xdd\xfa9vxg\x9f7X\x8f\xad\x9fg\x83\x88a\x7fx\xc6\xf8\xbe\xe9\xc9\x0e!\x95\x81P\x19\x0c\xce..N\xa1)\xa1\x8d\xc2\x94\xb2\x99\xcb\xb5l\xd7\xaeMG\x8ep\xd4\xad\x9f*w\xd8D\x9b\xcdY\x8f\xad\x9fg\x03\x80\xc1\xb0\xafu\x8b\xcb\x06\xf6\xbeU\xb7\x84\x02@AAAEE\x05E\x86\xc5#*\x00qF/\xbbV\xae\\\xb9f\xcd\x1a\xc30L!\xec6&gt;\xff\x9e\xab\xc49F&gt;\xd6\x99\xce\x8cl\x9e\x952uL\x1f\xa5\x94b\x0c\x01\xde(++:t\x88\xa6\x8464\xc5\x98\x9d\xf3#&gt;\xdf\x92\x92\x12\x80\x9a\xb1?\xdd/\x1b\xda\xb9\xc3\x00\x7f}\xb7~\x9e\r"\xf7\x05&lt;\xd7\x0c\x18{QFK!\x84\xc1\x8d\x8a\x8a\n}\x16E7\x01q\x87\n@&lt;\xd1+,\xdd}\xc1\x18C`R\xaa\xdb\x06v\xe8\xd7\xb3u\xc0\x1f\xae\xf7\xd6\xcf\xb3\xe1\x1c\x03\xd5\xa1\x87n\xec\xd6\xa1e\xban\t\r\x0b1k\xc3\x06\x8eH\x97\xff\x06eJ\x99\xe1t\xfeq\xdb\xb6\xfd^/\x07\x94Rrn\x1b5\xf4~=\xb2\xbfq\x00\x03SD\xd2S\xb2\xae\x1dx\x97\xaa\x9d\x12\xaa\xbb\xd1h#(\xeeP\x01\x88\':\xf3k\xc1\x82\x05\xa5\xa5\xa56\x9b\x111Ef\x8as\xf6\xdd\x03\xc2\xbe\xf0y%&gt;\xd6\x110&amp;\xa4r:m\x0b\xffg\x10\xd3-\xa1\x08\x1b\x8f\x1cy\xed\x8b/2\x9dN\xca\x8cl z\xec\xcf\x8e\xe3\xc7_\xfc\xec3\xacm\xfd\x1c\xda\xf7\x8e6-;\xd7q\xea\xe7\xf9\xe2\xc8\xab\xfd\x15\xfd{\xe6\xe6\xb4\xe9!\xa4\xe0\x9c\xd7&lt;\x8fBG\xc1\xf1\x86\n@\xdc\xd0K\xad\xb2\xb2\xb2y\xf3\xe6!"SJ)\xf5\x8b\xdc\xeemZ\xa5\xd7\xd7\xd8\x9fs\xc7\x11|\xd5\xa1\x1b\x06\xe4\\syk!\x15\x02\x00c\xf36m:\xe6\xf7\xdb9\xa7k@C\xd0\xa9/Oo\xd8\xe0\r\x87\x11P*\x99\x92\x9cyu\xff\xb1\xc1P]\xa7~^\xe0\x8b\xe1\xc6uC\xee\x03@\xdd\x12ZXX\x18\r#j\xe4\x17C.\x18\x15\x80\xb8\xa1\xcf~g\xce\x9c\xe9\xf5z\r\xce#\xa6\xe8\xd0*\xfd\xb1\xdbz\x07\xaa\x1a\xb6\xf5\xf3\x07\x08\xa9\x16\xdd?\xc8n\xe3B)\x8ex\xc0\xeb\xfd\xc3\xa7\x9ff\xd0M@\x03\xd0\xad\x9f\x1f\xee\xdf\xff\xce\xbe}\xd1\xd6\xcf\xeb\x87&gt;\x98\x99\xde\xc24\xc3\r\xd7\xfay6\x08\xe8\x0fx\xbbv\x1a\xd8\xebg\xc3\xa5\x14\x08\x08\x00:\x8e\x94\xee\x03\xe2\x08\x15\x80\xf8\xa0\xcf~\xd7\xae]\xbbl\xd92\x83s!L\xc6\xd8\xc2\xfb\x06\xb9\xdd\xb6\x0bK|\xac;D\xf0\xfb\xc3\xdd~\x9a\x9dwS\x8fhf\xe4\x8b;wn;v,\xd9f\xa3\xd3\xe0\xfa\xc5\x01|\xe1\xf0\xec\xe2b`\x0c\x90K)r\xda\xf4\xe8\xdf\xeb&amp;\x9f\xdf\xd38g\xbf\xdf\x05\x80\xa1\xb0?w\xd8D\xb7+\xd5\x14\xa6a\x18\xa5\xa5\xa5\x0b\x16,\xa0\x93\x808B\x05 n\x08!\n\n\n\x84\x10:\xf1\xf1\x9a\xcb[\xdf0 \xa7.\x89\x8fu\xc7\x11\xc3\xfe\xf0\xa4[z6\xcfpK\xa98\x827\x1c^\xbce\x8b\x8b\n@\xbd2\xa5Lw:_\xfb\xe2\x8b\xcfN\x9c@D\xa9\x14\x00^7\xe4&gt;\xce\r\xc5\x9a\xec}\x06\x80H$\x94\xd5\xac\xed\xe0&gt;\xb7+\xa5\x94T\x80\xb0p\xe1\xc2\xf2\xf2r\xea\x08\x8a\x17T\x00\xe2\x80i\x9a\x9c\xf3\xe5\xcb\x97\xaf]\xbb\xd6f\x18\xa6\x10\x06\xc7E\xf7\x0fj\xac\xce\xcf\xb3\xd2-\xa1\xd9\xcdSg\x8e\xef\'k3#W}\xf5U\xe1\xbe}\xe9N\'\r\x08\xaa\x17:\xf1\xf1\xa0\xd7\xab\xd3\x98\x19\xa0\x94\xa2W\xd7k\xbbv\x1a\xe8\x0fx\x1b\xf3\xec\xf7\xbb\x00\xb9/\xe0\x19&gt;p\xc2E\x99\xadMa\x1a\xdc8u\xeaT~~&gt;=\x13\x10/\xa8\x00\xc4:=\xf5\xc1\xeb\xf5\xce\x981\x03\x01\x18SR\xaa{Gv\xe9\xd6\xa9y\xa0\xce\x89\x8fugp\x0cT\x05\xc7]{\xd9\xe5\xed/\x96R"\x82Pj\xc1\x96-\xa6\x944&amp;\xb4^\xe8\xc4\xc7\xe7\xb6o?\xee\xf7#\xa0\x94\xd2\xe5L\x1e9\xf8\xdep$\xd8\xf8g\xbfg\xd0\x0f\x06;\x1dI\xd7\r\xb9\x8f1&amp;\x85\xd4+\x95\x92\x92\x12\n\x8e\x8f\x0bT\x00b\x9dn\xfe\x997o^YY\x19\xe7\\\x08\x99\x9e\xec\x981\xbeo8\x10i\xcc\xd6\xcf\x1f \x84r\xbb\xeds\xef\x1e\xa0\x94n\t\xc5MG\x8e\xbc\xb2kW\xa6\xcbE\xa7\xc1u$\x95J\xb6\xdbK\x8e\x1e\xfd\xf3\x8e\x1d\x08\xa0\x18SJ\x0e\xec}k\x9b\x96\x9dCa\x7f\xe3\x9f\xfd~\x17"\xf7\x07\xbc}/\xbf\xa1]\xdb\x1eB\nD\x0c\x87\xc3yyyB\x08\xba\t\x88}1q\x05!g\xa3\x1b\xff\xf5\xd9\x1aG\xae\x94\x94JM\x1d\xd3\xa7yVJ\xe3\xb7~\x9e\x8d\x9e\x12:\xec\xca\x9f\xfcW\xffv5\x99\x91\x0c\xe6m\xdat\xd0\xeb\xa5\x01Au\xc7\x01\xa6\xad[\x17\x16\x02\x01\x85\x94\xcd2.\xb9f\xc08\x9f\xbf\xb2\xa9\xce~\xbfK\xe9\x01A\xd7\xfe\x02\x91\x9b\xa60\x0c\xa3\xa8\xa8h\xf9\xf2\xe5\xd4\x12\x1a\xfb\xa8\x00\xc44\xbd\x86\xd2\xddu\x9c\x83\x90\xf2\xf2\xf6\x17?\x94\xdb=P\x1dj\xaa\xd6\xcf\xb3\x91B\xcd\xb9g@Z\x92](\xc5\x11\x8e\xfb\xfd\xcfm\xdf\x9eL\x03\x82\xea@(\x95\xeap\xbc\xb3o_\xd1\xa1C\x08 \x19cL]\x7f\xf5\x83i\xc9\xcd\x840\x81\xc5F\xfdg\x0c\x01\x83!_\xc7K{\xf7\xeb\x99\xab\x9fI\x06\x80\x193fx&lt;\x1ej\t\x8dq\xb1u\x11!\xa7\xd3\xad\x9fk\xd6\xac\x89&gt;_\xa3\x14\x9b{\xf7\x00\xa7\xc3h\xaa\xd6\xcf\xb3A\x84\x80?\xdc\xa9C\xd6\xc4\x1b\xbaG[B\xff\xbcc\xc7\xb6\xa3Gi@\xd0\x85\xd1\x8f}\xf9#\x91\xe9\xeb\xd73\xc6\x10\xb9\x94\xa2]\xdb\x1e}z\\_\x1d\x88\xa1\xe5\xbf\x06\x80\xc1P\xf5\xa8\xa1\xf7\xbb\x9c)\xfa&amp;\xa0\xac\xac\xec\x99g\x9eAD\xba\t\x88eT\x00b\x94~\xec+\x14\nM\x9e&lt;\x19\x00t\xeb\xe7\xcd\x03\xda\x0f\xbb\xf2\'M\xdb\xfay6\x9cc\xd0\x1b|dt\xaf\x9c\x16iB*= H7\xae\xd0\xe5\xff\x02\x08)S\x1d\x8e\x17w\xee\xdc[Y\xc9\x11\x85\x94\x06\xb7\xe5^\xfb\xbfR\n\x163k\xff(\x000\xcdpFZ\xf6\xcf\x07\xdf\xcbj\x07\x04-^\xbcX\x1f\\\xd1ip\xcc\xa2\x02\x10\xa3\xf4Oh\xc5\x8a\x15[\xb7n\xd5\xcb\x7f\xbb\x8d\xcf\x18\xdfW5u\xeb\xe7\xd9\x00\xb0\x88)\x9a5K\xca\xbf\xbd\xb7\xaam\t}{\xef\xde\x0f\xf7\xefO\xa7\xcc\xc8\xf3\xa4[?\x0fWU-\xda\xb2\x05X\xcd\xd4\xcf\xcb\xbb\x0c\xeb\x94se#\x8f\xfd9w\x80&lt;\x10\xac\x1a\xd4\xe7\xd6\x8b\x9b\xb5\xd17\xaf\x1e\x8fg\xe6\xcc\x99\xf4L@,\x8b\xc5o\x12\xd1\xcb\xff\x8a\x8a\x8a\'\x9ex\x02\x11\x81))U\xdeM=\xbavl\xee\x8f\x81\xd6\xcf\xb318\xfa&lt;\x81\t#\xbb\\\xd5\xf5\x12!$"\x00c\xb3\x8b\x8b\x03\xa6I\x99\x91\xe7E\xb7~\xce\xdf\xbc\xd9\x13\n\xe9\xcd\x1f\xb7+\xf5\xc6a\x0f\x07\x83M0\xf6\xe7\x1c\xe9\x96P\xbb\xcdu\xf3\x88_\xb1\xda\r\xcce\xcb\x96\x15\x15\x15\x19\x86A\x1bA\xb1)F\xbfL\x16\xa7\x97\xff\x05\x05\x05\xe5\xe5\xe5\x1c\xd1\x14\xa2y\x86{\xd2-=\xc3\x810\x8f\x8d\xd6\xcf\xb3Q\x8c\x19\x06N\x1b\xdb\x07\x11\xa4R\x88\xf8\xd9\x89\x13/\xec\xd8\x91\xe6p\xd0i\xf09\xd2S??9th\xf9\xee\xdd:\xdeY)5\xb8\xcf\xedY\xcd\xda6h\xe2c\xdd!\xf2@\xb0\xaa\xdbO\x87t\xcc\xe9-\xa5\x04@!D^^^(\x14\xa2\xd3\xe0\xd8\x14\xd3W\x13k\xd2W\x7f\x9d\xb4\xc7\x11\x95\xaaI|\xccn\x9e\x1a;\xad\x9fg\xc3\x11|U\xc1a}s\xee\x1c\xd2\xa9\xa6%\x14`\xf1\xd6\xad_WUQK\xe8\xb9\xe3\x88\xb36l0\xa5DD!\xc5\xc5\xcd\xda\x0c\x1f8\xc1\x17\xf04t\xe2c\xdd)\xc6\xa4\x12\xb7\x8c\x98\xc4\xb9M\x08a\x18FII\xc9\x8a\x15+h@Pl\xa2\x02\x10s\xf4\xfe\x8f\xce\xda\xe6\x1cu\xe2\xe3\xdd?\xef\xea\xf3\x06\x1a!\xf1\xb1\xee\x001\x1c\x08\xcf\xb9{@f\x8a\xd3\x94\x8a\x03xB\xa1\xf9\x9b7\xbbm6\xba\t\xf8Q\xa6R\xe9N\xe7\x8a\xdd\xbb7\x1e9\xc2A\'&gt;\xb2\x9bG\xfc\xcaaw7B\xe2c\xdd!`(\xe4o\xdb\xaa\xcb\xd0\xbew\xe8\xccHD|\xe2\x89\'N\x9d:E7\x011(\x0e.(\x96\xa2wN\x0b\x0b\x0b\x0b\x0b\x0b9\xe7BJ\x8e0mL\x1fn`\xbc\xfcv\x10X(d\xb6n\x95\xfe\x8b\xdc\xeeJ\xd5\xb4\x84.\xdf\xbd{\xdb\xb1c\xc9\xd4\x12\xfa\x83\x14c\x06@U8\xbcp\xcb\x16\xc6\x18 *%;\xe6\xf4\xee\xf6\xd3!\x81\xc6J|\xac;\x00\x0c\x86|W\xf7\x1f\x9b\x92\xdcLH\xc1\x91\x97\x97\x97/Z\xb4\x88n\x02b\x10\x15\x80\x18\xa2\xd7\xfe5\xe1J\x8cq\x04!\xe4\xed\x83;\x0e\xeb\x97\xe3\xab\n6Z\xe2c\xddq\x8e\x81\xaa\xe0c\xb7\xf5n\x7fI\x9a\xce\x8c4\xa5\x9c\xb6n\x1d\x8f\xf1\r\xac\xa6&amp;\xa4\xccp:\x97l\xdd\xba\xcf\xe31\x10\x85\x94\x88\xfc\x96\x11\x93\xa4\x12qT6\x01 b\x863\xd3[\x8c\x1az\xbfR5-\xa1\xbf\xf9\xcdoJKK\xa9\x06\xc4\x1a*\x001\xe4\xf4xUnpS\x88\xb4$\xfbSc\xfaD\x82\x11\x88\x9f\xab?\xd3\x99\x91B\xb9\x93\xec\xd3\xc7\xf5e:3\x12\xa0\xe8\xd0\xa1w\xf6\xedK\xa3\x96\xd0\xb3P\x8c\xb9\x0c\xa3\xac\xb2r\xe9\xce\x9dP\x9b\xf8\xd8\xafgn\x9b\x96\x9dC!\x7fl\xb6~\x9e\rG\xee\x0fx\xfb\xf4\xb8\xbeU\x8bNBJ\xce\xb9\x0e\xb2\xa6]\xa0X\x13O\xdf\xaa\xc4&amp;\xa5\x04\x80\xf2\xf2\xf2\x82\x82\x02\x00\x00\xc6\xa4T\x13o\xe8~Y\xc7\xac` \x82\xf1\xb6v\xd6\x03\x82\xc6\x0e\xef|U\xd7K\x84T\xbauu\xfa\xfa\xf5\xd5\xe10\xb5\x84~/!e\x92\xdd&gt;\xbb\xb8\xb82\x18\xe4\x80RI\x973e\xd4\xd0\xfb\xc3\xe1@\xcc\xb6~\xfe\x00)\x85\xd3\xee\xce\x1d6\x911\xa53#W\xae\\Y\xb3\xb1I-\xa11#\xfe\xbeX\x89J\x8f}\xce\xcf\xcf\xaf\xa8\xa8\xb0\x19\xdc\x14\xe2\xd2\xec\xd4GF\xf7\nz\x9b,\xf1\xb1\x8e\x14cB\xc8\xf9\xf7^ep\x14J\x19\x88{++\x97\x94\x94d8\x9dt\x1a|\x06\x9d\xf8X\xb8o\xdf?KK\xa3\x89\x8f#\x07\xdf\x9b\x91\x96\x1d\xe3\xad\x9fg\x83\xc8}Ao\xe7\x0e\x03\xba]6DJ\x01\x80\xd1\xd6\x06\xba\x0f\x88\x1dqyeI&lt;z\xf3g\xeb\xd6\xad\xaf\xbe\xfa\xaa~t^\xb7~6\xcbtGL\x11\x87?\x7f\xc6\x18\xe3\x08\x01\x7f\xb8_\x8f\xd6\xf7\x8e\xec\xa2\x07\x04\x01\xc0\xd2\x9d;\xcb*+\xa9%\xf4\x0c\xc0\x98)\xe5\x82-[\xa4R\x80(\xa5l\xd5\xa2\xd3\x90&gt;\xb7\x05\x82U\xb1\xdf\xfay6\xfa\xd1\xb0\xdca\x13]\xced\xdd\xdd\xa0\x9b\x9b\xe9$ vP\x01\x88\t\xfa\xf8w\xf2\xe4\xc9\xa1P\x88#\xe8\xd6\xcf\xb1\xc3;\xfb\xbc\xc1\xb8h\xfd&lt;\x1bD\x0c\xfb\xc33\xc6\xf7MOv\x08\xa9\x0c\x84\xca`pvqq\nM\t=\x8d)e3\x97k\xd9\xae]\x9b\x8e\x1c\xe1\xa8[?U\xee\xb0\x896\x9b3.Z?\xcf\x06\x00\x83a_\xeb\x16\x97\r\xec}\xabn\t\x05\x80\x82\x82\x82\x8a\x8a\n\x8a\x0c\x8b\x11q|qI\x18zq\xb4r\xe5\xca5k\xd6\x18\x86a\na\xb7\xf1\xf9\xf7\\%\x9a&lt;\xf2\xb1\xcetfd\xf3\xac\x94\xa9c\xfa(\xa5\x14c\x08\xf0FYY\xd1\xa1C4%TS\x8c\xd99?\xe2\xf3-))\x01\xa8\x19\xfb\xd3\xfd\xb2\xa1\x9d;\x0c\xf0\xc7O\xeb\xe7\xd9 r_\xc0s\xcd\x80\xb1\x17e\xb4\x14B\x18\xdc\xa8\xa8\xa8\xd0\xa7\\t\x13\x10\x0b\xa8\x0041\xbd\x0e\xd2=\x12\x8c1\x04&amp;\xa5\xbam`\x87~=[\x07\xfc\xe18j\xfd&lt;\x1b\xce1P\x1dz\xe8\xc6n\x1dZ\xa6\xeb\x96\xd0\xb0\x10\xb36l\xe0\x88t\xf9g\x8c\x99Rf8\x9d\x7f\xdc\xb6m\xbf\xd7\xcb\x01\xa5\x94\x9c\xdbF\r\xbd_\x0f\xd6\x8fw\xc0\xc0\x14\x91\xf4\x94\xack\x07\xde\xa5j\xa7\x84\xea&gt;7\xda\x08\x8a\x05T\x00\x9a\x98\xce\xfcZ\xb0`Aii\xa9\xcdfDL\x91\x99\xe2\x9c}\xf7\x80\xb0/\x1c#\x89\x8fu\x04\x8c\t\xa9\x9cN\xdb\xc2\xff\x19\xc4tK(\xc2\xc6#G^\xfb\xe2\x8bL\xa7\xd3\xe2\x99\x91z\xec\xcf\x8e\xe3\xc7_\xfc\xec3\xacm\xfd\x1c\xda\xf7\x8e6-;\xc7\xec\xd4\xcf\xf3\xc5\x91W\xfb+\xfa\xf7\xcc\xcdi\xd3CH\xc19\xafy\xd2\x85\x8e\x82c@"|\xc3\xe2\x97^\x10\x95\x95\x95\xcd\x9b7\x0f\x11\x99RJ\xa9_\xe4vo\xd3*=\xf6\xc7\xfe\x9c;\x8e\xe0\xab\x0e\xdd0 \xe7\x9a\xcb[\x0b\xa9\x10\x00\x18\x9b\xb7i\xd31\xbf\xdf\xce\xb9\x95\xaf\x01:\xf5\xe5\xe9\r\x1b\xbc\xe10\x02J%S\x923\xaf\xee?6\x18\x8a\xdd\xa9\x9f\x17@1\xc6\xb9q\xdd\x90\xfb\x00P\xb7\x84\x16\x16\x16Fc\x8e\x9a\xfa\xd5YZ\xe2|\xc9\xe2\x91&gt;\xfb\x9d9s\xa6\xd7\xeb58\x8f\x98\xa2C\xab\xf4\xc7n\xeb\x1d\xa8\x8a\xd7\xd6\xcf\x1f \xa4Zt\xff \xbb\x8d\x0b\xa58\xe2\x01\xaf\xf7\x0f\x9f~\x9aa\xe1\x9b\x00\xdd\xfa\xf9\xe1\xfe\xfd\xef\xec\xdb\x17m\xfd\xbc~\xe8\x83\x99\xe9-L3\x1c\x8f\xad\x9fg\x83\x80\xfe\x80\xb7k\xa7\x81\xbd~6\\J\x81\x80\x00\xa0\x83N\xe9&gt;\xa0i%\xdaU&amp;\x8e\xe8\xb3\xdf\xb5k\xd7.[\xb6\xcc\xe0\\\x08\x931\xb6\xf0\xbeAn\xb7-\xd6\x12\x1f\xeb\x0e\x11\xfc\xfep\xb7\x9ff\xe7\xdd\xd4#\x9a\x19\xf9\xe2\xce\x9d\xdb\x8e\x1dK\xb6\xd9\xacy\x1a\xcc\x01|\xe1\xf0\xec\xe2b`\x0c\x90K)r\xda\xf4\xe8\xdf\xeb&amp;\x9f\xdf\x13\xefg\xbf\xdf\x05\x80\xa1\xb0?w\xd8D\xb7+\xd5\x14\xa6a\x18\xa5\xa5\xa5\x0b\x16,\xa0\x93\x80\xa6E\x05\xa0)\t!\n\n\n\x84\x10:\xf1\xf1\x9a\xcb[\xdf0 \'6\x13\x1f\xeb\x8e#\x86\xfd\xe1I\xb7\xf4l\x9e\xe1\x96Rq\x04o8\xbcx\xcb\x16\x97%\x0b\x80)e\xba\xd3\xf9\xda\x17_|v\xe2\x04"J\xa5\x00\xf0\xba!\xf7qn(\x96\x80\xef\x06\x00D"\xa1\xacfm\x07\xf7\xb9])\xa5\xa4\x02\x84\x85\x0b\x17\x96\x97\x97SGP\x13\xa2\x02\xd04L\xd3\xe4\x9c/_\xbe|\xed\xda\xb56\xc30\x8508.\xba\x7fP\xfcw~\x9e\x95n\t\xcdn\x9e:s|?Y\x9b\x19\xb9\xea\xab\xaf\n\xf7\xedKw:-5 H\'&gt;\x1e\xf4zuf2\x03\x94R\xf4\xeazm\xd7N\x03\xfd\x01ob\x9c\xfd~\x17 \xf7\x05&lt;\xc3\x07N\xb8(\xb3\xb5)L\x83\x1b\xa7N\x9d\xca\xcf\xcf\xa7g\x02\x9aPb~\xd5b\x9c\x9e\xfa\xe0\xf5zg\xcc\x98\x81\x00\x8c))\xd5\xbd#\xbbt\xeb\xd4&lt;\x10\xc3\x89\x8fugp\x0cT\x05\xc7]{\xd9\xe5\xed/\x96R"\x82Pj\xc1\x96-\xa6\x94\t\xfbw\xfe&gt;:\xf1\xf1\xb9\xed\xdb\x8f\xfb\xfd\x08(\xa5t9\x93G\x0e\xbe7\x1c\t&amp;\xd2\xd9\xef\x19\xf4\x83\xc1NG\xd2uC\xeec\x8cI!\xf5\x1a\xa8\xa4\xa4\x84\x82\xe3\x9bJ\xc2~\xdbb\x99n\xfe\x997o^YY\x19\xe7\\\x08\x99\x9e\xec\x981\xbeo8\x10I\x8c\xd6\xcf\x1f \x84r\xbb\xeds\xef\x1e\xa0\x94n\t\xc5MG\x8e\xbc\xb2kW\xa6\xcbe\x91\xd3`\xa9T\xb2\xdd^r\xf4\xe8\x9fw\xec@\x00\xc5\x98Rr`\xef[\xdb\xb4\xec\x1c\n\xfb\x13\xe9\xec\xf7\xbb\x10\xb9?\xe0\xed{\xf9\r\xed\xda\xf6\x10R b8\x1c\xce\xcb\xcb\x13B\xd0M@\x93H\xf0\xcbM\x0c\xd2\x8d\xff\xfa\x04\x8c#WJJ\xa5\xa6\x8e\xe9\xd3&lt;+%\x91Z?\xcfFO\t\x1dv\xe5O\xfe\xab\x7f\xbb\x9a\xccH\x06\xf36m:\xe8\xf5Zg@\x10\x07\x98\xb6n]X\x08\x04\x14R6\xcb\xb8\xe4\x9a\x01\xe3|\xfe\xca\xc4;\xfb\xfd.\xa5\x07\x04]\xfb\x0bDn\x9a\xc20\x8c\xa2\xa2\xa2\xe5\xcb\x97SKh\x93\xa0\x02\xd0\xd8\xf4JG\xf7\xc0q\x0eB\xca\xcb\xdb_\xfcPn\xf7@u(\xf1Z?\xcfF\n5\xe7\x9e\x01iIv\xa1\x14G8\xee\xf7?\xb7}{\xb2\x05\x06\x04\t\xa5R\x1d\x8ew\xf6\xed+:t\x08\x01$c\x8c\xa9\xeb\xaf~0-\xb9\x99\x10&amp;\xb0D\xaf\xff\x8c!`0\xe4\xebxi\xef~=s\xf5\xd3\xce\x000c\xc6\x0c\x8f\xc7C-\xa1\x8d\xcf*W\x9c\x18\xa1[?\xd7\xacY\x13}\nF)6\xf7\xee\x01N\x87\x91x\xad\x9fg\x83\x08\x01\x7f\xb8S\x87\xac\x897t\x8f\xb6\x84\xfey\xc7\x8emG\x8f&amp;\xf6\x80 \xfd\xd8\x97?\x12\x99\xbe~=c\x0c\x91K)\xda\xb5\xed\xd1\xa7\xc7\xf5\xd5\x01K,\xff5\x00\x0c\x86\xaaG\r\xbd\xdf\xe5L\xd17\x01eee\xcf&lt;\xf3\x0c"\xd2M@#\xa3\x02\xd0x\xf4c_\xa1Ph\xf2\xe4\xc9\x00\xa0[?o\x1e\xd0~\xd8\x95?I\xd4\xd6\xcf\xb3\xe1\x1c\x83\xde\xe0#\xa3{\xe5\xb4H\x13R\xe9\x01A\xba%&amp;a/\xff\x8c\t)S\x1d\x8e\x17w\xee\xdc[Y\xc9\x11\x85\x94\x06\xb7\xe5^\xfb\xbfR\nf\x81\xb5\x7f\x14\x00\x98f8#-\xfb\xe7\x83\xefe\xb5\x03\x82\x16/^\xac\x8f\xc4\xe84\xb81Q\x01h&lt;\xfa\x8b\xbeb\xc5\x8a\xad[\xb7\xea\xe5\xbf\xdd\xc6g\x8c\xef\xab\x12\xb7\xf5\xf3l\x00X\xc4\x14\xcd\x9a%\xe5\xdf\xde[\xd5\xb6\x84\xbe\xbdw\xef\x87\xfb\xf7\xa7\'hf\xa4n\xfd&lt;\\U\xb5h\xcb\x16`5S?/\xef2\xacS\xce\x95\t3\xf6\xe7\xdc\x01\xf2@\xb0jP\x9f[/n\xd6F\xdf\x16{&lt;\x9e\x993g\xd23\x01\x8d\xccZ_\xbb&amp;\xa4\x97\xff\x15\x15\x15O&lt;\xf1\x04"\x02SR\xaa\xbc\x9bzt\xed\xd8\xdc\x9f\xd0\xad\x9fgcp\xf4y\x02\x13Fv\xb9\xaa\xeb%BHD\x00\xc6f\x17\x17\x07L3!3#u\xeb\xe7\xfc\xcd\x9b=\xa1\x90\xde\xfcq\xbbRo\x1c\xf6p0\x98Pc\x7f\xce\x91n\t\xb5\xdb\\7\x8f\xf8\x15\xab\xdd\x1a]\xb6lYQQ\x91a\x18\xb4\x11\xd4h,\xf7\xcdk*z\xf9_PPP^^\xce\x11M!\x9ag\xb8\'\xdd\xd23\x1c\x08\xf3Do\xfd&lt;\x1b\xc5\x98a\xe0\xb4\xb1}\x10A*\x85\x88\x9f\x9d8\xf1\xc2\x8e\x1di\x0eG\x82\x9d\x06\xeb\xa9\x9f\x9f\x1c:\xb4|\xf7n\x1d\xef\xac\x94\x1a\xdc\xe7\xf6\xacfm\xe34\xf1\xb1\xee\x10y X\xd5\xed\xa7C:\xe6\xf4\x96R\x02\xa0\x10"///\x14\n\xd1ip\xa3\xb1\xe8\xa5\xa7\x91\xe9\xab\xbf\xce\xc3\xe3\x88J\xd5$&gt;f7O\xb5B\xeb\xe7\xd9p\x04_UpX\xdf\x9c;\x87t\xaai\t\x05X\xbcu\xeb\xd7UU\x89\xd7\x12\xca\x11gm\xd8`J\x89\x88B\x8a\x8b\x9b\xb5\x19&gt;p\x82/\xe0\x89\xdf\xc4\xc7\xbaS\x8cI%n\x191\x89s\x9b\x10\xc20\x8c\x92\x92\x92\x15+V\xd0\x80\xa0FC\x05\xa01\xe8\xfd\x1f\x9d\x88\xcd9\xea\xc4\xc7\xbb\x7f\xde\xd5\xe7\r\xc4u\xe2c\xdd\x01b8\x10\x9es\xf7\x80\xcc\x14\xa7)\x15\x07\xf0\x84B\xf37ov\xdbl\ts\x13`*\x95\xeet\xae\xd8\xbd{\xe3\x91#\x1ct\xe2#\xbby\xc4\xaf\x1cvw\\\'&gt;\xd6\x1d\x02\x86B\xfe\xb6\xad\xba\x0c\xed{\x87\xce\x8cD\xc4\'\x9ex\xe2\xd4\xa9St\x13\xd08,}\xf5i\x1cz\x7f\xb3\xb0\xb0\xb0\xb0\xb0\x90s.\xa4\xe4\x08\xd3\xc6\xf4\xe1\x06\xd27\x1c\x81\x85Bf\xebV\xe9\xbf\xc8\xed\xaeTMK\xe8\xf2\xdd\xbb\xb7\x1d;\x96\x9c\x10-\xa1\x8a1\x03\xa0*\x1c^\xb8e\x0bc\x0c\x10\x95\x92\x1dszw\xfb\xe9\x90@\xfc\'&gt;\xd6\x1d\x00\x06C\xbe\xab\xfb\x8fMIn&amp;\xa4\xe0\xc8\xcb\xcb\xcb\x17-ZD7\x01\x8d\x83\n@\xc3\xd2k\xff\x9a\x08$\xc68\x82\x10\xf2\xf6\xc1\x1d\x87\xf5\xcb\xf1U\x05\x13 \xf1\xb1\xee8\xc7@U\xf0\xb1\xdbz\xb7\xbf$MgF\x9aRN[\xb7\x8e\'\xc4\xd6\x98\x902\xc3\xe9\\\xb2u\xeb&gt;\x8f\xc7@\x14R"\xf2[FL\x92J\xc4}q\xab\x0f\x00\x101\xc3\x99\xe9-F\r\xbd_\xa9\x9a\x96\xd0\xdf\xfc\xe67\xa5\xa5\xa5T\x03\x1a\x01\x15\x80\x86uz\x08*7\xb8)DZ\x92\xfd\xa91}"\xc1\x08\xd0\xd5\x9f1\xa63#\x85r\'\xd9\xa7\x8f\xeb\xcbtf$@\xd1\xa1C\xef\xec\xdb\x97\x16\xe7-\xa1\x8a1\x97a\x94UV.\xdd\xb9\x13j\x13\x1f\xfb\xf5\xccm\xd3\xb2s(\xe4\xb7Z\xeb\xe7\xd9p\xe4\xfe\x80\xb7O\x8f\xeb[\xb5\xe8$\xa4\xe4\x9c\xeb\x88l\xda\x05j\x04\xf4\x15l@RJ\x00(///((\x00\x00`LJ5\xf1\x86\xee\x97u\xcc\n\x06"\x98\x10+\xdcz\xa1\x07\x04\x8d\x1d\xde\xf9\xaa\xae\x97\x08\xa9tS\xec\xf4\xf5\xeb\xab\xc3\xe1\xb8n\t\x15R&amp;\xd9\xed\xb3\x8b\x8b+\x83A\x0e(\x95t9SF\r\xbd?\x1c\x0eX\xb0\xf5\xf3\x07H)\x9cvw\xee\xb0\x89\x8c)\x9d\x19\xb9r\xe5\xca\x9a-Sj\tmH\xf4-l@z\xecs~~~EE\x85\xcd\xe0\xa6\x10\x97f\xa7&gt;2\xbaW\xd0\x9b\x80\x89\x8fu\xa4\x18\x13B\xce\xbf\xf7*\x83\xa3P\xca@\xdc[Y\xb9\xa4\xa4$\xc3\xe9\x8c\xd3\xd3`\x9d\xf8X\xb8o\xdf?KK\xa3\x89\x8f#\x07\xdf\x9b\x91\x96m\xd9\xd6\xcf\xb3A\xe4\xbe\xa0\xb7s\x87\x01\xdd.\x1b"\xa5\x00\xc0h\xd3\x04\xdd\x074(\xba\x0c5\x14\xbd\xf9\xb3u\xeb\xd6W_}U?\xe0\xae[?\x9be\xba#\xa6\xa0\x9f\xff\x198B\xc0\x1f\xee\xd7\xa3\xf5\xbd#\xbb\xe8\x01A\x00\xb0t\xe7\xce\xb2\xca\xca8m\t\x05\xc6L)\x17l\xd9"\x95\x02D)e\xab\x16\x9d\x86\xf4\xb9-\x10\xac\xb2r\xeb\xe7\xd9\xe8G\xc3r\x87Mt9\x93u\xdf\x84n\x9b\xa6\x93\x80\x06E\x05\xa0\xa1\xe8\xe3\xdf\xc9\x93\'\x87B!\x8e\xa0[?\xc7\x0e\xef\xec\xf3\x06-\xde\xfay6\x88\x18\xf6\x87g\x8c\xef\x9b\x9e\xec\x10R\x19\x08\x95\xc1\xe0\xec\xe2\xe2\x948\x9c\x12jJ\xd9\xcc\xe5Z\xb6k\xd7\xa6#G8\xea\xd6O\x95;l\xa2\xcd\xe6\xb4x\xeb\xe7\xd9\x00`0\xeck\xdd\xe2\xb2\x81\xbdo\xd5-\xa1\x00PPPPQQA\x91a\r\x87\xaeD\rB/aV\xae\\\xb9f\xcd\x1a\xc30L!\xec6&gt;\xff\x9e\xabD\x02G&gt;\xd6\x99\xce\x8cl\x9e\x952uL\x1f\xa5\x94b\x0c\x01\xde(++:t(\xbe\xa6\x84*\xc6\xec\x9c\x1f\xf1\xf9\x96\x94\x94\x00\xd4\x8c\xfd\xe9~\xd9\xd0\xce\x1d\x06\xf8\xa9\xf5\xf3\xec\x10\xb9/\xe0\xb9f\xc0\xd8\x8b2Z\n!\x0cnTTT\xe8\xf33\xba\th T\x00\xea\x9f^\xad\xe8N\x06\xc6\x18\x02\x93R\xdd6\xb0C\xbf\x9e\xad\x03\xfe0\xb5~\xfe\x00\xce1P\x1dz\xe8\xc6n\x1dZ\xa6\xeb\x96\xd0\xb0\x10\xb36l\xe0\x88qs\xf9g\xcc\x942\xc3\xe9\xfc\xe3\xb6m\xfb\xbd^\x0e(\xa5\xe4\xdc6j\xe8\xfdz\xfc=9\x1b``\x8aHzJ\xd6\xb5\x03\xefR\xb5SBu\x07\x1dm\x045\x10*\x00\xf5Og~-X\xb0\xa0\xb4\xb4\xd4f3"\xa6\xc8Lq\xce\xbe{@\xd8\x17N\xf8\xc4\xc7:\x02\xc6\x84TN\xa7m\xe1\xff\x0cb\xba%\x14a\xe3\x91#\xaf}\xf1E\xa6\xd3\x19\x17\x99\x91z\xec\xcf\x8e\xe3\xc7_\xfc\xec3\xacm\xfd\x1c\xda\xf7\x8e6-;[p\xea\xe7\xf9\xe2\xc8\xab\xfd\x15\xfd{\xe6\xe6\xb4\xe9!\xa4\xe0\x9c\xd7&lt;CCG\xc1\r\x83\xbe\x8e\xf5L/[\xca\xca\xca\xe6\xcd\x9b\x87\x88L)\xa5\xd4/r\xbb\xb7i\x95n\xe5\xb1?\xe7\x8e#\xf8\xaaC7\x0c\xc8\xb9\xe6\xf2\xd6B*\x04\x00\xc6\xe6m\xdat\xcc\xef\xb7s\x1e\xfb\xd7\x00\x9d\xfa\xf2\xf4\x86\r\xdep\x18\x01\xa5\x92)\xc9\x99W\xf7\x1f\x1b\x0cYq\xea\xe7\x05P\x8cqn\\7\xe4&gt;\x00\xd4-\xa1\x85\x85\x85\xd1\x00\xa5\xa6~u\x89\x86\xbe\x91\xf5L\x9f\xfd\xce\x9c9\xd3\xeb\xf5\x1a\x9cGL\xd1\xa1U\xfac\xb7\xf5\x0eTQ\xeb\xe7y\x10R-\xba\x7f\x90\xdd\xc6\x85R\x1c\xf1\x80\xd7\xfb\x87O?\xcd\x88\xf9\x9b\x00\xdd\xfa\xf9\xe1\xfe\xfd\xef\xec\xdb\x17m\xfd\xbc~\xe8\x83\x99\xe9-L3L\xad\x9f\xe7\x02\x01\xfd\x01o\xd7N\x03{\xfdl\xb8\x94\x02\x01\x01@G\xa8\xd2}@\xbd\xa3KR}\xd2g\xbfk\xd7\xae]\xb6l\x99\xc1\xb9\x10&amp;cl\xe1}\x83\xdcn\x9bu\x12\x1f\xeb\x0e\x11\xfc\xfep\xb7\x9ff\xe7\xdd\xd4#\x9a\x19\xf9\xe2\xce\x9d\xdb\x8e\x1dK\xb6\xd9b\xf94\x98\x03\xf8\xc2\xe1\xd9\xc5\xc5\xc0\x18 \x97R\xe4\xb4\xe9\xd1\xbf\xd7M&gt;\xbf\x87\xce~\xcf\x1d\x00\x86\xc2\xfe\xdca\x13\xdd\xaeTS\x98\x86a\x94\x96\x96.X\xb0\x80N\x02\xea\x1d\x15\x80z&amp;\x84(((\x10B\xe8\xc4\xc7k.o}\xc3\x80\x1c\xab%&gt;\xd6\x1dG\x0c\xfb\xc3\x93n\xe9\xd9&lt;\xc3-\xa5\xe2\x08\xdepx\xf1\x96-\xae\x18.\x00\xa6\x94\xe9N\xe7k_|\xf1\xd9\x89\x13\x88(\x95\x02\xc0\xeb\x86\xdc\xc7\xb9\xa1X\x8c\xbe\xe6\xd8\x04\x00\x91H(\xabY\xdb\xc1}nWJ)\xa9\x00a\xe1\xc2\x85\xe5\xe5\xe5\xd4\x11T\xbf\xa8\x00\xd4\x1b\xd349\xe7\xcb\x97/_\xbbv\xad\xcd0L!\x0c\x8e\x8b\xee\x1fD\x9d\x9f\x17@\xb7\x84f7O\x9d9\xbe\x9f\xac\xcd\x8c\\\xf5\xd5W\x85\xfb\xf6\xa5;\x9d18 H\'&gt;\x1e\xf4zu\xb21\x03\x94R\xf4\xeazm\xd7N\x03\xfd\x01/\x9d\xfd\x9e/@\xee\x0bx\x86\x0f\x9cpQfkS\x98\x067N\x9d:\x95\x9f\x9fO\xcf\x04\xd4/\xfa^\xd6\x0f=\xf5\xc1\xeb\xf5\xce\x981\x03\x01\x18SR\xaa{Gv\xe9\xd6\xa9y\xc0\x92\x89\x8fugp\x0cT\x05\xc7]{\xd9\xe5\xed/\x96R"\x82Pj\xc1\x96-\xa6\x941\xf8n\xea\xc4\xc7\xe7\xb6o?\xee\xf7#\xa0\x94\xd2\xe5L\x1e9\xf8\xdep$Hg\xbf\x17@?\x18\xect$]7\xe4&gt;\xc6\x98\x14R\xaf\xaeJJJ(8\xbe\x1e\xd1W\xb3~\xe8\xe6\x9fy\xf3\xe6\x95\x95\x95q\xce\x85\x90\xe9\xc9\x8e\x19\xe3\xfb\x86\x03\x11j\xfd\xbc`B(\xb7\xdb&gt;\xf7\xee\x01J\xe9\x96P\xdct\xe4\xc8+\xbbve\xba\\1u\x1a,\x95J\xb6\xdbK\x8e\x1e\xfd\xf3\x8e\x1d\x08\xa0\x18SJ\x0e\xec}k\x9b\x96\x9dCa?\x9d\xfd^\x18D\xee\x0fx\xfb^~C\xbb\xb6=\x84\x14\x88\x18\x0e\x87\xf3\xf2\xf2\x84\x10t\x13P_\xe8\xdaT\x0ft\xe3\xbf&gt;\xa7\xe2\xc8\x95\x92R\xa9\xa9c\xfa4\xcfJ\xa1\xd6\xcf\xba\xd0SB\x87]\xf9\x93\xff\xea\xdf\xae&amp;3\x92\xc1\xbcM\x9b\x0ez\xbd\xb16 \x88\x03L[\xb7.,\x04\x02\n)\x9be\\r\xcd\x80q&gt;\x7f%\x9d\xfd\xd6\x85\xd2\x03\x82\xae\xfd\x05"7Ma\x18FQQ\xd1\xf2\xe</t>
        </is>
      </c>
    </row>
    <row r="399">
      <c r="A399" s="1" t="n">
        <v>397</v>
      </c>
      <c r="B399" t="inlineStr">
        <is>
          <t>color_size_circle</t>
        </is>
      </c>
      <c r="C399" t="inlineStr">
        <is>
          <t>What is the missing color of the part denoted with a question mark?</t>
        </is>
      </c>
      <c r="D399" t="inlineStr">
        <is>
          <t>['light purple', 'light blue', 'light green', 'dark blue']</t>
        </is>
      </c>
      <c r="E399" t="inlineStr">
        <is>
          <t>dark blue</t>
        </is>
      </c>
      <c r="F399" t="inlineStr">
        <is>
          <t>There are circles of various sizes and colors in the image. The circles are ['medium', 'extra large', 'small', 'large'] size, and their colors are ['medium blue', 'very light blue', '?', 'light blue'].</t>
        </is>
      </c>
      <c r="G399" t="inlineStr">
        <is>
          <t>We observe that the largest circle is very light blue color, and the smaller circles change color from light blue to medium blue. Hence, the pattern is that the circles become darker as they become smaller.</t>
        </is>
      </c>
      <c r="H399" t="inlineStr">
        <is>
          <t>Based on the pattern that the circles become darker as they become smaller, the missing color of the smallest circle denoted with a question mark should be dark blue.</t>
        </is>
      </c>
      <c r="I399" t="inlineStr">
        <is>
          <t>b'\x89PNG\r\n\x1a\n\x00\x00\x00\rIHDR\x00\x00\x02\x00\x00\x00\x02\x00\x08\x02\x00\x00\x00{\x1aC\xad\x00\x00\xeceIDATx\x9c\xec\x9dw|UE\xda\xc7\xa7\x9csn/\xa9\xb4\x84\x14H(\t\x84.\x02R\xa4\x08\n*"Vl\xd8{YW\xdd\xd5Uqu}\xd1u-k/\xa8\x88\nb\x07\x01Q\x04\x11\x10\xe9-\xd4\x90\x84\x04\x08\xe9\xb7\xdf{\xca\xcc\xbc\x7fL\xb8FD\xd7J\xe6&amp;\xe7\xfb\xf1\xb3{\xe7\x92rr\xee\x9c\xe77\xf3\xb4\x81\x8c1`bbbb\xd2\xf6@-}\x01&amp;&amp;&amp;&amp;&amp;-\x83)\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b\n\x80\x89\x89\x89I\x1b\xc5\x14\x00\x13\x13\x13\x936\x8a)\x00&amp;&amp;&amp;&amp;m\x14S\x00LLLL\xda(\xa6\x00\x98\x98\x98\x98\xb4QL\x010111i\xa3\x98\x02`bbb\xd2F1\x05\xc0\xc4\xc4\xc4\xa4\x8d"\xb5\xf4\x05\x98\x98\x9c \x18c\xbf\xf0+!\x84\x7f\xea\x95\x98\x98\x08\x82)\x00&amp;\tL\xdc\xa6SJ\x8fy\x07B\xd8\xdc\x8e\x1f3\xfc\x9f?\xb6\xb9Z4\x1f\xc6\x7f\x08B\xe8\x98wLL\x12\x0e\xf8\xcb\x97E&amp;&amp;-\x05\x9f\xa5\xdc\xca\xf3\xd7\xdc\xa0\xc7\xad\xf0/\xa1\xb1\xb1\x11\xc2\xff1\xe1\xf9\x17$%%\xfd\xf2\x1fK)\x8d+\x04\x17\x03~U\xa60\x98\x88\x8f)\x00&amp;\xc2\xc1\x9a\x01\x00\x80\x10b\x8c\x8f\xfb\x95\x84\x90@ @)-..&amp;\x84\x18\x86\xb1n\xdd:]\xd7!\x84\x07\x0e\x1c(//\x8f[\xfcP(TRR\xf2\x0b/\xa0k\xd7\xaeN\xa7\x13\x1c\xd5\x83\xec\xec\xec\xac\xac,\xc6\x98,\xcb\x83\x06\r\x92$\tc\\PP\x80\x10r\xbb\xdd?sm\xcd\xb5\xeaWmALLN\x0c\xa6\x00\x98\xb4&lt;\x8c\xb1\xf8\xea\x1e!\xf4\xe3u=!$\x18\x0c\xee\xdb\xb7/\x14\nm\xdd\xba\xd5\xef\xf7o\xdd\xba\xd5\xe7\xf3UWWWUU1\xc6|&gt;\xdf\t\xbef\xaf\xd7\x0b!\xec\xd0\xa1C\xbbv\xed\xbc^oQQ\x91\xc7\xe3)**r:\x9dyyy.\x97\xeb\xc7\xc2@)\xa5\x94\xc6w\t\xa6\x1e\x98\xb48\xa6\x00\x98\xb4\x00\xcd\xd7\xf8?\xb6\xf8\xd1h\xb4\xae\xae\xae\xa4\xa4d\xdb\xb6m\xb5\xb5\xb5\xeb\xd7\xaf\xaf\xac\xac&lt;r\xe4HcccK]\xf0\xaf"))\xa9}\xfb\xf6\x99\x99\x99\x03\x07\x0eLKK\xeb\xdd\xbbw\xd7\xae]SSSm6[\xf3/\x8b\xeb\x81\xb9?0i)L\x0109A\xf0e&gt;c\xec\xc7.\x1d\xbf\xdf\xbfw\xef\xde\x83\x07\x0fn\xda\xb4i\xdd\xbau\xbbv\xed\xaa\xaf\xaf\x8fD"\xbf\xfc\x87[\xad6\x8b\xd5F)\xed\x9c\x93\xebr{\x88A\\\x1eO\xf7\x82"B\t\x04\x10\x00\x80%\\X4@\x92e\xc6(\x00?ej\x19\x84\xc8\xd0\xf5\x1d[7\x10\x83\x00\x00\x18`\x18\xe1\xdd\xc5[\x83~?\x96p0\xe0\xaf(+E\x08\xa9\xb1h,\x16\xfd\xe5\x97g\xb7\xdbSRRz\xf4\xe81h\xd0\xa0~\xfd\xfaedd\xe4\xe7\xe7{&lt;\x9e\xe6_\xc3]F&lt;\xb0a\x8a\x81\xc9\x89\xc1\x14\x00\x93?\x91\x9f2\xfa\x84\x90\xbd{\xf7\xee\xde\xbd{\xd3\xa6M\xdf~\xfb\xed\xd6\xad[\xeb\xea\xea\xfe\xe7O\xc3Xr\xba])\xa9\xed\xd2\xdbwHo\xdf)3;\xdbjs\xf6\xec\xd5\xc7 F\xe7\xec..\xb7\x87\x10\x92\x94\x92j\xb5Z)e\x08AYnv%\x00\x18\x06\x00\xbfd\xb2C I?\x90\x08]\x07\xfc\x07\xc6b\xb1\xc6\xfa:\x8cq0\xe0\xaf(\xdf/ai\xe7\xf6-\xb1h\xa8\xb2\xbc\xbc\xe6\xc8\xa1\x9a#U\xf5u\xd5\xa1@\x90\x10\xe3\x7f\xfe\x92\xd4\xd4\xd4\xa2\xa2\xa2\x93O&gt;\xb9_\xbf~\xdd\xbbw\xcf\xcf\xcf?\xe6\xfe\x98b`r\x020\x05\xc0\xe4\x8f\x87\x1b}\x00@s\xa3\x16\x89Dv\xec\xd8\xb1f\xcd\x9am\xdb\xb6}\xf7\xddw{\xf7\xee5\x8c\xef\r\xe5\x8f\xf3s\x9c.wz\xfb\x8e\xed:t\xc8\xe9\xda\xa3sNn\xd7n\x05\xc9\xa9i\xed:t\xb4X\xedn\x8f\x07B \xc9\x80R\xc0\x8d\xad\xa6i\x94P\x08\x81\xae\xebMk|\xc6h\xb3\x1f\x08\xc1/\xcd\xcba\xe0\xd8\x92\x01\x04!\x80\x90\xef\x0fdYf\x0c \x8c\x14E\x01\x00`\t \x04\x0c\x1d0\x06\x02~\xbf\x1a\x8bTW\x1dn\xa8\xab-\xd9S\\QVZV\xb2\xab\xba\xaa\xaa\xe6\xc8\xe1P0\xd0\xfcW\x1c\xf3\xc7J\x92\x94\x9f\x9f\x7f\xd2I\'\xf5\xee\xdd{\xc8\x90!\x85\x85\x85v\xbb=\xfe\xaf\x84\x10\xfe-\xbf*\xe5\xc9\xc4\xe4\x97`\n\x80\xc9\x1fC|\xb1\xdf\xdc\xa7O\x08\xd9\xb4i\xd3\xea\xd5\xab\xbf\xf9\xe6\x9b\r\x1b6TTT|\xff\r\x10\x82\x1f\xce\xbd\xa4\x94\xd4\xdc\xbc\xee=\n\x8b\xba\x15\x14efgw\xce\xc9\xf3&amp;%;]n\x8c\x01\x84\xc00\x80a\x10C\xd7)%\xc40\x18\x00\x8c1x\xd4\xaaC\x04\x7f\x8d\x91\xff]\x7ff\xd3\xff\xd3&amp;\xa5`&lt;\xcf\x07\x00,I\x08aI\x96%\tK\x12`\x0c\x10\x02B\xc1\x80\xaf\xb1\xa1\xa2l_ey\xf9\x9e\xe2\xad\xbbvl-\xdd\xb7\xbb\xb1\xfe\x87\xdb\x9d\x1f\xde\x8a\xce\x9d;\x0f\x180\xe0\x94SN\x19:th\xbf~\xfd\xe2"\x1a\x8f\x19\x98\xdb\x02\x93?\nS\x00L~\x17q\xbb/I\xdf\x17\x15\x1e&lt;xp\xdd\xbau\x0b\x17.\xfc\xee\xbb\xefv\xee\xdc\x19\x7f\xff\x98\x95\xaf\xc7\x9b\x9c\xd7\xbd\xa0{aQ\xb7\x82\xdey\xdd{dduINM\xb7X1`\xc00\x80\xa6\xaa\x84\x18\xc40\x18`\x80\x01\x08!8\x1a)\x15\xd3\xfc\xf1?\x8d1\xc6c\xdc\x00\x02\x08 \x96$\x8c%\xc5b\x91$\x00 Pc\xa4\xa1\xae\xe6\xe0\x81\xfd\xfbv\xef\xdaS\xbcm\xf7\x8e\xad\xfbv\x17\xfb}\r\xf1\x1fr\xcc-\xea\xd9\xb3\xe7I\'\x9d4q\xe2\xc4A\x83\x06edd\xc4\xdf7\x0c\xc3T\x02\x93\xdf\x8f)\x00&amp;\xbf\x85\x1f\xdb}\xbe\xd8\xff\xfa\xeb\xaf\x97,Y\xb2~\xfd\xfa@\xa0\xc9\xe9q\x8cE\xeb\x90\xd1\xb9\xa0w\xdf~\'\r\xeb^X\x94\x9b\xd7\xbd}\x87N\xb2\x82\x00\x00\xbaN5U\xd5u\x9dQ\n\x9aL=\xe2\xc6\xfe\x84\xffq\x7f(\x8c1\xbe_`\x0c0\x00\x11\x92eY\xb1Xd\x19\x01\x00t\x8d\x1e\xa9:T\xbao\xf7\xee\x1d[7}\xb7\xaax\xdb\xe6\xaa\x83\xdfo\x92\x9a\xdf:\xb7\xdb=p\xe0\xc0\xf1\xe3\xc7\x8f\x181\xa2\xf9\xb6\xc0T\x02\x93\xdf\x83)\x00&amp;\xbf\x82\xe3\xda\xfd\xef\xbe\xfb\xee\xa3\x8f&gt;Z\xb4hQ\xf3\xc5~s:dt.\xe8\xdd\xaf\xdf\xe0\xa1}\xfa\x0f\xee\x92\xdf#)5\x05c`\xe8@Sc\x9a\xa61F\x01\x00\x10\xa26\x92\ny4\xfd\xb5\xe9\xafV\x14E\xb1X%\x19\x10\x02\x1a\xeb\xea\xf7\xef\xdd\xb5e\xe3\xdaMkW\x17o\xdb\xd4\\\x0c\x9a\xd3\xb3g\xcf\xd3O?}\xf2\xe4\xc9\'\x9dt\x92\xa9\x04&amp;\xbf\x07S\x00L~\x11\xdc\x01\xfd\xf3v\xbf\xf9\x8a\xd5\xe1t\x15\xf6\x1d0t\xc4\x98\x81CF\xe4\xe4uKNM\xc5\x18\xe8\x1aUc1]\xd7\x01c\xbc\x93\x83i\xad\x18c\x8c\xc7\xcc!\x94e\xd9b\xb5\xca\n"\x044\xd4\xd5\x95\xed\xdb\xb3~\xcd\xd7\xab\xbf\xfer\xc7\xe6\r\xe1P\x90\x7f}\xf3\x9b\xfcSJp\xdcb:\x13\x93\x1fc\n\x80\xc9\xcf\xc1\x97\xfc\xf1u\xe5\xff\xb4\xfb]\xf2{\x14\xf5\x1f4|\xcc\x84\x82\xa2\xfe\x9d\xb3\xbbH2\xd4u\xa6\xc6\xa2MF\x1f\xb5\x95e\xfeo\xe3\xe8\xde\x80\x1e\x15\x03\x9b,CCg\x15\xe5\xfb\x8b\xb7n\\\xf9\xe5\xe2\xad\x1b\xd7\xed\xdf\xbb\x8b\x7f\xf1\xcf+\xc11\x1f\x9c\x89\xc9q1\x05\xc0\xe4\xf8\xf0\xec\xc3\xf8\xbar\xe7\xce\x9d\x8b\x16-z\xeb\xad\xb7\xb6m\xdb\xc6\xdfA\x08\xc5{pv\xc9\xef1|\xcc\xf8S\xc7\x9fY\xd8g\x80\xcb\xe3d\x14\xa81MUc\x8c\xd1\xb6\xe3\xdb\xf9c\x89{\x8a D\x16\x8b\xd5bU \x02A\x7fh\xc7\x96\r_-\xf9t\xe5\x97K\xe2J\xd0\xfc\x83\xe8\xdd\xbb\xf7%\x97\\r\xfa\xe9\xa7\xf7\xec\xd9\x93\xbfs\xcc\xe7hb\xd2\x1cS\x00L~\xc01+\xc7@ \xf0\xc9\'\x9f\xbc\xf5\xd6[\xcb\x97/\xe7i\xfb\xcd\xcdM\x9f\x01\x83\xc7\x9c~V\xff\xc1\xa7t+\xe8\xedMri\x1a\x8bF\xc2\xdc\xe2\x98k\xcf?\x90x\xaf$\x8c\xb1\xcd\xeeP\x14\xe8k\x0c\xee)\xde\xb6q\xed7_.\xfad\xcb\x86\xb5\xfc\xcb\xe2\x1f\x8d$I\xa3F\x8d\xba\xe4\x92K\xce:\xeb,\xb7\xdb\r\xcc\r\x81\xc9O`\n\x80I\x13&lt;\xba\x1b_*\xaeY\xb3\xe6\x8d7\xdeX\xbcx\xf1\xc1\x83\x07\xc1O\xac\xf7\xfb\r\x1aj\xb3\xcb\x9aF\xa3\xd1(\xd1u\x88 B\xe6J\xf3\xcf\x85R\xc2(\xc3\xb2l\xb3\xd9\x14\x05E#\xfa\xa6u\xab\x7fjO\x90\x91\x911a\xc2\x84\xcb/\xbf|\xc8\x90!\xfc\x9f\x08!fM\x99I\x1cS\x00L~\xe0%\x88/\xf9\xbf\xf8\xe2\x0b\xfe\xafqk\xd2\xaeC\xa7SF\x8f?\xfb\xfci\x05E\x03&lt;^\xa7\xa6\xb1H8D\t\x81\x08\xa1\xa3uX&amp;\'\nF)c\x94"\x8c\xed\x0e\xa7\xa2@\xbf/T\xbcu\xc3\xc7\xf3\xe6|\xb3lIu\xd5!\xf0C\xcd\x1e;vl\xf3\r\x81\xe9\x172\xe1\x98\x02\xd0v9\xc6-\xb0{\xf7\xeey\xf3\xe6\xbd\xfa\xea\xab|\xc9\x8f\xb1\xc4{\xda(\x16\xcb\xd0\x91c\xc7\x9e1\xf9\xd4\xf1\x13S\xd3\xd3\x89\xc1"\x9101\x0cs\xbd/\x08M{\x02I\xb2\xdb\x1dX\x82u55_-Y\xf8\xc5g\x1f\xad^\xf1\x85\xa6\xaa\xa0\xd9G\x99\x91\x91q\xd5UW\x9d\x7f\xfe\xf9\xdd\xbbw\x07\xa6_\xc8\xc4\x14\x80\xb6\t\x7f\xf2\xe3\x0b\xc0/\xbe\xf8b\xce\x9c9\xf3\xe6\xcdSU\x154[9\xe6t\xedv\xfa\xe4\xa9\xe3\xcf:\xaf{\xcf^\x10\x81p(\xaa\xeb\x1a\x84\xc0\xb4\xfbbB)a\x0c\xc8\xb2\xe2p\xda\x18\x05\xbbwn_\xf2\xc9{\x8b&gt;\x9a_V\xb2\x074\xfbX-\x16\xcb\xf9\xe7\x9f?m\xda\xb4\xb1c\xc7\xf2o$\x84\x982\xd061\x05\xa0m\xd1\xdc\xf4k\x9a\xb6d\xc9\x92g\x9f}\x96{{\xe2\x06\x02!&lt;\xf8\x94\x91\x17N\xbf\xe1\xe4\xe1\xa7&amp;\xa7xcQ#\x12\t\x033\xae\x9b \xc4#\xc6v\xbb\xc3j\x93\x1a\xea}\xdf\xae\xfc\xea\xddY\xcf\xaf\xfdf\x05\xa5M\xf1y\xfe\x05c\xc7\x8e\xbd\xe9\xa6\x9b\xc6\x8f\x1f\xcf\x1b\xdb\x992\xd0\x061\x05\xa0\xadp\x8c\xe9\x7f\xfb\xed\xb7\xff\xf3\x9f\xff\xec\xd8\xb1\x03\x00 I\x12\xcf\xf0IIK?s\xea\xb4\x89\xe7\\PP\xd4\x17KR8\x146t\x1d\x9aUE\x89\t\xa5\x94Q*\xc9\xb2\xc3\xe9 \x86Q\xbcu\xf3\xc2\x0f\xe7~:\x7fN}m\rh\xf6\xa1\x17\x16\x16\xdeq\xc7\x1d\x17_|\xb1)\x03m\x10S\x00Z?\xbf\xc4\xf4w\xed^0\xf9\xfci\xa7\x9fsQv\x97\xce\xd1\x08\x89F\xc2\x8c1\x8cP\xc2\xb7\xe21a\x8cP\n!\xb4\xd9\x1d6;.\xdf_\xb1\xe8\xc3w&gt;\x9a7\xa7dw10e\xa0\xcdc\n@k\xe6\xe7L\xbf,\x1b\xba\x0e\x00\x182b\xcc\xa4\xa9\x17\x9f6qrR\x8a\'\x18\x8c\xa9\xb1\x98\xd9H\xa0U\xc2\x9byX\xacV\x97\xcb\xdaX\xef\xff|\xe1G\x0b\xe6\xbf\xbd\xe6\xeb/A\xb3\xc9`\xca@[\xc3\x14\x80V\x0b!\xe4\xb8\xa6?\xee\x02\x1e2b\xcc\x157\xdcq\xca\xa9\xa7I\n\n\x05\xc2\xba\xaec\x8c\xcd\xa7\xbdu\xc3\x18#\x84\xc8\xb2\xect;\x0c\x8d~\xf3\xd5\xe7\xaf?\xff\x1f.\x03\xf1\x89\xf1c\x190\x13F[+\xa6\x00\xb4B\xe2\xc5&gt;\xc7\x98~\x8c\x11!T\x96\x95\tgO\x9dt\xeeE\xc3N\x1d\x8f1\n\x06\x02\x8c\xf1]\x82i\xfa\xdb\x0e\x8c\x10\x02!r\xb9\xdd\x84\xd0U_-Y\xf0\xfe;\x8b?\x9e\xaf\xeb\x1a\x9f$\xe0\x872pL\x91\xa0I\xab\xc1\x14\x80VE\xf3\x07u\xee\xdc\xb9\x8f&lt;\xf2\x087\xfd\xb2,\xeb\xba.\xc9\xf2\xa4s/\xba\xec\xda[z\xf5\xedg\x18 \x14\x0c\x98Ou\x1b\x87\xaf\x15\x9c.\xb7$\x81\xed\x9b7\xbd\xf9\xd23\x0b\xde\x7f\xc7\xd0u&gt;a\x00\x00\x85\x85\x85\xf7\xde{\xef\x05\x17\\\x00\xcc*\xe2\xd6\x88)\x00\xad\x84\xe6\xee\xfee\xcb\x96\xcd\x9c9\x93\'w\xc6\x9f\xe4\tg\x9fw\xfd\x1d\x7f\xeb\xd9\xbb\x8f\xa6\x19\x91P\x08B\x88L\xd3o\x02\x00\x00\x80\x12\xc2\x18\xb3;\x9d\x8a"\xed\xdc\xb6\xe5\x85\xff&lt;\xba\xf8\xe3\xf7@\xb3\xc93v\xec\xd8\xbb\xef\xbe{\xf4\xe8\xd1\xc0\x0c\x0c\xb4.L\x01h\r\xc4\xbd\xb4;v\xecx\xf2\xc9\'g\xcd\x9a\x05\x9a=\xbd\xdc\xd7?|\xccxJi8\x184\xd3:M\x8e\x0bO\x1bu\xb8\\\x08\xa1\x95_.\x89\xc7\x06\xe2\x13i\xfa\xf4\xe9\xb7\xdf~{aa!0\x03\x03\xad\x05S\x00\x12\x9b\xa3\xa5[\xc8\xef\xf7\xff\xfb\xdf\xff~\xec\xb1\xc74M\x8b\xe7\xf6\xf5\xee7\xf0\xd6\xbf=4d\xe48\x8cQ0\xe0\x07\xc0\xdc\xbf\x9b\xfc\x0f(\xa5\x000\x97\xdbC\x08]\xb3b\xe9\xd3\x8f\xde\xbfm\xd3zp4aTQ\x94\xbb\xee\xba\xeb\xce;\xef\xf4x&lt;\xf1\xb9\xd7\xd2\x97l\xf2\xdb1\x05 Qi\xee\xf3\x99;w\xee\x03\x0f&lt;\xb0w\xef^\x8c1%\x84\x01\xd0\xb5[\xcf\xcb\xaf\xbbu\xe2\xb9\x17:\x9c\xae\x80\xdf\xf4\xf5\x9b\xfc:\xb8\xbb\xdf\xedq\x87C\xc1\x85\xef\xbf\xfb\xc6\x8bO\x97\xec\xd9\t\x01@\x18\x13B\xf2\xf3\xf3g\xcc\x98\x11\x0f\x0c\x98\x1e\xa1\xc4\xc5\x14\x80\x84\xa4\xb9\xcf\xe7\xae\xbb\xeeZ\xbcx18\xbaUOJI\x9dv\xd5M\xd3o\xfc\x8b\xdb\xe3\x0c\xf8C\xe6V\xdd\xe47\xc3\'\x0f\x9fH\xb3\x9e{b\xce\xab\xcf6\xd6\xd7}\x1fU\x9a0\xe1\xb1\xc7\x1e3=B\t\x8d)\x00\tF|\xe1\xdf\xdc\xe7\x13\x7f&amp;\'_p\xd9\xcdw?\x90\xdd5\xc7\xdf\x18"\x86\x81%3\xb9\xd3\xe4w\xc2\x88A\xb0$y\x92\x9c\xe5%e\xff\x9d9\xe3\xa3\xb9o\x82\xa3\xab\x8d\xe6\x1e!s+\x90\x88\x98\x02\x90H\x18\x86\xc1\x8fe_\xbcx\xf1m\xb7\xdd\xc6}&gt;\xbc\xb7{\xaf\xbe\x03o\xbf\xef\x9f#\xc6\x9c\x16\x89\xa8\xb1hT\xc2\xd8\xec\xe2`\xf2\x87\xc1\x98A\x88\xd5f\xb3\xdb-_\x7f\xf9\xf9\x93\x0f\xffc\xfb\xe6\xf5\x00\x00|\xd4#\xf4\xd4SOM\x980\x014\x9b\xa2&amp;\t\x81)\x00\x89A|\xe1\x7f\xf8\xf0\xe1\xbf\xfc\xe5/s\xe7\xce\x05\xdf\xfb|\xd2\xae\xbb\xe3\xef\x17^~\x8d\xd5f\xf7\xfb|f5\xaf\xc9\x9f\x04\xaf"\xf6x\xbd\xb1h\xe4\xdd7^~\xf1?\xffj\xac\xaf\x8d\xef&gt;/\xb8\xe0\x82\'\x9ex\xa2c\xc7\x8e\xe6V \x810\x05 \x01\x88\xaf\xaa\xe6\xce\x9d\xfb\x97\xbf\xfc\xe5\xf0\xe1\xc3\xb2\xa2\xe8\x9a\x06\x008\xfb\x82\xcbn\xb9\xfb\x81\xac.9\x01\x9f\xe9\xee79\x114\x05\x06\xbc\xce\x03\xfb\xcb\x9e\x999\xe3c\xee\x11R\x14]\xd3:v\xec\xf8\xc4\x13O\xf0\xe0\xb0\xb9\x15H\x08L\x01\x10\x9a\xe3.\xfcyB^Vn\xd7{\xff\xf5\xe4\x98\xd3\'\x86C\xaa\x1a\x8b\x9a\xee~\x93\x13\x08#\x06\xb1Xm\x0e\xa7\xe5\xcbE\x0b\x1f\xf9\xfb\xed\x07JK\xe2\xc9\xc7\xe6V \x810\x05@\\\xe2+\xfa\xf8\xc2_Q\x14M\xd30\x96\xae\xba\xf9\xce+n\xfcKJj\xaa\xaf\xd1\xf4\xf9\x98\xb4\x0c\xdc#\xe4M\xf2\xd6\xd7\xd5\xbd\xfe\xdc\x13\xaf\xfe\xf7\xdf\x84\x18|\x8a6\xdf\n\x98\x1bS\x911\x05@D\xf8\xa3%IR}}\xfdM7\xdd\xd4|\xe1\xdf\xab\xef\xc0{\xff\xf5\xe4I\xc3\x86\x06\xfc\x11\xde\xbf\xb3\xa5/\xd6\xa4M\xc3{\x8b\xba=\xf6\xefV\xad~\xe4\xef\xb7o\xdf\xbc\xbe\xf9V\xe0\xd9g\x9fMII1\x0c\xc3\\\xa6\x88\x89)\x00\xc2\xc1\xcf\xe9\x06\x00|\xfe\xf9\xe7\xb7\xdcr\xcb\xde\xbd{\xf9\xaa\na|\xddm\xf7\\{\xfb\xdf\xadV[ \xe07\x9f(\x13A\xe0\xeb\x15\xb7\xdb\x13\x8bE_z\xf2_/&gt;\xf5\x7f\x94\x10&gt;i\xf3\xf3\xf3\x9fy\xe6\x99\xd3N;\r4\x9b\xd8&amp;\xe2`\n\x80X\xf0\xd0\x99a\x18\x7f\xfd\xeb_\x9fz\xea)p4\xbc\xd6\xab\xef\x80{\xff\xf5\xd4\xa0aC\xfd\x8df\xb0\xd7DD\xf8\xb4\xf4$9\xd7\xadZ\xfd\xc8\xdfo\xdb\xbeyC&lt;U\xe1\xb6\xdbn{\xfc\xf1\xc7\xf9\xc46#\xc3Ba\n\x80(\xc4\xdd&gt;\xfb\xf6\xed\xbb\xe2\x8a+V\xaf^-\xcb\x8a\xaek\x00\x80K\xae\xbe\xf9\xae\x193e\xc5\x12\x0c\x04\xcc\x85\xbf\x89\xb0\xf09\xecr\xbbuM}\xec\x81\xbb\xdfz\xe5\xbf\x00\x00&gt;\x8d\x87\x0e\x1d\xfa\xfa\xeb\xaf\xe7\xe5\xe5\x99\xee \xa10\x05@\x08\xe2\xbb\xe3\xf7\xde{\xef\x86\x1bn\xa8\xaf\xaf\xb7X,\xaa\xaa\xa6\xa6\xb7{\xe4\xe9W\xc7\x9c&gt;\xd1l\xea`\x92(\xc4\x1bH|\xb9h\xe1\xbd\xb7^UWS\xcd\'sJJ\xca\xf3\xcf?\x7f\xdey\xe7\x01\xd3\x1d$\x0c\xe6g\xd0\xf2\x18\x86\x81\x102\x0c\xe3\xf6\xdbo?\xff\xfc\xf3\xeb\xeb\xeb%\t\xab\xaa:n\xe29\x1f|\xf9\xdd\xa9\xe3\'6\xd6\xfb\xccnn&amp;\x89\x02\xc6\x981\xd6X\xef;u\xfc\xc4\x0f\xbe\xfcn\xdc\xc4sTU\x95$\\__\x7f\xfe\xf9\xe7\xdf~\xfb\xed\xf1\t\xdf\xd2Wjb\xee\x00Z\x1a\xee\x15\x8d\xbb}\xe2\xf1\xde;\xef\x7f\xf4\xaa\x9b\xee\xd44=\x16\x8d`\xd3mj\x92\x80\x10\xc3\xb0\xda\xec\x8a"\xbf\xfa\xec\xbf\xff\xfd\xd0\xdf\xe2\x91\xe1\xe6\xee 3$\xd0\xb2\x98\x02\xd0b\xc4\x8b\xbc\x9a\xb9}\xac\xaa\x1a\xcb\xcc\xee\xf2\xe83\xaf\x0e\x1d5\xb2\xa1&gt;\x00\xcc~\xeb&amp;\x89\x0c?3 9\xc5\xbdz\xf9\x8a\xbf\xddrUe\xf9~&gt;\xc9\xe3\xee \xb3X\xace1\x8dK\xcb\xc0\xfb\xadc\x8cg\xcc\x98\xd1\xcc\xed\x13\x1b7\xf1\x9c\xf7\x96\xac\x1a4ld]\xad\x0f\x99Gw\x99$8|\x0e\xd7\xd5\xfa\x06\r\x1b\xf9\xde\x92U\xe3&amp;\x9e\xa3\xaa\xb1\xb8;h\xc6\x8c\x19&lt; \xcc\x1b\x1a\x9a\x9cx\xcc\x1d@\x0b\xc0w\xbe\x8d\x8d\x8d\xd7]w\xdd{\xef\xbd\xc7\xdbia\x8c\xffr\xff\xa3W\xddt\xa7\xaa\xaaj,f\xba}LZ\x13\xc40,V\xab\xc5by\xf5\xd9\x7f?\xf1\xd0\xdfx\xf9\x98\xae\xeb\xe7\x9dw\xde\x8b/\xbe\x98\x94\x94d\xba\x83Z\x04S\x00N4&lt;Gb\xdf\xbe}\x17_|\xf1\xfa\xf5\xeb\xadVk,\x16KMo\xf7\x9fW\xe6\x9er\xaa\xe9\xf61i\xb5\xc4\xddA\xdf|\xb5\xe2\x8e\xab/\xa8\xab\xa9\xe6\x93\x7f\xe0\xc0\x81o\xbf\xfdv^^\x9e\x99\xe7v\xe21\x05\xe0\x84\xc2\x979\xabW\xaf&gt;\xf3\xcc3\x1b\x1a\x1axz\\\xd1\x80\xc1O\xcf\x9a\xdb\xa1SV\xc0\xef3\x17A&amp;\xad\x1b\xc30\xdc\x1eo\xd5\xa1\x03\xb7N\xbf`\xeb\x86\xb5\xfc\x11HNN\xfe\xf4\xd3O\x87\x0e\x1dj\xee\x03N0\xe6J\xf3\x04\x11\xaf\xf3z\xe5\x95WF\x8e\x1c\xd9\xd0\xd0\xa0(\x8a\xaa\xaaS/\xb9\xf2\xed\x05\xcbS\xd3\xdb\x07\x03\xa6\xf57i\xfdH\x92\x14\x0c\xf8R\xd3\xdb\xbf\xbd`\xf9\xd4K\xaeTUUQ\x94\x86\x86\x86\x91#G\xbe\xf2\xca+\x92$\x11B\xccU\xe9\t\xc3\xdc\x01\x9c\x08\xe2e/\xb7\xdf~\xfbSO=\x851\xa6\x942\xc6\xfe\xf1\x7f\xff\xbd\xfc\xfa\x9b\x02\xfe\x90Y\x17\xf3G\xc1\xe73c\x0c\x1c}\x11\x9f\xdf\x10\x02\x08\xff\xf7Mf\x8c\xc6\xbf\x07\x02\xd0\x94\xa0\x02!\x7fa\xe6\xab\xfc!\xf0\t\xef\xf68\xdfx\xe1\xd9\x7f\xdes3\x84\x10!D\x08\xb9\xed\xb6\xdb\x9e|\xf2I`V\x8a\x9d(L\x01\xf8\xd3\xe1S\xd90\x8c\x1bn\xb8\xe1\x95W^\xe1\xa9\xd0.\xb7\xf7\xdf/\xbd5z\xc2D\xbf/\x00\x8f\x1a\x17\x93_\x0ec,n\xab\x19c\xfc\x16B\x88dYf\x0c(\x16\x0bB\x10\x00\x80%\x80 `\x00@\x00(\x05\xba\xfe\xbfg\xbb,C\x84\x8e~\x0b\x03\xc4\x00\x00\x00J\x99\xa6\xaa\x10\x02]\xd7\xf9om\xfa\xa5\x00@\xc4e\xc2\xfc\x04\x7f\x1d\x8c1\xc6\x98\xc7\xeb^\xb6x\xe1\x9d\xd7^\x12\x0c\xf8\xf8\xa3q\xf5\xd5W?\xff\xfc\xf3\x92$\x99\x1ap\x020\x05\xe0\xcf\x85\xc7\xb5\x1a\x1b\x1b\'M\x9a\xb4z\xf5j\x1e\xf5\xca\xcc\xce\xfd\xf7\x8b\xb3\x07\r\x1bZW\xd3(IrK_cb\xc0\x18e\x94\xd1&amp;[\x0feY\xc6X\x92\x15\x19!\x80%`\xe8\x80Q\xa0\xaa\xb1\x86\xfa:\x8cq\xf9\xfe}\xe1pP\xc2\xd2\xae\x1d[C\x01?\x00\x00a\xe4ol\xd8\xbbk\x07\x04\x90\x81\xe3\xcfy\xfeO\xf9=\n=I\xc9\x94P\x00\x80\xd3\xed\xe9QXd\x10\xc3\xe1pew\xc9#\x84$\xa7\xa4Z,V\x88\x80$\x03b\x00J\x81\xae\xe9\x84\x18\xba\xaes\x8b\x86 \x84\x08\xfe\x92\xad\x86\t\x00\xc00\xf4\xd4\xf4\xa4u\xabV\xdfy\xdd\xa5\x95\xe5\xa5\xfc\x01\x19:t\xe8\x82\x05\x0b\x92\x92\x92\xcc\xb0\xf0\x9f\x8d)\x00\x7f"|\xfaVUU\x9du\xd6Y\xf1\x84\x9f\x82\xa2\xfe\xaf\xbe\xf7Yrjz\xc0\xe7\x93d\xd3\xfa\xff$\x8cQJ\x19`\x0c@\x881\x96\x15EQ\x14Y\x06\x84\x00M#\x8d\xf5\xb5~_\xe3\x91C\x15\x15\xe5e\xb5\xd5\x87\x0e\x1e(?r\xf8P8\x148P\xb6\x1fA\xe8\xf75\xfe\xe1\xd7\xe3\xf1&amp;Q\xc6\xb2r\xba8\x9c\xee\xf6\x1d;ede\xa7\xb5\xeb\xd49;\xa7}\xa7\xce\x1eoRRJ\x9a\xa2`\x8c\x81\xae\x03M\xd3tM#\x84\xf0\x8bG\xa6\x1e\xfc,\x86\xae\xbb\xbd\xde\x86\xba\x9a\xab\xce;\xa3x\xeb\xc6xj\xd0\'\x9f|\xd2\xa1C\x07S\x03\xfeTL\x01\xf8\xb3\xe0\xf9\x0c\xeb\xd7\xaf?\xeb\xac\xb3\xaa\xaa\xaa,V\xab\x1a\x8b\x9du\xde%\xf7?\xf6\x8c\xc5j\x8bE\xa2f\xa6\xff\x8f`\x942\xc6(`\x00a\xacX,\x8a\xa2H\x12 \x04\x84\x82\xa1\xea\xaaC\xa5\xfbv\xef)\xdeZ\xbe\xbf\xe4\xe0\x81\xd2\xb2\xfd{#\xa1P,\x16m\xe9k\x06V\xab\xcd\xeet\xe6t\xc9\xcf\xc8\xca\xcd\xee\xd2\xb5[AQn^\xf7v\x1d:9]N\x8c\x81a\x00M\xd34U\xa5\x84\x00\x08 D\x08A\xf3\xf0\xcec \x86a\xb5\xdb\xd4X\xf4\xa1\xbbn\xf9\xe4\xbd\xb7\xf8\xc3\xd2\xa1C\x87O&gt;\xf9d\xe0\xc0\x81fj\xd0\x9f\x87)\x00\x7f\nq\xeb\x7f\xdai\xa7566r\xe7\xe69\x17]&gt;\xf3\xd9\xd7\xa3\xd1\xa8\xaei\xc8\\\xd4\x1c\x85\xb7\xc4\x00\x8caI\xb6X-\x8aEB\x10D"\xda\xc1\x03e\xa5\xfb\xf6\xec\xdc\xbey\xcf\x8e\xcd\xa5\xfb\xf6\x1e\xaa&lt;\x10\x8bF~\xe1\xcfT\xac6\xc5b\xa5\x94z\x93\xd3\x93\xd2;Rb\x00\x00\xecNO\xe7\xfcBJ\xe9OY_\x06\x00B\xa8b\xef\x8eH\x88{\x8d\xa4\xc6\x9a\xc3\xbe\x86\x1a\x84\x90\xa6\xc6\xb4_,6V\x9b\xbdSfVn^~\xb7\xc2\xbe={\xf5\xcd\xcd\xeb\x96\x91\x95c\xb7+\x94\x01M5\xd4\x98J\x0c\xbdI\n\xcc\xc8\xc1Q(!\xb2\xa2\xd8l\xb6\xbbo\xba\xe2\xc3w\xde\xe0\x8fLRR\xd2\xe7\x9f\x7fnj\xc0\x9f\x87)\x00\x7f&lt;\xf1d\xffI\x93&amp;566\xf2\x8a\xc7\xbf&gt;8\xf3\xaa\x9b\xfe\x12\x89D\xcd\xd0\x16\x00 \xbe\xd8\x87\x10Y,V\x8bU\xc1\x18\xf8}\xc1\x8a\xb2\x92\xed\x9b6\xec\xd9\xb5}\xcb\xfa\xb5\xfbv\x17\xffO\x8bos\xb8\xecNO\xbb\xcc\x1c\x9b\xc3\xd59\xaf\xd0jwf\xe5\xf7\xa2\x84\xb4\xcb\xcc\xb5;\xdd\x84\x186\x87\xdb\xeet3F\x01\x00\x10"IV\xc0O\x04\x00\x8e\x02\r]\x8b\x7f}$\x14\x88\x86\x03\x18K\x91P\xa0\xba\xb2\x14a|`\xef\xf6X$T\xb1oG4\x1c\xac\xae,\x8b\x84\xfc\xd1p\xf0\xe7/\xd2j\xb3\xe7u/\xe83pp\xb7\x1e\xbdz\xf5\x1b\xd09\xa7\xab\xc7\xeb"\x04\xa81MUc\xfc&amp;\x98\xdb\x02p4]\xc2n\xb7\xbd\xfa\xec\x13\x8f?x7\x7fp\x92\x92\x92\x16,X`\x96\x08\xfcI\x98\x02\xf0\x07\xc3\xa7\xe9+\xaf\xbcr\xc3\r7\x18\x06\x91eI\xd7\xf5\xfb\x1f{\xf6\xaa\x9bn\xac\xad1\x13~\x00\xa5\x84Q\x86e\xd9f\xb3\xcb24tVQ\xbe\x7f\xc7\x96\x8d\x9b\xd7\xad^\xfd\xf5\x97\xe5%\xfb\x08\xf9\xc9.\xc1v\xa7\xbb]f\x97\xd4\xf6\x19\x19]zt\xca\xe9\xeeINk\x97\x99k\xb59\\I)\x00@IV\x18\xa3\xc40 \x84\xba\xa6RJ \x80\x94\x12B\x0c\x08 \x00\x80\xfd )\xf4\'\xe1\xf9D\xfc\xeb1\x96\x10\xc2\x0c0\x84\xb0\xacX\x18cX\x92 D\x86\xae\x01\xc0\x82\x8d\xf5\xb1h\xb8\xba\xb2\xd4\xdfP{\xa8l\xf7\xc1\xfd\xbb\xea\x8e\x1c\xac\xae\xdc\x1f\t\x05~\xea\x87c,ew\xcd\x1b:bL\xdfAC\x0b\xfb\xf4\xef\x9c\xddE\x92\xa1\xae\xb3h4Bt\x1d"\x88P\x9b\xde\x1a\xf2@zZ\xba\xfb\xd5g\x9f{\xe8\xae\x9bdY\xd6uC\x92\xf0\xf3\xcf?\x7f\xf5\xd5W\x9b\x1a\xf0\x87c\n\xc0\x1fI\xdc\xfa_s\xcd5\x08c\xbe\xca\xbd\xff\xb1g\xa7\xdfpcmu\xa3$I\xa0\xadZ\xff&amp;\xbb/I6\xbbCQ\xa0\xaf1\xb8\xa7x\xdb\xfa5+W\x7f\xfd\xc5\x8e\xcd\x1b\xc2\xa1\xa3\x8bh\x08A\xb3\ti\xb1\xda;\xe5v\xcf\xc8\xed\xde9\xaf03\xaf\xa0c\xe7&lt;Oj;\xc5b\xc5\xbc\\\x88Rn\xe8\x89a\xc43\xfe\x8ff\xeb\xa3\xf8\xcf\xfb}+\xeb\xef\x9f\x0f\xbe-h\xf6[ \x96$.\x0c\x10!\x8c11\x0cM\x8d\xf9\xeb\xaa\x0fW\xec\xab\xdcW\\\xb1o\xc7\xc1\xd2\xdd\x87Jw\xab\xb1f\xfb\x98f\x7f\xa0\xc3\xe9*\xec;`\xe8\x88\xb1\x03\x87\x0c\xefV\xd0\xdb\x9b\xe4\xd24\x16\x8d\x84\x89a\xb4i%`\xcc0\x8c\xb4vI\xb3\x9e\x7f\xee\xa1\xbbn\x82\x10B\x84(!/\xbf\xfc\xb2\xa9\x01\x7f8\xa6\x00\xfca4\xb7\xfe|\xf7\x1aO\xf6\xf75\xfa\xdbf&amp;\x03\xa5\x941\x8aq\x93\xdd\xf7\xfbB;\xb6l\xf8j\xc9\xa7+\xbf\\\xb2\x7f\xef\xae\xe3~\x8b\xd3\x9d\xd49\xaf0\xbf\xcf\xe0\xae\x85\x03;d\xe5\xa5w\xcaR\xac6\x08!1\x0c]S\xb9\x7f\x861\x06\x01\x04G\x0b\xbbZjSu\xb4\xe8\x8c\x02\x06\x18\xe0\xf9\xa9H\x92\x15Y\xb1`Ib\x8ci\xb1h\xcd\xa1\x03U\x07\xf6\x95\xecX\xbfw\xcb\xda\x8a};B\x81\xe3\xa7\'u\xc9\xef1|\xcc\xf8S\xc7\x9fY\xd8g\x80\xc7\xeblR\x02b@\xd8F;\xc2\x12B\xbcI\x9ex\x89\x00\x7f\xa0L\r\xf8\xc31\x05\xe0\x8f\xe1\xb8\xd6\xff\x95y\x0bO:\xa5-&amp;\xfb3\xc6(!\x10!\x9b\xddn\xb1H\x01\xffq\xec&gt;\x84\xdf\xcf=\xab\xdd\x99\xdb\xb3_~\xef\x93\xf2\xfb\x0c\xee\x9cW\x90\x9c\xd6QV,\x84\x18\xba\xa6\xea\x9a\xca(\x8d\x9bW\xf1\x1dh\x8c\xb1\xb8DA\x84d\xc5"+\x16\x8c%]S\x1bj\x0fW\xec+\xde\xbbe\xed\xdem\xdf\x95\xee\xdc\x14\x8b\x84\xf8\xb74\xbf\x15\xcd\x95\xc0\xedq\xaa\xaa\x11\x8dD\x18\xa5\xa8\xed\x9d\xa3\xcbK\x04\xbe\xfbf\xf5\xd5\xe7O45\xe0O\xc2\x14\x80?\x80\xe3Y\x7f\xcf+\xf3&gt;\x1b0dhC]\xa3\xdc\x96\x92\xfd)\xa5\x8cR\xc5ju8\xacjL/\xd9\xb3\xeb\xf3O\xe7/\xf9\xf4\x83fv\x1fq_\n\x00 \xa5}F\xc1\x80\xe1}O\x19\x9f\xdd\xbd\xa8}F.\x96\x15b\xe8\xba\x1a3t\x8d2\x9a(\x16\xff\xe7\x89\xeb\x01\xe2\x9b\x03\x8b\x15K2\xd1\xb5#\x07K\xcbwo\xdd\xfc\xcd\x92\xe2\r+\xeb\x8f\x1c\xe4_\xdc\xfc\xe6t\xc9\xef1\xfe\xcc)\xa7\x9d9\xb5k\xb7\x1e\x16\xab\x1c\x0e\xc7\xb4X\x0c\xb6\xb1#"t]ONM\xda\xb0f\xf5\xd5\xe7\x9f\x11\x0c\xf8M\r\xf8\xc31\x05\xe0\xf7\xf23\xd6\xbf\xb1\xae\xb1\xcd\x94z1B\x08\x84\xc8nw(V\\Y~`\xf5\xf2/?\xfbh\xeew\xabV\x10\xc3\x00?4m\x9dr\xba\x15\r\x1d\xd7\x7f\xf8\xe9\x9d\xf3\n\xdcI\xa9\x00\x00M\x8dj\xaa\xcaZ\x8b\xd1\xff)\xbe\xdf\x1c@\xa4X,\x8a\xc5\x06\x00\x084\xd6U\xec+\xde\xb8r\xd1\xd6\xd5K\x0f\x95\xed\xe1_\x19\xbf]X\x92N\x1a6\xf2\x8c\xc9\x17\x0c\x1d5&amp;3;K\x8b\x91H$\xcc\x18\xc5\x18\xb7\x91\xac!C\xd7\x93L\r\xf8\xd30\x05\xe0waZ\x7f\xee\xed\x91d\xd9\xe9v\xe8\x9a\xb1k\xdb\xe6w\xdfx\xf9\xab%\x9f\xd6\xd7\xd6\x80\x1f:7\xe2v?\xb7g_\x87;\xc9\xd05M\x8d\x12]\x07\x00\xc0\xb6\x97\x11\xcf\x18c\x94\x02\x00\xb0,+\x16\x9b$+\xe1@c\xe9\xce\xcd?R\x82\xa6\x1b\x98\x92\x96~\xea\xf83/\xbc\xfc\x9a\x1e\xbd\xfb\xca\x8a\x14\n\x84\r]o#~!S\x03\xfe&lt;L\x01\xf8\xed\xf0\xc9\xf7\xea\xab\xaf^}\xf5\xd5m\xd0\xfaSJ)\xa5V\xab\xd5\xee\xb4\xfa\x1a|K\x17~\xbc`\xfe\xdb\xdf\xadZ\xce\x8f\xf7C\x085\x1d\x00\x92\xdeq\xf0\xd8s\x06\x8c8#\xa7g_\x87\xdbk\xe8\xba\x1a=\x1a\xde\x84\xb0\xcd\xa6E}\x0f\xdf\x140\x8a\xb1d\xb19$Y\x0e\x07|e;7o\xf8\xfa\xb3\xb5_|\xd8Ps\x184\xbb\x99\x18\xe3\x93\x86\x8d\x9a4\xf5\xe2q\x13\xcf\xf6&amp;{#\xa1X,\x16k\x0bG\x87\x1eW\x03^y\xe5\x95\xab\xae\xba\xca\xd4\x80\xdf\x83)\x00\xbf\x11&gt;\xed\xd6\xae];d\xc8\x10\x8c\xb1a\x18&lt;\xea\xdb\x16\xac?\xefemw8l6\xa9\xa2\xfc\xe0{\xb3_Z\xf4\xd1\xfc\xb2\x92=\xa0\x99\xa9\x92d\xa5\xf7\xc9\xa3\x87O\xba\xb8G\xdf\xa1I\xe9\x1d~`\xf7[\xbb\xb5\xfa\xcd\xc4\x93\xa6\xb8\x124\xd6T\xed\xda\xbcz\xe5\x82\xb7\xb7}\xbb\xcc\xd05\xd0\xec\xf6\xe6t\xedv\xfa\xe4\xa9\xe7]zm\xe7\xec\x8ch\xd4\x88\x84\xc3\xbc\xa3rK\xff\x05\x7f"\xcd4`"?&lt;\x83\x10\xb2f\xcd\x9a\xc1\x83\x07\x9b\x1a\xf0\x9b1\x05\xe0\xb7\xc0\x1bT\xad_\xbf~\xfc\xf8\xf1~\x7f\x00B\xe0p\xba_z\xf7\xd3Vo\xfd\xe3\xa6\xdfb\x91\xb6n\xdc\xb8\xe0\xfdw&gt;\x9d?\x87{{\xb0$qw\x7f\xc7\xac\xbc\xc1\xe3\xa6\x0c\x1e;\xb9s^!\x00@\x8dFt]5\xed\xfe\xaf\x82+\x81,[,6;\x00\xa0b\xdf\x8e\xb5_|\xb4v\xe9\x07\x87\x0f\xec\x03\xcdnuJZ\xfa\x99S\xa7M:\xf7\xa2\xa2\xfe\xfdU\xb5\xf5\xcb@\\\x03\xae\xbd\xf0\xccp(\xc0\x18\xf0x\xdcK\x96,\x198p\xa0\xd93\xee\xb7a\n\xc0\xaf&amp;n\xfdy\x9f\x1fI\x92\rC\x7f\xe9\xdd\x05\xe3&amp;M\xac\xadn\xb59?\xcdM\xff\xf6\xcd\x9b\xde|\xf1\xe9\x85\x1f\xcc\xd5\x7f\xb8,-\x1c4r\xd8\xe9\x17\x0c:\xf5L\xa77Y\x8bE\xd5X\x04\xb0\xb6\xe8\xdf\xff\xa3h\x8a\x13@`\xb1\xda\x15\xab-\xe4kX\xf7\xd5\xa7\xab\x16\xcd\xdd\xb1n\x05hv\xdbeY\x998\xe5\x82\xcb\xae\xbb\xb5W\xdf~\xad^\x06t]Ok\x97\xb4t\xc1\xc2k/\x9c\xc4\x1f\xbdx\xbf S\x03~\x03\xa6\x00\xfc:x\xbb\x92\xda\xda\xda\x82\x82\x82\xda\xdaZ\xee\x8b\xbc\xff\xb1g/\xbd\xe6\xc6\xc6\x86\xd6y\xa6#o\xd6\xd6\xcc\xf4?\xb3\xf0\x83wu]C\x083J\x18\x00\x92\xac\x0c\x19?u\xd4Y\x97\xe6\xf5\x1e\xa4Xl\xe1\x90\x9f\x18:B\xc8\xec\x81\xfcG\xc1\x18\xa5\x94bIv8=\x9a\x1a\xdd\xb7m\xdd\xf2Of\xafY2\xdf\xd05\x08\x00D\x98R"\xcb\xca\xc4)\x17^v\xdd-q\x19h\xad\xcd\xe6\x0c\xc3HJ\xf6\xce~9\xde+BOKK+..NKK3\x1bm\xfdZL\x01\xf8\x15\xf0\x05\x97\xcf\xe7\x9b0a\xc2\xbau\xeb\xf8y\xd6\xf7\xcf|v\xfa\x8d7\xd6\xd5\xb6\xc2Z_~\x8e\xb1\xd5j\xb5\xd9\xad;\xb6|\xbf\xeaG\x08SJ\x00\x00\xee\xe4\xb41S\xa6\x0f\x1e{NV~/BH,\x12d\x94"\xdc\nUP\x10(1 BV\xbb\x0bc|`\xef\xf6\xb5_|\xf8\xe5\x07\xb3\x02\r\xb5\x00\x00\xf4\xbd\x0c\\p\xd9u\xb7\x16\xf6\xe9\x17\x8d\xc4b\xb1\x18n\x8d\x99B\x84\x90\xd44\xcf\xac\xe7\x9e{\xe8\xee\x9b\xf8c8h\xd0\xa0\xc5\x8b\x17{\xbd^\x00\x80\xa9\x01\xbf\x1cS\x00~)\xbcM\x15\x84p\xe8\xd0\xa1\xdf~\xfb\xad\xc5bU\xd5\xd8_\xee\xff\xbf[\xffvw\xf5\xe1V\xe8\xf77\x0cCQ\x14\xa7\xdb~\xb8\xf2\xd0\x8b\xff\xf9\xd7\xbc\xd9\xaf\x18\xba~\x8c\xe9\x1f}\xce\xf4\xf4N\xd9j,\xa2F#\xa0\xf5\xba\x1dD\x83w\xcf\xb6\xd8\xec\x16\xab\xbd\xe6P\xf9\xb2\x0fg\x1d#\x03\x92,\x9f\x7f\xe9\xd5\xd7\xdd\xf1\xf7\x8e\x99\x9dB\x81\x88\xa6i\xadooj\xe8z\xbb\x8eIO?:\xf3\x89\x87\xee\xe1\x0f\xe3\xc9\'\x9f\xbcz\xf5\xea\xa3\xe7\x83\xb66\xcd\xfb\x930\x05\xe0\x17\xc1\xd7\xc2\x92$]s\xcd5\xaf\xbc\xf2\x8a\xd5j\x8b\xc5\xa2\x93/\xbc\xfc\xff\x9e}-\x14\x0c\xb5\xb2tFJ\x08\x800)\xc5]]U\xfb\xd6\xcb\xff\x9d\xfb\xc6K\ru5\xc75\xfd\xd1pP\xd3b\xa6\xb7\xa7E\xe0~!E\xb1\xda\x1c\xae\xe3\xca@rj\xfa\x05\x97_{\xc957\xb7\xeb\x90\xd6X\x1f\x00\x8c\xb5\xaaS(\x18\xa3\x8c9]\xce{n\xba\xf2\xa3w\xdf\xe0\x8f\xe4\xd5W_\xfd\xf2\xcb/\x1b\x86\xd1*\xf7=\x7f\x06\xa6\x00\xfc"x\x9e\xd9\xed\xb7\xdf\xfe\xd4SO\xf1#\xeb&amp;N\xb9\xe8\xc9W\xdf\x0e\x05C|\xc5\xd1\xd2\x17\xf8\xc7\xc0\xab\xba\x9cn\x0f!\xfaG\xef\xbe\xf9\xca3\x8f\x1f(\xdd\x07\x8e\x1a\x14wR\xda\x98s\x8f1\xfd\xe6c\xd6\xc20\xc6(%?\x90\x81\xf7g\x05\x1ak\xe3\x82\x9d\x95\x9bw\xf5-\x7f\x9d|\xe1e\x18\xcb\xa1\x80\xbf5\xd5\x8e\xf1G\xcf\xe9r\xde~\xd5\xc5\x0b?x\x87?\x98\xb7\xddv\xdb\x93O&gt;i&amp;\x86\xfeBL\x01\xf8\xdf4/\xf7\xe5\x0e\xc7\x9e\xbd\xfb\xcd\xf9\xf4+IVt]o5~\x0fb\x18\x8a\xd5\xeatZ\xbf[\xb5\xfa\xa9\x7f\xdd\xf7\xdd\xaa\x15\x00\x00I\x96\r]\xc7\x92&lt;\xf1\x92[\xc6\x9d\x7fmZ\xc7\xac\x98i\xfa\xc5#.\x03V\x87\xab\xf6\xf0\x81\xa5\xf3^Z\xf8\xd63\xc4\xd0\xf9\xc7\x07\x008i\xd8\xc8\xdb\xfe\xfe\xf0I\xc3\x86\x86B1-\x16k5\xc7\x91RJeY6tm\xda\x99\xa7\xee\xdc\xb6\x89?\x9ef\x91\xf0/\xc7\x14\x80\xff\x01\xcf-k^\xf0\xd513\xeb\x83/\xd7\xb9\xdc\x1e5\x16k\x1d{j\x1e\xdcv{\xdd\xd5\x87\x0f\xbd\xf0\xc4\xbf\xe6\xbe\xf12!\x86\xa2X4M\x05\x00\x0c\x9fx\xd1\x84\x8bo\xec\xd2\xb3\x7f,\x1a\xd2T\xd3\xf4\x8bK\x93\x0cX\xacV\x9bs\xff\xce\x8d\x8b\xdf~n\xe5\xc2w\x00\x00\xfc\xa3\xc4X\xba\xe0\xf2k\xae\xff\xcb\xdf\xdbu\xec\x14\xf0\x05@k\t\x96RB,Vk0\xe0\x9f2f\xd0\xe1\xca\x03\xcd\x0b\xc4\xcc\xc4\xd0\xff\x89)\x00?\x07\xcf*+++\x1b0`\x80\xdf\xef\x87\x10:\x9c\xee\x97\xe6.\xe8;pp\xd0\x1fh\x1d\xcb(\xc30\xec\x0e\x87,K\x9f\xcc\x9b\xf3\xd8\x83w\xd7VW!\x8c)!\x00\x80\x9e\x03\x86\x9fu\xc5\x1d}\x87\x8d\xd7\xb5X4\x122M\x7fB\xc0e\xc0fw\xca\x8au\xf3\xaa%\x9f\xbc\xfe\x9f\x9d\x1bV\x02\x00\xf8\xc7\x9a\xd6\xae\xc3]\x0f\xce&lt;\xeb\xfci\xbanD\xc2\xe1\xd6\xb1F&amp;\x86\xe1\xf2\xb87\xaf_{\xed\x05\x93\xc2\xa1\x00c\xcc\xe3\xf1l\xd8\xb0!\'\'\xc7L\x0c\xfdyL\x01\xf8I\xf8\x9d\xf1\xf9|\xe3\xc6\x8d\xdb\xb0a\x03?\xa5\x9a\x17|\xd5U\xb7\x86\xb4\x1f\xbe\xf0OJq\xef\xdcV\xfc\x7f\xff\xf8\xcb\xaa\xaf&gt;\x07\x00`,\x11bxS\xdbO\xbd\xee\xde\x11gN\xc3\xb2\x12\x0e4"\x88\xa0\xf9\x14%\x14\x8cR\xca\xa8\xc3\x9dDt\xed\xebO\xe7\xcc\x7f\xf1\x11_\xdd\x11\xfe\xe1\x02\x00\x86\x9dz\xda=\xff|\xa2g\xef\x82\xc6\xfaV\xb2\x150t=\xf5h\x81\x18\x7fT\x07\x0c\x18\xb0t\xe9R\x9e\x18j.\\~\nS\x00~\x12\xeeC\x9c:u\xea\xfb\xef\xbf\xcf\xf3\xcc\xee\xfd\xd7S\xd3o\xbc\xb5\xa1\xce\'\xc9\t\xbfn2\x0c\xc3\xe1pB\x04\xdez\xf9\xd9g\xfe\xef\xfeP0(\xc9\x8a\xa1k\x08\xe31S\xae&lt;\xfb\xaa\xbf\xa6\xb6\xcb\x0c\x05\x1a\x18m]\xa9#m\x0cJ\x08D\xd0\xe9N\xae\xab\xae\xfc\xf8\xd5\xc7\xbf\xfc\xe05J\x08\xff\xa0\x9d.\xd7-\xf7&lt;t\xc9571\n\xc2\xe1P+\xd8\n\x18\xba\x91\x9c\xea\x9d\xf5\xdc\xd3\x8f\xfc\xfd6\xfe\xc0\x9e{\xee\xb9\xf3\xe7\xcf7\x83\x01?\x83)\x00\xc7\x87O\x9a\x193f&lt;\xf8\xe0\x83&lt;\xbb\xe0\x9c\x8b\xae\xf8\xf7\x0b\xb3\x1a\x1b\x03\x89\xbe\\jZ\xf8\'\xbbwm/~\xe4\xef\xb7\xad\xf9\xfaK\x00!\x02\x902\xda\xa5\xa0\xdf\xa5w&gt;\xd6\xa3\xff\xb0X8\xa4i1l\x96t\xb5\n\x081\x14\xc5ju8wm\\5\xfb\xdfw\xed/\xde\x84 \xa2\x80\x01\xc6\x86\x8c\x18s\xef\xbf\x9e\xea\xd1\xab\xa0\xb1\xa15l\x05(\xa5II\xee;\xaf\x9f\xfe\xe1;\xaf\xf3\xc7\xf6\xc1\x07\x1f|\xe0\x81\x07L\r\xf8)L\x018\x0e&lt;v\xf4\xc1\x07\x1f\x9c{\xee\xb9\x8a\xc5\xa2\xa9j\xaf~\x83\xe6.Z\xa9iz\xa2\'}\x12\xc3\xb0\xda\xed\xb2\x84\xdf|\xe9\xbfO?z\x7f8\x14\xe4\x11B\x9b\xc35\xf5\xfa\xfbFO\x99.+\x96H(`\xba\xfb[\x19&lt;0`w\xbauM]\xf6\xc1\xac\xf9/&lt;\x1c\r7}\xf4\x0e\xa7\xeb\xd6\xbf=t\xd9\xb57\xeb\x06\x89E"\t\x1d\xd9\xe2\x8f\xa7\xa2\xc8\x17\x9c&gt;|\xfb\xa6u\xfc\xe1}\xff\xfd\xf7\xa7L\x99b\x06\x84\x8f\x8b)\x00\xc7B)\x85\x10\xf2\xc0o \x10`\x8cy\x92R&gt;^\xbe1%-]U\xd5\x84^"\x19\x86\xe1M\xf2\x1e\xae&lt;\xf0\xc8\xbdw,]\xf0!/\x98\xa4\x94\x16\x9e4\xea\xb2;\x1f\xcb\xee\xd6;\x14h\xa4\x94 d&gt;\'\xad\x13\xfe\xe1:\xddI\xe5{\xb6\xbd\xf9\xef\xbbv|\xb7\x1c!\xc4K\xdc\xc7M:\xe7\xdeG\xfe\xd313\xcb\xd7\x98\xd8-\xad(\xa5\x16\x8b\xa5\xbe\xb6\xe6\xecQ\xfd\xfd\x8d\xf5\x10B\xb7\xdb\xcd\x03\xc2\x8c\xb1\x84~~\xff\x0cL\x01\xf8\x01\xbc\xf1\x19\x00`\xd8\xb0ak\xd7\xae\x95e\x99P\xfa\xc6\x07_\x0c&gt;ed\xc0\x1f\xc0R\xa2ZF\xaejI\xc9\xae\xa5\x0b\x17\xde{\xebUu5\xd5|qd\xb59\xce\xbb\xf1\xfe\xd3.\xb8\x8e1\x16\x0b\x87\x12z\xf5g\xf2\x0b!\x86au8!\x84\x9f\xcf}\xf1\xbd\xe7\x1e\x8aE\xc3|2\xa4\xa6\xb7{\xe4\xe9W\xc7M\x9c\xd8\xd8\x10Lh[I\x0c\xe2\xf6\xb8\xd7~\xb3\xe2\xf2)c1B\xba\xae\x0f\x1e&lt;x\xd5\xaaU\x00\x80\xd6\xda \xef7\x93\xa8\x9f\xf1\x9f\x04\xdf\'\xdey\xe7\x9dk\xd7\xae\xb5X\xac\xba\xae\xdf~\xef#\xa7\x8c\x19\xe5\xf7\xfb\x13\xd7\xfa\x13\xc3\xb0X\xad6\x9b\xfd\xb1\x07\xee\xbb\xf6\xc2Iu5\xd5\x92\xach\xaa\x9a\xdb\xb3\xdf}//:\xf3\xf2;\xd4HX\x8d&amp;\xf6\xde\xdf\xe4\x97\x83%I\x8dF\xd4H\xf8\xcc\xcb\xef\xb8\xef\xe5E\xb9=\xfbi\xaa*\xc9J]M\xf5\xb5\x17Nz\xec\x81\xfbl6\xbb\xc5j\xe5G\x0e$"X\xc2~\xbf\xff\x941\xa3n\xbf\xf7\x11]\xd7-\x16\xeb\xda\xb5k\xef\xbc\xf3N\x8c1?\xae\xce$\x8e\xb9\x03\xf8\x9e\xe6\xae\x7f\x9eE0z\xc2Y/\xbe\xfdQ \x10L\xe4\xd5\x90\xe1M\xf6V\x1e8\xf0\xf7[\xae\xfa\xf6\xeb/y\x0bu\x00\xc0\xd9W\xfeu\xf2\x95w\xc9\x8a\x12\t\x05\xb0\x94\xf0)\xad&amp;\xbf\x01b\xe8v\xa7[\xd7\xb4\x8f^{\xec\xe3\xd7\x1e\x07\x00\xf0\xe9q\xf2\x881\xffz\xe6\xd5\xcc\xac,_\x83/q\x97\x05\x94R\xb7\xdbu\xdd\xc5\x93\x97-\xfe\x84?\xcef0\xe0\xc7\x98\x02\xd0Ds\xd7\x7f0\x18\xa4\x94v\xc8\xe8\xfc\xfe\x17\xdf9].MK\xc8~\x0f\x8cR\x00\xa07\xd9\xf5\xc5gq\xb7\x8fUSc\x9e\x94\xf4k\xee\x7fn\xd0\xa9g\x85\xfc\r\xa6\xc7\xbf\x8d\xd3\x14\x15\xf0$\xaf\xfb\xea\x93\x97\x1f\xba\xd1__\xc3\'\tw\x07\x8d=c\xa2\xaf!\x08\x00K\xc4*\x10J\xa9\xa2\xc8\xa1`\xf0\xdc\xb1\'U\x1d\xac@\x08\xb9\\.3\x18p\x0c\xe6]\x00\xe0h\xabgJ\xe9\xc5\x17_\xdc\xd8\xd8\x08!\x02\x10\xfe\xdf\xb3\xaf\xa7\xa4\xa5\xa91-\x11\xe7\n!D\x92e\x87\xcb\xf1\xc2\x7f\x1e?\xea\xf6\x9155V8h\xe4\xc3\xb3W\x0c\x18q\x86\xbf\xbe\x861fZ\xff6\x0eB\x981\xe6\xaf\xaf\x190\xe2\x8c\x87g\xaf(\x1c4RSc\x92,sw\xd0\x0b\xffy\xdc\xe1rH\xb2\x9c\x88\x9e\x13\x84\x90\x1a\xd3R\xd2\xd2\xfe\xef\xd9\xd7\x01\x84\x10\xa2\xc6\xc6\xc6\x8b/\xbe\x98\x9fmg.|9\x89g\xda\xfe\x0c~\xe8\xfa\xb7\xe8\xbav\xfb\xbd\x8f\x0c\x1b5\xd2\xefKH\xd7?1\x0c\x9b\xdd\xaek\xea\xdd7\\\xfe\xf8\x83w\xf1\xa2eC\xd7\'_\xf9\xd7\xbf=\xf7\x897\xb5}\xd0\xdf\x80%\xc9\x8c\x86\x99\x00\x00 \x84X\x92\x82\xfe\x06oj\xfb\xbf=\xf7\xc9\xe4+\xff\xca\xfb\xc7I\xb2\xfc\xf8\x83w\xdd}\xc3\xe5\xba\xa6\xda\xec\xf6D\x0c\t`\t\xfb}\xfea\xa3F\xde~\xef#\xba\xaeY,\x163\x18p\x0c\xa6\x0b\xa8\xc9\xfa/[\xb6l\xcc\x981\xbc\x9b\xe0\xe8\xd3\xcfzqN\xa2\xba\xfe\r\xc3p\xb9=\xd5U\x957L;\xa7x\xebF\xee\xfdt\xb8&lt;7&gt;\xfc\xda\xc0S\'\x05}\r\x80%\xe4\x8e\xde\xe4\xcf\x86Q\n ty\x93\xd7\x7f\xb5\xe0\xb9\xfb\xae\x0c\x07\xfd|\xf2\x14\x14\xf5\x7f~\xce\x87\xed:d\x06\x03\xfeD\xcc\x10m\n\x06L\x9b\xbcl\xd1\'\xfc\x01\xff\xf2\xcb/G\x8f\x1em\x06\x03\x80)\x00|3\xe8\xf3\xf9\x06\r\x1aTVV\x06\x00\xf0&amp;\xa7~\xbc|CrjBf\xfd\x1b\x86\x91\x96\xee\xfdv\xe5\xea\x9b.\x9bR_\xdb\xe4\xf4\xcf\xe9\xd1\xe7\xa6G^\xcb\xc8\xed\x11\xf45$nL\xcf\xe4\xc4@\x0c\xc3\xe5M&gt;X\xba\xeb\xd9{\xaf,\xdb\xb5\x85O\xa1\x94\xb4v\xcf\xbe\xf9\xc1\xc9\xc3\x87\xd6\xd6$^\x95\x00\xaf\x0ch\xa8\xab9{\xd4\x00_C\x1d\x00 \'\'g\xdd\xbau^\xaf\xd7&lt;;,\xc1\x0c\xdc\x1f\x0e!\x04!t\xfd\xf5\xd7\xef\xdf\xbf_\x92dJ\xe9\xbf\x9ey\xb5CFf,\x1aM,\xeb\xcf\xcf,KM\xf3\xbe\xf5\xca+WN\x1d__[-\xcb\x8a\xa6\xc6N9\xe3\xc2\xfb^\xfa\xac}\xe7\xaeA_\xbdi\xfdM\xfe\'X\x92\x82\xbe\xfa\xf6\x9d\xbb\xde\xf7\xd2g\xa7\x9cq\xa1\xa6\xc6dY\xa9\xaf\xad\xber\xea\xf8\xb7^y%5\xcdK\x08I\xacU#B(\x16\x8dv\xc8\xc8\xfc\xd73\xafRJ%I\xde\xbf\x7f\xff\xf5\xd7_\x8f\x102\x1dA\x89d\xe3\xfep\xf8)\x8f\xef\xbd\xf7\xde{\xef\xbd\xc7\xcb\xe2/\x9a~\xc3\xb8\x89\x93\xfc\x8d\t\x96\xfd\xc6\x1f\xc8\xa4d\xcf\xac\xe7\xfe\xfb\x8f\xdb\xaf\x89F\xc2\x10B]\xd7.\xba\xf5\x9f7&lt;\xf4\xb2$+\xb1p\xc8\xcc\xf54\xf9\x85`I\x8e\x85C\x92\xac\xdc\xf0\xd0\xcb\x17\xdd\xfaO]\xd7 \x84\xd1H\xf8\x1f\xb7_3\xeb\xb9\xff&amp;%{\xc0\xd1)\x97(`I\xf27\xfa\xc6M\x9ct\xd1\xf4\x1b4MU\x14\x0b\x7f\xea\xf9\xe1\x01-}u-I\xdbu\x01\xf1\x8a\xdf\xba\xba\xba^\xbdz\xd5\xd77\x10bt/,z\xff\x8bou\x9d$V\xc3\x1fJ)B\xd0\xe1p\xde{\xdb5\xf3\xdfzU\x96\x15\xc3\xd0-V\xfb%\x7f\xf9\xbf\xd3.\xbc\xce__\x0b!0\xcf\xec5\xf9\xb50F\x19\x03\x9e\x94\xb4\xcf\xdf}\xf1\xad\'\xeeQc\x11I\x92u]\x9bz\xc9U\x8f&lt;\xf5r8\x1c\xa24\x91\x92)\xf9C-\xcb\xf8\xdc\xb1\'\xef\xde\xb1\x15c)%%y\xfb\xf6\xed\xa9\xa9\xa9 \xf1\xbb\xe0\xfdf\xda\xe8\x9f\r\x8e\x1e\xf6r\xf3\xcd7\xd7\xd4\xd4 \x84$I~\xf0\xf1\xe7eY!\x84$\x92\xf5\'D\x96e\x97\xdbu\xcfM\xd3\xe7\xbf\xf5\xaa\xacXt]\xb3;\xdd\x7f{\xee\xe3\xd3\xce\xbf\xd6W{\xc4&lt;\xb1\xdd\xe4\xb7\x01!B\x08\xf9j\x8f\x9cv\xfe\xb5\x7f{\xeec\xbb\xd3\</t>
        </is>
      </c>
    </row>
    <row r="400">
      <c r="A400" s="1" t="n">
        <v>398</v>
      </c>
      <c r="B400" t="inlineStr">
        <is>
          <t>grid_number_color</t>
        </is>
      </c>
      <c r="C400" t="inlineStr">
        <is>
          <t>What is the missing color if the part denoted with the question mark has the number 3?</t>
        </is>
      </c>
      <c r="D400" t="inlineStr">
        <is>
          <t>['orange', 'blue', 'red', 'green']</t>
        </is>
      </c>
      <c r="E400" t="inlineStr">
        <is>
          <t>green</t>
        </is>
      </c>
      <c r="F400" t="inlineStr">
        <is>
          <t>There is a 3x3 colored grid of numbers. The first row has number-color pair [(8, 'orange'), (2, 'blue'), (3, 'green')], the second row is [(2, 'blue'), (4, 'red'), (8, 'orange')], and the third and final row is [(3, '?'), (3, 'green'), (4, 'red')].</t>
        </is>
      </c>
      <c r="G400" t="inlineStr">
        <is>
          <t>We observe that the grid cells with number 4 is red in color, the grid cells with number 8 is orange in color, the grid cells with number 2 is blue in color, and the grid cells with number 3 is green in color. Thus, the pattern is that the grid cell with the same number will have the same color.</t>
        </is>
      </c>
      <c r="H400" t="inlineStr">
        <is>
          <t>Based on the pattern that the grid cell with the same number will have the same color, the missing color of the part with 3 should be green.</t>
        </is>
      </c>
      <c r="I400" t="inlineStr">
        <is>
          <t>b'\x89PNG\r\n\x1a\n\x00\x00\x00\rIHDR\x00\x00\x02\x00\x00\x00\x02\x00\x08\x02\x00\x00\x00{\x1aC\xad\x00\x00\x83\xe8IDATx\x9c\xed\xddw|\x14\xc5\xfb\x07\xf0gfw\xaf_z\xa1&amp;\xf4\xde{/\x82\xd2\x04\x11\x15+\xd8{\xef\xbd\xc3WQ\xd1\x9f\x15\xb0\x03\x16l(\nH\x93^\xa5\xf7\xde\x12\x08\xe9\xc9\xe5\xea\x96\x99\xf9\xfd\xb1\x10QQ)\x97\xe4\x8e{\xde\xdf\xbc\xbe/sI.Kv\xf7\xf9\xcc\xcc\xce\xce\x12!\x04 \x84\x10\x8a=\xb4\xaa7\x00!\x84P\xd5\xc0\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xe4\xaa\xde\x80?\x08!\x84\x10U\xbd\x15\xe7\x15B\x08!\xa4\xf2\x7f/\xee\xca\xb0\xab\x92]i\xeeD\xdc\x95ad\xee\xc4*9+O\x89T\xed\xde\x15Bp\xce\x85\x10\x94RJ\xb1;R!\x18c\x95\xf0\x17\xe6\x9cs\xce\t!\x92$U\xdco\x89eB\x08\xc6\x18!\x84RZq\x15\xc4\x0co\xdc\x95\x15\xaa\xfc\x94\xac\xaa&amp;Z\xb9*\x0b\x00\xb3\xee\x9f|\x84\xf9\x83\xa1\xdc\xbc\xfc\xfc\x82"B\x08`\xa3\xe3\xdc\x08\x00JI\xe3\x06\xf5\xe3\xe2\\\xf4\xa4#\x8c1\x16\xde\xf2q\xbcXPz\xf2o\t\xfa}\xfb\xf7\xef\xd5U\r"\xa5\xa1\x13\xbd\x08\x08\xee\x8eK\xa8\x95Q\xdbfw\x96\xbf\xca\x18\x03\x80\xf0\x16h3`d\xf9\x8fQ\x01M\xd3KKJ\xb3\xb3\xb2\x01\xf0\x94&lt;W\x84\x10!D\xed\x8cZ\t\x89\x89\x16\xabR\xfe\xbaa\x18\x92$UU\x0cTA\x00p\xce\t\x00\xa1\x14\x00\x8aJJ\x97,[5\x7f\xc1\xfc}\xbb\xb6\x15\xe7f\xb1\x90/\xc1&amp;\xb8\x00\x00&lt;\xda\xce\t%$\xa4\xb3\x10u;\xdd\xf1\xe9\xb5\xebw\xec\xd4u\xe0\x80\x0b\xdb\xb6jn~5\\1\xc0\x18+\xafA\xfb\xf7\xec\x9a?o\xee\xca\xd5\xab\xf7\x1f&gt;Z\xe4\xf1y\x82\\\xb2:\x04g\xe7\xf8+\x10\xa5\x12\x0fy\xe3\x1c\x96\xea\xa9\tM\x1a\xd4\xed\xdd\xabW\x9f\x0b\xfa\xa7W\xaf\x01\'Z\xeb\xe7\xde\xb13S\xdc\xdc\x95jH\xdd\xb8~\xd3\x9c_\xe7\xac\xdf\xb4&gt;\xfb\xd8!\x7f\xd0\x07V\x06\x04\xcf\xc8sF\x00\x04\x08Ur\xd9]\xb5\xab\xd7i\xd7\xa6\xfd\xc0\x81\x03\xdauhk\xb5Y\xa1\x02Zf\xa7\xbbQ\x95\x19\x00\'\x1fg\xab\xd7n\x984\xe9\xc3\r+\xe7\xd7O\xe4\xdd\x1a%\xb7k\x98\xde\xb0v\x8a\xdbaK\x88wb[#\x0c\x08p\x83\xe7\x16\x95\x95x\x83\xdb\x0e\xe6\xaf\xdeul\xddA?\x89\xcf\x1cr\xe9\x15\xb7\xdet}RB&lt;\xfc\xb9|\x9f)\xce\xb9YwT5\xf4\xedWS\xbf\x9c\xf6\xed\x8e\xac"{\x8d\xe65\x9a\xb4O\xcfl\xe2JLu\'$+V\x9b\xe0\x02;\x01\xe7D\x00\xa1$\xe4+\x0b\xf8\xcaJ\xf2\xb2s\x0f\xee\xc8\xdb\xb3\x8e\x17\x1e\xe8\xda\xb6\xc9M7\xde\xd0\xef\xa2A`\xb6\xa8\xcea$\xa1\xfc08t\xe0\xf0\x87\x93&gt;\x9c\xbd`\x96f\xf1\xd5j\x9a\x9a\xd9\xacf\xed\xfa\xd5mN[BJ\x1c\xc1\xbd\x18\x0e\x02\x84\xa7\xb0,\xe8\x0fe\xef?vx\xc7\xd1\xa3;\x0b\x14\xd59\xa8\xff\xc5\xb7\xddqk\xddzu\xe0\xdcN\xc9\xb3Sy\x01P^2~_\xb7\xf1\x89\'\x1e\x97=\xfb\x06\xb5I\xbd\xbcO\xb3\xda5\x92A\x96@3\x0c\xcd`\\\x18\x06\xc3\x83-,\x08\x10\x8b"I\x94\x12\x8b\x0c\n5\xbc\xc1U\xdb\xb2\xbe\\\xb8s\xddQ\xb8h\xf8\xb5\xcf&lt;\xf1\xa8\xc3a7\x0c\xe3\xe4.\xffi*\xff\xa9\x0f?x\xf7\xddI\x9f\x85\xdc\x99\x8d\xba_\xd2\xa0]OW|\xb2\xe0\xcc\xd0B\x8c\x19\xcc0\x84\xe0\x15\xf0\xcf\x8aE\x94JT\x92d\xc5"+V\x01P\x9a\x9f\xb3s\xf5\xbc\xac\xf5s\xd3e\xef\x0b\xcf&gt;}\xd1\xa0!pV\xb5\xa3\xbc\x03q\xf4H\xce3O=\xb3r\xcb\xd2Z\xad\x93\xbb\rn\x97\xd1\xb0\xa6\xd5n54CSu\xc1\xb9a`7.ldY"\x94Z\xac\x8al\x91\xd5\xa0\x9a\xbd/g\xe5\xac\xf5G6\x17ui\xd9s\xec+cj\xd6\xaay\x8eq~\xa6*)\x00\xcc\x92\x11\x08\x04\xee\xbc\xe7\x81\xcdK\x7f~\xf2\xf2\x16W\xf4mN\xed6\xc3\x1f\ni\x86\x10\xc2\xbc\x1a\x02\xd8\xd2\x08+s\x12\x07\x17 \x84\x90$\xea\xb0[\xc0\xaad\x1d\xce\x1b\xf7\xf5\xeaE\xfb\xc5\x0bc\xc7\x8d\xbcl\xb8y\x00\x9c\xfe\x01g\x16\x9a\xdfW\xaf\xbc\xeb\xee{\x8a\x95\x1a\xdd\xaez(\xa3I[\xae\xebj\xd0\xc7\x0c\x9d\x10\x02\x84\x9a\x13\x1d*\xee\xdf\x15\x8b\x84\x10p|n\x95,[lN7cl\xcf\xbaEk\xbe{\xabS\xfd\xe4\x0f&amp;~X\xa3f\xcd3\x8a\xf3\xf2\x06\xd9\xabc\xc7M\xf8\xec\xbd6\x83\x1a\\pE\xb7\xa4\xd4\x84\x80/\xa4\x854!\x04\x94\x9f\x91\xb8\'\xc3H\x9c\xf8\x9f\x10\x84\x10\x8b\xcd\xe2p\xd9\x8a\x0bJ\x17~\xb7j\xd3\xaf{o\xbf\xe1\xee\xa7\x9ey\x02N\xda;\x15\xad2\x02\xc0&lt;.\xd7m\xdc|\xfd\xa8Q\x03\xeb\xebcn\xebow\xda\x02eA\xc6\xb9\xf4\xa7k\x87\xa8bq!8\x17v\xab"\xbbl\xab7\x1e\xb8\xeb\xff~\xeb2\xf4\xa6\x0f\xde~\x03N\xef\x80+o0\xbe=\xfe\xb51\xff\xf7Q\xa7k\x9fn\xdd{\x98\xae\x06\xd5\x80\x8f\x10Jp\x12W\xe5\x11\x82s\x00\xb0\xbb\xe2\x85\xe0\xcb\xbe\x9ftt\xd9\xd4\t\xef\xbc9x\xe8%\xa7\x99\x01f\x8a\x97\x14\x97\\w\xcd\xe8\xfde[nx\xf6\xf2\x1a\x99\xe9^\x8f\xdf\xd0\x9993\xa5\xe2\xff\t\x08\xe0\xf8\xa8\xb8\x90e\xc9\x95\xe0\xcc=\x9c\xff\xd9\x98\xef\xeb9\x9b\x7f\xf1\xf5\xd4\xa4\xe4\xa4\xca\x19\x0e\xaa\xf0\x00\xd0u]Q\x94i\xdf\xff\xf4\xf8\xdd7\xbcwg\xd7\xa1\x17\xb5\t\x15\xfb\x0c\x83I\x12\xd6\x8b\xaa!\x84`L\xb8\xe3\xec\xaa\xc1n{u\xc6^#c\xfe\xdc9N\x87\xfd\xdf3\xa0\xbc\xfa\x8f\xbaz\xe4\xbc\xcd9\x97?9)&gt;\xb9\x9a\xaf\xb4\x90PJ\x08\xee\xca\xaa!8\x03B\xdcI\xe9\x07\xb7\xac\xfae\xfc]\xcf=p\xf3#\x8f?\xf5\x9f\x19`~\xc3\xee\x9d\xbb\x07\r\x19\xd4t`\xad+\xef\xb98\xe0\x0b\xa9AM\x92q?V\x19fp\xab\xdd\xe2p\xd9\xbe}\x7f\xd6\xf6_\xb3f\xcf\xfc\xb5i\xb3&amp;g7B{F*6\x00\xcc\x7f\xc0\xd4i?\xbc\xf6\xf8-\xb3_\x1dQ\xbbFrY\xb1O\x96)60\xaa\x1c\xe3B\xa2\xc4\x9e\x127\xfe\xa3\xb9\xdf\xee\xb4/\x98?\xd7\xedr\xfeS\x06\x94W\xffkF\x8eX[\xe8\xbc\xf2\xf1\xf7\x82\xdeR]\x0bQ)\x82n$\x8cY\xdc\xd0\xed\xee\x04]\xd7\xa6&gt;5\xf2\xd1\xeb\x07?\xf6\xd4s\xffR8\xccv\xe5\x8em;\x07\r\x1bp\xc9#=;\xf7oW\x94[B\xb0\xd5\x1f\x01\x84\x10\x82\x8b\xe4\xf4\xc45\x0b7\xcex}\xe9\xec\x19s\x9a\xb7lV\xd1\xfd\x80\n\x0c\x00s\xd3\xa7}\xff\xd3\xd8\x87o\\\xf0\xc6\x15i\x89.\xaf7\xa4`+#b\x08\x01\x8cqw\xb5\x84\xff\xfbd\xfe7;m\xf3\xe7\xcd\xb1\xdbl\x7f\x9f\x8bV&gt;=\xfc\xba\xabG\xae\xc9\xb7]\xf5\xc4\xfbe\x85\xb9@\x00\x1b\xfe\x91\x833\xa6X\xacTV&gt;\x7f|\xc4\x137\r}\xf8\xf1\xa7O\x99\x01f\xc0\xef\xda\xb9{\xe0\xc5\x17\r\x7f\xacw\xbb\x9e-\x8a\xf3=\xb2\x82w{E\x10CgIi\xf1\x1b\x97o\xffq\xdc\xa2_\x7f\x99\xd7\xb4Y\x93\n\xbd\x1ePQ\x01`n\xf4\xc6-\xdb\x86\xf6\xeb\xba\xe6\x9d\x915R\x13|\xbe\xa0\x8c\xc3&gt;\x91G7X\\\xcd\xe4\xa7_\xfda\x13k&gt;k\xc6\xf7\xbaa(\x7f.\x1cf)y\xfa\xf1\x87?\x99\xb7\xed\xf67~,\xc9;B)\xc5k\xbc\x91Fp.)\x8a$+\x1f\xdc\xd1\xeb\xeb\t\xe3\x86]z\xf9_\x1a\x8f\xe6$\xecP(\xd4\xaem\xbb\xde\xb7\xb7\xea9\xa4sQn\tV\xff\x08d\xe8,\xb9Z\xe2\x8a_\x7f_\xf8\xc1\xa6\x8d\x1b7\xda\x1d\xf6\x8a\x9b\x17T!\x15\xd9\x1c1\xf0\xfb\x03\xd7\\u\xd5\x84\xbbz\xd4\xac\x91\xec\xf3b\xf5\x8fP\x8a,ys\x8a\xc7&gt;x\x89v`\xf1\xb8\xf1\xef(\xb2l\xdeej2\xdb\xfesf\xfd\xfc\xee\x94\x19\xd7=\xfbqYa.\xc1\xea\x1f\x91\x08\xa5\x86\xae\x11B\xaex\xfa\xd3[\xef~ ;\xeb\x10\xa5\x94\xf3?f\xe2\x9ayp\xf3\r\xb7\xd6\xe8\x14\xd7{h\x17\xac\xfe\x11KV\xa4\xa2\xdc\x92\x9eC:\xd7\xea\x1a\x7f\xe3\xf57\xffe?\x86W\x85\x14e\xf3n\xaf;\xee}p@]u\xe8\x80\xb6e\xc5^\x19G~"\x98D\xa9\xea\r|\xfd\xc2\xe5\x1f\xbc\xf6\xcc\xc6\xcd\xdb(\xa5f\x06\x983\xd5\n\x0b\xf2o\xbe\xe3\x9e\xa1\x8f|@%\x85s\x03\x07\x8b#\x16\xa5R\xc8\xe7\xad\xd5\xa8M\xa3\xc1\xf7\x8c\xbe\xeeZrR\xff\xde\x0c\xf2\xcf&gt;\xfe|\xf9\xce\xf9\xd7?qyQ^)V\xffH&amp;+RQ^\xe9\xf5\x8f_\xbej\xf7\xc2O&gt;\xfcT\x92\xa4\x93\x9bea\x14\xfe\xbal\x0e\xfe\xac\xdf\xb8e\xed\xbco^\xb9{P\xb0\xa8L\x96\xf1P\x8bh\x84\x80\xa6\x19)i\xf1\xcf\\\xde\xe2\xd1\xc7\x9f(/\xf1\xe6\xed\xe9\xaf\x8cy\xc9\xdd\xb4_\xfd\xd6\xdd\x82\xbeRBqWF4*\xcbeEy\xbd.\xbf}k\xae6\xfd\xbb\xaf\xcd\xc2a\x06\xb9\xcf\xe7\x1f3\xee\xe5\xd1O\x8e\xd05\x1d3&lt;\xf2\x11\x00-\xa4_\xff\xf4\x88\xff\xbd6\xc6\xe7\xf5\x99K\t\x85\xfd\xb7TH\xc3\x9c\x10\xf2\xe0C\x0f\xbdpu[\xbb\xc3f0\x8eG[\xe4\x93%\xea/\xf6\xdezE\xf7\xe0\xa1U?\xcc\x98%I\x92\xa6i\x92$\xed\xda\xb1m\xf2\x0fs\x06\xdc\xf4LYq\xbe$+\xff\xfdF\xa8\xaa\x11Jt5x\xe1-/=\xf5\xdcK\xaa\x1a\xa2\x94\x1a\x86A)\x1d\xfb\xd2\xff\xd2Z8\x9auh\x14\xf0\x06\tN\xc4\x8bx\x84\x92\x80/\xd8\xa4]\xc3\xf4\xd6\xae1/\x8e-\xef\x97\x87W\x98\x03\xc0l\xfe\xff\xbea3\xcb\xdb~\xf9\x85\xad\x03e~\x1c\xfa\x8f\x16\x02\x08\x08xdD\x9b\x8f?\x9cd\xbeB\x08\xf9p\xe2\x84\xccn#\xdc\x89)\xdc\xd0\xabv\xf3\xd0i"\x84\x86\xfc\xbez\xad\xba\x06\xdcu\x7f\x9e\xfe\xbd\xb9\xaa\xb3\xaf\xcc\xf7\xf3\x9c\x1f\x07_\xdf\xd7\xe7\xf1S&lt;%\xa3\x04\x95\xa8\xcf\xe3\x1f|}\xdf\x9f\xe7\xfd\xe4\xf5x%I\n{\' \xfc\x01\x00\x00o\xbf\xf3\xee\xa5\x9dj\xc8v\x1b\xe3\xb8\xac[\xd4\x90(\t\xfa\x82Cz6\xcf\xdb\xbdz\xc3\xe6m\x16\x8b\xa5\xb8\xa8p\xfa\xaf\x0b\xdb]82\xe8+\xa5\xb84|\xf4 \x84pCkq\xc1\xc8\x0f&amp;~h\xb6\xc9\xbe\xf9\xfa[\x92\xa4f6\xae\xad\x854\xbc\x8a\x13-\x08!ZH\xcblXKJ\xd1\xa7}\xf5-!$\xec\x9d\x80p\x06\x80\x10B\x96\xe5\x92\xd2\xb2M+\x17\\\xdd\xbf\x95\xe1\x0b\xe2\xed\xbe\xd1\xc5`\xdc\xe2v\x0ch\x9d\xfa\xd1\'\x9f\x01\xc0\xf4\xef\xa6\xf1\x84\xbai\x19\ru5\x04\xb8"L\xf4 \x94\x06\xfd\xde&amp;\x9d.\xd8\x91]\xb2}\xebf\x00\x98\xfa\xd5\xd4\xaeC\xda\x1a:\xc3\xea\x1f]\x08!\xbaft\x1b\xd2\xf6\xabi_\x00@\xd8o\x08\x08\xe7\xdb\x99\xcd\xff%\xcbW\xd5O`5j%\x874\x03\x8f\xb5\xe8B)\xe1Amx\x8fF\x9b\xd7\xae\x14\x02\x16.ZR\xbf\xe3E\x82\xe1\xcc\x9f\xe8\xc3\x99\xe1p\xc5\'\xd4k\xb7l\xe9\xe2`@\xcd.8\xd0\xacc\xc3\xa0\x0fG\xff\xa3\x0c\xa1$\xe8\x0f5m\xdf0\xa7$\xeb\xe8\x91\x1cJixG\x81\xc2\xdc\x03\x00\x809s\xe6\xf4l\x9aJ*`\xb8\nU4J\x88\x1a\xd2Z7\xac)\xbc9[\xb6n\xdf}\xf0h\x9d\x96]\xb4\xa0\x1f\xf0\xa6\xdfhC\x08a\xba\x96\xd1\xb2\xc7\xea\xdf\xd7-Y\xb4\xc4\x9e*%\xa7%2\\\xd89\n1\x83%\xa5%\xd8\xd2\xa4%\x8b\x96\xc2\x89vv\xb8\x84\xf3\xc46oX\xd8\xbbsk\xfb\xc6\xd5\x85\x86\xcd\xc6\xa8\xc4\xb8\xb09\xad\x8dk8\xbf\xfa\xea+f\x89\x8bO\xa9\xae\xeb8j\x1c\x85\x08\xd5\xb5`\xb5\xbaM\xb2r\x8bf\xcd\xfc9\xb3y\xed\xaa\xde tNj6L_\xb7n-\x9chg\x87K\xd8\x02\xc0\\,L3XiAN\x83\x9a)L3p\xa1\xe7h$\x84\x00J\x9bf$\x7f\xff\xfd\xb7\x96\xf8t\xab\xdd\x89\x8fu\x8cF\x84\x10C\xd7\x13\xd2j\x14y\xd5\x85\x0b\xe7\xd5i\\K\xd7\x0c\xbc\x85;*\x11b\xe8\xacF\xdd\xd4\xbd\xfb\xf7\xc2\x99&lt;\xba\xe3t\x843\x00\x00 \'\xe7\x18\x0b\x95\xb9]6Va\xf7.\xa3\n\xc7yz\xa2\xb3\xb0 \xdf\xe2J\xc4\x82\x11\xbd\x84\xe0\x16\x8bU\x17rn~~|r\x1ccxJF+\xcex|R\\n\xde1\xf3\x96\x8e0v\x02\xc2&lt;\xb6{,7?\xce\xca\x12\x13\x9c\x06\xe3\xd8\xda\x88F\x84\x100x\xe3ZIeeeq\xd5\xea\x9a\xafU\xf16\xa1\xb3"8\xb7\xda\x1d\xb23\xb5\xd4\xe3I\xab\x95b\xe0\xa8lt"\x84\x18\x9a\x91Z#\xd9\x17\xf2h\xaa\x1e\xa1=\x00\x93,\xcb\x00\x04p\xfa\x7f\x943\x18\'\x84\x08nT\xf5\x86\xa0s"\x84\x00\x10\x92D\xb8\xc11\xc7\xa3\x18\x01\xce\xb8D\xe5\xb0Gx\x98\x03\x00g\xfe\x9c\x1f\x081w%\xd6\x8c\xf3\x81\x10\x02\xf7d\xd4#  J\xd6\x02B\x08!\x14\xf9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rUo@t`\\\x08!\x08!\x94\x00!\x04\x00\x84\x10\\\xc0\xf1\x17)!U\xbd\x85\xe84\x08q|?\x02\x10zb?r!\x04\x08 \xf4\xf8+(\xd2\t\xe0B\x80\x10\x00@\xccs\xd2|\x99\x0b\xf1\xb7\x17\xd1\xbf\xc3\x00\xf8\x0f\x8cqI\xa2.\x87\x05d\n\\p\x9di\x06\x03\x00\xab"SE\x02J\x80\xf1PH\xd7\r.K\xd8\x9d\x8aPB\x08\xc1\xb9$\xcb\x8a\xc3!\xc92\xe7\x9c\xe9*\xd3uB@\xb68$\xc5\x02@\x0c-h\xa8A\xb3xT\xf5\xf6\xa2S\x13B\x08.$Y\xb2\xdb,\x92"\t.\x98\xc1\x0c\x8dq\xce\t%\x16\xab")\x12!D\xd7t-\xa8\x0b\x00\x8a1\xf0_0\x00\xfe\x91\xd9\x9ap\xc5\xd9\xd5\xa0\xb6t\xcb\x91\xe5\xdbr\xb6\x1e,&lt;Z\xe4\xf7\x055\x00p\xd9\x95jI\xce\xe6\x99\xc9\xdd\x9bU\xef\xda\xb4\xba;\xde\x1e\xf4\xa9\\\x08\xec\x0cD\x16!8\xe7\x8a\xd5\xa6X\x1d\x81\xb2\xa2\x9c\xdd\xcbrv\xad+\xcc\xda\xe5-\xce\xd5\x83\x01 \xc4\xeap\xc5\xa7e\xa47h\x95\xd9\xaagJFcCSu-H\xa9T\xd5\xdb\x8d\xfe\xc4,\xfdV\xbbE\xb1*\xde\x12\xdf\x81\xad\xd9\x87v\x1c=v\xa0\xa08\xcf\x13\xf2\xab\xcc`\x92DmNkr\x8d\xc4Z\r\xab5j\x97Y\xbbquBH\xd0\x17\xa2\xd8,\xfbW\x18\x00\xa7\xc6\xb9\xb0(\x92$\xd1\xa9s\xb6\xbf;c\xd3\xda=y\xa7\xfc\xb6\xef`/\x00\xb4\xac\x93|\xeb\xe0\x96\xb7\ria\xa1RP5$lwD\x06\xc1\x19\x91d\x87+\xa1\xf8\xe8\xbem\x0b\xbf\xd9\xb3rV\xd1\x91\xbd\x7f\xff\xb6lX\xb5m\xe17V\x87\xbbA\xe7A]G\xde\x9fT\xb3~\xd0\xe7\xc1\x0c\x88\x1c\x9cq\x8bMQ\xac\xca\x91=\xc7V\xcd\xda\xb4i\xf1\xae\xbc\xc3\x85\xff\xf0\xbd\x07\x01@\xb1\xc8\x8d\xda\xd7\xb9ht\xcf\xe6]\x1b\x04\xbcA\x00\x1c\xdb\xfbG\x18\x00\xa7\xc0\xb9\xb0Z\xe5\x12\x9fz\xcb\x9b\xf3\x7f^u\xc0|\xb1^\xf5\xf8\x8e\x8d\xd2\x1b\xd4HHtY\x05\x80\xc7\xaf\x1e\xcc\xf5l\xd8W\xb03\xabx\xeb\xa1\xa2\xfb&gt;X\xfc\xc3\xf2\xbdS\x1e\x1bP3\xc5\x15\n\x19\xd8\xf7\xacrB\x08\xab3N\r\xf8\x96}\xf9\xea\xc6\xd9\x9f\x05\xcb\x8a\xcd\xd7\xe3\xd2j\xa5\xd4n\x14\x97V\xdb\xea\x88\x13\x9c\x07&lt;\x85E\xd9{\xf2\x0elU\x03\xde\xed\x8b\xbe=\xb0n\xc1Ew\xbf\xde\xb8\xdb\xd0\xa0\xaf\x043 B\xb8\x13\x9d\xc7\x0e\x16\xcc\x9d\xbc\xfc\xf79[B\x01\xd5|1.\xd9U\xbdnjj\xad$W\x82S\xb1\xca\x86\xce\xca\x8a\xbc\xc7\x0e\x14d\xef9\xa6\xab\xc6\xf6U\xfb\xb6\xaf\xda7\xe8\xa6^\xc3\xef\xee\xaf\x05u\x10\x00xF\x9e\n\x06\xc0_q!d\x99z\x83\xda\xe0\xa7~Z\xb77\x0f\x00Z\xd6Iy\xea\x9a\x8e\x03\xdag&amp;\xc6\xdbA\xa2\x7f\x1cL\x8c\xfb\xfc\xea\xb2m9\xaf|\xbdv\xd9\xb6\xa3K\xb6\x1c\x1d\xf0\xc4\x8f\x8b\xc7_\x9e\xe8\xb2\xe9\x06\xc3\xb1\xa0*$\x84\x90d%{\xdb\xeaE\x9f=\x9f\xb7o\x0b\x00\xc8V[\xa3\xae\x177\xedui\xb5\x06\xad\xedqITR\x8e_\x04\xe6\\W\x03\x85Y\xbb\xd6\xfd\xfc\xe1\xce%\xd3\x83\xde\xe2\x9f\xc7\xddz\xc9\xe3\x1f7\xec:X\xf5{\x08f@U\x13B\xcc\xffb\xc5\xcc\x8f\x16{K\xfc\x00`sZ\xdb\xf4n\xd2\xae_\xf3:\xcdk\xc6\'\xbb%\x8bD\t\x01\x02 \x80s\xa1\xabz\xee\xe1\xc2\x15?\xad_\xfc\xdd\xef\x86\xce~\xfdt\xa9\xea\xd7\xae~\xe2\xe2\xa07\x84\xbd\x80S\xc2\x00\xf8\x1b\x01V\x9br\xd3\xf8\xf9f\xf5\xbf\xaaw\xa3\x8f\x1e\xbe\xd0\xe5\xb4\x86\x02\x9a\xcf\xa7\x9a\x17\x06L\x84\x10\x99\x92A\x9d\xeb^\xd4!\xf3\xdew\x16N\x98\xb5u\xd7\x91\x92\xbb\xdf]\xf4\xfd\xf3\x17\xeb:\xc3\x16GU\x12\\\xb1\xdaw.\xfd\xd1\xac\xfe\r;\x0f\xecz\xe5\xc3\xd5\x1a\xb6\xe6\x9c\x19jP\x0b\xf8\x84\x10\x00\x02\xe0\xf8\x94\x91\xb4\xba-\x86=\xf6Q\xad\xa6\x9d~\xfb\xf0i\xce\xd9\xaf\xef&gt;\x98Z\xa7\xa9;\xa5\x86\xa1\xabxM\xb8\xaa\x08!\xa8D5\xbf\xfe\xcb\x87\x8b|\xa5\x01\xc5"w\x1d\xda\xb6\xdf\xd5]k6H\x17Bh!]\rj" N\xfe\x11BI\xb5:\xa9\xd7&gt;5\xace\xcf\xc6\x1f=\xf9m\xc0\x1bZ\xf8\xcd\xeaz-kw\xb9\xb8\xb5\xbf,H)\xee\xca\xbf\xc2\xbf\xc8\x9f0.\x1c\x0e\xcb\xb2M\xd9_-\xdaM\t\xe9\xde\xbc\xc6\xd4\'\x07Y$RV\x16\xe4BH\x94\xc8\x12-\xff\x90(\x11\x00^oHS\x8d\x0f\x1e\xe8\xdf\xb7u-J\xc8\x0f\xcb\xf7-\xdf|\xd4\xe1\xb00.\xfe\xfb\xf7\xa1\x8aA(\xd5\x82\xfe&gt;7&gt;W\xaf}\xbf\x0bny\xf9\xd2g\xa6\xa4\xd6i\x1a,+\xd6\xfce\x821B)\x95$*\xc9T\x92)\x95\x08!z(\x10(-\xe88\xfc\xce.#\x1f\x04\x00\xd5\xefY\xf5\xed\xff\xc9V\xfb\xc9y\x8f*\x19!\x84\x19,&gt;\xd5u\xfds\x976jW\xe7\xa1\x897^\xff\xfc\xa5i\x19\xc9~O \xe0\r2\x83\x11J\xa8DO\xfe \x84\xe8!\xbd\xb4\xc0\xdb\xbaW\x93\x1b^\x18a\xbe\xc9/\x1f-\n\xfaT\xbc\x1a|J\xf8G\xf9\x13!\x04\x91\xe9\xd7\x8b\xf7\x98\x9f\xbe8\xaa\x8b,SUc\xca?_\xd8\x95%j0\x0e\x04\x1e\x1f\xd9\xc1\xac\x17?\xac\xd8G\x14\tkG\x95"B0B\xe9%O~\xda\xee\xe2\x9bC&gt;\x8f\x1e\nPI&amp;T\x82S\r\x05\x10J)\x95\xfc\xa5\x05\x9d.\xbd3\xa9f} d\xef\xea\xd9%9\x07e\x8b\r\xf7c\x15\xa2\x94\x06}j\xb3\xae\r\xee\x7f\xff\xfa\xfa\xad3|%~]\xd5\xa9D\xe9?\xdf\xb4A(\x91\x15\xa9\xb4\xa0\xac\xed\x05\xcdZ\xf6h$\x84\xc8;\\\xb8g\xfd!\x9b\xdd\xca9\xaf\xe4\xed\x8f|\x18\x00\x7f"Q\xc2Tc\xc3\xbe|\x00\xa8S-\xaeS\xe3\xf4PP\xfb\xcf\t\xfe\x12\xa5ZHo\xd70\xadz\x92\x13\x006\x1f(\xe0*^\x07\xaerD0\xc6uM\x0b\xf8\x08!\xe4?\xbb\xff\x84pfX\x9d\xf1\x8d\xbb\x0f\x03!\xd4\x807g\xd7:\xc5b\x13\x02\xabF\x15\xe3\x06\xe7\x06\x0f\xfaU\xb3\x8d\x7f:?B\x08\x11\\\xb4\xef\xdf\xdc\xfc\xf4\xc0\x96,I\xa6\x80Q\xfe7\x18\x00\x7f\x10\x02$J}A\xbd\xa8,\x04\x00u\xd2\xe3\\\xf6\xd3\x1a\xc9!\x04\x0c.\xe2\x1d\x96jIN\x00(,\x0bi\xba\x81\x17\x81\xab\x1e!p:\xa5\xff\x8fo\'\x9c\xe9\xd5\x1b\xb55?-\xcc\xdaE(V\x8d\x08@\x00\xc8\x99\xdd\xd5e\x0e\x1f\xa5g\xa6\x98#?\x859\xa5\x1c\x87dO\x05\x03\xe0\xcf\x08p.\xb8\x10\x00 K\x94\x108\xdd\xf3_\x98\xa5\x86\x98\xff\x8dU#*\x11\xc2\x19s$\xa4RI\x06\x80\x80\xe7\x9f&amp;\x9b\xa3\x88G\x80sa\xb5[d\x8b\x04\x00jP\xc3s\xf2\x940\x00\xfe@\x08p.\x9c69\xcea\x01\x80\x82\xd2\x80\xa6\xb3\xd3YTD\x08\x90(\xf1\x05\xf5\x02O\x00\x00\x92\xe3l\x16\x8b\xccq\xec8*\tI\x92\xcd\x99?\x9c\xb1\xaa\xde\x18t\xf6\x08\x003\x187\x04\x00(V\x19o\x048%\x0c\x80?a\\X\xec\x96&amp;\xb5\x13\t\x81\xddGJ\x0e\xe6\x96Y\x14\xe9?K9\x17\xc2b\x95\xb7\x1f.:R\xe0\x03\x80\xf6\x8d\xd2\xa8U\xc6.g\xf4\x11\x00\x84\xeaZ\x883\x03\x00,vGUo\x10:KB\x00\x95\xa9\xa7\xd0g\xe8\x06\x00$WK\xc0\xe5\xe1N\t\x03\xe0/\x04\x80\xb8\xb4[}! \xa0\x1a\xef\xcc\xd8$;-\x8c\xfd[)\x17\xe6\x9a\xa0\xb2\xf4\xe6\xf4\r\\\x80$\x91\xab\xfb4\xe2\x1a^\x03\x88F\x82R)PZ`^\xf8u%U\xab\xea\xedAgIp.\xcb\xd2\xde\x8d\x87\xccO\xeb\xb6\xac\xc5\x19^\xcc?\x05\x0c\x80?\x91(\r\xfa\xd5K\xba7\xe8\xdc\xb8\x1a\x00L\x9a\xb5\xf5\xabY\xdb\xe2R\\\x06\xe3\xa7l\xd13.\xb8\x10\xeed\xd7\xdb\xdf\xae\xfdi\xe5~!\xc4\x1d\x83[\xb5oZ#\x10\xd0q\x16P\xd4\x11BPI*&lt;\xbc\xcb\xfc4\xb9V#\xce\x19\xe6x\xd4\x11B(\x16\xd9S\xe4[\xf3\xeb\x16BHr\xf5\x84\xc6\x1d\xea\xaaA\ro\x05\xf8;\xfc\x8b\xfc\x15\xe3 K\xf4\xa3\x87\xfa\xc7;-\x8c\x8b\x9b\xdf\x9a?\xf1\xfb\xf5\xee8\xbb\xc3&amp;\x9f\x1c\x03\\\x08\x83q\xa7Mq\xb9\xac\xafOY\xf5\xd0\x87\xcb\x84\x80^-k\x8e\xbb\xadg0\xa0a\xf5\x8fF\x84P\xa6kY[W\x00\x80\xd5\x19\x9fV\xaf\x85\xa1\xa9\x80w\x02G\x15\xb3\xa5\xef\x88\xb3\xff\xf0\xf6\xdc\xe2c\xa5B\x88\x817\xf4t%:\x99\x8eWtN\x01\x0f\xee\xbf\x92(\t\x86\xb4\x96\xf5R\x7fzaXr\x9c-\xa4\xb1;\xdfYx\xc5\x0b\xbfl9T\xec\x8e\xb3;\xed\n\xe7\x821\xee\xb0\xc8\xeex\xc7\xb6\xc3E\x97&gt;\xf7\xf3c\x1f/\xe7\\\x0c\xeaX\xe7\xa7\x17\x87*\x94p\xc6\xb1\xd9\x18u\x84\xe0\x8a\xcd\x91\x7fpG\xce\xaeu\x00\x90\xd1\xa2[|z\x06\xd3p\r\x99Hd&gt;\x0f\xe6\xa4\x0f\xc1\xb9\xe0\x8c\x0b.\xec.\x9b\xcda\xfd\xfa\xb5Y\xcb\x7fZ\x0f\x00\xed\xfa5\xebuY\xc7@Y\x10\x9b\xff\xa7\x84k\x01\x9d\x82D\xa9\xd7\x17\xea\xd3\xb6\xf6\xd2\xf1W\xdc\xf5\xee\xa2%[\x8e|\xbfl\xef\xac5\x07\xaf\xea\xd3\xf8\xf6\x8b[vn\x9c\x0e\xb2\xb4}\x7f\xc1\x84_\xb6|&lt;g\x9b\xaa3\xa7My|d\x87\'\xae\xee(\xb8\xd0u\x86\xcd\xffh$8\x97-\xb6\x8d\xb3?1t\x15\x00Z\r\xb8\x0e\'\x0eF\xa6\xbf\xde\xdaA\x08\xa5D\x92%I\xa1\x86\xc6\x0el\xcd\xfee\xd2\xc2\xed\xab\xf6\x01@\xdb\x0b\x9a\xdd\xf4\xd2e\xbafT\xd5\xa6F&gt;\x0c\x80S\x93%\xea\xf3\x86\x9a\xd4N\x9a\xff\xea\x88I3\xb7\xbc\xf6\xed\xba\xecB\xdfg\xf3\xb6\x7f6o\xfb\xc0\x0e\x99\xf1N\xebO+\xf7\xab:SdzE\xcf\x86O^\xdd\xb1m\x93\xea\x01_H\x08\x81\xd5?\x1a\t\xce\xac\xce\xb8#\xdbW\xefX2\x1d\x002[\xf7\xac\xdb\xb6\x8f\xea\xf7\xe2j\xa0\x11HW\r\xce9\x9c\xb8G\x87s\x1e\xf2k%y\x9e\xac\x9d9\x9b\x97\xed\xde\xbb\xe1\x10\x00\xc4%\xbb.\x1a\xdd\xa3\xff5]\r\x9dq\xc6\xb1\x1b\xf7O0\x00\xfe\x91$\xd1@P\x13\x00\xf7\\\xd3\xe9\xb6\x8b[&gt;2i\xd9\'s\xb6i\x06\x9f\xb3\xee0\x00H\x94\xd4Lv\xbdwO\x9f\xe1\x83ZB@--\xf6[\x14|6pt\x12\x82P\x89\x19\xfao\x1f?\xcbt]\x92\x95\x9e\xa3\x9e\x14\xd8\xfc\x8f&lt;\x82\x0b\x8b\xc32u\xcc\x8c}\x9b\xb3$J\xb9\xe0 \x801\x1e\xf2\xab!\xbf\n\x00T\xa2mz7m\xd7\xbfy\xeb^\x8d]\x89No\xb1\x9fJ\x04\xab\xff\xbf\xc0\x00\xf8G\x8c\x0b\xabERl\x96\xb5\x1b\xb3&gt;\x9d\xbb\xe3\xd7\xdf\x0f\x05T\x03\x00\xaa%9s\x8b\xfd\x8c\x8b\xa3E\xbe\x07\'.\x9d\xbb&gt;\xeb\xae\xa1\xadZ6L\xd3\x02\x9afp|\x1cX\xd4\xe1\x9c9\x12R\x17Lx&lt;w\xefF\x00\xe8|\xf9}5\x9bt\nx\x8a\xa8\x84\xcd\xff\x88C)\xcd=XP|\xac\xf4\x94_U,2\x17\xbc$\xcfsp\xfb\xd1\xcc\xa65\xdcI\xce\xa07$\xb8\xc0\x9b\x00\xfe\t\x06\xc0\xa9\x19\x8c\xbb]\xb6\xdcb\xdf\x98I\xcb&gt;\x9d\xb3=\xa8\x19\x000\xa0C\xe6-\x03[\xf4l]k\xe7\xc1\xc2\xaf\x17\xef\xf9a\xf9\xdeCye\x13gn\xf9r\xe1\xae\xdb\x07\xb7|\xe2\xaa\x8e\xc9\xf16\xafO\xc5\xa7\xc3G\x11\xc6\x0cWB\xea\x86Y\x9f\xae\x9f\xf91\x00\xd4i\xdb\xa7\xeb\xc8\x07\x83\xde\x12\xac\xfe\x11\xc8|\xe0\xfb\x90[\xfb\x94\x16x\t!\xe6B\xad\xcc`!\xbf\xea)\xf4\x15\xe6\x94\xe4\xec\xcb\xdb\xb2t\xf7\x96\xa5\xbb\x01\xa0F\xfd\xb4^\x97u\xec5\xa2#\x00\xe8\x1a.\xcexj\x18\x00\xa7\xc0\x18w\xc7\xd9\xe7\xaf=x\xc7\xff-&lt;\x90\xeb\x01\x80\x81\x1d2\x9f\xb8\xaac\xefV\xb5\x80\x12-\xa4\xf7iS\xbbO\x87\xccg\xaf\xeb\xf4\xc5\x82]\xef\xff\xbc\xf9H\xa1\xef\x8d\xef\xd7\xff\xb2\xfa\xc0\xc4\xfb/\xe8\xd3.\xd3W\x16\x940\x03\xa2\x01g\x86#.i\xef\xefs\x7f\xfb\xf0i\x00H\xaaY\x7f\xc8\x83\xefqf\x00&gt;B02\x11\xe0:owA3*\x9f"\x9e\x99\xce\xfc\xde`\xde\xc1\xc2MKv.\xffi}\xce\xfe\xfci\xaf\xcd\xda\xb4h\xe7M/_\xe6Nr\xea!\x03\xfb\x01\x7f\x87u\xea\xaf\x18\xe3\xae8\xdb\xb4\x05;\x07?=\xe3@\xae\'\xd1e\xfd\xe8\xc1\xfe\xb3\xc7^\xda\xbbU-\x7f@\xf3\xf9T\x83\t_@\xf3z\x82\xe9\xf1\x8e\'\xae\xeb\xf2\xfb{W\xdf=\xac\xb5\xb9t\xc4\x80\'\x7f\xfc\xe6\xb7\x9d\xae8\x1b\xc3\xdb\x0e#\x1eg\x86\xcd\x95pl\xcf\x86\x99o\xdc\xc9\x0c\xcd\x11\x9f|\xc9\x13\x9f\xda\xdc\x89\xf8\x14\xb0\x88F \xe0S}%\xfe\xbf\x7f\x84\xfc\xaa\xa2\xc8u[\xd6\x1a\xf9\xd0\xa0g\xbe\xbc\xb3]\xbf\xe6\x00\xb0k\xed\x81w\xee\x9d\x1a\xf2\xa9\x92\x8c\x8f\xe88\x05&lt;\xd0\xff\x84q\xe1tZ\x97m\xca\x1e\xf5\xda\\\x83\xf1\xeaI\xce9\xaf\\z\xcb%\xad\xfdA\xcd\x17\xd0(%\xe6\x82\xe4\xe6\xa3\xc1t\x83y=\x81\x14\xb7\xed\xbd\x87\xfa\x7f\xf5\xc4 \xa7M\xd1\x0c~\xdd\xb89\x8b7d\xb9\\V|"X$\xe3\xcc\xb0:\xe2\x8a\x8f\xee\xfd\xf1\x7f7\xaa~\x8fbs\x0c{\xec\xa3\x94\xcc&amp;Z\xc0\x8b\xcf\x82\x8fp\xf4o\x0f\x02;\xfe80J\x04\x17j@++\xf6\xc7\xa7\xb8\xef\x1c\x7fM\xd7\x8b\xdb\x02\xc0\x91\xbd\xb9\xdf\xbd5\xc7\xea\xb0`\x00\xfc\x1d\x06\xc0\x1f\x84\x00E"\xde\x80v\xcb[\xbf\x99w\xf9~\xff\xcc\x90N\xcdkx\x8a\xfd\x12%\x7f\xbf\xbaK\xc8\xf1\x18(+\x0e\\5\xb0\xf9\x17\x8f\x0fTdj0q\xcb\x9b\x0bJ\xbd\xaa"S&lt;\xde"\x13g\xccbw\x95\x15\x1e\xfd\xe1\xe5\xd1\xbe\xa2c\x92\xac\x0cy\xe8\xfd\x8cV=C\xde\x12s!h\x14\xad\x08\x10J$\x99j!]\r\xa8\xd7&gt;9\xb4z\xddTB\xc9\xea\xd9\x9b\x0f\xed8b\xb5[\x046\xcb\xfe\x0c\x03\xe0\x0f\x8cs\xab\xd3:u\xde\x8e=GJ\x00\xe0\xf1\x91\xed\xbb\xb5\xcf\xf0\x94\x04,\xa7\x1ap,G\x08Qd\xea)\xf4\r\xef\xd7\xf8\x81\xe1m\x01`\xff1\xcf\xe7s\xb7[\x1d\x16\x86\x8f\xa0\x8b&lt;\x9c3\x8b\xcd\x11\xf0\x14L\x7f\xf9\xba\xd2c\x07\t\xa1\x03\xef\xfb\xbf\xc6\xdd\x86\x06\xcb\x8a\xb0\xfa\x9f7\xa8D\r\xcd\xb0\xbbm}Fv\x16\\p\xc67/\xd9\xa5X\x15\xec\x04\xfc\x05\x06\xc0\x1f(%Lc\xdf.\xdbK\x08IM\xb0\xdf6\xb8\xa5\xe6\r)\xffZ\xfd\xcb)\xb2\xa4y\xd5\x07.m\x93\xe4\xb6\x11B\xbe_\xbe\x8fi\x0c\xa7\x84F\x1a\xc1\x99b\xb1\x87\xfc\x9e\x1f^\x1eU\x98\xb5\x9b\x102\xe0\x9e7Z\xf4\xbb2\xe0)\xc4\xea\x7f\x9e\xa1\x12\xd5Cz\xc3\xb6\x99\xb2"\x01\xc0\xa1\xed9\xcc`xO\xc0_`\x00\x1c\'\x04Xd)\xbf\xd8\xbf+\xbbD\x08\xd1\xa5I\xf5\xf4d\x97f\x9c\xee\xaa&gt;\x84\x80\xa6\xb3\x1ai\xee.M\xab\t!\xf6\x1c)\xc9/\xf6+\xb2\x84\r\x8e\xc8!8\x97\x14\x9b\xae\x06\xa6\x8f\x19\x9d\x7f`\x1b\x00\xf4\xbf\xfd\xd56\x03\xaf\x0f\x94b\xf5??1\x83\xbb\x93\x9c\xcex\x07\x00x\n\xbd\x86f\x00\x06\xc0\x9fa\x00\x1c\'@\xc8\x12-\xf0\x04K}*\x004\xac\x99\x002=\xa3\x0e\xa3\x10\x02$\xda\xa0z\x02\x00x\x83z\x917$K\x14o(\x8d\x10\x82sIQ8\xd3\x7f\xfa\xdf\r\xc7\xf6l\x00\x80\x0bny\xb9\xfd\xd0[\xfc\xa5\x05X\xfd\xcfK\x04\x88\x00!\xcb\x92\xf9THCg\x0cWi\xfc\x1b\x0c\x80\x13\x04\x10\x02\xaa\xcet\xc6\x00\xc0iS\xce\xeem\xac\x8a\x04\x00B\x08\x83q&lt;\xd8"\x84\xe0\x9c\xca\n\x08\x98\xf1\xcaM\xd9\xdbW\x03@\xef\xeb\x9f\xedx\xe9]X\xfd\xcfc\x02\x04!\xc4\xd0\x99\xae\x1a\x00 [$I\xc2\x1e\xf9_a\x00\x9c@@\x08\xb0*\x92"I\x00\xe0\x0bjg\xf76\xc5\xde\x10\x00Xd\xc9eW\x18\x1en\x11@\x08N%\x89R\xe9\xe7\xd7n;\xb4y)\x00\xf4\xb8\xf6\xf1.#\xef\xc7q\xff\xf3\x9e$QO\x91\xcf\xef\t\x00@B\x8a[\xb1\xc8x\x11\xf8/0\x00\x8e#@\x0c\xc6\xd3\x13\x1cIn+\x00\xec\xcc*\x863\xbcd$Q\xc2Tc\xdb\xe1"\x00HOt\xa4\'8t\x83\x13\xbc\xa1\xb4J\t\xc1\t\x91$\xc5:\xf3\xcd\xbb\xf6\xaf\x9b\x0f\x00]G&gt;\xd8\xfd\xeaG\x83\x9e"\x9c\xef\x7f~\x13\\(Ve\xff\xe6,fp\x00\xc8lZ\x83\xca\x140\x00\xfe\x0c\x03\xe08\xf3*nj\xb2\xb3yf2!\xb0jg\xee\xe1c\x1e\xab\xe5\xbf\x9f\x08ob\\X\xad\xca\xb6CE\x9b\xf6\x17\x10\x02\x1d\x1b\xa5\xbb\xe3\xec\xba\x81\x0f\x14\xacJB\x08B\xa8b\xb3\xff\xfa\xf6}{V\xce\x04\x80N#\xee\xee5\xfa\xa9`Y\xf1\x9fW\x94G\x91\xeb\xac\xdb\xec\x84\x10]\xd5W\xcc\xd8@\x08PJ\x9awohh\x06\xce\x02\xfa\x0b&lt;\r\xfe\xc0\x85\xa02\xbd\xb2w#!\xc0\xe3W_\xff~\x83\xe2\xb2\x1a\xec\xbf#\x80\x0b\x01BH6y\xccW\xbf\xab:\x13\x02F\xf7o"8\xaeB^\x95\x84\x10@\xc0bw\xcd}\xff\x11s\x95\xff\xf6Co\xeds\xe3\xf3Ao\t!\x04\x97\xfa\x89\x16\xe6$N\xce\xf8\xe9\'\x81\x10\x82\xe9,&gt;\xc5=\xff\xcb\x95Y\xbbr\x84\x80&amp;\x9d\xeb\xd7kQ[\rh\xb8\x1c\xd0_`\x00\xfcA\x96h\xc8\xaf]\xdd\xafI\xb3\x8c$\x00\x980s\xcb\xe736\xc7\xa7\xba\x01\x84\xc1\xf8\xdf\x0f@!\x80sa0\xaeH\xd4\x95\xe4\xfc\xdf\xe7\xab\xbe_\xb6\x17\x00\x86t\xaa;\xa0S\xdd\xa0_\xc3\xfb\x00\xaa\x8e \x006g\xfc\x82IOn\x9d\xff\x15\x00\xb4\xba\xe8\xda\xbe7\xbd\x10\xf0\x14\t\xce8g\x9c\x19\xa7\xf9\x81\xa3\xc6U\x88\x10RZ\xe0\xa5\x94\xba\x12\x9d\xb2"\x99\xb7tq.\x84\xf8\xdb\xf4\xba\x13\x0f\x86d\x8cSJ\x13\xd2\xe2\x96\xfd\xb8\xee\xa7\xf7\x17\x10JdE\xba\xf4\xee\x0b\xf1\x1e\xe0S\xc2\x8b`\x7fb0\xeetX&gt;~\xb0\x7f\xdf\xc7~Puv\xeb\xff\xfd\x96S\xec\x7f\xf8\xf2\xf6\x0e\xbb"TC5\x18\xe3\xc2\\)\x92\x00\x91%bQ\x14\xb0H\xf9\x05\xde\x17&amp;.\x990s+\x00d\xa6\xb9\'&gt;\xd0\xcf0\x98\xc0\xe1\xff\xaa#\x04\xd8\x9cq\x0b?~n\xe3\xec\xcf\xa8\xact\x18v\xdb\x80{\xc6k\x01\x9f3!\x05\xc8\x99\r\x04k!?\xd75\x9c?^\xf98\xe3\xeeD\xe7wo\xfezd_^\xaf\xcb:6j_\'\xb9Z\x82\xa4H\xcc`Lg\x8cqa&amp;\x01\x00\xc0\xf1\xa7B*\x8a$\xc9RiA\xd97o,\x9e;e\xb9\xf9\x80\xf8\xab\x9f\xbe\xb8n\x8bZ~O\x00\x1f\x0b\xfcw\x18\x00\x7f"Q\xe2\xf7\xab][\xd6\xfc\xf6\x99\xc1\xd7\xbd:\xc7\x1b\xd4\x9f\xfel\xe5\xf4\xe5\xfbn\x18\xd0\xbco\xab\x9a\x19\xa9n\x97]1\x07v\x0c\xc6=&gt;mON\xc1\xafk\x0fM\x9e\xbf#+\xdf\x0b\x00\x8dk%\xfe\xf8\xc2\xc55\x93\x9d\xfe\xa0\x8e\xcd\xff\xaa"8\xb7:\xdd\xab\xbe\xfb\xbfu3&amp;RI\xb6\xda]\x8a\xd5\xbe`\xd2S\x82\xb33[\xe6\x93\x10\x10\xa2Q\xd7!\xc9\x19\x8d\x98\xa6b\x06T&gt;BH\xc8\xaf\xed\xdf\x9c\xb5\x7fs\x96+\xc1Q\xb7E\xad\x06m23\x1aWO\xa9\x95\xe8\x8cwX\xed\x16*Q\x02\xc09\xd7B\xba\xbf0\x98{\xb8p\xd7\xef\x076\xfc\xb6\xbd\xe8X)\x00X\xac\xca\xd5\x8f\r\xe9yYG\xac\xfe\xff\x04\x03\xe0\xaf$\x89\xfa\xbc\xa1a\xdd\x1b,\x19\x7f\xc5C\x13\x97.\xderd\xfd\xde\xfc\xf5{\xf3-2\xad[-&gt;-\xc1\xe1\xb2+\x9c\x8bR\xbf\x9aS\xe4\xcf.\xf0\x9a?e\x91\xa5Q\xfd\x9b\xfc\xef\xa6\xee\xa9\xf1v\xac\xfe\x11\x80\x1c\xdc\xb0\x08\x0083\x82\xde\x92\x15_\xbfq\xd6o\x94T\xa3~z\x83V\x86\x1a$\x04g\rU*B\x88\x1a\xd2;\\\xd4"\xffH\xd1\xa1\xedG}\xa5\x81\xad\xcb\xf7l]\xbe\x07\x00\xacv\x8b;\xc9\xe9p\xdb\x14\xabB\x0814#\xe8\x0by\x8a|\xe6\x83!M-\xba5\xbc\xe4\xae\xfe\xd8\xf6\xffw\x18\x00\xa7`f@\xdb\xfa\xa9\xf3\xc7\x8d\xf8y\xe5\xfe/\x16\xeeZ\xb9\xfdX^i`\xf7\x91\x92\xddGJ\xfe\xf2\xcd\x8dj&amp;\\\xd8.c\xd4\x85\xcd:7\xab\xae\x85\x0c\xac\xfe\x91@\x08\xeeN\xaen\x8fK"T\x12\x9c\x9f\xdd\xe3\xbd\x08\xa5\x82s\x8b\xc3\xcdqQ\xbf\xaa@(\xd1BZ\xeb\xde\x8d\x9bumph\xfb\xd1\x1dk\xf6\xed\xdbx8\xe7@\xbe\xb7\xd8\xaf\x065\xf5\xe8)\xee\xd4\xa1\x12M\xad\x95\xd4\xb0mf\xc7\x8bZ6\xe9X\x0f\x08`\xf5\xffw\x18\x00\xa7&amp;I\xd4\x1f\xd4\t!#z7\x1a\xd1\xab\xe1\xd1|\xef\xce\xac\xe2\xfd\xc7&lt;\x05\xa5A_H\xa7\x84\xc4;-5\x92]\x8dj%4\xa9\x9d\x18\x9f\xe0\x00\x9d\xf9|*%\x80\xd5\xbf\xca\x11J\xf5P\xf0\x82[\xc6\x08n\x9c\xfb\xbbI\x16\x9b\x1e\xf4\x13\xbci\xa0*\x10B\x82~\x8dR\xd2\xa0MF\x93N\xf5\xf4\x90\xee)\xf2\x16\xe5\x94\x16\xe7z&lt;E\xbe\xa0/\xa4\xab\x06\x80P,\xb2\xddmOL\x8bK\xad\x95\x94Z+\xd1\x95\xe0\xe4\x8c\x87\x02*\x08\xc0\xea\xff\xef0\x00\xfe\x91\xf9\x10Q\x9fO\x05\x80\xf4\x04G\xcd4w\x7f\x89\x02\x100\xe7\x1f\x10\x02\\\x80\xc1T\x8dy=AJN\xf1\xc0\x00Tu\x84b\xb3\x87e\xae\xa7\x10\x1c\xef\x1e\xaaB\xe6i\xa8\x06\xb4\x90_%\x94\xb8\x13\x9c\t\xa9q\x8d\xdaK\x7fL\xe8&lt;\xf1\xf8N\xc1\xb8apC3\xfc\x9e\x00\x10B)N\xc3\xf8o\x18\x00\xff\xc1,\xeb\x9a\xc1B:\xfb\xfb\x8c@J\x88\xf9X\x98\xaa\xd84\xf4o\x04g\xe1Y\x88\x0f\xaf\xfdF\x00B\x89Y\xce\r\x83\x19\xa7:\x13\x8f\x7f\x1b!\x84\x10l\xf5\x9f&gt;\x0c\x80\xd3B\x08\x91\x08\xe0\xddCQ\x05\x1b\x80\xe7!B\x889\t\xbb\xaa7\xe4&lt;\x81Q\x89\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xc2\x1f\x00\x84\x10 a\x7fWT\xa9(!\x00@\x08\xb6\x0f\xa2\x1e9\xbe+\xf1\x9c\x8cn\x15TW\xc3|\x86SBT\x9d\x19\x06\xc7\x03.\x8a\x11\x08\xa8:\xa5\xd4P\x03U\xbd)\xe8\\\x10\xc19\xd3UB\xa8\xae\xeaxJF/B\x88\xae\x19\x82\x89\xb0\xef\xc3\xb0\x05\x80yx5lX/\xc0\x1d\x05\xc5^\x8b$\t\x11\xae\xf7F\x95G\x08\x01\x8a\xbc\xfdpQrJ\x8a\xe7\xd8~ \x04\x00wdT\xa2\x92\x14\n\xfay\xb0\xb0ZZ\xda\xb1\xc3y\x8aE\x16xNF!!\x84l\x91\x8fe\xe5\xa5\'\xd7\xb0\xda\xac\x8c\xb10fy8{\x00B\x08\xa7\xc3\xe1\x8cO,)\x0b\x10\x89\xe0\xb1\x16\xbd\nJ\x03\xcd\x9b\xb7d!?3t\xc0\x96ct"\x94\x06\x03&gt;\x97\xcd\xd2\xb0A\xa3\x92B\x8f$IU\xbdE\xe8,I\x12-+\xf6U\xafV=\xec\xdd\xb8p\xf6\x008\xe7\x16EN\xaf]\x7f\xf3\xbe\\\xc9\xaa`s#\x1a\x11B\x84nl\xdc_p\xf3\xcd\xb7h\xa59~o\xa9$\xc9U\xbdQ\xe8\x8c\t!\x14\x8b\xb5 \xfb@\xb5D\xfb\xd0\xa1#\xf6n:(+\x12\xe0)\x19\x8d\x84\x90d\xe9\xf0\xae\x9c\xd6-\xdb\x80\xd9G\x0f\x9f0\xf7\x00\x00\xa0c\xe7\xaekv\xe5\x82,a\x00D\x1d\x01`U\xa4\x82\xc2\xb2&lt;\xbf4x\xf0\xc0$\x07\xcd\xcf\xda\xabXmB\xf0\xaa\xde4t\x86\x04W,\xf6\x9c=\x9b\x9a4\xa83h\xc8\x90\xbc\x03E\xaa\xaa\xe1e\x80hD\x08\xd1T\xbd\xf0Pi\xb7\xee\xdd\x00\x80\xd2p\x16\xed\xb0\xbe\x17\xa5\x000t\xf0\xa0\x95\xfb&lt;\x9a7 K8\x87$\xcap\xce\x15\x87m\xc1\xba}\xa9u\x9a%%&amp;tl\xdbr\xcf\xef\x0b,v\xa7\xe0\x18\x00QF\x08\x10 \xb2\xb7,\xe9\xdd\xabW\xe3\xa6\r,\x9a+{o\x8e\xc5f\xc1fYt\x11BXlJ\xf6\xbe\xa3J\xc8\xd1\xa9k\x07\x88\xf0\x00\xe0\x9c7k\xd2\x00\xe23Vo9d\xb5[9\x1em\xd1E\x00Hd\xfa\x8a\xfdC\x86^\x02\x00\x97\x0c\xbf4o\xc7r5\xe0\'a=\xe6P\xc5\x13\x8a\xd5\x96\x97\xb5\xcf\x1a8\xd6\xa5[O\x00\xe8\xd6\xb1\xc7\xda\x85[\xecN\x9b\xe0xJF\x13\xc1\x85\xddi[\xb7hk\xa7\xb6]\xadV+c,\xbc\xef\x1f\xe6\x13\x9bs.\xcb\xf2\x15W\x8f\xfe|\xde6jW8\x1em\xd1C\x08\xb0Z\x95\xecCy{J\xed\xa3\xae\xbe\x82s\xde\xbdW\xdf\x86)\xd6}\x9bV\xd8\x9cn\x1c\x05\x8a"\x9cq\xbb+n\xcb\xe2\x1f\x07\xf5\xed\x96\x9a\x96\x0e\x00w\xdcq\xc7\xae\xe5\x07\xd5\x90\x8a\xa3@\xd1\x85\x10\xa2\xa9\xda\x8ee\x07o\xbf\xfd\xf6\x8ax\xff0\x07\x80$IB\x88\xdbo\xbe~\xd5a#\xfb@\xae\xcd\xaa`\x1f Z0\xc6\x95x\xe7;\xdf\xaf\xeaw\xf1\x15\xf1qnM\xd3\x08!w\xdcv\xcb\x9a\x19\x1fY\xac\x0e\x1c\x05\x8a"T\x92\x02\xbe\xb2\x83\xabf\xdc\xf7\xc0\x83\x00\xa0\x1bz\x87\xce\xed\xeb\xa66^=o\x83;\xc1\xc5\x19\xee\xca\xe8\xc0\x19w%8W\xcf\xdf\x90\x99\xd4\xb0S\xd7\x8e\x8c\xb1\xb0O\xe5\ns\x00\x98s\x81\xe2\xdc\xae\xe1\xd7\xdc\xfa\xf2\xd4e\x8a\xdb\xce\xf0h\x8b\x06\xdc\x1cj&lt;xl\xe6\xb6\xc0}\xf7\xdc)\x04\xb7X,\x9c\xf3K\xaf\x18\x99&amp;\xf2w\xae\xf9\xcd\xee\x8a\xc7\x0c\x88\n\x9c\x19\xae\xf8\xe4\x95?~4\xb0K\xf3\xc6M\x9bs\xce)\xa1\x00\xf0\xe8#\x8f\xfd\xf6\xe5j\xc30\xb0\x13\x10-\x08!\xcc`\xbfM]\xf3\xd8#\x8fU\xd0\xaf\x08\xff\xd8\xaey%\xe0\xf9\xa7\x1e\x9b\xbf\x97\xff\xben\xaf;\xce\xce\xb0pD&lt;\xc6\xb85\xc1\xf9\xc0\xdb\xbf^q\xc3=u3k3\xc6)\xa5B\x08\xa7\xd3\xf5\xd2\xf3\xcf\xcc\xfb\xf0\x19IQ\xf0\x8e\xb0\xc8\'\x04W\xac\xf6\xa2\xbc\xec]s?~e\xdc\xeb\xe6%_I\x92\x18c\x03\x07\x0fhQ\xab\xc3\xcf\x9f\xceKL\x8bgF\x98\x87\x92Q\xd81\x83%\xa6\xc5\xff\xf2\xf9\xfc\xa65\xda\x0e\xbax`E4\xff\xa1\x82\xd6\x02\x12B\xd8l\xd6\xd7\xdfz\xe7\x967\xe7\x87\x0c\xb3\x94\x84\xfd\xf7\xa0\xb01\x0c\x1e\x97\x1c7\xed\xc7\xd5\x07X\xedg\x9fx\xa8\xfcP3\x0b\xc7\xb0K/\x1f\xd4\xa9\xe1\xec\x0f_\x8aO\xa9\xce\x0c\x1dp\xa5\xa7\x08&amp;\xb8\xb0;\xe3\xa6\xbf~\xcf\xb3\x8f\xde[;\xb3\x0e\xe7\xdc\x9c4bv\xcd\xdf}\xff\x9d\xb5?\xee\xda\xbf\xfd\xb0\xdde\xe7\xd8,\x8b`\x9cs\xbb\xcb~`G\xd6\x9a\x1fv\xbe\xf7\xc1;\x9cW\xd4\xe2:\x152\xbb\xc3,\x1c\x97\x0f\x1f\xdas\xc4\xed\xb7\x8c\xf9\xce\x91\x1ao\xe0@P\xa42\x18w\xbal\x07\x0e\xe5=:e\xd3W_}\xa5(\n!\xa4\xfch3\xfbs\x1f\x7f6\xd9\xbfu\xd6\x96\xe5\xb3\xe3\x92\xd2\x98\xa1U\xed\x06\xa3\x7f\xc2t-1\xbd\xe6\xecO\xc6t\xc9\xb4=\xfc\xd8S\'\xb7\x19\xcd\xfe\\\xddzu\xdey\xe3\x83\x0f\x1e\xf9\x82Rb^\xae\xab\xda\rF\xa7$\x84\x90$I\x92\xe8\xfb\x8f|\xf1\xce\xeb\xef\xd5\xab_O\x08\x11\xde\xd9\x9f\xe5*jz\x1f\xa5\xd40\x8c\xf7\xdez\xed\x00i8~\xd2\x9c\xb8j\x89\x1a\xf6:#\x0fc\xdcfU\x82\xba&gt;\xe2\xd9\x1f\xc6\x8c\x9f\xd0\xb4qC\xc30N&gt;\xd4\xcc\xfe\x9c;.\xfe\xab/\xa7.\x9e\xf8h^\xf6&gt;\x87;\x81\x19z\x15n3:%\xa6k\t\xa95\xd6\xce\xfb\xce\xbb\xf9\xe7\xcf\xbf\xf8\xba\xbc\xed_N\x92$\xc30\xae\xb8\xea\xb2k.\xbe\xe9\xad\x87&gt;\x8eKr\x81\x08\xf3m\xa5\xe8\xdc\t!@@\\\x92\xfb\xad\x87&gt;\xbez\xd0\xf5#\xaf\xbe\xc20\x8c\x8a[\xc6\xa3\xa2\x02\x80\x90\xe3M\x8cy\xbf\xce\xfav\x97\xfd\xadO\xe6\xc5\xd7L6\x18\xc7;\x03"\x87ap\x97\xd3\xa6q\xde\xf7\xbe/n|l\xfc\xf5\xd7^i\x18\x86,\xffu\xe1\x07\xb3?\xd7\xb1s\xd7\xef\'O\xfc\xf1\xc5\xab\x8a\x8ee\xb9\x13S1\x03"\x89`\x86\x9eT=c\xc3\xa2\x9f\xf6L\xff\xdfo\xf3\xe6&amp;&amp;&amp;\xc1\xa9\x96\x80\x96e\xd90\x8c\xb7\xde\x19\xdf\xbd\xde\x807\xee\xfd015^\x92(N\n\x8a\x1c\x9cqJibZ\xfc\xf8\xfb?\xec\x9a\xd9\xff\xff\xde{\xeb\x94\xa7d\x18U\xe0\r&gt;\xe6\xf1\xe7r:~[0\xef\xdb\x9d\xb6\xa7^\xfb\xd1\x9d\xec\xb6(\x12\x0e\x07U9!\x84apw\xb2k\xff\xb1\xe2\x1ewO\xbe\xe6\xc1q\xf7\xdf}\xdb\xbf\x1cjf\xe3\xb1\xff\xc0\xc1\xdf|\xf2\xee\xf4\x17\xaf\xdc\xbbqyBju\xce\x18\xde\x1cP\xe58g\x00$1\xad\xe6\xa2o\xde\xdf\xf3\xe3+\x0b\xe7\xcf\xcd\xa8S\x971\xf6O#\x06f\x9c\x7f\xf8\xc9\xc4.\x99\xfd\xc6\xdc\xf2.\xa1\xd4\xe1\xb6\xe35\xe1H\xc0\x0c\xe6p\xdb%\x89\x8e\xb9\xe5\xbd\x8e\xb5\xfa~\xf4\xd9\x87\x15t\xe1\xf7d\x15{\x87\xa79\x82\xecr:\x16.\x98\xb7Yoz\xd1=\x9f{\x02\xaa;\xd9\xcd\xb8`x\x8fXU\x10\x02\x0c\xc6-\x8a\xecN\x8f\xffj\xf6\x86\x8b\x9e\xfe\xf5\xde\x97&amp;&gt;\xf0\xaf\xd5\xdfd6\x1e\xfb\x0f\x1c\xf2\xe3\x97\x1fo\xf8\xec\x91y\x93_w\'\xa7YlN\xce\x0c\x1cF\xa8\x12Bp\xce\x0cg\\\xa2\xacX\xbfz\xf9f\xb6\xf9\xbbE\xf3\xe7\x99\xd5\xff_\xaa\x06!\x84R\xca\x18\x9b\xf4\xf1\xc4\x11\xddG\xbdp\xd5\xbb\xfb\xb7g\xa5TO"\x00\xd8\x15\xa8*\xe6_&gt;\xa5z\xd2\x81\x1dY/\\\xf5\xee\xa5]\xaf\xfd\xe8\x93If\x8aW\xf4\x9c]R\tgo\xf9p\xe4\xd8qoM}\x7f\xcc\xc3\x974\xbbuDg\x00\x12\xf4\x05\r\xc6)%\x14\'&amp;W0!\x80\x0b!\x84\xb0[\x159\xce\x9eu(\xff\x89I\xbf\xed\x0eV\x9b2ej\xf3\xa6\x8dN\xbf\x9bi~gQa\xc1\x8d\xd7\x8f\xfe\xfd\x90\xaf\xff\xcd\xcf\xd5m\xd19\xe8/\xd3C\x010\x9f \x86\xbb\xb2\x82\t!\x04\xe7\x84\x12\x9b\xc3-[l\x9b\x17\xcfX\xf3\xcd</t>
        </is>
      </c>
    </row>
    <row r="401">
      <c r="A401" s="1" t="n">
        <v>399</v>
      </c>
      <c r="B401" t="inlineStr">
        <is>
          <t>shape_reflect</t>
        </is>
      </c>
      <c r="C401" t="inlineStr">
        <is>
          <t>What is the missing shape denoted by a question mark?</t>
        </is>
      </c>
      <c r="D401" t="inlineStr">
        <is>
          <t>['triangle', 'hexagon', 'pentagon', 'square']</t>
        </is>
      </c>
      <c r="E401" t="inlineStr">
        <is>
          <t>square</t>
        </is>
      </c>
      <c r="F401" t="inlineStr">
        <is>
          <t>There are six shapes in the image separated by a line. In the top part there are ['?', 'pentagon', 'triangle']. In the bottom part there are ['square', 'pentagon', 'triangle'].</t>
        </is>
      </c>
      <c r="G401" t="inlineStr">
        <is>
          <t>We observe that the pentagon is reflected across the line as a pentagon. Similarly, the square is reflected as a square. Hence, the pattern is that each shape in the top part is reflected in the bottom part.</t>
        </is>
      </c>
      <c r="H401" t="inlineStr">
        <is>
          <t>Based on the pattern that each shape in the top part is reflected in the bottom part, the missing shape which is reflected from a square part should be a square.</t>
        </is>
      </c>
      <c r="I401" t="inlineStr">
        <is>
          <t>b'\x89PNG\r\n\x1a\n\x00\x00\x00\rIHDR\x00\x00\x02\x00\x00\x00\x02\x00\x08\x02\x00\x00\x00{\x1aC\xad\x00\x00T\x90IDATx\x9c\xed\xddg|TU\xfe\x06\xf0\xdf-3i$\x99$@\x00A\xe9A\x05\xc5\x10\xa5\x84" \x04DXE\xaa\xfc\x11E\x14\xa5\x19\x8a\x80\x82\xb4\x05\x01\xa5\x19P\x17\x91"6\xba\x15!\xa0\xf4N\x12\x90&amp;\x90P\xdc\x05$\t)\x93&gt;3\xb7\xfc_\x1c3"\x1d\x92\xcc\xdc\x99\xf3|?\xfbb\x97\x85\xe4\xce\x9d{\xcfs\xee\xef\x9c{\x8e\xa0\xeb:\x01\x00\x00\x7fDw\x1f\x00\x00\x00\xb8\x07\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p\x11]\xd7u]WU\xf5\xd6\x7fM\xd34M\xd3t]w\xcdQq\x8e\x9dmw\x1f\x05\xbft]\xc7\xf9w/\x01mM\x19a\x177;\xbd\xa2(\x8a\xe2\xdde-\xfb\xb7\xba\xae\x0b\x82 \x8a\xa2 \x08es\x98\xfcRUU\x92\xa4\xab\xff\x0b\x00o\xf0\x04P\xfa4MSUU\x10\x04I\x92dY\x96eY\x14\xc5\xc2\xc2\xc2\xf4\xf4\xf4\xbd{\xf7*\x8ar\xc3\x7f\xc5\xa2\xe2\xf0\xe1\xc3\xe7\xcf\x9f\xcf\xc9\xc9\x11E\x91\xfdsI\x92\x04A`?\xd3\xb5\x9f\xc3k\xe9\xba\xae(\x8a$I\xe7\xcf\x9f\xdf\xbf\x7f\xbf$Ix\x14p1\xd6\xb9\xb9|\xf9\xf2\x89\x13\'\xf0\x1c\xe0Fx\x02(+\xf9\xf9\xf9\'N\x9c8~\xfc\xf8\x91#G\x8e\x1d;v\xe6\xcc\x19\xab\xd5\x9a\x97\x97\xf7\xc7\x1f\x7f\x84\x87\x87\xb3\xae\xfd\xd5\x7f_\xd34Q\x14\x1b6l\x98\x92\x92b\xb1X"""\xaaW\xaf\xfe\xc8#\x8f4l\xd8\xb0~\xfd\xfaaaa\xee\xfa ^\x86\x9dg"Z\xb5jUlllZz\xda\x84w\'L\x980\x81\x88\x14E\x91e\xd9\xdd\x07\xc8\x05v\xaaG\x8c\x18\xf1\xcb/\xbf\x1c9r\x04\x0fan\xa3C\xe9QUU\xd3\xb4M\x9b6\xf5\xef\xdf\xbff\xcd\x9a7\xac\xdb\xcc\x9b7O\xd7u\x87\xc3q\xcd?\xd4u\xfd\xe0\xc1\x837\xfc\x8e\xc2\xc3\xc3\x9f}\xf6\xd9E\x8b\x169G\x08\xe0\xde\xb0\xd3\x9e\x93\x933t\xe8\xd0\xab\xcfp\x87\x0e\x1d.]\xba\xc4\xfe\x02\xcepYc\xb7\xc9\xd9\xb3g-\x16\x0b\x11\xadY\xb3F\xd7uEQ\xdc}\\&lt;\xc2\x13@ib\xfd\x9aO&gt;\xf9d\xd0\xa0A\xce?\xacT\xa9\xd2\x83\x0f&gt;\xd8\xb0a\xc3\xf2\xe5\xcbGEEU\xa8P\xe1\xb1\xc7\x1e\xd3\xff\xf9\x04\xc0\xfe\xe7\xf9\xf3\xe7\xcf\x9e={\xec\xd8\xb1\xf4\xf4\xf4\xc4\xc4\xc4\x93\'O^\xbat\xc9f\xb3\xb1\xbf\xd3\xb5k\xd7\xb5k\xd7\xa2\xaftot]\xd74M\x92\xa4\xa4\xa4\xa4\xd7\x06\xbe\x96\x98\x90HD\xcd[7\xabV\xbd\xda7KW\x12\xd1}U\xef\x9b3{N\x8f\x1e=\xe8\xaa\xa7\x04(\x0b\xec\x1a\xee\xde\xbd\xfb\x9a5k$I\xaaY\xb3\xe6\xb1c\xc7$I\xc2X\x97\x1b\xb87\x7f&lt;\x14\xeb\xc2\\\xff\xe7\xac\x17\xb3c\xc7\x8e\xfb\xee\xbb\xaf[\xb7ns\xe7\xce=p\xe0@vv\xf6\xbd\xfd\x96\xfc\xfc\xfc\xe3\xc7\x8f/Y\xb2\xe4\xd5W_\xadW\xaf\xde\xf4\xe9\xd3\xf5\xeb\x1e\x1d\xae&gt;\xa4{\xfb-&lt;p\xf6.\xe3\xe2\xe2,!\x16"\x12H\x186fp\xf2\x95\xe3\x97\x1d\xff\x9d1\x7fj\xb0%\x98\xdd\x0eC\x87\x0e\xcd\xc9\xc9\xd1o~\x9e\xa1\x84\xd8w\xb1m\xdb6"\x12\x85\xbfRv\xda\xb4i:\x1e\x02\xdc\x01O\x00wG/\xeeH\xde\xec\xff\x15\x04!;;\x9b\x88\xd8\xe3-\xe3\x1cc\x14\x04\x81\xcd\xea\xb9\xc5\x0f\xd7o4q\xc8n\xb7gee\x85\x87\x87\xdf\xf0\x1f\xb2\x1e+\xfbF\xd1u\xbd\x9a\xae\xeb\xaa\xaa\xca\xb2|\xe9\xd2\xa5\x11#F\xac\\\xb9\x92\x88j\xd4\xae&gt;\xe9\xfdw;tn\x97\x9deU\x14%4,\xf4\xe4\xf1\x93o\rz;a_\x12\x115j\xd4\xe8\xd3O?\x8d\x8c\x8cTU\x15}\xd2\xd2\xc5.Q\x87\xc3\x11\x1d\x1d}\xe8\xd0\xa1\x80r\x01\xa1a!\x7f\x9c\xfboPPPRRR\xcd\x9a5q\x01\xbb\x18\xce\xf5]P\x14\x85\xcd\xedINN\xbe\xe1\xbc\x05\xd6XX,\x16\x8b\xc5\xa2\xaa\xaa\xa2(\xacc.\x8a"\x9b\x0e\xc4\x9eso\xf6\xf3\xaf\x998\xc4\xf2\x80\xfd\x10\xb3\xd9|\xb3\xd6\x9f\x88DQ&lt;y\xf2$\x8b\x16\xf6\x1bK\xe5\xf3z:M\xd3\x04A\x90e9&gt;&gt;\xbeq\xe3\xc6\xac\xf5\xef\xf4l\xc7o\x7fY\xd5\xaeS\xdb+i\x19\xba\xae\xcb\xb2\x9c\x99\x91Y\xb3N\xcdo\xd6\x7f1l\xcc`A\x10\x12\x13\x13\xdb&gt;\xd5v\xfe\xfc\xf9l\xfe\x15&amp;_\x95"\xd6SY\xb1bEbb\xa2\xa6i=_\xec\xbe\xe8\x9bOL&amp;SNN\xce\x94)S\x04\x01\xfdQ\x97s\xed\x03\x87\xa7b\xb30u]OMM}\xf3\xcd7}}}g\xcd\x9a\xc5Z\xe7\x1b\xfe\xe5R\x1fH\xbc\xd9\xcfdG\xb5s\xe7N__\xdf\x0e\x1d:\x1c;v\x8c\xfd9\x9e\xa6Y\r\xc7\xe1p\x0c\x1f&gt;\x9c\x05sPp\xd0\xa4\xf7\xdf\xfd_\xfe\x993\x99\xbf\x1f\xbft\xe8T\xdaQ\xe7\x7f~\xff\xf3\xb7SiG\xd3\x94\xff-[\xbb(\xbcrEvk\xf4\xec\xd9\xf3\xe2\xc5\x8b:F\x86K\t\xbb\x89233+U\xaa$\x8ab\xb0%\xf8\xc0\xe9]\x99\xfa\xe5g{t!"I\x92\xb6o\xdf\xae\xe3\xd2u-\x04\xc0\xed9\xaf\xc8%K\x96T\xadZ\x95\xb5\x0e&amp;\x93\xe9\xc0\x81\x03\xce`p\x0b\xf6\xdb\xd3\xd3\xd3\xeb\xd5\xab\xc7\x8e\xca\xcf\xcfo\xfc\xf8\xf1\x9cW\xb1\x9d\xc1\x9c\x98\x98\xd8\xa4I\x13vf\x1aF=\xba~\xe7w\xe9\xea\x85\x13\x7f\x1e\xfe\xfd\xf2oW\xb7\xfe\xec?\'S\x8f\x1c\xbft\xe8R\xd1\xb9\x03\xa7wuz\xb6#\xfbWU\xabV\xdd\xb8q#\xfb\xb1\x18e)!\xf6\xa5\x0c\x1e2\x98\x9d\xdbw\xdf{\xfbR\xd1\xb9\xd3\xe9G\xf7\xfe\xbe#$4\x84\x88Z\xb5j\xa5(\n\x02\xc0\x95\x10\x00\xb7\xc1\x9a\xd1\x8b\x17/\xf6\xec\xd9\xd3\xf9\xd8\xd4\xbbw\xefc\xc7\x8e\xd9\xedv\xb7w\x0cYcw\xf1\xe2\xc5w\xdf}\xd7\xcf\xcf\x8f\x1d^\xa3F\x8d\xf6\xed\xdb\xa7\xdf|\xb0\xda\x8b\xddp\xbc\xf7\xe57\xfa\x9d\xc9&lt;\xf1\xdf\xdc\xe4\xe3\x17\x0f]\xdf\xf4_\xfd\x9f\xe3\x97\x0e\x9d\xcd&gt;\xf9\xbf\xfc3\x93\xde\x7f7(8\x88\x88\x04A\x984i\x12\xbb\x0c\xd06\xdd3v)\x9e&lt;yR6\xc9\xa2(\xd6\x7f\xf4\xe13\x99\'N\xa5\x1d=v1)M\xf9_\xec\xdb\x7f\xcd\xca]\xbe|\xb9\x8e\xf3\xecB(\xba\xdd^||\xfc+\xaf\xbcr\xf1\xe2E"\xaaW\xaf\xde\x9c9s:v\xec\xe8\xee\x83\xba\x81\xe3\xc7\x8f\x8f\x1a5j\xe3\xc6\x8dD\xe4\xe3\xe33c\xc6\x8c\xd8\xd8X*\x1e\x9av\xf3\xc1\x95=\xbdx\xbc7##c\xf0\xe0\xc1\xac\xe2\x1f^9|\xe6\x82\xa9\x1d:\xb7\xb7f\xe7\xdc\xe1\x0cZ\x16\x99\x15*\x96?\xb0\'a\xdc\xf0\x89\x87\x13~#\xa2\xe6-\x9a/\xfelq\xdd\xbau12|o\xd8\xc9\x8f\x89\x89\xd9\xb4i\x13\x11}\xf1\xed\x92\xb6\x1d[geZeY""A\x10b\x9a&lt;s\xfe\xec\x1f\xb5j\xd5JHH\x08\x0c\x0cd\xd3%\xdc}\xd4\xde\x0f\x83\xc07\xc6\xe21??\xff\x9dw\xde\xe9\xd0\xa1\x03k\xfd\x87\x0e\x1d\xbao\xdf\xbe\x8e\x1d;\xb2\xee\x8c\xbb\x8f\xf1o\xba\xae+\x8a\xf2\xf0\xc3\x0fo\xd8\xb0!..\xceb\xb1\xd8l\xb6\xe1\xc3\x87w\xef\xde\xfd\xfc\xf9\xf3\xec\xb3\xb8\xfb\x18\xcb\xd6\xd5\xe3\xbd\xd1\xcd\xa3\x9d\xe3\xbd?n_\xdb\xbe\xd3S\x19W2u]\xbf\xc3\xf7\'\xd8"\x1ci\x97\xd3\x1b4|x\xed\xa6o\xfa\xbf\xd1\x8f\x88v\xed\xdc\xd5\xb4i\xd3\xcf&gt;\xfb\x0c#\xc3\xf7\x80\xb5\xfe\x9b6mb\xad\x7f\x87.1\xadcZeg\xfd\xd5\xfa+\x8aR.\xa8\xdc\x9bc\x87\x10QJJ\xca\xbcy\xf3\xd8\\\x067\x1f4\x1f\xf0\x04pc\xac\xd1\xcc\xce\xcen\xd2\xa4Irrr\xc5\x8a\x15\xe7\xcf\x9f\xcf\xde\x122\xec\xabX,\x93DQLJJz\xed\xb5\xd7\x12\x13\x13eY\xde\xbbwoTT\x94w\xbf\xd9\xc4\xbe\x11EQ\xa6M\x9b6y\xf2d]\xd7\x83\x82\x82F\x8c\x7f\xf3\x95\xc1/9\x1c\x8e\xc2\x82\xc2{[\xe0\x81\xfdXKH\xf0\xaa/\xd7N}gF\xea\x9f\xa9D\xd4\xbbw\xef\xf9\xf3\xe7\x87\x85\x85a\xdd\x88;\xc4n%M\xd3\xea\xd7\xaf\x9f\x9c\x9c,\xcb\xf2O;\xbf\xad\xf7P\xdd\xfc\xfc\x02\xe75\xa9\xa9ZPHP\xd7\xb6=\xf6\xef&gt;h\xb1X\x12\x12\x120%\xd45p~o\x8c\xcdH\x0b\r\r\xfd\xe4\x93O\x1e\x7f\xfc\xf1={\xf6\xf4\xe8\xd1\x83\x95&amp;\x8d\xd9\xfaS\xf1\xab\x03\x8a\xa2DFFn\xdb\xb6\xad{\xf7\xeec\xc7\x8e\x8d\x8a\x8abU\x0bw\x1f]\x99`e\x1fI\x92N\x9f&gt;\xdd\xbaM\xebI\x93&amp;\xe9\xba^\xff\xd1\x87\xbf\xf9y\xf9\xa0\x91\x03ssrmE\xb6{n\xa6%I\xd2u\xfdJzF\xb7&gt;]\x7f\xd8\xba\xa6E\x9b\xe6D\xf4\xcd7\xdfDGG\xef\xde\xbd[\x96e,!w\'X\xe7c\xe1\xc2\x85\xa7N\x9d\xd24\xed\xe57\xfa=\x12\xd9 77\xef\x1f\xd7\xa4@\xaa\xa2\x8e\x99&lt;\xca\xc7\xc7\';;\x9bM\t\xc5\xb9u\x01&lt;\x01\xdc\n+\xad(\x8a\xe2\xe7\xe7\xe7A=&gt;\xe73JAA\x01\x1b\x19\xf6\xcar\xaa\xf3c~\xf6\xd9gc\xc6\x8c\xc9\xcc\xcc$\xa2~\xaf\xfd\xdf\xe8I#\x83\x82\x83\xac\xd9V\x93\xc9T*\xbf\x88]\x00\xb2I\xfe\xf4\xc3\xcf\xde\x9f2\xc7n\xb3\xfb\xf8\xfa\xbc=\xf6\xed\x89\x13\'\x12\x96\x90\xbb%\xd6\x88\xa7\xa5\xa5=\xf4\xf0C\xd6lk\xb5\x07\xaa\xfe\xb4\xe3[_\x7f_UQ\xaf\xb9&amp;\x15E\xa9\x10^\xfe\xf5&gt;C\xd6\xad\xf8^\x92\xa4\xad[\xb7\xb6h\xd1\xc2\xb0O\xdb^\xc3;;\x86\xa5E\x10\x04\x93\xc9\xe4\xe7\xe7\xa7i\x9a\x07\xdd\xe4\xac\xebJD\xfe\xfe\xfe\xde:\x98\xc6\xd6s\xce\xc8\xc8x\xe1\x85\x17^}\xf5\xd5\xcc\xcc\xcc\xf0\xca\xe1\xf3\x97\xce}\xff\xe3\xe9f\xb3)7\'\xb7\xb4Z\x7f"\x92e\xd9f\xb3\xe5\xe7\xe5\x0f\x1d3\xf8\xab\x1f\x96\xd5\xac]\xc3Vd\x9b4iR\xc7\x8e\x1dYM\x83=\x1a\x96\xd6\xaf\xf3&amp;\xac\x8c\xf3\xf6\xdbogefi\x9a6h\xc4\xc0\x8a\x95+\xdam\xf6\xeb\xafII\x92rs\xf2\xde\x9a8\xd2\x12\x12\xac\xaa\xea\xf0\xe1\xc3m6\x1b^\r+k\x08\x80\xdb\xf3\xc4Z$\xbbs\xbc\xf2\xe6a\x85\x176\xde\xdb\xbcy\xf47\xdf|CD-\xda4\xffa\xeb\x9an}\xba^I\xbb\xa2\xaa7]\xab\xe3\x9e\xb1\xf2\xda\x95\xb4+M\x9a7\xfeq\xc7\xba\x9e/v\'\xa2\x8d\x1b7FGG\xafZ\xb5J\x96e\x8c\x0c_\x8f\x15\x7f\x12\x13\x13\xd9w\xf4x\xd3\xa8\x9e\xfd\xbag^\xc9\xbca_J\x10\x84\xa2\xc2\xa2\x9a\xb5\xab\x0f}k\x10\x11%&amp;&amp;\xaeX\xb1B\x14E\x14\x82\xca\x14\x02\xf6/l\x0b\x17\x8fk\xe8\xef\x01\x1b\x91\xf3\xd0\xb9\x8c\xcez\xcb\xe4\xc9\x93\xd9x\xaf\xd9l\x1e=q\xc4ko\x0eP\x1cJa\xe1=\x8e\xf7\xde9\xb6,\x87\x9f\xbf\xef\xda\xaf\xbf\x9b4zjfF&amp;\x11\r\x1d:t\xda\xb4i\x81\x81\x81(\x07]\x8d\x15p\x9e|\xf2\xc9\xed\xdb\xb7K\x92\xf4\xf9\xba\xc5\xad\xdb\xb7\xb4f\xe7\xdc:\x9eEI\x8ci\xf2\xcc\xf93\x7f\x84\x87\x87\x1f;v\xccb\xb1x\xebS\xac\x11x\x7f{w\'\xd8\xfan&lt;t7\xd8;\x01l.\xa3\xbb\x8f\xe5\xee8\xa7\xf9\'\'\'w\xec\xd8\xd19\xde\xbb:\xfe\xeb!o\xbdQ\x90_`\xb3\xdd\xfbx\xef\x9dc\xd3\x8d\xac\xd99=^\xec\xb6v\xf3\x8aF\x8d#\x89h\xfe\xfc\xf9\xad\xdb\xb4\xde\xbf\x7f?F\x86\x9dX\xeb\xbff\xcd\x9a\x1d;v\x10Q\xe7\xaeO\xb7{\xbaMv\x96\xf5\xd6\xad\xbf\xaa\xaa\xfe\xfe~\xe3\xa6\x8e\xd14\xed\xcf?\xff\x9c3g\x0e\x0fw\xa5\x1b!\x00\xfezP\x9d&gt;}\xfa\x1f\x7f\xfc\xc1\x96`s\xf7\x11\x95\x15\xd6\xfa\xab\xaa\xfa\xde{\xef9\x17\xa9v\xf7A\xdd\x11\xe7\x16\x9b+V\xach\xde\xbc9{\xd9\xad\xdfk\xff\xb7r\xc3\x97\x8d\x1aGf\\\xc9t\xe5\xd3\x1b;\x92\x8c\xb4\x8c\x9auj\xac\xfc\xf9\x8bac\x06\x0b$$&amp;$\xb6j\xd5\x8a\xcda\xc74vv]Y\xad\xd61c\xc6\x10Q``\xb9\xa1c\x06\x17\x16\x14\xde\xf6;\x92$)\xc7\x9a\x1b\xd3\xb9]\xf3\'\x9b\t\x820k\xd6\xac\xe4\xe4d\xb6g\xa7+\x8e\x9b?\xbc\x07\x00\x9b"\xb9l\xd9\xb2w\xdey\xa7a\xc3\x86\xcb\x97/\xa7\xe2\xa9\x0b^\x86}\xa8C\x87\x0e=\xfc\xf0\xc3\xe3\xc6\x8d\x1b9r\xa4\xa7\x94\xad\xd9x\xaf\xd5j}\xf5\xd5W{\xf7\xee\x9d\x96\x96\x16\x1a\x16\xba\xa0x\xbc7\xc7\x9a\xe3\x96\xaa\x8bl\x92\x0b\xf2\nTU\x1b7m\xcc\xb2u\x9f\xd5\xa8]\x9d\xbd|\xd7\xabW\xafK\x97.\xb1\x07\x05O\xc9\xd7R\xc7\xba\xff\xf3\xe6\xcd;{\xf6\xac\xae\xeb\xaf\x0cy\xb9\xc1c\xf5\xaf\x9e\xf8\x7f\xbb\x7f\xae\x8d\x9f\xfe6\x1b{\x1f?~&lt;\x15\'\n\x94:\xae\x03\x80U~\x8e\x1c92d\xc8\x10I\x92\x82\x82\x82\xa2\xa3\xa3\xc9K\'M\xb2a\xe1Z\xb5j\xd5\xae]\x9b\x88\x96,Y\xb2t\xe9RY\x96\x8d\x9c\x01\xce\xf1\xde\xdd\xbbw7i\xd2\xe4\xb3\xcf&gt;#\xa2\x16m\x9a\xaf\xdd\xf4M\xb7\xff{\xbe\x8c\xc6{\xef\x9c(\x89\xba\xae_I\xcdh\xd7\xa9\xed\xb7\xbf\xacz\xfa\xd9\x0eD\xb4r\xe5\xca\xc6\x8d\x1b\xc7\xc7\xc7\xb3\x91a\xaf\xecL\xdc\x1a\xbb\xad\xce\x9c93o\xde&lt;A\x10\xaa\xd7\xaa&gt;h\xc4\xc0\xac\x8c\xac;\xcciQ\x14\xf3r\xf3\x1fm\xd4\xa0G\xdfnD\xb4j\xd5*6\x84`\xe4\x0b\xd5s\xf1;\x08\xcc\xc6B\x89\xe8\xf1\xc7\x1f?t\xe8\x10ke\x9ex\xe2\t/~i\x96\x95\x80\xacVkdd\xe4\xb9s\xe7\xfc\xfd\xfd\x8f\x1c9R\xb3fMc~\xe4\xab\xc7{\xa7\xcf\x98n+\xb2\x99\xcd\xe67\x86\xbf6b\xfc0]\xa7\xfc\xbc|\xe3\x0c\xb7*\x8a\xe2\xeb\xebk\xf61/\xfeh\xd9\x9ci\x1f\xe6Xs\x04A\x88\x8d\x8d}\xff\xfd\xf7Y\xc4r5\x99\x9d}q\xfd\xfa\xf5[\xbe|\xb9 \x08s?\xfd\xa0\xc7\x8b\xdd\xee&lt;\x00\x88H\xd7u\x93\xc9\x94\x9d\x9d\xdd\xb6Q\x07kvNd\xa3\xc8\xdd\xbbv\x9bL&amp;\x8c\x06\x97:\xc3\xdd\xf6.\xc3\xfa)o\xbd\xf5\xd6\xa1C\x87\x88\xe8\x83\x0f&gt;x\xe2\x89\'\x14E1`SXZX\xcd\'88\xf8\xeb\xaf\xbf6\x99L\xf9\xf9\xf9}\xfa\xf4q\xae\xbc\xe8\xee\xa3\xfb\x1b{\xff\xee\xea\xf1^[\x91\xadf\xed\x1a_\xfd\xb8l\xdc{c\x0b\xf2\x0b\xefyu\x872"\xcb\xb2\xddn\xcf\xcd\xc9\x1d&lt;r\xe07?-o\x18\xf5\xa8\xae\xebs\xe7\xcem\xdd\xa6\xf5\xe9\xd3\xa7Y\xef\xd5Pg\xb8\xec\xb0\x81\xfa\x9d;w~\xf5\xd5W\x82 &lt;\xde4\xaa{\xdf\xe7\xad\x99\xd6\xbb\xfa\xbe\x04A(**\xaaR\xb5\xf2\xd0\xb7\x06\xe9\xba\x9e\x98\x80)\xa1e\x85\xd3\'\x00\xd6\xe7MJJj\xdc\xb8\xb1\xa2(O=\xf5\xd4\xe6\xcd\x9b9\x99\xc3\xc7&gt;\xe6\xe4\xc9\x93\'M\x9aDD\x0b\x16,\x18&lt;x\xb0qz\xa9\xce#Y\xb5j\xd5\x90!C\xd2\xd3\xd3\x89\xa8\xe7\x8b\xdd\'\xccx\'(8(\';G6\x19\xf7;R\x1cJ`P9\x87\xc31m\xdc\xcc%\x9f|ND\xa1\xa1\xa13g\xce\x1c0`\x00\x19x\x15\xa9\xd2\xc2z\x12\x0e\x87\xa3Yt\xb3\xa4\xc4$Y\x96Wm\xfc*\xaaI\xa3\xfc\xbc\xfc\xbb\xedW\xe9\xa4\x8b\x82 \x88\x7fO\t=~\xfcxpp0\x1e\x02J\x97\xd7\xf6v\xef\xc4\xf0\xe1\xc3\x15E\t\x0e\x0e\xfe\xcf\x7f\xfe\xe3\x89o{\xdd\x1b\xd6!}\xe7\x9dw\x1a5j$\x08\xc2\x84\t\x13\xd2\xd3\xd3\r2\xd1\x82\x8d\xf7\xe6\xe6\xe6\x0e\x1b6\xacg\xcf\x9e\xe9\xe9\xe9a\xe5C\xe3\x16\xcf\x99\xb3p\xa6\x8f\x8fOnN\xae\x91[\x7f"\x92Mr^^\xbe\xa2\xa8\xd3\xe3\xfe=\x7f\xe9\xdc\xf0\xca\xe1\x99\x99\x99\xaf\xbe\xfa\xea\x0b/\xbc\x90\x91\x91\xc1F\x86\xdd}\x8ce\xc8\xb9\xe3cRb\x12\x11\xf5|\xb1{\xf4\x93Mssr\xef\xe1\xce\x12HP\x94\x7fL\t\x9d0a\x02\x1e\x02J\x1d\x17M\xde5\xd8\xcc\x9f\xf9\xf3\xe7\xb3\x19\xca\xa3G\x8f\xaeU\xab\x96\x17\xaf\x98v\r\xd6\x812\x99Ls\xe7\xce\x15E1++k\xd0\xa0A\xce\xcd\xe8\xdd\xc59\xde\xbb\x7f\xff\xfe\xd6mZ\xcf\x9f?\x9f\x88Z\xb4i\xbe:\xfe\x9b\x9e/v\xb3f\xe7\xb0lp\xe3\x11\xde\xa1\x9b-!\xd7\xbc\xb9\x97/!\xc7F\x98233\xc7\x8e\x1d\xcbv|\x1c1~X^N\xfe=\x7fk\x92$Y\xb3s:\xfc+\xa6c\x97\x18"b\xcb\xc9!\x03J\x17\x17M\xde5X\x0bx\xe5\xca\x15"\xaaS\xa7\xce\xa8Q\xa3\xbc\xfe\xd9\xfc\x1a\xac+\xda\xa2E\x8b\xbe}\xfb\xea\xban\xb3\xd9\x1c\x0e\x87\x1b\xf3\x8f\r\xbd\x88\xa28o\xde\xbcV\xadZ%&amp;$\n$\x0c\x1b3\xf8\xcb\xef\x97\xd6\xacS\xe3Jz\x86g\xbd\xb9\xc6v&amp;\xc8\xbc\x92Y!\xbc\xc2W?,\x1b?m\xac\xd9l&gt;y\xf2T\xdb\xa7\xdaN\x9e&lt;\xd9\xb9h\xab\xbb\x0f\xb3\x94\xb1\xee\xff\x9c9s._\xbe\xaci\xda\xb0\xd1\x83\xaaT\xad\\TTT\x92/N\x10\x04\xc5\xa1\x0c\x1f7\xcc\xeccV\x14e\xd8\xb0aX\x1d\xa8tqz6\xd9\xc5:k\xd6,\x8b\xc52`\xc0\x00\xde\x02\x80\x8awP9|\xf8\xf0\xa2E\x8b&gt;\xfe\xf8cv\x19\xb8\xbe\x91u\xbe\xdf{\xe9\xd2\xa5W^y\x85\xbd\xe1U\xa3v\x8dI\xef\x8f\xef\xd0\xa5]VF\xb6G\x97\xe6\xd8I\xb6\x84\x04\xef\xdf}p\\\xec\xc4c\xbf\x1d\'\xa2\x0e\x1d:\xc4\xc5\xc5\xd5\xa9S\xc7\x9b6\x17c\x9f\xf4\xf4\xe9\xd3\x8f&lt;\xfa\x88\xe2P\xaa\xd7| ~\xffO\xba\xa6i\xba.P\x89&gt;\xa0\xa2(a\x15\xc2&amp;\xbd\xf5\xef\xff\xcc[DD\xf1\xf1\xf1\xed\xdb\xb7\xe7\xf0\x86-#\x9c\x06\x00\x15g\x00q\xb3c\xa2\x019\xbf\x82U\xabV\x8d\x1c9\xe2\xc2\x85\x8bD\xd4\xf9\xf9NSfO\xa8T9&lt;\xf3J\x96\xc1+\xfewHQ\x94`KP\x8e5w\xf2\x98i+\x97\xaf&amp;\xa2\x8a\x15+~\xf8\xe1\x87\xbdz\xf5"o\x19\x19\xbef\xc7\xc7\xc5+\xff\xd3\xa1K\xfb\xdb.\xfbs\'\xfe\x9a\x12\x9a\x95\xdd\xb1Y\x97+\xe9W\xea\xd4\xad{\xec\xe81\x16\x9c\xb8mK\xceS\xfbV%\xc7\x8a\x89h\xfd\xddUQee\x1f\xe7x\xef\x85\x0b\x17\x83-\xc13\xe6O]\xf4\xcd\xc7\x81\x81\x81\x99\x19^\xd2\xfa\x13\x91,\xcb9\xd9\xb9&amp;\xb3i\xce\xc2\x99q\x8b\xe7\x84\x95\x0fMKK\xeb\xdd\xbb\xf7\xab\xaf\xbe\x9a\x9b\x9b\xeb\x05#\xc3\xd7\xef\xf8\xd8\xe1_1\xa5\xd2\xfaS\xf1\x94\xd0\xaa\xf7\xdf7\xfc\x9da\x9a\xa6\x9f:yj\xe1\xc2\x85\x18\t(-\xfc&gt;\x01\x80\xbb\xb0W\xf0$IJJJzm\xe0k\x89\t\x89D\x14\xd5$\xf2\x83\x8f\xa7\xd7{\xb8^Vf\x96(\x88\x82\xe8m\xa9\xcc&gt;uX\xf9\xd0\xe3G~\x9f\xf8\xd6\xbfwn\xd9ED\x8d\xa2\x1a}\xb4\xe0\xa3\xc6\x8d\x1b;\xb7\xf3t\xf7a\xde\xb5\xabw|&lt;}\xfa\xb4\xc9d\xfai\xe7\xb7\x11\x0f\xd5-\xb8\xe3\x85\x1f\xee\x90(\n\xcf=\xd5\xf3\xf8o\'BBBRRR,\x16\x0by\xe9K\xfb\xae\xe4y\x17\x9cGc%o\xe5:F\xdbe\xbe\xec8\x97u\x9b?\x7f~\xdb\xa7\xda:\xc7{\xbfY\xffE\xcd:5332%I\xf2\xbe\xd6\x9f\x8a\x97\x90\xbb\x92\x9eQ\xb3N\x8d/\xbf_:l\xcc`"\xf2\x82%\xe4\xae\xde\xf1Q\xd7\xf5\xfe\x83\xfa=\x12\xd9 \xef\x9a\x1d\x1fKLU\xd5\x80r\xe5FO\x1c\xa9\xebzff\xe6\x84\t\x13\xf8\\f\xa3\xd4\xe1\t\xc0\x15\x9c\xcbN\xdc\xfa\xa1\xd8\xd95v\xd5q\xb9\x1a\xab\x15\\\xbati\xc4\x88\x11+W\xae$\xa2\x1a\xb5\xabOz\xff\xdd\x0e]\xdaegZ5U\x13%\xef\xef\x91\xb0\xf1\xd2\x900\xcb\xc6\x1f6O\x1a=\xf5\\\xca9"\xea\xd0\xa1\xc3\xe2\xc5\x8b\xabT\xa9\xe2YC\x02\x7f\xef\xf8\xf8\xd0CV\xab5\xac|\xe8\xc6\xbd?ZB,\x0e\x87\xa3\xd4\xfb\xe6\xaa\xaa\x06\x05\x07\xbe\xdak\xd0\x86\x1f\xe2M&amp;\xd3\xd1\xa3G\xeb\xd6\xad\xeb\xd1s\x04\x8c\x80\xaf\x00p}\xc5\xff\x9a6=//\xef\xe4\xc9\x93\xc9\xc9\xc9\x7f\xfc\xf1Gvv\xb6\xcdf3\x9b\xcd\xa1\xa1\xa1u\xea\xd4i\xd0\xa0A\x9d:u\xa8x\xe1Cw=\xdb\x96\xdd)b?9&gt;&gt;\xbe\x7f\xff\xfe\x97.]"\xa2\xa7\x9f\xed\xf8\xde\xbc\xc9\x15+W\xcc\xba\x92%\xc9\x9e4\xd1\xb3\xe4\x14\x87\x12Z&gt;\xe4\xf2\x9f\xa9\x13FN\xf9q\xedz"\xaaR\xa5\xca\x92%Kbbb&lt;h\\\x8a\xc5\xd5\xcb/\xbf\xbcl\xd92"\x9a\x1e7\xb5\xff\x1b/^I\xcf(\x8b7\xea5M\x0b\x08\xf0?y\xe2\xf43-\x9fs\xd8\x1d\xed\xda\xb5\x8b\x8f\x8f\xf7\xac\xbc4 \xbe\x02\x80\x8a\xfb_.\xbe\xc1\xb2\xb3\xb37l\xd8\xf0\xddw\xdf\xed\xd9\xb3\xe7\xc2\x85\x0b7\xfc;f\xb3\xb9q\xe3\xc6\xaf\xbf\xfe\xfa\x0b/\xbc@W\xcd\x90q\xa5\xb2\xfb\xa5\xec\';\xd7\x9f\xa8P\xb1\xc2\xa0\x91\xaf\r\x18\xd2\xdfn\xb3\x17\x15\x15\xf1\xb0\x02\xc7\xf5\x14E\xf1\xf1\xf1)\x17\x18\xb0\xf4\x93\xe5s\xa6}\x98\x9ev\x85\x88&amp;M\x9a4q\xe2Dc.\xcfw\rv+%%%EGG\xdbl\xb6\xc7\x9bF\xad\xd9\xf4uA\xfe\xed\x17\xfd\xbfg\x7fM\t\x1d\xf5\xef\xff|\xb8\x88\x88V\xadZ\xd5\xbd{wd@I\x18\xfd"+E\xba\xae\xe7\xe4\xe4\xb8l\xe65\x1b\x1c;\x7f\xfe\xfc;\xef\xbc\xd3\xa0A\x83\x17^xa\xd5\xaaU\x17.\\`\x1b\xcd\xfb\\\xc5l6K\x92d\xb7\xdbw\xee\xdc\xd9\xa7O\x9f\xa7\x9f~:55\xd5-[\xd3\x88\xa2\x98\x9f\x9f\xefp8J\xfd\'\xb3Z\x01\xabq\x0b\x820\xea\xdd\xd8Q\xa3\x87\xe7Xs\xecv;\x9f\xad?\x11\xc9\xb2\xac8\x94+\xe9\x19\x83\x86\xbd&gt;\xea\xdd\xe1\xec\xb2d\xa7\xc8#\xaa\xdb\xecIe\xe4\xc8\x916\x9bM\x92\xa47\xc7\x0e\x91e\xb9L/ZI\x92rsr\x07\x8fz\xbdz\xcd\x07\x04A\x18?~\xbc\xddn\xc7\xaba%\xc1E\x00\xb0\xeb#;;;**\xaaU\xabV\x1f~\xf8!\x15\xdfie\x87\x8dv\xae_\xbf~\xfa\xf4\xe9\x17.\\\x90$\xc9l6\x9bL&amp;"r8\x1c\xb6\xab\xd8\xedv]\xd7%I\x92$I\x96\xe5\r\x1b6\xb4k\xd7.##\xc3e\x8bt\xb2S\xb1e\xcb\x966m\xdaDDD\xec\xda\xb5\x8bJ\xfb\xfc\xb0^a\xbf~\xfd|}}u]O\xdc\x9f\x94S\x94C\x9e9\xef\xa5\x14\t\xa2 \x08B^Qn\xe2\xfe$]\xd7}}}\xfb\xf5\xebG\x9epZX\xbf{\xf5\xea\xd5w\xb5\xe3c\t\t\x82`\xb7\xd9+V\xae\xf8\xc6\xf0\xd7t]?}\xfa\xf4\xacY\xb30%\xb4$\x8c~\x9d\x95\nv}\xec\xd9\xb3\'99y\xc7\x8e\x1d\xe1\xe1\xe1T\xf6{\x0c\xb1;\xa1o\xdf\xbe\xd5\xaaUcK\x99\xdb\xedv\x87\xc3\xa1\xeb\xfa}\xf7\xdd\xd7\xb4i\xd3\x8e\x1d;v\xe9\xd2\xe5\xc9\'\x9f\xbc\xff\xfe\xfb5Mc+\x06+\x8ab6\x9b\x8f\x1e=:p\xe0@\x97]\xd9\xac\xefY\xb3f\xcd\xad[\xb7^\xbcx\x91\xbd\x8e[\xba\xe7\x87}\x96\x1a5j&lt;\xf6\xd8cD\xb4m\xf3\x8e\xf4\xd4+&gt;&gt;&gt;\x9c\xf7\xddt]\xf7\xf1\xf1IO\xbd\xb2m\xf3\x0e"z\xec\xb1\xc7j\xd4\xa8a\xfc\xfa\x0f\xfb\xd6\xecv\xfb\xb8\xf1\xe3\x88(0\xe8Nw|,9\xb6\xc6F\xcf~\xdd\x9fh\x16EDl\xe5\t\xcc\x08\xbag\x86\xbe\xceJ\x0b\xbb^7m\xda$\x08BHHH\xcb\x96-\xe9v\x13rJN\x10\x04EQ\x82\x82\x82\x06\x0c\x18\xe0p8\x14Ey\xe4\x91G\xa6L\x99\x92\x90\x90p\xea\xd4\xa9={\xf6\xfc\xfc\xf3\xcf\xdf\x7f\xff\xfd\xd6\xad[O\x9c8\xb1q\xe3\xc6\xa6M\x9b\xb2;\xdfn\xb7K\x92\xb4v\xed\xda]\xbbv\xb9f#$Vnz\xe0\x81\x07\x9a6m*\x8a\xe2\x96-[\xcab\xe55\xf6\xe9\xbav\xedJDi\xa9\xe9\xfbw\x1f\xf4\x0f\xf0\xe3\xfc\xbe\xd54\xcd?\xc0o\xff\xee\x83i\xa9\xe9D\xd4\xb5kW\x8f\xe8\xcf\xb2y\r\xb3f\xcdJ&gt;\x9d\xac\xeb\xfa+\x83\xefn\xc7\xc7\x12\xd2u\xddd\x92\x87\x8d\x19"IRFF\xc6\xdbo\xbf\xed\xdd[y\x97).\x02\x80\xddT\x87\x0f\x1f\xd6u\xbdn\xdd\xba\xe1\xe1\xe1\xae\x99h\xc1\xae\xcb\xfe\xfd\xfb\xf7\xec\xd9s\xc3\x86\r\x87\x0f\x1f~\xf7\xddw\x1b5j\x14\x10\x10\xc0^\x08`\xd3\xff\x03\x02\x02bbb\xb6m\xdb\xd6\xb6m[vk\xb1a\xea/\xbe\xf8\x82\\\xb5\x1b*+X5i\xd2D\xd3\xb4\xb3g\xcffee\x95zi\x95\xb5\x0e]\xbat\xf1\xf1\xf1!\xa2\xf8\x1f7y\xca\\\x972%\x08B\xfc\x8f\x9b\x88\xc8\xc7\xc7\xa7K\x97.d\xf8\xfa\x0f\x0b\xf23g\xce\xcc|\x7ff\xf1\x8e\x8f\xaf\xdd\xd5\x86_%$IRv\x96\xb5\xdd\xd3m:?\xdf\x89\x88\xbe\xf9\xe6\x9b\xc4\xc4D\x8f\x08N\x032\xf4\xa5V*\xd8L\xe1\xbc\xbc\xbc\x94\x94\x14"j\xd2\xa4\x89\xcb\xf6\x17e\x03\xceU\xabV]\xb1bE\x87\x0e\x1d\xd83\x81s\xfd\tV\xf4g!a\xb7\xdb\xcdfs\\\\\x9c\xc9db\x7fA\xd7\xf5\x03\x07\x0e\xb0\xb1\x01\x17\x1c*k\x8b[\xb4hAD\xd9\xd9\xd9\xa7N\x9d\xa2\xd2\x1e\x8ad\xb7h\xed\xda\xb5\xa3\xa2\xa2\x88h\xef\xce\xfdW\xd2\xae\x98L&amp;n\xfbnl\x95\x9b+iW\xf6\xee\xdcODQQQ\xb5k\xd7\xf6\x88\xfa\x8f \x08S\xa6L\xc9\xb1\xe6\x10Q\xec\xd8!\xe5\x82\x02]\xbc\x9a\x85(\x8a\x85\x05\x85CG\x0f\n\n\x0e\xb2\xd9l\xa3F\x8d\xc2P\xf0\xbd1\xf4\xa5V*\xd8e\x91\x92\x92\xc2\xf6\x96j\xd8\xb0\xa1\xeb\x0f\x80u\xf6u]\x97e\xf9\xfaiH\x82 \x98\xcdf]\xd7\x1f|\xf0\xc1\x88\x88\x08\xe7\xd3Ijjj~~\xbek\xael\xf6\x1b\x1fz\xe8!___\xf6\xb4De\xf0\xf0\xc1Z\xb7v\xed\xda\x11QZj\xfa\x89c\xa7|\xfd|\xb9\xed\xb8i\x9a\xe6\xeb\xe7{\xe2\xd8)V\xffi\xd7\xae\x9d\xf1\xbb\xb1l\xecw\xc7\x8e\x1d_}\xf5\x15\x11\xdd\xdb\x8e\x8f%\'\x8ab^^\xfe#\x91\r^|\xb5\x0f\x11m\xdf\xbe}\xcd\x9a5\xd88\xfe\x1e\xf0\x12\x00g\xcf\x9eu8\x1cf\xb3\xf9\xd1G\x1f%\xd7&gt;e;;\xfb\xb7\xaex\xb0\xe3\x0c\x0b\x0bs\xfe\x89\xddnwY\xc7\x8a\xc5L\xb5j\xd5\xaaV\xadJD\xc9\xc9\xc9T\x06/\xa3\xb1\x1f\xd8\xbe]{Q\x14UE\xdd\xfc\xd3/f\x1f\xae\x9f\x00\xcc&gt;\xa6\xcd?\xfd\xa2*\xaa(\x8a\xed\xdb\xb5\'OX\xdcF\xd3\xb4w\'\xbc\xab\xaa\xaa\xd9\xc7&lt;v\xca(UQK\xb6\xde\xf3=\x92e9;3\xfb\xb57_\xb9\xbfz5]\xd7\xc7\x8c\x19c\xb5Z\xc9U%S\xaf\xc1K\x00\xa4\xa4\xa4H\x92\x14\x18\x18X\xbdzu2\xe4m\xc6\xea\xfeyyy\xce?\xf1\xf3\xf33\x9b\xcd.\xfb\xed\xba\xae\xfb\xfb\xfbW\xabVM\x14\xc52\n\x00\xb6[V\xa3\xa8Fu\xeb\xd6%\xa2\xad\x9b\xb6ggf\xb3\xa9\xb1\x1c2\x99L\xd9\x99\xd9[7m\'\xa2\xbau\xeb6\x8aj\xe4\xb2\x8a\xdf\xbda\xdd\xff/\xbe\xf8b\xc7\xf6\x1dD\xd4\xe9\xd9\x8e\xcd[7\xbb\xb7\x1d\x1fK\x8eM\xab\xab\x18^a\xe4\xf8XA\x10\xce\x9e=;o\xde&lt;&lt;\x04\xdc-\xef\x0f\x00\xd6\x8a%%%\xa9\xaaZ\xa9R%6\x0f\xdd\xdd\x07u-V\xf7OOOg-/S\xa5J\x15\x7f\x7f\x7f\x97-\x0c\xc0N\x0b\x9b\x86x\xf4\xe8\xd1\x82\x82\x82\xb2\xa8&gt;\xa9\xaaj6\x9b;w\xeeLD\xe7\xce\x9c?\x9cp\xc4\xdf\xdf\x8f\xc3\x9bVUU\x7f\x7f\xbf\xc3\tG\xce\x9d9OD\x9d;w6\x9b\xcdF&gt;\x0f\xd7\xef\xf88z\xd2\xc8\xdc\x9c&lt;7&amp;\x96,\xcb\x99\x19Y\xdd\xfa&lt;\xc7\xa6\x84\xce\x9b7\xef\xcc\x993\x06\xd9\xdd\xdaSx\x7f\x00\xb0Q\xd6\x0e\x1d:t\xe8\xd0\xa1F\x8d\x1a~~~\x06\\k\x85m\x0e\xf5\xd9g\x9f\xe5\xe4\xfc\xbd\x8az\xf3\xe6\xcd\xa9\xec_Xsr\x06@\xc3\x86\r_\x7f\xfdu*\x9b\xe7$\xf63\x9f\x7f\xfeyV\xef\xde\xbc\xfeW\x13\x97U ]\xd7M&gt;\xa6\xcd\xeb\x7fe\xe3"\xcf?\xff&lt;\x19\xf2\xc1\xd4\xe9\xfa\x1d\x1fk\xd6\xae^TX\xa2\x1d\x1fKN\x10\x04U\xd5\xc6L\x1e\xe5\xe3\xe3\x93\x9d\x9d=e\xca\x14\x8c\x06\xdf\x15\xbeN\xd6\xe5\xcb\x97+V\xach\xb4Y\x16\x0e\x87\xc3d2\x1d8p\xa0u\xeb\xd6EEET\xdc\x10\x1c&gt;|\xb8~\xfd\xfa.\x9e\x16\x92\x9a\x9a\xca^\x94+;\xba\xae;\x1c\x8eG\x1f}\xf4\xe4\xc9\x93\xb5\xea\xd4\xfcy\xf7w\x82\xc0\xdd&lt;nA\x10t]{:\xfa\xd93\xc9g\xeb\xd5\xab\xf7\xdbo\xbf\xb1\xb7\x05\xdd}\\7\xc6\x96\xfdIII\xa9\xdf\xa0\xbe\xc3\xee\xa8Q\xabz\xfc\xfe\x9f4\xd5\x10\x1dmEQ*\x84\x97\x7f\xbd\xcf\x90u+\xbe\x97$i\xcb\x96--[\xb6\xc4\x02Aw\xc8XMa\xd9a3\xee+U\xaad\xcc\xd6\xff\xe0\xc1\x83\x9d;w.((`U`UU\x07\x0f\x1e\\\xbf~}\xf6d\xe0\xca\xe3a\xad\x7f\x99\x0e&gt;\xa3\n\xe4\xa1\xf5\x9fq\xe3\xc6\xd9mv]\xd7\xc7M\x1bk\x9c\xafL\x92\xa4\xdc\x9c\xbc\xb7&amp;\x8e\x0c\t\rQUu\xc2\x84\t\x0690\x8f`\xac\xd6\xb0\xec8g\xdc\xbb\xfb@\xfe\xc6\x16~0\x99Ll\xf1\x9f\xb4\xb44Q\x14eYv8\x1c\xcd\x9a5\x9b1c\x86[\xa6\x84\xb3W\x10\xcatV\x1f\xaa@\x9eU\xffq\xee\xf8\xb8z\xf5j"j\xfed\xb3\x98\xceO\xe5Xs\r\xd2\xc5\x16\x04\xa1\xa8\xb0\xa8V\x9d\x1a\xfd\x06\xfe\x1f\x11m\xdf\xbe\xfd\xeb\xaf\xbf\xc6h\xf0\x1d\xe2\xab\x04d\x1c\xac\x9d\x15Eq\xc1\x82\x05o\xbe\xf9&amp;k\x08DQT\x14\xa5I\x93&amp;?\xfd\xf4SXX\x98\x01\xc7*J\x0b\xe7U \x0f\xaa\xff\\\xbd\xe3crr\xb2,\xcb?l_\xfb`\xfdz\xa5\xbe\xe3cI\xb0;E\x10\x84\x98&amp;\xcf\x9c?\xfbG\xadZ\xb5\x12\x12\x12\x02\x03\x03\xb1q\xfcm\x19\xe5+\xe4\x8a\xb3\xf5\x8f\x8d\x8d\x1d:t(\xfb\xef\xec=\xe1g\x9eyf\xd3\xa6Maaa\xac\xea\xea\xee#-+&lt;W\x81&lt;\xab\xfes\xf5\x8e\x8f\x9a\xa6\xf5\x1f\xd4\xef\xb1\xa8GK}\xc7\xc7\x12b\xf7N\xb9\xa0ro\x8e\x1dBD)))l\x97M\xc3\x9eU\xe30\xd0\xb7\xc8\x0fvS\r\x180\xe0\xc3\x0f?\x94e\x99\xcd[PUu\xf8\xf0\xe1?\xfc\xf0C``\xa0\xf1\xd7\x03(!\x9e\xab@\x1eT\xffa=\xeb\xac\xac\xacw\xdf}W\x14\xc5\n\x15\xcb\xbf:\xb4\x7f^n\xbeA\x8a?W\x93e\xd9\x9ai\xed\xde\xf7\xf9\'\x9aE\t\x820o\xde\xbc\xb3g\xcfbJ\xe8mys+cL\xac\xa2:m\xda\xb4\xc5\x8b\x17;W\xfe\x11\x04a\xe1\xc2\x85s\xe6\xccq&gt;\x1c\xb8\xfb0\xcb\x16{#\xec\xb1\xc7\x1e\xe3\xf0\x8d\xb0k\xde\xffz\xec\xb1\xc7\x0c\xfb\xfe\x17\x8b\xa8w\'\xbc\x9b\x95\x95\xa5i\xda\x88qoV\xbd\xff\xbe\xa2"7O\xfd\xbc)\x81TE\x1d3y\x94,\xcb\xd9\xd9\xd9c\xc7\x8e\xc5\x94\xd0\xdb\xf2\xf2\x86\xc6I\xd34\x17\xafWu\xb3\xc3\x90$\xe9\xc4\x89\x13\x93&amp;Mr\x8eS\xc9\xb2\xbcf\xcd\x9a\xd7^{MQ\x14#T-\xd9\xcaE.\xf8-\xff\xac\x02\x1d\xf5\x0f\xf0\xfe*\x90\xaa\xaa\xfe\x01~\x87\x13\x8e\x1a\xbf\xfe\xc3Z\xff\xc4\xc4\xc4\x85\x0b\x17\x12\xd1\xc3\x8f&lt;\xd4\xadO\xd7\xec,W/\xfbs\xe7DQ\xcc\xcd\xc9\x8d~\xb2i\x8f\xbe\xdd\x88h\xf5\xea\xd5\xdb\xb7o\xc7h\xf0\xad\xf1\x12\x00l\x82\r\xb9{\xa9\x10\xf6\xdb\x17,X\xc0\xdaz"\xd24m\xe9\xd2\xa5\xcf=\xf7\x9c\xc3\xe1`\xe5 7\x1e\x1e\x15G\x94\x0b:\xa4\xd7T\x816\xfd\xb4Y\xe6`eP]\xd7e\x93i\xd3O\x9b=\xa5\xfe3r\xe4HUQ%Izg\xea\x18\xffr\xfe\x06oL%I\xca\xcb\xc9\x1f1~\x98%$X\x10\x84\x91\xa3F\xdal6&lt;\x07\xdc\x02\x17\x01\xa0\xebzbb\xe2{\xef\xbd7x\xf0`r_\x06\xb0\'}EQ\xb6l\xd9"\x08\x02k\xf8z\xf5\xea\xd5\xa7O\x1f\xf66\x80[\x8e\xca\x89\xdd\xdb\x9f|\xf2\xc9\xa0A\x83\xb6n\xddj\xb7\xdb\xcb\xf4\xd7]S\x05:\xb87\xa1\xb0\xa0\xc0\x98\x95\x90R$IRaA\xc1\xc1\xbd\td\xec\xfa\xcf\xd5;&gt;\xea\xba\xde\xb9\xeb\xd3Oul\x9d\x9d\x99m\xc0C\xbd\x9a \x08EEEU\xaaV\x1e\xfa\xd6 ]\xd7\x13\x13\x12W\xacXa\xfc5V\xdd\xc8\xfb\x03\x80mu2i\xd2\xa4q\xe3\xc6\xed\xde\xbd[Q\x147\x06\x00\x11\xa5\xa7\xa7_\xb8p\x81\x8d\xfa\x12\xd1\xc0\x81\x03\r2\xe4\xcb\x0e\xef\xe4\xc9\x93\x9f|\xf2I\xef\xde\xbdm6[YoJ\xaci\x9a\xd9ln\xda\xb4)\x11\x9d\xfa=\xe5\xd4\xf1d?\xaf^\x1dZ\xd34??\xdfS\xc7\x93O\xfd\x9eBDM\x9b65\x9b\xcd\x06\xfc\xbc\xd7\xec\xf8\x18\x14\x1c\xe8\xb2\x1d\x1fKN\x92\xa5\\k\xee\x8b\x03\xff\xaff\x9d\x1a\xa2(\xbe\xfd\xf6\xdb\x99\x99\x99x\x08\xb8\x19\x0f\xf8FK\x88}\xf1\x8f?\xfe\xb8,\xcb\x7f\xfe\xf9gAA\x81{\xdf\x08\xcb\xca\xcab\x9b&gt;\x12Q```\xdd\xbau\xd9\x1b\x00\xee:\x1e\'v\x0c\xa7O\x9f\x96e\xb9A\x83\x06\x81\x81\x81\xaey\x11\x81\x95AlEE[\xe2\xb7y\xf7\xf6\x00l\x03\x80-\xf1\xdblEET\xfc\xc1\r\xe8\x9a\x1d\x1f_|\xf5\xff\x1e\x89l\x90\x97\x97o\x84\xab\xf4\xb6\x04\x12\x14E\xf5\xf7\xf7\x1b7u\x8c\xa6i\x7f\xfe\xf9\xe7\x9c9s\xf0\x10p3\x1e\xf0\x8d\x96\x8aj\xd5\xaa)\x8a\x92\x9f\x9f\x9f\x9a\x9aJn\x1d\t\xb0\xd9l\x0e\x87\x83\r\xb4\xda\xed\xf6\x80\x80\x00w\x1d\xc95\xd8\xfa\xba\x97/_V\x14\xa5Z\xb5jT\xf6g\x895(-[\xb6\xacR\xa5\n\x11m\xfe\xf9\xd7\xc2\xc2B\x83\x17\x19JB\x92\xa4\xc2\xc2\xc2\xcd?\xffJDU\xaaTa{S\x1b\xadU\xfd{\xc7\xc7\x993\x05A\xa8\xf6@\xd5\xd7\xde|%;3\xdb\xb0c\xbf\xd7\x93$)\xc7\x9a\x1b\xd3\xb9]\xf3\'\x9b\t\x820k\xd6\xac\xe4\xe4dL\t\xbd!c]|e\x81\xf5a\xeb\xd5\xab\'\x8ab~~\xfe\x91#G\xc8M\x01\xc0\x8e$88\xb8u\xeb\xd6m\xda\xb4i\xdd\xbau\xc7\x8e\x1d\rr_\xb1\xf7\xce._\xbe|\xf6\xecY"z\xf0\xc1\x07\xa9\xec\xcf\x92 \x08\xaa\xaa\x06\x06\x06\xb6o\xdf\x9e\x88\x8e\x1f\xf9\xfd\xe4\xb1S\xdeZ\x05b\xf5\x9f\x93\xc7N\x1d?\xf2;\x11\xb5o\xdf&gt;00\x90\xd5\'\xdd}h\xff\xf0\xf7\x8e\x8f99D4\xea\xdd\xe1\x15\xc3+\xd8\xedv\xa3\x1d\xe7m\xa9\xaa6~\xfa\xdb\xb2,\xdbl\xb6\xf1\xe3\xc7\x93\xbb\'\x80\x18\x93\xf7\x07\x00\xeba\xd5\xaaU+$$\x84\x88~\xfb\xed7rk\x00\xd4\xacYs\xcb\x96-\xbf\xfe\xfa\xeb\x96-[\xbe\xfd\xf6[\xf6\x04\xe0\xf6\xbb\xcb9\x00\xc0v\xa4i\xd0\xa0\x81+\x8f\xaa[\xb7nDd\xb7\xd9\xb6\xc4o\xf7\xd6*Pq\xfdg\xbb\xddf\xa3\xe2\x8fl4\xd7\xef\xf8\xd8\xad\xcfs\x99.\xdc\xf0\xbd\xb4\x88\xa2\x98\x97\x9b\xffh\xa3\x06lJ\xe8\xaaU\xab0%\xf4\x86\xbc?\x00\xd8\xf8Ohhh\x8d\x1a5\x88h\xff\xfe\xfdn\x7f\xd3J-f\x9c\x96\x8e\x05\xc0\xfe\xfd\xfb\x89(00\xf0\xa1\x87\x1e"\x97\x04\x00?U \x8f\xa8\xff\x10\x91\xaa\xaa\xff\xd8\xf1Q\xf5\xd4%I$I,\xc8+\x1c1n\x98%$X\x14\xc5\x91\xa3F\xb2\xb9\xd7x\x0e\xb8\x9a\xe1\xae\xbf\xb2\xa0i\x9a,\xcb\xf5\xeb\xd7\'\xa2\xdf~\xfb-++\xcb\x8d\xe3\xc0\xec\xf7:\xe7\xda\x1b$\x03XK\xb4c\xc7\x0e"\xaaZ\xb5j\xa5J\x95\\\x13\x93\x9cT\x81&lt;\xa2\xfe\xa3(\x8a$I_\x7f\xfd\xb5\x11v|,\xb9\xbf\xa6\x84V\xab2\xf4\xadA\x9a\xa6%&amp;$.\\\xb8\x10\xa3\xc1\xd7\xf0\xc8\xaf\xf6n\xb16\xb7u\xeb\xd6\x82 \xa4\xa5\xa5\x1d&gt;|\x98\xdc\xd7\xf2\xb2=\xe2\xf3\xf3\xf3\xadV+\x9b\xff\xe3\xf6.\tk\xeb333\x13\x13\x13\x05Ah\xd6\xac\x99\xeb\xa7\'zw\x15\xc8\xf8\xf5\x1fv\r\xe4\xe4\xe4L\x992E\x14EK\x88\xfbw|,9I\x96r\xb2s^z\xbdo\xfd\x86\x0f\x8b\xa28a\xc2\x04\xf7v\xfe\x0c\x88\x8b\x00`\x17q\xdb\xb6mM&amp;SPP\xd0\xce\x9d;\xddr\x18\xec\xb2\xbbx\xf1b\xdf\xbe}#""\xea\xd4\xa9\x13\x13\x13\x93\x90\x90 \x08\x82{\xdb;\xf6\xdb\x13\x12\x12\xd8Av\xea\xd4\x89\\8L\xc2C\x15\xc8\xf8\xf5\x1f6\xf9g\xe6\xfb3SRR4M\x1b\xfa\x96!v|,!\x81\x04UU\xfd\xfc\xfdFO\x1c\xa9iZff\xe6\x84\t\x13\xdc~\xbb\x19\nG\x151EQ\x0e\x1e&lt;X\xa7N\x1dY\x96-\x16\x8b\xeb\x0f\x80]vm\xdb\xb6\xdd\xb6m\x9b\xf3\x0fCCC\x8f\x1f?\xce\xf6\xe1r\xef\xcd\x96\x97\x97\xe7p8N\x9f&gt;]\xb7n\xdd\x90\x90\x10W\xeeF\xc0\xc6\x1e_~\xf9\xe5e\xcb\x96\x99}|~\xd8\xba\xfa\xc1\xfa\xf5\n&lt;\xe4\xcd\xa3\xdb\xd24\xcd\xdf\xdf\xef\xf7c\'\xbb\xb4\xeen\xb7\xd9^z\xe9\xa5\xa5K\x97\x1aj\xcfB\xd6\xfa\'\'\'\xd7oP_q(\xd5k&gt;`\x9c\x1d\x1fKNU\xd5\xa0\xe0\xc0W{\r\xda\xf0C\xbc\xc9d:z\xf4h\xdd\xbau\xdd&gt;\x10h\x10\x1c\x9d\x02Y\x96\x9b6mZ\xbe|yw\xb5\xfe\xa2(\x9e?\x7f~\xc7\x8e\x1dl{2A\x10\xccfsff&amp;[\x19\xc2\xed\xf3\x13\xca\x95+\x17\x12\x12\xd2\xb8qc6]\xca\xf5i\xe4\xadU \x8f\xa8\xff\x10\x11\xdb\xf1Q\xd34C\xed\xf8Xr\x82 h\xaa6|\xdc0\xb3\x8fYQ\x94a\xc3\x86a(\xd8\x89\xa3\x00 "UU\xcbzy\x83[\xcb\xca\xcab\x8b@\xb0U\xa0Y*\\\xb9r\xc5]\xc7s5vf\xd8)r\xf1\xaf\xf6\xee*\x90\xc1\xeb?\xecYd\xfb\xf6\xed\xc6\xdc\xf1\xb1\xe4DQ\xcc\xcd\xcd{$\xb2A\xff7\xfa\xe9\xba\xbei\xd3\xa6M\x9b6aJ(c\x94\xab\xd05$Ir\xefz\xcb\x15*T`\xf3\x7f\xd8\x13\x00\x9b\x93P\xb9rew\x1d\xcf\xd5\xd8\x99a\xa7\xc8\xf5\xbf\xfa\x9a\xb9@\'\x8e\x9e\xf4\x8e\xb9@l\xfe\xcf\x89\xa3\'\x8d9\xff\x87\x15\xfa\x14E\x199r$[1w\xfc\xf4\xb7Uo)\xfe8I\x92\x94\x9f\x9b\xff\xea\xd0\xfe\x15\xc3+\x88\xa20\xec\xcda\x98\x12\xca\xf0\x15\x00n\xc4\xda\xfa\xfb\xef\xbf\xbfC\x87\x0e\xce\'\x00\xbb\xdd~\xdf}\xf7\xb5m\xdb\xd6\x98KB\xba^\xf7\xee\xdd\x05A\xb0\xdbl\xbb\xb6\xee\xf1\xf5\xf7\x92\x00\xf0\xf5\xf7\xdd\xb5u\x8f\xddf\x13\x04\xa1{\xf7\xee\xee&gt;\xa2\x7fp\xee\xf8\x98\x98\x98\xa8iZ\xcf\x17\xbb=\xda\xa8A^\xaeg,\xfbs\xe7\xd8\x94\xd0\xaa\xf7\xdf7\xfc\x9da\x9a\xa6\x9f:y\nSB\x19\xaf\xfa\x9a\r\x8e\xf58\x96-[\xd6\xbf\x7f\xff\xaaU\xabV\xacX\xf1\xe9\xa7\x9f\x8e\x8f\x8f\x0f\r\r%w\x8f\x00\xbb\x1dkq\x9a6m\xca\xce\xc6\xfe\x9d\x07\x1c\x0eE\x10&lt;\xfe\xfa\x14\x04\xd1\xe1P\xf6\xef&lt;@D\xa1\xa1\xa1l\xe9S\x834\xafl \xf4\xea\x1d\x1fG\x8e\x8f-\xc8+\x94$C\x1c^\xe9\x92e9;\xcb\xda\xad\xcfs\xf5\x1b&gt;,\x08\x02\x9b\x12\x8a\x87\x00\x0f{\xc3\xbbt\xb1\xfcw\xd9\xdd\xc8\x9a\xf8\xb0\xb0\xb0\xc5\x8b\x17\x17\x14\x148\x1c\x8e\xe0\xe0`*~\x0cw\xcd1\\\x83\x8dC\x18\xe1\xe1\x83M\xce\xb3X,M\x9a4Y\xbf~\xfd\x81\xbd\t\x7f\x9c\xf9\xa3\xf2}\x95=q\x15\x1a\']\xd7}}}\xfe8\xf3\xc7\x81\xbd\tD\xd4\xa4I\x13\x8b\xc5b\x90\xd5\xbf\xa9x\xd5O\xb6\xe3#\x11\xbd9vH\xa5*\xe1W\xd23L\xb2I#o\xeb\x1a\x0b$(\xaab\t\xb1\x8c\x1a\x1f\xfbR\xb7W\xd9\x94\xd0\xf9\xf3\xe7\x1bj:\x96\xeb\xf1\x1b\x00\xee\xfa\xe2Y\x9b\xeb\xef\xefO.O\xa0\xeb\xb1\xa2\xbfA\xee\x01\xf6\xc2v\xf7\xee\xdd\xd7\xaf_\x9f\x9b\x93\xbbs\xcb\xee\x97^\xef[XX\xe8q\x0b\xd18\xb1\r wn\xd9\x9d\x9b\x93K\xc5\x05.UU\x8d\x10\x00,\x87N\x9d:\xb5p\xe1BA\x10\x1eo\x1a\xf5\xca\xe0\x974U\x0b\r\x0b\xf5\xd8\xc0\xbd=U\xd5\x9e}\xbeK\xb7&gt;\x1b\xd6|\xb5n\xe1\xc2\x85/\xbd\xf4Rdd\xa4q"\xd9\xf5&lt;\xf5\xd6*!\xd6\xf7\xd9\xbau\xab \x08\xadZ\xb5r\xe5\xa4`\xd6\xe6\xb2\x07O7^v\xec\x00\xfe\xf7\xbf\xffm\xdf\xbe\xbdo\xdf\xben|\nqb!\x14\x13\x13\x13\x1c\x1cl\xb5Z\xe3\x7f\xda\xdc\xf7\xd5\x17&lt;\xba\n$\x08\xa2\xaa\xaa\xf1?m&amp;\xa2\xe0\xe0\xe0\x98\x98\x18*\xfe\x98n\xc7\xae\xf9a\xc3\x86)\x0e\x85\x88\x9a\xb5j\xb2g\xc7&gt;kv\x8e,I\xdeZ\x13\x11\x88TM\xf3\x0f\xf0\x7f,\xea\xd1\xefW\xfd\xe8p8F\x8e\x1c\xb9m\xdb6\x9eG\x02x,\x81\xb1\xa5\x8fW\xadZ\xf5\xf2\xcb/GFF\xee\xda\xb5\xcb ]`WR\x14E\x96\xe5I\x93&amp;M\x9e&lt;y\xd2\xa4I\xef\xbc\xf3\x8eAv$\x16E\xb1s\xe7\xce?\xfd\xf4S`P\xe0\xc6=?xn\x15H\xd7u\xb3\xd9\xfc\xe7\xc5?;4\xeb\x92\x9b\x93\xfb\xcc3\xcf\xfc\xf8\xe3\x8f\x06\xe9l\xb2\x0b~\xdd\xbau\xdd\xbau\x93M\xb2\xa6j\xbc\xcd\x89d\x93\xf1TU]\xb5jU\xd7\xae]9l\x01\x18\xf7_\x8b\xae\xc7\x02`\xff\xfe\xfd\x85\x85\x85\xfb\xf6\xed[\xb3f\ro\x93\x82\xd9\x03\xd0\xd9\xb3g\xe3\xe2\xe2\x04A\xf8\xfe\xfb\xef\xc9\x18\xab\xa5\xb3\xbe\x18{U\x8aU\x81\xfc\x03&lt;\xf5\x8d\xa4k\xea?\xecC\x19\xa1\xb3\xc9\xfa\xfeV\xabu\xc8\x90!\xba\xae;\xec\x0e\x0f=\xc3%\xc1\xb6cRUu\xc8\x90!lU.#\\\xff\xae\xc7\xe3\x13\x00\xfb\xc8\xf9\xf9\xf9\r\x1b6&lt;s\xe6L\xadZ\xb5\x0e\x1d:\xe4\xef\xef\xcf\xe6\xe6\xbb\xfb\xe8\\\x81u\xff{\xf4\xe8\xb1z\xf5j\xb3\xd9|\xe0\xc0\x81G\x1f}\xd4\x08\x9dSV\x89\xba|\xf9r\xbdz\xf5\xacVk\xeb\xf6\xad\xbe\xfc~\xa95;\xd7\x13\xe7\xa5\xa8\xaa\x16l\t\xfc\xbf\x7f\xbd\xbcu\xd3\xf6\xe0\xe0\xe0\x93\'O\xb25V\xdd~\x8d\xb1c\xb0Z\xad\t\t\t\xac\xe1s\xfb!\xb9\x05\xfb\xe0\x9a\xa6EEE\x05\x07\x07\xf3y\x1ex\</t>
        </is>
      </c>
    </row>
    <row r="402">
      <c r="A402" s="1" t="n">
        <v>400</v>
      </c>
      <c r="B402" t="inlineStr">
        <is>
          <t>size_cycle</t>
        </is>
      </c>
      <c r="C402" t="inlineStr">
        <is>
          <t>What is the size of the missing circle denoted with a question mark?</t>
        </is>
      </c>
      <c r="D402" t="inlineStr">
        <is>
          <t>['small', 'large', 'medium']</t>
        </is>
      </c>
      <c r="E402" t="inlineStr">
        <is>
          <t>large</t>
        </is>
      </c>
      <c r="F402" t="inlineStr">
        <is>
          <t>There are circles arranged in a spiral with three arms. The first arm has circles of sizes ['small', 'medium', '?'], the second arm has circles of sizes ['small', 'medium', 'large'], and the third arm has circles of sizes ['small', 'medium', 'large'].</t>
        </is>
      </c>
      <c r="G402" t="inlineStr">
        <is>
          <t>We observe that the circles in each arm progress in size from small to medium to large. Thus, the pattern is that the circles in each arm get bigger as they progress away from the center of the spiral.</t>
        </is>
      </c>
      <c r="H402" t="inlineStr">
        <is>
          <t>Based on the pattern that the circles in each arm get bigger as they progress away from the center of the spiral, the size of the missing part that is farthest from center should be large.</t>
        </is>
      </c>
      <c r="I402" t="inlineStr">
        <is>
          <t>b'\x89PNG\r\n\x1a\n\x00\x00\x00\rIHDR\x00\x00\x02\x00\x00\x00\x02\x00\x08\x02\x00\x00\x00{\x1aC\xad\x00\x00\x8f\x08IDATx\x9c\xed\xddy@TU\xdb\x00\xf0\xe7\x9c{\xef\xcc\xb03\x80\xa0\xe6\x92\n\xb8\xe3\x16b.\xa5"\xd1jZ\xe6\x92\x99K\xa2\xbe\xa5\xa5i\x8bY\xa9_\xd9^\xfa\xe6R\x8a\x89\xa6\x96\xa9\xbdVVFHn\xe1\x02\xe2\x8a\x1b\xee\xe6\x86\x02\xc3\xce\xcc\xdc{\xcf\xf9\xfe8:\x91\x9a"\xb2\r\xf3\xfc\xfex_\x87`\xb83\xdc9\xcf9\xcf9\xe79\x84s\x0e\x08!\x84\\\x0f\xad\xea\x0b@\x08!T50\x00 \x84\x90\x8b\xc2\x00\x80\x10B.\n\x03\x00B\x08\xb9(\x0c\x00\x08!\xe4\xa20\x00 \x84\x90\x8b\xc2\x00\x80\x10B.\n\x03\x00B\x08\xb9(\x0c\x00\x08!\xe4\xa20\x00 \x84\x90\x8b\xc2\x00\x80\x10B.\n\x03\x00B\x08\xb9(\x0c\x00\x08!\xe4\xa20\x00 \x84\x90\x8b\xc2\x00\x80\x10B.\n\x03\x00B\x08\xb9(\x0c\x00\x08!\xe4\xa20\x00 \x84\x90\x8b\xc2\x00\x80\x10B.\n\x03\x00B\x08\xb9(\x0c\x00\x08!\xe4\xa20\x00 \x84\x90\x8b\xc2\x00\x80\x10B.\n\x03\x00B\x08\xb9(\x0c\x00\x08!\xe4\xa20\x00 \x84\x90\x8b\xc2\x00\x80\x10B.\n\x03\x00B\x08\xb9(\x0c\x00\x08!\xe4\xa20\x00 \x84\x90\x8b\xc2\x00\x80\x10B.\n\x03\x00B\x08\xb9(\x0c\x00\x08!\xe4\xa20\x00 \x84\x90\x8b\xc2\x00\x80\x10B.\n\x03\x00B\x08\xb9(\x0c\x00\x08!\xe4\xa20\x00 \x84\x90\x8b\xc2\x00\x80\x10B.\n\x03\x00B\x08\xb9(\x0c\x00\x08!\xe4\xa2\xe4\xaa\xbe\x00\x84\xd0\xadq\xce9\xe7\x8c1\x00 W9\xbe\xce9\xa7\x94R\x8a\xfd9t{\x08\xe7\xbc\xaa\xaf\x01!\xf4\xaf\x18c\x8c1Y\xbeu_M\x84\x07\x0c\x03\xa8\xf40\x00 TM9\xba\xf6\xe2\xdf\x07\x0e\x1cHNNNKK;q\xe2Dvv\xb6\xcdf\xa3\x94zzz6j\xd4\xa8]\xbbv\xdd\xbbwo\xde\xbc9\x00\xe8\xba.IRU_;r\x0e\x18\x00\x10\xaa\xd6\x8e\x1c9\xf2\xed\xb7\xdf\xaeY\xb3f\xff\xfe\xfd7\xf9\xb4\xca\xb2\x1c\x1d\x1d=u\xea\xd4\xf0\xf0p\x8c\x01\xa8\x940\x00 T\xed\x88O\xe5\xa9S\xa7&amp;O\x9e\xfc\xc3\x0f?\xd8l6\xf1uEQ\xae\xcf\xf0\x88\xb9\x01M\xd3\xc47\xcc\x9c9\xf3\x85\x17^\xc0\x18\x80J\x03\x03\x00B\xd5\x0ec\x8cRz\xec\xd8\xb1\x90\x90\x10\x00P\x14E|Q\xd7\xf5\x1b~\xbf$I\x8c1I\x92t]\xe7\x9c/\\\xb8\xf0\xb9\xe7\x9e\xc3\x18\x80n\t\x03\x00B\xd5\x91h\xbe\xc7\x8e\x1d\xfb\xc5\x17_\x10BD\xd3\x1f\x10\x10\xd0\xa6M\x9b\x16-Z\x04\x05\x05\x99L\xa6\xe2\xe2\xe2c\xc7\x8e\xfd\xf9\xe7\x9f\xc7\x8f\x1f\x17?%\xc6\x07\x06\x83!--\xadq\xe3\xc6\x8e)\x04\x84n\x08\x03\x00B\xd5\x11c\x8c\x10r\xe4\xc8\x91\xe6\xcd\x9b\xcb\xb2\xfc\xc8#\x8f&lt;\xfd\xf4\xd3=z\xf4\xa8U\xab\xd65\xdfY\\\\\xbcx\xf1\xe2\x97_~Yd\x8a$I\xd24\xed\xf9\xe7\x9f\x9f;w.\x0e\x02\xd0\xcda\x00@\xa8Z[\xb8p\xe1=\xf7\xdc\xd3\xb6m[\xf1P\xac\nu\xfcWB\x08\xa5\x94\x10\xb2b\xc5\x8aA\x83\x069\x96\x0c5h\xd0\xe0\xf0\xe1\xc3&amp;\x93\x89s.v\x0c t=\x0c\x00\x08U_\x8e\xe6\x9b1&amp;\xf29\xd7\xb7\xe6\x9cs]\xd7eY\x8e\x88\x88HNN\x163\x01\x92$\xa5\xa5\xa55k\xd6LL\'T\xc5\xb5#\'\x80w\x06B\xd5\x97\xc8\xfe\x8bF\\\x92\xa4\x1b\xf6\xe5\x1d[\x82\xbbt\xe9\x02W\xc7\x04\xba\xae_\xbe|\x19\xae.(B\xe8\x86\xb0\x14\x04B\xd5Z\xe9\x93\xf8\xee\xee\xee%\x1f\x96\xcc\x14!tC8\x02@\xa8&amp; \x84ddd\x88\x7f\x8b^\xbf\xb7\xb7w\x95^\x11r\x02\x18\x00\x10rnb\x9e\x801\xf6\xe7\x9f\x7f\xc2\xd5\x02\x12f\xb3\xb9a\xc3\x86\x80\xa5\x81\xd0M\xe1\xcd\x81\x90s\xd34M\x92\xa4\xaf\xbf\xfe\xfa\xf0\xe1\xc3"_D\x08\xb9\xf7\xde{\xfd\xfc\xfc\xc4Z\xd2\xaa\xbe@T}a\x00@\xc8\x89\xa9\xaa\xaa(\xca\xae]\xbb^z\xe9%J\xa9\x18\rp\xce_z\xe9%\xc0\x19`t+\x18\x00\x10rV\x9a\xa6)\x8a\xb2}\xfb\xf6\x07\x1f|0//\x8fs.v\x81=\xfd\xf4\xd3\x0f&lt;\xf0\x00\xee\x02C\xb7\x84\xfb\x00\x10r&gt;\xa2\x00\x9c$I?\xfc\xf0\xc3\x90!C\n\n\n\xc4\x810\x9a\xa6EDD$$$xxx8\x0e\x8dA\xe8\xdf\xe0\x08\x00!\'#\xa6y%I\xfa\xe8\xa3\x8f\xfa\xf6\xed[\xb2\xf5\xef\xda\xb5\xeb\xaf\xbf\xfe\xea\xe5\xe5\x05W\xf7\x07 t\x13\x18\x00\x10r&amp;\xa2\xefO)}\xfe\xf9\xe7_{\xed5\xd1\xf4\x13B4M\xeb\xd7\xaf_||\xbc\x98\xfb\xc5\xc5?\xa84\xf0.A\xc8\x99\x88\xcc\xcf\xe8\xd1\xa3\xbf\xf8\xe2\x0bqN\xa4(\x05\xf1\xe6\x9bo\xaeZ\xb5\xca\xdd\xdd\x1d[\x7fTz\xb8\x13\x18!\xa7!\xe6u\xe7\xcd\x9b\xb7`\xc1\x02EQD\xf5\x7fJ\xe9W_}5t\xe8P]\xd7\xf1hxt[p\x12\x18!\xe7 \x96xfdd4k\xd6,//O,\xf7\xa4\x94\xaeZ\xb5\xaaO\x9f&gt;\xaa\xaa\xca\xb2\x8cy\x7ft[\xb0\xb3\x80\x90s\x10g\xc2\xacZ\xb5*\'\'G,\xf9g\x8c\xcd\x9d;W\xb4\xfe\x8a\xa2`\xeb\x8fn\x17\x06\x00\x84\x9c\x83h\xdf7l\xd8@\x08\x11g@v\xe9\xd2e\xd4\xa8Qb7@U_\x1drJ\x18\x00\x10r\x0e"\xb9\x7f\xea\xd4)\xb1\x0c\x14\x00\x06\x0c\x18\x80)\\t\'0\x00 \xe4\x04\xc4\x04\x80\xa6iV\xabU\x96eI\x92dYn\xda\xb4)\xee\xf6Bw\x02W\x01!\xe44t]\xbfx\xf1\xa2\xa6i\x9a\xa6\xc1\xed\x1c\x15\x80\xd0\ra\x00@\xc8\t\x88n\xbe,\xcbS\xa7N\xb5X,\x94R\xc6Xpp0\xe0\x8e_t\x07p\x19(B\x08\xb9(\x1c\x01 \xe4L4M\x13\xebA\t!\xb8\xf4\x13\xdd!\x1c\x01 \xe44\xc4T\xb0\xe3!V}@w\x08\x03\x00BNf\xdf\xbe}YYYw\xdf}w\xa3F\x8d\xaa\xfaZ\x90s\xc3\xee\x03BN@\xac\xfd?w\xee\\\xcf\x9e=\xdb\xb6m\xdb\xb3g\xcf\x96-[\x8e\x1d;VUU\xc6XU_\x1drV8\x02@\xc8\t\x882p\xcf&gt;\xfb\xec\xd2\xa5K%I\xe2W\xc5\xc5\xc5\r\x1b6L\xd34Q\x19\x14\xa1\xdb\x82#\x00\x84\xaa;\xc7Y\x8f\xdb\xb7o\x17k\xff\x19cb;Xbb"\xe0JPTV\x18\x00\x10r\x0e\x8c1]\xd7\x19cb\xd4\xce\x18c\x8c\xd9l\xb6\xaa\xbe.\xe4\xc40\x00 T\xdd\x11B\x18c\x06\x83\xa1v\xed\xda\x9csEQ$IR\x14\x85s\x1e\x12\x12\x02\x00\x98\xc8Ee\x83\x01\x00!\' \x9a\xf8I\x93&amp;\x01\x80\xcdf\xd3u\xddj\xb5\xd6\xae]{\xe4\xc8\x91\xe2T\x80\xaa\xbe@\xe4\x94p\x12\x18!\xe7 6\x01\xac_\xbf~\xc9\x92%\x17.\\h\xdd\xba\xf5\xb8q\xe3\x1a7n|\xcd\xe6\x00\x84J\x0f\x03\x00BN\xe3\xfa\xb6\x1e[\x7ft\'0\x00 \xe4L\x1cu \xc46`L\xfe\xa0;\x81\x01\x00!\x84\\\x14v\x1f\x10B\xc8Ea\x00@\x08!\x17\x85\x01\x00!\x84\\\x14\xd6\x0fAN\x89\x97\x00\x00\xd7\x1f\x8d{\xcd\x7f\xc2\xb3s\x11\xba\x1eN\x02#\xa7\xc19\x17\x85\x10\x08!e8\x0eW\xd7u\xb1g\nW\xce $`\x00@N@\xd4\xbd)Y\xf0\xb2\xa8\xa8\xe8\xf4\xe9\xd3g\xcf\x9eMNN\xd64m\xef\xde\xbd999\x84\x10\x11\x1e8\xe7w\xdf}w\xc3\x86\r}||\xda\xb4i\x13\x1c\x1c\\\xb7n]G\xcc\xe0\x9c\x8b\xe2\x9a8&amp;@.\x0e\x03\x00\xaa\xbeD\x97\x9fR*Zj]\xd7w\xed\xda\x95\x94\x94\xb4y\xf3\xe6\xd4\xd4\xd4\xf3\xe7\xcfk\x9aV\x9a\xe7\xf1pwox\xf7\xdd\x11\x11\x11\xdd\xbau\x8b\x88\x88h\xd1\xa2\x85\xf8\xbaXS_\x86\xc1\x04B5\x03\x06\x00T\x1d\x89\xa6\xdf\xd14\xef\xdb\xb7o\xe9\xd2\xa5\xbf\xfe\xfa\xeb\xc1\x83\x07\xef\xf0\x99eY\x0e\x0f\x0f\x7f\xe2\x89\'\x06\x0e\x1cX\xaf^\xbd\xeb\x7f\x17B\xae\x03\x03\x00\xaavD~\x06\x00\xecv\xfb\x8a\x15+\x96-[\xf6\xc7\x1f\x7f8v\xc0\x96\xbcc\xcdf\xef\x90\xc6\xf5=\xbc=\x1a\xd6\r\xba\xbbQ}\xae\xa9\x84\x10\x0e@$\xbag\xcf\xe1\xdc\x82\xe2\x8c\x8b\x97\xcf\x9d\xbf\x94\x9bW\xe0\xf8\x11\xc73x{{\xf7\xe9\xd3\xe7\x99g\x9e\x89\x8a\x8a\x02\x00q\xae\x16N\x0f \x97\x82\x01\x00U#\x8e\xce\xb8\xaa\xaa\xcb\x96-\xfb\xec\xb3\xcf\xd2\xd2\xd2\x00\x80R\xea8\xf8\xb0E\xf3&amp;\x11\xe1\xad\xbbui\xdf\xb2y\x93\x90Fw\x99\xfd}\xc0d\x04B\x01d\x00\xc7\xcdL\x80\xdb\x01\x08\xcb+\xc8\xb6\xe4\x1e&lt;zj\xd7\x9e\xc3\x9b\xb7\xeeNII;{.\xe3\xcaw\x10\x10\xf7~TT\xd4+\xaf\xbc"\xc2\x00\x1e\xad\x85\\\n\x06\x00T]\x88t?\x00$&amp;&amp;N\x992e\xc7\x8e\x1d\x00\xa0(\xb2\xaaj\x00\xd0,\xf4\xeeG\x1f\xe9\xde\xf7\xb1\x1e\x11\xf7\xb4\x94\xbc\xbc\x00\x00t\r\xecv\xae\xea\x9c1\x0eb\xd1\xa7cR\x97\x13B\t\x00\x95%\x90%0\x1a\x80\xc8\x00,/#s\xc3\xe6\xd4\x1f\x7f\xd9\xf0\xeb\xba-\x19\x97\xb2\x00@\x96e1\x910p\xe0\xc0\xe9\xd3\xa7\x87\x86\x862\xc6p\xcd(r\x11\x18\x00P\xb5 \xba\xde\xb9\xb9\xb9o\xbd\xf5\xd6\xec\xd9\xb3\x01@Q\x14UU\x01 *\xf2\xde!\x83\x1f\xed\xdf7\xca\xe8k\x06f\x87\xc2b]\xd79\x07B\t\xbdUK\xcd9\x00p\xc68\xe7\x9c\x10\x90\x0c\n\xb8\xbb\x01\xc8\x19\xa7\xcf,\xfd\xf6\xd7%K\x7fL;x\xcc\xf1\xbb|||\xdey\xe7\x9dq\xe3\xc6A\x894\x14B5\x18\x06\x00T\xc5\xc4\x8e-JiRR\xd2\x88\x11#\xd2\xd3\xd3K6\xfd\xaf\xbc&lt;,*\xba+H2\x14\x14h\xaaF(\xa1\x94\x96\xb9s.RL\xc0A2\x19\xc0\xcd\xd3\x9e\x9b\xb3\xfc\xbb_?\xfb\xef\xd7i\x07\x8f\x13B\x01\x18\xe7\x10\x1d\x1d\x1d\x17\x17W\xa7N\x1d\x8c\x01\xa8\xc6\xc3\x00\x80\xaa\x92c\xeau\xd6\xacY\xaf\xbc\xf2\x8a\xa6i\x06\x83\xc1n\xb7\x87\x067\x98\xfe\xf6\xd8\x81\x83\x1f\x05\x02,\xaf\x803N%\xa9\x1c\xb32b+\x80\xac\xc8\xe0\xe9m\xcf\xcf\xfb\xe8\xb3\xc5\x9f|\x1a\x97\x9b_h2\x1a\xad6[\x9d:u\xe2\xe2\xe2\xa2\xa3\xa3qJ\x00\xd5l\x18\x00P\x95q$\xfdG\x8d\x1a\x15\x1b\x1b+\xcb\x92\xa63\xe0|\xdc\x7f\x06\xbd3}\x9cO-\x7f\x96\x93\xcb\x81W\\7\x9cs`\xba.\xc9\x12x\xf9\xa6\x1f8\xf8\xe2K\xef\xc7\'ns\x8c?\x16,X\x10\x13\x13\xa3\xeb\xbac#\x02B5\x0c\x06\x00T5D\xebo\xb1X\x06\r\x1a\x14\x1f\x1fo2\x19\xadV\x9b\xbf\xd9{\xde\xec\xb7\xfa\x0f\xee\x03\x85\xf9\xba]\x95\xe4\xca\xc8\xc0p\x0e\xba\xa6\xc9^\x1e@`\xfa\xb49\xd3f\xcc\x07B\x14YVUu\xfc\xf8\xf13g\xce\xc4iaTSa\x00@U\xc0\xd1\xfaGGG\xa7\xa4\xa4\x98L&amp;\xab\xd5\x1a\xde\xae\xf9\xf2e\x9f\x84\xb4\x08\xd1,\xd9\x95_\xa7\x81\xe9\x0c(\xa1\xde\xbe\xf1?\xaf\x1f\xf4\xcc+\x96\xdc\x02\x91\x8c\x8a\x89\x89Y\xb0`\x81\xa6iX:\x02\xd5&lt;\xb8\xed\x05U6\xd1\xe7(**\x12\xad\xbf\x9b\xc9d\xb5Z\xfb\xf7\xed\x15\xbf.6\xa4Y#-;[\x96\xe5\xcaoj\xa9D)!jvV\xf4\xa3\xbd\x12\x13\xe2\xda\xb5\x0e\xb5\xdb\xednn\xa6\xd8\xd8\xd81c\xc6\xc8\xb2,v\xa2!T\x93`\x00@\x95J\xcc\xbeRJ_x\xe1\x05\xd1\xfa\x17[\xad1C\xfb|\xf7\xbf9fo\x0f=/_V\xaar\xd2UQd-;\xab\xdd=-\x13\xd7\xc7\x85\xb7k^\\l5\x19\x8d\xf3\xe7\xcf\x9f?\x7f\xbec\xc7\x00B5\x06\xa6\x80P\xa5\x12\xebj&amp;L\x980k\xd6,\x91\xf9\x89y\xf6\xf1\x05\x8b?\xd0\xf3\x0b\tg\xd5\xa4\x12\x83\xaei\x92\x87\xbb%\'\xff\x81\xe8\x91;\xf7\x1c2\x1a\x8d6\x9bm\xf5\xea\xd5O&gt;\xf9$\xae\rE5\t\x06\x00TyD\xeb\xf9\xfd\xf7\xdf\xf7\xeb\xd7O\xb4\xaa\xf7\x86\xb7J\xda\xf2\rWU\xa2\xeb\xa4z\xb4\xfe\x82\xae\xe9\x92\x8f\xe7\xc9#\xa7\xee\xe92(7\xaf\x90\x00xy{\xef\xdc\xb9\xb3q\xe3\xc6\x8e\xc5K\x089;\x0c\x00\xa8\x92\x88\xb54\'N\x9c\x08\x0f\x0f\xcf\xcf\xcfg\x8c\xdd\xdd\xa0N\xca\xb6\x15\xbe&gt;\x9e`W\xaba\x93\xaak\x9a\xe4\xeb\xb3}\xc3\x8e\xae\x0f\x8c\x90\xa8dW\xd5N\x9d:m\xde\xbcY\x1c)\x83\x13\xc2\xa8\x06\xa8v\x9f:TS\x89\xa3ZF\x8f\x1em\xb1X\xc4\xa2\xcao\x16\xbd\xe7\x17\x14\xc0\xad\xf6j\xd8\xfa\x03\x80$\xcbZNn\xa7\x9e]?yw\xbc]UM&amp;\xe3\xf6\xed\xdb\xdf{\xef=I\x92\x1c\x95\xe9\x10rj\xd5\xf1\x83\x87j\x1e\x91\xfc\x99;wnbb\xa2\xd1hPU\xf5\x93w\xc7G\xf4\xe8\xac\xe5\xe4V\xceb\xff\xb2\x91eY\xcb\xcd\x1e\xffjL\xbf\xc7{Z\xad6\x83A\x991c\xc6\xae]\xbb0\x06\xa0\x9a\x01S@\xa8\xc2\x89\xe4OFFF\x8b\x16-\xf2\xf3\xf34M\xef\xd5\xbdcB\xe2b-\xbf@\xae\x96}\xff\x92\x18c\xc4h\xcc\xbc\x94\x15\x16\xfeTfV\x8e\xa6\xeb\xdd\xbau\xdb\xb0a\x03\xe0Qb\xc8\xf9U\xf7\x8f\x1f\xaa\x01D\xf2g\xf2\xe4\xc9"\xf9c0(s?{\x1d\x98N\x9d\xa1\xefA)\xd5\x8b\x8ak5\xa8\xff\xc1\xf4\xb1\x9a\xae\x1b\x8d\x86-[\xb6,_\xbe\\\x92$\xdc\x19\x80\x9c\x1d\x8e\x00P\xc5\x12kf\x8e\x1c9\xd2\xa6M\x1b]\xd75M\x9b2i\xc4\xbb\x1f\xbf\xaeY,r5N\xfe\\Cg\x8c\xb8\xb9\xf5\x8c\x1c\xba9i7!$$$d\xdf\xbe}\x8a\xa2\x00\x00\xce\x06#\xe7\x85#\x00T\xb1D\x0f\xe3\xbd\xf7\xde\xb3\xd9l\x8c1\x7f\x7f\x9f\x97_z\x96\x17\x17J\x92S\xdd{\x1c\xa8"O\x9b&lt;JT\xae&gt;r\xe4\xc87\xdf|C\x08\xc1\x99\x00\xe4\xd4\x9c\xeaC\x88\x9c\r\xe7\\\x92\xa4\x0b\x17.|\xff\xfd\xf7\xe2X\xc7q\xa3\x06\xf8\xd5\xbbK\xb7\xda\x9d\xab\xe3,I\x94\xe5\xe5w\x7f\xa0[\xcf\xfb\xc3u]\'\x84\xcc\x9d;W\xccmT\xf5\xa5!Tv\x18\x00P\x05\x12Y\xf2o\xbf\xfd\xb6\xb0\xb0\x10\x00&lt;\xdcMcF\xf6\xe3Vg\xeb\xfe\x03\x00\x00g\x00\xb24q\xec`1\x08\xd8\xb5kWjj*\xa5\x14g\x02\x90\xf3r\xbe\xcf!r"\x92$\xd9\xed\xf6E\x8b\x16\x01\x00c\xec\xa9\xbeQA\x8d\x1a0\xab\xcd\x19;\xceT\xa6\xbc\xa0\xa0G\xaf\xce\xcd\x9b6b\x8c1\xc6bcc\xab\xfa\xa2\x10\xba#\x18\x00PE\x11\xa9\x92\xdd\xbbw\x1f8p@l\x9e}~d?\xe0\xac\xc4\xd1\xed\xce\x84\x00\xe8\xaa\xee\xe6\xeb\xf7\xdc\xb3\x8f\x8buM?\xfd\xf4S~~\xbe$I\xb8\x92\x029)\x0c\x00\xa8\xa2\x88fq\xf5\xea\xd5\x00\xc0\x18\x0fn\\?\xac}\x0b^T\xe4\x8c\xf9\x1f\x81R\nj\xf1\xa3\x0fv3(\xb2\xd8\xd9\xb0i\xd3&amp;\xb8z\xb0%BN\xc7Y?\x8a\xa8\xfa\x13+\xe5\xff\xf8\xe3\x0f\x00\x00\xe0}\x1f\xeda\xf4\xf6\xd1U\'\xce\x98SJX\xb15\xa4UH\x87v-D\xa3\xbf~\xfdz\xb8\x1a\xea\x10r:\x18\x00P\x85\x10I\x92\x8b\x17/\x1e9rDd\xfc\x1f\x8c\xea\x0c\\w\xc6\xec\x7fILg\xd4\xe0\xf6`\xaf{\xc5\xc3\xa4\xa4$\xc6\x18n\tFN\n\x03\x00\xaa\x10\xa2\x83\xbcc\xc7\x0e\xb1\xfe\'\xc0\xcf\xa7u\xab\x10\xb0Z)u\xee\x00@\x08\x01\xaeu\xeb\xdc\x8e\x12B\x089t\xe8\xd0\xb9s\xe7pC\x00rR\x18\x00P\x85\x10Y\x91\x9d;w\x8a\x7f7k\xda\xc8\xef\xae@fW\x9d}\x04@)\x01\x9b\xadu\xcb`O/w\x00(,,&lt;p\xe0\x00`\x16\x089\'\x0c\x00\xa8B\x88\n\xcf{\xf6\xec\x11\x0f\xdb\x855%\x92\x811\xa7o%\t!\xdc\xae\xfa\x06\xf9\x077\xaa/\x1a\xfd}\xfb\xf6\x01\x06\x00\xe4\x9c0\x00\xa0\xf2\'&amp;\x00\x8a\x8b\x8bO\x9e&lt;)\xbe\x12\x1a\xdc\xb0j/\xa9\x1c1\xc6e7\xb7\xc6\x8d\xee\x12\x0f\x0f\x1e&lt;\x08X\x11\x089\'\x0c\x00\xa8B\x10Bl6\xdb\x85\x0b\x17\xc4\xc3V-\x9a\x008\xfd\x0c\xb0\xc09\x07\x90Z\xb7\x08\x16\x0fO\x9d:\x05\x18\x00\x90s\xc2\x00\x80*\x8a8\xf7\x91\x10B\x08\xa1\x84@\xcd\xca\x918N1+..\xd64\xadj/\x06\xa1\xb2\xc1\x00\x80\xca\x9fX\x12\x93\x9e\x9e\x9e\x9f\x9f\x0f\xc0}\xbc=Z4o\x0c6\x9b\xb3/\x01\x12\x08!\x00Z\xc4=\xad\xc4\xc3#G\x8e\xe4\xe5\xe5QJq\x1a\x009\x1d\x0c\x00\xa8\xa2\x88&gt;2\xe7@\x08\x91e\x19jV\xfb\xa8(\xb2\xf8\x07\x1e\x10\x8f\x9c\x17\x06\x00T\x19j^\xef\xb8\xe6\xbd"\xe4\x820\x00\xa0\xcaP\xf3ZK\x0c\x00\xa8\x06\xc0\x00\x80*\x8a\xa3\x89$\x84\xc8N[\x00\xee\xdf\xc8\xf2\x95\x14\x10F\x02\xe4\xbcj\xda\xc7\x12U\x1f\xb2,\x8b%@\xaa\xaa\xe5\xe4\x15\x00\xa55\xa8\xa9$Y\xd99\xe2_\xe2eV\xe9\xc5 TF\x18\x00P\xf9\x13\xd3\xbf-Z\xb4\xf0\xf1\xf1\x01\xe0\xf9\x05E\xc7\x8e\x9f\x01\xa3\xa1ft\x96\xc5&gt;\x80=\xfb\xd2\xc5C\xf12\xf1xH\xe4\x8c0\x00\xa0\x8a"jd\x8a6_\xaba\xe7&amp;r\xee\xa8\xfe\x86\xab\x80\x90\xf3\xc2\x00\x80\xca\x1f!\x84s\xee\xe9\xe9\xd9\xa8Q#\xf1\x95\xdd{\x8f\x00\xc85c\x04@)\x01\xa2\xa7\xee9$\x1e\xb6n\xdd\x1a\xf0L\x18\xe4\x9c0\x00\xa0\n\xc1\x18S\x14\xa5q\xe3\xc6\xe2a\xfa\xb1\xd3\x00\xacft\x94\x89Dmy\x05\xa7\xce\x9c\x17\x0fCCC\xab\xf6z\x10*3\x0c\x00\xa8B\x88\xce~\x87\x0e\x1d\xc4\xc3\xdd\xfb\x8e\xe8\xb6bG\xf9\x04\xe7\xc5\x18\'\x06\xe5\xf2\xf9K\xa7\xce\\\x10S\xdcm\xdb\xb6\x05\xac\x05\x84\x9c\x93\xd3\x7f Q\xf5$\x1a\xc4\x8e\x1d;\x8aV\xf2\xe8\xb13\x17N\x9e\'\xce?\x0f\xcc9\x07\x83q\xe7\xeeC\xc5\xc56\x00n6\x9b\x9b5k\x06%J\x03!\xe4D\xf0\xaeE\x15B4\x88\xed\xda\xb5\xf3\xf3\xf3\x03\xe0\x05\x85\xc5\xa9{\x0e\x81\xd1\xe8\xecG\x02\x88%@\x9b\x93v\x01\x00\xe7\xd0\xb6m\xdb\x80\x80\x00\\\x02\x84\x9c\x14\x06\x00T!\xc4)\x89f\xb3\xb9u\xeb\xd6\xa2\xd3\xff\xe3/\x1b\x01\x088yQPI\x91\xec\xf9\xb9\xeb\x12\x92\xc4\xc3\xae]\xbb\x02\xce\x00#\xa7\x85\x01\x00U\x14\xd1/~\xe8\xa1\x87\x00\x80\x10\xb2.ak^\xc6%jP\x9c7\x0b\xa4\xeb\x0c\xdc\xdcv\xa7\xec?r\xf4\x0c\xa5\x94R\xfa\xe0\x83\x0f\x02N\x00 \xa7\x85\x01\x00U\x14\x91\x05\xea\xd3\xa7\x8f\xd8+{1#\xeb\xcf-\xbb\x88\xbb\xbb\xf3f\x818\xe7D2~\xff\xd3\x1f\x9cs\xcey\xe3\xc6\x8d;t\xe8\xc09\x17;\x1e\x10r:\x18\x00PE\xa1\x942\xc6\x82\x83\x83\xbbu\xeb&amp;\x92$\x9f\xcdY\xc6U\xcdI\xbb\xcb\x9cs\xc9d\xc8\xfc\xeb\xcc\x92o~\x16\xd5\xff\x07\x0f\x1el0\x18\xf4\x1a\xb6\xc7\r\xb9\x12\x0c\x00\xa8\x021\xc6(\xa5111\x00@)\xdd\x94\xb4\xeb\xf0\xdeC\xc4\xdd\xcd\x19\x93\xe6\xba\xce\x88\x9b\xc7\x8f?\xfeq\xe9\xb2\x85\x10pss\x1b2d\x08\xe0\xfa\x1f\xe4\xcc\xf0\xdeE\x15H\x92$\xce\xf9c\x8f=\x16\x14\x14\xc49\xd74\xfd\xc3\x99K\x88b\xe0\xce\x96\x05\xe2\x00T\x96lyy\x9f\xcc^F\t\xd1u\xd6\xa3G\x8f&amp;M\x9a\xe8\xba\x8e\x01\x009/\xbcwQ\x05\x12k\x81&lt;==\xc7\x8c\x19\xc39\x97ei\xc5\xea\xf8\xa3{\x0eROw\xe7\x1a\x04\xe8\x9aN\xbd|\xbe\xfb\xf6\xe7\xc3\xe9\xa7$Y\x02\x80\x89\x13\'V\xf5E!t\xa7\x88\xf3.\xc9@NA\xdc`\xd9\xd9\xd9\xa1\xa1\xa1\xb9\xb9\xb9\xba\xae?\xd5\xa7\xd7\xca\xefg\xebyy\xce2w\xca9g\x92TXd\xed\xd0\xa9\xff\xc9\xd3\x17t]\xef\xde\xbd\xfb\x86\r\x1bD\x82\xab\xaa\xaf\x0e\xa1\xb2\xc3\xdb\x17U,1\x08\xf0\xf7\xf7\x9f8q\xa2\xae\xeb\x06\x83\xb2\xea\x87\xf5\tk\x13%_\x1f]s\x8e\xe9S]\xd3%\x0f\xef\x8f&gt;\x8c=v\xe2\xac,K\x94\xd2\xe9\xd3\xa7\x03\x1e\x05\x83\x9c\x1f\x8e\x00P\x85\x13\x8b&amp;5Mk\xdd\xba\xf5\xd1\xa3G)%\x8d\x1a\xd6\xdd\xb3\xf3{\x93A\xa1\xba^\xcd\x17\xd1\xeb\x9a.\xf9x\xed\xd9\xb6\'\xa2\xe7\xb3\xc0\x89]U\x87\x0e\x1d\xbax\xf1b]\xd7\x9de\x04\x83\xd0\xbf\xc1\x11\x00\xaap\xa2:\xb4\xc1`\x98;w.\xe7\\\x96\xe5c\'\xce\xbe8\xee]\xc9\xc3S\xd7\xab\xf5L\x00g\x1c\x0cJan\xc1\xd01o\xab\xaa\xce8\x0f\x0c\x0c\xfc\xe0\x83\x0f\xb0\xf6\x03\xaa\x190\x00\xa0\xca I\x92\xae\xeb\xbdz\xf5z\xe1\x85\x17l6\xbb\xd1h\\\xb4|m\xdc\xbce\xb29@S\xb5\xaa\xbe\xba\x7f\xa5s.yx\x8d\x1b\xf7\xce\xbe\xb4cF\x83A\xd3\xb4\xd9\xb3g\xd7\xae]\x9bs\x8e\xd9\x7fT\x03`\n\x08U\x12\xce9c\xac\xb8\xb8\xb8K\x97.\xfb\xf6\xed3(\x8a\xacH\x1b~[\xd8\xb1s;=\xaf@,\xad\xa9V4U\x93\xfd\xcc\xf3g-\x1e3\xe1}\x93\xd1h\xb5\xd9\x86\x0f\x1f\xbeh\xd1"L\xfe\xa0\x1a\x03\x03\x00\xaa&lt;b\xd9\xcc\xfe\xfd\xfb;u\xead\xb7\xd94\x9d\xd5\n\xf09\x90\xba\xa6V\x9d\x00\xbd\xa0\xa8Z\xc5\x00UU\x15\xbfZ\xeb\xd7&amp;D\xf5\xfe\x8f\xd1`\xb0\xd9\xedaaa[\xb7n5\x99Lx\x06$\xaa1p\x18\x8b*\x0f\xa5T\xd7\xf5\xd6\xad[\xcf\x9b7O\xd3u\x93\xd1p93\xe7\x91\xbe/X\xb2\xf3$\x0f7]\xab.\xb9 UU\x15?\xbf\x94?w\x0c\x1c\xfa\x9a,\xcb\xba\xae\xfb\xf9\xf9-[\xb6\xcc\xc3\xc3C\x1coP\xd5\x17\x88P\xf9\xc0\x00\x80*\x95$I\xaa\xaa\x0e\x1d:t\xe6\xcc\x99V\x9b\xcdd2\xa5\xec:\x18\xfd\xd0\xc8\xec\xec&lt;\xc9\xc7\xbb\xea\xe7\x038\xa8\xaa\xa6\xf8\xd5J\xf9sg\xf4cc\xb2,y\x00\xa03\xf6\xcb/\xbf\xb4n\xdd\x1a\xf7\xfd\xa2\x1a\x06\xeffT\xd9\x14E\xd14m\xfc\xf8\xf1111V\xab\xd5\xcddJ\xd9}\xa8S\x97\x81)\xdb\xf6\xc8~\xb54U\xab\xaa\xb4$cL\xe7L\xf1\x0b\\\xb4`y\xe4C19\xb9\x05\xe2R\x17,X\xd0\xa9S\'M\xd30\xf5\x8fj\x18\x9c\x03@U@\xec\x0c\xa0\x94\x8e\x1a5*66\xd6`0\xd8\xedv\xb3\xaf\xd7\x97s\xde\xee?\xb8\x0f\xcf\xcfe\x95&gt;\xd1\xaai\x9a\xec\xee\x06\x12\x9d&gt;u\xce\xb4\xf7\xe6\x13B\xc4N\xaf\x05\x0b\x16\xc4\xc4\xc4h\x9a&amp;\xcbre^\x0fB\x95\x00\x03\x00\xaa\x1a\x8e\x180}\xfa\xf4i\xd3\xa6I\x12e\x0c8g\xe3\xc7\x0e\xfe\xf8\xc3I\xb2\xd1\xa0\xe7\x15P\xa92\xa6[\x19c\xc0\x81\xfa\xfa^8uf\xf8\xc8\xb7\xe2\x13\xb7]\tHf\xf3\x97_~\xd9\xbf\x7f\x7fl\xfdQM\x85\x01\x00U\x19\xb10T\x92\xa4\xd8\xd8\xd8\xe7\x9f\x7f^\xd34\xd1\xf2F\xdc\xd3\xea\xbf3\'Gt\r\x87\xe2"\xcdj\x95$\xa9\x82\xc2\x00c\x8c3.y\xb9\x03\x95V,_;\xf1\xd5\x8f\xcf_\xcc4\x99\x8cV\xab\xadN\x9d:?\xfe\xf8cxx8\xb6\xfe\xa8\x06\xc3\x00\x80\xaa\x98\xaa\xaa\x8a\xa2$%%\r\x1f&gt;\xfc\xe8\xd1\xa3"\x06\xc8\x92\xf4\x9f\xd1\x03\xa6L\x1e\x15T\xaf.\x14\x17\xe9V\x1b\xa1\xa4\xbc&amp;`9\x00\xd3\x19\x00\x97&lt;\xdcA1\xa4\xedN{u\xf2\xccu\xf1\x7f\xc2\xd5\rk\xd1\xd1\xd1qqqu\xea\xd4\xc1\xd6\x1f\xd5l\x18\x00P\xd5\x13[\xab\xb2\xb2\xb2\xc6\x8e\x1d\xbbb\xc5\n\xb8\xda\x10\x07\xd5\xf2\xfb\xcf\x98\x01cb\xfa\x07\xd5\xbf\x0b4\x1b/\xb2\xea:\xa3\x94\x10J\xcb0"\xe0\x9c3\xc6EUj\xf0t\x07B\xd3R\x0f\xcc\xfc|\xe9\xb2o\x7f\xb6\xab\x9abPT\xbb*\xcb\xf2\x9bo\xbe9u\xeaT\xc7U\x95\xf7kE\xa8\x1a\xc1\x00\x80\xaa\x05Gk\xbbb\xc5\x8a\x89\x13\'\x9e?\x7f^\x92\xa8\xa8\x14\x14\x14\xe8\xd7\xfb\xb1\x9ecG\x0f\x08k\xd3\x0c\x0cFPm`\xb5\xe9\xba\xce9\x10\xf2\xf7\xba\xfck\xd2D\xe2\xc6\xe6\x9cs\x0e\x9csB\x88\xa4\xc8\xe0f\x04\xaa\xe8\x85\x05\x7fl\xdc1\xf7\xcb\x95\xbf\xfd\xfe\xa7\xcd\xae\x8a`\x03\x00\x11\x11\x11\xff\xfd\xef\x7f#""\xc4Y\x05\xb8\xe2\x13\xd5x\x18\x00Pu\xe1\x98\x16\xbet\xe9\xd2\xbb\xef\xbe;\x7f\xfe|\xbb\xdd.\x0e\x16\x06\x00I\xa2\x11\xe1a}\x1f\xef\xf9Ht\xd7\xd0&amp;\r$o/\x00\x02\xa0\x83\xcd\x0e\x8c\x81\xce\x98\xa6\x83#\x04p\xa0\x06\x19\x08\x01Y\x06E\x06\x90\x01\xb4\xa2L\xcb\x9e\xfdG\xd7\xfc\xf4\xc7\xaf\xf1\x7f\x1e&lt;t\x1c\x00(\x95\x18\xd3\x01 ((h\xca\x94)\xff\xf9\xcf\x7fdY\xc6\xb4\x0fr\x1d\x18\x00P\xf5\xe2\x18\n\xa4\xa5\xa5\xcd\x9c9s\xf9\xf2\xe56\x9b\r\xae\x1e1\x0f\x00\xb2,\x85\x86\xdc\xdd1\xbcu\x9b\xd6\xa1a-\x9b\x84\xdc]\xcf\xd3\xc7\xd3\xdb\xddM\xf2\xf1\x02\xc6\xae\xc4\x00B\x8a.e\xdbt\xfd\xe2\x85\xcb\x7f\x9d\xbd\x98\xb2\xe7p\xea\xee\x83;w\x1d\xfa\xeb\xaf\x0b\xe2\xb78\x9e-((h\xcc\x981\xff\xf9\xcf\x7f\x82\x82\x82\xe0j\xb1\x8a\xaay\xe5\x08U:\x0c\x00\xa8\xdaq\xac\x0e\x02\x80\xc3\x87\x0f\x7f\xf7\xddw+V\xac8|\xf8\xf0\r\xbf\xd9\xdd\xddd4\x1ak\x07\xfa\xd5\xae\x1b\x08\x8eA\x00\xa5\xc7\x8e\x9e.(\xb2\xe6\xe7\x15h\xfa\x8d\x8f\x9d\xe9\xdc\xb9\xf3\xb0a\xc3z\xf7\xee-\x9a~\xb1\xcb\x17\xcb&lt; \x97\x82\x01\x00US\x8c1\xce\xb9\x08\x036\x9b-&gt;&gt;\xfe\x87\x1f~HLL&lt;s\xe6L\x99\x9fS\x96\xe5\xd0\xd0\xd0\x87\x1f~\xb8o\xdf\xbe\x9d;w\x16_\xc4\xa6\x1f\xb9,\x0c\x00\xa8Z+\x19\x06\x00\xa0\xa8\xa8\xe8\xc0\x81\x03III[\xb6l9|\xf8\xf0\xb9s\xe7rsso\xfe\x0c~~~\xc1\xc1\xc1-[\xb6\xbc\xef\xbe\xfb:v\xec\x18\x1a\x1a*R\xfcb\x9c\x81M?re\x18\x00\x90\x13\x10\x8d5\x00\x94\\\x97\xa9\xeb\xba\xc5b9x\xf0\xa0\xae\xeb\xfb\xf6\xed\xcb\xc9\xc9)\xf9#\r\x1b6l\xd8\xb0\xa1\x87\x87Ghh\xa8\xaf\xafo\xc9\xff\xa4i\x1a!\x04\x97x"\x84\x01\x009\x13\x11\t\xae,\xeb,u\x0b\xee\xf8)\xd1\xdf\xc7.?B\x02\x06\x00\xe4\xac\xc4\xad+F\x067\xbc\x8dEC\x8fI\x1e\x84\xfe\r\x06\x00\x84\x10rQ\xb8\xe4\x19!\x84\\\x14\x06\x00\x84\x10rQ\x18\x00\x10B\xc8Ea\x00@\x08!\x17\x85\x01\x00!\x84\\\x14\x06\x00\x84\x10rQX\xf6\x169\x01~U\xc9/\x8a\xb2\x9d\xb8\xc6\x1f\xa12\xc3}\x00\xa8\x9ab\x8c1\xc6\x08!7\xdf\xc9\xa5\xeb:n\xf1E\xa8l0\x00\xa0\xea\xe5\x865\xdarrr.\\\xb8p\xf1\xe2E\xc7W\xbc\xbc\xbc\x82\x83\x83\xbd\xbc\xbcJ\x16\x84\xd04\xad\xe2N\x90G\xa8\xe6\xc1\x00\x80\xaa\x8b\x92\xc7\x00\x00\xc0\x993g\x12\x13\x13\xb7l\xd9\x92\x96\x96v\xfc\xf8\xf1\xdc\xdc\\\xfd\x9f\x95\xfd\xcdfs\x9d:u\x9a5k\xd6\xad[\xb7\xe8\xe8\xe8\xd0\xd0P\xf1\xb3X\xde\x19\xa1R\xc2\x00\x80\xaa\x05\xc7A`6\x9bm\xe5\xca\x95K\x97.\xdd\xbaukaaa)\x7f\\\x96\xe5\x16-Z\x0c\x192d\xc8\x90!\xe2\x80\x17\x1c\r tK\x18\x00P\x15s\x1c\x05l\xb7\xdb?\xfc\xf0\xc3o\xbe\xf9\xe6\xdf\x0e\xff2\x9b\xbd9\xe7\xc0\x81P\x9a\x97\x97/\x8e\x8c\xbfFPPP\xef\xde\xbd\xa7N\x9dz\xd7]w\x01\x1e\xf1\x88\xd0Ma\x00@U\xc9\xd1\xf1_\xb1b\xc5\x8c\x193\xd2\xd2\xd2\x00\x80J\x12\xd3u\x00\xf0\xf3\xf3\xe9\xda\xa9m\xc7\x88\xd6\xe1a\xcd\xcc~\xde\xc1M\x1a\x00c\x00\x00\x92|\xf1|\xc6\x85\xcb\xd9\xfb\x0f\x9e\xd8\xb3\xf7\xf0\x1f\x9b\x92\xcf\x9c\xb9\x00\x00\x84\\\xb9\x9f\x03\x03\x03\xc7\x8d\x1b\xf7\xdak\xaf)\x8a\x82\x87\xbc#\xf4o0\x00\xa0*#Z\xff\xfc\xfc\xfc\x97_~y\xe1\xc2\x85\x00 +\xb2\xa6j\x92D{v\x8f\x182\xf8\xd1\x87\xa3\xba\xf8\xd7\xad\x05\xd4\x00\xa0\x01c`\xb3\xc3\x953\x7f9(2\xc82\x80\x04\xc0\n\xb3s\xb6n\xdb\xbb\xec\x9b\xb5?\xac\xdd\x90\x97_H\x08\xe5\x9c\x01@\x97.]\xe2\xe2\xe2BBB\x1ca\x06!T\x12\x06\x00T5D\xc7|\xf7\xee\xdd#G\x8e\xdc\xb5k\x97\xd1`\xb0\xd9\xed\x000\xe2\xd9&gt;\xe3\xc7=\xd3\xbaM3P\x14(.bv\x951F\x08\x05\x02\xb4DB_\xec\n\xe0\x9c\x13\x02\x92"\x83\xbb;\x10r\xf6\xc4\x99\xaf\x16\xff0s\xd6\x92\xdc\xfcB\x93\xc9h\xb5\xda\xfc\xfc\xfc\xbe\xf8\xe2\x8b\xfe\xfd\xfb\xe38\x00\xa1\xeba\x00@U@4\xc7)))\xd1\xd1\xd1\x16\x8b\xc5`0\xd8\xed\xf6\xd0\xe0\x06\x9f\xcf\x9c\x1c\xfdh/P\xad\xbc\xa8\x981N\xa5R-\xe6\xe1\x9c3\xc6\x01\xb8d2\x82\xc93\xfd\xc0\xc1\x17\xc7\xbf\x1f\xbf~\x9b$Ib\xe1\xd0\x82\x05\x0bbbb0\x06 t\r\x0c\x00\xa8\xb2\x89\x84\xcc5\xad\xff\xc8a}?\xf9\xe45\x1f\x7f_\xcd\x92K))\xdb\xcc-\xe7\\\xd7t\xd9\xcb\x03\x08\x9d\xf5Y\xdc+o\xcc\xd4t\xa6(\xb2\xaa\xaa\x18\x03\x10\xba\x1e\x06\x00T\xa9\xc4\xb2\x9c\x9d;w&gt;\xf0\xc0\x03\x16\x8bEQ\x14UU\xbf\xfc\xef\x94\xd1/\x0e\x85\xc2\x02\xdd\xaeJ\xf2\x9d&amp;\xeb\x99\xce\x80\x10\xea\xe3\x9b\xb4a\xebcO\x8c\xb5\xe4\xe4\x8b\xdf\x12\x1b\x1b;r\xe4H\x9c\x0f@\xc8\x01\x03\x00\xaa&lt;\xe2f\xcb\xc9\xc9\xe9\xd0\xa1\xc3\xc9\x93\'\r\x06\xc5nW\x17\xcc~3f\xecp-\'S*\xd7\xdd[\xaa\xaa)~~)\x7f\xa6D?6\xc6\x92\x93/\xcb\xb2\xae\xeb\xdb\xb6m\x8b\x88\x88\xc0\xb5\xa1\x08\t\xf81@\x95G\xd4\xf6\x195j\xd4\xc9\x93\'MF\xe3\xd5\xd6\x7f\x98j\xb9,\x97\xf7\xa6-E\x91\xb5\xec\xec\xf0\xae\xf7\xc4\xaf\xfd\xd2\xec\xeb\x05\x00\x84\x90\xa7\x9f~:;;\x1b\xfe\xe5\x10y\x84\\\r\x06\x00TID\xeee\xee\xdc\xb9\xabW\xaf6\x1a\x8dV\x9bm\xfc\x7f\x06\xc6\x8c\x1d\xa1Z2\x95\x8a\xc9\xcb\xcb\x8a\xacfe\x87w\xed\x14;\xfb-M\xd3\x14E9q\xe2\xc4\x7f\xfe\xf3\x1fJ)c7\xd8D\x86\x90\xab\xc1\x14\x10\xaa\x0c\x8e\xe4O\x93&amp;M\xf2\xf3\xf35Mk\xd7\xa6i\xca\xb6\xef\xb8\xaaJ\x15\\\xd2YU5\xc5/`l\xcc\xebs\x17\xae6\x1a\r6\x9b}\xe3\xc6\x8d\xf7\xdf\x7f?N\x06 \x84#\x00T\x19D\xf2\xe7\xad\xb7\xde\xb2X,\x84\x80\xc1\xa0|5\xf7mIQ\x08\xe3\x15]\xaeG\x96%\xbd0\xef\xfd\x0f&amp;\x067\xae\xa7\xa9\x1a\xa5t\xe2\xc4\x89\xc5\xc5\xc5\x8em\xc3\x08\xb9,\x0c\x00\xa8\xc2\x89R?\x19\x19\x19_}\xf5\x15\xa5TU\xb5W^\x1c\xd2\xaeK\x84\x96\x9f/I\x15~\x07\x12B\xc0\xaez\xf9\x9b\xe7}\xf6\xba\xce\x18\xa5455u\xc3\x86\r\x98\x08B\x08\x03\x00\xaap\xa2\xfb?\x7f\xfe|\xab\xd5\n\x00\x01\xfe\xbe/\xbf\xf4,+\xce\xaf\xb4\x0c\x8c$Kzn^\xd4\xa3=\xbbw\xeb\xa0i\x1a!\xe4\xb3\xcf&gt;\x03&lt;M\x0c\xb9&lt;\x0c\x00\xa8b\x89\xee\x7faa\xe1\x92%K\x08!\x8c\xb1\xbe\x8f\xf5\xf0\xabW\x97[\xed\x95\xd9\xfer\xc6A\x92F\r{\x02\x00\x08!\x9b6m\xda\xbf\x7f?\x0e\x02\x90\x8b\xc3\x00\x80*\x96\xe8\xfe\xa7\xa4\xa4\x9c8q\x82R*I4fh\x1f\xae\xabP\xb9\xbdoI\xa2\xbc\xa8\xf0\xb1G\xbb\xd7\xadS\x8bs\xaei\xda\xf7\xdf\x7f/.\xaf2/\x03\xa1j\x05\x03\x00\xaaXb\xa2u\xdd\xbau\x84\x10]\xd7\xdb\xb4\n\xedpo[(,\xaa\x84\xec\x7fI\x84\x10\xdd\xa6z\x06\x06&gt;\xd5\'R\\\xd2\xef\xbf\xff\x8e;\xc2\x90\x8b\xc3\xbb\x1fU,I\x924MKHH\x10\xcdnT\x8f\x08jt\xbb\xe1Y.\x15\x8d\x10\x02\\\x8b\xea\xd9I\x9c\x1f\xbfw\xef\xdes\xe7\xcea\x16\x08\xb92\x0c\x00\xa8\x02q\xce\t!\xd9\xd9\xd9\'N\x9c\x10)\x9f^=:\x02\xb0*\x99}\xa5\x94\x80\xcdzox\x98\xa7\xa7;\x00\x14\x15\x15\x1d8p\x00pW0ra\x18\x00P\x05\x12\x9d\xebc\xc7\x8e\xe5\xe7\xe7\x03\x10O\x0f\xb7\xa6!w\x83\xcdFi\x15\x04\x00B\x08\xb7k\xde\x81\xe6\xd0\xe0\x06\xa2\xd1\xdf\xbbw/`\x00@.\x0cK\xe3\xa2\nw\xf1\xe2E\x11\t\xdc\xdc\x8c&gt;\xbe^\xa0\xebUu%\x9cs\xd9d\x0c\xf0\xf7\x15\x0f/\\\xb8PUW\x82Pu\x80#\x00T\x81D\xe7z\xcf\x9e=\xe2a\xf3\xa6\x8d&lt;k\x99\x99\xaaU\xd5\x02|\xc68\x10\xb9C\xbb\xe6\xe2\xe1\xee\xdd\xbb\x01\x00\xe7\x81\x91\xcb\xc2[\x1fU8\xc7\x19,\xb2,W\x83\xd6\x96\x18\x14E\xfc\x0b\x0f\x87A.\xae\xca?\x8d\xa8\xe6s$\xd9\xab\xc9z\x1b\xc7e`\xf6\x1f\xb98\x0c\x00\xa8\xc29\xdaYY\x92*y\xff\xd7\r9:\xfe\x18\x00\x90\x8b\xc3\x00\x80*\x9c\xc1`\x10\xff\xc8\xc9+P\x8bm\xa4*\x96\x00\t\x84\x00p\x96\x99\x95s\xcd\x85!\xe4\x9a0\x00\xa0\n$&amp;{\xdb\xb7o/\x1e\x1e;~\xa6\xc8\x92Kd\xb9\xaa\xba\xde\x84\x10\x00}\xff\xc1c\xe2a\x87\x0e\x1d\xa0\xda$\xa6\x10\xaa|\x18\x00P\x05\x12\x01   @\x96eB\x88\xcd\xa6^\xcc\xc8\x06Y\xae\xaa\xd4\x0b\xa1\xd4\x96_\x98\x91\x91%\x1e\x06\x05\x05U\xcdu T=`\x00@\x15H\x04\x80\xd0\xd0P\xb3\xd9\xcc9/\xb6\xda\x0e\x1e&gt;\xce\x15\x03\xab\x8a\x08\xc09\'F%\xf3\xfc\xe5\x13\xa7\xce\x11B\x08!b\x04\x80E\xa1\x91\xcb\xc2\x00\x80*\x90\xa8\xff\xec\xe9\xe9\xd9\xa2E\x0b\xf1\x95\x9f\x7f\xfb\x93\x00!U\x11\x00t\x9d\x81\xc1\xed\x8f-;\x8b\xad6\x00\xee\xe3\xe3\xd3\xacY3\xc0}\x00\xc8\x85\xe1\xad\x8f*\x96\xa8\xb8\xf9\xc8#\x8f\x00\x00!dsRjq\x8e\x85\x1a\xaa \x0b$f\x80\x7fK\xd8\n\x00\x9cC\xd7\xae]\x03\x02\x02D\xb5\xea\xca\xbe\x14\x84\xaa\x07\x0c\x00\xa8b\x89\xe6522\x92RJ)=v\xe2l\xe2\xef[\xc1\xdd\xa3\x92\xa7^9\xe7\x92\xc9x\xe1\xf8\xa9\x9f~\xdd$\xba\xfcQQQ\x803\xc0\xc8\xb5a\x00@\x15K\x92$\xc6X\x9b6m\xda\xb7o\xaf\xeb:\x00\xcc\x8f\xfb\x1f!\x00P\xa9C\x00]g`\xf2\xf8vU|Aa1\x00\xf7\xf0\xf0\xe8\xd7\xaf\x9f\xb8\xbc\xca\xbc\x0c\x84\xaa\x15\x0c\x00\xa8\xc2q\xce%I\x1a;v,\x00PJ\x137%\x1f\xdd{\x88z\xb8WZ\xef\x9b\x03PY\xd2\n\xf2\x17.\xf9\x81\x10\xc29&lt;\xf5\xd4Su\xeb\xd6\xd5u\x1d\xf3?\xc8\x95a\x00@\x15\x8eR\xca9\xef\xd7\xaf_@@\x00\x00/.\xb6M\x996\x97T\xe2Z \xa6i\xd4\xcbg\xfe\xfc\x15\x87\x8e\x9c\x94$\x89s\xfe\xc2\x0b/T\xce\xafF\xa8:\xc3\x00\x80*\x9cX\x0b\xe4\xe1\xe11u\xeaT\xc6\xb8\xc1\xa0\xac\xfaa\xfd\xaa%\xff\x93}\xcd\xbaV\xe1\xa5\xa1\x99\xce$O\x8f\xe3i\x87\'O\x9b\xa3(\xb2\xa6iO=\xf5\x94\xc8Ga\xfe\x07\xb98\x82\xe5PP%\xe0\x9cs\xce\x19c-[\xb6&lt;z\xf4(\xa5\xd4\xdf\xcf{_\xf2\xea\xc0\xda\xfe\xdcf\xaf\xb8\x85\x98\x9c\x83\xce\x99\xe4\xe1\x1e\xd5kx\xe2\xa6\x14E\x91\x01\xc8\x81\x03\x07BBB\xf0@`\x84\xf0\x03\x80*\x03!\x84s.\xcb\xf2\xdc\xb9s\xc5\x94\xc0\xa5\xcb\x96!\xc3\'\x13\xa3\x91S\xcaYE\xf5B4M\x93}\x02\xff\xef\xad\xff&amp;nJ1\x99L\xaa\xaaM\x992%$$D\xd7ul\xfd\x11\xc2\xcf\x00\xaa$\xe2t\xf8^\xbdzM\x9b6\xcdn\xb7\xbb\x99L\t\x1b\x93G\r\x9f,yz0J\xca\x7fB\x98\x83\xaaj\x8a_@\xec\x9c\x85\xd3&gt;\x885\x1a\x8dV\xab5**\xea\xed\xb7\xdf\xc6\xe4\x0fB\x02\xa6\x80P\xa5\x12\x8doTT\xd4\xfa\xf5\xebM&amp;\x93\xd5j\x8d\x19\xdagA\xdc\xfbPl\xd5mvI.\x9fv\x991\xc69H\xbe\x01\xb1s\x16\x8d\x1a\xf7\xae\xa2(\xaa\xaa\x06\x06\x06\xee\xdb\xb7/00\x90s\x8e\xdd\x7f\x84\x00G\x00\xa8\x92\x89\x15A+V\xac\x08\x0f\x0f\xb7Z\xad&amp;\x93)v\xc9\x0f\xcf=\xfbZ\xbe]\x95|\xbd4U\xbb\xf3\x1e\x89\xa6i\xd4d\x94\xbc=g}8\xd7\xd1\xfa\x9b\xcd\xe6\x9f\x7f\xfe9((\x08[\x7f\x84\x1cp\x04\x80*\x9b\x98}\xb5X,\xd1\xd1\xd1)))n&amp;S\xb1\xd5\xda\xbeM\xd3ys\xa7Ft\t\x87\x82&lt;M\xd5$\x89\xde\xee\n}\xce\x811\x9d\x00\xa1\xbe&gt;\xe7O\x9f\x9b\xf0\xf2\xfb+\xff\x97`0\x18\xecv\xbb\xd9l\x8e\x8f\x8f\x0f\x0f\x0f\xc7\xe4\x0fB%a\x00@U\xc0\x11\x03\x1e|\xf0\xc1\xe4\xe4d\xa3\xc1`\xb3\xdbe\x89\xbe\xf9\xfa\xa8\xc9\xaf\xc7\x18&lt;\xbd\xa0\xb8P\xb7\xda\x81\x10J\xc9\xcd#\x01\x07\xe0\x8cq\xc6%E\x06O\x0f`l\xc5\xf2\xb5\x13_\xfd\xf8\xfc\xc5L\xa3\xd1h\xb3\xd9\xfc\xfc\xfc~\xfb\xed\xb7\xf0\xf0pM\xd3\xf0\x10`\x84J\xc2\x00\x80\xaa\x86\x88\x01yyy\x13\'N\\\xb8p!!D\xcc\x12\xb7j\xd1\xe4\xa5\xb1\xcf&lt;\xf6\xf0\xfdA\r\xeb\x01\xd7\xa1\xb8\x98\xd95\xb1e\xacd$\xe0W\xbe\x02\x92$\x81\xbb\x1bH\x8a-\xc7\x12\xff\xc7\x8e9\xf3\xbeMH\xdc\x06\x00\x06\x83b\xb7\xab]\xbat\x89\x8b\x8b\x13\xcb~\xb0\xef\x8f\xd050\x00\xa0*\xe3X\x89\xbfp\xe1\xc2I\x93&amp;\xe5\xe6\xe6*\x8a\xac\xaa\x1a\x00\x04\xd6\xf2{\xbcw\x8f\x01OF\x87\xb7m\xe6]\xa7\x16\x80\x0c\xc0\x01J\xee\x1a\xa3\x00\x14@\xd7\xf2\xf2w\xa5\x1d]\xb7n\xcb\x8a\x95\xeb\x0e\xa7\x9f\x02\x00\x91\xf4\x07\x80\xf1\xe3\xc7\x7f\xfc\xf1\xc7\xb2,c\xeb\x8f\xd0\ra\x00@UI\xec\x0e\x93$)==\xfd\x83\x0f&gt;\x88\x8b\x8b\x03\x00J\xa9cU\xe8]u\x03[\xb6\x0c\x0eo\xdb, \xc0\x1c\xd6\xba)\xe8:\x00\x10Y&gt;u\xf2\xaf\xd3\xe7.\xed?p\xec\xd0\xe1\x13\x87\x0e\x9f\x10\xdf,\xcb\x92\xa6\xe9\x00\x10\x19\x199y\xf2\xe4\xc8\xc8H(\x11f\x10B\xd7\xc0\x00\x80\xaa\x9e\xa3\x87\xbe~\xfd\xfa\xaf\xbf\xfez\xe5\xca\x956\x9b\r\xaen\x1f\xbb\xe5\x8f\x97\xfc\xb6\xa8\xa8\xa8!C\x86\x0c\x192D&lt;-\xa5\xb7=\x99\x8c\x90\xeb\xc0\x00\x80\xaa\x05\xc6\x98\xd8!\x0c\x00\x87\x0f\x1f^\xb1b\xc5\xbau\xebv\xed\xda\xa5iZi~\xbcE\x8b\x16]\xbat\x196lX\xe7\xce\x9d\xa1\xc4\xc0\xa2b/\x1a!\'\x87\x01\x00U#\xe2\xc0\x00G\xc3}\xf0\xe0\xc1\xe4\xe4\xe4\xbd{\xf7\xee\xdb\xb7\xef\xe2\xc5\x8b\x17.\\p|\xa7\x97\x97Wppp\xc3\x86\r\xdb\xb4is\xef\xbd\xf7v\xe8\xd0A\xfc\x146\xfd\x08\x95\x1e\x06\x00T\xed\x88\xd1\xc05\xd9\x1b\xc6Xnn\xae\xf8\n\xe7\xdcd2\xb9\xb9\xb9\x95\xfc\xa9k\x82\x87S\x13a\xec\xeaJ\'r\xcd\xfb\xe0\xf8"\xcem\xa0;\x84\x01\x00U_\x8c1\xd1\xde\x89\xe3$\xaf\xff\xaf\xa2\xc8\xa8h\nk@\xae_\xbc\xde\x1b\xbe\xd8\x1b\xe2\x9c\x8by\x0e\x8c\x04\xa8l0\x00 \xe7p\xfd\x8dZ\x03Z|\x87k\x86/\xd9\xd9\xd9iii\xbbv\xed\xca\xca\xcaJNNVU\xd5\xf1b\xc3\xc2\xc2\x02\x02\x02\xc2\xc3\xc3\x9b7o^\xbf~}\xf1E1b\xa8\x19Q\x10U&amp;\x0c\x00\x08U%\xc7\x10\x07\x00\xce\x9e=\xbbz\xf5\xea\r\x1b6$%%eee\xdd\xfc\x07\xdd\xdd\xdd\xdb\xb6m\x1b\x15\x15\xf5\xc4\x13O\x84\x85\x85\x89/\xe2\x8e\x07t[0\x00 Te\x1c\xed\xf5\xd6\xad[\xbf\xfa\xea\xabU\xabV\xe5\xe7\xe7\xdf\xee\x93H\x92\xd4\xb3g\xcf\x17^x\xe1\xe1\x87\x1fV\x14\x851v\xcd\xb4\x01B\xff\x06\x03\x00BU\xc0\xd1L\x1f8p\xe0\xddw\xdf]\xb1b\x05\x00\x10\x02\x8e\x8f\xa4\xbb\xbb\xa9a\xc3\xba\xb5\x83j\x855ol\xf6\xf7\xe5\x9aF(UU5y\xf7\xa1\x1cK^\xfa\xb13\xb9\xb9WB\x85c\xdf\\\xa7N\x9d\xfe\xef\xff\xfe/**\np(\x80J\x07\x03\x00B\x95\xcd\xd1:O\x9f&gt;\xfd\xbd\xf7\xde\xb3\xdb\xed\xb2,\x8b\x1d\x0f\xde^\x1e}\x1e\xeb\xd1\xa3GD\xcfn\xe1w\xd5\xf1\x97\xbc&lt;\x80H\x00\x12\x80\xe3s\xaaA\xb1-3\xd3\xb2u\xc7\xde\r\x9bRV\xafY\x7f\xf6\\\x06\x008\x9ea\xe0\xc0\x81s\xe6\xcc\xf1\xf7\xf7\xc7\x18\x80n\t\x03\x00B\x95J\xb4\xcb\x17.\\\x18&gt;|x||\xbc$Q\xc6\x80s\xd6\xaaE\x93\xa1C\xfa\x0c\xec\x17U/\xf8n\x00\x026+\xa8*\xd3\x18\xe3\x1c\x80\x03\x10\xf1\xbf\x94\x10B\tQ\x14p3\x02\xc8y\x19\x97~\xfcu\xe3\xd2\xe5?\x97,\x81\x17\x12\x12\x12\x17\x17\xd7\xa5K\x17,\x80\x8an\x0e\x03\x00B\x95G\xb4\xc8)))\x8f?\xfe\xf8\x85\x0b\x17L&amp;\xa3\xd5j\xf3\xf1\xf2xg\xfa\xb8\xd1#\x9f2xy\x83\xb5P\xb7\xda8\x07*Q\xf2\xef\x0b\x9d\xaen\x14\x00\xd9\xa0\x80\x87\x070m\xdd\xcf\x9b\xc6O\xfc \xfd\xd8\x19q\x04\x82,\xcb\xf3\xe6\xcd\x8b\x89\x89\xc1\x18\x80n\x02\x03\x00B\x95D\xf4\xfdSRR\xa2\xa3\xa3-\x16\x8bh\xa9\xa3#\xef\xfd\xfc\xbf\x93C[6\x87\xfc\\M\xd3$I\xba\xad\xf9[\xce9\xd3\x19!\x84\xfaz\xe7^\xce~k\xea\xec\xd9_|+6F\xe8\xba\xbe`\xc1\x02\x8c\x01\xe8&amp;0\x00 T\x19\xc4:}G\xeb/jVO}c\xf4\xb4\xe9\xe3\x80s\xad\xa0P\x92\xe4;Y\xb9\xa3k\xbadP\xc0\xc3k\xe5\xf2\x1f\xc6\x8c\xfd?KN\xbe\xf8\x15\x18\x03\xd0M`\x00@\xa8\xc2\x895?\'O\x9e\xbc\xe7\x9e{\x1c\xad\xff\x82\xd9o\xc6\x8c}N\xcf\xbdL8P\xa9\x1c\xb6\xf2r\xce5MW\xfcj\xa5\xfc\xb9=\xfa\xd11\x96\xdc+1`\xf5\xea\xd5O&gt;\xf9$\xce\t\xa3\xeba\x00@\xa8b\x89|=\x00t\xed\xdau\xfb\xf6\xed\xe2\xa0\xca\x05\xb3\xdf\x8c\x19;L\xcd\xce\x94\xe5\xdb\xcb\xf9\xdc\x92jW\x15\x7f\xbf\x94?w&gt;\xd8\xfb?\xb9y\x85\x04\xc0\xcb\xdb{\xe7\xce\x9d\x8d\x1b7\xc6\xa3\x11\xd05\xf0n@\xa8b\x89\xea\xa4\x93&amp;M\xda\xbe}\xbb\xc9h\xb4\xd9l3\xdf\x9f\x103\xf695;SQ\xe4r\xdf\xb1\xa5\x18\x14-\xdb\x12\xde5\xfc\x97\xd5\x9f\x03pB\xa9\xc5b\x19&lt;x\xb0\xddn\x17\xa5\x93\xca\xf7\xd7!\xa7V\x8d\x02\x80\xe8(\xe9\xba\xae]\xa5\xeb:\xbb\xce5\xff\x15ohT\x9d\x89\xc4\xcb\xe6\xcd\x9bg\xcd\x9ae4\x1a\xad6[\xbf\xc7{\x8e\x7fu\x94\x9as\xb9\xe2\x92\xf2\xb2"\xab\xd9\xd9\x9dzv\xfd\xe4\xdd\xf1\xaa\xaa\x9aL\xc6\xed\xdb\xb7\x7f\xf2\xc9\'\x92$9\x8eZC\x08\xaa&lt;\x05\xe4(\xe8x\'\x15\ro^3\x12\xa1*$n\xce\xc8\xc8\xc8-[\xb6PJ\xfc\xfd|\xd2v\xfe/ \xd0\x8f\xdbl\x15}\xafj\x8c\xc9^\x9e\xbdz\x0eM\xdc\x94"\xcb\xb2\xb7\xb7wZZZ\xed\xda\xb5\xa1f\xd5\xd1Cw\xa2j\x02\xc0\r\xcb\xde\x16\x17\x17_\xbe|\xf9\xf8\xf1\xe3\xa7O\x9f&gt;}\xfa\xb4\xa6i\x8e:\x88\x8e\xc2\xe8\x9c\xf36m\xda\xf8\xfa\xfa\xfa\xf8\xf8\xb4i\xd3\xa6v\xed\xdau\xeb\xd6\xf5\xf1\xf1q&lt;\x89(\x90[c\xea\x03#\xa7&amp;\xd6\xde\xacX\xb1b\xd0\xa0Ab&gt;v\xe5\xe2\xf7\x9f\x1a\xfa\x84n\xc9\x91\xe4\n\x9f\x8fe:#\xee\xa6\x13\xe9\xa7:ty\xba\xb0\xc8\xaaiZLL\xcc\x82\x05\x0bp6\x189Tj\x00\x10\xads\xc9\x95\xce\xe7\xce\x9dKNNNMMMII9t\xe8PVVVQQQ\xe9\x9fP\x92$\xb3\xd9\xdc\xb2e\xcbv\xed\xda\xb5i\xd3\xa6c\xc7\x8e-Z\xb4p\xfcWM\xd3pL\x80\xaa\x90\x18\x98FFFn\xda\xb4\x89s\xe8y\xff=\x89\x1b\xbe\xd6\xf3\xf2\xa5\xca\xba\'5U\x93\xfdj\xfd\xdf\x94\x8f\xa6\xbe7\x9fR\xea\xe7\xe7w\xe0\xc0\x81Z\xb5j\x01\x0e\x02\x10\x00TZ\x00\xb8\xa6\xdc\xf9\xa1C\x87~\xf9\xe5\x97\xdf~\xfb-99\xb9\x0c\xe5\x0f\xff\x8d,\xcb\xed\xda\xb5\xbb\xff\xfe\xfb\xfb\xf6\xed\x1b\x11\x11Q\xf2\x8c@\x1c\x10\xa0J&amp;\xfa:\xc9\xc9\xc9\xe2V\xd4u\xfd\x97U\xb3\x1e\xea\xf7 \xb3\xe4Ir%\x05\x00\xce9\x18\x94K\xe7/\x05\xb7y\xbc\xa8\xc8\xc6\x18\xfb\xe4\x93O&amp;N\x9c\x88\xdb\x02\x90P\xe1\x01@\x9cX$\x1a\xdf\xb3g\xcf\xaeX\xb1b\xcd\x9a5\xc9\xc9;4Mw\\C\x89BW\xe0\xe3\xedY\xb7N\xad:u\x83\xb8\xa6\xb5i\x1d\xe2\xeb\xe7\xcb5\x9d\x10\xe0\x00\x84\x10U\xd5\x92w\xa6i\xc0\x0br\x0b\x8e\x9d&lt;k\xb1\xe4\xfd\xe3\xc5\x90\xbf_N\x</t>
        </is>
      </c>
    </row>
    <row r="403">
      <c r="A403" s="1" t="n">
        <v>401</v>
      </c>
      <c r="B403" t="inlineStr">
        <is>
          <t>size_cycle</t>
        </is>
      </c>
      <c r="C403" t="inlineStr">
        <is>
          <t>What is the size of the missing circle denoted with a question mark?</t>
        </is>
      </c>
      <c r="D403" t="inlineStr">
        <is>
          <t>['small', 'large', 'medium']</t>
        </is>
      </c>
      <c r="E403" t="inlineStr">
        <is>
          <t>large</t>
        </is>
      </c>
      <c r="F403" t="inlineStr">
        <is>
          <t>There are circles arranged in a spiral with three arms. The first arm has circles of sizes ['small', 'medium', '?'], the second arm has circles of sizes ['small', 'medium', 'large'], and the third arm has circles of sizes ['small', 'medium', 'large'].</t>
        </is>
      </c>
      <c r="G403" t="inlineStr">
        <is>
          <t>We observe that the circles in each arm progress in size from small to medium to large. Thus, the pattern is that the circles in each arm get bigger as they progress away from the center of the spiral.</t>
        </is>
      </c>
      <c r="H403" t="inlineStr">
        <is>
          <t>Based on the pattern that the circles in each arm get bigger as they progress away from the center of the spiral, the size of the missing part that is farthest from center should be large.</t>
        </is>
      </c>
      <c r="I403" t="inlineStr">
        <is>
          <t>b'\x89PNG\r\n\x1a\n\x00\x00\x00\rIHDR\x00\x00\x02\x00\x00\x00\x02\x00\x08\x02\x00\x00\x00{\x1aC\xad\x00\x00\x8exIDATx\x9c\xed\xddw|T\xc5\xf6\x00\xf03s\xef\xdd\x92\xb6\xd9\x10:\xd2\t\x10j\x80\x10\xaa"\x88\x01\x9f(( \x08\x88 AT\xf0\x07\xb6\xa7"\n\xefaGA\xc1\x02A\xc1\x07( &gt;\xc5J\xa4\xf7\x12 \x94\x10J(\x82\xb4\x00\xe9e\xcb\xbd3\xf3\xfbc`\xcdC\xc4\x00)[\xce\xf7\xe3\xc7Ov\xd9ln6\xbb\xe7\xcc\x9ciD\x08\x01\x08!\x84\x02\x0f\xad\xe8\x0b@\x08!T1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0\x01 \x84P\x80\xc2\x04\x80\x10B\x01\n\x13\x00B\x08\x05(L\x00\x08!\x14\xa0\xd4\x8a\xbe\x00\x84\x10*\x05B\x88k\xdeO\x08)\xe7+\xf1!\x98\x00\x10B&gt;F\x14\x03\x00\x94R\xcf\xff\xff\x8cs\xee\xf9?)\xa6\x1c\xaf\xd7{\x91\xbfJ\x9b\x08!\xe4=\x84\x10\x9cs!\x04\xa5\xf4\x9a\xb1\xde\xe1p8\x9dNB.\xc74\xf9\x85\xcdf\xbb\xe6\x83\x19c\xf2\xa9\x02&lt;\x19`\x02@\x08y/\x19\xf7\x01@Q\x14\xcf\x9dEEE\'O\x9e\xfc\xfd\xf7\xdf\x93\x93\x93/]\xba\xb4w\xef^BHzzzAA\xc1U\xdf^\xadZ\xb5j\xd5\xaa\xa9\xaa\xda\xbe}\xfb\xca\x95+\xb7l\xd9\xb2a\xc3\x865j\xd4(\xfel\x86a\x10Bd2(\x9f_\xca{`\x02@\x08y#\xc6\x18\x14\x8b\xfbEEE{\xf7\xeeMJJ\xda\xbau\xeb\xc1\x83\x07\xcf\x9e=+\x1fp\xa3\x82\x82\x82\xea\xd6\xad\xdb\xa4I\x93\xae]\xbb\xc6\xc7\xc7GEEy~\x04cLf\x82\xd2\xfa\x15\xbc\x1f&amp;\x00\x84\x90\x17\x91M~O{&lt;//o\xdd\xbau\xdf}\xf7\xdd\xea\xd5\xabO\x9d:U\xba?KU\xd5\xa8\xa8\xa8{\xee\xb9\xa7_\xbf~qqq2\x13\\\x95x\xfc\x1b&amp;\x00\x84\x90W\x90\xa1\xdf\x13y\xb7l\xd92\x7f\xfe\xfc_~\xf9\xe5\xf4\xe9\xd3\xd7|\xbc=\xc2\xd6\xb0n\xcdZ\xb5\xab\xb7j\x1e%\x18\xab{[\xf5:\xf5j\t\xc3\x90\x99C\x08ATe\xef\xdeC\xb9y\x85\xban\xecH9x\xfa\xf7sg\xcf]\xcc\xcd\xbb\xbaL$EGG\x0f\x180`\xd0\xa0AM\x9a4\xf9\xf3\xc5\xf8+L\x00\x08\xa1\x8a\xc7\x18\x93\xd1\xd6\xedv/Y\xb2d\xc1\x82\x05+W\xae\x94\xffD(\x15\x9c\x03\x80\xaa*Q\x8d\xea\xc6\xc5\xb6\xe8\xda\xb9M\xb3\xa6\r\x1a\xd5\xafi\x8f\xb0\x81\xd5\n \xc34\x07\xe0\x7fzb\x05@V\xf6\r\x9e[\x90\x95\x9d\x9b\x96\xfe\xdb\xee=\x876lN\xd9\x95\x92v\xea\xd49\xf9 J\xa9\x1ci0\x9b\xcd\x0f=\xf4\xd0\xd0\xa1C{\xf6\xec\tW\xa6\x1b\xf9qQ\x08\x13\x00B\xa8"\xc9\xc8K)u\xbb\xdd\x8b\x16-z\xff\xfd\xf7SSS\x01@U\x15\xc3`\xf2\x8b\xf6\xedZ\xf4\xbb\xbf\xfb?\xe2\xbbD5\xa8\xad\x84\x85\x02\x000\x03\xdcn\xa13\xce\x99\'\x86\xfdy\x14W\x08\x01 \x00\x08%\x84\xaa\n\xa8\n\x98M@T\x00Vt){\xcf\xfe\xf4o\xbf_\xf3s\xd2\xc6\xb4\x83\xc7\xe5\xe3)%\x9c\x0b\x00\xe8\xd9\xb3\xe7\xf3\xcf?/\xd3\x00c\xcc_\x87\x881\x01 \x84*\x8ca\x18\xaa\xaa\x02\xc0/\xbf\xfc\xf2\xc2\x0b/\\\x0e\xfd\x9aj\xe8\x06\x004\x89\xaa;h`\xef\x01\xfd\xef\x8en\xd2\x00\xcc\x16\xd0]\xe0t1\xc6\x84\x00B\t\xbd\xc1\x19\x9cB\x00\x80\xe0\\\x08!\x08!\x8a\xa6\x82\xd5\x0cT3\xf2\xf3v\xecL\x9b\xbf\xe8\xfb\xef\x7fX\x93q!\x0b\x004U\xd5\r\x03\x00z\xf7\xee\xfd\xce;\xef4o\xde\x1c\x8a\xf5Q\xfc\t&amp;\x00\x84P\x05\xf0TW\x8e\x1c9\xf2\xdak\xaf-^\xbc\x18\x004M\xd3u\x1d\x00z\xf6\xe88\xf6\xc9\xc1\xf1\xdd\xe3\xcc\xe1v\xd0]\xc2\xe1d\x8cSJ\x08\xa5\xa5\xd5\x0e\x17\xe2r2PU\x05\x82\xad@\xb5\x8c\x93\xa7\x7f\xf8y\xfd\x07\xb3\x16\xa5\xa6\x1d\x05\x00MSu\xdd0\x99L/\xbc\xf0\xc2s\xcf=g\xb3\xd9\xfc\xaf+\x80\t\x00!T\xde&lt;\xad\xe9\x993gN\x9a4)77\xd7d\xd2\xdc\xee\xcb\xa1\xff\xf9g\x1f\xedyw\x17P\x14((d\xbaAh\xd9N\xcd\x14\xb2_\xc0\x85b1\x815\xd8\x9d\x9b\xbbh\xf1\xcf\xef\x7f\xf8\x9f\xd4\xb4c\x00\xa0(\nc,**\xea\xc3\x0f?\x8c\x8f\x8f\x07\x009I\xa9\xec\xae\xa7&lt;a\x02@\x08\x95+Y\xf69{\xf6\xec\xc8\x91#\x93\x92\x92\x08\x01\x00*\x04o\x1e\xdd\xe0\x9d7\x9e\xe9\xdd\xa7\x1bP\xcas\xf3\x85\x10\x94*\xe5\xd9\xda\x16B0\xc6UM\x81\x90PwA\xe1\xec\xc4\xa5S\xdf\x98}\xe1R\xb6\xa7_2~\xfc\xf8w\xdf}WUUO\xe5\xca\xd7a\x02@\x08\x95\x13O\xd9\'))i\xc4\x88\x11\xe7\xce\x9d\xb3\x98\xcdN\x97\xcb\x16\x1a\xfc\xdc\xb3#^x\xe6QSh\xb0\x0c\xfd\x15Xm\x17\x028c\x8a\xaa@h\xd8\xd9\xe3\'\'M\x99\xf5\xf9\x7f\x96\x03\x80\xec\xa3t\xee\xdcy\xde\xbcy\x8d\x1a5\xf2\x8f!\x01L\x00\x08\xa1\xf2\xe0\x99\xed3e\xca\x94\xc9\x93\'\xc3\x95\x8a\x7f|\x8f\x8e\x1f~\xf0RT\xb3h\xc8\xcf\xf1\x9e\xa8z9\rX\xcd`\tN\xfaq\xd5\xd3\xe3\xdf8r\xecw\x8b\xc5\xect\xba"""&gt;\xf9\xe4\x93\x81\x03\x07\xfaA?\x00\x13\x00B\xa8\xccy\xea\xe6\xa3G\x8fNLL\xf4\x14U^{\xf9\xf1\xc9S\xc6\x82\x00#\xbfPQUo\x1b^\x15B0\x83\xa9\x11\xf6\xccs\x17\x9e\x1c\xfb\xaf\xa5\xff])\x87\x04\x00`\xce\x9c9\t\t\t\xbe&gt;,\x8c\t\x00!T\xb6d\xf4\xcf\xce\xce\x1e&lt;xpRR\x92\xc5bq:\x9d\xd5\xabV\x9a\x97\xf8\xef\xf8&gt;=y^\x0epA\x15\xef\x1dVe\x86\xa1X,`6\xcd\x98\xf6\xf9\xf3/O787i\xaa\xdb\xad\x8f\x1f?~\xfa\xf4\xe9\x9cs\xdf\xddR\x14\x13\x00B\xa8\x0cy\xa2\x7f|||rr\xb2\x8c\xfe\xb11M\x97\x7f\xf7Q\xf5\xda5\x8c\xec\x1c\x9f\xa8\xa2\xc8-I\x15\x9b}\xf3\xda-}\xfa=\x95\x9d[`2\x99\xdcnwBB\xc2\x9c9s|\xb7\x1f\xe0\xbdY\x17!\xe4\xeb\xae\x8a\xfeV\x8b\xc5\xe9t\x0e\xecwW\xd2/\x89\xd5kT1\xb2|#\xfa\x03\x00\xa1T\xa1\xd4\xc8\xca\xec|g\x87\xd5+\xe7\xc5\xb4\x88r\xbb\xddV\xab%11q\xf4\xe8\xd1\xb2.\xe4\x8b\x8di\xec\x01 \x84\xca\x84\x9c\xf3\xe3t:\xbbu\xeb&amp;\xa3\xbf\xc3\xe9L\x18\xdew\xce\xfc\xb7\xc0\xe1\xe0.7\xf5\x8e\xf1\xde\x1bb\x18\x86\x1a\x1e\x96}1;\xbe\xd7\xa8\xe4\x94\x83V\xab\xc5\xe1p&gt;\xfe\xf8\xe3\x9f~\xfa\xa9/\x8e\tc\x0f\x00!T\xfa\x84\x10\xb20\xf2\xd4SO\xfdO\xf4\x9f\xf7&amp;\xcb+\xe0n\xdd\x17\xa3?\x00\xa8\xaa\xcar\xf2\xec\xe1\xa1I\xbf\xcc\x8d\x8di\xeap8-f\xf3\xec\xd9\xb3g\xcf\x9e-\xd7\x07T\xf4\x05\xde\x18\xec\x01 \x84J\x9fl\x0e\x8f\x193f\xf6\xec\xd9\x97\xa3\xff#\xf7\xcf\x99\xff\x16+(\xa4\\\x90R\xdb\xd0\xa1bp\xc6h\x905;\'\xff\xee\xf8Q;\xf7\x1c4\x9b\xcd.\x97k\xfe\xfc\xf9\xc3\x87\x0f\xf7\x9e\x99\xac%\x81\t\x00!T\xcad\xf4\x9f7o\xde\xc8\x91#ep\xec\xd8\xae\xf9\xe6M_\n]\'\x8c\x11\xbf\xd8G\x81\x19L\xb1\x85\x9c8\xfc[\xdbN\x83rr\x0b\x15\x85\x9aL\xa6m\xdb\xb6\xb5h\xd1\xc2\x87\xf6\x8a\xc0\x04\x80\x10*M2\xfc\xed\xdf\xbf\xbfc\xc7\x8e\xba\xae\xbb\xddz\x8b\xe8\xfa\xeb\xd6\xfc\'&lt;4\x08t\xddW"cI0\x83)\xb6\xd0\xe4-\xbb\xbb\xc5\x8f2t\xe6\xd6\xf5\x96-[n\xd9\xb2\xc5b\xb1\xf8\xca\xa4 \xff\xf9c \x84*\x9c\x1c\xf8-((\x18:thaa!\x08\x11\x14d^4\xff\xad\x88\xcav\xe1r\xfbS\xf4\x07\x00EU\x8c\x9c\xbc\xd8.\x1dg\xbd\xfb\x82[\xd7-f\xf3\xbe}\xfb\xc6\x8d\x1b\xa7(\x8a\\\xf6\xec\xfd\xfc\xea\xef\x81\x10\xaaX\xf2\x18\xc5\x17_|q\xdf\xbe}f\xb3\xd9\xad\xeb\xb3\xde}\xa1Elk#\'OQ}\xa62^r\xaa\xa6\x1a\xd9\x97F&lt;9t\xe4\x90&gt;N\x97\xcbb6\xcf\x9b7o\xe9\xd2\xa5\x9e\x05\xc3^\x0eK@\x08\xa1\xd2!\xc7?W\xadZ\xd5\xb3gO\xb3\xd9\xe4r\xb9G\x0e\xe9\xf3\xd9\xc2\xf7\x8c\x9cl\xd5w\xc6Eo\x94\x10\x82+\x8a\xd3mt\xba\xfd\xe1\xfd\x07\x8e)\x8a\x12\x11\x11\xb1w\xef\xde*U\xaa\x00\x80\x97wz0\x01 \x84J\x81&lt;E\x9d1\xd6\xa2E\x8b\xf4\xf4tJI\xbd:5\xf6\xec\xfc\xc6b\xd2(c&gt;Q\x10\xbfir0`\xcf\xd6=q\xdd\x1f\x01A\xdc\xba&gt;|\xf8\xf0\xf9\xf3\xe7{\xff\x8c \xaf\xceN\x08!_!\x8b?\xd3\xa6M;r\xe4\x88\xa6\xa9\x8c\xf1\x8f\xdf\x7f1\xd8n\x03\xb7\xee\xdf\xd1\x1f\xae\x0c\x06\xb4\xee\xdc\xfe\xf9q\xc3\xdc\xban6\x9b\x16,X\xb0q\xe3F\xef/\x04a\x0f\x00!\xaf [\xd0p\xf9\x1cs\xf8\xf3\xfeb\x9eqEB\x88\xb7M2\x91\x1b\xa2\x1d?~\xbcM\x9b6\x0eG\x91\xae\x1b\x03\xee\xef\xb1\xf4\xbf\xb3\x8c\xbc&lt;?.\xfe\x14\'\x0bA\x85\x0egL\xec\x80\xdfN\x9d\xe3\x9c\xb7i\xd3f\xcb\x96-\x9a\xa6y\xf3Vq\xd8\x03@\xa8\xc2\xc8\xe5\xb2\x86a\xc8\x00\xaa(\x8a\xa2(\xaa\xaa\xaa\xaa\xaa(\n\xfd_\xea\x15\x8a\xa2\x10B\x84\x10\x86a0\xc6\xbca\xc2\x89&lt;f\xfd_\xff\xfaW^^\x1e\x00\xd8l!o\xbd1^\x18:\xf5\xd6\xc0W\xea\x08!\xe0\xd6\xc3"+\xbd=e\x1c\xe7\\\xd3\xb4\xdd\xbbw/Y\xb2\x84R\xea\r\x7f\xa0\xbf\x82=\x00\x84\xca\x9b\xa7\xb1_\xbc@\x9c\x9b\x9b{\xe4\xc8\x91\xd3\xa7O\xef\xdb\xb7\xcf0\x8c\x1d;v\xe8\xba.\x03\xbd\xfc\x7f\xeb\xd6\xadm6[\xed\xda\xb5\x1b4h\xd0\xb4i\xd3\xca\x95+{\xbe\x97s.O\xda\xaa\x90\x96\xa6\x9c\xf8\x7f\xf8\xf0\xe1V\xadZ\xc9|6\xf9\xa5\xd1\xaf\xbd\xf1O#\xeb\xa2\xaa\xf9\xd8\xde8\xb7\x881\xae\xd8B\xef\xbcc\xe8\xba\x8d\xbb(\xa5\x8d\x1a5\xda\xbbw\xaf\xc9d\x02\x99!\xbc\x0f&amp;\x00\x84\xca\x8fl\xf2{\xb6\x0c\xcb\xcf\xcfONN\xde\xb8q\xe3\x86\r\x1b\xf6\xed\xdbw\xe9\xd2\xa5\x12&gt;\x8f\xcdf\x8b\x8a\x8a\xea\xdc\xb9s\xd7\xae]\xdb\xb7o_\xabV-y\xbfa\x18\xb2\xbbP&amp;W\xff\x17\xe4P\xe7\xf0\xe1\xc3\xff\xf3\x9f\xff(\x8ab\x0f\x0f9\x98\xf2]Dd8\xd1\r\xef\x8cze\x871N\xc3B\xd6\xff\xb2\xe1\xce{\xc7h\x9a\xaa\xeb\xc6\xbcy\xf3\x1e}\xf4Q\xaf\x1d\r\xc6\x04\x80Py(\x1e\xfa\x19ck\xd6\xac\xf9\xea\xab\xafV\xae\\y\xfa\xf4\xe9[|\xe6\xb0\xb0\xb0n\xdd\xba\xf5\xef\xdf\xbfo\xdf\xbe\xa1\xa1\xa1\xf2\xf9\xe58A)\\\xf7\xdf\x91\x1d\x94\x8c\x8c\x8c\x06\r\x1a8\x1c\x0e\xce\xf9\xe4\x17G\xbf\xf6\xe6\xf3,;\xcb/\'\xfe\xff-\xce9\r\x0e\xee\xde\xfd\x91\xb5\x1bw\x11B\xda\xb6m\x9b\x9c\x9c\xec\xb5\x9bC`\x02@\xa8\xccy\x1a\x80\x19\x19\x19\x0b\x16,X\xb0`\xc1\xbe}\xfb\xe4?\xc9\xf2\x8e\xfcZQ\x14\xbb=,\xbaq=EUZ6kh\x8f\x08\x17\x06\x03\x02\x84\x10]7v\xecJ5\xb88z\xec\xf7\xccK\xd9E\x0e\xe7\x9f\x7fJ\xadZ\xb5\x06\r\x1a4|\xf8\xf0\xe6\xcd\x9b\xcb\x1fZ\x0eE!\xf9\xab\xfd\xeb_\xffz\xed\xb5\xd7(\xa5\x11\xf6\xb0C)\xdfFD\x86C\xe05\xff%Y\x05Z\xfb\xf3\xfa\xee\xf7\x8eQ\x14*\x04\xac^\xbd\xba[\xb7n\xde\xd9\t\xc0\x04\x80P\x19\xf2\x9c\x17x\xe1\xc2\x85\x8f?\xfe\xf8\xd3O?\xcd\xc8\xc8\x00\x00E\xa1\x8c]\x1e\x06h\x13\xd3\xb4s\xc7\xd6];\xc74\x89\xaa[\xb3Z\x15[d8(\nP\x15\x80\x02\x14\xfbxr7\x10R\x94\x99\x93y)\xfb\xd0\x91\xdf\xb6l\xdf\xb7aKJ\xf2\xae\x03\xf9\xf9\x85\x00\xe0\x19l4\x99LC\x87\x0e\x9d0a\x82\'\r\x94]\xdc\x91\xd1\xc3\xe9t6o\xde\xfc\xc4\x89\x13B\x88\x84G\xfb\xcd\x99\xf76\xcb\xce\x0e\xcc\xe6\xbf$@0\xaa\xb4\x8e\xed\x7f\xe0\xe0\t\x001x\xf0\xe0/\xbf\xfc\x12\x13\x00B\x81\xc5\xf3\x99\x9f7o\xde+\xaf\xbcr\xf6\xecY\x00\xf0\xcc\r\xef\xd4\xb1u\xbf\xfb\xba\xff#\xbeK\xd3\xe8\x86`\xb6\x00p\xd0u\xd0\r\xae\x1b\x00\x82s\x01 \x00d#Z\x00\x10J\t\x00PU\x05U\x01\xb3\t@\x05\xae\x9f&gt;\xfe\xfb\xca5\xdb\x96\xff\xb0n\xc5\xaf\x9b\\n\x1d\xae\xa4\x16\x93\xc9\xf4\xc2\x0b/&lt;\xf7\xdcs6\x9b\xad\xec\xba\x02\xf2\x17\xfc\xe9\xa7\x9f\xee\xbd\xf7^EQ\x84\xe0\xdbV\xcfo\xd7\xb5\x1d\xcf/T\xbc\xf8\x8c\xdf\xb2f\x18L\xb5G\xbc\xff\xc6G\xcfN\x9cA)\t\n\nNOO\xafV\xad\x9a,\x97U\xf4\xd5\xfd\x0fL\x00\x08\x95&gt;9\xcfGQ\x94#G\x8e&lt;\xfd\xf4\xd3III\x00\xa0\xa8*3\x0c\xb3I{\xa8\x7f\xaf\xa1\x0f\xdf\xdb3\xbe\x13\xa8f\xd0]\xc2\xe1d\x8c\x13ry\xee\xff\xf5c\x84\x10B\x88\xcb{\xaeQJ\xa8\xc5\x0cf\x0b\x80H\xdd\x99\xfa\xc5\x97?,X\xf4C\xc6\x85,\xb8\x92f\xa2\xa2\xa2&gt;\xfc\xf0\xc3\xf8\xf8x\xb82W\xa7t\x7fM\x99\x00F\x8c\x181\x7f\xfe|\x00\x88k\xd7|\xcb\xa6/\xc1\xe5\n\x9c\xd9\x9f\xd7$\x84 f\xed\xdc\xef\xe7\x1b\xb7y\xa0\xb0\xd0\xc99\x97G\x05x\xe1\x91a\x81\x9b\xa5\x11*#\x9eI\xfds\xe7\xcem\xdf\xbe}RR\x92\xd9l\x06\x00\nb\xe4\xf0\xbe;\xb7,\xfeb\xd1\xb4\x9e\xf7t\x15\x85N#;\x9b\x179\x08!\xaa\xaa\xc8\x89\xff\x7f\xdbB$\x84PJ\x14\x85\xaa\xaaB)\xe5.\xb7\x91\x9d\xc3rr\x9b\xb7j\xfc\xee\xfb\x93\xf6\xee\xfcf\xf2\xa4\'\xaaT\xb63\xc64M;r\xe4H\xaf^\xbd&amp;L\x98 g\x07\x95\xee\xaaT!\x84\xa2(\xf9\xf9\xf9+V\xac\x90\x97\xdd\xff\xfe\x1e\xd4l\xe5\xcc{\xa7\xbd\x97\x0fB\x08w\xb8\xab\xd7\xafs{\xa76\xb2.\xf7\xf5\xd7_\x83W\xee\x0b\xe4u\x17\x84\x90O\x93\xf5\x96\xbc\xbc\xbc\x84\x84\x84\x84\x84\x84\xbc\xbc&lt;B\xa9\xcb\xe5\xea\xd1\xad\xfd\xc6\xb5_|6\xff\xdd\xe6-\xa3Xv\x0e\xcb- \x94\xc8 ~+?\x8e^I\x1e\xbc\xc8ad_\xaa\x1a\x19\xfe\xda\xbf\x9eM\xd9\xb6t\xe4#\xf7\xeb\xba\x0e\x00&amp;\x936c\xc6\x8cn\xdd\xba\xa5\xa7\xa7+\x8aR\x8ag\x16\xca\xd0\xb6~\xfd\xfa\xf3\xe7\xcf\x13BL\x9az\xdf=\xb7\x83\xee\xf4\xc20W\xfe\xb8\x10@\x95\x01}\xef\x02\x00J\xc9\x86\r\x1b\xce\x9e=K)\xf5\xb6\x8a\x0b\xfe\xa9\x10*5\xb2$\x92\x95\x95\xd5\xb3g\xcf\xb9s\xe7\x9a\xcd&amp;!DH\x90\xe5\xc3\xf7_\\\xf5\xeb\xe7q\x1dcXv&amp;/r(\xaaR\xea%r\xb9TX\xe8\x86\x91}\xa9F\x8d\xca\x9f}1m\xc5\x0f\x9fD5\xb8\xcd\xed\xd6-\x16\xf3\xe6\xcd\x9b;t\xe8\x90\x9c\x9c\\\x8a\xe7\xd6\xcaX\xb6z\xf5j\x00\xe0\x9c\xb7\x8d\x89n\xd8\xbc\x11w8\xa9\x8f\x1f\xf7X*\x14\x85\x82\xab(\xbegG[X\x08\\Y\xf0\x01\xc5\xf6\xf3\xf0\x12\x98\x00\x10*\x1d\x86a(\x8a\x92\x9c\x9c\xdc\xa1C\x87\x1d;vX\xad\x16\x97\xcb\xdd\xa6U\xe3\xf5k\xbe\x187a\x14/*\xe2\xf9\x85\x8a\xaa\x96i\x03\x99\x10\xa2\xaa\xaap\xebFVf\xfc\xbd\xdd\xb7l\xfcr\xe0\x03=\x9dN\x97\xc9d\xca\xca\xca\xea\xd1\xa3\xc7\xe7\x9f\x7f^Z9@Q\x14\xb7\xdb\xbdb\xc5\ny\xb3W\xcf\x8e\xd4\x84\xf5\x9f\xcb\x08!\xdc\xe9\xaeV\xafV\xdb\x98\xa6\x9c\x0b\x00\xf8\xfe\xfb\xef+\xfa\xa2\xae\x01\x13\x00B\xa5@.\xf2JNN\x8e\x8f\x8fOOO7\x99L\x0e\x87s\xe4\xb0\xfb\xd6\xad]\x10\xd3&amp;\xda\xc8\xbaD)\xa5\xe551\x86\x10\xa2j*\xcb\xce\xae\x14\x1e\xba\xe4\xeb\x0f\xa6\xbf\xfd\x9c\xdb\xed\x06 \x05\x05\x05\x8f=\xf6Xbb\xe2\xad\xe7\x009\xceq\xe2\xc4\x89\xe3\xc7\x8f\xcb\x94\xd6\xa5Ck\x10\x01:\xf7\xff\x9a8\x17@\xb5\xdb;\xc5\xc8\x9b\x9b6mr\xbb\xbd\xeeL4\xef\xba\x1a\x84|\x91\xac\xfc\xec\xdf\xbf?&gt;&gt;&gt;;;[\xd34\xb7\xdb\xfd\xda\xcb\x8f\x7f6\xef\x8dP\x8b\xc6\xf2\n*dK\x1cEU\x85\xdb\xcd\xf2\x0b\xc6\xbf\xf0\xf8\x92\x85\xef\xda\xc3C\x84\x00\x93\xa6\x8d\x1e=\xfa\x8b/\xbe\xb8\xc5\x1c \xeb?\xa9\xa9\xa9n\xb7[\x08\x11\x19ak\xdd\xaa\t8\xb1\xfe\xf3\x07B\x08\x08v{\xe76\x94\x10B\xc8\xe9\xd3\xa7\xe5`\x89WU\x810\x01 tK\xe4\xe4\xee\xac\xac\xac!C\x86dgg\x9bL&amp;]\xd7\xe7\xcc|e\xf2\xeb/\xb2\x82"\xe16*pI\x14\xa1T\xa1T\xcf\xca\x1c8\xe4\x81\xa4\x1f&gt;\xb5\x87\x87\xb8uCU\xd5\'\x9f|R\x8e\x07\xdct0\x92\t`\xd7\xae]\xf2\xeb&amp;\x8d\xeb\xd9kT\xe6\x01\xb0\xf5\x7f\xc9QJ\xc0\xe5j\xd1\xacaHh\x10\x00\x14\x15\x15\xa5\xa5\xa5\xc1\x95\x97\xceK`\x02@\xe8\xe6\xc9\xf9\xfeB\x88{\xef\xbdw\xff\xfe\xfdf\xb3\xd9\xedv\xcf\x99\xf9J\xc2\xd8G\xf5\xac\x0c\x85P\xe2\x05-bMS\xf5\xcc\x0b\xb1]\xda\xc9\x1c\x00\x00N\x87#&gt;&gt;\xfe\xf8\xf1\xe37\xdd \x95\xa5\x8c={\xf6\xc8\x9b1-\x1b\x13\xc5$\x8b\xddH"\x84\x08\xb7\x1e^\xb5R\xc3z\xb7\xc9\xa0/\xf7\xff\xc0\x04\x80\x90\x9f\x90\xc5\x9f\xe7\x9e{n\xeb\xd6\xad\x16\x8b\xc5\xe5r\x8d\x7frp\xc2\xd8\x91z\xf6%MS\xa1\xe2\x83\xffe\x9aI\xd33\xb3b\xbbtH\x9c5\xc90\x0c\x93\xc9\x94\x9d\x9d=d\xc8\x10\x99\xbdn4$\xc9N\x8f\xc3\xe18q\xe2\x84\xbc\xa7q\xa3:ep\xd5&gt;\x8fs\xa1Z\xad\xf5\xeb\xd5\x947e\x0f\xc0\xab:I\x98\x00\x10\xbaIr\xe0w\xd9\xb2e3f\xcc\xb0\x98\xcdN\xa7\xb3\xff}\xdd\xa7\xcf|U\xcf\xb9\xa4*\xde\xb5\xe0\x13d\x0e\xc8\xba\xf8\xe0\x90\x07\xa6\xbf9\xc1\xe9rY\xcc\xe6m\xdb\xb6=\xf7\xdcs\x8a\xa2\xdcD\'\x80\x10\xe2r\xb9\xe4\xe6\x16\x00\x10\xdd\xa4&gt;\x80\x9f\x1f\xfc{\x13\x84\x10\x00J\xb3&amp;\r\xe4\xcd\xdf~\xfb\r0\x01 \xe4\x07\xe4\xce\n\x17.\\x\xea\xa9\xa7\x14J\xdd\xba^\xbfn\xcd9s\xfe%\\N\xd5[O\x00\xd44\xd5\xc8\xcd\x1a\xff\xc2\xe8\xfe\xf7uw\xba\\f\xb3y\xc6\x8c\x19\xabW\xaf\xbe\xd1\xa3ke\x8f!==\xdd\xe1p\x00@hHP\x83\xfa\xb7\x81\xcb\xed\xa5\xbfv\xc5!\x84\x00\xb0V-\x1a\xc9\x9b\'N\x9c\xc8\xcf\xcf/\xbe\xffk\x85\xc3\x04\x80\xd0\xcd\x90e\x90q\xe3\xc6]\xb8p\x81*\n\xa5\xe4\xcb\xcf\xdf\xb0W\xa9\xc4\x9dno\xa8\xfb\xff\x15\x05\x08w:\xe7\xcc\xf9W\x83z\xb5t]\xa7\x94&gt;\xfe\xf8\xe3yyy7\x14\x95\xe4#\x0b\x0b\x0b\xe5bcUUla!\xc09\xc6\xffk\x11\x11v\x9b\xfc*77WN\x9f\xad\xd8\x0b*\x0e\x13\x00B7L\x96\xfe\x7f\xfd\xf5\xd7\xa5K\x97\x9aL\x9a\xae\xeb\xaf&lt;72\xee\xce.Fv\xae\x97o\x83L(\x11.\xb7\xbdj\xe5\xd9\x1fN\x04\x10\xaa\xaa\x1e;v\xec\xed\xb7\xdf\xbe\x89\xa3ksrr\xe4\x17\x8a\xe2u;\x1cx\x11\x01\x00\x97\xb7\xf9\xe3\x9c\xcb3\x93\xbd\xe7\xe5\xc2\x04\x80\xd0\x8d\x91m\x7f\x97\xcb\xf5\xf4\xd3OSJu\xddh\xdc\xa8\xce\xcb\x13\x9f`\xf9\xbe\xb1\t\xbe\xa2*Fvv\x8f{\xef\x1a6\xe8\x1e\xb7\xdb\xadi\xda\xb4i\xd3\x0e\x1f&gt;\\\xf2\x1c \xe3\xd7\xee\xdd\xbb\xe5\xcd\xe8&amp;\xf5m\xd5"q\x0e\xe8\x9f\xc9\x99\xa0\xcd\x9a\xd6\xb7\x85\x05\x03\x88\xfc\xfc\xfc#G\x8e\x00&amp;\x00\x84|\x97\xac\xfe/Y\xb2\xe4\xf0\xe1\xc3\xb2\xf1\xfb\xe1;\xcfk\xc1V`&gt;3\nJ\x15\x85;\n\xdf\x9a:\xa1R%\x1b\xe7\xdc\xedv\xbf\xf9\xe6\x9b7Z\x9b\xf6\xecl\xac\xaa\xaa7W\xbd*\x98\x10\xaa\xaa\x12B\xe4K\x8b+\x81\x11\xf2aB\x08J\xa9\xc3\xe1x\xe3\x8d7(%\xbant\xeb\xda\xf6\xee&gt;\xddY^\xbe\x17\x9e\xf7\xf4W(!\xdc\xe9\xacV\xaf\xee\xb8\x84\x87\x18c\xaa\xaa,^\xbc\xf8\xe0\xc1\x8374#\xc8\x93-\xbc\xa7=\xeb\x9d\xbc\xf9\xf5\xc1\x04\x80\xd0\r\x90\x83x\xabW\xaf&gt;|\xf80\xa5\n\xa5\xf4\xb5\x7f&amp;\x00!\xe0\xbd\x9f\xf1kS\x14E8\xf2\xc7&gt;9\xb8Je\xbb\x10\xe0r\xb9\xe6\xce\x9d\x0b\xde\xb7]%*S\x98\x00\x10\xba\x01\xb2\xc83{\xf6lB\x88a\x18mZ7\xe9vw\x17^\x90\xefs\' \x12B\x98\xd3]\xe9\xb6\xdb\x86\r\xfa\x07c\x8c\x10\xf2\xd5W_\x15\x14\x14\xa8\xaaz\xe3\xeb\xc2\xca\xe8\x1a\xfd\x847\xbf&gt;&gt;\xf6\xaeE\xa8\x02\xc9\xea\x7fzz\xfa\xea\xd5\xabe&amp;\x18\x9b0\x004M0/\xfe\x88\xff5J\xa9\xd0\x1d\x8f=r\xbf\xd5j&amp;\x84\x9c;wNnY\\\xc25\x01\x9e&lt;\xa1*\x14|d\xf0\xa3B\xa8\xca\x1f\x07\xbdy[9\x08\x13\x00B%%\xcb#\xdf}\xf7\x9d\xc3\xe1\x10BT\xabZ\xa9\x7f\xffxQTXn\xfb&lt;\x97.J\x89(,j\xda\xaeE\xf7\xdbc\xe5\xaf\xb6h\xd1"(\xf1@\xa5\xa6i\xf2\x8b\xdc\xbc\x02\xc3\xe9\xc2q\xe0?\x13\x02\x80\xd2\xdc\xbc\x02]7\xe4LP&lt;\x13\x18!_%\x8f\xd5\xfd\xe6\x9bo\x00@\x08\x11\x7fW\xc7\xe0\xc8J\xdc\xe5\xc3\xd3\x1f\xb9\x00\x01\xc4sr\xe1\xa6M\x9bJrr\xa1\xfc}\xe3\xe2\xe2\xe4\xcd#GO\xe6^\xc8"7^;\xf2{B\x080\x9b\x0e\xa7\xff\x96_P\x04 \xc2\xc3\xc3\xa3\xa3\xa3\xc1\x9b\xe6\x02y\xcbu \xe4\xe5\xe4\xfc\x9f\xf3\xe7\xcf\xef\xdf\xbf\x9f\x10B\x08\x0c\xec\xdb\x13\x84\xf0\xe9\xea\x87\xa2P\xe2rxN.\xcc\xcb\xcb\xdb\xbe};\xdc\xe0P\xb0\xaa*&amp;M\xf3\xeaRw\x85\xb2X\xcc\x00 \xc4\xe5\xf5\x83\x15}9\xff\x03\x13\x00B%"cbrrrQQ\x11\x00\xd8\xc3\xc3:vh\x05N\x87O\x1f\x81\xf2\xe7\x93\x0b7l\xd8\x00\x7fW\xaa\x96=\x80\x9a5kZ\xadV\x00(*r\x9d9w\x014\rS\xc0U\x84\x10\x00\xf4\xd8\x89\xd3\xf2f\xadZ\xb5,\x16\x8bW\xf5\x930\x01 T"\xf2s\xbbv\xedZ\xf9uL\xab\xc6\xe1~\xb1\xfcU\x9e\\xG\xe76\xf2\xe6\xc6\x8d\x1b\xe5\xe1\xc6\xd7\xf9\x16O\x02\xb0X,\x00\xe0p\xba\x8e\xffv\x064\xcd\xabB\x9b\xb7\x104\xed\xd0q\xf9e\xf5\xea\xd5\xadV\xab\\I^\xb1\x17\xe5\x81\t\x00\xa1\x12\x91;%\xc83\xb0\x00 \xae]\x0b\xa2\x9a\xfd\xe0\x08\x14B\x08\x00\xef\x10\xdb\x02\x00\x08\x81\xf4\xf4\xf4\xac\xac\xac\xeb\xaf\n\x96\xffj\xb5Z\xeb\xd6\xad+\xefI=p\x14@\xc1\x04p\x15J\t\x10#5\xed\x98\xbc\xd9\xb4iS\xf0\xb2\x89@\x98\x00\x10\xfa{r\x00\xa0\xa8\xa8(==]\xde\xd3\xa6U\x13\xff\xd8\x01\x9f\x10\x02nW\xd3\xa8\xbaAV\x8b&lt;8\xfe\xd8\xb1c\xf0w\xc3\x00\x9csM\xd3\xea\xd7\xaf/o\x1e&gt;z\x12\x00w\x03\xbd\x1aQ\xa8+\xaf\xe0\xc4\xc93\xf2fTT\x14`\x02@\xc8\xe7\xc8\x0f\xed\xa9S\xa7\xe4\xce\xc9\x9a\xaa\xd6\xab[\x138\xf3\x83\x90G\x08\x08\xdd\xa8T\xa5Rdd\xb8&lt;\xe1\xf2\xe0\xc1\x83\xf0wqJ\xfek\xbbv\xed\xe4\xcd\x94}\x87\x99\xcb\xe1=\x93[\xbc\x01\xe7\x82\x98\xb4\x8bg/\xfcv\xea\x1c!\x84R\x1a\x13\x13\x03x \x0cB&gt;G\xc6\xbb\x8c\x8c\x0c\xa7\xd3)\x84\x08\t\xb1\xd6\xaf[\xd3?\x8e@!\x84\x08\x83\x05U\nkX\xff6y\xcf\xa9S\xa7J\xf2]\x00\xd0\xbauk\x00\xa0\x94\xa4\x1f=u\xfe\xb7\xb3\xc4b\xf2\xaa\xe6m\xc5\x12B\x80\xc9\xbc3\xe5\xa0\xc3\xe1\x02\x10\xa1\xa1\xa1\x8d\x1b7\x06o\x9a\x03\n\x98\x00\x10*\xb9\xdc\xdc\\\xf9\x85\xcfm\xfc\xf0\xf7\x04(W\x02\x93\xdc\xb3\xfe\xfa\xb9M\xfek\xb3f\xcd\x82\x82\x82\x00\xa0\xa0\xd0\x91\xbc+\rL\xfe0(RZ\xe4\x14\xa0\xf5\x9bv\x01\x80\x10P\xbf~}\xbb\xdd\xeeU#\xc0\x80\t\x00\xa1\x92\xf0\xef\x1d\xf09\x17@Mq\xed\x9a\xcb\x9br\xa0\xfb\xfa\xbf\x9a\x1c\x12\xafY\xb3f\xabV\xad.\xcf\x1f\xdd\xb2\x1b\xc7\x81\x8bS\x14\xca\xdd\x8eM[\xf7\xc8\x9b={\xf6TU\xf5\x86\x8e\xde,\x07\x98\x00\x10*)\xff\xde\x01_\xd3\xfe\xf8\xedJ\xf2x\xb93R||\xbc\xbc\xf9\xcb\xca\xcd\xee\xfc\\E\xf3\xae\x85N\x15\x85sA\xac\x96\xa3\xa9G\xf7\xa7\x1d\x955\x9f\xde\xbd{\x83\x97\r\x00\x00&amp;\x00\x84J\xce\xbfw\xc0\xbf\xd1\xdfN\xc6\xb2\xbb\xef\xbe\x9bRJ)=\x9c~*e\xc7~\x12de\x0c7\x94\x06\xce9h\xe6\xef\x7f\xde\xe0r\xe9B\x88j\xd5\xaa\xc9\x11`\xaf\x1a\x00\x00L\x00\x08\xdd\x04\x7f\x8c\xff7\x9c\xd5\x14E\x11B\xb4m\xdb\xb6a\xc3\x86\x9cs!\xc47?\xac\x05\x8a\xe3\xc0\x00\x00T!\xa0\xbb\xbe\xf9~5\x00\x08!z\xf5\xeae\xb3\xd9\x98\xf7\x9d\x19\x87\t\x00\xa1\x92\xf2\xef\r\x90=\x95\x9f\x92Gp\xc6\x98\xc9d\xba\xff\xfe\xfb\x01\x80\x10\xf2\xdd\x8fk\x1d9Y\x8aI\r\xf0\x14\xc09\xa7V\xeb\x81\x94\xb4\xdd{\x0f\xcb&amp;\xff\x80\x01\x03*\xfa\xa2\xae\r\x13\x00B%U|\x03d\xdd\x8f6@&amp;\x04@\xf0\xcc\xac\x1cy\xd3\xf3k\x96\xe0\x1b\t\x00&lt;\xf8\xe0\x83\xb2\n\x94~\xec\xf7\xd5\xbfn\x81\xa0\xe0\x00?V\x8cs\x01\x9ay\xde\xc2\x1f\xdcn]\x08Q\xbdz\xf5.]\xba\x80\xf7\xd5\x7f\x00\x13\x00B%!#]\xfb\xf6\xed\xe5\xcd#GO\x16\\\xca\xf1\x9b\r\x90\t! \x8c\x94}\x87\xe5\xcd\x0e\x1d:@\xc96\x04\x95g\x08\xc7\xc6\xc6\xb6i\xd3F\xceo\x99=\xef\xbf\x84\x00\xf8\xdc\t\x99\xa5G\x08\xa1\x98\xb5\xc2\x8b\x97\xbe\xfcz\x85\xdc3c\xf0\xe0\xc1aaa\x86ax[\xfd\x070\x01 Trr\x8b4B\x80\x10j\x18\xcc\x7f\xaa@\x048\xe3\x9e\\vC\rU\xb9I\xc6\xd8\xb1c\xe57\xae^\xbf\xe3p\xca\x01\x1a\x1c\x14\xb0\x9d\x00\xce8\t\n\xf9\xe6\xbf\xbf\x9e;\x7f\x89\x10b\xb5ZG\x8d\x1a\x05^\xd9\xfc\x07L\x00\x08\x95\x84l\xbb5l\xd80((\x08\x80\xe4\xe6\x15\xa4\x1f;\x05f\x93\x1f\xac{\x12BPU-\xcc\xcc9x\xf8\x84\xbc\xa7y\xf3\xe6P\xe2\t\x8b\xf2\xf4\x98\xfe\xfd\xfbW\xadZU\x08\xe1p\xb8\xde\x9c\xf69\xd1\xcc\xc2\xf7_\x99\x9b \x00\x88\xa6\xb8\xf2\xf2\xdexo\x1e!\x84s~\xe7\x9dw6m\xda\x941\x86\t\x00!_%\xa3addd\xa5J\x95\x84\x10B\x88\xa3\xc7~\x07\xe2\x0f\xeb\x9e\x84\x000ig\xcf^\xc8\xcf/\x94g\x16\xca-\xdeJ\x98\x00d\x98\x0b\x0e\x0e\x1e3f\x8c\x10BU\xd5\xc5\xdf\xfcz8e?\r\t\xc4N\x007\x18\r\t[\xf2\xe5\x8f\x87\xd3O\xaa\xaa\x02\x00\xcf&gt;\xfb\xac7\xbfI0\x01 \xf4\xf7d\x98\x0b\n\n\x92;\xfa\x02\xc0\xae=\x07\x01\xfc\xa1\x04$\x84\x00\xd5t\xe0\xe0q\xa7\xcb-\x84\x08\x0f\x0fo\xd8\xb0!\xdc\xc8\x92%\xd9\t\x187n\\dd\xa4\x10\xc2\xe5\xd2\xdfx7\x10;\x01\x02\x80\xa8\x8a;?\xff\x8d\xf7\xe7QJ\r\x83u\xeb\xd6\xad{\xf7\xeeB\x08o;\x08\xcc\x03\x13\x00B%"\xdb\xb3\x1d;v\x947\xb7l\xdf\xcb\x9cE~\xb0)\x90\x10\x02\x80l\xdcry\x97\x8b\x16-Z\x84\x84\x84p\xceK\x9e\x00dv\xacT\xa9\xd2SO=\xc5\x183\x99\xb4\x85K~\xd9\x98\xb4^\t\x0f\xf3\xb6\x9d\x0f\xca\x14\xd7\r\x1a\x1a&gt;\xed\xdd\xb9\xb2\xf9/\x84x\xed\xb5\xd7\xc0\xbb\x97\r\xfa\xfc\xdb\x17\xa1\xf2!\x03\xe2\x1dw\xdcA\x08!\x84\x1c&lt;|"\xe3\xd49b\xf6\xf9uOWmYs\xc7\x1dw\xc8}~n\xe8I\xe4\xb7L\x980\xa1~\xfd\xfa\x8c1\xce\xf9\xf8\x17\xdf3\x1c.P\x14\xdf~uJ\x8csNC\x82\x8e\xa7\x1dz\xfb\x83\xffh\x9a\xeav\xeb\xfd\xfb\xf7\xef\xd6\xad\x9b\x17\x9e\x03\\\x1c&amp;\x00\x84JD\x0e\xe2\xb5j\xd5*&lt;&lt;\x1c@\x14\x169W\xae\xdd\x0ef\x8bO\xef|\xf0\xe7-k\xbav\xed\n7\xbee\x8d\x9c\xefh\xb3\xd9\xde~\xfbm\xc6\xb8\xc9\xa4\xed\xdesh\xf6\xc7\x8b\x94P\x1b\xd3\x8d2\xb9t/\xc3\x85 &amp;\xf3\x8b/O\xcf\xcb+\x04 aaao\xbf\xfd\xb6\xb7\xed\xfd\xf9g\x98\x00\x10*\x11Y\xe8\xb0\xdb\xed\x1d;v\x94\xd5\xff\xaf\xbf]\x05\x9cQ\xef\xfe\x84_\xdfU[\xd6T\xaf^\xbdm\xdb\xb6pSs\x16\x15Ea\x8c\xf5\xef\xdf\xbfg\xcf\x9en\xb7\xaei\xeaKS&gt;:~\xe0\x90\x1a\x1a\xcc}9G\x96\x84\xa1\x1bj\xb8\xfd\xeb/\xfe\xfb\xf5\xf2\xd5f\x93I\xd7\xf5\x7f\xfe\xf3\x9f\xf5\xeb\xd7\x97\xfb\xe5U\xf4\xd5]\x8fW_\x1cB^EV\xc6\x07\x0e\x1c(\'\xbfo\xd8\xb2;\xe3\xb7\xd3&gt;}\n\x8a\xdc\xb2f\xd9\xf2\xd5\x00D\x08\xd1\xb3g\xcf[\xd9\xb2F\xf6\x03&gt;\xf9\xe4\x93\xd0\xd0P\x00\x92_P4\xe4\xd1\x97\x98\xc1\x84B}\xf7%\xfa[\x9cq%4\xf8x\xda\x911\x13\xde\xd44\xd5\xad\xeb111\xcf=\xf7\x9c\xd7N\xfd,\xce\xdb\xaf\x0f!\xef!\x8b\xb9\xf7\xdcsOdd$\x80\xc8\xcf/\x9a\xfd\xd97\xc4\x12\xe4\xa3-\\\xc68\t\tY\xf7\xeb\xe6\xe4\xdd\x07(%\x000|\xf8\xf0[yB9\x12\xd0\xa0A\x83\xb7\xdezK\xd7u\x8b\xd9\xbcmg\xeas\xcf\xbe\xa5\x84\xda\x0c\xc3?G\x83\x85\x10\x9c\x12n\xb0!\xc3\xff\x99\x95\x9dG\x80PJ?\xfb\xec3\x93\xc9$\xc7\x8a*\xfa\x02\xff\x06&amp;\x00\x84J\x8a\x10\xc2\x18\xab\\\xb9r\xbf~\xfd8\x17\x84\x90/\xbe\xfa\xd1\x95\x97K5\xdf\x1c\xea\x14\x82Pu\xce\x17\xdfr.\x84\x10\xcd\x9a5\xbb\xfd\xf6\xdboq\xce\xa2\xa2(\x86a&lt;\xf9\xe4\x93\xfd\xfb\xf7w\xba\\\x16\xb3y\xc6\'\x8b\xbfY\xf8\xad\x16Q\xd9\xf0\xc7\xc1\x00\xc6\xb8\x1aV\xe9\xb9g\xdf\xda\xb6\xf3\x80\xc5lv\xeb\xfa\xb4i\xd3bbb|\xa2\xf9\x0f\x98\x00\x10\xbaQB\x88\x84\x84\x04\x00P\x14\xe5\xf8\x893K\xbe\xfc\x89\x84\x84r_k\xe1r.hp\xd0\xe1\x94\xfd\xdf\xfe\xb0VUU!\xc4\x88\x11#J\xe5\xc8*\xb9M\xf4\x9c9s\xea\xd7\xaf\xef\xd6uUU\x13\xc6\xfd;y\xd36\xd5\x16\xca|\xedU\xba&gt;\xc30T\xbb-q\xd6\xe73&gt;Yl1\x9b\x9d.W\xff\xfe\xfd\xc7\x8f\x1fo\x18\x867\xcf\xfc)\x8e\xf8qm\x0e\xa1\xb2 \xa7H\xf6\xe8\xd1c\xdd\xbau\x84\x90\xa8\x86\xb5SS\xbe\xa5\x9c\x13\x9fZ\x18\xc6\x0cC\xb1G&gt;:d\xfc\x17_\xfe\xa8(JxxxZZZ\xe5\xca\x95\xa14N\xad\x92s\x1f\xb7o\xdf\xde\xb1cGE\xa1\x86\xc1*W\n?\x90\xf2m\xe5j\x91\xac\xa0HQ}#8^\x9f\xae\xebZD\xe5U?\xac\xecy\xdf\x13\x9a\xa6\xe9\xba^\xaf^\xbd]\xbbv\xd9l6\x9f(\xfeH\xd8\x03@\xe8\xc6\xc8\x11`\xb9\xc6GU\x95\xc3\xe9\'g\x7f\xf2\x15\r\r\xf3\xa1N\x00g\\\t\r\xd9\xbdi\xdb\xe2eI\xb2\xd5?n\xdc\xb8*U\xaa\xdc\xd0\xfa\xaf\xeb\x903\x82\xe2\xe2\xe2f\xcf\x9em\x18\xccb6_\xcc\xcc\xf9G\xdf\xa7\xb2\xb3\xf2\x94`\xab\x1f\xac\x0e3tC\x8b\x88H\xde\xb4}\xd0\xf0\x7f\xaa\xaa*\x04\x8f\x88\x88X\xbat\xa9\xddn\x07\xef;\xf7\xf1:\xb0\x07\x80\xd0\r\xf3\x1c\x87\xfb\xeb\xaf\xbf*\x8a\x12\x16\x1ath\xcfw\x91U*\x81[\xa7\xbepH\x80\xc1\xb9\x1a\x1c|\xfb\x1dC7nIQU%2\xb2rjj\xaa\xddn/\xdd\xa6\xaba\x18\xaa\xaa\xce\x981c\xc2\x84\t\x16\x8b\xc5\xe9t\xc6\xc64M\xfae\xae\xdd\x1e\xca\n\x8b\x94\x92\x9d&lt;\xec\x85t]\xd7""\x927\xef\x8c\xff\xc7\x98\xec\xdc|\x99A\xb7l\xd9\xd2\xa1C\x07/_\xf6\xf5g\xd8\x03@\xe8&amp;}\xf8\xe1\x87\x9a\xa6QJ\xb3s\xf2\xc7Mx\x93Z}c\xfb3C7T[\xa5\x8f?\xf8b\xe3\x96\x14\xb3\xd9d\x18\xec\xad\xb7\xde\x92\x9b\xdc\x95n\xd3U\x0e\x08\x8f\x1f?&gt;!!\xc1\xe9tZ\xad\x96\xe4\x94\x83\xf1\xbdGee\xe5)\xb60\x1f\x1d\x13\xd6uC\x8b\xa8\x9c\xbc\xe9r\xf47i\x9aa\x18s\xe6\xcc\xe9\xd0\xa1\x83\x0f\x95\xfe=0\x01 t\xc3(\xa5\x8c\xb1\xc6\x8d\x1bO\x9c8Q\xd7u\xb3\xc9\xb4\xf4\xdbU\xf3&gt;^\xa0\xda#\xbc&lt;\xae1\x83\xa9a\xa1\xfb\x93w\xfds\xf2,M\xd3\\.w\x8f\x1e=\x86\r\x1bV\x16MWB\x88&lt;1f\xce\x9c9\t\t\t\x0e\x87\xd3j\xb1$\xa7\x1c\xec\xd0yP\xf2\xd6=jD\xa4\xee\xdd\xaf\xd5U\x04\xe7\x8cs-\xa2\xf2\xe7s\x16\xf5\xe8\x9d\x90\x93W\xa0i\x9a[\xd7\xe7\xcc\x993j\xd4(\xd9\xdd\xa9\xe8k\xbcaX\x02B\xe8f\x08!8\xe7\x9c\xf3\xb8\xb8\xb8\x94\x94\x14M\xd34M\xd9\xb6nA\x8b\xb6\xcdYn\x9ew\x8es\n.\x84\xa6:\xddF\x87\xce\x83\xf7\xa7\x1d\xd54\xcdd2\xed\xdd\xbb\xb7A\x83\x06e\xb7fU\xbeP\x8a\xa2\x8c\x1e=:11\xd1d2\xb9\xddn{x\xe8W\x0b\xde\x89\xbf\xf7.\x9e\x97\x03Bx\xff\x8cIf0\xc5b\x06\xb3i\xc6\xb4\xcf&amp;\xfc\xf3=B\x88\xdc\xe4M\xe66\x1f\x8d\xfe\x80=\x00\x84n\x8e,\x97k\x9a6\x7f\xfe\xfc\xe0\xe0`BHQ\x91k\xc8\xa3/f^\xc8$f\x93\x17\xd6\x82\x84\x00C\x08j6=\xf5\xe4\xe4\xfdiG-\x16\xb3\xae\xeb3g\xcel\xd0\xa0A\x99NZ\'\x84\xc8\x05bs\xe6\xcc\x99&lt;y\xb2\xdb\xedVU5;\xa7\xa0W\x9f\'\xa6\xbc2\x8d\x06Y\xa8\xc5l\x18\xde\xdb\x15\x10B\x18\xba\xa1\x84\x87e\xe6\xe4?4\xe0\xff&amp;\xfc\xf3=\x93\xc9$\x84\x08\x0f\xb7/Y\xb2\xc4\xa7\xa3?`\x0f\x00\xa1[!+\'\xf3\xe6\xcd\x1b9r\xa4\xd9lv\xb9\\wu\x8b]\xb9\xe6?\xac\xa0\x90r\xe1U\xa7\xc6\xeb\xba\xa1ET\x9b\xf2\xd2\xeb\x93\xdfJ\xb4Z,\x0e\xa7s\xc4\x88\x11\x9f\x7f\xfey\xf9\xc4/O? 11q\xf4\xe8\xd1\x00 \xa7N\xc6\xf7\xe88o\xee\xbf\xab\xd7\xad\xcdsr\x80x\xdd\xb9\x89\x97+c\xa1\xe1\x9b\xd7n\x1e\x91\xf0J\xfa\xb1\xdf-\x16\xb3\xd3\xe9\x8a\x88\x88X\xb1bEll\xacOG\x7f\xc0\x1e\x00B\xb7B\x8es\x8e\x181\xe2\xf1\xc7\x1fw\xb9\\V\x8be\xd5\xba\xe4\xd1#^RB\x829%\xde\xd2\x0f\x10B7\x0c-"2q\xd6\xdc\xc9o%Z\xccf\x87\xd3\x19\x1b\x1b;s\xe6\xccr\x9b\xb5"\xc7\x03\x0c\xc3HHHX\xb1bE\xf5\xea\xd5u]\xb7X\xccI\xab\xb7\xb6\xeb8h\xf1\x82oiX\x08\r\xb62\x83yI\x93\x94s\xce\x19WlanB\xa6\xbc2\xed\xce\x9e#\xd3\x8f\xfdn2\x99\x9cNW\xe7\xce\x9d\xb7m\xdb\xe6\x07\xd1\x1f\xb0\x07\x80\xd0-\x12B0\xc6TU\x1d0`\xc0\xb2e\xcbd\xe3:ax\xdf9\xf3\xde\x04\x87\x93\xb9\xdc\x15;\x1e 8\xe7\x02\x94\xf0\xc8\xc4Y\x9f\x8f\x1e7\xb5\xf8\x92%\xbb\xdd^\xfe\xdbU\xca\x94s\xee\xdc\xb9\x11#F$%%\xc9\x15\x03\x00\xd0;\xbe\xcb;oNh\x1e\xd3\x02\x1cE\x86\xd3\xa9(JE\xcd\xa6\xe7\x9c\x0b.\x94\xd0`P\x95_\x96\xafy\xe1\xa5\xf7S\x0f\x1eSUU\xd6\xa9\xc6\x8f\x1f\xff\xee\xbb\xef\xca\xa9\x9f&gt;7\xe7\xe7\xcf|2\x01\xc8k\x96\xff\x97\xef\x12\x1fZy\x81\xfc\x8fl\xe9\xe7\xe6\xe6\xc6\xc7\xc7\'\'\'\xcb\x1c\x10\xdf\xa3\xc3W\x8b\xde\xb5W\x894\xb2sU\xadb\xda\x89\x9e\xa1\xcb\t\xff\xf7\xfa\x8cY\x8b.\x0f\xc0\xda\xed\xbf\xfe\xfak\xbbv\xed**\x84y~\xee\x94)S\xa6N\x9dj\x18\x86f\xd2t\xb7n\xd2\xd4\x17\x9e\x1d1\xee\xa9\x87\xab\xd4\xaa\x05\x8eB\xc3\xe9\xa4\x94\x96[~\x12\x00\x9cq\x10B\t\t\x02\xcd\x94\x9a\x92\xf6\xc6\x9b\xb3\xbf\xfaz\x05\\\xa9V\xd5\xa8Qc\xfa\xf4\xe9\x03\x07\x0e\x84+\x0bA\xca\xe7\xc2\xca\x94\xcf$\x00YC\x94\x8b0\xff\xfc\xd2\xcb\xf9\x18\xe5\xf9vA\xa88\xf9\xf6\xcb\xce\xce\x969@\xae{\x8ai\x19\xf5\xd9\xdc\xd7cb[\xb3\x9c,Jhy\x0e\t\x08!\x98\xc1T\xbb-\xeb\xfc\xa5\'\xc6\xfek\xe9\x7fWz\xa2\x7fRRRlll\xc56`e\xca\xa4\x94n\xdf\xbe\xfd\xff\xfe\xef\xff\xb6o\xdf\x0eW\xd6\x0fW\xad\x1c\xf1\xc4\x98\x87\xc6$\x0c\xacz\xdbm`8D\xa1\x83q\xa1(\xb4\xec\x1ay\x9cs\xce\x85\xaa*\x10\x12\x04DI\xdd\x95:\xfd\xc3\x05\x0b\xbf\xfa\xd1\xad\x1b2\xf4\x03\xc0\xa0A\x83\xde{\xef\xbd\x1a5j\xc8\xc9\xfe~\xd3\xe2\xf4\x81\x04 {\x88\xc5\xdf\xac.\x97\xab\xb0\xb0\xd0\xe1p\x08!\xacVkhh\xa8\xc9d\xf2&lt;\x98\xd22|\xaf \xf4W&lt;9`\xcc\x981K\x97.5\x9bM.\x97;48\xe8\xfdi/\x8c\x1a\xf308\x8b\x0c\x87KQ\x94rxo^k\xe8\xd2\xe2t:cbb&gt;\xfb\xec\xb3\x98\x98\x18/)^\xcb\xcb0\x0c\xe3\x93O&gt;\x99:u\xea\x85\x0b\x17\x14\x85\xca\x13\xd6\xaaV\x89\x186\xf4\xbea\x83\xeei\x19\x13\r\xaa\t\x9cE\xdc\xe9\xe6BPJ\x08)\x853x\x84\x10B\x08.S\x8b\xd5\x02\x9a\x85\x15\xe6\xafY\x97\xbc\xf0\xab\x1f\x97|\xbd\xc2\xe5\xd6=\xb5\xa9\xe6\xcd\x9b\xbf\xf3\xce;\xbd{\xf7\x86b}\x17\xbf\xe1\x03\t@\xca\xc8\xc8X\xbf~\xfd\x86\r\x1b\xf6\xed\xdbw\xfa\xf4\xe9\xec\xecl]\xd7\x85\x10&amp;\x93)222**\xaa{\xf7\xee\xfd\xfa\xf5\xab_\xbf&gt;\xf8Q\x07\r\xf9\x16\xcf\x1bo\xcc\x981\xb3g\xcf\xa6\x94\x08 \x82\xf3A\x03z\xbd\xf7\xce\xf35\xea\xde\x06\xf9y\xcc`\xb4\xcc\xd2\x80&lt;\xcb\x85\x86\x85\xba\x0b\x8b\xde|+\xf1\xf5\xb7\x12u\xc6d\xdb\xbfs\xe7\xce?\xfc\xf0\x83\xddn\xf7\xaa(\xe6y\xc5\xce\x9c9\xf3\xea\xab\xaf.\\\xb8\xd0\xedv+\x942\xce\x01@Qh\xf7nq\x83\x07\xdd\xd3\xf3\x8e\xf6\xb5\x1a\xd6\x06BAw\x83\xcb\xc5\x0c&amp;\xc4\xe5\x99\xb8\x84\x94\xa8\x02,.\x03\xb9\xe0Y\xd1T\xb0\x98A\xd1\xc0\xe5LK;\xfas\xd2\xa6\x05_\xfe\xb8o\xff\x11\x00\xa0T\xe1\x9c\x01@\x95*U\xc6\x8d\x1b\xf7\xc2\x0b/\x98L&amp;\xb9K\x92\xff\xb5,} \x01\xfc\xfa\xeb\xaf\xf3\xe7\xcf\xff\xf5\xd7_333\xaf\xff\xc8\xe0\xe0\xe0Q\xa3FM\x9d:5$$\x04s\x00\xaa\x10\xb2P\xa9(\xca\xdc\xb9s\x9fy\xe6\x99\xfc\xfc|\x19\x7f\xabD\xda_y\xf9\xf1\xc7\x13\x06\x9aB\x82\xa1\xa0\x80\xe9\x06-\xbd\xb2\x86,\x90RB\x89-\x048\xff\xe5\x87u&gt;4t\xe9\x99!\n\x00\xa9\xa9\xa9\xd3\xa7O_\xb4h\x91\xcb\xe5\x82+\'\xcc\x00@XX\xf0\x9d\xb7\xc7\xf6\xbd\xaf{\\\xbb\xe6Q\rj+a\xa1\x00\x04\x80\x81\xcb\r\x06\xe3\x86\x01WB\xfc\xffn\xc9*\xaet\x17\x08\xd5T\x90\xff\x81\n`\x14]\xcc:p\xf8\xc4\xfaM\xbb\xbf]\xbef\xc7\xce\xfd\xf2\xbc\x9a?\xfa\x1fU\xab\x8e\x193\xe6\x89\'\x9e\xa8Z\xb5*\xf8c\xc3\xdf\xc3K\x13\x80\xcc\xd2EEE}\xfa\xf4Y\xb3f\x8d\xbcSQ\x14Y}\x93\x15\x7fy\xe5\xb2\xee/\xdf%\xf2\xbd\xde\xb6m\xdb\x1f~\xf8\xa1z\xf5\xea\x98\x03\xd0\xdf\x92\xef\xa2\xab\xe6k\x12O\xdb\xf2f\xc9\x90\xb1{\xf7\xee\'\x9f|r\xfb\xf6\xed\x7f\xd4\x13\xa2\x1b&lt;\xf3\x7f\x8f&lt;\xfc\xd0=f\x9b\r\\\x0e\xeepq!\xa8Bo\xae\xa8!C\'\x08P\xcc\x1a\x04\x05\x83\xe1^\xb9r\xcb\xbb\xef\xcd_\xb9z+\\k\xe8\xd2\x9b\xcf(/\x9e\x06\x0e\x1d:\xb4x\xf1\xe2\xcf&gt;\xfb\xec\xf4\xe9\xd3W\xfe\x9d\x00\x08\x00PU%\xaaQ\xdd\xf6\xb1-Z\xb5\x88j\xd9\xacA\xa3\xba5#\xabT\xb2F\xd8@\x08\xa0\n\x80*\x1fV\xec\xbbt\xe0\x02\x18\xcb\xbd\x94s\xf6l\xc6\xef\xa7\xcf\'\xef9\xb4+%m\xe7\xee\xb4\xdf\x7f?\x7f\xf9A\x84\nq\xf9\r\xd0\xb2e\xcb\xb1c\xc7\xdew\xdf}\x9e\xd0\xef\xdf%e/M\x00p\xe53\xd9\xabW\xafU\xabV\x99\xcdf\xc6\x98\x1c\x8d\xf9+\x94R!\x84\xa6in\xb7\xbb}\xfb\xf6\xeb\xd7\xaf\xf7\x95S\xd9P9\xbbR\xff\xe5rr\xfau\x1ev\x9dy\x07\x7fK\xe6\x00\xc30\xa6N\x9d\xfa\xe6\x9bo\xba\xddnMS\xe5\xee7M\xa2\xea\x0e\x1a\xd8\xfb\xb1\x11\xfdj\xd5\xab\x05D\x01\x97S\xb8\xdc\xb2\xedI\x08\x91\xfb\x89\xfe\xf9}{9W\xc9*\x86\x00J\t5i`\xb5\x02\x90\xfc\x8b\x99\xcb\xfe\xfb\xeb\xdc\xf9\xdfn\xd9\xb6\x17\xae\x84~\xf0\xc1\xa1KO\xff\t\x00\xf2\xf3\xf3\xbf\xfb\xee\xbbe\xcb\x96\xad[\xb7.//O&gt;@\x1e;\xecy|\x90\xd5R)2\xbcQ\xc3:\x82\xb1\xba\xb5\xab\xd7\xa9{\x9b0t\xf9k\n\x00\xa2\xd0\xbd{\x0f\xe7\xe4\x150\x83\xa5\x1d&gt;\x91\x9d\x9d\xcb\x8a\x1d\xdeY\xfc\xa9j\xd5\xaa\xd5\xb3g\xcf\xc1\x83\x07w\xef\xde]\xfet\xbf\x0f\xfd\x92\xf7&amp;\x00\xf9\xf9\xd9\xbauk\xe7\xce\x9d=\x17\xd9\xa6M\x9b;\xee\xb8\xa3u\xeb\xd6\xb7\xddv\x9b\xd5j5\x0c\xe3\xcc\x993\x9b6mZ\xbat\xe9\x85\x0b\x17dW@\xbe\xfb\xdfx\xe3\x8d\x97^z\xc9\x8f\xfbn\xe8&amp;x\xe6\xec{\xeea\x8c\xe5\xe7\xe7\x1f=z4??\xdfsg\xb5j\xd5\xaaW\xaf\x1e\x1e\x1e^\xfc\x1be\x87\xf2\x86"\x82\xa7\x0f\x9a\x9a\x9a\xfa\xc2\x0b/\xfc\xf2\xcb/\x00\xe0)\xcb\x84\x85\x06w\xbb#\xb6\xdf}\xdd\xbb\xdf\xd1\xbev\x9d\xea`\x0e\x02\xe0 \x18\xb8\xdc \x84\xd0\r\xc1E\xf1z\x065i\x00\x00&amp;\x13(\n\x80\x02\xcc\x95y\xee\xd2\xe6m{\xbf\xfba\xcd\xca\xd5\xdbN\x9f\xc9(\xfe\xe4&gt;=tY&lt;\r\x00\xc0\xe9\xd3\xa7W\xae\\\xf9\xe3\x8f?\xee\xd8\xb1\xa3X\x9f\xa0\x14DGG\xc7\xc5\xc5\xdd\x7f\xff\xfdw\xdeygXX\x98\xbc3@B\xbf\xe4\xbd\t\x00\xae|~:w\xee|\xe8\xd0\xa1\x91#G\x0e\x1e&lt;\xb8M\x9b6\xd7|\xe4\xf9\xf3\xe7G\x8d\x1a\xf5\xd3O?yZj5j\xd48t\xe8Ppp\xb07w{Q\xb9)^a`\x8c\x1d9r$))i\xe3\xc6\x8d\x87\x0e\x1d:w\xee\\vvv\xf1\x07+\x8ab\xb3\xd9\x1a4h\xd0\xbcy\xf3\xae]\xbb\xf6\xe8\xd1\xa3v\xed\xda\xf2\x9fn4:\x14\xff\xb9+W\xae|\xf7\xddwW\xae\\y\xe5\x1f/\x975\x82\x82\xac\xcd\xa3\x1bt\xea\xd0\xaae\x8b\xa8\xfaukEG\xd5QU\xc5^)\x1c,f\xb8\xfc\xf1$\xc0yn\xc6%\x0ep\xf4\xc4\xe9\xd3\xbf\x9f\xdf\xbd\xe7\xd0\xd6\x1d\xfbR\xf6\x1d\xce\xca\xca\xbd\xfc\\W\xda\xb3\xcd\x9b7\x7f\xe6\x99g\x86\x0c\x19\xe2\xebC\x97\x9e^\x9a\xe7C\x9d\x9f\x9f\xbfc\xc7\x8e\xad[\xb7\xee\xde\xbd\xfb\xd0\xa1Cg\xcf\x9e\xcd\xcd\xcd\xbd\xa1\xe7\x8c\x88\x88\x90\x7f\xd6\x96-[v\xea\xd4\xa9m\xdb\xb6\x9e4#kt\x81\x13\xfa%\x1fH\x00G\x8f\x1e\r\n\n\xaaQ\xa3\x86\xbcS6p\x8a\xff\x91d\xab\xdf\xe1p\xb4j\xd5*==]\xd6\x82\x84\x10\xeb\xd7\xaf\xbf\xfd\xf6\xdb}\xae\xf9\x83JW\xf1V\</t>
        </is>
      </c>
    </row>
    <row r="404">
      <c r="A404" s="1" t="n">
        <v>402</v>
      </c>
      <c r="B404" t="inlineStr">
        <is>
          <t>color_overlap_squares</t>
        </is>
      </c>
      <c r="C404" t="inlineStr">
        <is>
          <t>What is the missing color of the part denoted with a question mark?</t>
        </is>
      </c>
      <c r="D404" t="inlineStr">
        <is>
          <t>['yellow', 'green', 'red', 'blue']</t>
        </is>
      </c>
      <c r="E404" t="inlineStr">
        <is>
          <t>yellow</t>
        </is>
      </c>
      <c r="F404" t="inlineStr">
        <is>
          <t>There are 3 squares which overlap each other in the image. The color of the squares are ['?', 'blue', 'red']. The part where the first and second squares overlap is green. The part where the second and third squares overlap is purple.</t>
        </is>
      </c>
      <c r="G404" t="inlineStr">
        <is>
          <t>We observe that the blue and red squares overlap to form purple. Hence, the pattern is that the color of the part where two squares overlap is determined by mixing the two colors.</t>
        </is>
      </c>
      <c r="H404" t="inlineStr">
        <is>
          <t>Based on the pattern that the color of the part where two squares overlap is determined by mixing the two colors, the missing color of the part which overlaps with blue to form green should be yellow.</t>
        </is>
      </c>
      <c r="I404" t="inlineStr">
        <is>
          <t>b'\x89PNG\r\n\x1a\n\x00\x00\x00\rIHDR\x00\x00\x02\x00\x00\x00\x02\x00\x08\x02\x00\x00\x00{\x1aC\xad\x00\x00 \xdfIDATx\x9c\xed\xdd}\x90]e\x81\xe7\xf1\xe79\xe7\xbet\xdf\xee\xa4\x13bp\xd6JQ,:b\xcd\xc2\x02e\x02\x8a\x1a\xa8JR\x11GK\xb6\x1ctwMe\x1c5/\x0b!n\x8d%\x08Z[\xc5\xaa`\x95\xffHV^\x12\n\x0b\x02\xcc"\x8e\xe5\x96\xbb\x85R\x03V\x11u!&amp;\xbc\x89\x8aQF\x19Fp\xdb@:\x9d\xee\xce\xed{\xef9\xe7\xd9?\x1eh\x9aN\xa7s\xfb\xde\xe7\x9c\xf3\xbc|?EQ\xb1+T\x8e\x9d\xee\xdf\xf7\x9e{N\xdf+\x95R\x02\x00\x10\x9e\xa8\xec\x03\x00\x00\x94\x83\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80\xd7\xa4i\xaa\x94*\xfb(P\x1c\xc9\xdf7\x00!\x84RJJ9\xfb\x17\xf0\x1eg\x00@\xe8\x94Rz\xf4o\xbc\xf1\xc6\xd1\xd1Q)e\x96ee\x1f\x14\x8a@\x00\x80\xa0)\xa5\xb2,\x93Rn\xdf\xbe\xfdK_\xfa\xd2G?\xfa\xd1\xb1\xb1\xb1(\x8ah@\x08\x08\x00\x10.\xbd\xfeq\x1co\xdd\xbau\xf7\xee\xdd\x8d\xc1\xc1\xfd\xfb\xf7o\xdc\xb8\x91\x06\x04\x82\x00\x00\x81\x9a\xbd\xfew\xdcqG\xbdZ=\xdelV*\x95\x03\x07\x0e\xd0\x80@\x10\x00 Ds\xd7\xbfVku:\xefy\xdb\xdb\xd2$\xa1\x01\xe1 \x00@p\xe6\xac\xff`\xbd\xdej\xb7?~\xf6\xd9\x0f_q\xc5\xd7\xd7\xaeM\x92\xa4^\xad\xd2\x80\x10\x10\x00 ,\'\xae\x7f\xb3\xd5\xfa\x8f\xefz\xd7\xad\x1b6\xfc\xf9\xf8\xf1\xed\xe7\x9f\xff\xf5\xb5k[\x9d\x0e\r\x08\x01\x01\x00\x02r\xb2\xf5\xff\xd6\xfa\xf5\x93\xed\xb6\x10\xe2\xf0\xf1\xe3W\xd2\x80`\x10\x00 \x14\x0b\xaf\x7f\xa6T$e%\x8a\xfeL\x03\x82A\x00\x80 t\xb3\xfe\xfaw\xd2\x80p\x10\x00\xc0\x7f\xdd\xaf\xbfF\x03\x02A\x00\x00\xcf-v\xfd5\x1a\x10\x02\x02\x00\xf8\xac\xb7\xf5\xd7h\x80\xf7\x08\x00\xe0\xad~\xd6_\xa3\x01~#\x00\x80\x9f\xfa_\x7f\x8d\x06x\x8c\x00\x00\x1e2\xb5\xfe\x1a\r\xf0\x15\x01\x00|cv\xfd5\x1a\xe0%\x02\x00x%\x8f\xf5\xd7h\x80\x7f\x08\x00\xe0\x8f\xfc\xd6_\xa3\x01\x9e!\x00\x80\'\xf2^\x7f\x8d\x06\xf8\x84\x00\x00&gt;(f\xfd5\x1a\xe0\r\x02\x008\xaf\xc8\xf5\xd7h\x80\x1f\x08\x00\xe0\xb6\xe2\xd7_\xa3\x01\x1e \x00\x80\xc3\xcaZ\x7f\x8d\x06\xb8\x8e\x00\x00\xae*w\xfd5\x1a\xe04\x02\x008\xc9\x86\xf5\xd7h\x80\xbb\x08\x00\xe0\x1e{\xd6_\xa3\x01\x8e"\x00\x80cl[\x7f\x8d\x06\xb8\x88\x00\x00.\xb1s\xfd5\x1a\xe0\x1c\x02\x008\xc3\xe6\xf5\xd7h\x80[\x08\x00\xe0\x06\xfb\xd7_\xa3\x01\x0e!\x00\x80\x03\\Y\x7f\x8d\x06\xb8\x82\x00\x00\xb6sk\xfd5\x1a\xe0\x04\x02\x00X\xcd\xc5\xf5\xd7h\x80\xfd\x08\x00`/w\xd7_\xa3\x01\x96#\x00\x80\xa5\\_\x7f\x8d\x06\xd8\x8c\x00\x006\xf2c\xfd5\x1a`-\x02\x00X\xc7\xa7\xf5\xd7h\x80\x9d\x08\x00`\x17\xff\xd6_\xa3\x01\x16"\x00\x80E|]\x7f\x8d\x06\xd8\x86\x00\x00\xb6\xf0{\xfd5\x1a`\x15\x02\x00X!\x84\xf5\xd7h\x80=\x08\x00P\xbep\xd6_\xa3\x01\x96 \x00@\xc9B[\x7f\x8d\x06\xd8\x80\x00\x00e\ns\xfd5\x1aP:\x02\x00\x94&amp;\xe4\xf5\xd7h@\xb9\x08\x00P\x0e\xd6_\xa3\x01%"\x00@\tX\xff\xd9h@Y\x08\x00P4\xd6\xffD4\xa0\x14\x04\x00(\x14\xeb\x7f24\xa0x\x04\x00(\x0e\xeb\xbf0\x1aP0\x02\x00\x14\x84\xf5\xef\x06\r(\x12\x01\x00\x8a\xc0\xfaw\x8f\x06\x14\x86\x00\x00\xb9c\xfd\x17\x8b\x06\x14\x83\x00\x00\xf9b\xfd{C\x03\n@\x00\x80\x1c\xb1\xfe\xfd\xa0\x01y#\x00@^X\xff\xfe\xd1\x80\\\x11\x00 \x17\xac\xbf)4 ?\x04\x000\x8f\xf57\x8b\x06\xe4\x84\x00\x00\x86\xb1\xfey\xa0\x01y \x00\x80I\xac\x7f~h\x80q\x04\x000\x86\xf5\xcf\x1b\r0\x8b\x00\x00f\xb0\xfe\xc5\xa0\x01\x06\x11\x00\xc0\x00\xd6\xbfH4\xc0\x14\x02\x00\xf4\x8b\xf5/\x1e\r0\x82\x00\x00}a\xfd\xcbB\x03\xfaG\x00\x80\xde\xb1\xfe\xe5\xa2\x01}"\x00@\x8fX\x7f\x1b\xd0\x80~\x10\x00\xa0\x17\xac\xbf=h@\xcf\x08\x00\xb0h\xac\xbfmh@o\x08\x00\xb08\xac\xbf\x9dh@\x0f\x08\x00\xb0\x08\xac\xbf\xcdh\xc0b\x11\x00\xa0[\xac\xbf\xfdh\xc0\xa2\x10\x00\xa0+\xac\xbf+h@\xf7\x08\x00pj\xac\xbf[h@\x97\x08\x00p\n\xac\xbf\x8bh@7\x08\x00\xb0\x10\xd6\xdf]4\xe0\x94\x08\x00pR\xac\xbf\xebh\xc0\xc2\x08\x000?\xd6\xdf\x0f4`\x01\x04\x00\x98\x07\xeb\xef\x13\x1ap2\x04\x00\x98\x8b\xf5\xf7\x0f\r\x98\x17\x01\x00\xde\x84\xf5\xf7\x15\r8\x11\x01\x00\xde\xc0\xfa\xfb\x8d\x06\xccA\x00\x80\xd7\xb0\xfe!\xa0\x01\xb3\x11\x00@\x08\xd6?$4`\x06\x01\x00X\xff\xe0\xd0\x00\x8d\x00 t\xac\x7f\x98h\x80 \x00\x08\x1c\xeb\x1f2\x1a@\x00\x10.\xd6\x1f\x817\x80\x00 P\xac?\xb4\x90\x1b@\x00\x10"\xd6\x1f\xb3\x05\xdb\x00\x02\x80\xe0\xb0\xfe8Q\x98\r \x00\x08\x0b\xeb\x8f\x93\t\xb0\x01\x04\x00\x01a\xfd\xb1\xb0\xd0\x1a@\x00\x10\n\xd6\x1f\xdd\x08\xaa\x01\x04\x00A`\xfd\xd1\xbdp\x1a@\x00\xe0?\xd6\x1f\x8b\x15H\x03\x08\x00&lt;\xc7\xfa\xa37!4\x80\x00\xc0g\xac?\xfa\xe1}\x03\x08\x00\xbc\xc5\xfa\xa3\x7f~7\x80\x00\xc0O\xac?L\xf1\xb8\x01\x04\x00\x1eb\xfda\x96\xaf\r \x00\xf0\r\xeb\x8f&lt;x\xd9\x00\x02\x00\xaf\xb0\xfe\xc8\x8f\x7f\r \x00\xf0\x07\xeb\x8f\xbcy\xd6\x00\x02\x00O\xb0\xfe(\x86O\r \x00\xf0\x01\xeb\x8f"y\xd3\x00\x02\x00\xe7\xb1\xfe(\x9e\x1f\r \x00p\x1b\xeb\x8f\xb2x\xd0\x00\x02\x00\x87\xb1\xfe(\x97\xeb\r \x00p\x15\xeb\x0f\x1b8\xdd\x00\x02\x00\'\xb1\xfe\xb0\x87\xbb\r \x00p\x0f\xeb\x0f\xdb8\xda\x00\x02\x00\xc7\xb0\xfe\xb0\x93\x8b\r \x00p\t\xeb\x0f\x9b9\xd7\x00\x02\x00g\xb0\xfe\xb0\x9f[\r \x00p\x03\xeb\x0fW8\xd4\x00\x02\x00\x07\xb0\xfep\x8b+\r \x00\xb0\x1d\xeb\x0f\x179\xd1\x00\x02\x00\xab\xb1\xfep\x97\xfd\r \x00\xb0\x17\xeb\x0f\xd7Y\xde\x00\x02\x00K\xb1\xfe\xf0\x83\xcd\r \x00\xb0\x11\xeb\x0f\x9fX\xdb\x00\x02\x00\xeb\xb0\xfe\xf0\x8f\x9d\r \x00\xb0\x0b\xeb\x0f_Y\xd8\x00\x02\x00\x8b\xb0\xfe\xf0\x9bm\r\x90J\xa9\x82\xffH\x94\xa8\xf4\xbb\x0e\x16\xa0\x94\x92RFQ\xa4\xd7\xbfV\xab\xb5\xdb\xed\x8f\x9f}6\xeb_$&gt;\xc9\x05H\xb2\xec\xf4F\xe3\xb6\xa7\x9f\xbev\xdf\xbeJ\xa5\x92$\xc9\x9a5k\x1ez\xe8\xa1\xe5\xcb\x97\xeb\xef\x82\xc2\x8e\x84\x00\xc0.z\xfd\xeb\xb5Z\xa7\xd3\xf9\xbbs\xce\xf9\x1f\xeb\xd6Mv:\x05\x7fW\x04+\xcb\xb2\xe94-\xfb(\x82\x90d\xd9\xcaF\xe3\xb6\xa7\x9f\xfe\xef\x8f=\x96\x08\xd1\xeet\xde\xf3\x9e\xf7|\xe7;\xdfY\xb5j\x95\x94\xb2\xb0\xafv\x02\x10\n\xbd\xa1\x9f\xff\xfc\xe7\x9fz\xea\xa98\x8eS\xfb\xbe\xcf\xa5\x94\xe3\xe3\xe3O&lt;\xf1\x84&gt;\xbcX\xca\xf7\xbe\xedmJ\x88T\xa9H\x08\xbeLs\x15K\x99*\xf5\xefV\xac\xf8\xca\x07&gt;0\xdd\xe9\x90\xdb\xbceJ\t!No46|\xf7\xbb\x8f\xbd\xfcrcp\xf0x\xb3\xf9\x95\xaf|\xe5\xcb_\xfer\x9a\xa6q\x1c\x17s\x18\x95b\xfe\x18\x94N\x07\xe0g?\xfb\xd9\xfe\xfd\xfb\xcb&gt;\x96\x85T\xaa\xb5,\xcb\xa28N\xd3\xf4\xa7/\xbdT\xf6\xe1\x84\xa5\x99$\x15)\x95\x10\xcc\x7f\xae\xf4\xf3\x99\xc3\xb5\xda\xa7\x7f\xf4\xa3\xc7^~\xb9^\xab\x1do6\xb7m\xdbv\xddu\xd7\xe9k`\x85\x1d\t\x01\x08\xcb\xf0\xf0p\x1c\xc7q\x1c\xb7\xdb\xed\xb2\x8fe~Ig\xe6\xc0d$_[\xa2\x94\xf3\xd4\x9c\xd5\xa2(Uj\xa8Z\xe5\x13\x9d\xb7\x99\xf5\xdf\xf1\xf0\xc3\x0f\x1c:T\xaf\xd5Z\xed\xf6\x96-[n\xbf\xfd\xf6\xe2\x9f\x8f!\x00a\xc9\xb2,MS\xa5\xd4\xaa\xbf\xba\xe8\xcc\x0b.\xedLOIi\xd7\x9d`J\xa9\xa8Ri\x8e\x1fy\xfaGw+!\x95\x90R\xca\x0f\xac\xf9\x0f#KV\xb6Z\xc7\xa3(\x16\x82G\xa8\xc6(\x95\xd5k\x83\xcf=\xff\xf8\xef_|:S*#\xb49\x9b\xbd\xfe\xf7\xff\xe67\xfa&gt;\xb7-[\xb6\xec\xd9\xb3\'M\xd3(\x8a\n~\xf2\x8d\x00\x84(\xcb\xb23\xcf\xbfd\xfd\xf6\xafO\x1d\x19\x8d*\xd5\xb2\x0f\xe7\xcd\x94\x12J\xc5\xb5\x81\xb7\x9cq\xf6\xc3{\xae\x8f\xe38\xcb\xb2\xc3\xaf\xfe\xeb\'\xfe\xfa\xda\xc1\x81%\xadv3\x8ec.\x08\x98\x92e\xc9\xd2\xe1\xb7\xfc\xcf\xffs\xd3\xf3\xff\xf2T\xd9\xc7\xe2?\xdb\xd6_\x10\x80`uZ\xc7\xa7\xc6\xfe||\xfc\x95(\xb6\xf2k@\xa9\xd5\x97o\x17B&lt;\xbc\xe7\xfa8\xae\xfc\xe6\x9f\xf7\xdfx\xeb\x7f\xba\xfaoo\x19\x1cX\xd2\x9aj\xc6QqO\x92\xfa-\xcbR%D\xbb\xdd,\xfb@\xfcg\xe1\xfa\x0b\x02\x10,)\xa3(\xae\xe8\x7f\xca&gt;\x96\xf9M\x8d\xfdy\xa6\x01\x95J\xed\xe5\xd1\xe7o\xbdg\xe7\x8e\xbf\xbdep`I\xbb\xdd\x8ch\x80!qT\xb1\xedi@\xff\xd8\xb9\xfe\x82\x9f\x04\x86\xb5\xa2\xb8\xa2\x1b\xb0~\xeb\x8dI\xd2\xaeTj\xff\xfa\xa7C\xdf\xba\xfb\xaa\xe6\xf4D\xad6\x98e\xd6\xdd\xc6\n\xcc\xcb\xda\xf5\x17\x04\x006\xa3\x01p\x9d\xcd\xeb/\x08\x00,G\x03\xe0.\xcb\xd7_\x10\x00\xd8\x8f\x06\xc0E\xf6\xaf\xbf \x00p\x02\r\x80[\x9cX\x7fA\x00\xe0\n\x1a\x00W\xb8\xb2\xfe\x82\x00\xc0!4\x00\xf6sh\xfd\x05\x01\x80[h\x00l\xe6\xd6\xfa\x0b\x02\x00\xe7\xd0\x00\xd8\xc9\xb9\xf5\x17\x04\x00.\xa2\x01\xb0\x8d\x8b\xeb/\x08\x00\x1cE\x03`\x0fG\xd7_\x10\x00\xb8\x8b\x06\xc0\x06\xee\xae\xbf \x00p\x1a\r@\xb9\x9c^\x7fA\x00\xe0:\x1a\x80\xb2\xb8\xbe\xfe\x82\x00\xc0\x034\x00\xc5\xf3`\xfd\x05\x01\x80\x1fh\x00\x8a\xe4\xc7\xfa\x0b\x02\x00o\xd0\x00\x14\xc3\x9b\xf5\x17\x04\x00&gt;\xa1\x01\xc8\x9bO\xeb/\x08\x00&lt;C\x03\x90\x1f\xcf\xd6_\x10\x00\xf8\x87\x06 \x0f\xfe\xad\xbf \x00\xf0\x12\r\x80Y^\xae\xbf \x00\xf0\x15\r\x80)\xbe\xae\xbf \x00\xf0\x18\r@\xff&lt;^\x7fA\x00\xe07\x1a\x80~\xf8\xbd\xfe\x82\x00\xc0{4\x00\xbd\xf1~\xfd\x05\x01@\x08h\x00\x16+\x84\xf5\x17\x04\x00\x81\xa0\x01\xe8^ \xeb/\x08\x00\xc2A\x03\xd0\x8dp\xd6_\x10\x00\x04\x85\x06`aA\xad\xbf \x00\x08\r\r\xc0\xc9\x84\xb6\xfe\x82\x00 @4\x00\'\np\xfd\x05\x01@\x98h\x00f\x0bs\xfd\x05\x01@\xb0h\x00\xb4`\xd7_\x10\x00\x84\x8c\x06 \xe4\xf5\x17\x04\x00\x81\xa3\x01!\x0b|\xfd\x05\x01\x00h@\x98X\x7fA\x00\x00A\x03\xc2\xc3\xfak\x04\x00\x10\x82\x06\x84\x84\xf5\x9fA\x00\x80\xd7\xd0\x80\x10\xb0\xfe\xb3\x11\x00\xe0\r4\xc0o\xac\xff\x1c\x04\x00x\x13\x1a\xe0+\xd6\xffD\x04\x00\x98\x8b\x06\xf8\x87\xf5\x9f\x17\x01\x00\xe6A\x03|\xc2\xfa\x9f\x0c\x01\x00\xe6G\x03\xfc\xc0\xfa/\x80\x00\x84E)U\xf6!\xb8\x84\x06\xb8\x8e\xf5_\x18\x01\x08\x85RJ)U\xa9T\xca&gt;\x10\xc7\xd0\x00w\xb1\xfe\xa7D\x00\x82\xa0\x94\x92RJ)\x8f\x1e=Z\xf6\xb1\xb8\x87\x06\xb8\x88\xf5\xef\x06\x01\xf0\x9fR*\xcb\xb2(\x8a\xb6n\xddz\xf0\xe0\xc1J\xb5\xa6?Z\xf6q\xb9\x84\x06\xb8\x85\xf5\xef\x12\x01\xf0\x9c^\xff8\x8e\xb7n\xddz\xc7\x1dw\xc4q\x9ce\x99\x10"\xaaT\xb8\x1e\xb0(4\xc0\x15\xac\x7f\xf7\x08\x80\xcf\xe6\xac\x7f\xadVK\xd3\xd7v\xea\xf8\xf8\xab\x95Z\x9d\x06,\n\r\xb0\x1f\xeb\xbf(\x04\xc0[s\xd6\xbf^\xaf\xb7\xdb\xed(\x8a\xb24\x91Q\xf4\x8b\x7f\xfa\x87\xfd\xff\xb8k\xf8\xb4\xb7fiR\xf6\x91\xba\x84\x06\xd8\x8c\xf5_,\x02\xe0\xa79\xeb?88\xd8j\xb5\xb6o\xdf\xbev\xedZ!D$\xa5\xca\xd2G\xf6|\xe9\xe0\xff\xba}h\xf9\xe94`Qh\x80\x9dX\xff\x1e\x10\x00\x0f\x9d\xb8\xfe\xcdfs\xd3\xa6M\xb7\xddv\xdb\xccs&gt;J\x88\xa8Ryx\xcf\xf54\xa0\x074\xc06\xac\x7fo\x08\x80o\xe6]\xff\xcd\x9b7\xdfy\xe7\x9d\xadV+I\x92\x99\xdf\x97%\t\r\xe8\x19\r\xb0\x07\xeb\xdf3\x02\xe0\x95\x05\xd6\x7fbbB\x08\x11E\x91\x10"M\xd3K?~\xe1\xd9\xab\xffm\x96$\x95j\x95\x06\xf4\x86\x06\xd8\x80\xf5\xef\x07\x01\xf0\xc7\xc2\xeb\x9fe\xd9\xec\xef\x84\x91\x15K\xfe\xfe\xf6\xbf[\xf5\x97\x7f\x91t:4\xa0g4\xa0\\\xac\x7f\x9f\x08\x80\'N\xb9\xfe\xfa\xb1\xff\x8c\xe9\xe3\xed\xc6\xf0\xc0\xe7\xbe\xb5\xf9\x8cw\xfd\x1b\x1a\xd0\x0f\x1aP\x16\xd6\xbf\x7f\x04\xc0\x07\x8b]\x7f!D\x1cG\xad\xe9vc\xc9\xe0\x7f\xbd\xe5S4\xa0O4\xa0x\xac\xbf\x11\x04\xc0y=\xac\xbf\x16\xbd\xd6\x80\x01\x1a\xd0?\x1aP$\xd6\xdf\x14\x02\xe0\xb6\x9e\xd7_\x8b\xe2\xa8\xd5\xa4\x01f\xd0\x80b\xb0\xfe\x06\x11\x00\x87\xf5\xb9\xfe\x1a\r0\x88\x06\xe4\x8d\xf57\x8b\x00\xb8\xca\xc8\xfak4\xc0 \x1a\x90\x1f\xd6\xdf8\x02\xe0$\x83\xeb\xaf\xd1\x00\x83h@\x1eX\xff&lt;\x10\x00\xf7\x18_\x7f\x8d\x06\x18D\x03\xccb\xfdsB\x00\x1c\x93\xd3\xfak4\xc0 \x1a`\n\xeb\x9f\x1f\x02\xe0\x92\\\xd7_\xa3\x01\x06\xd1\x80\xfe\xb1\xfe\xb9"\x00\xce(`\xfd5\x1a`\x10\r\xe8\x07\xeb\x9f7\x02\xe0\x86\xc2\xd6_\xa3\x01\x06\xd1\x80\xde\xb0\xfe\x05 \x00\x0e(x\xfd5\x1a`\x10\rX,\xd6\xbf\x18\x04\xc0v\xa5\xac\xbfF\x03\x0c\xa2\x01\xddc\xfd\x0bC\x00\xacV\xe2\xfak4\xc0 \x1a\xd0\r\xd6\xbfH\x04\xc0^\xa5\xaf\xbfF\x03\x0c\xa2\x01\x0bc\xfd\x0bF\x00,e\xc9\xfak4\xc0 \x1ap2\xac\x7f\xf1\x08\x80\x8d\xacZ\x7f\x8d\x06\x18D\x03N\xc4\xfa\x97\x82\x00X\xc7\xc2\xf5\xd7h\x80A4`6\xd6\xbf,\x04\xc0.\xd6\xae\xbfF\x03\x0c\xa2\x01\x1a\xeb_"\x02`\x11\xcb\xd7_\xa3\x01\x06\xd1\x00\xd6\xbf\\\xe5\x0f\n4\'\xd6_\xa3\x01\x06\x85\xdc\x00\xd6\xbft\xb6lJ\xe0\x1cZ\x7f\x8d\x06\x18\x14f\x03X\x7f\x1b\xd85+arn\xfd5\x1a`Ph\r`\xfd-a\xe3\xb2\x04\xc5\xd1\xf5\xd7h\x80A\xe14\x80\xf5\xb7\x87\xbd\xe3\x12\x02\xa7\xd7_\xa3\x01\x06\x85\xd0\x00\xd6\xdf*\xb6\xef\x8b\xc7&lt;X\x7f\x8d\x06\x18\xe4w\x03X\x7f\xdb\xb811\xfe\xf1f\xfd5\x1a`\x90\xaf\r`\xfd-\xe4\xd2\xcax\xc3\xb3\xf5\xd7h\x80A\xfe5\x80\xf5\xb7\x93{C\xe3:/\xd7_\xa3\x01\x06\xf9\xd4\x00\xd6\xdfZ\xaen\x8d\xa3&lt;^\x7f\x8d\x06\x18\xe4G\x03X\x7f\x9b\xb9=7n\xf1~\xfd5\x1a`\x90\xeb\r`\xfd-\xe7\xc3\xe28!\x90\xf5\xd7h\x80A\xee6\x80\xf5\xb7\x9f?\xa3c\xb3\xa0\xd6_\xa3\x01\x06\xb9\xd8\x00\xd6\xdf\t\xbe\xed\x8e\x85\x02\\\x7f\x8d\x06\x18\xe4V\x03X\x7fW\xf89=\xf6\x08v\xfd5\x1a`\x90+\r`\xfd\x1d\xe2\xf3\xfa\x94.\xf0\xf5\xd7h\x80A\xf67\x80\xf5w\x8b\xff\x03T\x16\xd6\x7f\x06\r0\xc8\xe6\x06\xb0\xfe\xce\te\x83\n\xc6\xfa\xcfA\x03\x0c\xb2\xb3\x01\xac\xbf\x8b\xc2\x9a\xa1b\xb0\xfe\xf3\xa2\x01\x06\xd9\xd6\x00\xd6\xdfQ!.Q\xaeX\xff\x05\xd0\x00\x83\xeci\x00\xeb\xef\xaep\xc7(\x0f\xac\xff)\xd1\x00\x83lh\x00\xeb\xef\xb4\xd0\xf7\xc8 \xd6\xbfK4\xc0\xa0r\x1b\xc0\xfa\xbb\x8eI2\x83\xf5_\x14\x1a`PY\r`\xfd=\xc0*\x19\xc0\xfa\xf7\x80\x06\x18T|\x03X\x7f?0L\xfdb\xfd{F\x03\x0c*\xb2\x01\xac\xbf7\xd8\xa6\xbe\xb0\xfe}\xa2\x01\x06\x15\xd3\x00\xd6\xdf\'\xccS\xefX\x7f#h\x80Ay7\x80\xf5\xf7\x0c\x0b\xd5#\xd6\xdf \x1a`P~\r`\xfd\xfd\xc3H\xf5\x82\xf57\x8e\x06\x18\x94G\x03X\x7f/\xb1S\x8b\xc6\xfa\xe7\x84\x06\x18d\xb6\x01\xac\xbf\xaf\x98\xaa\xc5a\xfdsE\x03\x0c2\xd5\x00\xd6\xdfc\xac\xd5"\xb0\xfe\x05\xa0\x01\x06\xf5\xdf\x00\xd6\xdfo\x0cV\xb7X\xff\xc2\xd0\x00\x83\xfai\x00\xeb\xef=6\xab+\xac\x7f\xc1h\x80A\x0b6`\xe0d\r`\xfdC\xc0l\x9d\x1a\xeb_\n\x1a`\xd0\xc9\x1ap\xbc9\x7f\x03X\xff@\xb0\\\xa7\xc0\xfa\x97\x88\x06\x184o\x03n\xb9\xe7\xea\xe6\xf4d\xbd\xde\x98\xfd;Y\xffp0^\x0ba\xfdKG\x03\x0c:\xb1\x01/\xfd\xbf\xdf\xed\xba\xeb\xbf\x1c\x9bxe\xe6\xf7\xb0\xfeAa\xbfN\x8a\xf5\xb7\x04\r0hN\x03\xa2\xb8\xf2\xdb?\x1c\xdc\xf7\xf3\xef\xc6R\n!\x94R\x91\x10\xac\x7f8\x98\xb0\xf9\xb1\xfeV\xa1\x01\x06\xcdn@\x96&amp;Q\\\x11\xaf\xcfz\x1cE\xac\x7fPX\xb1y\xb0\xfe\x16\xa2\x01\x06\xcdi\x80\x14B\x08)\x84\x90R\xeex\xe4\x91\x07\x0e\x1db\xfd\x03\xc1\x90\xcd\xc5\xfa[\x8b\x06\x184\xd3\x80u[\xbf&amp;\xa38\x93B\x08\xf1\x7f_z\xe9\xdb\xcf&gt;[\xabVY\xff@\xb0eo\xc2\xfa[\x8e\x06\x18\x14\xc5\x95\xc9#\xa3\x17\xfd\xcd\xce\x7f\xbf\xe1?\xab,\x8b\xe2J\xa6T\xadZmw:\xac\x7f \x98\xb37\xb0\xfeN\xa0\x01\x06I)\x93v\xab1\xb2B\xff\xcf8\x8eY\xff\xa0\xb0h\xafa\xfd\x1dB\x03\x0c\x92RfI"\x84\x88\xa2(MS\xd6?(\x8c\x9a\x10\xac\xbf\x83h\x80IR\n!\x92N{\xf5\xea\xd5{\xf6\xec\xd1_\xf0\xac\x7f\x08\xd85\xd6\xdfU4\xc0\xb8e\xcb\x96)\xa5\x94R\xac\x7f B\x9f6\xd6\xdfi4\xc0\xac$I\xa4\x94\xac\x7f8\x82^7\xd6\xdf\x034\xc0 \xa6?4\xe1\x0e\x1c\xeb\xef\r\x1a\x00\xf4&amp;\xd0\x8dc\xfd=C\x03\x80\x1e\x848s\xac\xbf\x97h\x00\xb0X\xc1-\x1d\xeb\xef1\x1a\x00,JXc\xc7\xfa{\x8f\x06\x00\xdd\x0bh\xefX\xff@\xd0\x00\xa0K\xa1L\x1e\xeb\x1f\x14\x1a\x00t#\x88\xd5c\xfd\x03D\x03\x80S\xf2\x7f\xf8X\xff`\xd1\x00`a\x9eo\x1f\xeb\x1f8\x1a\x00,\xc0\xe7\xf9c\xfd!h\x00pr\xde. \xeb\x8f\x194\x00\x98\x97\x9f#\xc8\xfac\x0e\x1a\x00\x9c\xc8\xc3\x1dd\xfd1/\x1a\x00\xcc\xe1\xdb\x14\xb2\xfeX\x00\r\x00f\xf3j\rY\x7f\x9c\x12\r\x00f\xf83\x88\xac?\xbaD\x03\x00\xcd\x93Md\xfd\xb1(4\x00\x10~\x04\x80\xf5G\x0fh\x00\xe0\xfc2\xb2\xfe\xe8\x19\r@\xe0\xdc\x1eG\xd6\x1f}\xa2\x01\x08\x99\xc3\xfb\xc8\xfa\xc3\x08\x1a\x80`\xb9:\x91\xac?\x0c\xa2\x01\x08\x93\x93+\xc9\xfa\xc38\x1a\x80\x00\xb97\x94\xac?rB\x03\x10\x1a\xc7\xb6\x92\xf5G\xaeh\x00\x82\xe2\xd2\\\xb2\xfe(\x00\r@8\x9cYL\xd6\x1f\x85\xa1\x01\x08\x84\x1b\xa3\xc9\xfa\xa3`4\x00!p`7Y\x7f\x94\x82\x06\xc0{\xb6O\'\xeb\x8f\x12\xd1\x00\xf8\xcd\xea\xf5d\xfdQ:\x1a\x00\x8f\xd9;\xa0\xac?,A\x03\xe0+K7\x94\xf5\x87Uh\x00\xbcd\xe3\x8c\xb2\xfe\xb0\x10\r\x80\x7f\xac[R\xd6\x1f\xd6\xa2\x01\xf0\x8c]c\xca\xfa\xc3r4\x00&gt;\xb1hOY\x7f8\x81\x06\xc0\x1b\xb6L*\xeb\x0f\x87\xd0\x00\xf8\xc1\x8aUe\xfd\xe1\x1c\x1a\x00\x0f\x94?\xac\xac?\x1cE\x03\xe0\xba\x92\xb7\x95\xf5\x87\xd3h\x00\x9cV\xe6\xbc\xb2\xfe\xf0\x00\r\x80\xbbJ[X\xd6\x1f\xde\xa0\x01pT\xa5\x94?\x95\xf5/\x9d\xcaT\x9adY\x9a\x95} \x9e\x90B\x1c\x9f\x9c\xae7jW\xef\xda\xfc\xcd+\xefz\xe9\xf9\xd18\xae&lt;\xbc\xe7z!\xc4\xea\xcb\xb7O\x1d\x19\x15R\x96}\x8c\xf3\xc8\xd2$K\x13\xa5\xf82\x08T\t\x01`\xfdmP\x1f\xac\x8d\xbceXH\x11\xc7|\xb6M\x91Y\x9a-=m\xe8\xbf\xdd\x7f\xd5\xcdW\xdd\xfd\xdc\x81?\xcc4\xe0\xc2\x8f]\x9d\xb6\xa7\x85\x94\xb6e K:C\xcbO\xaf\xd6\x1be\x1f\x08\xcaQt\x00X\x7f\x1bDQ\xf4\xab\xc7\x9f\xbf\xef\xa6\xff\xddjv"\xcb&amp;\xc9]J()d\x9af\x03\x8d\xda\xca3V\xfc\xe6\xe0\x1f2\x95J)\x1f\xdes\xfd+/\x1e\x1a\x1c9-K\x12i\xd9g[\xa9\xac:0\xf4\xc2\xd3\x8fFQ\x94e\x9c\x07\x04\xa7\xd0\x00(\xa5\x84\x103\xeb_\xaf\xd7Y\xff\x82EQ\x14\xc7q\x1c\xc7\xbf{\xea\x85\xdf=\xf5B\xd9\x87\xe3\xb38\x8e\xa5\x94B\x8a4\xcb\x9e\xfe\xd1\xdde\x1f\xce)\xd4j\xb54M\xf9\x06\x0cM\xd1\x01PJ]u\xd5Uz\xfd[\xad\xd6\xa6M\x9bX\xff\xc2H)\'\'\'\xd34M\xd3\xb4\xecc\xf1\xdf\xecOr\x14\xc7B\xc8(\x8a\x92N\xbb\xc4CZ@\xbb\xdd\x16BLNN\x96} (Tq\x01H\xd34\x8e\xe3\xaf~\xf5\xab\xbbw\xefn4\x1a\xc7\x8f\x1f\x7f\xff\xfb\xdf\x7f\xcf=\xf7\xbc\xfa\xea\xabB\x08\xd6?oR\xca$I.\xba\xe8\xa2F\xa3\xc1\xf9~\x01\xb2,\xabT*R\xca\x9f\xfc\xe4\'\xfa\x8b?\xe9\xb4\xdf\xfd\xeew\x8f\x8c\x8c\xe8Sa\xab\xc4q\x9c\xa6\xe9\x05\x17\\ \x84\xb0\xedy*\xe4G\x16\xf6\xb5\xa8\x1f\xfe\xff\xf1\x8f\x7f\xfc\xc4\'&gt;\xf1\xf8\xe3\x8f\xd7j\xb5j\xb5z\xe3\x8d7\xee\xdc\xb9\xf3\xf0\xe1\xc3\x95J9\xf7#\x85f`` \x8e\xe3\xb2\x8f\xc2\x7fY\x96I)\xeb\xf5\xfa\x95W^\xb9{\xf7\xeej\xb5\xdaj\xb5\xb6l\xd9\xb2g\xcf\x9e\xb2\x0f\rxCq\x01\x10B(\xa5\xa4\x94ccc\x1b7n&lt;p\xe0\x80~\xd0q\xf3\xcd7\xd3\x80\xc2\xf0\xc0\xbf\x00\xfa\xf9\xcc%K\x96|\xfa\xd3\x9f\xbe\xef\xbe\xfbj\xb5Z\xbb\xdd\xd6\xeb\x9fe\x99\xfe.(\xfb\x18O\x8as\xf1\xa0\x14\x1a\x00\xf1\xfa\xf7\xc6L\x03\xf4\x95\x00\x1a\x00o\xcc\xac\xffg&gt;\xf3\x99\xbd{\xf7\xea\xfb\xdc\xf4\xfa\xeb\xab\xac6\xaf?BSt\xed\xf5\xb3\xcf\xcb\x97/\x7f\xe8\xa1\x87\xd6\xacY\xd3j\xb5\xea\xf5\xfa\xe7&gt;\xf7\xb9]\xbbv\xad\\\xb92I\xf8\x99I8\x8c\xf5\x87[J8\xdd\xa3\x01\xf0\x12\xeb\x0f\xe7\x94\xf3|\x1f\r\x80gX\x7f\xb8\xa8\xb4\x0b&gt;4\x00\xde`\xfd\xe1\xa82\xaf\xf8\xd3\x00x\x80\xf5\x87\xbbJ\xbe\xe5\x8b\x06\xc0i\xac?\x9cV\xfe=\xbf4\x00\x8eb\xfd\xe1\xba\xf2\x03 h\x00\x1c\xc4\xfa\xc3\x03V\x04@\xd0\x008\x85\xf5\x87\x1fl\t\x80\xa0\x01p\x04\xeb\x0foX\x14\x00A\x03`=\xd6\x1f&gt;\xb1+\x00\x82\x06\xc0b\xac?&lt;c]\x00\x04\r\x80\x95X\x7f\xf8\xc7\xc6\x00\x08\x1a\x00\xcb\xb0\xfe\xf0R\xd1/\x07\xbd(\x1e\xbfv\xf4\x9cO;\xf3a3\xd6\x1f\xbe\xb2:\x00\xc2\xaf\x06dY\xa6\xdf(J\xbf-\xbb\x1e\x0e\xa5T\x96e3\xef\xd3\xcb\x9a\xd8\x86\xf5\x87\xc7l\x0f\x80p\xbf\x01J\xa94M+\x95J\xa3\xd1\xa8\xd5ji\x9aNNNNLL4\x9b\xcdv\xbb]\xadV\x1b\x8d\xc6\xc8\xc8\xc8\xf0\xf0p\x96e\x13\x13\x13\xfa\xfdc\xcb&gt;j\x08\xc1\xfa\xc3w\x0e\x04@\xb8\xdc\x80,\xcb\xea\xf5\xfa\xd0\xd0\xd0\xf8\xf8\xf83\xcf&lt;\xb3o\xdf\xbe\x83\x07\x0f\xfe\xfe\xf7\xbf\x1f\x1d\x1dm6\x9bzD\x1a\x8d\xc6\xaaU\xab\xce;\xef\xbc\x0f}\xe8C\xeb\xd7\xaf\x1f\x1e\x1e\x1e\x1f\x1f\xa7\x01\xa5c\xfd\xe1=7\x02 \xdcl@\x96eCCC/\xbe\xf8\xe2\xfd\xf7\xdf\xff\xbd\xef}\xef\x17\xbf\xf8\xc5)\xff\x93\xf3\xce;\xef\x86\x1bn\xf8\xc8G&gt;266\xc6\xbb\xb3\x96\x88\xf5G\x08\x9c\t\x80p\xad\x01i\x9a\x8e\x8c\x8c\xdc}\xf7\xdd\xd7\\s\xcd\xd8\xd8\x98\xfe`\xb5Z\xd5\xc3\xa1\xaf\x07\x08!\xa4\x94z\xe8\xf5\xc5\x00\xfd\xc1\x9bn\xba\xe9\x0b_\xf8\xc2\xd8\xd8\x18\xe7\x01\xa5`\xfd\x11\x08\x97\x1ec:wo\xa8R\xea\xado}\xeb\xd8\xd8X\xb5Z\xadV\xabq\x1cw:\x9dv\xbb\xddn\xb7\x93$\xd1s\x9f\xa6i\xa7\xd3\xe9t:i\x9a*\xa5\xf4\xf5\xe1\xeb\xae\xbbn\xef\xde\xbd\xcb\x97/\xd7W\x86Q$\xd6\x1f\xe1p\xe9\x0c@s\xe8&lt; \xcb\xb2\x91\x91\x91\x0f~\xf0\x83\x8f&lt;\xf2\x88\xfe\xc8\xe9\xa7\x9f~\xf1\xc5\x17\xaf^\xbd\xfa\xedo\x7f\xfb\xb2e\xcb\xe28\x9e\x9a\x9a\xfa\xedo\x7f\xfb\xe0\x83\x0f&gt;\xfa\xe8\xa3\xfa\xf7DQ\xa4\x94Z\xb1b\xc5\xc1\x83\x07O;\xed\xb4N\xa7\xc3\xe2\x14\x86\xf5GP\xdc\x0b\x80p\xa7\x01i\x9a.[\xb6\xec\x07?\xf8\xc1\xc7&gt;\xf6\xb1K.\xb9d\xd3\xa6M\xeb\xd7\xaf_\xb5jU\xa5RI\xd34\xcb2\xa5T\x14Eq\x1c\'I\xb2w\xef\xde\xab\xaf\xbe\xba\xd5j\xe9\x0f\xa6iz\xd3M7}\xf1\x8b_\xb4\xea\xff\x91\xdfX\x7f\x84\xc6\xc9\x00\x08w\x1a \xa5l\xb7\xdb\xbf\xfe\xf5\xaf/\xbc\xf0\xc2\xc1\xc1\xc1\xc9\xc9I=\xf1zJ\xf4\xcf\x01\xe8\xbf\x82\x95+W~\xe3\x1b\xdf\xb8\xe6\x9ak\xf4\xf3\xfeY\x96]z\xe9\xa5?\xfc\xe1\x0f\'\'\'\xb9\x1a\\\x00\xd6\x1f\x01r5\x00\xc2\xa9\x06\x0c\x0e\x0eNMM\xe9\x1b\xfc\xe7\xdd\x11\xfd\xa8\x7fjj\xea\x82\x0b.8|\xf8p\x1c\xc7i\x9a\x9ey\xe6\x99\x8f?\xfe\xf8\xc0\xc0@\x9a\xa6\xacO\xaeX\x7f\x84\xc9\xe1\x87\x96\xae\\\x13VJMNNJ)+\x95\xca\xc9vDJ\xa9\x9f/:\xeb\xac\xb3\xc4\xeb\xaf\x0cq\xec\xd8\xb1\xe9\xe9i\x1e\xfe\xe7\x8d\xf5G\xb0\xdc\x1e\x17W\x1a\xd0\xe5\x88K)go\r\xd3S\x00\xd6\x1f!s;\x00\xc2\x9d\x06,L\xdf\x00:55\xf5\xa7?\xfdi\xe6\x83\xcb\x96-k4\x1a\xdc\t\x9a\x1f\xd6\x1f\x81s&gt;\x00\xc2\x8b\x06\xa4i:&lt;&lt;\xfc\xe4\x93O\xbe\xf8\xe2\x8b\xfa6P)\xe5;\xdf\xf9\xce\x91\x91\x91$I\x98\xa1&lt;\xb0\xfe\x80\x0f\x01\x10\x8e7 \xcb\xb2j\xb5\xda\xe9tn\xb8\xe1\x86\x99k\xf2J\xa9\x0f\x7f\xf8\xc3q\x1c\xbb{\x95\xdef\xac? \x9c\xbe\x0b\xe8D\xae\xdc\x174\x9b&gt;\xe6\xa5K\x97~\xf6\xb3\x9f\xbd\xeb\xae\xbb\xf4\xd5\x82,\xcb\xde\xf1\x8ew&lt;\xf6\xd8c\x95JE\xbf\x82t\xd9\x87\xe9\x15\xd6\x1f\xd0&lt;9\x03\xd0\x9c;\x0fH\x92\xa4^\xaf\xd7\xeb\xf5O}\xeaSw\xddu\xd7\xecW\xfe\xf9\xe67\xbf\xc9\xf3?y`\xfd\x81\x19^\x05@8\xd5\x80$I\x96.]z\xec\xd8\xb1\xcb/\xbf\xfc\xde{\xef\x9dy\xb6\'\xcb\xb2]\xbbv]v\xd9eG\x8f\x1e\xe5\xc5\xe0\xccb\xfd\x81\xd9\xbcz\nh\x86\xfd\xcf\x05%I\xb2|\xf9\xf2g\x9ey\xe6\x93\x9f\xfc\xe4\xa1C\x87\xf4\xd0\xeb\r\xba\xe5\x96[\xb6m\xdb\xf6\xea\xab\xaf\xb2\xfef\xb1\xfe\xc0\x1c~\x06@\xd8\xdd\x00\xbd\xfe\xfb\xf6\xed\xbb\xe2\x8a+\x8e\x1c92\xb3\xfe\xcb\x97/\xff\xf6\xb7\xbf}\xf9\xe5\x97\x97~\x84\xfea\xfd\x81\x13y\x1b\x00ak\x03\xf4\xbb\xc4\xfc\xf2\x97\xbf\xdc\xb0a\xc3\xcc\x93&lt;i\x9a\x9es\xce9\xf7\xdcs\xcf\xb9\xe7\x9e{\xe4\xc8\x11\xd6\xdf,\xd6\x1f\x98\x97\xcf\x01\x10\xf65@\xdf\xe0/\xa5\\\xbbv\xed\xb3\xcf&gt;[\xa9T\xf4;\x06_z\xe9\xa5\xf7\xdf\x7f\xff\xb2e\xcb\xc6\xc7\xc7\xab\xd5j\xc1G\xe57\xd6\x1f8\x19\xdf.\x02\xcfa\xdb5a\xfd6a\xf7\xde{\xaf^\x7f\xfd\x860\x97\\r\xc9\xf7\xbf\xff\xfd\xa1\xa1\xa1c\xc7\x8e\xb1\xfef\xb1\xfe\xc0\x02&lt;\x0f\x80\xb0\xac\x01Q\x14u:\x9d\x07\x1ex@\x9f\x07(\xa5V\xadZ\xb5w\xef\xdeZ\xad6==\xcd3?f\xb1\xfe\xc0\xc2\xfc\x0f\x80\xb0\xa6\x01J\xa9Z\xad6::\xfa\xdcs\xcf\xa9\xd7\xed\xdc\xb9\xf3\x8c3\xce\x98\x9c\x9c\xe4\x9e\x1f\xb3X\x7f\xe0\x94\x82\x08\x80\xb0\xa3\x01\xfa\x15\xdf^y\xe5\x95\xf1\xf1q!\x84~{\x80\xb5k\xd76\x9bM\xd6\xdf,\xd6\x1f\xe8F(\x01\x10v4 \x8a\xa2f\xb39\xf3\xce0K\x97.\xd5\x7f4{d\x10\xeb\x0ft)\xa0\x00\x08;\x1a\xa0\xdf\rX\xff{zz\x9a\xc7\xfef\xb1\xfe@\xf7&lt;\xbf\rt^e\xdd\x1b\xaa\x9f\x02\x9a\x98\x98x\xf2\xc9\'\xf5G\xaa\xd5\xea\x9a5k\xf4\xcd\xa09\xfd\xa1Aa\xfd\x81E\t1\x00\xa2\xd4\x9f\x0f\x88\xa2hhhH\xffZ)555\x15\xe6_\x81q\xac?\xb0X\x81\x06@\x94z\x1e\x90$I\x96eB\x88(\x8a\xb8\xf1\xdf\x08\xd6\x1f\xe8A\xb8\x01\x10%5@\xbf\x14\xc4\xc0\xc0\x80\x10\xa2\xd3\xe9LLL\x88\xd7\xdf\x05\x1e\xbda\xfd\x81\xde\x04\x1d\x00Qx\x03\x94RCCC?\xff\xf9\xcf\x1f}\xf4\xd1\xe9\xe9\xe9\x0b/\xbcp\xc3\x86\r\xadV\x8bw}\xe9\x19\xeb\x0f\xf4,\xf4\x00\x88\x02\x1b\xa0_\x07b\xd7\xae]\xd7^{\xed\xcc[\xbdo\xde\xbc\xf9\xd6[om\xb5Z\xecT\x0fX\x7f\xa0\x1f\x04@\x88B\x1a\xa0\x94\xaaT*G\x8f\x1e=\xf7\xdcs\xf5k\xfe\xe8\x9f\x04N\xd3\xf4\xc1\x07\x1f\\\xb7n\xdd\xc4\xc4\x84~?Ht\x89\xf5\x07\xfa\xc4\xe2\x08Q\xc8\xcf\x07(\xa5\xea\xf5\xfa\x0b/\xbc011!\xa5\xect:\xfa\xe7\xbf\xa2(\xfa\xd5\xaf~U\xadV\xf5eat\x89\xf5\x07\xfaG\x00^S\xcc\xcf\x88\xcd\xfb\x18\x9f\x07\xfe\x8b\xc5\xfa\x03F0=o\xc8\xb5\x01R\xca\xe9\xe9\xe9\xb3\xce:k\xc5\x8a\x15\xfaU\xe1\xf4\xcbAgYv\xfe\xf9\xe7\xb7\xdbm2\xd0%\xd6\x1f0\x85\xd1y\x93\xfc\x1a\xa0\x9f\xf6Y\xb9r\xe5\xd7\xbe\xf6\xb5Z\xad\xd6n\xb7\xf5O\x03\xec\xd8\xb1\xe3\xe2\x8b/\x9e\x9c\x9c$\x00\xdd`\xfd\x01\x83\xb8\x08&lt;\x8f\xfc\xae\t+\xa5\x86\x87\x87\x9fx\xe2\x89\x1f\xff\xf8\xc7\xcdf\xf3\xbd\xef}\xef\xbau\xeb\xa6\xa7\xa7\xf9[\xe8\x06\xeb\x0f\x98E\x00\xe6\x97_\x03\xb2,k4\x1a\x83\x83\x83B\x88v\xbb\xcd\xcd?]b\xfd\x01\xe3\x08\xc0I\xe5\xda\x00}\xcf\x8f\x94\x92W\x03\xed\x06\xeb\x0f\xe4\x81\x00,\xc4\xb6\xf7\x94\x0f\x13\xeb\x0f\xe4\x84\'\x1f\x16b\xc3\xfb\x07\x04\x8e\xf5\x07\xf2C\x00N\x81\x06\x94\x88\xf5\x07rE\x00N\x8d\x06\x94\x82\xf5\x07\xf2F\x00\xbaB\x03\n\xc6\xfa\x03\x05 \x00\xdd\xa2\x01\x85a\xfd\x81b\x10\x80E\xa0\x01\x05`\xfd\x81\xc2\x10\x80\xc5\xa1\x01\xb9b\xfd\x81"\x11\x80E\xa3\x019a\xfd\x81\x82\x11\x80^\xd0\x00\xe3X\x7f\xa0x\x04\xa0G4\xc0 \xd6\x1f(\x05\x01\xe8\x1d\r0\x82\xf5\x07\xcaB\x00\xfaB\x03\xfa\xc4\xfa\x03%"\x00\xfd\xa2\x01=c\xfd\x81r\x11\x00\x03h@\x0fX\x7f\xa0t\x04\xc0\x0c\x1a\xb0(\xac?`\x03\x02`\x0c\r\xe8\x12\xeb\x0fX\x82\x00\x98D\x03N\x89\xf5\x07\xecA\x00\x0c\xa3\x01\x0b`\xfd\x01\xab\x10\x00\xf3h\xc0\xbcX\x7f\xc06\x04 \x174`\x0e\xd6\x1f\xb0\x10\x01\xc8\x0b\r\x98\xc1\xfa\x03v"\x009\xa2\x01\x82\xf5\x07,F\x00\xf2\x15x\x03X\x7f\xc0f\x04 w\xc16\x80\xf5\x07,G\x00\x8a\x10`\x03X\x7f\xc0~\x04\xa0 A5\x80\xf5\x07\x9c@\x00\x8a\x13H\x03X\x7f\xc0\x15\x04\xa0P\xde7\x80\xf5\x07\x1cB\x00\x8a\xe6q\x03X\x7f\xc0-\x04\xa0\x04^6\x80\xf5\x07\x9cC\x00\xca\xe1Y\x03X\x7f\xc0E\x04\xa04\xde4\x80\xf5\x07\x1cE\x00\xca\xe4A\x03X\x7f\xc0]\x04\xa0dN7\x80\xf5\x07\x9cF\x00\xca\xe7h\x03X\x7f\xc0u\x04\xc0\n\xce5\x80\xf5\x07&lt;@\x00l\xe1P\x03X\x7f\xc0\x0f\x04\xc0"N4\x80\xf5\x07\xbcA\x00\xecby\x03X\x7f\xc0\'\x04\xc0:\xd66\x80\xf5\x07&lt;C\x00lda\x03X\x7f\xc0?\x04\xc0RV5\x80\xf5\x07\xbcD\x00\xeceI\x03X\x7f\xc0W\x04\xc0j\xa57\x80\xf5\x07&lt;F\x00lWb\x03X\x7f\xc0o\x04\xc0\x01\xa54\x80\xf5\x07\xbcG\x00\xdcPp\x03X\x7f \x04\x04\xc0\x19\x855\x80\xf5\x07\x02A\x00\\R@\x03X\x7f \x1c\x04\xc01\xb96\x80\xf5\x07\x82B\x00\xdc\x93S\x03X\x7f 4\x04\xc0I\xc6\x1b\xc0\xfa\x03\x01"\x00\xae2\xd8\x00\xd6\x1f\x08\x13\x01p\x98\x91\x06\xb0\xfe@\xb0\x08\x80\xdb\xfal\x00\xeb\x0f\x84\x8c\x008\xaf\xe7\x06\xb0\xfe@\xe0\x08\x80\x0fzh\x00\xeb\x0f\x80\x00xbQ\r`\xfd\x01\x08\x02\xe0\x93.\x1b\xc0\xfa\x03\xd0\xa4R\xaa\xecc\x80Iz\xdf\xc7\xc6\xc66n\xdcx\xe0\xc0\x81z\xbd\xdej\xb5n\xbe\xf9\xe6\x9d;w\x1e&gt;|8\x8a"\xd6\x1f\x80\xc6\x19\x80o\x16&gt;\x0f\x10B\xb0\xfe\x004\xce\x00\xfct\xb2\xf3\x80\x1d;vl\xde\xbc\xf9\xbe\xfb\xeec\xfd\x01\x10\x00o\xcdi@\xa5RI\xd3\xf4}\xef{\xdfO\x7f\xfaS\xdd\x03\xd6\x1f\x08\x1c\x01\xf0\xd9\x89\rH\x92\x84\xf5\x07\xa0q\r\xc0gs\xae\x07$I\xd2h4X\x7f\x00\x1ag\x00\xfe\x9b9\x0f\xb8\xec\xb2\xcb\xf6\xef\xdf\xbfm\xdb\xb6\xdbo\xbf\x9d\xf5\x07@\x00\x82\xa0\x1b0::z\xe7\x9dw^\x7f\xfd\xf5\xfa/\x9d\xf5\x07\x02G\x00B\xa1\x94\xd2\x8b?\xf3\x0b\x00\x81\xe3\x1a@(\xa4\x94J\xa94MY\x7f\x00\x1ag\x00\x00\x10(\xc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xf5\xff\x01H\xabCs\xe3\xc4%\xe2\x00\x00\x00\x00IEND\xaeB`\x82'</t>
        </is>
      </c>
    </row>
    <row r="405">
      <c r="A405" s="1" t="n">
        <v>403</v>
      </c>
      <c r="B405" t="inlineStr">
        <is>
          <t>grid_number</t>
        </is>
      </c>
      <c r="C405" t="inlineStr">
        <is>
          <t>What is the missing number of the part denoted with a question mark?</t>
        </is>
      </c>
      <c r="D405" t="inlineStr">
        <is>
          <t>['7', '9', '1', '5']</t>
        </is>
      </c>
      <c r="E405" t="inlineStr">
        <is>
          <t>5</t>
        </is>
      </c>
      <c r="F405" t="inlineStr">
        <is>
          <t>There is a 3x3 grid of numbers. The first row is [7, 2, 7]. The second row is [6, 9, 1]. The third and last row is [6, '?', 5].</t>
        </is>
      </c>
      <c r="G405" t="inlineStr">
        <is>
          <t>We observe that [7, 2, 7] sums to 16, and [6, 9, 1] also sums to 16. Thus, the pattern is that the numbers in each row add up to the same value.</t>
        </is>
      </c>
      <c r="H405" t="inlineStr">
        <is>
          <t>Based on the pattern that the numbers in each row add up to the same value, the missing number of the row [6, '?', 5] should be 5.</t>
        </is>
      </c>
      <c r="I405" t="inlineStr">
        <is>
          <t>b'\x89PNG\r\n\x1a\n\x00\x00\x00\rIHDR\x00\x00\x02\x00\x00\x00\x02\x00\x08\x02\x00\x00\x00{\x1aC\xad\x00\x00q\xb0IDATx\x9c\xed\xddw\x9cT\xd5\xd9\x07\xf0\xe7\x9cs\xa7\xedl\x99m\xac\x8b\xf4*\x8a\x82T\x15"6$\xd6X\x90\xa2`A\xc0\xae\x98\xa8\xb1%h4\xf6\x96\xd8A\x83%\xa2Q\xe3kW\xc0\x8a\xa2\x80\xa8t\x90.e\xd9\xbe3\xbb\xd3\xef=\xe7y\xff8\xbb\x13D\xd1\x05\xa6\xec\xcc&lt;\xdf\xcf\xfb\xf1%\xb3\x85\xcbo\xee\x9c\xe7\xdesOa\x88\x08\x84\x10B\xb2\x0fO\xf5\x01\x10B\x08I\r*\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8a\n\x00!\x84d)*\x00\x84\x10\x92\xa5\xa8\x00\x10BH\x96\xa2\x02@\x08!Y\xcaH\xf5\x01\xb4\t\x88\x98\xeaCH\x01\xc6X\xaa\x0f\xa1\x19\xe5\x9fZ\x94\x7f\xd6\xca\xd2\x02\x80\x88J)Dd\x8c1\xc68\xcf\xc6;\xa1\x14\x86@\xf9\x03\xe5\x9fj\x14\x02\x00\xb0\xac*\xfe\xfa-\x07\x00!\xc4\xae\xaf\xfb|&gt;\xa5\x14c\xd9\x92\x86\xbe\xf6\xf1x&lt;\xbb\xbe\xa8?\x0c\x9c\xf3\xc4]\x19Q\xfe\x1a\xe5\x9fZ\xa9\xca\xbf\r\xca\x96\xb7\x1c\x11\xa5\x94\x86\xd1|\xc7\xd3\xd4\xd4\xb4x\xf1\xe2\x85\x8b\x16}\xff\xddw\xf5\xf5\xf5k\xd6\xac\xb1,\t\x0c +\xc2\x00`\x00\x00=\xbaw\xf7x&lt;\x83\x06\r\x1a0`\xc0\x90!C\x0e&lt;\xf0@\xfdE\xcb\xb28\xe7\xf1\xbd \xa2\xfc\x7f\x82\xf2O\xad\xa4\xe7\xdfva\x16\xb0,K\xff!\x12\x89\xbc\xf5\xd6[g\x9f}v\xe7\xce\x9dS\x1d|\xdbRXX8r\xe4\xc8\x993gVUU\xe9\xacL\xd3\xd4\xd7D\x94\x7f\x12P\xfe\xa9\x95\xd0\xfc\xdb\xb2\x0c\xbf\x03\xd0\xff:\xc6\x98\xcf\xe7\x9b9s\xe6\x8b/\xbe\xb8|\xf9\xf2\xd8Ws\xf3\xf2\xdaw\xe8\\ZV\xd6\xa5\xfbA\x9e\xa2biY\xd9p\xf7\x87\x80\x9cq\xd3\x8c\xae]\xb9\xcc\xe7m\xd8\xb6ecC}]\xec\xab\xe5\xe5\xed\xcf;\xef\xdc\xc9\x93\'\xf7\xee\xdd\x1b\x00\x94R\xfbs)D\xf9\xff\x1c\xe5\x9fZ\xc9\xcc\xbf\xed\xcb\xe4\x02 \xa5\xd4}\x9d\xb3f\xcd\xba\xef\xbe\xfb\xd6\xae]\xab_o\xdf\xa1\xd3\x11G\x1f7\xe2\x84\x93\x0e\xea\xdb\xbf]Y\xb9;7O\x18\x90\xd1\xef\xf2/@\x04\xcb\x82H8RWS\xb9\xfe\x87\xd5_}6o\xc1\xa7\xf3\xd6\xadY\xa9\xbfZTTt\xd5UW]{\xed\xb5\x05\x05\x05\x96e\xc5\xba\x0e\xf6\n\xe5\xff+(\xff\xd4JB\xfei!c\x0b\x80&gt;\xfb+**&amp;M\x9a4g\xce\x1c\xfdb\xaf&gt;}\xcf\xbf\xe4\xaa\x91\xa7\x9cY\\Z\x8a\x08\x91H\xd4\x8c\x9aJID\x95\xa11\xec\x11\x03\xd0C\x1fl6\xbb\xc3\xe90\x0chj\x0c.\xfe\xea\xf3\xe7\x9exx\xc1g\xf3\xf4\xf7\xf4\xee\xdd\xfb\xd9g\x9f\x1d6l\x98~B\xb8W\x97\x87\x94\xff\xaf\xa3\xfcS+\xd1\xf9\xa7\x8b\xcc,\x00\xbah\xcf\x993g\xd2\xc5\x17W\xec\xd8\x01\x00]{\xf4\xba\xf8\xca\xebN9sl\xbe\'\xdf\xdf\x144\xcd(\x00\xe3\x9c3\x06\xcd\x8f\x84\xb2\x15"\xa2R\x88(\x0c\xc3\x9d\x9b+\xa5Z\xf0\xe9\xdcg\x1e\xbdo\xe1\x17\x9f\x02\x80\xdd\xe1\xb8\xf7\x9e{\xa6M\x9b\xb6W\x9f\x01\xca\xbf\xf5(\xff\xd4JD\xfei$\x03\x0b\x80&gt;\xfbg\xce\x9c9u\xeaT\xfd\xca\xb9\x93.\x9fv\xf3\xed%\xedJ|^\xbf\xb4,.D\xe6\xbd\x91q!\xa5d\x8c\xe5\xe5\xe7Ki\xbd8\xe3\xb1\x7f\xde3\xdd\xdf\xd4\x08\x00S\xa6L\x991c\x86\x94\xb25\x83\xe4(\xff}F\xf9\xa7V\\\xf2O/\x99V\x00\xf4\x9do\xec\xec/\xf0\x14\xfd\xf5\xbeG\xcf\x1a\x7fn\xa3/\x18\x8dF3\xb8//\x8e\xf4\xc7\xa0\xb8$\xff\xdbE\xdf\xdcr\xf5\x94\xb5\xab\x96A\xcbg\xe07\xaf\x83(\xff\xfdG\xf9\xa7\xd6\xfe\xe4\x9fv2\xaa\x00\xecv\xf6\x97\xb4;\xe0\xd1\xe7^?j\xc4\xb0\xea\xca\x06a\x18\x99\xf4\xb6%\x81i\x9a\x9e\xc2\xc2\xba\x9a\xaaK\xcf\xfd\xc3\xb2o\x17\xc1.\xd7A\xbbM#\x8a\xa1\xfc\xe3\x88\xf2O\xad}\xc8?\x1deN\x01\xd0o\xccG\x1f}4r\xe4H\x00(,.yu\xce\xd7\x9d\xbb\xf5\xf054\x186[\xaa\x8f.-I\xcb\xb2;\x1d\x82\x8b\x8b\xce\x1e\xb5x\xc1g\x00p\xdbm\xb7M\x9f&gt;\xfd\x17\xc7EP\xfeqG\xf9\xa7\xd6^\xe5\x9f\xa62\xa4\x00\xe8\xe1\xbaUUU\xfd\xfa\xf5\xaf\xae\xae\xca/\xf0&lt;5\xfb\xed\x81G\x0c\xf3y\xbd\x86Ag\xff\xbe\x93R:\x9c\x0e\xbf\xcfw\xf1\x98\x93V/\xff\x9e16g\xce\x9c\x91#G\xeev\x1dD\xf9\'\x08\xe5\x9fZ\xad\xcc?}e\xc8\xe8_D\x94RN\x9c8\xb1\xaa\xaa\x12\x00\xfer\xcf\xa3G\x8d\x18\xeem\xa0\xb3\x7f\x7f\t!"\xa1pQi\xbb\x87f\xcc.\xf0\x14"\xc2\xc4\x89\xe7WVV2\xc6\xf4\xaa2\x1a\xe5\x9f \x94\x7fj\xb52\xff\xf4\x95\t\x05@W\xe3\xd9\xb3g\xcf\x9b7\x0f\x00\xce\x998\xf9\xec\t\xe7UU6\xd8\xe8\xce7\x1e\x84a\xf8\xbc\xde^\x07\x1ft\xf3\xdf\x1f\x01\xc0\xaa\xaa\xca\x9bn\xba\x89s\x1e\xbbw\xa4\xfc\x13\x8a\xf2O\xad\xdf\xcc?\xad\xa5}\x17\x90^\xd1\xc2\xeb\xf5\x0e\x1d:t\xd3\xa6M\x1d:w}\xfd\xa3\xc5\x0e\x87S?\xcaO\xf5\xd1e\x0e)\xa5\xa7\xb0\xe0\xf2\tg\xcf}\xf7\r\x87\xc3\xf1\xc5\x17_\x0c\x1a4\x08\x11\xf5\x12\x92\x94\x7f\xa2Q\xfe\xa9\xb5\xa7\xfc\xd3}\xa1\x88\xf4&gt;z\x00\xd0\x83sg\xcd\x9a\xb5a\xc3\x06\xa5\xd4\xe4\xabn(iW\x14\x8dF\xe9\xec\x8f/\xc6\x98\x19\xb5\xae\xb8\xfe\xaf\x0e\xa73\x12\x89L\x9f&gt;]7=\x94\x7frP\xfe\xa9\xb5\xa7\xfcS}\\\xfb+\xbd\x0b\x00"\n!B\xa1\xd0\xacY\xb3\x18c]{\xf4&gt;m\xf4x_\x83?c\x9e\xd1\xb7\x1d\x9cs\xbf\xdf\xdf\xb7\x7f\xbfQ\xa7\x9d\r\x00\xf3\xe7\xcf_\xb3f\x8d\x10\x82sN\xf9\'\x01\xe5\x9fZ{\xca?\xdd\x9f\x04\xa4w\x01\xd0\xf32&gt;\xfa\xe8\xa3U\xabV!\xe2E\x97\xff1\xbf OZV\xaa\x8f+3q\xce\xa3\x11s\xd2\x15\xd7\xb9r\xdc\x81@\xe0\x99g\x9e\xd1/R\xfe\xc9A\xf9\xa7\xd6/\xe6O\x05 \xf5\x9e{\xee9\xc6X\xbb\xf2\xf6\'\x9ez\x96\xbf)\xc83bxV\x1b\xc49\x0f\x04\x82}\xfb\xf7\x1f2\xech\xc6\xd8\xeb\xaf\xbf\xee\xf7\xfb\x01@_~R\xfe\x89F\xf9\xa7\xd6\xcf\xf3\x0f\x06\x83\x86a\xa4uGP\x1a\x17\x00\xdd\xff\xe3\xf3\xf9\x16/\xfe\x06\x11\x8f:\xfa\x84\x92v%\xa6iR\xefg\x02!2\x06\xc7\x9ft\x06"\xee\xd8Q\xb1z\xf5j\xcb\xb2\x16-ZD\xf9\'\t\xe5\x9fZ?\xcd\x7f\xd9\xb2e\x90\xe67\x01i\\\x00t\xeeK\x96,\xd9\xbe}\x1b\x00\x8c\x18yr\xaa\x8f(\xf3q!B\xa1\xe8\x11\xc3\x8f\xcd\xcd\xcb\x97\xd2\x9a?\x7f\xfe\x8a\x15+***\x80\xf2O\n\xca?\xb5v\xcb\xff\x83\x0f&gt;\x84\x96]w\xd2T\x1a\x17\x00\x9d\xfb\xe2\xc5\xdf\x00@\x8e\xdb\xdd\xa7o\xbfH8\x9a\xee\xa3\xb2\xda8\xc6X4\x12)\xef\xd0\xa9s\xb7\x1e\x00\xb0l\xd9\xb2\x05\x0b\x16\x00\x80\xdb\x9dK\xf9\'\x01\xe5\x9fZ\xbb\xe5\xbfd\xc97\x00\x90\xd6\x99\xa7\xf1\xa1\xeb[\xddo\xbf]\x02\x00\x1d:u-+?\x90\xee\x7f\x93@)\xe5\xcaq\xf4&gt;\xe40\x00X\xb6|\xf9\xfb\x1f|\x00\x00\xed;u\xa6\xfc\x93\x83\xf2O\xad]\xf3_\xb3f\x8d\xdf\xefO\xebIai&lt;\\L\x8f\xc3\xad\xa9\xa9\x01\x80\xa2\x92\xd2\x9c\xdc&lt;\x7fScZW\xe3\xb4\x80\x88B@Y\xf9\x81\x00\xd0P_\xaf;\xe2\x8a\x8a)\xff$\xa1\xfcSK\xe7\x7f@y\x07\x00\xf0z}\xa1P(777\xd5\x07\xb5\xef\xd2\xb5\x00\xe89x^\xafw\xdd\xbau\x00\xd0\xbd\xd7\xc1\x86\x81\xe9[\x87\xd3\x08g\xcc\xb2\xa0{\xaf\x83\x01\xa0\xaa\xaa\xaa\xb6\xb6\x16(\xff$\xa2\xfcSK\xe7\xdf\xadW\x1f\x00hl\xf4\xadY\xb3\xa6\xb4\xb4T)\x95\xa6k\xc3\xa5k\x01\xd0\x10\xd14-\x00(,*\xe6&lt;\x13&amp;\xe6\xa5\x05D(,*\x06\x00\xcb\xb2\xf4\x15(\xe5\x9fL\x94\x7fj\xc5\xf2WJYi&gt;\xeb"\xedo\x18u\xa7g\xba\xbf\riG\x07\x1e\xdb\x1d\x89\xf2O2\xca?\xb5b\x81\xa7\xfbC\x97\xb4/\x00Z\xba\xbf\rig\xb7\xc0)\xff$\xa3\xfcS+c\x02\xcf\x90\x02@\x08!doQ\x01 \x84\x90,E\x05\x80\x10B\xb2\x14\x15\x00B\x08\xc9RT\x00\x08!$KQ\x01 \x84\x90,E\x05\x80\x10B\xb2\x14\x15\x00B\x08\xc9RT\x00\x08!$KQ\x01 \x84\x90,E\x05\x80\x10B\xb2\x14\x15\x00B\x08\xc9RT\x00\x08!$K\xa5\xf7~\x00\x84\xec-D\x85J/\x9c\x8f\x80\x00\x0c\x00\x18\x03`\x9c1F\xd7C$\xbbP\x01\x883\xc4\x04n\xcc\x14[\xff\x9d\xec-\xa5$"\na8\x1c.\x9b\xdd\xc6\xb9n\xf5\x01\x10\x10A)0\xa3f4\x1a\x91\xd2b\x8c\xd3\xc6\x8a\xfb\x8c\xce\xff\xf4B\x05 \x9e\x10\xd1\xe1p\n#Q\xa9\x9a\xd1\x08m\xfc\xbdw\x10\xa5\x92B\x18\xb9y\x05\x86\x01MM\x81\xad[6\xee\xd8\xb6\xa5\xa6\xaa\xb2\xd1\xdb`\x9a\xa6a\x88\xbc|OiYy\x87\xce]\xdbw\xe8TX\xe4\x89Fe0\xe0\x07`T\x06\xf6\x16\x9d\xffi\x87\n@\xdc(\xa5\xdc\xb9\xee\'\x1f\xbc\xfb\xab\xcf\xe7q.\x94\x92q\xfc\xe5\xfa\x17\x9ew\xf1\x15\'\x9dq\xb6\xbf\xc9\xcfyZn@\x9adRJ!\x0cOa^\xc0\x1f\xfa\xea\xf3\x8f&gt;\xfe\xe0\xad\xc5\x0b&gt;\xdf\xbaiC8\x1c\xfa\xf97;\x1c\xce.\xdd{\x1eu\xcc\xc8\x93\xcf\x18\xd3o\xd0P\xd34C\xc1\x80\x10\xf4\x01i-:\xff\xd3\x11\x9d\xdfq\x83\x88\x86M\xac]\xb9\xec\x9b\xaf\xe6\'\xe8\xaf8\xe6\xc4\xd3l6A[\xbf\xfe&amp;DTJ\xe5\x17\x14\x04\xfc\xfe\x97g\xcdx\xe5\xb9\x19\xab\x96}\x1b\xfb*\xe3\x9c7_E\xb2\x96o\xc7H$\xfc\xc3\xea\x15?\xac^\xf1\xfcS\xff\x18u\xfa\xd9W\xfdyz\xcf&gt;\x07\xfb\x1a|i\xba\xd9w\xf2\xd1\xf9\x9f\x8e\xa8\x00\xc4\x13"\xb8rr\xb8\x10B\x18R\xc6s\x9bV!\x84\x94\xd2n\xb7\xd3\xc9\xff\x9b\xa4\x946\x9b-\xbf \xef\xa3\xf7\xdf\xf9\xe7\xdd\x7f]\xbdb)\x000\xc68\x17\x88\nuq\xf8_\x01@\x00@D\xd6\x8cKi}\xf0\xe6\xab_~2g\xfa}\x8f\x9d1~\x82\xb7\x9ej@k\xd1\xf9\x9fv\xa8\x00\xc4\x19"B\xec\xff\xf6\xef\xf7\xecz\xa5\xc3\x00\x94Rt\xed\xf3\x9b\xf4\x85\xbf\xb7\xa1\xfe\xce\x9b\xafy\xed\x85g\x00@\x08\xa1\xdb|)-\xce\x05\xe7\\?\x10\x06\x00\xdd\xfa\xef\xfa=\x00\n\x00\x840\x9a\x1a}\xd7]:\xd1\xefo\x9a0\xf92o\xbdO\x18T\x03Z\x85\xce\xff\xf4B\x05 \xae\x18D#\x11\xa5\x94R\xd1\xf8\xffrDF\x8f%\x7f\x15"\xda\x1d\xf6%\x0b\xbf\xb8\xed\xba+\xd6\xad^\xa1\x9f\xe2J)\x01\x80\x0b\x81J\xc5:\xa6]999\xee\\\xc3\xb0E\xc2!\x9f\xb7\xa1\xf9{8WJ\x01\x80\x94\x96\xfe\xd9\xdb\xaf\xbf\xa2s\xd7\x1eG\x1ds|Sc\x13\xdd\x07\xfc6:\xff\xd3\r\x15\x80\xb8a\x8c)Ku\xec\xd2\xadg\x9f\xbe\x860\xe4&gt;?\x04C\x14B46\xfavl\xdd\xc2\x18CD`L)\xe5t\xe5\x1c1\xfc\xd8p\xd8\xe44\\}\x0f\x94R.\x97\xf3\xa3\xf7\xde^\xb7z\x85\xdd\xe1\x8cF\xc2\x00\xc08g\x00JJ\x00\x18x\xc4\xf0cN&lt;\xe5\xd0\xc3\x07\xb7\xef\xd0\xc9\x9d\x9b\xc7\xb90\xcdhMU\xe5\xb2%_\xbf\xf1\xf2s+\x97~\xdb\x1c8\x80R\x8as\x8e\x88\xb7]\x7f\xc5\x1b\x1f/6\x0c\x1b*\x054\xfed\xcf\xe8\xfcOGT\x00\xe2\x86s\x1e\x0c\x04/\xbb\xee\xd6\xcb\xfet\xcb\xfe\x8cT\x93Rz\n\xf3o\xb8\xfc\xe2\xff\xbe\xf4/\xce\xb9\x94Rp!\xa5u\xc2\xc9\x7f8\xf8\xb0\xbe\r\xd4%\xbdgB\x88\xa6F\xffu\xd3\xef\xda\xb0v\xe5\xfc\x8f?\x14\xc2\x00@)%\x02\x8c\x18y\xf2\xc5W^7\xe8\x88\xdf9\\\x86e\xa2\x195\x95\x92\x88\xc08+iw@\xffA\x03\xc7\\0\xe5\xd9\xc7\x1e|\xe4\xef\xb7\xeav_\xf7\x08\ta\xfc\xb8i\xfd\xff\xbd\xf2\xc2E\x97_\xddP\xe7M\xdc\x00\xc7\x0c@\xe7\x7f:\xa2Z\x1ao\xd8\xfcPq\xdf(\xa9\x9cN\xe7\xba5k\xdf{\xe3e\xc6\x98\xee\x91PJ2\xce\xc7]x\xa9iJ\x1a\x04\xfd\xebP))\xd5\xbdO&lt;\xd7\xb9k\x0f)-)e\xa7.\xdd\xff\xf9\xdck3^yw\xe8\xf0c\xc2\xa1`C\xad\xd7\xdf\xd4\x18\x8dF,\xcb\x92\xd2\xb2L3\x14\x0c\xd4\xd7y#\xe1\xc8\x1fo\xbd\xf9\xcf\x7f{@)\x15\x0b\x19\x01\x19co\xbe\xfab(\x18\xe1\xd4\xee\xb4\x06\x9d\xffi\x85\n@\xdb"\x95\xe5\xcc\xb1\xbf\xfa\xc2\xccp(\xc4\xb9@D.\x04"\x0e&gt;\xf2w\x83\x8e8*\xe0\x0f\xd0\xec\xa4_\xc78\x8f\x84\xc3E%\xed\x1ez\xe6ewn\xde)g\x8d{m\xde\xd7\'\x9f1\xda\xdf\xd4\xe8old\x9c\x0b\xc3\xe0\\\xb0]p\xce\r\xc3`\x8cU\xed\xf4M\xba\xe2\xda\xc1\xc3F(\xa5ts\x8fJ!\xe2\x0f\xab\x96o\xde\xb8\xde\xe1t\xa2R\xa9\xfe\xf7e8:\xff\x93\x8c\xd2lC\x10\xd1\xe1p\xed\xd8\xba\xe3\xcdW^`\x8c5?\xb1D\x04\x80s\'].\x0c\x83FA\xb4\x86\x10\xc2\xdf\xd4\xd4\xa7o\xbfW&gt;\\p\xf7\xa3\xb3\xdcy\x05\xdez/\xe7\xe2\xd7/\xe1\x19c\x80\xc89;g\xc2\xc5\xb1\x17\x11\x91snF\xa3\x9b\xd6\xad\xb1\xdbm\x8a\xf2O$:\xff\x93\x8f\n@\x1b\xa2\xa4\xcc\xcds\xbe\xf5\xea\x8b\r\xf5\xb5\xba\'\x9as\xa1\x14v\xeby\xd0\x88\x13O\xf67\xf9\xa9\xf7\xb3\x958\xe7\xa1P\xa8[\x8f\x83,\xcb\x8c\x86\xc3\xad\xec\xbb\xe7\x82G\xc2\xe6\xc1\x87\r\xb0\xd9\xedJ6\xf76\xe8\x15\xe2*+\xb6q\x01\xb1a\xa3$\x11\xe8\xfcO&gt;*\x00m\x07\x1a6{]\xad\xf7?\xcf\xcd\x88\x8dEa\x0c\x00p\xec\x05S\xf3\xf3s\xa5\x15\xcf\x995\x19\x8fs\x1e\t\x87t\x17O\xab\x7f\x88Ii\x15\x16\x15\xe7\x17xvy\r\x00 \xe0\xf73\xa0\xf6?\xa1\xe8\xfcO\x01*\x00m\x85\x9427/g\xce;\xafo\xdf\xba\x991\xae\x94\xd2\xff-*iw\xcaY\xe3\x02\xfe\x10=\x84\xdc[\xfb0l\x1c\x118\xe7\x86a\xdb\xedu\xba\xf6L4:\xffS\x82\n@[\xc1\xb9\x11\n\x86^z\xe6q\x00\xa6\xaf:\xf5]\xf0\x1f\xc6Lh\xdf\xa1&lt;\x1a\x89\xd0\xf8\x87$`\x9c\x99f4\x1c\n\xfe\xef%D\x00\xc8/(DlY:\x88$\x00\x9d\xff)A\x05\xa0M\x90R\xe6\xe5\xbb\xe7\x7f&lt;g\xcd\x8a\xa5\x9c3%%0\xa6\x94t8]\xa3\xcf\x9b\x14\nEi\xf0C\x12 \xa2a\xd8\xeajj\xfcM\x8d\xbb\xbe\x08\x00\xe5\x1d:I\tT\x01\x12\x84\xce\xffT\xa1X\xdb\x04\xc6\x98\x94\xea\xc5\x19\x8f\xea?\x03\x80\xe0\x1c\x11\x8f?\xe9\xf4\xde\x87\x1c\x12\n\x86h\x12|\x12 \xa2\xdd.\xd6\xaf])\xa5\xd4\xab\x03\xe9\xa1\xe8\x0e\xa7\xabK\xf7\x9e\xd1h\x94\xd3Ehb\xd0\xf9\x9f*\x14k\xea\xe9\x85\xd4\x97|\xbd`\xd1\x97\x9f1\xce\xf5\xba4z:\xd2\xb8\x0b/\x95\x16M~I\x16D`\xf0\xc5\xc7\x1f\x02@\xf3^\x91\x9c3\xc6z\xf5\xe9\xdb\xa1s\x97h$B\xcdP"\xd0\xf9\x9fBtB\xa7\x1e"\nC\xbc\xf4\xecc\x88J_c\xea\xc9/\x03\x86\x0e\x1f|\xe40?M~I\nD\xe5p\xb9~\xdc\xb8\xf9\xb3\xb9\xef\x01\x80\x1e\x84\xce\x80\xe9\xeb\xd0\x9c\x1c\x87^M\x88\xc4\x1d\x9d\xff)D\xc9\xa6\x98R*\'\'g\xcd\xf2\xe5\x1f\x7f\xf0\xb6\xbe\x11\x06h~\xf0x\xde\xc5\x97\x196\x1bM~I\x0e)Un\xae\xe3\xc5\x99\x8f65\xfav\xe9\xff\x91z:q0\x10\xe5\x82&gt;,\xf1G\xe7\x7fj\xd19\x9db\xa8\x94\xd3e\xfb\xcf\xf3OG#\x11\xce\x05\x00r\xce\x95\xc2.=z\x1ds\xe2\xa9\xfe\xa6\x00\r@L\x02%en^\xee\xb2o\xbf\x7fe\xd6S\xb1E\xa1\xf5R\x04g\x9d{Q\xf7^=\xc2\xe1 \xa3E(\x13\x80\xce\xff\xd4\xa2s:\x95\x10\xd1\xe1tm\xd9\xb8\xe5\xed\xd7g\xc7\xe6\xbe3\xc6\x00p\xec\xf9S\x0b\n\xf3\xa4e\xa6\xfa\x18\xb3\x00"\xe7\x1c\x95\xfa\xdb\rW\x85\xc3!`\x0c\x11\x19\xe7\nUQq\xe9\xe4\xab\xae\x0b\xf8\xc3\xb4\tm"\xd0\xf9\x9frT\x00RII\xe9\xceu\xbc\xf1\xf2sM&gt;\xaf\xbe\xded\x8cI)\x0b\x8bJN9k\\\xa0)L\x93_\x92\xc0\x92\xd2S\x94\xf7\xe0\x1d\xb7|\xb7x\x81\x10B\xb5l\x0e\x83JM\xbb\xe5\xce\x0e\x9d:F\xc2az\x0e\x99\x08t\xfe\xa7\x1c\x15\x80\x94AD\x9b\xdd^]Y\xfb\xda\x8b\xcf0\xc6\x10\x9b\xbb\x1d\x00\xe0\xf41\xe7\x1d\xd8\xe9\xc0h\x84\xda\x9d\x84\xb3L\xb3\xb8\xd4\xf3\xf2s\xb3\x9e}\xec\x01\xbd\xf1,\x00\x08aH\xcb:\xfe\xa4?\x8c\xbd`\x8a\xb7\xa1\x91\xb6\x01H\x04:\xff\xdb\x02*\x00)\xa3\xa4\xcc\xcd\xcby\xff\xff\xfeS\xb5s\x07k\xeewfJI\xbb\xc31\xfa\xbc\x8b\xc3!\x93\x06\x1d&amp;\x9ae\x9a\x85\xc5\x85\x9f~\xf8\xe1\xf4?]\xbaK\xd7?\x97\xd2\xea\xd8\xb9\xdb\x1d\x0f?\x1d\x8d\x84\xa9\tJ\x10:\xff\xdb\x02\x8a8e\x84a45\xfa_\xfa\xd7\x13\xc0\x98^eL\x08\x8e\x88\xc7\x8d:\xed\xa0\xbe\x87\x86\x82A\x1a\xfd\x96P\x96e\x15\x14\x15.]\xb2x\xda\xe4\xf1f4\x8a\x00\x88\xc8\x18GDwn\xde#\xcf\xbeRTR\x1a\x89D\xe9\xd9o\x82\xd0\xf9\xdf\x16P\xc4\xa9!\xa5\xcc\xcd\xcb\xfd\xe4\xc3\xf76\xfe\xb0\x9a\xb7&lt;\xfe\xd2\x17A\xe3.\xbaT)E\x17\x9e\teYV~~\xfe\x86\xb5\xab/;\xef\x8c\xe6\x0eh\xa5\x18c\x8c\x01c\xec\xfe\xa7^\xec7hpSc#\rAI\x10:\xff\xdb\x08*\x00\xa9\xc197M\xf3\xdf\xcf&lt;\n\xd0\xbc\xe8m\xf3\xe4\x97!G\x0e\x19vt\xa0)@\xc3N\x12GZVn^\xde\xf6\xad\x9b\xa7\x8e;\xb5\xa6j\xa7\x10B)\xa9\x17\x8eVJ\xdd\xf1\xf0\x8c\xdf\xff\xe1\x0f\r\xf5^\x83\xba\xfe\x13\x86\xce\xff6\x82\n@\n(%\xdd\xb9\xee\x85_|\xf6\xdd\xa2\x05\x8c\xf1\xe6)\xa6\x88\x000~\xd2e6\xbbM!M:M\x14)-wnn\xf5\xce\x1dS\xc6\x9e\xba\xfd\xc7\xcd\xfa\xc1\xaf\xde\x18RIy\xd3\x9d\x0f\x8d\x9ftq}\r\xb5\xfe\tD\xe7\x7f\xdbA\x05 \x05\x10\x813\xf6\xef\x99\x8f\x01\x00\xe7\x0c\x00\xf4\x13\xc8\xce\xddz\x1c\xf7\xfb\xd3\x03M\x01!\xa8\xf5I\x08)e\x8e\xdb][]5y\xcc\xc9\x9b\xd6\xaf\x15\xc2\x88\xb5\xfeR\xcako\xfd\xfb\x94\xab\xaf\xad\xaf\xf5\xd2\xb0\x9f\x84\xa2\xf3\xbf\xed\xa0\x02\x90lJ)\xb7\xdb\xbd\xfc\xbbo\xe7\x7f\xfc\x81\x1e\xf5\x0c-+ \x9e3q\x8a\xa7(\xdf2i\xf2KBH)]99\ru\xb5\x93\xc7\x9e\xbc~\xed*a\x18RZ\xb1\xd6\xff\x9a\x9b\xef\xb8\xea\x86\x9b\xeb\xeb|\xd4\xfa$\x14\x9d\xffm\n\x15\x80dC\xa5\xec\x0e\xe3\xe5YOZ\xa6\xa9;:\xf5\xc7\xc0ST|\xda\xe8s\x03~\x9a\xfc\x92\x10RJW\x8e\xab\xd1[?e\xec)?\xacZ.\x0cCZ\x16c\x8c1}\xed\x7f\xd757\xde\xdaP\xe7\x134\xf2$\xc1\xe8\xfcoS\xe8tO*T\xca\x99\x93\xb3\xe1\x87\xf5\xef\xbf\xf9jl\xee\xbb\xfe\x18\x9cv\xf6\xb9\x1d;w\x88\xd2\xa4\xd3\x04\x90R:]\xae\xa6F\xdf\x94\xb1\xa7\xae^\xfe\xfd\xffZ\x7f\xce\x95\x927\xdcv\xdfU\x7f\xbe\xa9\xbe\xce\xc7\x05\x07\n?\x91\xe8\xfcok\xa8\x00$\x95R*\'\xc7\xfe\xfa\xbf\x9f\r\x06\xfcz\xee;\x00(%\xedv\xc7\xe8\t4\xf9%!\xa4\x94N\xa73\x18h\xbad\xdci+\x97.\xd1\xb3|\x9b[\x7f)o\xbc\xe3\x81\xcb\xfet}}\xadO\x08A\x1b~%\x1a\x9d\xffm\r\xc5\x9d&lt;\x88hw8*\xb6\xef|\xe3\xe5Yz\xab)\x00\xd0+\x0f\x8f8\xf1\xe4\x83\x0f\xeb\x17\xa4\xc9/\xf1&amp;\xa5t8\x9d\xe1p\xf0\x92\xf1\xa7/\xfbv\x91\x10\xcd\xfd\xfez\xf0\xc9Mw&gt;4u\xda\x9f\xeaj\xbd4\xde?\t\xe8\xfco\x83(\xee\xe4QR\xbas]\xef\xbc\xfeR]M5\xe7\\/~\xa2?\x06\xe3/\xba\x8c&amp;\xbf\xc4\x9d\x92\xd2\xe1pD#\xe1K\xc7\xff\xe1\xfb\xc5_\xc5\x9e\xfa\xea\x9e\x9f[\xeezd\xca5\xd7\xd6\xd7z\xe9\xa9or\xd0\xf9\xdf\x06Q\x01H\x1e\xc3f\xf364\xbe&lt;\xebi\xbd\xe00\xb4L~\xe9?\xe8\x88#\x86\x8f\x08\xf8i\xf2K&lt;))\xed\x0e\x87e\x99\x97\x9dw\xc6\x92\x85_\xfc\xa4\xdf_\xca[\xef\xfe\xe7\xe4\xab\xae\xa1\xd6?\x99\xe8\xfco\x83\xa8\x00$\x89\x94Vn\x9e{\xde{\xff\xb7u\xf3\x06\xder\xff\x1b\x9b\xfcbw\xd8\xf5\x031\x12\x17JI\x9b\xdd.\xa5u\xf9\x843\x17/\xf8\xcc\xf8\xdf\x98\x1f\xa6\xa4\xfc\xeb\xbd\x8f^|\xe5Uu5\xd4\xfa\'\x0f\x9d\xffm\x13}\x00\x92\x84s\x11\x0eG\xf4\xe4\x97\xe6\xb9\xef\x9c+\xa5:v\xe9v\xfcI\x7f\xf0\xd3\xe4\x97\xf8QJ\xd9l6\x00\xbc\xf2\x82\xd1_\xcf\xff\xd80\x0c+\xd6\xfa+5\xfd\xbe\xc7/\xbc\xec\xf2\xba\x1a\x9a\xed\x95Tt\xfe\xb7Mt\x07\x90\x0cz\xc7\xc1/?\x99\xb7r\xe9\x12\xbd\xe4\x00\xc4&amp;\xbfL\x98\\T\\@\x93_\xe2E)e\x18\x06c\xec\xaa\x0b\xce\xf9\xf2\x939\xb1\xd6\x1f\x11\x95R\x7f\xb9\xf7\xd1\x89S/\xaf\xae\xac\x05\x06r\xef\xd1\xfe\xb4\xfb\x86\xce\xff6\x8b\xaan\x92 \xe2\xbfg&gt;\n-\xe7\xbd\xde\xff\xba\xc0Sx\xfa9\xe7\xd1\xe4\x97x\xd1{\x8cp\x06W_4\xf6\xf3\x8f\xde\xd7\xad?0\xc6\x18\xcbq\xbb\xef|\xe4\x99\x89\x17\x8f\xad\xab\xc7\xe2\xd2\x92}\xfb\xfd\xc1@H\x97\x93\xf8\x1ev6\xa0\xf3\xbfm\xa2\x02\x90pJ)wn\xeew\x8b\xbe\xfej\xfe\xc7\x8cs\xd9\xbc\xe3\xa0\x90\xd2:\xe5\xec\xf1\x9d\xbav\xa2\xc5g\xe2\x04\x19c\xd2\x8c\xfc\xe9\xf2\x8b&gt;\xf9\xf0\xed\xe6\xd6\x1f\x80\xe9\xe1\xe7\xee\xbc\xa5K\x16~\xf1\xc9\x1c\xce9\x03\xd8\xdb+y}\x0f1\xe9\xf2?v\xea\xd6#\x1a\x89P\rh=:\xff\xdb2\xca=\xe1\x10\xd1\xb0\x89\xd9\xcf&gt;\xa1\xa4\x14\xc2\x90\xa0G\xbfI\x9b\xdd~\xce\xc4\xc9\xe10M~\x89\x0f%U^A\xc1gs\xdf\x9f\xf7\xde\xff\xc5Z\x7f\x00\xd0\xfd65U;\x9f\x7f\xea\x91\xfd\xfc+N\x1b}n\xf7\xde\x07\xd3\x16\xc1{\x85\xce\xff\xb6\x8c\n@b\xa1R\xae\x1c\xd7\x0f\xabV\xcd}\xef\r\xc6\x98Tz\xcbY!\xa5&lt;\xfa\xf8\x93\xfa\xf6\xeb\xef\xf3\xd2\xae#q\x16\xdb\xdcqW\x8c\xb1\xfd\x19e\xa8\xef\x00\x0c\xc3\xa0\xc7\x00{\x85\xce\xff6\x8e\n@b)\xa5\\9\xf6W_|&amp;\x12\x0e\x1b\x86MJ\x0b\x18\xd3m\xc8\xf8I\x97\xa1\xa2\xb5g\xe2\x0f\x119\xe7?\xbfH\xdf\x9f\x81\x86\xba\x00P\xeb\xbf\xb7\xe8\xfco\xe3\xa8\x00$\x10":\\\xae-\x1b\xb7\xfc\xf7\xa5\x7f\x01\x80e\x99-\xaf\xcbC\x0f\x1ft\xe4\xef\x8e\xf5\xfb\xfd4\xf9%\xbet3\xad;\x9a\xe3\xfbkc\xff%\xadD\xe7\x7f\xdbG\x05 \x81\x94R.\x97c\xce\xdb\xff\x05\x00Oaq\xf3\xfd/\x17R\xc9\x89S\xaf\xb6;\xed\xa1P\x88\xee\x7f\xe3\x08\x11\r\x9b-\xaf\xc0\xf3\x8b\xbd@\xfb\x83\xba\x80\xf6\x01\x9d\xffm\x1f\x15\x80\x04\x12B\xf8\x9b\x02\xa7\x9e=\xfe\x94\xb3\xc6\x014\xcf{D\x00\x06\x90\xef)\xf47\xfa\xe9\xec\x8f#.D(\x18\xec7`\xc8{_\xaeH\xd0_\x91\x93\x9b\x17\t\x87h\xc1\xb2V\xa2\xf3\xbf\xed\xa3\x02\x90X\x88X\xe0)b\xac\xf9\xbc\x8f\x89\x8dQ!q\xa4\xef\x00\n\x8bK01+;\xd3\\\xb0\xbdE\xe7\x7f\x1bG\x05 \xe1b]\x9f\xbb\xa2q\x84\t\x82\x88f\xc2\xa6\x95\xd2\xbb\xb6\x0f\xe8\xfco\xcb\xa8\x00$\x1c\x9d\xebIF\x81\xb7)\xf4v\xb4e\xd4\x9bI\x08!Y\x8a\n\x00!\x84d)*\x00\x84\x10\x92\xa5\xa8\x00\x10BH\x96\xa2\x02@\x08!Y\x8a\n\x00!\x84d)*\x00\x84\x10\x92\xa5\xa8\x00\x10BH\x96\xa2\x02@\x08!Y\x8a\n\x00!\x84d\xa9\x0c)\x004\xdd&lt;\xc9v\x0b\x9c\xf2O2\xca?\xb52&amp;\xf0\xf4.\x00\x88\xa8\x97}7\xcd(\xad\xd2\x98L\xa6\x19\x05\xca?u(\xff\xd4\xd2\xf9\x03@|\xb7\x9dH\xbet-\x00z\x83\x8e\xfc\xfc\xfc\x9e={\x00\xc0\xda\x95\xcbL\x0bh\xa1\xf6$P\x886\x1b\xac]\xb9\x0c\x00\xca\xca\xca\xba\xf7\xa0\xfc\x93\x8a\xf2O-\x9d\xff\x0f+\x97\x03@~~A\xcf\x9e=!\x9do\x08\xd2\xf8\x8c\xd1;4\x95\x94\x94\x00\x80\xd7[\x1f\rG\xd2\xf7mH/\n\xa1\xae\xb6\x1a\x00\xf2\xf2\xf2\xca\xca\xca\x80\xf2O.\xca?\xb5b\xf9\xbb\xdd9\x85\x85\x85@\x05 %\xf4\xcd\xd7a\x87\xf5\x03\x80\xad\x9b6\xd4V\xed\xb4\xdb\xed\xb4_G\xa2q\xce#a\xa9\xaf@\xfb\xf6\xed;\xea\xc4\x13\x01`\xdb\xe6\x8d\x94\x7frP\xfe\xa9\xa5\xf3_\xb3r)\x00\xf4\xec\xd9\xd3\xedv+\xa5\xa8\x00\xa4\x80\x0e}\xd0\xa0\x81\x00\xd0\xd4\xe8\xdb\xb8~\xad\xdda\xc74\xef\x92k\xe3\x10\xd1n\xb7\xd7UWn\xd9\xb8\x0e\x00\xfa\x1ez\xe8\xf0\xe1\xc3\x81\xf2O\x16\xca?\xb5v\xcb\xbf\x7f\xff\xfeq\xdf}:\xc9\xd2\xb8\x00\xe8\x1e\xcf#\x8f&lt;\xb2\xa8\xa8H)\xb5\xe0\xb3y\x86\xc1\x14]\x01%\x12*\xe5t9\x96.YX_[\xc39\xff\xdd\xf0\xe1C\x86\x0c\xf1x&lt;\x94\x7frP\xfe\xa9\xb5[\xfe\'\x9ex"\xa4s\xff\x0f\xa4u\x01`\x8c)\xa5\xca\xcb\xcb\xfb\xf5\xeb\xc7\x18\xfb|\xde{\x8d\xbe\xa0a\xd0\x1eg\t\xa4\x10\x85`\x1f\xbd\xff\x16"z&lt;\x9e\x81\x03\x07\xe6\xe4\xe4\xf4\xef\xdf\x9f\xf2O\x0e\xca?\xb5v\xcb\x7f\xd8\xb0a\x00\xe9\xfd\xec=\x8d\x0f\x1dZ\x1e\x03\x8c\x1d;\x0e\x11\xb7l\\\xbfx\xc1\xa7\xee\\\xb7\x942\xd5\xc7\x95\x99\x10\xd1\xe9tn\xfbq\xfb\x97\x9f\xce\x01\x80Q\xa3~\xaf\x9f\x80\x8d\x1bG\xf9\'\x03\xe5\x9fZ?\xcf\xbf\xa0\xa0@JIw\x00)#\x84\x00\x80\xd1\xa3\xcf.++C\xc4g\x1e\xbd?\xad\x1f\xc8\xb4qRJw\x9e\xf3\xe5\x7f=QWS-\x84\x98:u\x8a\x1e\x8c;z\xf4h\xca?\t(\xff\xd4\xfa\xc5\xfcS}P\xfb+\xbd\x0b\x00c\xcc\xb2\xac\xe2\xe2\xe2\t\x13&amp; \xe27_\xcd\x9f\xff\xd1\xdc\xfc\xfc&lt;\xba\x08\x8a;Dt8\x9d;~\xdc\xf1\x9f\x17f2\xc6\x0e?\xfc\xf0c\x8e9F)%\xa5\xa4\xfc\x93\x80\xf2O\xad=\xe5\xaf\xafA\xd3Wz\x17\x00\x00\xe0\x9c#\xe2\xd4\xa9S=\x1e\x0f\x00\xccx\xe4nI\x17A\t -+?\xdf\xf9\xfcS\xffh\xa8\xab\x05\x80\xeb\xaf\xbf\x1e\x00\x10\x91\xf2O\x0e\xca?\xb5\xf6\x94\x7f\xaa\x8fk\x7feB\x01PJ\xf5\xea\xd5k\xda\xb4i\x88\xb8d\xe1\x17\xcf=\xf9\x8f\xe2\x92|\xd34S}h\x99CZV\x81\xa7`\xe1\x17_\xbd0\xf3\x9f\x00p\xf4\xd1#\xc6\x8c\x19\xa3/\x7f(\xff$\xa0\xfcS\xebW\xf2O\xf5\xa1\xed/\x96\x01EL\xaf\x88\xe2\xf7\xfb\x07\x0c\x18\xb0i\xf3f\xb7\xdb\xfd\xc2\x9b\x9f\x1e:``\xa3\xd7\'hP\xc4~C\xa5\x0c\x9b\xcd2\xa3\xe3N\x1a\xbe~\xed*\xce\xc5\xa2E\x0b\x07\x0c\x18\xa0/?\x81\xf2O0\xca?\xb5~3\xff\xb4\x96\xf6\xff\x00\x00`\x8c1\xc6\n\n\nf\xcf\x9em\x08\x11\xf4\xfbo\xbc\xf2\xc2\xfa\xda\x1a\xbb\xd3A\x9d\xa1\xfb\t\x11\x11\xd1\xe9t\xfc\xf5O\x97\xaf[\xb3\x12\x11\x1fx\xe0\xfe\x81\x03\x07*\xa5bg?\xe5\x9f8\x94\x7fj\xb5&amp;\xff\xb4\x96\t\xff\x06\x00\xe0\x9c[\x965t\xe8\xd0\xfb\xef\xbf\x1f\x01\xd6\xaf]5e\xec\xa9\x82s\x87\xd3)-+\xd5G\x97\xae\x94R\x88\xaa]y\xc1m7\\\xf5\xee\x7fg\x03\xc0\xe8\xd1\xa3\xa7M\x9bfY\xd6n7\xbf\x94\x7f"P\xfe\xa9\xd5\xfa\xfc\xd3W\x86\x14\x00\x000\x0c\xc3\xb2\xaci\xd3\xa6M\x992\x05\x00V|\xff\xcd\xc5\xe7\x9c\xdc\xe4\xf3\xe6\x15\x14P\x7f\xe8&gt;\x90\x96e\xb3\xd9rs\xf3n\xbc\xf2\xcaWf=\t\x00\x83\x07\x0f\x9e1c\xc6\x9e\xba&gt;)\xff\xf8\xa2\xfcSko\xf3OS\x99S\x00\x00@\x08\xa1\x94\x9a1c\x86\xfe\x0c,\xfc\xe2\x93)cO\xde\xbc~mIi\xa1\x942\xad\x97\xecH&amp;D\xb4L3\xaf\xa0\xc04#7\\~\xe1K\xcf&lt;\xae\x14\x0e\x1e&lt;x\xce\x9c9\xbf\xbe\xf6!\xe5\x1f\x17\x94\x7fj\xeds\xfe\xe9(\x13\x1e\x02\xefJ?\x10\x13BL\x9d:u\xe6\xcc\x99\x00\xe0),\xbe\xe5\xeeG\xce\x18;\xc14e\xd0\xdf\xc48\xcf\x8c\xce\xbbD@D)\xa5\xc3\xe9\xcc\xcbs.^\xf0\xd5\xf4\xeb.\xd7\xabN\x0e\x192\xe4\xc3\x0f?,,,\xfc\xcd\xaeO\xca\x7f\x7fP\xfe\xa9\xb5\xff\xf9\xa7\x9dL+\x00\xd0\xf2\xdc\x86s~\xfb\xed\xb7\xddv\xdb\xed\xfa\xc5\x93\xcf\x18s\xe9\x1fo:\xf8\xb0\xfe\xd1\xa8\x15\x0c\x04\x00\x90s\x91I\x95|\x7f4o,\x85\xe8p:\xdd\xb9\xce\xed[w\xbc\xf4\xec\xe3\xb3\x1e\x7f0\x1a\x8d\x02\xc0\x981c\x9ez\xea\xa9\xd6\x9f\xfd\x94\xff\xde\xa2\xfcS+\xbe\xf9\xa7\x97\x0c,\x00\xb0\xcbg`\xce\x9c9\x93&amp;]\\Q\xb1\x03\x00\x9cN\xe7\xc9g\x8e=\xff\x92\xab\x0f\xe97\x801\x08\x87\xa2\xd1hD)\x85\x88,\xfb&gt;\n\x08\x80\x88\x8c\x01c\xdcf\xb7\xbb\\N!`\xdb\x8f\xdb_}a\xc6\xab/\xcc\xac\xa9\xaa\x04\x00\xbb\xdd~\xef\xbd\xf7N\x9b6\r\x00\xf6\xea\xec\xa7\xfc\x7f\x13\xe5\x9fZ\t\xcd?\x8ddf\x01\xd0,\xcb2\x0c\xa3\xa2\xa2\xe2\xd6[o\x9d=\xfb\xe5H$\x0c\x00.W\xceQ\xc7\x9cp\xec\xa8\xd3\x86\x0e\x1fQ~`\'\xa7\xcb!\x04X\x16dn\x0c{d\xb3\x81R\x10\x8d\xca\x9a\xaa\xcaeK\xbe\xfel\xee\xfb_|\xf2au\xe5N\xfd\xd5\x91#G\xdeq\xc7\x1dC\x87\x0e\xd5\xcb\xcb\xecC\x13A\xf9\xff:\xca?\xb5\x12\x9d\x7fZ\xc8\xe4\x02\x00\x00RJ\xfd\xc8~\xd1\xa2Ew\xdf}\xf7\xbcy\xf3\x82\xc1\xa0\xfeR^~~\xb7\x9e}\xba\xf7\xea\xd3\xbec\xc7.\xdd\x0f*,*\xb6,+S\xdf\xe6\x9fB\xc6\xb8iF\xd7\xae\\V_W\xb3n\xf5\x8a\x8d\xeb\xd6\xd4\xd5T\xc7\xbe|\xd4\xb0aW^q\xc5\xf8\xf1\xe3a\x97\x00\xf7\r\xe5\xffK(\xff\xd4J^\xfei\x003\x9dR\xca\xb2,\xfd\xe7\x15+V\\w\xddu]\xbavMu\xeamQ\xbbv\xed\xce\xbf\xe0\x82\xb9s\xe7\xea\xac\xa4\x94RJ\xca?i(\xff\xd4JP\xfem\\\x86\xdf\x01\xc4\xe8\xbeN]\xcc\x9b\x9a\x9a\xd6\xacY\xb3`\xc1\x82o\xbf\xfdv\xc5\x8a\x15^\xafo\xe7\xce\x8a\xec\x9b3\xc9\xda\x95\xb5s\xbb\xdd\xfd\xfb\xf7?\xb4o\xdf\xa1C\x87\x0e\x1c8\xb0\xb4\xb4\x14v\x19I\x12\xc7\xbf\x8c\xf2\xff\x19\xca?\xb5\x92\x9a\x7f\x9b\x95-K\x85\xe8\xed\xc3\x10\x911\x96\x97\x977x\xf0`\x9b\xcd\xc69ohh\xe0BTWWeI!l\xc1\x00\xa0 ?\xbf\xb8\xb8x\xe0\x80\x01G\x1ey\xe4\xc0\x81\x03\xf3\xf2\xf2\xf4\xd7\xa4\x94q\x7f\xdeE\xf9\xff\x14\xe5\x9fZ\xc9\xce\xbf\xedJ\xc9}G\x92\xc5n\x81#\x91\xc8[o\xbdu\xd6Ygu\xe8\xd01\xd5\xc1\xb7-\xf9\xf9\xf9\xc7\x9fp\xc2\x8c\x193\xaa\xaa\xaatV\xa6i\xea&amp;\x83\xf2O\x02\xca?\xb5\x12\x9a\x7f[\x96\xe1]@\xfa_\xc7\x18\xf3\xf9|3g\xce|\xf1\xc5\x17\x97/_\x1e\xfbjn^^\xf9\x81\x9dJ\xcb\xca\xbat?\xc8ST$\xad\xf4\xde\xdd\xad\x95\x10\x901f\x99\xe6\xda\x95\xcb|\xde\x86m[6z\x1b\xeac_-/o\x7f\xdey\xe7N\x9e&lt;\xb9w\xef\xde\xb0\xdf\xa3\xdf(\xff\x9f\xa3\xfcS+\x99\xf9\xb7}\x99\\\x00bO\xf0g\xcd\x9au\xdf}\xf7\xad]\xbbV\xbf\xde\xbeC\xa7#\x8e&gt;n\xc4\t\'\x1d\xd4\xb7\x7f\xbb\xb2rwn\x9e0 \xa3\xdf\xe5_\x80\x08\x96\x05\x91p\xa4\xae\xa6r\xfd\x0f\xab\xbf\xfal\xde\x82O\xe7\xad[\xb3R\x7f\xb5\xa8\xa8\xe8\xaa\xab\xae\xba\xf6\xdak\x0b\n\n\xf4h\xc2}\xf8+(\xff_A\xf9\xa7V\x12\xf2O\x0b\x19[\x00\xf4\xd9_QQ1i\xd2\xa49s\xe6\xe8\x17{\xf5\xe9{\xfe%W\x8d&lt;\xe5\xcc\xe2\xd2RD\x88D\xa2f\xd4TJ"\xaa\x0c\x8da\x8f\x98^F\x98s\x9b\xcd\xeep:\x0c\x03\x9a\x1a\x83\x8b\xbf\xfa\xfc\xb9\'\x1e^\xf0\xd9&lt;\xfd=\xbd{\xf7~\xf6\xd9g\x87\r\x1b\xb6\x0fC\xa1)\xff_G\xf9\xa7V\xa2\xf3O\x17\x99Y\x00t\xd1\x9e3g\xce\xa4\x8b/\xae\xd8\xb1\x03\x00\xba\xf6\xe8u\xf1\x95\xd7\x9dr\xe6\xd8|O\xbe\xbf)h\x9aQ\x00\xc69g\x0c\xf4\x13\xa1\xac\x85\x88\xa8\x87\x88\x18\x86;7WJ\xb5\xe0\xd3\xb9\xcf&lt;z\xdf\xc2/&gt;\x05\x00\xbb\xc3q\xef=\xf7L\x9b6m\xaf&gt;\x03\x94\x7f\xebQ\xfe\xa9\x95\x88\xfc\xd3H\x06\x16\x00}\xf6\xcf\x9c9s\xea\xd4\xa9\xfa\x95s\']&gt;\xed\xe6\xdbK\xda\x95\xf8\xbc~iY\\\xd0*(\xbfLJ\xc9\x18\xcb\xcb\xcf\x97\xd2zq\xc6c\xff\xbcg\xba\xbf\xa9\x11\x00\xa6L\x992c\xc6\x0c=:\xe27\xa3\xa3\xfc\xf7\x19\xe5\x9fZq\xc9?\xbddZ\x01\xd0w\xbe\xb1\xb3\xbf\xc0S\xf4\xd7\xfb\x1e=k\xfc\xb9\x8d\xbe`4\x1a\xcd\xe0\xbe\xbc8\xd2\x1f\x83\xe2\x92\xfco\x17}s\xcb\xd5S\xd6\xaeZ\x06-\x9f\x81\xdf\xbc\x0e\xa2\xfc\xf7\x1f\xe5\x9fZ\xfb\x93\x7f\xda\xc9\xa8\x02\xb0\xdb\xd9_\xd2\xee\x80G\x9f{\xfd\xa8\x11\xc3\xaa+\x1b\x84ad\xd2\xdb\x96\x04\xa6iz\n\x0b\xebj\xaa.=\xf7\x0f\xcb\xbe]\x04\xbb\\\x07\xedi\x8e\x0c\xe5\x1fG\x94\x7fj\xedC\xfe\xe9(s\n\x80~c&gt;\xfa\xe8\xa3\x91#G\x02@aq\xc9\xabs\xbe\xee\xdc\xad\x87\xaf\xa1\xc1\xb0\xd9R}tiIZ\x96\xdd\xe9\x10\\\\t\xf6\xa8\xc5\x0b&gt;\x03\x80\xdbn\xbbm\xfa\xf4\xe9\xbf8.\x82\xf2\x8f;\xca?\xb5\xf6*\xff4\x95!\x05@\x0f\xd7\xad\xaa\xaa\xea\xd7\xaf\x7fuuU~\x81\xe7\xa9\xd9o\x0f&lt;b\x98\xcf\xeb5\x0c:\xfb\xf7\x9d\x94\xd2\xe1t\xf8}\xbe\x8b\xc7\x9c\xb4z\xf9\xf7\x8c\xb19s\xe6\x8c\x1c9r\xb7\xeb \xca?A(\xff\xd4je\xfe\xe9+CF\xff"\xa2\x94r\xe2\xc4\x89UU\x95\x00\xf0\x97{\x1e=j\xc4po\x03\x9d\xfd\xfbK\x08\x11\t\x85\x8bJ\xdb=4cv\x81\xa7\x10\x11&amp;N&lt;\xbf\xb2\xb2R/-\x10\xfb6\xca?A(\xff\xd4je\xfe\xe9+\x13\n\x80\xae\xc6\xb3g\xcf\x9e7o\x1e\x00\x9c3q\xf2\xd9\x13\xce\xab\xaal\xb0\xd1\x9do&lt;\x08\xc3\xf0y\xbd\xbd\x0e&gt;\xe8\xe6\xbf?\x02\x80UU\x957\xddt\x13\xe7&lt;v\xefH\xf9\'\x14\xe5\x9fZ\xbf\x99\x7fZK\xfb. \xbd\xa2\x85\xd7\xeb\x1d:t\xe8\xa6M\x9b:t\xee\xfa\xfaG\x8b\x1d\x0e\xa7~\x94\x9f\xea\xa3\xcb\x1cRJOa\xc1\xe5\x13\xce\x9e\xfb\xee\x1b\x0e\x87\xe3\x8b/\xbe\x184h\x10"2\xc6(\xff$\xa0\xfcSkO\xf9\xa7\xfbB\x11\xe9}\xf4\xd0\xb2t\xdf\xacY\xb36l\xd8\xa0\x94\x9a|\xd5\r%\xed\x8a\xa2\xd1(\x9d\xfd\xf1\xc5\x183\xa3\xd6\x15\xd7\xff\xd5\xe1tF"\x91\xe9\xd3\xa7\xeb\xa6\x87\xf2O\x0e\xca?\xb5\xf6\x94\x7f\xaa\x8fk\x7f\xa5w\x01@D!D(\x14\x9a5k\x16c\xack\x8f\xde\xa7\x8d\x1e\xefk\xf0g\xcc3\xfa\xb6\x83s\xee\xf7\xfb\xfb\xf6\xef7\xea\xb4\xb3\x01`\xfe\xfc\xf9k\xd6\xac\x11Bp\xce)\xff$\xa0\xfcSkO\xf9\xa7\xfb\x93\x80\xf4.\x00z^\xc6G\x1f}\xb4j\xd5*D\xbc\xe8\xf2?\xe6\x17\xe4I\xcbJ\xf5qe&amp;\xcey4bN\xba\xe2:W\x8e;\x10\x08&lt;\xf3\xcc3\xfaE\xca?9(\xff\xd4\xfa\xc5\xfc\xa9\x00\xa4\xdes\xcf=\xc7\x18kW\xde\xfe\xc4S\xcf\xf27\x05yF\x0c\xcfj\x838\xe7\x81@\xb0o\xff\xfeC\x86\x1d\xcd\x18{\xfd\xf5\xd7\xfd~?\x00\xe8\xcbO\xca?\xd1(\xff\xd4\xfay\xfe\xc1`\xd00\x8c\xb4\xee\x08J\xe3\x02\xa0\xfb\x7f|&gt;\xdf\xe2\xc5\xdf \xe2QG\x9fP\xd2\xae\xc44M\xea\xfdL D\xc6\xe0\xf8\x93\xce@\xc4\x1d;*V\xaf^mY\xd6\xa2E\x8b(\xff$\xa1\xfcS\xeb\xa7\xf9/[\xb6\x0c\xd2\xfc&amp; \x8d\x0b\x80\xce}\xc9\x92%\xdb\xb7o\x03\x80\x11#ON\xf5\x11e&gt;.D(\x14=b\xf8\xb1\xb9y\xf9RZ\xf3\xe7\xcf_\xb1bEEE\x05P\xfeIA\xf9\xa7\xd6n\xf9\x7f\xf0\xc1\x87\xd0\xb2\xebN\x9aJ\xe3\x02\xa0s_\xbc\xf8\x1b\x00\xc8q\xbb\xfb\xf4\xed\x17\tG\xd3}TV\x1b\xc7\x18\x8bF"\xe5\x1d:u\xee\xd6\x03\x00\x96-[\xb6`\xc1\x02\x00p\xbbs)\xff$\xa0\xfcSk\xb7\xfc\x97,\xf9\x06\x00\xd2:\xf34&gt;t}\xab\xfb\xed\xb7K\x00\xa0C\xa7\xaee\xe5\x07\xd2\xfdo\x12(\xa5\\9\x8e\xde\x87\x1c\x06\x00\xcb\x96/\x7f\xff\x83\x0f\x00\xa0}\xa7\xce\x94\x7frP\xfe\xa9\xb5k\xfek\xd6\xac\xf1\xfb\xfdi=),\x8d\x87\x8b\xe9q\xb8555\x00PTR\x9a\x93\x9b\xe7ojL\xebj\x9c\x16\x10Q\x08(+?\x10\x00\x1a\xea\xebuG\\Q1\xe5\x9f$\x94\x7fj\xe9\xfc\x0f(\xef\x00\x00^\xaf/\x14\n\xe5\xe6\xe6\xa6\xfa\xa0\xf6]\xba\x16\x00=\x07\xcf\xeb\xf5\xae[\xb7\x0e\x00\xba\xf7:\xd800}\xebp\x1a\xe1\x8cY\x16t\xefu0\x00TUU\xd5\xd6\xd6\x02\xe5\x9fD\x94\x7fj\xe9\xfc\xbb\xf5\xea\x03\x00\x8d\x8d\xbe5k\xd6\x94\x96\x96*\xa5\xd2tm\xb8t-\x00\x1a"\x9a\xa6\x05\x00\x85E\xc5\x9cg\xc2\xc4\xbc\xb4\x80\x08\x85E\xc5\x00`Y\x96\xbe\x02\xa5\xfc\x93\x89\xf2O\xadX\xfeJ)+\xcdg]\xa4\xfd\r\xa3\xee\xf4L\xf7\xb7!\xed\xe8\xc0c\xbb#Q\xfeIF\xf9\xa7V,\xf0t\x7f\xe8\x92\xf6\x05@K\xf7\xb7!\xed\xec\x168\xe5\x9fd\x94\x7fjeL\xe0\x19R\x00\x08!\x84\xec-*\x00\x84\x10\x92\xa5\xa8\x00\x10BH\x96\xa2\x02@\x08!Y\x8a\n\x00!\x84d)*\x00\x84\x10\x92\xa5\xa8\x00\x10BH\x96\xa2\x02@\x08!Y\x8a\n\x00!\x84d)*\x00\x84\x10\x92\xa5\xa8\x00\x10BH\x96\xa2\x02@\x08!Y\x8a\n\x00!\x84d\xa9\xf4\xde\x0f #`\x0b\x00@\xd0+\xba7/5\xc8\x18\x03\xc6x\xc6,=\xd8\x16 "\xa2\xfa_\xda\x0cZ\x96Uf\x943\xc96T\x00R\x03\x11\xf5V\x1eB\x18v\x87\xcdf\xb3s\x0e\x9c\xb74\xfd\x08\x88\x80\x08Jb\xd4\x8cZ\xa6\x99\xda\xa3\xcd\x00\x88\xa8\x94\xe4\x9c\xdb\xec\x0e\xbb\xdd!\x040\x06\xc0\x00\x10\x94\x02\xcbR\xd1H\xd84M\x06\xc0\xd3sk\xa7t\xa4\xa4\x84\x9f\x16]\xceY\xec\xf2\x87$\x01\x15\x80d\xd3-\x91\xdd\xee\xc8q\xbb\x00\xa0\xd1\xd7\xb4\xfd\xc7\xcd\x95\x15\xdb\xebj\xaa}\r\xf5\xe1pH)i\xd8l99\xee\x02OQQIi\xfb\x8e\x9d\x8b\x8aKS}\xd4iL\x07\xeep8s\xdcy\x91\xb0\xb5\xb3b\xdb\xb6\xcd\x1b+w\xee\xf0\xd5\xd7\x9bV\xd4\xeep\x96\x94\x96u\xe8\xd4\xa5S\xd7\xee\xc5\xedJQ\x81\xbf\xa9\t\x95\xa22\x90P\xfa\x9e77\xbf`\xb7]\xcc"\xe1\xb0R\x16\xd5\x80\xa4\xa1\x02\x90T\xd2\xb2\x9c.\x97+\xc7QYQ9\xf7\x9d7\xbe\xfct\xce\x8a\xa5\xdf\xee\xd8\xba%\x1c\n\xee\xe9G\n&lt;\x85\xff~\xf7\xf3n=\x0f\n\x87B\xb4\xe5\xf7\xde\xd2\x9b\xb5\x16x\xf2\xb6\xfd\xb8\xf5\xa5g_\xfb\xe4\x83w\xd6\xac\\\xda\xd4\xe8\xfb\xf9w\xb6\xef\xd0i\xe0\x11\xc3O9k\xfc\xf0cG\xda\xec\xf6\xa6F\x9f\x10\xf4\xe9H\x08\xa5\xa4\x10F^\xbe\xfb\xdf\xcf&lt;\xf5\xee\x7f_f\x8c#"c\x80\x887\xdc~\xff!\xfd\x06\x86\x83\x01F\xa7zR\xd0)\x9e$J)\xc6Xa\xb1g\xcb\xc6\xcd\xaf&lt;\xf7\xd4\xdb\xaf\xbdT\xb5sG\xec\xab\x8c1\xc69\x03\xd8\xe5\xda\x07\x11\x18*\xe9\xf36D#\x11\xc6\xe8\xf3\xb0\xd7\xa4\x949nw4\x12\xf9\xe7=w\xfc{\xe6cu\xb5\xd5\xfa\xf5\x9f\xa6\x8d\x88\xa0\x94\xac\xd8\xbe\xb5\xe2\xf5\xd9\xef\xbc&gt;{\xe0\xd0\xe1W\xfdy\xfa\xf0\xe3Oh\xf46A\x06\xed\xfd\xd4FH\xcb\xcaq\xbb-\xcb\xbc\xf5\xda\xcb_\xfe\xd7\x93\xbb}\xd5\xd7Po\x18\x02\x11)\xf4\xe4\xa0\x02\x90\x0cRJ\xa7\xd3\x05\x0cf\xfc\xe3\x81\xa7\x1f\xb9\xc7[_\x07\x00\\\x08\xd6r/\x0c\xa0\x1b|\x06\xb0\xeb\x1d1\x02\x80\x10\x82\xda\xa0} \xa5\x95\x97_\xb0i\xfd\xda?_~\xe1\xf2\xef\x16\x03\x80\x10F\xcb\x13`\x04\xa5bi#"c\x0c\x80\xe9}\xd5\xbf]\xf4\xe5\x85g\x8d\xbc\xf4\x8f7_s\xd3\xdf"\xe1\xb0\xae\xdc\xa9\xfe\xd7d\x08\xcb\xb2&lt;\x85\x9e-\x1b7\xdcx\xc5E\xdf.\xfaR\x08\x01-g&lt;c\x0c\x11\r\xc3\xa0\x9d\xed\x93\x89\n@\xc2I)\xdd\xb9\xb95U\x157]5y\xc1\xa7s\x01@\x08C)\xa9\xa4\xe4\x9c3\xc6\x11\xe5\xff\xca\xc0/\xa1\x06hoI)s\xf3\xf2\xd6\xacX:e\xec)5U;\r\xc3\x90RJi\x01\x80\x10B?\x81\xdf5p\xce\x85\xfe)\xd0\x0f\x81\x11\x9fz\xe8\xae\x1d[\xb7\xdc\xf3\xf8\xach$\xdaR!\xc8\xbeC\xa5\x10\xa0\xb8\xd43\xef\xdd\xf7n\xb9frmu\xa50\x0c\xb9\xcb^\xf6\xba\x00\xfc\xca\xa7\x80$\x02\x15\x80\xc4\xd2\xad\xff\x8f\x9b\xd6O\x1dw\xda\xd6\xcd\x1b\x84a()\xa5\xb4\x18c\\\x08%%\x80\x02\x80|O\xe1\x01\xed;\x14\x16\x97\xe4\xe6\xe5\x1b\x86\xcd2M\x7f\x93\xaf\xa1\xbe\xaer\xc7\xb6F\x9f\xd7\xb2,j\x80Z\x0f\x95r:\x1dU;+.\x9bp\x86n\xfd-\xcb\x82\x96:\xaa[\xf9\xfc\x02OiY\xb9\xd3\xe5\n\x87BU;w\xf8\x9b\x1a\x01\x80s\xae\x94RR2\xc6\x0c\x9b\xed\x9d\xd7g;\x1c\xce\xbb\x1e{\xb6\xc9\xd7H\xf9\xef\x0f)\xa5\xddnw8\x9d\x8f\xde\xf3\xf7G\xee\xfa\x0b"\n!vm\xfdI\xaaP\x01H \xa5\x94\xd3\xe5\xac\xae\xac\x982\xf6\xd4m[6\xc6Z"\xdd\xd0\xa0\x94\x9d\xbav\x1fu\xfa\xe8#\x8f&gt;\xbe[\xcf\xde\x9e\xc2b\xa7+\x87s\xc6\x18 \x82R\x18\x0e\x05\xbd\ru\x1b\xd6\xaenWVnF\xa3\xd4\x06\xb5\x12\x02\x186\xdb_\xaf\xbdt\xe7\xf6\xad\xbb\xb6\xfe\xfa\xea\xf2\xb8\xdf\x9fv\xf6y\x93\x0e9l@\xbe\xa7\xd0\xb0\xd9,\xd3\xf4\xd6\xd7-]\xf2\xf5\xecg\x9fX\xb2\xf0K\x1d2"Z\xa6i\x18\xb6\xd7_\xfaW\x9fC\xfb_x\xd9U\ru^a\xd0\x87e_X\x96\x99\x97_\xe0\xf3\xd6\xdfp\xd9\xf9\x1f\xbe\xfd\xba~\x00#\xa5\xd4\x9f\x82T\x1f]\xb6\xa3s:a\x109\xe7\xa8\xd4\xb5\x93\xc7\xef\xda\xfa\x0b!\xa4\x94\x85E%W\xdfx\xfb\xe9\xe7\x9c\xeb)\xf6X&amp;D#a\xcb\xb2\x02\xfe&amp;@\x8cMN\xe2\x9c\x17\x97\x94\x95\x1f\xdf)\x1c\x0eY\x96I\x05\xa05\xa4\xb4\n\n=\xef\xbc\xf6\xca\xe7\x1f\xbd/~\xda\xfa\xe7\xe6\xe5\xff\xed\xa1\xa7N?g\xbcB\x88\x84\xc2\x96%\xa5i2\xc6K\xcb\xcaO?g\xfcIg\x9c\xf3\xecc\x0f&gt;\xf8\xb7\x9b\xf4\xad\x02"Jiq\xce\x1f\xba\xe3\xe6a\xc7\x9e\xd8\xb1s\xd7p8L\xa3\xb0\xf6\x8a\x1e</t>
        </is>
      </c>
    </row>
    <row r="406">
      <c r="A406" s="1" t="n">
        <v>404</v>
      </c>
      <c r="B406" t="inlineStr">
        <is>
          <t>grid_number_color</t>
        </is>
      </c>
      <c r="C406" t="inlineStr">
        <is>
          <t>What is the missing color if the part denoted with the question mark has the number 3?</t>
        </is>
      </c>
      <c r="D406" t="inlineStr">
        <is>
          <t>['orange', 'blue', 'red', 'yellow']</t>
        </is>
      </c>
      <c r="E406" t="inlineStr">
        <is>
          <t>blue</t>
        </is>
      </c>
      <c r="F406" t="inlineStr">
        <is>
          <t>There is a 3x3 colored grid of numbers. The first row has number-color pair [(3, 'blue'), (3, 'blue'), (4, 'red')], the second row is [(3, '?'), (7, 'orange'), (5, 'yellow')], and the third and final row is [(7, 'orange'), (4, 'red'), (5, 'yellow')].</t>
        </is>
      </c>
      <c r="G406" t="inlineStr">
        <is>
          <t>We observe that the grid cells with number 4 is red in color, the grid cells with number 7 is orange in color, the grid cells with number 5 is yellow in color, and the grid cells with number 3 is blue in color. Thus, the pattern is that the grid cell with the same number will have the same color.</t>
        </is>
      </c>
      <c r="H406" t="inlineStr">
        <is>
          <t>Based on the pattern that the grid cell with the same number will have the same color, the missing color of the part with 3 should be blue.</t>
        </is>
      </c>
      <c r="I406" t="inlineStr">
        <is>
          <t>b'\x89PNG\r\n\x1a\n\x00\x00\x00\rIHDR\x00\x00\x02\x00\x00\x00\x02\x00\x08\x02\x00\x00\x00{\x1aC\xad\x00\x00z\xf4IDATx\x9c\xed\xddu|\x14W\xbb\x07\xf0\xe7\x9c\x99Y\xdf\xec\xc6\rB \xb8[q\n\x14\xb7\xd2R\xa5-T\xa9\xbb{\xdf\xba{\x0b\x14\xaa\x94:\x85\x16\x8aS\xbc\xb8\x14w\x87\x10\xb7\xf5\x999\xe7\xdc?\xa6\xe4R\xc56\xc9.\xfb|/\x9f\xf76!\xd9\x0c9\xb3\xe7w|\x88\x10\x02\x10B\x08\xc5\x1eZ\xd3\x17\x80\x10B\xa8f`\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rM_\xc0\xff\x13B\x08!j\xfa*\xce)\x84\x10BH\xf5\xff\\,\xca\xb0\xab\x91\xa24\n\x11\x8b2\x8c\x8cB\xac\x91w\xe5?"5[\xbaB\x08\xce\xb9\x10\x82RJ)vG\xaa\x04c\xac\x1a~\xc3\x9cs\xce9!D\x92\xa4\xaa\xfb)\xb1L\x08\xc1\x18#\x84PJ\xab\xae\x061\xc2\x1b\x8b\xb2JU\xbe%k\xaa\x89V\xa9\xc6\x02\xc0\xa8\xf7O\xbc\xc3\x82\x01\x7fA~^qa!!D\x006:\xce\x16!4\xa7~\x03G\\\x1c!\xff_\xef3\xc6\xc2[}\xfcQYPJOx\xcd\x80\xcf\xbbw\xefn-\xa4B\xa44t\xa2\x17\x01\xc1\x9dq\xeeZY\xb5-V{\xe5g\x19c\x00\x10\xde\n\xda\x08\x18Y\xfe\xffQ\x81\x90\xa6\x95\x96\x95\x1d&lt;z\xd4\xf8\xeb0\xfe\xacXD\x08\x00\xd4\xc9\xcc\x8cw\xbb\xcd\x8aR\xf9i]\xd7%I\xaa\xa9\x18\xa8\x81\x00\xe0\x9c\x03\x80\xd1\x1a-+-Y\xb1l\xc9\xbcy\xf3\xb6\xec\xd8}\xe8X\xa17\xa8\x819NpV\xcd\x97t\xee!\x842-\xe4\x90\x99\xdbi\xaf\x97\x95\xde\xb9\xe3y}\xfb\rh\xd6\xb2\xb5\xf1\xb7\xe1\x8a\x01\xc6Xe\x1d\xb4w\xd7\x8eys\xe7,_\xb9r\xef\xc1\xa3\xc5\xe5\xde\xf2\x00\x97\xcc6,\xca\xb3G\xa9\xc4\x83\x9e8\x9b)=\xd9\xdd\xb8~\xdd\x1e\xe7\x9f\xdf\xf3\x82&gt;\xa9\xe9\x19p\xbc\xb5~\xf6\x1d;#\xc5\x8d\xa2\x0c\x86Bk6n\x9c5g\xce\xc6\xb5k\x0b\xf6\xed\x0bz&lt;\xf6P\x88\x00\xb6\xc8\xce\x96\xf1;\xf4\x99L\x96\xb8\xb8\x94\xbau[\x9dw\xde\xc0~\xfd\xcek\xdd\xdab6C\x15\xb4\xccN\xf5\xaa\xaa3\x00N\xbc\xcf\xd6\xafY5~\xfcG\xf3\x97\xad\xe1q\xb5\x93\xea\xb7M\xaf\xd7&lt;\xa9V\x8e\xc5f\xb7\xbb\x12\x04\x17\xd8r&lt;k\x843\xad\xa2\xa4\xd0\xef)+8\xb83w\xe7:\xef\xe1\xcdY\xf1\xe6\xcb.\x1ez\xed\r7\xb9\xdc\xf1\xf0\xe7\xea\xfbtq\xce\x8dz\'\x14\n~\xff\xf5\x97_}\xfb\xfd\xb6C\xc5\xd6\x8cf\x19\x8d\xdb\xa5\xd6i\xec\x88Ov\xba\x13\x15\xb3\x05\x8b\xf2l\t \x94\x04\xbd\x15~oEi\xfe\xe1\xbc\xfd\xdb\xf2w\xad\xe5E\xfb:\xb7i|\xc3\xf5\xd7\xf5\xee7\x10\x00\x8c\xe1\x9a3\xae;*o\x83\xbd\x07\x0f\x8e\xfb\xf8\xe3\x85\xd3\xa69KK\xdb8\x9d\xadSS\x1b\xa5\xa48\xcc\xe6\x14\x87\x03"f\xcc:\xba\tQ\xe0\xf5\xfaB\xa1\x1d\x05\x05\x1b\x0b\n\xd6WTx\xdc\xee\x9e\x17^x\xdb\xe8\xd19u\xea\xc0\xd9\xbd%\xcfL\xf5\x05@e\x95\xb1a\xdd\x9aG\x1eyto\tKi\xde\xb3y\xf7!\x89\x19\xd9\x92$\xebZHWC\x823\xc6\xf4\xea\xb9\x9es\x1e\x01"\xc9\n\x95$\xd9d\x91d\xc5\xef-?\xb8u\xed\xb6%SE\xfe\xd6\xab.\x1e\xf4\xd0\xa3\x8f[m6]\xd7O\xec\xf2\x9f\xa2\xca\xef\x1a?\xe6\xfd\xf7?\xfa,\xe8\xac\xd3\xb0\xeb\xb0\xfam\xbb;\\\x89\x823]\r2\xa63]\x17\x82W\xc1?+\x16Q*QI\x92\x15\x93\xac\x98\x05@YA\xee\xf6\x95s\x0f\xad\x9b\x93*{\xfe\xf7\xd4\x13\xfd\x06\x0e\x863\xaa;*;\x10Grs\x1f}\xea\xa9\x1d\xbf\xfe\xda\xc5f\xbb\xb4Y\xb3\xa6\xa9\xa9V\x93Ie,\xa8\xeb\x8cs\x8ds\x1c\xff\t\x0fB\x14J%J-\xb2l\x92\xa4\x80\xaan\xcf\xcf\x9f\xbcm\xdbr\x9f\xafa\xef\xde\xaf&lt;\xff|\xed\x8c\x8c\xb3\x8c\xf3\xd3\xbe\xa2\xea\t\x00\xa3\xca\xf0\xfb\xfd\xf7\xdey\xfb\xb4EkZ\r\xbb\xb3\xc5\xf9C\xcd\x16{\xd0_\xa1\xab!!\x80PB\x80\x00\x01\xc0\x16c\x18U.\xe3\x10\x9cJ\x92\xd9bW,\xb6\xbc\x83\xbb\x96O\xfe\x90\x1dZ\xf5\xea\x8b\xcf]t\xc9e\xc6\x97\x9c\xfa\rgT4\xabW.\xbf\xfd\x8e;K\x94\x8c.W\xde\x9f\xd5\xb8\r\xd7\xb4P\xc0\xcbt\x8d\x10\x02\x84\x1a\x0b\x1d\xaa\xee\x9f\x15\x8b\x84\x10\xf0\xc7\xda*Y6Y\xecN\xc6\xd8\xae\xb5\x0bW\xfd\xf0v\x87\x9c\xc41\xe3\xc6gdf\x9eV\x9cW6\xc8\x9e\x7f\xed\xb5/\xdf}\xf7\xca\xb4\xb4k\xdb\xb4I\x8b\x8b\xf3\x84B\x01M\xe3B\xd0\xe3\xd5\x10\x16d\x18\x19\xb5\xad\x10\xc2\xf8\r[\x15\xc5i6\xe7WT|\xb1a\xc37yy\xd7\xdc}\xf7\xd3\x8f&lt;\x02\'\x94NU\xab\x8e\x000\xee\xcb\x8d\x1b\xd6\x8f\x1c9\x92eu\xedw\xfdc\x16\xbb3PQ\xf6\xc7?\x12k\x8a\xea"\x04\x17\x9c+f\xab\xd5\x1e\xb7g\xe3\xf2yc\x1f\xbe\xfe\xa2\x9eo\xbc\xf3\x01\x9c\xda\rW\xd9`|\xf7\xcd\xd7^xgB\x87\xab\x9fh\xd5\xe3B-\x14\x08\xf9\xbd\x84P\x82\x8b\xb8\xaa\x8f\x10\x9c\x03\x80\xd5\xe1\x12\x82/\x9d\xfc\xd1\xd1\xa5_\x8e}\xef\xadAC\x87\x9db\x06\x18)^RZz\xe5\xb5\xd7\x8aU\xab\xde\xe8\xd7/\')\xa94\x10P\x19\x93jz]JL\x11B0!\x14IJ\xb0Z\xf7\x15\x17?8g\x8e\xe8\xd0\xe1\xdb/\xbeHLH\xa8\x9e\xe1\xa0*\x0f\x00M\xd3\x14E\x99:\xf9\xbb\x1bn\x7f\xa0\xeb\r/\xb4\xe9}\x89\xb7\xb4\x901\x9dR\\aV3\x84\x10\x823\xab\xc3\xc5\x98&gt;\xe5\xcd{k\x93c\xb3\xe7\xcc\xb3\xdal\xff\x9d\x01\x95\xb5\xff\xc8\x11\x97\xcf\xdd\x98{\xe9c\x1f\xb9\x12\xd3\xbceE\x84\xd2\x13W\x19\xa1\xea$8\x03B\x9c\t\xa9\xfb7\xad\x98\xfe\xe6\xedO\xdf{\xe3\x83\x8f&lt;~\xd2\x0c0\xbe`\xdb\xae]C\xfb\xf7\xbf\xd2\xe5z\xec\x82\x0b&lt;\xc1\xa0_\xd3d\x8c\xf0\x9a\xa3snS\x14\xa7\xc5\xf2\xca\xc2\x85_\x97\x95M\x9f=\xbbY\xa3Fg6B{Z\xaa6\x00\x8c\x7f\xc0\x8f\xdf}5\xfa\xc1\xe7.\xfb\xdf7\x89\xe9u&lt;\xa5\x85\x92\xac\x9c\xfc;Q\x15\x13\x9c\x11*\xc5%\xa6\xcd\xfe\xec\x15\xd3\xbeys\xe6\xcf\xb7\xdb\x1d\xff\x96\x01\x95\xb5\xffU\x97\x0f_Sd\xbf\xe2\x91\x0f\x02\x9e2M\rR)\x826\x12\xc6,\xaekV\xa7[\xd3\xd4/\x1f\xbf\xfc\xa1k\x07=\xfc\xf8\xd3\xffQq\x18\xed\xca\xcd;v\\\xdc\xb7\xef+\xcd\x9b\x0fi\xd6,\xb7\xbc\x9c\x10B\xb1\xd5_\xd3\xb8\x10\\\x88\x0c\x97k\xd6\xd6\xad\x0fm\xd92u\xee\xdc\x96M\x9aTu?\xa0\n\x03\xc0\xb8\xf4\xa9?~\x7f\xe3\xbdO]\xf9\xc2\x8f\x0ewb\xd0[N\xb1\xf6\x8f\x1cBp\xae\xc7\xa7\xd4\x9e\xf3\xc5k\xca\xfey\xb3\xe7\xcc\xb5X\xac\x7f_\x8bV\xb9&lt;\xfc\x9a\x11\x97\xaf*\xb0\\\xf9\xe8\x87\x15Ey@\x00\x1b\xfe\x91\x833\xa6\x98\xccTV&gt;\x7fd\xf8\xa37\x0c}\xe0\x91\'\xfe1\x03\x8c\x80\xdf\xb6k\xd7\xb0&gt;}\xdeh\xd1\xa2w\xa3F\xc7**L\xb8\xdb+\x92\xa8\x8c\xa5\xc7\xc5-\xd8\xb9\xf3\xfeM\x9b~\x9e?\xbfY\xa3FU:\x1fPU\x01`\\\xf4\x96M\xbfw\xb9`\xe0\x88Wg\xba\x93\xd2\x02\xbe\nl0F \xa6kI\x19\xd9\xdf\xbf\xf9@\x13\xf9\xd0\xe4\x9f\xa6\xeb\xba&amp;\xff9\xa4\x8d\xaa\xe4\x89G\x1e\xf8d\xee\x96[\xde\x98Z\x9a\x7f\x04gn"\x90\xe0\\R\x14IV\xc6\xdcz\xfe7c_\xbd\xf0\xe2K\xff\xd2x4\x16a\x07\x83\xc16\xed\xda=\x95\x99yI\x9b6G\xcb\xca\xb0\xf6\x8f@\x1ac\x19.\xd7\xd4\x8d\x1b\x9f9|\xf8\xf7\xf5\xebmVk\xd5\xad\x0b\xaa\x92`1F\x0c\xfc&gt;\xdf\x95#F\x9c\x7f\xd3\xcb\x89\xe9Y\x01/\xd6\xfe\x11J\x92\x95\xe2c\x07/\xbe\xf3\xc5\xc5;K\xde{\xeb5YV\x8c]\xa6\x06\xa3\xed?{\xc6\xb4\xf7\'\xfe|\xcdS\x1fW\x14\xe5\x11\xac\xfd#\x12\xa1T\xd7TB\xc8eO|:\xfa\x8e{\x0f\x1f:@)56]\x1a\x8c&lt;\x18u\xf3\xcd\xfd\x00.k\xdb\x16k\xff\x88\xa5H\xd2\xd1\xf2\xf2K\xda\xb4\x19D\xe9\xc8\x9bn\xfaK9\x86W\x95\x04\x80\xb1\xdb\xeb\xde\xbbn\xd32;\xb7\xeds\xa9\xa7\xb4\x90V\xf1T\x06:\x1b\x84J\x01o\xf9\x15\x8fOx\xf2\x95\xf7\xb6l\xfa\x9dRjd\x80\x10\x82\x10RTXp\xe3\xadw\x0e}p\x0c\x95\x14\xceu\\"\x12\xb1(\x95\x82^O\xad\x86\xad\x1b\x0e\xbas\xd45W\x93\x13\xfa\xf7F\x90\x8f\x9f8\xf1\xe0\xf4\xe9/\r\x1c\x98[^\x8e\xb5\x7f$3IRny\xf9\x0b\x03\x06\x1c\x999s\xdc\xe7\x9fK\x92tb\xb3,\x8c\xc2?\x04dld\xd8\xbcqC\x8fA\x97]\xff\xde\xaf\xbcj\xae\x1b\x85\x17gz\\b\xea\xe2\x1f\xc6\xb9\x8e.\xf8e\xd6\\\xa3\xb5h\x0c\xfe&lt;p\xcf\x9d3\xb6\xfb.\x7f\xf8\xfd\xd2\xfc#8\x81\x1f\xf98c\xce\x84\xe4\x8f\xee\xee7\xfe\x85\xfb\x87_&gt;\xc28c@\x08\xe1\x0f\x04\xda\xb4l\xf9Q\xeb\xd6-\xd2\xd3\xbd\xaa\x8a\xb3\xbe\x11\x8e\x0ba7\x99\xb6\xe6\xe5\xdd\xbcn\xdd\xfa\xcd\x9b\xed6[U\x0c\x04UI\x0f\x80\x10r\xff\xfd\xf7\xb5\xbb\xe4&gt;\x8b\xcd\x89\x01\x10\x15\xa8$W\x94\x14t\x1b~\xd3\xca=%3\xa6M\x95$IUUI\x92vl\xdb\xf2\xc5\x8f\xb3\xfb\xdf\xf0dEI\x01\xd6\xfeQ\x81P\xa2\x85\x02}oz\xee\xf1\xa7\x9f\x0b\x85\x82\x94R]\xd7)\xa5\xff{\xe5\x95.\x9cw\xae[\xb7&lt;\x14\xc2\xda?\xf2QB*B\xa1N\xd9\xd9\xdd(}\xe6\xe5\x97+\xfb\xe5a\xfe)\xe1}9c\xeew\xe3\xfa5\xdbr\xfd\xad{\x0f\xf7U\x94P\xeciF\t\x02\x00B\xb4\x1dz\xf3G\xe3\'\xfc\xf1\x19B\xc6\x8f\x1b[\xa7\xcbpg|\x12\xd7\xb5\x1a\xbd:t\xaa\x08\xa1A\x9f\xb7^\xcb\xce~g\xddiS&amp;\x1b\xa7:Wx\xbd\xf3\x7f\xf8\xe1\xceN\x9dJ\x03\x01\\\xef\x1f-dJK\xfd\xfe;:tX0yr\xb9\xc7#IR\xd8\x07l\xc2\x1f\x00\x00\xf0\xfe{\xefe\xb6\xedg\xb1\xdaD\x95\xcd]\xa0\xb03f\x02\x9aw\x1d\xb0j\xdb\xe1-\x9b6\x98L\xa6\x92\xe2\xa2)\xb3\x16\xb4\xed{y\xc0[\x86A\x1eE\x08!\\W\x9b_p\xf9\x98q\xe3\x8d6\xd9\xd7\x93\'\xd7\xaa\xa8h\x92\x9e\x1ePUl\xfcG\x0b\x02\x10\xd0\xb4&amp;\xe9\xe9\xb5=\x9e\xaf~\xf8\x81\x10\x12\xf6N@8\x03@\x08!\xcbrEy\xd9\xaf\xbf\xadm\xdd\xf3\xe2\x80\xb7\x1ck\x8d\xe8\xc2\x19\xb39])\xcd\xba\x7f\xf6\xc9\xc7\x000\xe5\x87o\xb9\xbbnJV\x03-\x14\xc4#a\xa2\x08\xa14\xe0\xf34\xeep\xc1\xb6\xc3\xa5\xdb6o\x04\x80\xaf&amp;N\xbc\xacI\x13\x8d1\x9c\xc3\x8f.\x84\x90\x10c\x977i\xf2\xdd\xa4Ip\xfc\x14\xfd0\n\xe7\xcb\x19\xcd\xff\x15\xcb\x16\xb3\xb8ZI\x99\xd9\x9a\x1a\xc2Z#\xba\x10J\xd5\x80\xbfQ\xe7\x01\xcbWo\x00\x10\xbf.\\\x9cs^?\xc1p\xe5O\xf4\xe1L\xb79\\\xeezm\x97.^\xe8\r\xa9\x15\xbbvu\xadS\xc7\x13\nIX\x94QE"\xc4\x1b\nu\xce\xce\xf6\xee\xdbw\xf8\xd81c&gt;?\x8c\xaf\x1f\xe6\x1e\x00\x00\xcc\x9e=\'\xa5\xe1y\x92$\xe3\x11\xb2Q\x87\x10\xaa\x06\xfd\xb5\xea\xb7\xc8\xad\xd0\xb6m\xd9\xb8c\xff\xd1\xec\x16\x9d\xd4\x80\x0fp\xd3o\xb4!\x840M\xcdj\xd1m\xe5\xeau\x0b\x97.\xa9\xc5X\x9a\xcb\xa5\xe1\x90l\x14\xd28Os\xb9j\xe9\xfa\x82%K\xe0x;;\\\xc2\xf9\xc666,l\xde\xbe3\xa3~+]\r\xe1Q\x01\xd1Hpf\xb1\xc5\xd9S\xeb}\xff\xd5\x97\xcc\xe4r%\xa5k\x9a\x8a=\x80\xe8C\xa8\xa6\x06\xd2\xea6&gt;\x94W&lt;s\xfa\xb4\xd6\xa9\xa9\xc6\xc1\xe05}Y\xe8\xf4\t\x01\x00\xcd\x12\x12\xd6\xaeY\x03\xc7\xdb\xd9\xe1\x12\xb6:\xda8,\x8c\xe9ZnAIRf6\xd6\x1aQJ\x08A(I\xac\xd5`\xca\x0f\xdf\x9b\\if\xab\x1d\x1f\xeb\x18\x8d\x08!\xba\xa6\xb9S2\x8a&lt;\xa1\x85s\xe74OO\xd7\x18\xc3\xd5\x9f\xd1\x88\x12\xa23\xd60!a\xef\xee\xddp:\x8f\xee8\xa5\x17\x0f\xd7\x0b\x19\xb9t,\xf7hE@\xb3\xda\x9d\x9c\xe3\x83\xbd\xa2\x14\xe1\x9c9\xe2\x93\x8f\x16\x96\x9a\x1dn\xac0\xa2\x97\x10\xdcd2\xab\xa0\x14\xe5\xe5\'9\x9c:\x8e\xffD-\x9d\xf3$\x87\xa307\xd7\xd8\xd2\x11\xc6N@\x98Gi\n\xf2\xf3\xb8b\xb7\xbb\x129\xd3\xf1\xc4\x98hD\x08\xe1LO\xcc\xc8)\xa9\xf0\xc5\xa5e\x1b\x9f\xab\xd9KBgFpn\xb6\xda\xa4\xb8d_Yy\x9d\xf8\xf8\x90\x8e\x93\xf9Q\xc9X\x08\x94\x15\x1f\xaf\x96\x96\x864-B{\x00\x06Y\x96\t\x00&gt;\x0c6\xdaq\xa6\x13\x02\x02\xbbqQ\xcex\x8e$%D\xe7\x1c\xeb\xfe\xe8E\x00t\xce\xa9,G\xfaQ\x10\xd5\xf6\x88yT\xb5\x081\x1e\x15\\\xd3\xd7\x81\xc2A\x08,\xc8hgl\xd4\x0f\xfb\xcb\xe2B\x1d\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b9\xa6/ \xe2\t!\x04\x17\x02\x08\x01 \x94\x10\xf2\xc7\xa79\x17B\x00\x01r\xc2\'Q$\x13\x82\x0b!@\x00!\x84\x10\x02\x84\x00\x80\x10\x02\x8e\x97/\xa1\x14\x00\x8b\xf2\\\xc0\x85\x10\x00\x00\x80o\xce\xff\x86\x01\xf0\xaf\x04\xe7\x00BRL\xb2\xc9J%\x89s\xceu\x95i\x9a\x10\x9cJ\x92d\xb1QI\x01\x10z(\xa0\xabA \x84\x10\xecNE$!\xb8\xe0\x84P\xc5d\x95Lf\x02\x841\x9d\xe9*\xd7u  +&amp;I6QI\xe2L\xd7\x82~\xa6\xebT\x92j\xfa\x8a\xd1Y\xe1B\xd8\x14E\xa1\x14\x00\x02\xba\xaeq\x8e\x19\xf0o0\x00\xfe\x81\xe0\x1c\x00LV\x07\x95\xa4\x8a\xc2\xa3y{\x17\xe5\xef\xd9T\x9a\xbb\xd7[Z\xa0\x05}\x82s*\x9b,\x8e8wj\x9d\xd4\xfa\xadj7\xeb\x9c\x90\x99\xa3k!-\x14\xa0\x14\xeb\x8e\xc8\xc2\x19\x93d\xc5js15T|dW\xee\xce\xf5\x85\x07\xb6\x95\xe7\x1f\nz\xcb\x8c\xd8V\xcc6\x9b;)\xb1V\x83\x8c\xc6\xed3\x1b\x9fg\x8dK\x0c\xf9\xca\x05\xe7\x84b\x9cG%\xa3\xf6\xdf\x90\x9f\x9f\xeb\xf3\x11\x80\xd6)))6\x1bf\xc0\xbf\xc1\x00\xf8\x0b\xc1\x197\xdb\x1c\x00\xe4\xc8\xd6\x15[\x16~\x7f`\xc3"oI\xfe\x7f|\x83\xc5\xe1\xca9\xaf_\xc7\xe1w&amp;\xd5i\x12\xf0\x96b\x06D\x08\xa3\x12\xb7\xc6\xc5\xfb\xcb\x8b\xb7\xcf\x9e\xb2m\xf1\x8f\xc7v\xfd\xae\xab\x81\x7f\xfc\xe2\xdd\x00\x00\x90\x90\x99\xd3\xb2\xef\xd5\xad\x07^\'\x99Mz(@\xb0(\xa3\r\x13\xc2\xae(;KJ.\x9d6\xcd\xa7i\x00\xf0\xf9\x80\x01C\xeb\xd7\x0f\x85B\x12\x0e\x05\xfd\x13\x0c\x80\x13\x08Ae\xd9\xe2p\x1c\xde\xb2b\xe5\xe4\xf7\xf6\xaf[ \x047\xfe\xc6\x95\x9a\x95P\xab\xbe+\xa5\xb6\xc5\xe1\xa6\x92\xac\x87\x82\x9e\xe2\xdc\xa2C;\x0b\x0fl\x0bz\xcb\xb7.\xfca\xcf\xaa\xd9\xbdo~\xb1\xf9\x05W\x06\xbd\xa5Xq\xd48!\x84\xc9\xe6`\x9a\xba\xe1\x97O\xd7M\x9fP\x92\xbb\xd7\xf8\xbcb\xb6&amp;\xd4j\x10\x9f^\xd7\x91\x90f\xb2\xda\x05\x88\x90\xaf\xa2\xec\xd8\x81\x82\xfd[\xbd%y%G\xf7.\xfa\xfc\xb9]+g\r\xbe\xef\x83\xb8\xe4L-\xe8\xc7~@\x14\x11\x00\x12!\x1ac\xf7,X\xe0\xd34\x93$1\xceeJEM_X$\xc3\x008N\x08"IA_\xc5\xd2I\xafl\x98\xf1)\xd35\x00p&amp;\xa67\xec2\xb4~\xc7\xfe\xc9u\x9aX\x9c\xf1T\x92\t!@\x00\x04\x08\xceB\x01o\xc1\xde\xcd\xeb\xa6\x8f\xdf\xb5bf\xc8\xef\x99\xf9\xce\xdd\x82\xf3\x16}F\x04\xbce\xd8\x0f\xa8IBH\xb2\x92\xbbc\xed\xd2/_:\xbcu\xa5\xf1\xb9\x8c\xc6\xed\x9bt\xbf(\xabewWj\x96\xc9b\xfb\xff\xf9^!\x18\xd3}e\x05\xfb\xd7\xfd\xbaj\xf2\xfb\xa5\xc7\xf6\xe7\xeeX\xf3\xc3\xff\xae\xb8\xf2\x85)VW"\xd3B8\xb5\x13-\x18\xe7I6\xdb\xc3\x8b\x16\xfd^P\x90`\xb1x5\x8d\x1d\x9f\nF\xff\x06\x03\xe0\x0fB\x08Y6\x97\xe5m^\xfb\xf3G\x00`s%\xb6\x1d|S\x8b\xbe#\xe2\x923\x99\xae\xe9\xa1\xa0\xea\xf7\x08!\x00\x8e\xdfQ\x84P*e6\xe9P\xbbe\xd7u?\x8f_\xf0\xc9\xd3 \xf8\xbcq\x8f\xa6\xe6\xb4L\xac\xd5@S\x03Xq\xd4\x14.\xb8\xd9l\xdb\xb6d\x8aQ\xfbg4j\xd7\xe1\x92;\xeb\xb5\xbd@1\xdb45\xc045\xe8-\x13\x02\x8e\x17%!\x84\x98mq-\xfb\x8f\xac\xdfq\xe0\x8c\xb7\xef\xdc\xbf\xee\xd7\xb2c\x07\xe6|\xf8\xe0%OMbZ\xa8F\xff)\xe8T\xe9\x9c\'X,?\xef\xde=a\xd3&amp;\x87\xa2\xdc\xdb\xae\xdd\x8b+W\xd6\xf4EE\x01\xac\xa4\xfe@(U\x83\xde\xac\xe6]\xbb\\\xf9`\xfd\x0e\xfd\xafy}V\xd7\xab\x1e2\xdb]\xfe\xf2b\xd5\xef\x15\x82\x11J\xa9$QI\xfe\xe3\x0f\x95\x00@\rx\x02\xe5\xc5\x1d/\xbd\xb3\xf3e\xf7\x08!t5\xb8r\xf2{\x92b\x06ly\xd4\x1cJ\xa8\x1a\xf4u\xbf\xfa\xd1\xda-\xba\x9c?\xf2\xf1+_\xfa\xa9A\xc7A\xba\xa6\xfa+Jt5\x04\x00\x84J\'\x14\xa5D(\x15L\x0f\x94\x15\x99,\xb6a\x0f\x8fO\xae\xd3\x84\x10\xba\x7f\xfd\x82}\xeb~5\xdb\x9c\xc6\x8a\x00\x14\xc9\xb8\x10VY&gt;\xe8\xf1&lt;\xbcd\x89\x00\xb8\xb6y\xf3\xce\x19\x19!\xc6j\xfa\xba\xa2\x00\x06\xc0\xff\xa3T\nz\xcb:\x0c\xbf\xe3\xc2G&gt;v$\xa6\xfb\xcb\x8b\x04\xd3\xa9$\xff\xc7\xf2pB%J%_ia\xfb\x8bnu\xa5f\x01!\xfb\xd7/(\xcb?()\x16\xcc\x80\x1aC\x88`\xba\xa4\x98.yjR\xc7K\xefb\x9a\x1a\xf4\x95\x11B\xa8$\xfd\xeb\xa2pB\xa8\xac\xa8A\xbf\xc9\xe6\xec|\xc5\xfdBp d\xfb\x92)\x84J\x02\xb0\x1c\xa3\x80B\xe9\x03\x0b\x17\xe6\xfb|\xa9v\xfbC\x1d:\x94\x04\x835}E\xd1\x01\x03\xe0\xaf\x04\xd7u5\xa8\xab\x01*\xc9p*+\x07\x08\xe1L\xb7:\xe3\xeb\xb5\xbd\x00\x84\x08\xf9*\n\x0fl\x93M\xe6\xca\tdT\x03\x08\x11\x8c\t\xceC&gt;\x0f\x00?\xc5)\x19I\x96U\xbf\xb7v\xf3\xce\x8e\x84T\x10"\x7f\xef\xa6\xa0\xb7\x9cJ8L\x1a\xd1t\xce\x13\xad\xd6w\xd7\xaf_p\xe8\x10\x01x\xa1[\xb7\x0c\xbb\xdd\xa3\xaa5}]\xd1\x01\x03\xe0\xef\x8c\x8d\xa2\xa7\xf5\x9b!B@b\x9d\xc6\xc6\x07\xe5\x05\x87)\x95\xb0\x03P\xc3\x08\x018\xdd\xcd\xbd\x84s\xdd\xe2p\xb9\xd3\xea\x02\x80\xbf\xa2$\xe8)\xa5T\xc6\xa9\xc4\x88\xc5\x84p\x99\xcdK\x0e\x1f~c\xcd\x1a\x00\xb8\xb1E\x8b\xe1\r\x1a\x94\x05\x83X`\xa7\x08\x03 \x0c\x08\x01\x10\xdcb\x8f3&gt;\xd4\x82~\xe3S5{U\xe8L\x08\xa0T6\xdb\x9d\x00\xc0\xb4\x10\xd3U&lt;J b\t!\x14J\xcbB\xa1\xfb\x16.\x0c1\xd6:9\xf9\x99.]\xcaC!\x89R\x1dgnN\r\x06@\x18\x08\x00\x00\xc2\xb4?z\x9d\xb2\xc9\x0c \xf0T\x99(%\x047\x16\x01SI\xa1\x92\x8cs\x00\x11\x8b\x0b\xe10\x99\x1e_\xbatOY\x99\xd3dz\xa7woE\x92t\xce\t\x00\xc7N\xdb\xa9\xc1\x00\x08\x07!\x08%\x15\x85G\x8d\x8f\xe2\x9229c\xd8p\x8cF\x84R-\x14\xf4\x16\x1f\x03\x00k\\\x82\xc5\x11\xcf\x99\x8eE\x19\x81t\xce\x13\xac\xd6/\xb6l\xf9a\xe7N\x00x\xa6K\x97\xd6\xc9\xc9^U\x95p\xef\xde\xe9\xc0_V8\x10\xc2t\xfd\xf0\xd6\x15\x00\xc4d\xb5\'g7e\x9a\n\xb8\x0f \xda\x08\xc1e\xc5\\\x96\xb7\xbf\xf4\xd8~ $%\xbb\xa9\xd5\xe9\xe6L\xc7\xce\\\xa41\xda\xfe[\x8a\x8a\x9e\xf9\xed7\x00\xb8\xa4A\x83\x1b\x9a7/\x0e\x06e\xac\xfdO\x13\xfe\xbe\xce\x16g\xba\xc5\x1e\x97\xbbc\xed\xd1m\xab\x00DV\xcb\xee\xf1\x19\xf5t5\x80c\xc7Q\x873\xa6X\x1d\x9b\xe6~\xcd4\x15\x84h\xdc}XM_\x11\xfa\x07\x02\x80\x12\xa2s~\xef\x82\x05\x15\xaa\x9a\xe3v\xbfr\xfe\xf9&gt;M\xc3\xba\xec\x0c\xe0/\xed\xacp\xa6\xcbf\xab\x16\n,\xf8\xf8)\xc6t"I\x1d/\xb9Kp\x86m\xc6\xe8"\x84`\xba\xe6HH\xdd\xb3j\xd6\xa6y_\x01@f\x93\x0e\xf5;\x0e\x0c\xfa*\xf0T\x8fH\xc38w\x9b\xcd/\xae\\\xb9.?\xdf$Io\xf7\xea\xe5\xb6XT\xce\xb1\xc9u\x060\x00NF\x88\xbf\xfc\x11B\x08\xce8\xd3A\x08k\\\x82\x16\xf4O{ut\xde\x9e\xdfA\x88\xeeW=\x92\xd9\xe4\xbc\x90\xdf\x8b\x87\x88E\xa2\xbf\x97\xa3\xe0\x9c3\xce\x98$)\x8e\x84\xd4\xbdk\xe6\xcd|\xfb.\xa6\x85,\x0ew\xbf\xdb_7\x9e\x17S\xd3\x17\x8d\xfe\xc48\xf2a\xfa\xde\xbd\x1fm\xdc\x08\x00\x0f\x9dw^\x8f\xda\xb5\xcb\xf1\xb0\xcf3\x85\x9b\\N\x82\xfc\xf9\xf1 \xc4\xd8Q*\x9b\xa8$\xa9\x01\xef\xae\xdf~Y:\xe9\xe5\xe2#\xbb\x01\xa0\xf3\xe5\xf7u\xbc\xf4\xee\xa0\xb7\x0c\x9f(\x12\x89\x08\xf9s*\x13J\x08\x95dI1\x01\x80\xa7\xf0\xe8\xca\xc9\xef\xae\xfa\xf1}\xcetGB\xda\x85\x0f\x8fO\xac\xdd0\xe4\xc7\xe6\x7fd1\x8e|8\xec\xf1&lt;\xbcx1\x17\xa2wV\xd6=\xed\xda\x15\x07\x028\xf4\x7f\xc60\x00NB\x0b\xfaA\x08 \x00@\x8c\x93#C\xbe\xf2\xf2\xfcC\xb9;\xd6\xee^9\xcb\xa8\xfa\x93\xb2\x1au\xbd\xea\xe1F]\x86\x06}\xe5\xd8\x0f\x8dHD0]\xd3\xd4\x13\x9f\xe8\xa9k\xa1@yQ\xd1\xa1\x9d\x077-\xdb\xb5b\x86\x1e\n\x00@\xe3n\xc3\xba\x8f|\xdc\x9d\x9a\x15\xc4\xda?"\x99$\xe9\x81E\x8b\x8e\xf9|iv\xfb\x9b\xbdzix\xe0\xcf\xd9\xc1\x00\xf8\x17B\x10IV\x03\x9e\x1f\x9f\xbb&amp;\xe0)!\x84\x18\xe7G2M\r\xf9=Feaq\xb8[\xf4\xbe\xb2a\x97!\xd9mzPI\xf6W\x14I\xb2\xa9\xa6\xaf\x1b\xfd\x15\xe7\xcc\xe2p\xedX\xfa\xd3\xe2\xcf_ \x92\xf4\xc7\xe1n\x82kA\x7f\xc8\xef\xe1L\x07\x80\xe4\xec\xa6\r\xbb\x0ci\xd8ypJ\xbdf!_E\xd0Wn&lt;\xef\xb3\x86/\x1d\x9d@\xe7&lt;\xd9f{s\xcd\x9a\xf9\x07\x0fRB^\xeb\xd1#\xcb\xe9,\xc1\x95?g\x07\x03\xe0\xbfp\xce\xf3\xf7n\xfe\xb7\x8a@R\xccL\xd7\xca\xf2\x0e\x1e\xdb\xb5!\xa5^\x0b\xab3!\xe4\xab\xa8|\xda8\x8a\x1c\x94J\x81\x8a\x92\x8a\xc2#\xff\xf6\x05\x92\xac\x84|\xe5\x05\xfb\xb7RIN\xc8\xcc\xa1T\xd6T|\xc0g\x04a\x9c\xbb\xcc\xe6eG\x8e\xbc\xb6f\r\x00\xdc\xd2\xaa\xd5\x85\xf5\xeb\x17\xf9\xfdX\xfb\x9f%\x0c\x80\x7fA\x88\x10\\1Y\xfa\xdf\xf9&amp;S\x83\x7f&lt;\x04\xc6\xe8\x01x\xcb=%y\xe5y\x07\x0b\x0fn\xdf\xb6\xf8\xc7m\x8b\x7f\x04\x80ZM;\xb5\x1fvK\x83N\x03\xd5\xa0Wp\x81\x03A\x91\x83\x10\xaa\x05\xfd\xb5\x9av\xec}\xf3K\x84\x10c^\x97\x0b\xae\x87\xfc\xfe\xf2\x12O\xe1\xd1\x92\xdc\xbdy{6\xe6\xed\xd9\x08\x00\x16\x87\xbba\xe7A\x1d\x86\xdf\x99\x90\x99\x83\x0f\xf6\x89\x10B\x08E\x92*B\xa1\xfb\x16.\x0c\xeaz\xfb\xd4\xd4\';u*\x0b\x06q\xcf\xd7\xd9\xc3\x00\xf8wBPYi\xd5\xff\x9a\xbf\xd7\xe6B\x00\xd3B\xfe\x8a\xe2\xc2\xfd[\xb7/\xfdi\xfb\xe2)G\xb6\xad&lt;\xb2me\xab\x01\xa3.\xb8\xe9y\x01\xba\xe0\x1c\xfb\x01\x11\x82\x10\xc245!\xb3~jN\xcb\xbf\xff\xad\xe0\\\r\xfa&lt;E\xb9\x87\xb7\xac\xd8\xf2\xeb\xb7\xb9;\xd7m\x9a\xf7\xf5\xeeU\xb3\xfb\xde\xf6j\xe3\xae\x17\x06\xbde\xf8\x80\xcf\x1a\xc7\x85p\x9bL\xb7\xce\x9b\xb7\xab\xb4\xd4e6\xbfs\xc1\x05\x12\xa5A\xc6p\xe5\xcf\xd9\xc3\x00\xf8OB\x04&lt;\xa5\xff8\x02D(1\xdb\xe2\xea\xb6\xe9U\xaf}\xdf\xd6\x03\xae\x9d7\xee\x91\x82}[6\xce\x9e\xa8\xfa\xbd\x83\xef{_\r\xfa\x08n\x05\x88\x1c\x84\xe8\x9a\xaa\x85\xfe\xe1\x8cxB\x80P\xc9\x95\x92\x958\xb0Q\xf3\x0b\xae\xf8}\xce\xc4\xa5\x13_\nT\x94L{u4}Tj\xd0yP\xc8W\x8e\x19P\x83\x8c\xd3\x9e\xbf\xdc\xba\xf5\xbb\x1d;\x00\xe0\xb9\xae]\x9b\'%\x15\xe1\xca\x9f0\xc1_\xe2I\xd0?\x9e\x1e\xf5\xd7?\x84P\xc1\xf4\x90\xbf"PQ\x9c\xd1\xa8\xed\xe5\xcf\xfd\x90\x9a\xd3\xcax\x8a\xc8\xc6\xb9\x93,\x0e7\xe7\xb8&gt;!\x82\x18\xcbw\xff\xa1\x1c\xa9\x04\x00\xba\x16\nT\x14\xebZ\xb0\xe3\xf0;\x07\xdf\xff\xa1\xac\x98\x01`\xce\x87\x0fV\x14\x1e\x95\x143\x1e\x07]S\xb8\x10vE\xd9V\\\xfc\xd4o\xbf\x01\xc0\x95\x8d\x1b\x8fj\xd6\x0c\x8f|\x08#\xfc=\x9e\x05B\x08\x95\xa8$\x07=e\x16\x87{\xc0\xddo)f\x1b!d\xf5\x94\x0f\x83\x9eRI\x92q\x19I\xb4 \x84PI&amp;\x84x\x8ar\x9b\xf4\xb8\xb8\xfdE\xb7\x02@\xc0S\xb2a\xd6g&amp;\xab\x03\x9f\nY#\x8c#\x1f\xb8\x10\xf7.XP\x1e\n5\x88\x8f\x7f\xbe[\xb7\x8aP\x08\x00\xb8\x10\xff\xfd\xa7\xf2\x8d\'\xfe\xfeW\x18\xe7\'\xc0\x00\x08\x03*+!_YZN\xab\x06\x1d\xfb\x0b!\xca\xf3\x0f\x1d\xdd\xbeF\xb6\xd8\x05\xc7[-\xba\x10*+\x01OY\xab\xfe\xa3,\x0e7\x10\xb2w\xf5\x1c\xdc\xd9WS\xb8\x10\t\x16\xcb\xcb\xabV\xad\xc9\xcb\x8b3\x9b\xc7\xf5\xed\x9bb\xb3I\x94\xdad\xd9z\xb2?\xca\xf1.\x82I\x92\xfe\xf2Wf\x19\xc7\xbd\xff\x1f\xfe.\xc2\x84P\xc1y\x9dV=\xb6-\x9e\x02\x00y{6\xd6\xef8@\x08\x81\xf3\x00\xd1\x85\x10\xc25\xd5\x99\x94\x9eZ\xbf\xe5\xc1\xdf\x97\x94\xe7\x1f\xae(&lt;\x12\x9f\x91\xa3\xab\x81\xd3|H\x1c:+L\x08\xa7\xc9\xf4\xd3\x9e=c~\xff\x9d\x12rU\xe3\xc6)6\xdb\x86\xfc|\x99\xd2\xffnUq!\\&amp;S\xbe\xcfg|\x98\xeb\xf3\xed.-\xf5\xa8*%\x7f&lt;\xa4I\xa14\xcdn\xaf\x86\x7fBT\xc0\x00\x08\x0f\x02\x843=.\xa5\x96\xf1\xa1\xa7(\x17@\xe0\x10P4\x12 \xa8$\xbbS\xeb\x1c\x04\xd0\xd5\xa0\xbf\xac(\xb1vC|\xc0O5#\x84p!&gt;\xd8\xb0\x81\x00H\x94~\xb5}\xfbg[\xb6\x9c\xfa\xeajv|\xd4\xee\xd1%K\xe8\xf1\xef\xa2\x840\xces\xdc\xee\x19\xc3\x87SB8\x16)\x06@\x18\t\x10\xb2\xc9L\x08\x11B\xe8ZH\x08\x81+A\xa3\x92\x00B\x88l\xb2\x18\x1f\xe9Z\x08wuT?\x02\xc0\x84\xa8\x08\x85\x98\x10\x8c1\xf5L\x8f|\xf8\xfb7\x16\x05\x02g}u\xe7\x0e\x0c\x80\xb0!\x84h\xa1\x801\xc5$\x9b,\x84\x10\xec\x00D%\x02B\x08-\xe87&gt;\x92M\xb8\n\xa8\x06\x10\x00\xc6\xf9\x93\x9d;\x97\x04\x02`l\xdf;\xb5\x18\xe6B\xd8eyyn\xeeg[\xb6\x00\xc0\xed\xad[\xb7NI\xf1\xebz\xe5\x10\x90CQ\x08!\xd8\xa33`\x00\x84\x871nP\x91\x7f\xd8\xf80.)\x03o\xb0(E\x80p]+\xcb?\x08\x00\xb2\xd9js%s]\xc7\xc2\xac~\\\x88\xfe\xd9\xd9\xa7\xbb\xe2\x93\t\x91`6\xcb\x94\x1a\x01\xd0\xa7N\x9d\x0b\xeb\xd7/;\xe1\xbch&amp;\x84WU\xc3\x7f\xb9\xd1\t\x03 L\x84 \x00\x876/3&gt;J\xcdi\x81\xcf\x92\x8dFB\x08I1y\x8a\x8f\x15\xec\xdb\x02@\\\xc9\xb5\xe2\x923\x99\xae\xe2\x0cp\x8d\xa8P\xd5?\xda\xfe\xa7\xdc\tc\x00\x9cs\xaf\xa6\x19\x1fzT\xb58\x10(WU\t\xa0\xb2\'\x81[\x88+a\x00\xfc\x89\x10gr\x8c\x8f\xe0\\1\xdbJ\x8e\xee\xdb\xbbv&gt;!\xc4\x91\x98\x9e\xde\xb0\x9d\x16\xf4\xe3caj\x8e\x00\x01g0\x07\xc3\x99n\x8bKX?\xe3\x93\xa0\xb7\x0c\x00\xb2\xdb\xf4\xb48\\\xfe\xf2\x12\\\tZ#\xa4\xca\xa3\x15O\xbd(\x85\x90)=q\xe2W\xa2T\xaa\xac\xf4\xb1\xea\xff3\xac\xa1\xfeD\x92\x15\xc1\xb9\xe0\xec\xd4[\x1c\xc6.!\xc5b[\xf2\xe5\x8b!_\x85\x10\xa2E\xef+\xed\xf1\xc9LWq\x14\xa8\x86\x08B%"\xc9\x9c\xe9B\x9c\xc6\x1e.\xa6k\x16\xbb\xab\xe8\xd0\x8e\xd5S&gt;$\x94J\x8a\xa9E\x9f\x11z(H(\x96#:7a\x00T"BpoI\xbe\xc9\xe6\xb08\xdcD\x92\x04g\x9c1\xc1\x8d}\x85\x7f\xce\x83\x13\x1e\x0c)\x9b-\xd6\xb8\xf8\x85\x9f&lt;\xb3\xf3\xb7\xe9\x00\xe0N\xcbn7tt\xc8\xef\xc1\x83$k\n\xa1R\xc8\xef\t\xf9+\xec\xeed\xc5l\x03\x10\x9c1\xce\x99\x10\xfc\x1fr\xddx0$\xd3\x05\xe76W\x92\xb7$\xef\xe7WG\x07*J\x05\xe7\xed\x86\xde\x9cR\xaf\x85\x1a\xf4\xe3\xf8\x0f:W\xe1\x10\xd0qBH\xb2i\xe6;w\xd9\xdcI\xcd/\xb8"\xa3Q;\xbb;\x19\x08\xe5\xba\xc6\x98&amp;\x98.\xf8\x1f\xfbz\t!D\x92$I\x96\x143!\xa4\xf8\xf0\xeee_\xbdb\xd4\xfe&amp;\xabc\xc8\x03\x1f\x9a\xedqj\xc0\x8b\'\x88\xd5\x08\xc1\xb9\xc9b\xcf\xdd\xb9n\xce\x07\x0f4\xedqI\xfd\x8e\xfd\x93\xb2\x1aY\x1c\x0e\xc19\xd35\xaek\x9c\xb3\xcaU=\x84\x10*\xcbT6I\xb2\x89i\xa1\xdd+~Y\xf0\xc9\xff\xca\xf3\x0f\x02@\xdd\xb6\xbd\xba^\xf5P\xc8WN%\xac\xfd\xd19\x0b\x03\xa0\x92 \x94zK\xf2\x8en_\xbd{\xc5LWJ\xed\x8cF\xed3\x9a\xb4O\xae\xd3$.)\xd3\xecp\xc9&amp;\x8bQ\xa7\x0b\xa6\xabA\xbf\xbf\xbc\xb0\xf0\xe0\x8e\xfd\xeb~\xdd\xb3zN\xc8W\x01\x00q)\xb5\x06\xdf\xf7az\xc3vAo9\x0e\x19\xd7 \x01\x00B\x94\xe7\x1fZ\xf1\xfd\xdb\xab\xa6|\x90\x9c\xdd4\xb3\xf1y\x19\r\xdb&amp;\xd4j`w\'\x9bl\x0e\xd9d\x06 \xc6\xf3\xdd\x02\x9e2O\xd1\xd1c;\xd7\xef^9\xeb\xf0\xd6\x15\xc6+4\xeav\xe1\x80;\xdf2:\x7f\xb8\t Ja\xc1\x9d\n\x0c\x80?\x18\xb5F\x9b\xc17l\x9a\xf3e\xc9\xd1\xbd\xe5\x05\x87\xcb\x0b\x0eo_:\x15\x00,v\x97\xd5\x95h\xb69%\xc5\x0c \xf4P0\xe8+\xf7\x95\xe6\xebj\xc8\xf8^\xd9dm\xdacx\x97\x11\x0f:\x12\xd2\xb0\xf6\xafY\x84\x10\xa6\x05\xdd\xe9u\x1bw\xbf\xe8\xc0\x86EAoY\xfe\x9e\x8d\xf9{6\xae\x07\xa0\x92l\x8dK\xb4\xc6\xc5+f\x9b$+\x9c\xe9j\xd0\x17(/\xf6\x95\x15V~\xbb;\xadN\x87\xe1w\xb6\xec{\xb5\xae\x059\xd3p\xf0\'JU\x1e\xfa\x86{8\xfe\x1b\x06\xc0\x1f\x08!LW\xcf\xbb\xe8\xb6\x16\xbd\xaf&lt;\xba}\xf5\x81\xdf\x17\xe7\xeeX[zl\xbf\xf1\x84\xd8\xa0\xaf\xfc\xef\xdf"\x9b\xad\t\x199\xd9mz4\xee~QZNK-\x14P\xfd\x15X\xfb\xd70B\xb8\xae\xdb\xddIC\x1f\x1cW\x9a\xbb\xef\xe0\xc6\xa5\x876\xffV\xb0\x7fKE\xe1\x11\xa6\xa9\xbe\xd2|_i\xfe\xdf\xbf\xc9\xe6JJ\xcdiY\xbfc\xff\x86\x9d\x07\xdb\xe3S\x82\xde2c|\xa8\xda\xaf\x1e\x85\x81\x00\xb0\xc8r\xa2\xc5\x02\x00&amp;I\xc2\x04\xf8\x0f\x18\x00\'"!o\x99$+9\xe7\xf5\xab\xdfq\xa0\x16\xf0zJ\xf2*\xf2\x0fU\x14\xe5\x06*JB~\x0f\xd7U D1[-\x8exgrf|Z\xb6+\xb5\xb6\xd9\x1e\xa7\xab\xc1\xa0\xb7\x0c\x08\xc5q\xff\x88@\x08\xd7\xf5\x90V\x1e\x97\x9c\xd9f\xf0\xf5\xad\x07^\x1b\xf4\x94V\x14\x1d\xad(8\xe2)&gt;\x16\xf4\x96iA?\xe7\x8cJ\x92\xd9\xea\xb4\xba\x92\\)\xb5\xe3\xd3\xeb:\x92\xd2%YQ\x03\xde\x80\xa7\x14\'\xf0\xa3\x97D\x88WU{\xd5\xae\xbdd\xc4\x08\x00\xb0\xc8\xb2_Uq\xe1\xff\xbf\xc1\x00\xf8\x13B%!x\xc8W.\x04PI\x8aK\xcap\xa7e\x1b\x8f\x7f\xf9\xcbB \xce\x18\xd35\xa6\x85\xfc\xe5%\x84\x12\xac\xfa#\x0b!\x84H\xc6S\xc0\x08\x01I1\'e5J\xa9\xdb\x9cJ\x921\xfa_\xf9u\xc6\x12 \xa6\xa9Z\xd0\xa7\nA\t\xc5\xda?\xda\x19G~\x9a%\t\x8c\xb1\xa0\x9a\xbe\x9eH\x86\x01\xf0w\x84P\xc9h0\xe8\x9a\njH\x80\x00\xf1\xd7\xb3C\x081j\x19\x8ac&gt;\x11\xcbX\xaf\x05\x00B0-\xa4\x83\xf0\x1b\xc3\xc2\'\x14\xa5\x00B\x08\x10\xa3(\xb1\x99x\xce\x10\x00\xba\x10\x80;qN\x06\x03\xe0\xbf\x10Bp1\xc19\x81\xfcQ\xcf\xd7\xf4u\xa0j\x83e}*p\x9a\x0b!\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x85?\x00\x08!@H\xd8_\x16U\'Bh\xe5\xff\xa2\xa8F\x08\xa9\xfc_\x14\xbdH\xd5\x14a\x98\xdf\xe1\x84P\xa6\xa9\\\xd7\xf0\x86\x8bb\x84h!?\xa5T\x0f\x05j\xfaR\xd0\xd9 \x82s\xa6\x85\x80\xd2\x90\xae\xe3[2z\x11BB\xba\xae\x03\x84\xbd\x08\xc3\x16\x00\xc6\xedU\xaf~\x03+Q+J\x0b%I\x01!\xc2\xf5\xe2\xa8\xda\x08\xc1e\xd9TxxW\xad\xa4\xb8\xb2c\xfb\x80\x10\x00,\xc7\xa8D%)\x18\xf0\x81\xb70&gt;=uoq\x91Y\x96\x05\xbe%\xa3\x90\x10\xc2,I\xfb\x8a\x8b\xe3k\xd5\xb2\x98\xcd\x8c\xb10fy8{\x00B\x08\x9b\xcd\x1e\xefr\xf8+\xca\xa8$\x87\xf1\x95Q5\xf3\x97\x177o\xd6\x94\x05}L\xd7p@/J\x11J\x03~\xaf\xc3\xa2\xe44lTPQ!S\x8a\xd5\x7f4\x12\x00\x12\xa5\xc5&gt;_Zzz\xd8\xbbq\xe1\xec\x01p\xceeE\xc9\xc9J\xcf\xdb\xb7]1Y\xb0\xb9\x11\x8d\x08\xa1L\xd7\n\xf7o\xb9\xee\xa6\x9b\xd5\xb2#&gt;O\x99\x84Y\x1e\x85\x84\x10\x8a\xc9\\xx_z\xbcu\xc8\xf0\xe1k\x0e\x1fV$\t\xdf\x92\xd1H\x08!K\xd2\xc6\x82\x82\xe6\xad[\x1b\x1f\x86\xf1\xc5\xc3\xdc\x03\x00\x80\xce\x1d;\xe4\xee^GeY\x08\x1e\xc6\x17G\xd5BH\x8aRVtL\x0e\x96\xf4\x1b44\xd1&amp;\x15\x1c\xda\xad\x98-X\x94\xd1Gp\xc5d\xcd\xdd\xf5{\xe3\xfau\x07\r\x1c\xb4\xc3\xeb\ri\x1a\xc5\xce\\\x14\xa2\x84\x84Tuw \xd0\xadK\x17\x00\xa04\x9c\x95vX_\x8bR\x00\x188hH\xf9\xbe\r\x01o\x05\x95\xa40\xbe8\xaa\x06\x9cs\x8b\xcd\xb9g\xfd\xd2&amp;\xd9i.wB\x876-v\xad\x9eo\xb2\xda\x05\xc7\x00\x882B\x80\x00qx\xd3\xe2\x1e\xe7\x9f\xdf,\'\xc7\x13\x1f\xbf#?\xdf\xaa(\xd8\t\x88.B\x08\x8b\xa2\xec\xc8\xcf/w\xb9:\xb7o\x0f\x11\x1e\x00\x9c\xf3\xfa\x8d\x9a\xd4\x8e7\xed\xdb\xbc\xd2lu`\xcb1\xca\x08A(\xdd\xb3j\xe6\x85\x17\x0e\x01\x80a\x17]\x94\xbfmY\xc8\xef#a\xbd\xe7P\xd5\x13\x8a\xd9\x92\x7fh\x8f\xd9\x7f\xacc\xb7\xee\x00\xa2M\x8f\x1e3v\xeet\x98\xcd\xac\xa6\xaf\x0c\x9d\x16\x06\xe04\x9bg\xee\xdc\xd9\xa2[7\x8b\xc9\xc4X\x98\x0b0\xccol\xce\xb9,\xcb\xa3\xae\xba|\xf3\x82\x1f\x14\x8b\r[\x8e\xd1D\x08\xc5l\xc9?\xb8\xdb\xec=|\xf9\x95Ws\xce\xbb\x9e\xdf\xabA\x92y\xcf\xef\xbfY\xecN\xcc\xf2(\xc2\x19\xb7:\xe26-\x9a:\xb0W\x97\xe4\xe4T\x00r\xdb-\xb7\xcc\xc9\xcb\x0b\xa8*&amp;yt\xa1\x00AU\x9d\x93\x97w\xeb\xcd7W\xd1\xeb\x87\x93$IB\x88ko\x18\xad\x1d\xdd\x94w`\xa7b\xb6\xe2b\xd0h\xc1\x19\xb3\xbb\x12~\xfb\xf9\x93\xcb\x86\xf6w\xc6\xb9TU%\x84\xdcz\xf3M\xab~\x9e`2c\x96G\x13*I~o\xc5\xfe\x15?\xdf}\xef}\x00\xa0kZ\xa7\xb6m\x9d-ZL\xdf\xb2%\xc1fc\xf8\x96\x8c\x12L\x88x\x9b\xed\x97\xad[m\xcd\x9bwi\xdf\x9e1&amp;\x85{\\=\xec\x1b\xc1\x08\xe7\xdc\xe1\x8c\xbb\xe9\xeaK\x96|\xfd\xb6\xd5\xe9\xe2\xe1\xee\xb3\xa0\xaa \x84P,\x96c\xfbwzw,\xba\xf5\x8e\xbb\xb8\x10&amp;\x93\x89s~\xf1e\x97\xa7\x88\x82\xed\xab~\xb5:\\\x98\x01Q\x813\xdd\xe1J\\&gt;u\xc2\x80N\xcd\x1a5i\xc69\'\x94\x82\x10\x0f&lt;\xf2\xc8\x98-[4\xc6p"8Z\x10\x00\x9d\xb1\x0f\xb7ly\xe0\xe1\x87\xab\xe8G\x84\xbfGh\xcc\x04&lt;\xfc\xf8S\xda\xc1\x15\xbb\xd7/\xb5\xc6\xb99\xc7\x0c\x88t\x9c\xe9\x0ew\xd2\x8c\xb1O\xdey\xc3\x88\xac:\xd9\x9c1J\xa9\x10\xc2nw&lt;\xf7\xcc\x93s\xc7?))\n\xee\x08\x8b|Bp\xc5l-\xce?\xbcc\xce\xc7/\xbf\xfa\xba1\xe5+I\x12\xe3|H\xdf\xbe\x89]\xbb~\xb0tiZ\\\x9c\x86Y\x1e\xf14\xce\xd3\xe2\xe2&gt;\\\xb6,\xbeS\xa7\x0b\xfb\xf7\xaf\x8a\xe6?T\xd1Y@B\x08\xb3\xc5\xf2\xde\xdbo\xce\xfe\xe0A\xaek\x94J8\x10\x14\xc9\x98\xae\xc5%\xa6.\x9f\xf6y&amp;-\xb8\xff\x91\'*o5I\x92\x18c\x17^|\xe9\xc0\x0e\rf\x8e\x7f\xce\x95\x94\xcet\xad\n\xb6\xa3\xa3\xb0\x11\\X\xedqS^\xbf\xf3\xa9\x87\xee\xaa]\'\x9bsn,\x1a1\xba\xe6c\xde}\xf7\xd3\xdc\xdc\xdf\x8f\x1eu\x9a\xcd8\x10\x14\xc9\x98\x10N\xb3y\xd3\xd1\xa3\x9f\x1c92\xe6\xbd\xf78\xe7Ut\x92G\x95\xcc\t\x19\x15\xc7\xd0\x8b\x86\xdf|Y\xdf\xef^\xbb\xd3\x95\x94\xce\x99^\x15?\x08\x9d=\xceu\xab#.\xef\xe0\xae\xf5\xdf\xbe\xf4\xf5W_)\x8aB\xc8\xff\x1f&lt;e\xf4\xe7&gt;\xfe\xec\x0b\xdf\xe6\x19\x9b\x96\xcd\x8cKHa\xbaZ\xb3\x17\x8c\xfe\r\xd3\xd4\xf8\xd4\xcc\x99\x9f\xbc\xd0\xa9\x8e\xe5\x81\x87\x1f?\xb1\xcdh\xf4\xe7r\xb2\xb3_\x1d7\xee\x86\xe9\xd3%BdJ9f@D\x12BH\x94\xca\x94^?}\xfa\xcbc\xc7\xd6\xaf[W\x08\x11\xde\xd5\x9f\x95\xaajQ\x00\xa5T\xd7\xf5\xd7\xdez/G)\x9a\xf9\xe9K\xf1i\xb5\x99\xaeU\xd1\xcfBg\x8c3\xa6\x98\xac\xba\xaa\xfe\xf0\xfcuc\xde~\xa5A\xa3&amp;\xba\xae\x9fx\xab\x19\xfd9g\x9c\xeb\xeb\xaf\xbe\\4\xee\xa1\xfc\xc3{lN7\x16e\x04b\x9a\xeaN\xceX3\xf7\x07\xcf\xc6i\x9fO\xfa\xa6\xb2\xed_I\x92$]\xd7G\x0c\x1f\xde\xfb\xb6\xdb\xae\xff\xfe\xfb$\xbb\x1d\x000\x03"\r\x17B\x00$\xdb\xed\xd7\x7f\xff}\xcf[n\xb9\xfa\xd2Ku]\xaf\x8a\xc1\x1fCU\x05\x00!\xc4X\x114c\xd6l\xf3\xfe\xf9s&gt;\x7f-1\xa3\x0eg:\xae&amp;\x8c\x1c\x9ci\x16\xbbSp\xfe\xf9\xc3\xc3\xdex\xfc\xf6+\xae\x1a\xa9\xeb\xba,\xff\xf5\xe0\x07\xa3?w^\xc7\xce\x93\xbf\x187\xf5\xd9+\x8b\x8f\x1dr\xc6\'c\x06D\x12\xc1t-!=k\xfd\xc2\x9fvMy\xe9\xd7\xb9s\xe2\xe3\x13\xe0\x9f\x8e\x80\x96eY\xd7\xf5\x0f^\x7f=\xe9\x92K\xae\xf9\xf6\xdbT\xa7S\xa6\x14\xc7\x82"\x07\x13B\xa24\xcd\xe9\x1c\xf9\xddw\xf1\x17]4\xe6\xcd7\xff\xf1-\x19FU\xb8,\xd8\xb8\xfflv\xc7\xdcy\xf3\x95}s\x7f|\xfb!gB\x8a$\x9bp8\xa8\xc6\t!\xb8\xae9\xe3SJ\xf2\x0e}r\xff\xa0W\x1e\xba\xe9\xe6\xdb\xef\xfa\x8f[\xcdh&lt;\xf6\x190\xe8\xbbO\xde\x9f\xf2\xec\x15\xbb7,s\'\xa7s\xc60\xcek\x1c\xe7\x0c\x80\xc4\xa7d.\xfc\xee\xc3]S_^0oNVv]\xc6\xd8\xbf\x8d\x18\x18q\xfe\xd9\x981\xeea\xc3.\x9e8\x91R\x1ag6\xe3\x9cp$\xd08\x8f3\x9beJ/\xfe\xf2K\xe7\xd0\xa1_\x8c\x1bWE\x13\xbf\'\xaa\xda}!\xc6\x08\xb2\xcd\xee\x98;\x7fA#z\xe0\xd3\x07\x86\xa9\x01\x9f3!Up&amp;piP\x8d\x10\x823]V\x14wJ\xe6\x9a9\xdf\xfe\xf2\xfc\x15c_z\xf8\xbfk\x7f\x83\xd1x\xec3`\xf0\xd4\xaf&gt;^\xff\xd9\x83s\xbfx\xdd\x99\x98b\xb2\xd89\xd3\xf1t\x81\x1a!\x04\xe7L\xb7\xc7\xc5\xcb\x8a\xf9\xeb\xe7od\x1b\x7fX8o\xaeQ\xfb\xffG\xadA\x08\xa1\x942\xc6&gt;\x1d3\xa6\xe5\xad\xb7\xf6\xfa\xfa\xeb\xdfssk\xb9\\\x00\xa0c\x0c\xd4\x10\xe37_\xcb\xe5\xda\x98\x9b\xdb\xeb\xeb\xaf\x9b\xdf|\xf3\xe7c\xc7\x1a)^\xd5Oq \xd5\xf0\xee\xad\x1c\x8e|\xeb\xb5\x97_z\xef\x93\xe6\x83n\xe9|\xe1u\x00\x10\xf0Up\xa6\x13J\xf1\xc9SUO\x08\xce\x05\x80b\xb2\xd8\x9c\xee\xfc\x83\xbb\xe6}\xf6B\xb2vd\xd2\x97\x13\x1b6nz\xea\xddL\xe3+\x8b\x8b\n\xaf\xbfv\xd4\xea\x03\xde&gt;7&gt;]\xb7y\xc7\x80\xafB\x0b\xfa\xc1x\x82\x18\x1e7V\xc5\x84\x10\x82sB\x89\xc5\xe6\x94M\x96\x8d\x8b~^\xf5\xdd\x1b#\x87\x9e\xff\xe6\xbb\x1f\x10B8g\x94\x9e\xbc\xcd(\x84\xe0\x9cK\x924m\xf6\xec\xfbn\xbey\xb0\xdd\xfe`\x8f\x1e\tVki \xa02F\t\xc1c\xe3\xaa\x01\x17\x82\x0ba\x92$\xb7\xd5Z\x16\x08\xbc\xb1d\xc9/^\xef[\x1f}4l\xe0\xc0\xea\xa9\xfd\xa1z\x02\x00N\xb8\xe1~_\xbf\xee\x7f\xcf&lt;\xbdf\x7fy\xcbA74\xe9\xd0\xdb\xe6t\xabA\x9f\x1a\x0cp\xce@\x08\xe3y\x92\xd5p=1B\x08n&lt;KNR\x14\xb3\xd5A(-8\xbcw\xed\xcc/=;\x17\xdf0b\xd8\xa3O\xfcO\x92\xe8\xe9\x0e2V60?\x1e\xf7\xe1{c?\t%5\xebp\xe1\x8d\x99\xf5\x9bSJC~\xaf\xae\x85\x04\x17\x00\x82\x10\x82\x0bF\xc3G\x08!\x80\x10J\xa8b\xb6\x98\xac\x0e5\xe8\xdf\xbbi\xc5\xbai\x13\xb2\xed\x81\'\x1e{\xb8\xdf\x80\xc1B\x88\xd3]+b\x14}^~\xfe\x13\xcf=\xb7\xe1\xa7\x9f.\xcb\xc8\xb8\xb4e\xcb\xf4\xb88\x951\x9f\xaaj\x9c\x0b!\x08&gt;N2\xac\x84\x10\x02\x80\x10"S\xea0\x99L\xb2|\xac\xbc\xfc\xc7M\x9b~\xc8\xcdm=l\xd8\x0b\xcf&lt;\x93\x9e\x9aZ\xd5\xe3\xfe\'\xaa\xa6\x000T\xd6\x1dS\x7f\xfc\xfe\xab\xaf\xbf]\xbd\xfdHB\xc3N\r:\xf6\xcd\xccin\xb1;\t\xa1\x9c3\x9c!\x08\x17B\x88$\x9b\x04\x08\xae\xebeE\xc7\xf6m\xfc\xed\xc0\xba\xf9&amp;\xcf\xa1\xe1\x03/\xb8\xe5\xf6;kg\xd5\x81\x13:g\xa7\xa5\xb2\xae\xa9(/\x1f\xfb\xe1{\xdfM\xfd\xa5\x98\xc7\xd5i\xd7\xaf~\xdb\xf3\x13\xd2j\xcb\x8a\x99\x10\xc2t\rg\x08\xc2\x85R\x89J\xb2\x10"\x14\xf4\x17\x1c\xda\xbd{\xcd\xfc\xbc-K\x1a\xa7\xd9\xaf\xba\xe2\x92\xebn\xbc\x19Nxg\x9d\xae\xcao\\\xbez\xf5\x84\x8f?\xfe}\xee\xdc6\x8a\xd27;\xfb\xbc\xda\xb5\x13\xedv\x89R\x01\xa0\xe1f\xfe\xf0Q$\x89\x000!J\xbc\xde5\x87\x0f\xcf;xp}(\xd4\xaa\x7f\xff\xd17\xdd\xd4\xb5C\x078\x8b\xa2&lt;3\xd5\x1a\x00\x00\xc09\x87\xe3\'\x9an\\\xbfv\xe2\x17\x9f\xafZ\xbf)\xb7\\\xb3\'\xd7I\xaa\xd3\xc8\x16\x97\x90\x90\x99\xc3\x99\x8e\xfd\x80\xb3!\x00\x08\xa5z(Pxhg\xa0\xa2\xa4\xf8\xd0\x0e\xea/jZ7c\xd0\xc0\xfe\x97\\~\xa5;&gt;\x01\x8e\xb7\xfe\xce\xe6\xa7T\xde\xa9\xa1P\xf0\x97\x9f\xa7\xfc\xf8\xe3\xd4\x8d;\x0fh&amp;W|f\x03GbZ|Z\xb65.^`\xddqv\x04\x08*)\x15\x05\x87\xbd\xa5\x05%\xb9\xfb&lt;y\x07\\\x8a\xd6\xa1U\x93\xab\xaf\x19\xd9\xadG/8\xa1o}\xe6?B\x08\xc6\x98q3\xec?t\xe8\xf3\xaf\xbeZ\xb9dI\xd9\xee]i\x84\xb4HJt\x99-M\x92\x12\xf1\xfd\x18\x16\x02\xc4\x8e\xe2\xe2\xb2`pKQ\xf11!\xdc\r\x1av&lt;\xff\xfc\xeb\xae\xbe\xba^V\x16\x00\x18\xcb=\xab\xbb\xbf%j\x82\xaa\xaa!U\xad\xfcp\xc3\xba5O&gt;\x</t>
        </is>
      </c>
    </row>
    <row r="407">
      <c r="A407" s="1" t="n">
        <v>405</v>
      </c>
      <c r="B407" t="inlineStr">
        <is>
          <t>circle_size_number</t>
        </is>
      </c>
      <c r="C407" t="inlineStr">
        <is>
          <t>What is the missing number of the part denoted with a question mark?</t>
        </is>
      </c>
      <c r="D407" t="inlineStr">
        <is>
          <t>[5, 2, 3, 4]</t>
        </is>
      </c>
      <c r="E407" t="inlineStr">
        <is>
          <t>5</t>
        </is>
      </c>
      <c r="F407" t="inlineStr">
        <is>
          <t>There are 6 numbered circles with varying sizes arranged in a ring with number ['?', 2, 3, 3, 5, 2] in a clockwise order.</t>
        </is>
      </c>
      <c r="G407" t="inlineStr">
        <is>
          <t>We observe that the size of the circle is related to the number in the circle. The circle with the largest value 5 seems to be the biggest and the circle with the smallest value 2 seems to be the smallest. Thus, the pattern is that the larger the number the larger the circle.</t>
        </is>
      </c>
      <c r="H407" t="inlineStr">
        <is>
          <t>Based on the pattern that the larger the number the larger the circle, the missing number of the circle denoted with a question mark should be 5.</t>
        </is>
      </c>
      <c r="I407" t="inlineStr">
        <is>
          <t>b'\x89PNG\r\n\x1a\n\x00\x00\x00\rIHDR\x00\x00\x02\x00\x00\x00\x02\x00\x08\x02\x00\x00\x00{\x1aC\xad\x00\x00\xa1zIDATx\x9c\xec\xbdg\\TW\xf7\xbf}\xa63\x85i4K\xb0\x82"E:\xa2\x82\x1a{E\x14k\x14\x0b\xf16\x8a=\x89-\x1a\x8dI\x8c\x89\xd1\x18+j\xd4X\xa2\xb1\x8b\x8a\xbd\xc4\x8a(]E\xb0\x17,\xd4i0L;\xe5y\xb1\xfe\xce\xc3O\x8d\xb1\xc0\xcc\x99\x99}\xbd\xb8?\xded\x18\xf6\xcc\xd9{}\xd7^k\xed\xb5\x19\x14Ea\x08\x04\x02\x81p&lt;\x98\xd6\x1e\x00\x02\x81@ \xac\x03\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85m\xed\x01 \xac\x0fEQ\x18\x86\x91$Y\xfd\xff\xbe\x0e\x83\xc10\xff\x03\xb0\xcc\xf0\x10\x08D-\xc1\xf8\xb7\xd5\x8e\xb0W\xa8j\x80\x1dg2?p#H\x92$\xc8\x06\xbc\t\x92\x04\x04\xc2\xb6@\x02\xe0\x10P\x14E\x92$X|\x16\x8b\xf5\xca\x7fU(\x14F\xa3133\x93 \x08\x1c\xc7/_\xbe\x8c\xe3\xf8\xeb\xef\x10\x1a\x1a*\x93\xc9(\x8a\xf2\xf7\xf7\x17\x8b\xc5nnn\xaf\xbc\x06\xf4\x00\x89\x01\x02a+ \x01\xb0g\xc0\xe8c\x18V\xdd\xe8WTT\xdc\xbd{\xf7\xfa\xf5\xeb\xd9\xd9\xd9\xf9\xf9\xf9j\xb5\xba\xac\xac\x8c\xa2(\xa9T\n\xf2\xe0\xef\xef\xcff\xb3\xabO\x0c\x8a\xa2X,VAAAEE\x05\x8b\xc5R\xab\xd58\x8eK\xa5R\x81@\x10\x18\x18\xe8\xed\xed\x1d\x14\x14\x14\x10\x10\xe0\xe2\xe2R\xfdO\x93$\xc9d2?x{\x81@ j\x1b$\x00v\x08\xf8\xfb\xd5c;Z\xad6==\xfd\xdc\xb9s\xa9\xa9\xa9\x85\x85\x85,\x16\xcb\xc3\xc3\xc3\xcb\xcb+  \xc0\xc3\xc3\xc3\xdf\xdf\x9f\xc7\xe3}\xf2\xc9\'\xa0\x13\xafo\x11\x00\xb3\x83\xff\xfc\xf9s\xa3\xd1\x98\x9f\x9f_ZZ\x9a\x95\x95\xf5\xf8\xf1\xe3\xc7\x8f\x1fk\xb5Zww\xf7\xf0\xf0\xf0\x8e\x1d;\xb6i\xd3\xc6\xbc?\x80\xc1\xa0=\x01\x02AC\x90\x00\xd8\x15`\xa3\xd9\xec\xff\x97\xdb\x7f\xfc\xf8\xf1\xb9s\xe7\x0e\x1f&gt;\x9c\x95\x95%\x91H|}}\xa3\xa2\xa2Z\xb7n\xed\xe9\xe9i\xf6\xd6I\x92\xd4\xe9t\x14E\x19\x0c\x06\xf3O\xde\xf8\xe6\xe6\xc4/\x87\xc3a2\x99NNN,\x16\x0b~RYY\xf9\xec\xd9\xb3\x8c\x8c\x8c\xf3\xe7\xcf\xe7\xe4\xe4\x14\x17\x177m\xda4&amp;&amp;\xa6C\x87\x0eAAA\xf0\xeb\x04A`\xff\xae.\x08\x04\xc2\xf2 \x01\xb0\x13\x08\x820\xbb\xfc\x1a\x8d&amp;%%e\xfd\xfa\xf5w\xee\xdc\xf1\xf2\xf2\xea\xd9\xb3g\xbbv\xed\x82\x82\x82\x04\x02\x01\x86aUUUF\xa3\x11\xc7qH\t`\x18\x06\xbf\xf5\xee\x1e:\xcc\x99\xea\x99d\x16\x8b\xc5\xe5r\x05\x02\x01\x83\xc1\xc0q&lt;??\xff\xf2\xe5\xcb\xc7\x8e\x1d\xcb\xce\xce\x96\xc9d\xf1\xf1\xf1\x03\x07\x0el\xd8\xb0!\x866\x04\x08\x04\x9d@\x02`\xf3\x10\x04a\xb6\xa7\xd9\xd9\xd9III\'N\x9c\xa8[\xb7n\\\\\\\xaf^\xbd|||\x98L\xa6^\xaf\xaf\xaa\xaa2\x8bDm\x18_s\x9e\x99\xc9d\xf2\xf9|\x10\x9b\xa7O\x9f\x9e:uj\xef\xde\xbd999\xe1\xe1\xe1\t\t\t111\xaf\x0f\x1b\x81@X\x05$\x006Lu\x1bz\xe8\xd0\xa1\xe5\xcb\x97?|\xf8\xb0{\xf7\xee#F\x8c\x08\x0e\x0e\xe6\xf1xZ\xad\x16\xc2;\x16N\xc6\x82\x18`\x18\xc6\xe5r\xc5b1\x86a\xf9\xf9\xf9\xfb\xf7\xef\xdf\xb6m\x9b\xb3\xb3\xf3\x88\x11#\xbe\xf8\xe2\x0b.\x97\x8b!\x19@ \xac\n\x12\x00\x9b\x04\x92\xb1`7\x93\x93\x93\x97/_\xfe\xe2\xc5\x8b\x84\x84\x84\xe1\xc3\x87\xd7\xabW\xcf`0TVV\x92$i\x8e\xd1[\x0b\xb3\x12\xf0\xf9|\xa1PXQQq\xf4\xe8\xd1e\xcb\x96\xe9t\xba\x84\x84\x84q\xe3\xc6\xf1x&lt;\x0c\xc3\x08\x82@\xb9\x01\x04\xc2\xf2 \x01\xb01\xc0\xa4\x82\xb9&lt;|\xf8\xf0o\xbf\xfdF\x10Dbbb\xaf^\xbd\x9c\x9d\x9d5\x1a\x8d\xc1`\xa0a\xf1%EQ\x04A\xb0\xd9l\x89DB\x10Djj\xea\xef\xbf\xff\xfe\xf0\xe1\xc3\xcf?\xff|\xfc\xf8\xf1l6\x1bt\x82n\xc3F \xec\x1b$\x00\xb6\x84\xd9S\xce\xc9\xc9\x998qbQQ\xd1\xfc\xf9\xf3\x87\x0e\x1d\xcad2\xa16\xdf\xea.\xff\x7f\x02y\x08ggg.\x97{\xf1\xe2\xc5\x193f\x94\x97\x97\xff\xf2\xcb/\xfd\xfa\xf5\xc30\x0c\xc7qs\t\x13\xe2}1\xaf\xe5\x7f\xab\xe32\xeb+\xcd\'\t\xc2b \x01\xb0\r\xa0\xde\x86\xc9dj4\x9a)S\xa6\x9c:uj\xea\xd4\xa9c\xc6\x8c\x91H$\n\x85\x02\x0ejY{\x8c\xef\x01\x94\xabJ$\x12&amp;\x93y\xf0\xe0\xc1\xef\xbf\xff^(\x14n\xda\xb4\xc9\xc7\xc7\x07\xfe+\xda\n\xbc\x0b\x90u\x87%\xfc^\xdb&gt;\xf3/2\xaaQ\x9b#E\xd0\x14$\x006\x80\xd9\xf1?p\xe0\xc0\x94)S\xa2\xa3\xa3\x17-Z\xd4\xa0A\x03\x95J\x05^\xbf\xb5\x07\xf8\x81\x80\xa3*\x93\xc9\xaa\xaa\xaa\x96,Y\xb2a\xc3\x86\xf1\xe3\xc7\xcf\x9e=\x9b\xc9d\xa2\xad\xc0\xbfa&gt;\x8e\xf7\xfas\'\x08B\xa1P0\x18\x8c\xbc\xbc&lt;\x95J\xf5\x8aMg\xb3\xd9!!!,\x16\x8b\xcf\xe7\x8bD\xa2\xd7\x7f\x17&lt;\x0c$\x06\x0e\x05\x12\x00\xba\x03\xa6P\xa3\xd1$$$\x14\x14\x14\xfc\xf8\xe3\x8f\xb1\xb1\xb1\x95\x95\x95:\x9d\xce&gt;L$\xc8\x9bL&amp;\xcb\xc9\xc9\xf9\xfa\xeb\xafKJJv\xef\xde\xed\xe3\xe3\x83\n\x84\xaa\x03v\xff\x95\x10\xdf\x83\x07\x0fn\xde\xbc\x99\x95\x95\xf5\xe8\xd1\xa3\xdb\xb7oWVVVUU\x91$\xe9\xec\xec\xcc\xe3\xf1 \xda\x86a\x18x\xfa\x14E\xa9T*\x0c\xc3\xb8\\\xaeT*\xad_\xbf~\xe3\xc6\x8d[\xb7n\xed\xe5\xe5\xe5\xe7\xe7W}.\xe18\x8e\x1a:9\x08H\x00\xe8\x8b9\xdf{\xee\xdc\xb9\xf8\xf8\xf8\x98\x98\x98_~\xf9E \x10\x94\x97\x97\xd3?\xd6\xff\xbe\xe08.\x12\x89\xf8|~RR\xd2\x82\x05\x0bf\xcf\x9e=e\xca\x14\xcc\xe1\x0b\x84\xcc\xc9s\xf3O\xee\xdd\xbbw\xe4\xc8\x91\xf3\xe7\xcf?~\xfc\xb8\xac\xacL.\x97\xfb\xf8\xf84j\xd4(  \xa0n\xdd\xba\x8d\x1a52\x99L\xf5\xea\xd5\x13\x08\x04\xd53\x01\x0c\x06\x83 \x88\xc2\xc2B\x06\x83\xa1P(\xee\xdd\xbb\xf7\xe0\xc1\x83{\xf7\xee\xe5\xe7\xe7\x17\x15\x159;;{xxDEE\xf5\xe9\xd3\'((\xc8\x1cJ\xc2q\x9c\x86\x05\x05\x88\x1a\x04\t\x00M1\x1b\xbe\xef\xbf\xff~\xe5\xca\x95\xabV\xad\x1a&lt;x\xb0R\xa9\xb4\xe3\xd8\x088\xb9nnn999C\x87\x0e\xf5\xf3\xf3\xdb\xb2e\x8bP(\xb4\xe3\x8f\xfc\x16 Lo\x16\xbf\xac\xac\xac}\xfb\xf6\x1d9r\xa4\xb2\xb2\xd2\xd3\xd33222**\xca\xcf\xcf\xaf^\xbdzp\xa2\x82\xa2(\x93\xc9d0\x18\x18\x0c\x86\xc9dzc\x1e\x18\x8anY,\x16\x8f\xc7\x03\xb3N\x10Dii\xe9\xdd\xbbw\xaf\\\xb9r\xf9\xf2\xe5\xfb\xf7\xef\x1b\x8d\xc6v\xed\xda\r\x1e&lt;\xf8\xd3O?\x85\xaf\xdd|\xbe\xcf\xce|\x0e\x04\x86\x04\x80\x9e\x80\xc9S\xab\xd5\x03\x06\x0c(//\xdf\xb3gO\xd3\xa6MKJJ\xd8l\xb6\xdd/B\x93\xc9\x04\xa5\xa2c\xc6\x8cIOO\xdf\xb1cGxx\xb8Ci@\xf5\xd8\xd7\x8b\x17/\xd6\xacYs\xec\xd81\xbd^\x1f\x1a\x1a\xda\xa3G\x8f\xd6\xad[CS\r\x1c\xc7u:\x9d\xd1h4_\xc9`\x0e\xdf\xff\xdb$\xa9\xde\xc3\x03\xfe\xc1d29\x1c\x0e\x8f\xc7\x03m(//OOO?}\xfa\xf4\xb9s\xe7\xf4z}dddbbbHH\xc8\xeb\x03C\xd8\x07H\x00h\x07\x18\xbb\xfc\xfc\xfc\xd8\xd8\xd8\xf6\xed\xdb\'%%\x19\x0c\x06\xadV\xebP\x16\x10\xb2\x02III\xf3\xe6\xcd[\xbf~}\xbf~\xfdL&amp;\x13\x87\xc3\xb1\xf6\xd0j\x97\xea\x87!\xae]\xbb\xb6d\xc9\x92\xac\xac,oo\xef\x91#Gv\xef\xde]*\x95\x92$\xa9\xd5j\r\x06C\r&amp;l\xcd=\x9d0\x0cc\xb3\xd9B\xa1\x90\xc3\xe1\xe8\xf5\xfa+W\xael\xde\xbc\xf9\xe2\xc5\x8b\x8d\x1b7\x9e8qbll,\xfc-\x07\x0f\xca\xd9\x19H\x00\xe8\x05X\xff\xd4\xd4\xd4&gt;}\xfa\xcc\x9e=\xfb\xeb\xaf\xbf.//\xc7\x1c\xef\x84\x14EQ8\x8e\xbb\xbb\xbb\xff\xf3\xcf?\x03\x07\x0e\x9c3g\xce\xb4i\xd3\xec\xd8\x03}\xe5|\xdf\xa2E\x8b***z\xf5\xea5|\xf8p\x7f\x7f\x7f\x92$5\x1a\x8d\xc9d\xb2@n\xd6\x9cm\x16\x89D\\.\xf7\xd9\xb3g\xbbw\xef&gt;p\xe0@iiibb":\xb5gg \x01\xa0\x11`\xfd\xb7n\xdd:m\xda\xb4\x9d;wv\xe9\xd2\xa5\xa4\xa4\xc4\xee\xdd\xde\xb7`2\x99\xe4ryqqq\xfb\xf6\xed\xfb\xf4\xe9\xb3l\xd9\xb2\xea=0\xec\x06\xb3O}\xe1\xc2\x85\x993g\x96\x97\x97\x8f\x1d;6!!A.\x97C7\'\xcc\x1am\xb4A\tx&lt;\x9eX,6\x1a\x8d\x07\x0f\x1e\\\xbat\xa9R\xa9\x9c1c\xc6\xe7\x9f\x7f\x8e\xa1\x88\x90]\x80\x04\x80.@\x88c\xf9\xf2\xe53f\xcc8~\xfc\xf8\xa7\x9f~Z\\\\\x0c\xf9=G\x06\xc7qggg\x95J\x15\x19\x19\x19\x1e\x1e\xbeg\xcf\x1e{\xb2;fW\xfa\xe9\xd3\xa7S\xa6L\xc9\xcb\xcb\x1b3f\xcc\x981c\xa4R\xa9J\xa52\x99LV/\xf7\x822$&amp;\x93)\x93\xc9H\x92LNN\xfe\xed\xb7\xdf(\x8a\xfa\xe5\x97_\xda\xb5k\x87\xa1\x88\x90\x8d\x83\x04\x80\x16\x80\xf5_\xb2d\xc9\xaaU\xab\xce\x9d;\xf7\xc9\'\x9f(\x95J\xc7\t\xfa\xbf\x1d\x82  K\x19\x13\x13#\x10\x08\xf6\xef\xdfo\x1f\x1a`6\x9d?\xfd\xf4\xd3\xa6M\x9bz\xf6\xec9k\xd6\xacz\xf5\xea\xd1\xb3\xd6\x0bN\x15\xc8d2\xa3\xd1\xb8z\xf5\xea\xb5k\xd7FEE\xadX\xb1\xc2\xd9\xd9\xd9&amp;z\x90 \xde\x08\x12\x00\xeb\x03\xd6\xff\xf7\xdf\x7f_\xb6lYZZ\x9a\\.\xd7h4t[\xff\xd6\x05\xae9\x93H$\xdd\xbbwwvv\xde\xb3g\x8fM\x1b\x1ds\xc4\xbf\xa0\xa0`\xe4\xc8\x918\x8e\xaf_\xbf&gt;44\x14z\xf9\xd1\xf9\xd1\x83\x0c\xb8\xb8\xb8\x14\x17\x17\x7f\xf9\xe5\x97\x17/^\\\xb5j\x15\xdc\xf1\x80\x1ax\xd8"\xe8\x81Y\x19\x1c\xc79\x1cNRR\xd2\xdc\xb9s\xd3\xd2\xd2d2\x19\xb2\xfe\xaf\x03\xcd!\x14\n\xc5\xf1\xe3\xc7\x9f&lt;y2p\xe0@6\x9b\rwL\xda\x1c`CY,\xd6\x8a\x15+&gt;\xfd\xf4\xd3\x9e={^\xbdz\xd5\xcf\xcf\xaf\xa4\xa4\x84\x86\x8e\xff+\xb0X,&amp;\x93YZZ\xca\xe7\xf3\xb7o\xdf\xbed\xc9\x92\xf1\xe3\xc7\'$$@U\x12\x8e\xe3\xd6\x1e \xe2\xfd@;\x00k\x02A\x80K\x97.u\xeb\xd6\xed\xc8\x91#QQQ(\xf2\xf3\x16H\x92\xe4r\xb9:\x9d.$$d\xca\x94)\xd3\xa7O\xb7\xb9\xdaPx\xe2\x95\x95\x95\xa3F\x8d\xbau\xeb\xd6\x8e\x1d;\x82\x82\x82l\xb1\xd0\x0br\x03\xae\xae\xae\xe5\xe5\xe5\t\t\t\x0f\x1f&gt;\xdc\xbbwo\xf3\xe6\xcd\xe9\xafa\x88\xea\xd8\xd2\x9c\xb33\xc0\x16dgg\xc7\xc4\xc4\x1c&lt;x\xb0C\x87\x0e\xc8\xfa\xbf\x1d&amp;\x93i0\x18D"QFF\xc6\xca\x95+\xd7\xacY\xc3\xe1pl\xc8\xeb\x84\xb0UFFFHH\x08\x97\xcb\xcd\xc8\xc8h\xd1\xa2EII\x89-\xb6[`0\x18l6\xbb\xac\xac\x8c\xcb\xe5\x1e:t(&gt;&gt;&gt;::z\xeb\xd6\xad\xb6\xbb3sL\xd0\x0e\xc0:\xc0\xd1\x1b\xa5R\x19\x14\x144{\xf6\xec\xc4\xc4DT\xf3\xf3\x8e\xe08.\x93\xc9\xf2\xf2\xf2\xa2\xa2\xa2N\x9c8\xd1\xa6M\x1b\x9b\x88&gt;\x83k|\xee\xdc\xb9\xb8\xb8\xb8Y\xb3fM\x9f&gt;]\xa9T\xdaA\t\rl\x05\xdc\xdc\xdc\xce\x9e=\x0b\'6\xbe\xfc\xf2K\xfb\xc8\xd2;\x02H\x00\xac\x03\x98\x83\xd0\xd0\xd0O?\xfdt\xc9\x92%\x0e^\xef\xff\xbe\x98L&amp;WW\xd7\xa3G\x8f~\xf6\xd9gw\xee\xdc\xf1\xf0\xf0\x80\x18\xb4\xb5\xc7\xf5\xaf\x98k|g\xcf\x9e\x9d\x92\x92\xd2\xb1cG;k\xec\x01\'6JKK\xdb\xb6m\x1b\x16\x16\xb6{\xf7n\xa4\x016\x01\x12\x00+\x00\xd6\x7f\xda\xb4iW\xaf^MMM-//\xa7\xb3\xf1\xa2\'&amp;\x93\xc9\xdd\xdd}\xd6\xacY\xa7N\x9d\xca\xcc\xcc\xa4s\xe8\x19\xac\xff\xd2\xa5KW\xacX\x91\x92\x92\xe2\xeb\xeb[^^n\x7fz\x8f\xe3\xb8P(4\x18\x0cC\x86\x0c\x11\x89D\xfb\xf6\xedC\x1a@\x7f\x90\x00X\x1a\xd8\xf5\xa7\xa4\xa4\x8c\x181"//O$\x12\x19\x8dF$\x00\x1f\x00I\x92r\xb9\xbcm\xdb\xb6\xadZ\xb5Z\xb6l\x19=5\xc0|\xc2c\xe5\xca\x95iiinnnv\x9c\xe9!\x08\x82\xcb\xe5\x8a\xc5\xe2\x1e=z\xf0\xf9|\xbb9\xb1a\xc7 \x01\xb0(\xd0\xc9\xa0\xb4\xb4\xd4\xdb\xdb{\xe7\xce\x9d]\xbbvU(\x14\xf6j\x0ej\x1b(\n\xaa\xac\xac\xf4\xf3\xf3\xdb\xb6m[\xaf^\xbd\xe8\x16R\x07M2[\x7f\xa9TZYYi\xdf\x8f\x1b\xf212\x99\xcc\xac\x01v\xd9\xbd\xc3n@\x8e\xa7E\x81\xa3\xff\xc3\x86\r\xfb\xe2\x8b/z\xf4\xe8Q^^n\xdf\xe6\xa0Va2\x99z\xbd\xde\xc3\xc3c\xeb\xd6\xad\xe3\xc6\x8d+))\xc1\xaa]\x8cnu\xc0\xfa/_\xbe|\xd5\xaaU\x0eb\xfd1\x0cc2\x99$I*\x95\xcac\xc7\x8e\xe9t\xba\xc1\x83\x07\xc3\xf9\x00\xfa&lt;\x17Du\xd0\x0e\xc0r\x80EX\xb3f\xcd\xaaU\xabn\xde\xbc\xa9T*Q\xe4\xe7\xe3\x81d\xc0\x981c\xca\xcb\xcb\x0f\x1c8@\x93@\x10\x0c#%%%&amp;&amp;\xe6\xc1\x83\x07u\xeb\xd6u\xa8\xf3}\xe6}@\xb3f\xcdz\xf4\xe8\xb1|\xf9r\x9b;\xb1\xe1  \x01\xb0\x10\xb0\x11.))i\xd1\xa2\xc5\xd1\xa3G\x83\x83\x83+**h\x15\xaf\xb0Q\xe0\xc2[6\x9b\xed\xe3\xe3\xb3n\xdd\xba\xde\xbd{[=\x10\x04\xe6/--\xadw\xef\xde\xbbw\xef\x8e\x8e\x8eV\xa9T\x8ec\xfd\x01\x92$9\x1c\x8eV\xabm\xdb\xb6\xed\x94)S\xa6L\x99b\xf5\xe7\x82x\x1d$\x00\x16\x02f\x7f\xf7\xee\xdd\x1b6l\xb8n\xdd\xba\xd2\xd2RG\xb3\x08\xb5\x07A\x102\x99l\xf7\xee\xdd_}\xf5U~~\xbeH$\xb2b\xe2\x11Nx\xa8\xd5j//\xaf\x1f\x7f\xfcq\xfc\xf8\xf1\x0e[\xe3\x8b\xe3\xb8T*\xcd\xcf\xcf\x0f\t\t9\x7f\xfe|\xdb\xb6m\x91\x06\xd0\r$\x00\x96\x00\xe6\xfd\x89\x13\'\xe2\xe3\xe3\xef\xdf\xbfO\x10\x04l\x08\xac=.\xfb\x01\xc7q77\xb7.]\xba\xf8\xfb\xfb[\xb7"\x08\xfet\xc7\x8e\x1d\xbd\xbd\xbd\xd7\xad[\xe7\xe0\xe7\xfb @\xb7k\xd7\xae\x89\x13\'\xde\xb9sG"\x91\xa0\x840\xad@\x02P\xeb\x80K\x88\xe38\x1c\xfa\x1d6l\x98B\xa1@~P\xcdBQ\x14\\_\xd5\xbe}\xfbs\xe7\xce5k\xd6\x0c\xb3Fw\x1dP\xfa\x1f\x7f\xfcq\xe7\xce\x9d999j\xb5\x1a\xa5y@\x03\xc6\x8e\x1d{\xff\xfe\xfd3g\xce\xd0$I\x83\x00\x90\x00\xd4:`\x14V\xadZ\xb5z\xf5\xea\xbc\xbc&lt;\x94\xfb\xad%\xcc\xd9\xe0\xa2\xa2\xa2\x94\x94\x14\xcbG\x1b \xf4\x7f\xed\xda\xb5\x8e\x1d;\xe6\xe6\xe6\xd6\xa9SG\xaf\xd7\xa3g\x8da\x18I\x92R\xa94  `\xe4\xc8\x913g\xceD\x81 \xfa\x80\x04\xa0v\x01\xf7\xdf`0\x04\x06\x06._\xbe\xbcS\xa7N\x1a\x8d\x06\xcd\xfe\xda\x80\xa2(6\x9b]YY\xd9\xa6M\x9bC\x87\x0e\x05\x04\x04X\xb2?\x04\xb4\xf8\xa7(\xaay\xf3\xe6\xd3\xa6M\x9b8q"J\xf3\x98!\x08B$\x12\xe5\xe7\xe7GGGgee5k\xd6\xcc&amp;\xda79\x02\xe8\x19\xd4.0\xd1\xd7\xaf_\xdf\xb4i\xd3\x1e=z\xa8\xd5jd\xfdk\t\x06\x83a0\x18\xea\xd5\xab7v\xec\xd8y\xf3\xe61\x18\x16un\xe0\x82\x97\x193f\xd4\xaf_\x7f\xe2\xc4\x89eee\xc8\xfa\x9ba\xb1X\x1a\x8d&amp;88x\xda\xb4iC\x87\x0e\x05\xaf\xc8\xda\x83B`\x18\xda\x01\xd4*f\xf7?44t\xed\xda\xb5\x11\x11\x11Z\xad\x169&gt;\xb5\n\x83\xc1 \x08\xa2m\xdb\xb6\xbbv\xedj\xd9\xb2\xa5e6\x01\x90\xd2\xbfu\xebVTTTFF\x86\x87\x87\x87\xc1`@\x0f\xfa\x15 \x10\x14\x14\x144~\xfc\xf8\xc4\xc4D\x14\x08\xa2\x03h\x8e\xd6"\xe0\xfe\xff\xf1\xc7\x1f"\x91\xa8]\xbbv\x95\x95\x95\xc8(\xd46&amp;\x93\xc9\xc5\xc5\xa5g\xcf\x9es\xe7\xce\xb5\xd8&amp;\x00\xce"\x8c\x1a5j\xe6\xcc\x99M\x9b6\xad\xaa\xaaB\x0f\xfau\xa0\x14b\xfd\xfa\xf5\xdf~\xfbmYY\x99\x85\xb7h\x887\x82\xa6i-\xc2d2\t\x82X\xbe|\xf9\xb4i\xd3l\xe8\xde\x12\x9b\x06\xee\xdbJLL\xbcr\xe5\xca\x9d;wX,\x16\xb4\xdf\xa8=\xc0\x93=x\xf0\xa0R\xa9LLLT*\x95\x8eY\xf5\xff\x9f@ \xa8u\xeb\xd6\xed\xdb\xb7_\xb0`\x014\x8d\xb0\xf6\xa0\x1c\x1d$\x00\xb5\x05\\\xfdz\xe4\xc8\x11.\x97\x1b\x17\x17\x87r\xbf\x96\x81\xc1`\xe8t://\xafn\xdd\xba\xadX\xb1\x02\xab\xe5\xee@\xe0\xfb\x1b\x8d\xc6\x89\x13\'\xfe\xf4\xd3O"\x91\x08)\xfd[\x00y^\xb6l\xd9\xb6m\xdb\xf2\xf2\xf2\x90\x06X\x1d$\x00\xb5\xcb\x92%K\x86\x0f\x1f\xce\xe5r\xd1=y\x16\x03\x9a\xc4\x8d\x1b7\xee\xc0\x81\x03\x15\x15\x15L&amp;\xb3\xf64\xc0\x1c\xe5\x93J\xa5\xfd\xfb\xf7\xb7\xe3V\xcf5\x02\xc8s\xc3\x86\r\x07\x0f\x1e\xfc\xcd7\xdf\xa0(\x90\xd5A\x02P+@M\xc8\xad[\xb7\xee\xdd\xbb\x97\x90\x90\x80\xdc\x7fK\xc2d2+++\xa3\xa3\xa3===\xff\xfa\xeb/H\x0b\xd7\xc6\x1f\x82\x0c\xb3N\xa7\xfb\xf9\xe7\x9f-\x99r\xb0i`\x130k\xd6\xac\x0b\x17.\\\xbf~\x1dm\x02\xac\x0b\x12\x80Z\x01\xe6\xf4\x8e\x1d;BBB\xea\xd6\xadk0\x18\xd0\xf1w\x0bCQT\xff\xfe\xfd\xff\xfe\xfbo\xac\xd6\x8e\x04C\xf1\xcf\xe1\xc3\x87]]]\xfb\xf7\xef\xafR\xa9\x90\xcc\xff\'\xb0\th\xdc\xb8\xf1\x80\x01\x03V\xacX\xc1`0\x90\x00X\x11$\x00\xb5\x02\x8b\xc52\x99L\xbbw\xef\x1e;v,\x8e\xe3\xc8\xfa[\x18\xd8\x04\x0c\x1b6\xec\xc1\x83\x07\xb7n\xdd\xaa%7\x13\x1e\xeb\xd2\xa5K\'L\x98\xc0f\xb3\x91!{GX,\x96V\xab\x9d6m\xda\x89\x13\'\x8a\x8b\x8bY,\x16\xda9Y\x0b$\x005\x0f\xa4\x7f/^\xbc\xa8\xd3\xe9\xa0\xfa\x139\x86\x16\x86\xc1`\xe8\xf5\xfa\xfa\xf5\xeb\xc3ea\xd8\xcb=Y\r\x02\xd1\xff\xec\xec\xec\x17/^\xf4\xed\xdb\xd7\xa1\xda\xfd\x7f$\xb0\th\xd1\xa2\x85\xb7\xb7\xf7\xb6m\xdbj/F\x87\xf8O\x90\x00\xd4&lt;\xe0\xce\x1c&lt;x\xb0]\xbbvR\xa9\xd4d2Y{D\x8e\x08D\xe4\x07\x0c\x18p\xfa\xf4i\xac\x16\xa2@\xf0\x94\x7f\xfc\xf1\xc7\x1e=z\xb8\xb9\xb9\x19\x8d\xc6\x9a}\x7f\xbb\x87 \x88\xb1c\xc7\xae^\xbd\xdah4"\x0f\xc9Z \x01\xa8y \xe0p\xe5\xca\x95\x01\x03\x06\xa0\xf8\x8f\xb5\x80(P\xb7n\xdd\xd4j\xf5\x93\'Oj\xb6\x16\x88\xa2(\x16\x8b\xa5V\xab\xd3\xd2\xd2\x12\x12\x12P\xd3\xb7\xf7\x85\xc5bUTT\xf4\xec\xd9\x93\xc1`\xa4\xa6\xa6\xa2M\x80\xb5@\xb3\xb6\x86\x81\xc8\xc0\xad[\xb7\x9e&gt;}\xda\xbauk[9\x14J\xbd?\xd6\x1e\xf2\x7f\x00\xad\x81&lt;==\xdd\xdc\xdc\x0e\x1e&lt;\x88aX\r\x9a\x18\x08(\x1d=z\xb4Q\xa3Faaa\xb4:\xe3MQ\x14A\x10\xf8\xff\x05\x1a\xd5Y{h\xff\x07\x1c\xc7\xc5bq\xdf\xbe}\xff\xfa\xeb/\x8cN\x979;\x14(jY\xc3\x80\x00\x9c&gt;}:00\xd0\xc3\xc3\xa3\xbc\xbc\x9c\xfe\xdb[\xb8R\xf1\xbd~\x05\xacL-\x8d\xa7\xa6\x80SZ\xdd\xbbw?{\xf6\xec\xa4I\x93j|+\xb6g\xcf\x9e\x9e={\xd2$\x87\t\xedH\x19\x0c\x86\x93\x93\x13\x8f\xc7\x83\x07\n\xdf\x00EQF\xa3Q\xa7\xd3\x99L&amp;\x16\x8bE\x93-)\x93\xc94\x18\x0c\xb1\xb1\xb1\xe3\xc7\x8f7\x18\x0c\x8e|m\x8e\x15A\x02P\xc3\xc0\xea:\x7f\xfe|TT\x94M\x14\x863\x18\x0c\x1c\xc7U*\xd5{\xfd\x16\x93\xc9tvv\xae\x9d\x11\xd5\x18L&amp;\xd3h4\xb6k\xd7n\xc7\x8e\x1d5hb \xfe\xa3P(233\xe7\xcd\x9b\xa7\xd3\xe9\xac\xae\xf18\x8es\xb9\\\xa9Tj4\x1a\x1f&lt;x\x90\x97\x97w\xef\xde\xbd\xb2\xb22\xa3\xd1(\x14\n===\xfd\xfd\xfd\x03\x02\x02\\]]\xd5j5A\x10t\xd8\xaf0\x99L\xadV\x1b\x11\x11\x81a\xd8\xc5\x8b\x17;w\xee\x8c\xda\xc3Y\x1e$\x005\x0c\xf85\x05\x05\x05S\xa7N5\x1a\x8dtXio\x81 \x08\xa9Tz\xe8\xd0\xa1\x84\x84\x84w\\{\x90\xe1h\xd4\xa8\xd1\xf1\xe3\xc79\x1c\x0e\x9d\xef\xb6d2\x99UUU\x01\x01\x01\x04A\x14\x14\x14\x04\x06\x06\xd6H\x1bz8\xe5w\xe5\xca\x15\x91H\xd4\xbcys\x9dNg\xc5o\x00\x82Q...\xa5\xa5\xa5;w\xee\xdc\xb7o_ZZZEE\xc5\xeb\xaf\x0c\x08\x08\x181b\xc4\xe7\x9f\x7f.\x10\x08\xb4Z-\x1dL-A\x10|&gt;?888%%\xa5s\xe7\xce\xf4\xf7\x96\xec\x0f$\x005\t\xd8\x97\xfc\xfc|\x92$\x03\x02\x02\xe8\x9f\x00\x00g\xf6\xf9\xf3\xe7j\xb5\xfa\xbd~\x91\x0e\xe6\xe3]\xc0q\xdc\xd5\xd5\xd5\xdb\xdb\xfb\xec\xd9\xb35%\x00`\xa7\x92\x93\x93\xa3\xa3\xa3\xf9|~ee\xa5\xb5\n@I\x92\x14\n\x85\x14E\xfd\xf1\xc7\x1f\xcb\x96-\xbb}\xfb6\xfc\xbc~\xfd\xfa^^^\xee\xee\xee\x1c\x0eG\xa3\xd1&lt;|\xf80//\xef\xc6\x8d\x1b\xd3\xa7O\xdf\xbd{\xf7\x86\r\x1b\x9a7o^QQa\xf5\x87\x08\xa7\xc0z\xf7\xee\xbdx\xf1btE\x8cU@\x02P\x93\x80i\xc8\xca\xca\xaa[\xb7\xaeL&amp;\xb3\x95\x04\x80B\xa1`0\x18\x8d\x1b7^\xb8p\xe1\xbb\xbc\x9e\xa2(\xa1P\x08\xb1o\xda\xba\xff\x00&lt;\x91\x80\x80\x80\xac\xac\xac\x9azO\x16\x8bE\x10\xc4\xa5K\x97\xbe\xfd\xf6[+n\x80\xe0\x1a\xe4\x82\x82\x829s\xe6\x1c=z\x14\xc30\xa9T:`\xc0\x80\xfe\xfd\xfb\xb7l\xd9R.\x97s8\x1c\xb0\xb0\x95\x95\x95yyyIII;v\xecHOO\xef\xd1\xa3\xc7\xc9\x93\'\x1b7n\xac\xd3\xe9\xacksa\x8b\x16\x1e\x1e\xfe\xe2\xc5\x8b\xc7\x8f\x1f7n\xdc\x18\xc9\x80\x85A\x02P\x93\x80\xb9IOO\xf7\xf7\xf7\xc7l\xa7\xb0\xa1\xbc\xbc\x9c\xa2\xa8O&gt;\xf9d\xc8\x90!&amp;\x93\xe9]V \x98\x15\x0b\x8c\xed#\x01\x0b\x18\x12\x12r\xe6\xcc\x99\x9ar\xff\x19\x0cFii\xa9N\xa7\x0b\x0f\x0f\xb7\xe2&amp;\x0f\xdc\xff\x93\'O\x82\xf5\x1f9r\xe4\xf4\xe9\xd3}}}q\x1c\xd7\xe9tUUU\xe6\xe9\xc7b\xb1\xc2\xc2\xc2\xb6o\xdf\xde\xa6M\x9bi\xd3\xa6=\x7f\xfe|\xf4\xe8\xd1g\xce\x9c\xb1\xba\xa9\x85J\xad\x86\r\x1b~\xf2\xc9\'YYY\x8d\x1b7\xb6\x95%c7 \x01\xa8I`E\xe5\xe5\xe5\xc5\xc7\xc73\x18\x0c\x9a{\xc7\xd8\xcb\xfb\xb3\xca\xca\xca0\x0c\x93J\xa5\x06\x83\xe1\xdd\x1b\xda\xd0\x7fs\x83a\x184k\xf3\xf5\xf5-//\xaf\xa8\xa8\x90H$\x1f\xb9k\x81\x04\xc0\xd5\xabWe2Y\xc3\x86\r\xa1\xdbh\r\x0e\xf8\xdd\x81\x83\x08\x93&amp;M\xbaw\xef^DD\xc4\x981c\xb4Z-\\\xb4\xc2d2_\x19Uee\xa5F\xa3\x990aBQQ\xd1\x8f?\xfe\x98\x9e\x9e\xbem\xdb\xb6\xf1\xe3\xc7[}\x93J\x92$\x87\xc3\t\x08\x08\xb8p\xe1B\\\\\x1c\x12\x00\x0b\x83v[5\x06X\x16\xadV\xabP(\x9a5kf\x13\r\xe0\xaa\x0b\x80\xab\xab+\x87\xc3a\xbd3\xd6\x1e\xfb;\xc1`0L&amp;S\x9d:u\x9c\x9c\x9c\xee\xdf\xbf\x8f}\xf4\xb6\x0c~=55\xb5q\xe3\xc6\\.\xd7\xea\xfd\x7f\xf4z\xfd\xca\x95+G\x8c\x18QVV\xa6\xd7\xeb\xd9l\xf6\x1b\x0b=Y,\x16\x9b\xcdV*\x95S\xa7Nm\xda\xb4)\x83\xc1\xf8\xeb\xaf\xbf\xac\x1e\x02\xc2^V\xcd\x05\x05\x05edd`\xb5\xd6\xb6\x0f\xf1o\xa0\xaf\xbb&amp;\x81&amp;\'\x15\x15\x15\x9f|\xf2\x89\xd1h\xb4\t\x010\x18\x0cJ\xa5\x12\xc30\x17\x17\x97Zm\x9do-\x08\x82\x90\xcb\xe5NNN\x85\x85\x85\xd8G\x0b\x00&lt;\xd3{\xf7\xee\x85\x85\x85\xd5\xcc\xf8&gt;\x9a\xca\xcaJ\xc8\xe8\xbe\xddzB\xbd\xaf\\.\xef\xd9\xb3\'EQ7o\xde|\xf4\xe8\x11\x8f\xc7\xb3\xee\x13\x87\xebt\x82\x83\x83\xd5juUU\x15\xfd\x97\x8c\x9d\x81\x04\xa0\xc6\x80\x85t\xf3\xe6M\xa9T\xea\xee\xeeN\xff&amp;\x10\xe6v\xf6p\x08\xc0\xc5\xc5\xc5\xfe\xac?\xf6\xf2\xb94k\xd6,\'\'\x07\xab\t\x01 I\xf2\xd1\xa3G\xcd\x9a5\xa3I\t\xec\xeb\x01\x9f\x7f\x03\x12\xf8-[\xb6\xc40\xac\xa2\xa2\xe2\xc9\x93\'V\xdf\xc4\x98\xd3\x00Z\xadV\xa9T\xda\xc4\xd1\x19{\x02\t@\x8d\x01\x13\x17\xee~\x11\n\x85V\x0f\x0e\xbc\x0b,\x16\xab\xaa\xaa\nv\x00\xae\xae\xae\xf4\xaf\xea\xf9\x00@\xe7\x9c\x9d\x9d\xcb\xcb\xcbk\xe4\xad\xd4j\xb5R\xa9l\xd1\xa2\x05\x1dB(\xef\x0bI\x92...\xf0\xef\x8a\x8a\n\xab?ns\x8cN"\x91\xe4\xe5\xe5a\xb5\xd0\xb7\x15\xf1\x16ll\xfa\xd2\x19\x10\x80\xec\xec\xecf\xcd\x9a\xd9\x84#\x03\x87\x004\x1a\x8dV\xab\xc50\xcc\xc5\xc5\xc5.\xd7\x9e\xd9\xed\x852\xf9\x8f1\xd9\xf0L!q*\x91H\xe8\xdf\x0c\xe3\x8dT\xaf\x0e\xb2\xeeH\x00\xc8\x03K\xa5\xd2\xe7\xcf\x9f[{,\x0e\x07\x12\x80\x1a\xa6\xa4\xa4D*\x95\xda\x84\x00`\x18\xc6b\xb1T*\x95^\xaf\xc70L*\x95\xc2M\x06\xd6\x1eT\xad\xe0\xe6\xe6\xa6P(&gt;\xf2M\xe0\x99^\xbf~]*\x95\xd6\xad[\xd7d2\xd9\xdc\xd7\xc5d2a\xc3\xc7`0\xc4b1\x1d$\x1f\xf6U&gt;&gt;&gt;\xe9\xe9\xe9\x98\xed\x14O\xdb\x07H\x00j\x18\x1e\x8fg+\xad\xe1a\x07\xa0T*)\x8arrr\x02\x01\xb0\xf6\xa0j\x05\x084s8\x9c\x1ay7\x81@`4\x1a\xe9`:\xdf\x170\xb5P\r\xe5\xec\xec\\\xaf^\xbdw&lt;\xf6a\x01\xf4z=\x9f\xcf\xb7\xf6(\x1c\x0eZ&lt;{\xfb\x00\x9c\xc1\x9b7o\x86\x84\x84\xd8J0\x9d\xc9dBd\\(\x14:;;\x1b\x8dF\xe2%\xe4K\xa0\xb70A\x106\xea\x9aAi\x96\xbf\xbf\x7fyy\xb9J\xa5\xfa\xf8\xcd\xd9\xed\xdb\xb7===i\xd2\x04\xf4\xbd\x00!LOOg0\x18M\x9b6\xa5I\xad\x1a&lt;\x11//\xafG\x8f\x1ea/\xd7\x11\xc22\xa0\x83`5\x06L\\\xa5RiN\xb2\xd1\x1c\xf0\x07\xe1\x10\x80D"\x91\xcb\xe5\x12\x89\x04{\xd9\xea\xb9z\xa4\x18\x9a\x1fTUU\xc1\xe1\x06\x9a\xf8\x8c\xef\x08\x94?\xcad2\x83\xc1\x00\xf6\xee\x83\r7\xfc"\x08\x80\xcd\x95\xcc\x92$\xc9\xe7\xf3\xef\xdc\xb9\x93\x96\x96FQT\xc7\x8e\x1d\xc5bqii)Mn\xb2\xf4\xf6\xf6NNN\xc6\x90\x00X\x16Z&lt;{{\x82\xcdf\xe38n\xedQ\xbc\x07\xd0\x08H"\x91&lt;\x7f\xfe\xfc\xcc\x993\x05\x05\x05O\x9e&lt;)))\xd1j\xb5\x04Ap\xb9\\\x17\x17\x97\x86\r\x1b\xb6l\xd92""\xa2a\xc3\x86F\xa3\xd1\x8a\xed\xcf&gt;\x0c\xd0\x80\x9a:\x9b\xcd\xe5rm\xa2\r\xc6+@\xeb\x88\xcd\x9b7WVV:99\r\x192\x84VULF\xa3\xb1\xa6bt\x88w\xc7\x96\x96\xb1M`+\xc1\x1f\xeceI\xfb\x83\x07\x0f(\x8a\xbas\xe7NPP\xd0\xdb\xa5\xcb\xc3\xc3\xa3G\x8f\x1e\x13&amp;L\x08\t\t\x81\x92m[\xf9\xa4X\x8d\xfa\x956\xf4\x88\xcd\x80\xf5\xcf\xcb\xcb\xdb\xb4i\x13\x86a\x03\x06\x0c\x08\t\t)//\xa7\x8f\x90\xdbJ\xdd\x84\x9dA\x97\xc7\x8f\xb0&lt;\xe0\x17\x87\x86\x86\xee\xd9\xb3G\xab\xd5\xcad2oo\xef&amp;M\x9a\xd4\xaf__*\x95:99A\xc7\xb7\xe7\xcf\x9f\xe7\xe5\xe5\xe5\xe6\xe6\x16\x17\x17o\xde\xbcy\xcf\x9e=\xdf|\xf3\xcd\xf4\xe9\xd3+**l\xd1\x14:&amp;\xd0:t\xe6\xcc\x99*\x95J*\x95\xce\x9e=\x9bV\xee?\xc2Z \x01p\\\xe0\xda\xf4i\xd3\xa6\x05\x06\x06\xe28\x0e=\x84\xf9|&gt;\x94\x87\x9b\x8d;I\x92:\x9d\xee\xfe\xfd\xfb\xbbw\xef^\xbdz\xb5J\xa5\x9a3g\xce\xb3g\xcf~\xff\xfdw\x8dF\x83\x04\x80\xfe\x98L&amp;ww\xf7_~\xf9\xe5\xc8\x91#\x18\x86-X\xb0\xa0E\x8b\x16eee\xf4q\xff\x11\xd6\x02\xcd\x80\x1a\xc6\xb6v\xb2\x0c\x06\xa3\xa2\xa2\xe2\xd3O?e2\x99z\xbd\xdeh4\xea\xf5\xfaW\xc6\x0fY\xdf\xa6M\x9b\xfe\xf8\xe3\x8f\xfd\xfb\xf7\x1f6lXAA\xc1\x9a5k\xbc\xbd\xbd\'O\x9eL\xab0\xc2[\xa8\xc1\x87b[\x9ag2\x99\\]]\x0f\x1d:4o\xde&lt;\x0c\xc3\x06\x0f\x1e\x9c\x98\x98H\xc3\xa7\x86v\x93V\x01\xed\x01k\x18\x93\xc9d[\xd7[\xc3&gt;@\xadV\xc3\xb1&amp;h\x1bY\x1d\xe8.\xa9\xd7\xeb\x8b\x8b\x8b\x03\x03\x03\x0f\x1c8P\xa7N\x1d&amp;\x93\xf9\xddw\xdf\xdd\xbf\x7f\x9f\xcf\xe7\xd3_\xf0(\x8a\x82\xdb+k\xa4x\x1f\xc7q[\t\x9e\xe08.\x95J\xb3\xb2\xb2\x12\x12\x12\x8cFcXXXRR\x92V\xab\xa5\xe1\xf8\xd9l\xb6\xbd\x1eC\xa13\xb4\x9b\x07\xb6\x0b\xd8\xc1F\x8d\x1a\xdd\xbbw\xcf\xb6|\x19&amp;\x93\xf9\xc6\x1e\xc2\xaf\xbc\x86\xcb\xe5\x96\x95\x95\xf9\xf8\xf8,X\xb0\x80$I\xb5Z\xbdm\xdb6\x91HD\xf3uKQ\x14\x8f\xc7{\xfc\xf8\xb1X,vvv\xfe\x18O\x13~1&lt;&lt;\xfc\xf6\xed\xdb4\xb9Z\xfd-\x10\x04!\x12\x89\n\x0b\x0b\x07\x0f\x1e\\^^\xde\xa8Q\xa3\x9d;w\xf2x&lt;\xba\x1d`\x86\'\x92\x95\x95\xe5\xe7\xe7\x87\xa1\x93\xc0\x96\x85\xd63\xd8\xb60\x0b\xc0\x9d;w0;\x9d\xc7\\.W\xa9T\xc6\xc5\xc5AO\xf9\x13\'N\xd0\xe4z\xf1\xb7\x00\xf9\xcf\x87\x0f\x1f\x8a\xc5b\x81@\xf0\xf1\xcf\xc5\xd5\xd5U\xadV\xd3\xfc\xf9\xc2}\xeb\xf0\xb0\x1e&lt;x\xe0\xea\xea\xba{\xf7nOOO\xda&gt;\xaf\xf2\xf2r\xa9T\x8a\xd9\xe9\xc2\xa1-H\x00j\x18\xadV+\x14\n\xad=\x8aZ\x04\x0eUEGGS\x14u\xff\xfe\xfd\x17/^p\xb9\\\x9a/Z\xb8\xc4\x18Z\x1e\xd5\x08L&amp;\x93\xce}\x93\x08\x82prr\xd2\xe9tqqq\xb9\xb9\xb9\xce\xce\xce;w\xee\x0c\t\tQ\xab\xd5t\x0b\xfd\x030\x7fh\xbe\xa3\xb2K\xd07^c\x809\xf0\xf1\xf1y\xf2\xe4\t\x9d\xad\xc3\xc7\xc3`0|||0\x0cS\xab\xd5%%%l6\x9b\xe6\x02\x80a\xd8\x9d;w\x9a4i\x82}\x9c\x83\t\x16*88X\xa1P\xbcx\xf1\x82\xc3\xe1\xd0\xf0\x83\x93$\xc9\xe5rq\x1c\x1f8p`ZZ\x9a@ \xd8\xbe}{\xc7\x8e\x1di\x98\xf8\x05\xa0n"///22\x12\xb3\xb5\x1c\xbb\xad\x83\x04\xa0\x86i\xd2\xa4\xc9\xb3g\xcfl\xeb\x90\xd4{\x01\xcbU&amp;\x93a\x18\x06\xf7\x8f\xd3\xdcq\x83\x10\xf3\xa3G\x8f\xea\xd6\xad\x8b\xd5\xc4\x95\x90B\xa1\x10\xd2!4T&gt;\x92$\xd9l6\x83\xc1\x18:t\xe8\xb9s\xe7x&lt;\xde\x96-[\xfa\xf4\xe9SZZJ\xdbs\xb6,\x16K\xab\xd5\xeat:\x0f\x0f\x0f\x0c\t\x80e\xa1\xf5\xd2\xb5-`\xe2\xd6\xaf_\xdfh4\x82\xb7E7\xebP\x83@9\rT\r\xd1\xfcc\xc2\x81\xe7\xe2\xe2b\xd8\x01|\x8c}\x01\xf1\x93H$R\xa9\xb4\xa0\xa0\xc0\xc9\xc9\x89V\x9f\x1d.\xac\xe7r\xb9#F\x8c8~\xfc8\x9b\xcd\xde\xb8q\xe3\x80\x01\x03JJJhk\xfd\xa1@\xab\xa8\xa8H\xa3\xd1\xf8\xfa\xfabH\x00,\x0b\x12\x80\x1a\x03&amp;n\xa3F\x8d*++\x95J%=Sm\x1f\x0f\xb4\x90\x83\x1e\xa26\xd1D\x1a\xacvaa\xa1\xb7\xb7\xf7\xc7\xbf\x1bX\xfc\xe6\xcd\x9b\xe7\xe5\xe5\xd1\xea\xcc\x07&lt;\x17\x81@\x90\x90\x90\x90\x9c\x9c\xccd2\xd7\xad[7l\xd80:[\x7f\x0c\xc3\xa0\x15\xf9\xdd\xbbw\xa5R\xa9X,F\xa7\x01,\x0c\x12\x80\x1a\x03\xcc\x81H$\x92\xc9d\xf7\xee\xdd\xa3\x9b{XS\x80C}\xeb\xd6-\x0c\xc3&lt;&lt;&lt;\xea\xd4\xa9C\xb7\xb2\xc2\xea\x80\x83Y\\\\\xac\xd5jA\x00&gt;r\xa8\xf0L\x9b6m\x9a\x9d\x9d\xfd\xf1\xefVS\xc0\xa8\x9c\x9d\x9d\xc7\x8d\x1b\xb7s\xe7N\x0c\xc3V\xae\\\x99\x90\x90@\xe7\xc8\x0f\x001\xab\xec\xecl\xb9\\n\xf5\x0b\x8a\x1d\x10$\x005\t\xe4\xdf\xdc\xdd\xdd\xef\xdd\xbbg\x97! \xb0\xa7%%%\x97.]b0\x18\x81\x81\x81\xae\xae\xae\xf4\x17\x00\xb8k\x10r\x00\x1f9THxt\xec\xd8\xf1\xe9\xd3\xa749QEQ\x14EQR\xa9t\xf2\xe4\xc9\x7f\xfe\xf9\'\x86a\xbf\xfd\xf6[bb"}Z=\xff\'\xb9\xb9\xb9\xed\xdb\xb7\xc7P\r\xa8\xc5\xb1\xfe\xf4\xb5\'`\xfa\x06\x05\x05eff\xc2\xb2\xb4\xf6\x88\xfe\x83\xf7\x1d\xa1\xc9d\x92H${\xf6\xecy\xf2\xe4\tEQ\xfd\xfa\xf5\xa3\xad\xe9\x07 \xc2\x90\x9b\x9b[\xa7N\x1dggg\x92$?r\xc0\xf0\xeb\x01\x01\x01\x1a\x8d\xe6\xee\xdd\xbbV?\x08MQ\x14I\x92r\xb9|\xfa\xf4\xe9III\x18\x86-Z\xb4h\xda\xb4i\xb6b\xfdY,\x96N\xa7\xbbq\xe3\x06*\x01\xb2\nH\x00j\x92\xea\'EI\x92\xa4\x83{\xf8v\xe0\xfc\xfd;\xee\xbb\x8dF\xa3L&amp;+((X\xb8p!\x86a~~~}\xfb\xf6\xd5h4t\xcev@L9;;\xdb\xdf\xdf\x1f{\x99\xbb\xfe\x18 \x02&amp;\x91H\xdc\xdc\xdcRSS\xa1gjM\x8c\xf4\x03!I\xd2\xd5\xd5\xf5\xdbo\xbf\xfd\xed\xb7\xdf0\x0c\xfb\xee\xbb\xeff\xcd\x9ae+\x8d\xde(\x8a\x82;j\x94Jepp0\x86\x8e\x02X\x1c\xf4u\xd7$ \x00!!!eeeEEE\xf4\xac\x137CQ\x144\x07\x16\n\x85$I\x9a\xef}|\x05\xf8O$Izxx\x14\x16\x16\x0e\x192\xa4\xb8\xb8\x18\xc3\xb0_\x7f\xfdU(\x14\xd2?\x03L\x92\xe4\xcd\x9b7#""\xb0\x1ar0a\x1b\xd1\xad[\xb7\x8b\x17/Z7\x0fL\x10\x84\xab\xab\xeb\xc2\x85\x0bA\x92\xbf\xfe\xfa\xeb9s\xe6\x14\x15\x15Q\x14\x85\xbf\x1b\xd6}|$I:99]\xbe|\xd9\xc7\xc7\xc7\xdd\xdd\xfd\xe3\xf7g\x88\xf7\xc5\x06\xdc\x04\x1b\x02\xae\tl\xd4\xa8\x91H$\xca\xca\xca\xea\xd1\xa3\x87Z\xad\xa6\xe7\x9c\xa6(\n*F\xdc\xdc\xdc\xbe\xf8\xe2\x0b___\x81@`2\x99\xe0Z`s\x95\'\xb4\x00\xe2r\xb9UUU\xdb\xb7o\x9f3g\xce\xe3\xc7\x8f1\x0c\xfb\xf5\xd7_\xbbu\xeb\xa6P(h\xee\xfes\xb9\xdc\x17/^\x14\x16\x16v\xe8\xd0\x01\xab!\x07\x13\x1eh\xaf^\xbd\x86\x0f\x1f\xaeR\xa9\xac%\xf3\x04A\xc8d\xb2\xdf~\xfbm\xee\xdc\xb9\\.w\xee\xdc\xb9\xdf~\xfb-A\x10\x1e\x1e\x1e\xef2\xe5`\xcc$Ij4\x9a\xda\x1f\xec\xbf\xc2`0\x0e\x1f&gt;\xfc\xe9\xa7\x9f\xc2`\xd0\x0e\xc0\xc2 \x01\xa8a\x08\x82`\xb3\xd9AAA\x17/^\xec\xd3\xa7\x0fm\xe74EQl6\xfb\xc9\x93\'\x07\x0f\x1e\xdc\xbauk\xabV\xad&gt;\xfd\xf4\xd3\xb0\xb0\xb0\xc6\x8d\x1bC=\x06\x93\xc9\xc4q\xbc\xb2\xb2\xf2\xc9\x93\'W\xaf^MNNNKK\xc30L \x10\xfc\xf2\xcb/\x89\x89\x894\xb7\xfe\xd8K\x91\xbbp\xe1\x82\xb3\xb3s\x83\x06\rj\xaa\xc4\x10\x8e&gt;\x84\x84\x84\xf0x\xbc\xdc\xdc\xdc\xd6\xad[WTTX\xf8)\x13\x04!\x91Hv\xef\xde\xfd\xf5\xd7_s\xb9\\\xa9TZYY9u\xea\xd4w\xff\x8c\xb07\xaaS\xa7\xce\xb8q\xe3j{\xb4\xff\x06\x9b\xcdV(\x14\xf7\xee\xdd[\xb4h\x11\x86\xe2?\xd6\x00\t@\r\x03\xcb\xafc\xc7\x8eIII4\xef\x1bl2\x99\x12\x13\x13\x97.]ZPPp\xf1\xe2\xc5\x8b\x17/b\x18\xc6\xe7\xf3\xe5r\xb9\xb3\xb33\x8b\xc52\x18\x0c\xe5\xe5\xe5J\xa5\xd2\xfc+=z\xf4\xf8\xf6\xdbo[\xb5jE\x7f\xeb\x8f\xbd,1&lt;u\xeaT`` \x8b\xc5\xc2q\xbc\xa6"\xe3\xd0j-::\xfa\xc0\x81\x03\xed\xdb\xb7\xb7\xbc\xccCuSjj*EQF\xa3\xb1\xa4\xa4d\xf1\xe2\xc5\x1f\xf0&gt;...\xe3\xc7\x8f\xb7\xd6\x0eF*\x95\x1e:tH,\x16\xb7l\xd9\x92\xb6\xae\x92}\x83\x04\xa0\x86\x81I\xdc\xa1C\x87Y\xb3f=~\xfc\xd8\xc3\xc3\xc3h4\xd20\n\xc4d2u:\xdd\xa8Q\xa3bbb\xce\x9f?\x7f\xea\xd4\xa9\x8c\x8c\x8c\x07\x0f\x1e\xa8\xd5\xeag\xcf\x9eU\x7f\xa5P(\xf4\xf6\xf6\x8e\x8e\x8e\x8e\x8d\x8dm\xdb\xb6-EQ\xb4\xed*\xf3\n\xb0\x899\x7f\xfe\xfc\xcc\x993\xb1\x1a\xad0\x81\xb7\x1a2d\xc8\xb4i\xd3\xaa\xaa\xaa,\xaf\x85\x0c\x06\xc3d2\x05\x04\x04DGG\xb3X,8\x03\xfc\xbe\xef@QT\xc3\x86\rki\x84\xff\t\xecA\xf7\xed\xdb\xd7\xad[7xRH\x00,\x0f\x8d\x8e2\xda\r\xe0\xcbt\xea\xd4i\xc8\x90!\x9f\x7f\xfe9\x9d\x9de\x08X\x89D"\x16\x8b\xa5\xd1h\x8a\x8b\x8b\x8b\x8b\x8b\x95JeUU\x15$\xe8$\x12I\xbdz\xf5\xea\xd5\xab\'\x16\x8bM&amp;SEE\x05f#[u(\x00\xbd\x7f\xff\xfe\x80\x01\x03\xd2\xd2\xd2d2Y\xcd\x9e2\xa5(\xcad2y{{\xafZ\xb5\xaa{\xf7\xeej\xb5\xda\xc2O\x192\x1c\x1fy\xfb\x10\xdc\xf7YSCzw\xc0\xfaWVV\x06\x05\x05\x9d={\xd6\xdf\xdf\x1f\xed\x00\xac\x82\r\xf8q6\x07L\xe5\xe8\xe8\xe8}\xfb\xf6\xfd\xef\x7f\xff\xa3\xb3\xc4\x82\xf3\xa8R\xa9`A\xd6\xabW\xafa\xc3\x86\xe6\xcba\xa0\x04\x082\xc3eeeL&amp;\xd3\x86\x96(A\x10\x02\x81\xe0\xf0\xe1\xc3\xf5\xea\xd5\x93\xc9d\x04A\xd4\xac\x81\x86C\x7f\xfd\xfb\xf7\xdf\xb0aC\x9f&gt;},\xff\x94\x19\x0c\x86\xd1h4\x18\x0c\x1f\xf9&gt;Vy\xa6\x90\xc1\xde\xb0aC\xa3F\x8d\xfc\xfc\xfc\x90\xf5\xb7\x16H\x00j\x1e\x98\xcaqqqk\xd6\xacy\xf6\xec\x99\xb3\xb33\x8e\xe34\x8c\x02\x01\xd0\xd0\r\xfe\r\x06\xa5\xba-c\xbc\xc4&amp;b&gt;\xd5\x81$grr\xf2\xb0a\xc3\xb0Z8b\nO\xf9\xeb\xaf\xbf\x0e\x0b\x0b\xbbw\xef^\x9d:u,\x1f\xeb\xb3\xdd\xa6\xb3L&amp;\xd3d2m\xd9\xb2\xe5\x9bo\xbe\x81\'e\xed\x119(Huk\x1e&amp;\x93I\x92\xa4\xbf\xbf\x7f\xe3\xc6\x8d\x8f\x1e=*\x12\x89le~C\xdd\'\xab\x1aL&amp;\xd3\x16M\x0c\xd4\xff\xdc\xbau\xab\xa8\xa8h\xf0\xe0\xc1\x18\x86\xd5x|\x86\xc1`\x10\x04Q\xbf~\xfd\xc8\xc8\xc8\x1d;v\xd0\xffjL\xfa@\x92\xa4H$JMM5\x18\x0c\xbd{\xf7\x866v\xd6\x1e\x94\x83\x82\xbe\xf7Z\x01\x8e\xb4\xc4\xc7\xc7\xff\xf1\xc7\x1f\xd6\x1e\x8b#\x02\xf1\x9f\x8d\x1b7\x06\x07\x07\xd7\xa9S\xa7V\xef\xe7\xf9\xea\xab\xaf\xfe\xf8\xe3\x0f8\x10PK\x7f\xc2\xce I\x92\xc7\xe3-Z\xb4h\xd0\xa0Ap\x96\xd0\x16\x9d\x0c\xfb\x00\t@\xad\x00\xa5\xe2qqq\xcf\x9f?/((\xa8\x91\xabh\x11\xef\x0e\xd4\xb0\x9e&lt;yr\xcc\x981\xb5\xf7\xcdC\x06\xa5m\xdb\xb6nnnk\xd7\xae\x95J\xa58\x8e\xd7\xd2\xdf\xb2\x1bH\x92tvv\xber\xe5Jzz\xfa\x84\t\x13(\x8a\xa2m\x89\x84#\x80\x04\xa0V\x80\xb0f\xdd\xbau[\xb7n\xbdb\xc5\n\x81@\x80\xe2\x03\x16\x83 \x08\xb1X\x9c\x9c\x9c\xac\xd7\xeb{\xf4\xe8\x81\xd5B\xfc\xc7\x0cT\x16\xfd\xf4\xd3O\xcb\x97/W\xab\xd5h\x13\xf0\x9f@u\xd9\xfc\xf9\xf3G\x8e\x1c\xe9\xe1\xe1\x81\xda?X\x17$\x00\xb5\x05\xd4Y\xcf\x9e=\xfb\xd8\xb1c\n\x85\xe2#\xcb\xf5\x10\xef\x0eT4\xfd\xf1\xc7\x1f\xe3\xc7\x8f\x87nw\xb5\xf7\xb7`\x13\xd0\xbd{\xf7\x86\r\x1b&amp;%%\xa1M\xc0\xdb!IR,\x16\xa7\xa6\xa6\xe6\xe4\xe4|\xf3\xcd7\xa8\xf8\xc7\xea\xa0o\xbf\xb6\x80\xbe@!!!\x10\x1f\x10\x8b\xc5\xc84X\x00\x880\\\xbat)\'\'g\xe4\xc8\x91\x96\x890P\x14\xb5a\xc3\x86\xc5\x8b\x17?~\xfc\xd8^/\x02\xaa\x11\xe0\x00\xf3\xf8\xf1\xe3\xe7\xcd\x9b\xe7\xe6\xe6\x86\xee\xff\xb2:H\x00j\x110\x04\xdf}\xf7\xdd\xd6\xad[M&amp;\x13\x8auZ\x00\x82 \x9c\x9c\x9c\xd6\xacY3l\xd80777\x0bD\x18\xccE_={\xf6\\\xb0`\x01T\xfd\xd6\xea_\xb4Qp\x1cwqq\xd9\xb1c\x87^\xaf\x1f;v,A\x10\xc8\xfd\xb7:\xe8$p\xed\x02\x9b\xdc6m\xda$&amp;&amp;\x0e\x1d:\xd4\x8e\xef\n\xa6\x03p8\xf6\xf9\xf3\xe7={\xf6\xbct\xe9\x92\x87\x87\x07f\x91;F\xa0o\xb6J\xa5j\xda\xb4\xe9\x9e={\xda\xb5kG\xf3k\x12,\x0fl\xc5\x8cFc\x8b\x16-v\xee\xdc\xd9\xb9s\xe7\x1a?\x9a\x87\xf8\x00\x90\x02\xd7.\xa0\xaf\xb3g\xcf^\xb6l\x19\x86.&lt;\xaaep\x1c\x17\x89DK\x96,\xe9\xd5\xabW\x9d:u,\x96`\x84|\x8f\\._\xb6lYBB\x02\xec\xf6\x90kU\x1d\x1c\xc7%\x12\xc9\xd8\xb1c\xbbu\xeb\x86\xac?}@;\x80Z\x076\x01\x11\x11\x11\xc3\x87\x0f\x9f8q\xa2\xadtR\xb39H\x92\xe4\xf3\xf9\xb7n\xdd\x8a\x89\x89\xc9\xce\xcevww\xc7,\xab\xb8`\xd4\xbav\xed\xda\xb8q\xe3u\xeb\xd6\x95\x94\x94\xa0\xa2 \x00\xc7q77\xb7]\xbbvM\x9e&lt;\xf9\xfe\xfd\xfb|&gt;\xdfF\x0f\x18\xda\x1fH\x00j\x1d\xb0\x0b\xc7\x8e\x1d\x1b1b\xc4\xc3\x87\x0fM&amp;\x93\xb5Gd\x9f\x80\x95\xe9\xdc\xb9\xb3\x9f\x9f\xdf\xf2\xe5\xcb-\xefc\xc2y\xef\xd2\xd2R\x1f\x1f\x9f\x1d;vt\xed\xdaU\xa1P \xb1\x87\xa6I\x95\x95\x95\xfe\xfe\xfe\xdb\xb6m\xeb\xd9\xb3\'r\xff\xe9\x03\x12\x00K\x003\xbe{\xf7\xee\xa1\xa1\xa1\x0b\x17.\xb4\x95\x0b\xbbm\x08\xa8\xfd\xff\xe7\x9f\x7f\xbe\xf8\xe2\x8b\xec\xecl\x89Db\x95&gt;9\xf0\xa0SRRF\x8c\x18\x91\x97\x97\'\x12\x89\x8cF\xa3\x83\xa7:\xe1\xce\xfa\xb6m\xdb\xb6j\xd5j\xd9\xb2e5x+\x03\xe2\xe3A\x02`\t \x18]PP\x10\x16\x16v\xfd\xfa\xf5:u\xea\xe8\xf5z\x07\xb7\x0b5\x0bI\x92R\xa9\xb4E\x8b\x16S\xa7NMLL\xb4\xa2\x8f\t\x06n\xda\xb4iiii\x97/_V(\x14\x8e\x1c\xee0\x99L\xee\xee\xee3g\xce&lt;s\xe6LFF\x06\xb2\xfet\x03\t\x80\x85\x00\x93\xf4\xd5W_\xa5\xa7\xa7\x9f?\x7f\xbe\xbc\xbc\x1c\xed\x82k\n\x08\xfe\xcc\x9d;\xf7\xc4\x89\x13\xd7\xae]\xfb\x80\xdbQj|&lt;l6;88844t\xc3\x86\r\x0e\x9b\x0c\x00\xeb\xbfs\xe7\xce\x91#G\x16\x16\x16B\xe1?\xf2{h\x05z\x18\x16\x82\xc9d\x12\x04\xf1\xcb/\xbf\xbcx\xf1\xe2\xaf\xbf\xferqqA\xd5\xe25\x02\xe4~\xef\xde\xbd\xbbv\xed\xdam\xdb\xb6\xd1\xa1C2\x1c\x0f&gt;s\xe6\xcc\xc5\x8b\x17\x17-Z\xe4\xee\xee\xee\x80\x89\x1f\x1c\xc7\xe5r\xf9?\xff\xfc3q\xe2\xc4s\xe7\xce\xb9\xbb\xbb#\xebOC\xd0\x0e\xc0r\xc0&amp;\xe0\xf4\xe9\xd3C\x86\x0c\xb9}\xfb6\x87\xc3\xa1\xf3=\x01\xb6\x02\xb8\xff\xd1\xd1\xd1QQQ\x8b\x16-\xa2I\x90\x01J\xbf\xee\xdf\xbf\xdf\xbcy\xf3\x83\x07\x0f\xf6\xea\xd5\xcb\xa1\xf6\x018\x8e;;;+\x95J//\xaf\xa4\xa4\xa4\x11#F\xd0\xe4\xb9 ^\x01\t\xb2\xe5\x80{\xc9;w\xee&lt;b\xc4\x88\xcf&gt;\xfbL,\x16\xa3\x0eq\x1f\x89\xc9drss[\xb8p\xa1\xc1`X\xb8p!}\xac\x0cl\xf8\x9a6mz\xe9\xd2\xa5\x11#F\x9c:u\xcaq\xf6\x01p\x1aC\xa9TFFF\xfe\xf4\xd3O#F\x8c0\x99L4y.\x88W@;\x00\x8b\x02\x97,b\x18\xe6\xe7\xe77r\xe4\xc8\xd9\xb3g;\x94cX\xb3\xc0\xd9\xa2k\xd7\xae\xf5\xe8\xd1#33\xb3Y\xb3ftk.\x06{\xbeK\x97.\xc5\xc4\xc4\x</t>
        </is>
      </c>
    </row>
    <row r="408">
      <c r="A408" s="1" t="n">
        <v>406</v>
      </c>
      <c r="B408" t="inlineStr">
        <is>
          <t>color_overlap_squares</t>
        </is>
      </c>
      <c r="C408" t="inlineStr">
        <is>
          <t>What is the missing color of the part denoted with a question mark?</t>
        </is>
      </c>
      <c r="D408" t="inlineStr">
        <is>
          <t>['yellow', 'green', 'orange', 'red']</t>
        </is>
      </c>
      <c r="E408" t="inlineStr">
        <is>
          <t>red</t>
        </is>
      </c>
      <c r="F408" t="inlineStr">
        <is>
          <t>There are 3 squares which overlap each other in the image. The color of the squares are ['blue', 'yellow', '?']. The part where the first and second squares overlap is green. The part where the second and third squares overlap is orange.</t>
        </is>
      </c>
      <c r="G408" t="inlineStr">
        <is>
          <t>We observe that the blue and yellow squares overlap to form green. Hence, the pattern is that the color of the part where two squares overlap is determined by mixing the two colors.</t>
        </is>
      </c>
      <c r="H408" t="inlineStr">
        <is>
          <t>Based on the pattern that the color of the part where two squares overlap is determined by mixing the two colors, the missing color of the part which overlaps with yellow to form orange should be red.</t>
        </is>
      </c>
      <c r="I408" t="inlineStr">
        <is>
          <t>b'\x89PNG\r\n\x1a\n\x00\x00\x00\rIHDR\x00\x00\x02\x00\x00\x00\x02\x00\x08\x02\x00\x00\x00{\x1aC\xad\x00\x00!YIDATx\x9c\xed\xddo\x8c\x1c\xe5\x81\xe7\xf1\xe7\xa9\xaa\xee\xf6\xfc\xc1\xe3\xc1g\xb2{rP\x8e\xe4\x92\xbb,^@\xd8l\x82\x82\xf1\x1e \x07\x94\x1c\xecE\\trbqJ&lt;&amp;\x81\xc0\xea"H \xbe\x93P\x12\xb8S\xf2\x02\xbc\x01\x19[ c\xbc:\x92\xbd(QV\x82\xe5t\xe1\xf0\x88(86\xb0&amp;@6\xd9\x88\xe5X"d\x0c\x8c\xed\xf9\xdb\xddU\xf5\xdc\x8b\x07\x86a&lt;3\xee\xe9~\xaa\xea\xf9\xf3\xfd\xbc\x88\xbc\x8e\xb3.\xf7T\xff\xbe\xd3\xdd5\xddR)%\x00\x00\xe1\x89\xaa&gt;\x00\x00@5\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G\x96eJ\xa9\xaa\x8f\x02\xe5\x91|\xbd\x01\x08!\x94RR\xca\xb9\xbf\x80\xf7x\x04\x00\x84N)\xa5G\xff\xce;\xef&lt;z\xf4\xa8\x942\xcf\xf3\xaa\x0f\ne \x00@\xd0\x94Ry\x9eK)\xaf\xbf\xfe\xfao}\xeb[W_}\xf5\xd8\xd8X\x14E4 \x04\x04\x00\x08\x97^\xff8\x8eGFF\xee\xbf\xff\xfe\xfe\xfe\xfe\x83\x07\x0fn\xde\xbc\x99\x06\x04\x82\x00\x00\x81\x9a\xbb\xfe{\xf6\xeci4\x1aSSSI\x92\x1c:t\x88\x06\x04\x82\x00\x00!:u\xfd\x9b\xcd\xe6\xa7&gt;\xf5\xa9,\xcbh@8\x08\x00\x10\x9cy\xeb\xdf\xd7\xd7\xd7l6\xb7l\xd9r\xe0\xc0\x81\xbb\xef\xbe;M\xd3F\xa3A\x03B@\x00\x80\xb0\x9c\xba\xfe\xd3\xd3\xd3[\xb7n\xdd\xbbw\xef\xd8\xd8\xd8M7\xddt\xcf=\xf74\x9bM\x1a\x10\x02\x02\x00\x04d\xb1\xf5\x7f\xe0\x81\x07\xc6\xc7\xc7\x85\x10\xc7\x8e\x1d\xa3\x01\xe1 \x00@(\x96^\xff&lt;\xcf\xa3(J\x92\x84\x06\x84\x83\x00\x00A\xe8d\xfd\xf5\x9f\xa4\x01\xe1 \x00\x80\xff:_\x7f\x8d\x06\x04\x82\x00\x00\x9e[\xee\xfak4 \x04\x04\x00\xf0Yw\xeb\xaf\xd1\x00\xef\x11\x00\xc0[\xbd\xac\xbfF\x03\xfcF\x00\x00?\xf5\xbe\xfe\x1a\r\xf0\x18\x01\x00&lt;dj\xfd5\x1a\xe0+\x02\x00\xf8\xc6\xec\xfak4\xc0K\x04\x00\xf0J\x11\xeb\xaf\xd1\x00\xff\x10\x00\xc0\x1f\xc5\xad\xbfF\x03&lt;C\x00\x00O\x14\xbd\xfe\x1a\r\xf0\t\x01\x00|P\xce\xfak4\xc0\x1b\x04\x00p^\x99\xeb\xaf\xd1\x00?\x10\x00\xc0m\xe5\xaf\xbfF\x03&lt;@\x00\x00\x87U\xb5\xfe\x1a\rp\x1d\x01\x00\\U\xed\xfak4\xc0i\x04\x00p\x92\r\xeb\xaf\xd1\x00w\x11\x00\xc0=\xf6\xac\xbfF\x03\x1cE\x00\x00\xc7\xd8\xb6\xfe\x1a\rp\x11\x01\x00\\b\xe7\xfak4\xc09\x04\x00p\x86\xcd\xeb\xaf\xd1\x00\xb7\x10\x00\xc0\r\xf6\xaf\xbfF\x03\x1cb\xc5\x19\x03`i\xae\xac\xbfF\x03\\a\xd1I\x03`An\xad\xbfF\x03\x9c`\xddy\x03`.\x17\xd7_\xa3\x01\xf6\xb3\xf4\xd4\x01 \\^\x7f\x8d\x06X\xce\xea\xb3\x07\x08\x99\xeb\xeb\xaf\xd1\x00\x9b9p\x02\x01\x01\xf2c\xfd5\x1a`-g\xce! \x1c&gt;\xad\xbfF\x03\xec\xe4\xd8i\x04x\xcf\xbf\xf5\xd7h\x80\x85\x9c&lt;\x93\x00_\xf9\xba\xfe\x1a\r\xb0\x8d\xc3\'\x13\xe0\x19\xbf\xd7_\xa3\x01Vq\xfe|\x02\xfc\x10\xc2\xfak4\xc0\x1e\x9e\x9cR\x80\xd3\xc2Y\x7f\x8d\x06X\xc2\xab\xb3\npQh\xeb\xaf\xd1\x00\x1bxxb\x01\x0e\ts\xfd5\x1aP9o\xcf-\xc0~!\xaf\xbfF\x03\xaa\xe5\xf9\xe9\x05X\x8b\xf5\xd7h@\x85\x828\xc3\x00\xdb\xb0\xfes\xd1\x80\xaa\x04t\x92\x01\x96`\xfdOE\x03*\x11\xdcy\x06T\x8b\xf5_\x0c\r(_\xa0\xa7\x1aP\t\xd6\x7fi4\xa0dA\x9fm@\x99X\xffN\xd0\x802q\xc2\x01e`\xfd;G\x03J\xc39\x07\x14\x8e\xf5_.\x1aP\x0eN;\xa0X\xac\x7fwh@\t8\xf3\x80\x02\xb1\xfe\xbd\xa0\x01E\xe3\xe4\x03\x8a\xc2\xfa\xf7\x8e\x06\x14\x8a\xf3\x0f(\x04\xebo\n\r(\x0e\xa7 `\x1e\xebo\x16\r(\x08g!`\x18\xeb_\x04\x1aP\x04ND\xc0$\xd6\xbf84\xc08\xceE\xc0\x18\xd6\xbfh4\xc0,NG\xc0\x0c\xd6\xbf\x1c4\xc0 \xceH\xc0\x00\xd6\xbfL4\xc0\x14NJ\xa0W\xac\x7f\xf9h\x80\x11\x9c\x97@OX\xff\xaa\xd0\x80\xdeqj\x02\xddc\xfd\xabE\x03z\xc4\xd9\tt\x89\xf5\xb7\x01\r\xe8\x05\'(\xd0\r\xd6\xdf\x1e4\xa0k\x9c\xa3\xc0\xb2\xb1\xfe\xb6\xa1\x01\xdd\xe14\x05\x96\x87\xf5\xb7\x13\r\xe8\x82TJU}\x0c\x803X\x7f#\xe6\xcd\x8e\x94\xd2\xd4\xff\xe74M\xd7\xacY\xb3s\xe7\xce\x9bo\xbe\xb9\xd1h4\x9b\xcd\r\x1b6&lt;\xfe\xf8\xe3\xc3\xc3\xc3|uNE\x00\x80N\xb1\xfe\xbd\xc8\xf3&lt;\xcfs)e\x1c\xc7q\x1cGQ$\xa5\xd47i\x96eY\x96\t!\xf4o\xf6\xf8\x17\xd1\x80\xce\x11\x00\xa0#\xac\x7fw\x94RY\x96%I\xd2\xdf\xdf_\xaf\xd7\xb3,\x9b\x98\x98\x18\x1f\x1f\x9f\x9e\x9en\xb5Z\xb5Z\xad\xbf\xbf\x7fhhhpp0\xcf\xf3\xf1\xf1\xf1,\xcb\xe28\xee\xf1/\xa5\x01\x1d"\x00\xc0\xe9\xb1\xfe\xdd\xc9\xf3\xbc\xd1h\x0c\x0c\x0c\x9c8q\xe2\xc8\x91#\xa3\xa3\xa3\x87\x0f\x1f~\xf9\xe5\x97\x8f\x1e=:==\x9deY\x14E\xfd\xfd\xfdk\xd7\xae=\xef\xbc\xf3\xae\xba\xea\xaa\xcb/\xbf|pp\xf0\xc4\x89\x134\xa0\x1c\x04\x008\r\xd6\xbf;y\x9e\x0f\x0c\x0c\xbc\xfa\xea\xab\x8f&lt;\xf2\xc8\x8f\x7f\xfc\xe3\xe7\x9f\x7f\xfe\xb4\xff\x93\xf3\xce;\xef\x8e;\xee\xf8\xecg?\xab_\xb9\xed\xf1\x00h\xc0i\x11\x00`)\xac\x7fw\xb2,\x1b\x1a\x1az\xe8\xa1\x87n\xbd\xf5\xd6\xb1\xb11\xfd\x9b\xb5ZM?\xc5\xaf_\x0f\x10BH)\xf5\r\xa8og\xfd\x9bw\xddu\xd7-\xb7\xdc266\xc6\xe3\x80\xa2\x85\xfe\xef\x07\x96\xc0\xfa\xf7B)\xf5\x81\x0f|`ll\xacV\xab\xd5j\xb58\x8e\xdb\xedv\xab\xd5j\xb5Zi\x9a\xea\xb9\xcf\xb2\xac\xddn\xb7\xdb\xed,\xcb\x94R\xfa\xf5\xe1\xdbn\xbbm\xdf\xbe}\xc3\xc3\xc3\xfa\x95\xe1^pm\xe8\xd2x\x04\x00,\x8c\xf5\xefQ\x9e\xe7CCC\x9f\xfe\xf4\xa7\x7f\xfe\xf3\x9f\xeb\xdf9\xeb\xac\xb3.\xbe\xf8\xe2\xf5\xeb\xd7\x7f\xf8\xc3\x1f^\xb5jU\x1c\xc7\x93\x93\x93\xbf\xfb\xdd\xef\x1e}\xf4\xd1\x03\x07\x0e\xe8?\x13E\x91Rj\xf5\xea\xd5\x87\x0f\x1f&gt;\xf3\xcc3\xdb\xed6\xd7\x05\x15\x87\x00\x00\x0b`\xfd{\x97e\xd9\xaaU\xab~\xf6\xb3\x9f}\xees\x9f\xbb\xf4\xd2K\xbf\xf0\x85/\\~\xf9\xe5k\xd7\xaeM\x92$\xcb\xb2&lt;\xcf\x95RQ\x14\xc5q\x9c\xa6\xe9\xbe}\xfb\xbe\xf6\xb5\xaf5\x9bM\xfd\x9bY\x96\xddu\xd7]\xdf\xfc\xe67\x8f\x1d;\x96$I\xef\x07C\x03\x16D\x00\x80\xf9X\x7fS\xa4\x94\xadV\xeb\xa5\x97^\xba\xe8\xa2\x8b\xfa\xfa\xfa&amp;&amp;&amp;\xf4\xc4\xebo\xea\xf5\xcf\x01\xe8\tZ\xb3f\xcd\xf7\xbe\xf7\xbd[o\xbdU?\xef\x9f\xe7\xf9\xa6M\x9b\x1e{\xec\xb1\x89\x89\tS\xb76\r8\x15\x01\x00\xde\x87\xf57KJ\xd9\xd7\xd7799\xa9/\xf0_\xf0\xf9\x1c\xfd]\xff\xe4\xe4\xe4\x05\x17\\p\xec\xd8\xb18\x8e\xb3,\xfb\xd0\x87&gt;\xf4\xf4\xd3O\xafX\xb1"\xcb2S?*L\x03\xe6\t\xee\x1f\x0c,\x81\xf57N)511!\xa5L\x92d\xb1\x1d\x97R\xea\xe7\x8b\xce9\xe7\x1c\xf1\xee;C\x9c&lt;yrff\xc6\xec\r\xcek\xc2\xf3p6\x03\xef`\xfd\x0b\xd2\xe1\xed&amp;\xa5\x9c[\x08#o\x0bq*\x1a0\x17\'4 \x04\xeb_)}\x01\xe8\xe4\xe4\xe4\xeb\xaf\xbf&gt;\xfb\x9b\xabV\xad\xea\xef\xef\xef\xfdJ\xd0S\xd1\x80Y\x9c\xd3\x00\xeb_\xb1,\xcb\x06\x07\x07\x9f}\xf6\xd9W_}U_\x06*\xa5\xfc\xe8G?:44\x94\xa6)\x8f\x03\x8a\xc3i\x8d\xd0\xb1\xfe\xd5\xca\xf3\xbcV\xab\xb5\xdb\xed;\xee\xb8c\xf6\x9a\x14\xa5\xd4g&gt;\xf3\x998\x8e\x8b\xbbJ\x85\x06\x08\xae\x02B\xe0X\xffj\xe9[x\xe5\xca\x95_\xfe\xf2\x97\xf7\xee\xdd\xabo\xed&lt;\xcf?\xf2\x91\x8f\xfc\xf2\x97\xbfL\x92D\xbf\x83tq\x07\x10\xf8uA\x9e\xff\xf3\x80%\xb0\xfe\xd5J\xd3\xb4\xd1h4\x1a\x8d\xeb\xae\xbbn\xef\xde\xbds\xdf\xf9\xe7\xee\xbb\xef.\xee\xf9\x9f\xb9\x02\x7f\x1c\xc0\xf9\x8d@\xb1\xfe\xd5J\xd3t\xe5\xca\x95\'O\x9e\xbc\xe6\x9ak\xf6\xef\xdf?\xfblO\x9e\xe7;w\xee\xbc\xf2\xca+\x8f\x1f?\xde\xfb\x9b\xc1u"\xe4\x06\xf0\x14\x10B\xc4\xfaW+M\xd3\xe1\xe1\xe1#G\x8el\xd9\xb2\xe5\xb7\xbf\xfd\xad\x1ez\xfd\xf1\x00\xf7\xde{\xef\xf6\xed\xdb\xdfz\xeb\xadr\xd6\x7f\xee!\x05\xf8\\\x10\x01@pX\xffj\xe9\xf5\x1f\x1d\x1d\xbd\xf6\xdak\xdf~\xfb\xed\xd9\xf5\x1f\x1e\x1e~\xf0\xc1\x07\xaf\xb9\xe6\x1aS\xef\xff\xd3\xc5\x81\x85\xd6\x00\x02\x80\xb0\xb0\xfe\xd5\xd2\x9f\x12\xf3\xc2\x0b/\\q\xc5\x15\xb3O\xf2dYv\xee\xb9\xe7&gt;\xfc\xf0\xc3\xeb\xd6\xad{\xfb\xed\xb7+Y\x7f-\xb4\x06\x10\x00\x04\x84\xf5\xaf\x96\xbe\xc0_J\xb9q\xe3\xc6_\xff\xfa\xd7I\x92\xe8O\x0c\xde\xb4i\xd3#\x8f&lt;\xb2j\xd5\xaa\x13\'N\xd4j\xb5j\x0f2\xa8\x06x\xf5\x8f\x01\x96\xc0\xfaWN\x7fL\xd8\xfe\xfd\xfb\xf5\xfa\xeb\x0f\x84\xb9\xf4\xd2K\x7f\xf2\x93\x9f\x0c\x0c\x0c\x9c&lt;y\xb2\xf2\xf5\x17\x81\xbd&amp;\xcc\x19\x8f \xb0\xfe6\x88\xa2\xa8\xddn\xff\xe8G?\xd2\x8f\x03\x94Rk\xd7\xae\xdd\xb7o_\xbd^\x9f\x99\x99\xa9\xf0\x99\x9fy\xc2i\x00\'=\xfc\xc7\xfa\xdb@)U\xaf\xd7\x8f\x1e=\xfa\x9b\xdf\xfcF\xbd\xeb\xa6\x9bn:\xfb\xec\xb3\'&amp;&amp;J\xbe\xe6\xe7\xb4\x02i\x00\xe7=&lt;\xc7\xfa[B\xbf\xe3\xdb\x9bo\xbey\xe2\xc4\t!\x84\xfex\x80\x8d\x1b7NOO\xdb\xb6\xfeZ\x08\r\xe0\xd4\x87\xcfX\x7f\xabDQ4===\xfb\xc90+W\xae\\\xb3fM\t?\xee\xdb5\xef\x1b\xc0\xd9\x0fo\xb1\xfe\x16\xd2\x9f\x06\xac\xffsff\xc6\xce\xef\xfd\xe7\xf2\xbb\x01\\\x06\n?\xb1\xfe\xb6\xd1O\x01\x8d\x8f\x8f?\xfb\xec\xb3\xfawj\xb5\xda\x86\r\x1b\xf4\xc5\xa0\xd5\x1e\xdbi\xf9zm(\x01\x80\x87X\x7fkEQ400\xa0\x7f\xad\x94\x9a\x9c\x9cte\x82\xbcl\x00\x01\x80oX\x7f\x9b)\xa5\xd24\xd5\xcf\x9cDQd\xc3\x85\xff\x9d\xf3\xaf\x01\x04\x00^a\xfd-\xa7\xdf\nb\xc5\x8a\x15B\x88v\xbb=&gt;&gt;.\xde\xfd\x14x\'x\xd6\x00\x02\x00\x7f\xb0\xfe\x96SJ\r\x0c\x0c\xfc\xeaW\xbf:p\xe0\xc0\xcc\xcc\xccE\x17]t\xc5\x15W4\x9b\xcd\xa2?\xf5\xc5,\x9f\x1a@\x00\xe0\t\xd6\xdfr\xfa} v\xee\xdc\xf9\x8do|c\xf6\xa3\xde\xb7n\xddz\xdf}\xf75\x9bM\x87\x02 &lt;j\x00\x01\x80\x0fX\x7f\xcb)\xa5\x92$9~\xfc\xf8\xbau\xeb\xf4{\xfe\xe8\x9f\x04\xce\xb2\xec\xd1G\x1f\xbd\xec\xb2\xcb\xc6\xc7\xc7\xdd\xfa\x1a\xf9\xd1\x007\x8e\x12X\x02\xebo?\xa5T\xa3\xd1x\xe5\x95W\xc6\xc7\xc7\xa5\x94\xedv[\xff\xfcW\x14E/\xbe\xf8b\xadVs\xee\x82z?~&gt;\x80;\x06\xdc\xc6\xfa;d\xc1\xaf\x85\xbb_ \x0f\x1a\xe0\xeaM\x0f\x08\xd6\xdf\x1dR\xca\x99\x99\x99s\xce9g\xf5\xea\xd5\xfa]\xe1\xf4\xdbA\xe7y~\xfe\xf9\xe7\xb7Z-G\xbfR\xae7\xc0\xc9\x1b\x1d\x10\xac\xbfS\xf4\xd3&gt;k\xd6\xac\xf9\xeew\xbf[\xaf\xd7[\xad\x96\xfei\x80\x1bo\xbc\xf1\xe2\x8b/\x9e\x98\x98p\xf7\x8b\xe5t\x03x\x11\x18Nb\xfd]\xa4\x94\x1a\x1c\x1c|\xe6\x99g\x9ex\xe2\x89\xe9\xe9\xe9O~\xf2\x93\x97]v\xd9\xcc\xcc\x8c\x07+\xe4\xe8k\xc2\x04\x00\xeea\xfd\xdd\x95\xe7y\x7f\x7f\x7f__\x9f\x10\xa2\xd5j9w\xf1\xcf\x12\\l\x00\x01\x80cX\x7f\xd7\xe9\xa7\xfe\x85\x10RJ\xfb\xdf\rtY\x9ck\x00\x01\x80KX\x7fX\xce\xad\x06\xd8u4\xc0\x12X\x7f\xd8\xcf\xad\xd7\x84\xb9\xc3\xc0\r\xac?\\\xe1P\x03\xb8\xcf\xc0\x01\xac?\xdc\xe2J\x03\xb8\xdb\xc0v\xac?\\\xe4D\x03\xb8\xe7\xc0j\xac?\xdce\x7f\x03\xb8\xf3\xc0^\xac?\\gy\x03\xb8\xff\xc0R\xac?\xfc`s\x03\xb8\x0b\xc1F\xac?|bm\x03\xb8\x17\xc1:\xac?\xfccg\x03\xb8#\xc1.\xac?|ea\x03\xb8/\xc1"\xac?\xfcf[\x03x/\xa0\xb0T~\xd5\xc1\x12\x94R\xfa3\x02\xf5\xfa\xebw\x8d\xdf\xb2e\xcb\x83\x0f&gt;\xc8\xfa\x97\x86\x1b\xb9\x04s\xdf/(\x8e\xe3,\xcbf\xdf/H\xdf\x0bJ;\x12\x02\x00\xbb\xe8\xf5o4\x1a\xedv{\xfb\xf6\xed\xf7\xddw_\xb3\xd9TJ1L%\xc8\xb2lff\xa6\xea\xa3\x08\xc2l\x03n\xbf\xfd\xf6v\xbb\xddj\xb5&gt;\xf1\x89O\xfc\xf0\x87?\\\xbbv\xad\x94\xb2\xb4\x06\x10\x80P\xe8\xef,\xbe\xfe\xf5\xaf?\xf7\xdcs\xfa\x9b\x8e\xaa\x8fh&gt;)\xe5\x89\x13\'\x9ey\xe6\x19}xq\x1c_r\xc9%J\xa94MY\xff\xa2\xe9\xe7\x1f\xd6\xad[\xf7\xfd\xef\x7f\x7fzz\xba\xccoB\xc3\xa4\x1f\x8b\xaf^\xbd\xfa\x92K.y\xea\xa9\xa7\xfa\xfb\xfb\xa7\xa6\xa6\xbe\xfd\xedo\xef\xd8\xb1C\x9f\xfc\xe5\x1cFR\xce_\x83\xca\xe9\x00\xfc\xe2\x17\xbf8x\xf0`\xd5\xc7\xb2\x94F=\xc9\xf2&lt;\x89\xa34\xcb\x9e|\xf2\xc9\xaa\x0f\',SSSI\x92\x94\xfc,D\x80\xf4\xf3\x99g\x9cq\xc6\x17\xbf\xf8\xc5\xa7\x9ez\xaa\xd1hLMMm\xdf\xbe\xfd\xb6\xdbn\xd3\xaf\x81\x95v$\x04 ,\x83\x83\x83q\x1c\xc7q\xdcj\xb5\xaa&gt;\x96\x855[\xa9\xfe\x85\x94"\x8a\xde\xb9\'X\xf8x\xc53\xf5z=\xcb\xb2\xc1\xc1A\x9e\x12(\xda\xec\xfa\x7f\xe9K_\xda\xbf\x7f\xbf\xfe\xcc\x80m\xdb\xb6\xed\xda\xb5\xab\xfc\x1b\x9f\x00\x84%\xcf\xf3,\xcb\x94R\x9b\xfe\xec_n\xda\xf8\xc1|\xaa\x1dEv}\xaf\xa7\x94\x10I\xf4\xd6[\xd3?x\xf8\x85&lt;\xcf\xa4\x94\x91\x94_\xfd\xec\x9f\xfe\xd1\xea\xc1\xa9\xa9V\x1cGB(!\xec:fw\xe5J5V\xd4\x9ex\xe6\xff=\xf5\xe2\xeb\xb3\x1f\xd4\x85\xe2\xcc]\xff}\xfb\xf6\xe9\xeb\xdc\xb6m\xdb\xb6{\xf7\xee,\xcb\xa2(*\xf9\xb1\x17\x01\x08Q\x9e\xe7Wm\xfc\xe0-w^*\xde\x98\x12\x89}O\xaf+%\x1a\xc9\x9f~\xec\xcc\x91\x1d\xa3I,\xb3\\\xfd\xfe\x0f\xc7\xff\xea\xc6?\x8f\x06\x1bb&amp;\x15\xb1\x14|\x93jJ\x96\x8b\xe1\x81\xe4\xaf\x9e\x18\xfd\xf5\x1f\xaa&gt;\x14\xff\xd9\xb6\xfe\x82\x00\x04kb\xaa\x9d\xbe1\x95\xbe9\x95X\x18\x00!r%\xb6m?_\x081\xb2c\xb4\x96D\xff\xfb\xd9W/\xb8\xfe\xaf\xff\xee\xae\xff0&lt;X\x9f\x99I\xe3\x98G\x00f\xa4Y~\x86\x10\x93\xd3\xed\xaa\x0f\xc4\x7f\x16\xae\xbf \x00\xc1\x8a"\x99$\x91H";\x03 \x84H\xdf\x98\x9am@\xa3\x1e?\xffOo~f\xc7O\x1f\xff\xef\x7f1&lt;\xd0\x98\xa6\x01\xe6$qd\xdb\xd3\x80\xfe\xb1s\xfd\x05?\t\x0ck%I\xa4\x1b\xb0\xfb;\x1b\x9b\xad\xacQ\x8f\x9f\xfd\xfd\x1b\x9b\xbf\xf9\x93\xb1\xc9f\xdf\x8a$\xcbx\x1a\x08n\xb0v\xfd\x05\x01\x80\xcdh\x00\\g\xf3\xfa\x0b\x02\x00\xcb\xd1\x00\xb8\xcb\xf2\xf5\x17\x04\x00\xf6\xa3\x01p\x91\xfd\xeb/\x08\x00\x9c@\x03\xe0\x16\'\xd6_\x10\x00\xb8\x82\x06\xc0\x15\xae\xac\xbf \x00p\x08\r\x80\xfd\x1cZ\x7fA\x00\xe0\x16\x1a\x00\x9b\xb9\xb5\xfe\x82\x00\xc094\x00vrn\xfd\x05\x01\x80\x8bh\x00l\xe3\xe2\xfa\x0b\x02\x00G\xd1\x00\xd8\xc3\xd1\xf5\x17\x04\x00\xee\xa2\x01\xb0\x81\xbb\xeb/\x08\x00\x9cF\x03P-\xa7\xd7_\x10\x00\xb8\x8e\x06\xa0*\xae\xaf\xbf \x00\xf0\x00\r@\xf9&lt;X\x7fA\x00\xe0\x07\x1a\x802\xf9\xb1\xfe\x82\x00\xc0\x1b4\x00\xe5\xf0f\xfd\x05\x01\x80Oh\x00\x8a\xe6\xd3\xfa\x0b\x02\x00\xcf\xd0\x00\x14\xc7\xb3\xf5\x17\x04\x00\xfe\xa1\x01(\x82\x7f\xeb/\x08\x00\xbcD\x03`\x96\x97\xeb/\x08\x00|E\x03`\x8a\xaf\xeb/\x08\x00&lt;F\x03\xd0;\x8f\xd7_\x10\x00\xf8\x8d\x06\xa0\x17~\xaf\xbf \x00\xf0\x1e\r@w\xbc_\x7fA\x00\x10\x02\x1a\x80\xe5\na\xfd\x05\x01@ h\x00:\x17\xc8\xfa\x0b\x02\x80p\xd0\x00t"\x9c\xf5\x17\x04\x00A\xa1\x01XZP\xeb/\x08\x00BC\x03\xb0\x98\xd0\xd6_\x10\x00\x04\x88\x06\xe0T\x01\xae\xbf \x00\x08\x13\r\xc0\\a\xae\xbf \x00\x08\x16\r\x80\x16\xec\xfa\x0b\x02\x80\x90\xd1\x00\x84\xbc\xfe\x82\x00 p4 d\x81\xaf\xbf \x00\x00\r\x08\x13\xeb/\x08\x00 h@xX\x7f\x8d\x00\x00B\xd0\x80\x90\xb0\xfe\xb3\x08\x00\xf0\x0e\x1a\x10\x02\xd6\x7f.\x02\x00\xbc\x87\x06\xf8\x8d\xf5\x9f\x87\x00\x00\xefC\x03|\xc5\xfa\x9f\x8a\x00\x00\xf3\xd1\x00\xff\xb0\xfe\x0b"\x00\xc0\x02h\x80OX\xff\xc5\x10\x00`a4\xc0\x0f\xac\xff\x12\x08@X\x94b\xb6\x96\x81\x06\xb8\x8e\xf5_\x1a\x01\x08\x85RJ)\x95$I\xd5\x07\xe2\x18\x1a\xe0.\xd6\xff\xb4\x08@\x10\x94RRJ)\xe5\xf1\xe3\xc7C?\xe5\x97\x8f\x06\xb8\x88\xf5\xef\x04\x01\xf0\x9fRJ\xdf\x19FFF\x0e\x1f&gt;\\\xab\'B\x08\x9e\nZ\x16\x1a\xe0\x16\xd6\xbfC\x04\xc0sz\xfd\xe38\x1e\x19\x19\xd9\xb3gO\x1c\xc7y\x9e\x0b!jI\x94\x13\x81\xe5\xa0\x01\xae`\xfd;G\x00|6o\xfdk\xf5z\x96e\xfa\xbfz\xe3\xad\xe9\xa8\x91\xd0\x80e\xa1\x01\xf6c\xfd\x97\x85\x00x\xeb\xd4\xf5o\xb7ZR\xca4\xcd\xa3H\xde\xf7?_\xda\xf3\x83g\xea\x1f\x18L\xd3\xbc\xea#u\t\r\xb0\x19\xeb\xbf\\\x04\xc0O\xf3\xd6\xbf\xb1\xa2\xaf\xddj\x9d\x7f\xe5u\x1f&lt;\xf7b!\x84\x10Q\x96\xa9\x91\xff:\xba\xe7\xfe\xe7\x92\xb3\xfai\xc0\xb2\xd0\x00;\xb1\xfe] \x00\x1e:u\xfd\x9b3\xd3\x1f\xdft\xedU\x7f\xb9S\xff\x1c\x80\x12B\x08\x95$\xd1\xc8\x8e\xd1=\xf7\xff=\rX.\x1a`\x1b\xd6\xbf;\x04\xc07\x0b\xae\xff\x9f\xfc\xbb\xcf_u\xf3=\xad\xa9\x89&lt;\xcf\xde\xfdc"Ms\x1a\xd05\x1a`\x0f\xd6\xbfk\x04\xc0+\x0b\xae\xff\xb9z\xfd\xa7\'\x94\xc8\xf5=A\xe5\xd9\xa6\xffx\xd1\xc7\xd6\xff\xab4\xcdk\xf5\x98\x06t\x87\x06\xd8\x80\xf5\xef\x05\x01\xf0\xc7b\xeb\x7f\xa5^\x7f\x95K\xf9\xde\x97{h\xf5\x19\xffe\xd7\x7f^\xfb\xaf\xff\xa8\xdd\xcah@\xd7h@\xb5X\xff\x1e\x11\x00O,k\xfd\x85\x103S\xad\xfe\xc1\x157\xff`\xeb\xd9\xff\xe6\x8fi@/h@UX\xff\xde\x11\x00\x1f,w\xfd\x85\x10q\x1c5gZ\xfdg\xf4\xfd\xe5\xbd\xd7\xd1\x80\x1e\xd1\x80\xf2\xb1\xfeF\x10\x00\xe7u\xb1\xfeZ\xf4N\x03V\xd0\x80\xde\xd1\x802\xb1\xfe\xa6\x10\x00\xb7u\xbd\xfeZ\x14G\xcdi\x1a`\x06\r(\x07\xebo\x10\x01pX\x8f\xeb\xaf\xd1\x00\x83h@\xd1X\x7f\xb3\x08\x80\xab\x8c\xac\xbfF\x03\x0c\xa2\x01\xc5a\xfd\x8d#\x00N2\xb8\xfe\x1a\r0\x88\x06\x14\x81\xf5/\x02\x01p\x8f\xf1\xf5\xd7h\x80A4\xc0,\xd6\xbf \x04\xc01\x05\xad\xbfF\x03\x0c\xa2\x01\xa6\xb0\xfe\xc5!\x00.)t\xfd5\x1a`\x10\r\xe8\x1d\xeb_(\x02\xe0\x8c\x12\xd6_\xa3\x01\x06\xd1\x80^\xb0\xfeE#\x00n(m\xfd5\x1a`\x10\r\xe8\x0e\xeb_\x02\x02\xe0\x80\x92\xd7_\xa3\x01\x06\xd1\x80\xe5b\xfd\xcbA\x00lW\xc9\xfak4\xc0 \x1a\xd09\xd6\xbf4\x04\xc0j\x15\xae\xbfF\x03\x0c\xa2\x01\x9d`\xfd\xcbD\x00\xecU\xf9\xfak4\xc0 \x1a\xb04\xd6\xbfd\x04\xc0R\x96\xac\xbfF\x03\x0c\xa2\x01\x8ba\xfd\xcbG\x00ld\xd5\xfak4\xc0 \x1ap*\xd6\xbf\x12\x04\xc0:\x16\xae\xbfF\x03\x0c\xa2\x01s\xb1\xfeU!\x00v\xb1v\xfd5\x1a`\x10\r\xd0X\xff\n\x11\x00\x8bX\xbe\xfe\x1a\r0\x88\x06\xb0\xfe\xd5\xaa~P\xa09\xb1\xfe\x1a\r0(\xe4\x06\xb0\xfe\x95\xb3eS\x02\xe7\xd0\xfak4\xc0\xa00\x1b\xc0\xfa\xdb\xc0\xaeY\t\x93s\xeb\xaf\xd1\x00\x83Bk\x00\xebo\t\x1b\x97%(\x8e\xae\xbfF\x03\x0c\n\xa7\x01\xac\xbf=\xec\x1d\x97\x108\xbd\xfe\x1a\r0(\x84\x06\xb0\xfeV\xb1}_&lt;\xe6\xc1\xfak4\xc0 \xbf\x1b\xc0\xfa\xdb\xc6\x8d\x89\xf1\x8f7\xeb\xaf\xd1\x00\x83|m\x00\xebo!\x97V\xc6\x1b\x9e\xad\xbfF\x03\x0c\xf2\xaf\x01\xac\xbf\x9d\xdc\x1b\x1a\xd7y\xb9\xfe\x1a\r0\xc8\xa7\x06\xb0\xfe\xd6ruk\x1c\xe5\xf1\xfak4\xc0 ?\x1a\xc0\xfa\xdb\xcc\xed\xb9q\x8b\xf7\xeb\xaf\xd1\x00\x83\\o\x00\xebo9\x1f\x16\xc7\t\x81\xac\xbfF\x03\x0cr\xb7\x01\xac\xbf\xfd\xfc\x19\x1d\x9b\x05\xb5\xfe\x1a\r0\xc8\xc5\x06\xb0\xfeN\xf0mw,\x14\xe0\xfak4\xc0 \xb7\x1a\xc0\xfa\xbb\xc2\xcf\xe9\xb1G\xb0\xeb\xaf\xd1\x00\x83\\i\x00\xeb\xef\x10\x9f\xd7\xa7r\x81\xaf\xbfF\x03\x0c\xb2\xbf\x01\xac\xbf[\xfc\x1f\xa0\xaa\xb0\xfe\xb3h\x80A67\x80\xf5wN(\x1bT2\xd6\x7f\x1e\x1a`\x90\x9d\r`\xfd]\x14\xd6\x0c\x95\x83\xf5_\x10\r0\xc8\xb6\x06\xb0\xfe\x8e\nq\x89\n\xc5\xfa/\x81\x06\x18dO\x03X\x7fw\x85;FE`\xfdO\x8b\x06\x18dC\x03X\x7f\xa7\x85\xbeG\x06\xb1\xfe\x1d\xa2\x01\x06U\xdb\x00\xd6\xdfuL\x92\x19\xac\xff\xb2\xd0\x00\x83\xaaj\x00\xeb\xef\x01V\xc9\x00\xd6\xbf\x0b4\xc0\xa0\xf2\x1b\xc0\xfa\xfb\x81a\xea\x15\xeb\xdf5\x1a`P\x99\r`\xfd\xbd\xc16\xf5\x84\xf5\xef\x11\r0\xa8\x9c\x06\xb0\xfe&gt;a\x9e\xba\xc7\xfa\x1bA\x03\x0c*\xba\x01\xac\xbfgX\xa8.\xb1\xfe\x06\xd1\x00\x83\x8ak\x00\xeb\xef\x1fF\xaa\x1b\xac\xbfq4\xc0\xa0"\x1a\xc0\xfa{\x89\x9dZ6\xd6\xbf 4\xc0 \xb3\r`\xfd}\xc5T-\x0f\xeb_(\x1a`\x90\xa9\x06\xb0\xfe\x1ec\xad\x96\x81\xf5/\x01\r0\xa8\xf7\x06\xb0\xfe~c\xb0:\xc5\xfa\x97\x86\x06\x18\xd4K\x03X\x7f\xef\xb1Y\x1da\xfdKF\x03\x0cZ\xa2\x01\xfd+\x12\x95/\xdc\x00\xd6?\x04\xcc\xd6\xe9\xb1\xfe\x95\xa0\x01\x06-\xda\x80\x89\xa6\\\x91\xa4\xd9\xfc\x1b\x93\xf5\x0f\x04\xcbu\x1a\xac\x7f\x85h\x80A\x0b7\xe0\xf6\x9fNN\xb6\xce\xe8\xab\xcd\xfd\x93\xac\x7f8\x18\xaf\xa5\xb0\xfe\x95\xa3\x01\x06\x9d\xda\x80#/\x1f\xbb\xfa\x96\xff\xf5\xfa\xdbS\xb3\x7fF)\xc5\xfa\x87\x83\xfdZ\x14\xebo\t\x1a`\xd0\xbc\x06\xd4\x92\xe8\xe7G^\xbb\xf7o\x8f\xc4q,\x84\xc8\xf3\\\x08\xc1\xfa\x87\x83\t[\x18\xebo\x15\x1a`\xd0\xdc\x06\xb4\xd3\xbc\x96D\xb3\xab\x9e$I\xa3\xd1`\xfd\xc3\xc1\x8a-\x80\xf5\xb7\x10\r0h^\x03\x84xg\xd9\xa5\x94_\xf9\xcaW\xf6\xef\xdf\xcf\xfa\x07\x82!\x9b\x8f\xf5\xb7\x16\r0\xe8\xdd\x06\\\xb0\xfb\xdb\x1b\xe3X*\x95\x0b!FGGw\xed\xda\xd5h4X\xff@\xb0e\xef\xc3\xfa[\x8e\x06\x18\x94$Q\xeb\xe8\xc4\xb6\x1b/\xfc\xea\x7f\xfax\x9e\xab$\x89\xf2&lt;\xaf\xd7\xeb\xcdf\x93\xf5\x0f\x04s\xf6\x1e\xd6\xdf\t4\xc0\xa0H\xca\xbc\x99\x9e\xb5\xbaO\xff\x9fq\x1c\xb7Z-\xd6?\x1c,\xda;X\x7f\x87\xd0\x00\x83")\xdbi.\x84\x88\xa2(\xcb2\xd6?(\x8c\x9a\x10\xac\xbf\x83h\x80Az\xe7\xdb\xadt\xfd\xfa\xf5\xbbw\xef\xd6?\x08\xc6\xfa\x87\x80]c\xfd]E\x03\xccRB\xacZ\xb5J)\xa5\x94b\xfd\x03\x11\xfa\xb4\xb1\xfeN\xa3\x01f\xa5i*\xa5d\xfd\xc3\x11\xf4\xba\xb1\xfe\x1e\xa0\x01\x061\xfd\xa1\tw\xe0X\x7fo\xd0\x00\xa0;\x81n\x1c\xeb\xef\x19\x1a\x00t!\xc4\x99c\xfd\xbdD\x03\x80\xe5\nn\xe9X\x7f\x8f\xd1\x00`Y\xc2\x1a;\xd6\xdf{4\x00\xe8\\@{\xc7\xfa\x07\x82\x06\x00\x1d\ne\xf2X\xff\xa0\xd0\x00\xa0\x13A\xac\x1e\xeb\x1f \x1a\x00\x9c\x96\xff\xc3\xc7\xfa\x07\x8b\x06\x00K\xf3|\xfbX\xff\xc0\xd1\x00`\t&gt;\xcf\x1f\xeb\x0fA\x03\x80\xc5y\xbb\x80\xac?f\xd1\x00`A~\x8e \xeb\x8fyh\x00p*\x0fw\x90\xf5\xc7\x82h\x000\x8foS\xc8\xfac\t4\x00\x98\xcb\xab5d\xfdqZ4\x00\x98\xe5\xcf \xb2\xfe\xe8\x10\r\x004O6\x91\xf5\xc7\xb2\xd0\x00@\xf8\x11\x00\xd6\x1f]\xa0\x01\x80\xf3\xcb\xc8\xfa\xa3k4\x00\x81s{\x1cY\x7f\xf4\x88\x06 d\x0e\xef#\xeb\x0f#h\x00\x82\xe5\xeaD\xb2\xfe0\x88\x06 LN\xae$\xeb\x0f\xe3h\x00\x02\xe4\xdeP\xb2\xfe(\x08\r@h\x1c\xdbJ\xd6\x1f\x85\xa2\x01\x08\x8aKs\xc9\xfa\xa3\x044\x00\xe1pf1Y\x7f\x94\x86\x06 \x10n\x8c&amp;\xeb\x8f\x92\xd1\x00\x84\xc0\x81\xddd\xfdQ\t\x1a\x00\xef\xd9&gt;\x9d\xac?*D\x03\xe07\xab\xd7\x93\xf5G\xe5h\x00&lt;f\xef\x80\xb2\xfe\xb0\x04\r\x80\xaf,\xddP\xd6\x1fV\xa1\x01\xf0\x92\x8d3\xca\xfa\xc3B4\x00\xfe\xb1nIY\x7fX\x8b\x06\xc03v\x8d)\xeb\x0f\xcb\xd1\x00\xf8\xc4\xa2=e\xfd\xe1\x04\x1a\x00o\xd82\xa9\xac?\x1cB\x03\xe0\x07+V\x95\xf5\x87sh\x00&lt;P\xfd\xb0\xb2\xfep\x14\r\x80\xeb*\xdeV\xd6\x1fN\xa3\x01pZ\x95\xf3\xca\xfa\xc3\x034\x00\xee\xaalaY\x7fx\x83\x06\xc0QI%\x7f+\xeb_9\x95\xab,\xcd\xf3\x8cm2C\n151\xd3\xe8\xaf\x7fm\xe7\xd6\xbb\xbf\xba\xf7\x0f\xbf?\x9a$\xd1\xc8\x8eQ!\xc4\xb6\xed\xe7\xb7\x8eNE\xb2\xeaC\\H\x9a\xe6"\xcd\xf3\\U} \xa8F\x05\x01`\xfdm\xd0\xe8\xab\x0f\xfd\x8bA!E\x1csk\x9b"\xf3,_y\xe6\xc0\x7f{\xe4\x86{nx\xe8\x1f\x0e\xbd\xfc^\x03n\xb8P4S!\xad\x8b@\x92\xe6\xe2\xac\xfe\xc1\xfeZ\xd5\x07\x82j\x94\x1d\x00\xd6\xdf\x06RF/&gt;\xfd\xfb\xbf\xbe\xebo\x9b\xd3\xed\xc8\xbeUr\x94\x12J\n\x99e\xf9\x8a\xfe\xfa\x9a\xb3W\xff\xc3\xe1\x7f\xcas%\xa5\x1c\xd91\xfa\xfco\xdf^\xbd\xbaO\xa4\xb9m7v\x9e\xab\xa8\xbf\xf6\xe4\xe8?GQ\x94\xe7&lt;\x1c\x0cN\xa9\x01PJ\t!f\xd7\xbf^o\xb0\xfe%\x932\x92Q,\xa3\xf8\x1f\x9f{\xe5\x1f\x9f{\xa5\xea\xc3\xf1\x99\x8c"!")\x95\x10\xea\x07\x0f\xbfP\xf5\xe1\x9cF\xbd^\xcf\xb2,\x8a\xb8\x03\x86\xa5\xec\x00(\xa5n\xb8\xe1\x06\xbd\xfe\xadV\xf3O\xfe\xfcZ\xd6\xbfD\xb2=3\xa9\xf2L\xe5Y\xd5G\xe2?\x95\xe7B\x08\xfd\xe4z\x12GB\x8a8\x8a\x9a\xad\xb4\xda\xa3ZL\xab\xd5\x12BLLLT} (Uy\x01\xc8\xb2,\x8e\xe3\xef|\xe7;\xf7\xdf\x7f\x7f__\xff\xf4\xf4\xd4\xda\x8f\xff\xd9\xbf\xbfu\xcf\xe4\xd8\x1bB\n\xd6\xbfpR\xaa&lt;\xfd\xe3\x8f]\x984\xfad\x14\xd3\x80BI!\x95\xcae\x14K)\xff\xf9\xc5\xa7\xd3,\x8b\xe3\xb8\xd9J/\xbc\xf0\xc2\xa1\xa1!\xfdP\xd8*q\x1cgYv\xc1\x05\x17\x08!\xa4mOT\xa10\xb2\xb4sQ\x7f\xfb\xff\xdak\xaf}\xfe\xf3\x9f\x7f\xfa\xe9\xa7k\xf5\xba\x88\x92K\xb7\xee\xb8\xf0\xea\xedS\xc7\x8fEq5\xd7#\x85&amp;\xa97d\x14\x0b%\x04\xf7\xf1"\xa9&lt;\x972\xaa\xf7\x0f&gt;v\xcf\xcd\x7f\xffw\x0f\xd5\x92Z\xab\xd5\xdc\xb6m\xdb\xee\xdd\xbb\xab&gt;4\xe0=\xe5\x05@\x08\xa1\x94\x92R\x8e\x8d\x8dm\xde\xbc\xf9\xd0\xa1CI\x92\xa4iz\xf9\xc8\x9d\xeb\xaf\xb9~r\xec\r\x1aP\x02\xa5ra\xddw\x9f~\x91\xef[\xff\x17\xff\xef\xdf\xd4\xeb\xf5V\xab\xa5\xd7?\xcfs}/\xa8\xfa(\x17\xc5\xcb\x00A)5\x00B\x88&lt;\xcf\xa3(\x9am\x80~%\x80\x06\xc0\x1b\xfa\xd5\xacz\xdf\xe0c\xf7\xdc\xf4\xc2\x13?\xd2\xd7\xb9\xe9\xf5\xd7\xaf\xb2\xda\xbc\xfe\x08M\xd9\xb5\xd7W\x9b\r\x0f\x0f?\xfe\xf8\xe3\x1b6lh\xb5\x9a\xf5z\xe3\xff\xec\xbe\xfd\xf0Ow\r\x0c\x9f\x95g\x96\xbeD\x06tb\xce\xfa\xdf\xcc\xfa\xc3~\x15&lt;\xdc\xa3\x01\xf0\xd2\xfb\xd7\xff\x87\xac?\xecW\xcd\xf3}4\x00\x9ea\xfd\xe1\xa2\xca^\xf0\xa1\x01\xf0\x06\xeb\x0fGU\xf9\x8a?\r\x80\x07X\x7f\xb8\xab\xe2K\xbeh\x00\x9c\xc6\xfa\xc3i\xd5_\xf3K\x03\xe0(\xd6\x1f\xae\xab&gt;\x00\x82\x06\xc0A\xac?&lt;`E\x00\x04\r\x80SX\x7f\xf8\xc1\x96\x00\x08\x1a\x00G\xb0\xfe\xf0\x86E\x01\x104\x00\xd6c\xfd\xe1\x13\xbb\x02 h\x00,\xc6\xfa\xc33\xd6\x05@\xd0\x00X\x89\xf5\x87\x7fl\x0c\x80\xa0\x01\xb0\x0c\xeb\x0f/Y\x1a\x00A\x03`\r\xd6\x1f\xbe\xb27\x00\x82\x06\xc0\x02\xac?&lt;fu\x00\x04\r@\xa5X\x7f\xf8\xcd\xf6\x00\x08\x1a\x80\x8a\xb0\xfe\xf0\x9e\x03\x01\x104\x00\xa5c\xfd\x11\x027\x02 h\x00J\xc4\xfa#\x10\xce\x04@\xd0\x00\x94\x82\xf5G8\\\n\x80\xa0\x01(\x18\xeb\x8f\xa08\x16\x00A\x03P\x18\xd6\x1f\xa1q/\x00\x82\x06\xa0\x00\xac?\x02\xe4d\x00\x04\r\x80Q\xac?\xc2\xe4j\x00\x04\r\x80!\xac?\x82\xe5p\x00\x04\r@\xcfX\x7f\x84\xcc\xed\x00\x08\x1a\x80\x1e\xb0\xfe\x08\x9c\xf3\x01\x104\x00]a\xfd\x01\x1f\x02 h\x00\x96\x89\xf5\x07\x847\x01\x104\x00\x1dc\xfd\x01\xcd\x9f\x00\x08\x1a\x80\x0e\xb0\xfe\xc0,\xaf\x02 h\x00\x96\xc4\xfa\x03s\xf9\x16\x00A\x03\xb0\x08\xd6\x1f\x98\xc7\xc3\x00\x08\x1a\x80S\xb0\xfe\xc0\xa9\xfc\x0c\x80\xa0\x01\x98\x83\xf5\x07\x16\xe4m\x00\x04\r\x80\x10\x82\xf5\x07\x16\xe7s\x00\x04\r\x08\x1e\xeb\x0f,\xc1\xf3\x00\x08\x1a\x100\xd6\x1fX\x9a\xff\x01\x104 H\xac?pZA\x04@\xd0\x80\xc0\xb0\xfe@\'B\t\x80\xa0\x01\xc1`\xfd\x81\x0e\x05\x14\x00A\x03\x02\xc0\xfa\x03\x9d\x0b+\x00\x82\x06x\x8d\xf5\x07\x96%\xb8\x00\x08\x1a\xe0)\xd6\x1fX\xae\x10\x03 h\x80wX\x7f\xa0\x0b\x81\x06@\xd0\x00\x8f\xb0\xfe@w\xc2\r\x80\xa0\x01^`\xfd\x81\xae\x05\x1d\x00A\x03\x1c\xc7\xfa\x03\xbd\x08=\x00\x82\x068\x8b\xf5\x07zD\x00\x84\xa0\x01\x0eb\xfd\x81\xde\x11\x80w\xd0\x00\x87\xb0\xfe\x80\x11\x04\xe0=4\xc0\t\xac?`\n\x01x\x1f\x1a`9\xd6\x1f0\x88\x00\xccG\x03\xac\xc5\xfa\x03f\x11\x80\x05\xd0\x00\x0b\xb1\xfe\x80q\x04`a4\xc0*\xac?P\x04\x02\xb0(\x1a`\t\xd6\x1f(\x08\x01X\n\r\xa8\x1c\xeb\x0f\x14\x87\x00\x9c\x06\r\xa8\x10\xeb\x0f\x14\x8a\x00\x9c\x1e\r\xa8\x04\xeb\x0f\x14\x8d\x00t\x84\x06\x94\x8c\xf5\x07J@\x00:E\x03J\xc3\xfa\x03\xe5 \x00\xcb@\x03J\xc0\xfa\x03\xa5!\x00\xcbC\x03\n\xc5\xfa\x03e"\x00\xcbF\x03\n\xc2\xfa\x03%#\x00\xdd\xa0\x01\xc6\xb1\xfe@\xf9\x08@\x97h\x80A\xac?P\t\x02\xd0=\x1a`\x04\xeb\x0fT\x85\x00\xf4\x84\x06\xf4\x88\xf5\x07*D\x00zE\x03\xba\xc6\xfa\x03\xd5"\x00\x06\xd0\x80.\xb0\xfe@\xe5\x08\x80\x194`YX\x7f\xc0\x06\x04\xc0\x18\x1a\xd0!\xd6\x1f\xb0\x04\x010\x89\x06\x9c\x16\xeb\x0f\xd8\x83\x00\x18F\x03\x96\xc0\xfa\x03V!\x00\xe6\xd1\x80\x05\xb1\xfe\x80m\x08@!h\xc0&lt;\xac?`!\x02P\x14\x1a0\x8b\xf5\x07\xecD\x00\nD\x03\x04\xeb\x0fX\x8c\x00\x14+\xf0\x06\xb0\xfe\x80\xcd\x08@\xe1\x82m\x00\xeb\x0fX\x8e\x00\x94!\xc0\x06\xb0\xfe\x80\xfd\x08@I\x82j\x00\xeb\x0f8\x81\x00\x94\'\x90\x06\xb0\xfe\x80+\x08@\xa9\xbco\x00\xeb\x0f8\x84\x00\x94\xcd\xe3\x06\xb0\xfe\x80[\x08@\x05\xbcl\x00\xeb\x0f8\x87\x00T\xc3\xb3\x06\xb0\xfe\x80\x8b\x08@e\xbci\x00\xeb\x0f8\x8a\x00T\xc9\x83\x06\xb0\xfe\x80\xbb\x08@\xc5\x9cn\x00\xeb\x0f8\x8d\x00T\xcf\xd1\x06\xb0\xfe\x80\xeb\x08\x80\x15\x9ck\x00\xeb\x0fx\x80\x00\xd8\xc2\xa1\x06\xb0\xfe\x80\x1f\x08\x80E\x9ch\x00\xeb\x0fx\x83\x00\xd8\xc5\xf2\x06\xb0\xfe\x80O\x08\x80u\xacm\x00\xeb\x0fx\x86\x00\xd8\xc8\xc2\x06\xb0\xfe\x80\x7f\x08\x80\xa5\xacj\x00\xeb\x0fx\x89\x00\xd8\xcb\x92\x06\xb0\xfe\x80\xaf\x08\x80\xd5*o\x00\xeb\x0fx\x8c\x00\xd8\xae\xc2\x06\xb0\xfe\x80\xdf\x08\x80\x03*i\x00\xeb\x0fx\x8f\x00\xb8\xa1\xe4\x06\xb0\xfe@\x08\x08\x803Jk\x00\xeb\x0f\x04\x82\x00\xb8\xa4\x84\x06\xb0\xfe@8\x08\x80c\nm\x00\xeb\x0f\x04\x85\x00\xb8\xa7\xa0\x06\xb0\xfe@h\x08\x80\x93\x8c7\x80\xf5\x07\x02D\x00\\e\xb0\x01\xac?\x10&amp;\x02\xe00#\r`\xfd\x81`\x11\x00\xb7\xf5\xd8\x00\xd6\x1f\x08\x19\x01p^\xd7\r`\xfd\x81\xc0\x11\x00\x1ft\xd1\x00\xd6\x1f\x00\x01\xf0\xc4\xb2\x1a\xc0\xfa\x03\x10\x04\xc0\'\x1d6\x80\xf5\x07\xa0I\xa5T\xd5\xc7\x00\x93\xf2&lt;\x8f\xa2hlll\xf3\xe6\xcd\x87\x0e\x1d\xaa\xd7\x1b\xadV\xf3\xf2\x91;\xd7_s\xfd\xe4\xd8\x1b2\x8aX\x7f\x00\x1a\x01\xf0\xd0b\r\xb8\xf0\xea\xed\xd3\'\xdfj\xf4\xafd\xfd\x01\x08\x02\xe0\xab\xc5\x1a\xb0\xe1/\xbe\xfa\xb3\xff\xb1\xed\xc5\'\xff\x86\xf5\x07@\x00\xbc5\xaf\x01I\x92\xa4Y\xb6\xf6\xdf^\xf4\xdaK\x07u\x0fX\x7f p\x04\xc0g\x0b4 MY\x7f\x00\x1aW\x01\xf9l\xdeuAi\x9a\xf6\xf5\xf5\xb3\xfe\x004\x1e\x01\xf8o\xf6q\xc0\x95W^y\xf0\xe0\xc1\xed\xdb\xb7\xef\xda\xb5\x8b\xf5\x07@\x00\x82\xa0\x1bp\xf4\xe8\xd1\x07\x1ex\xe0\xf6\xdbo\xd7_t\xd6\x1f\x08\x1c\x01\x08\x85RJ/\xfe\xec/\x00\x04\x8e\xd7\x00B!\xa5TJeY\xc6\xfa\x03\xd0x\x04\x00\x00\x81\xe2\x11\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fe?\xcbk\x8a\x05\x1f\xc4-\xe8\x00\x00\x00\x00IEND\xaeB`\x82'</t>
        </is>
      </c>
    </row>
    <row r="409">
      <c r="A409" s="1" t="n">
        <v>407</v>
      </c>
      <c r="B409" t="inlineStr">
        <is>
          <t>grid_number_color</t>
        </is>
      </c>
      <c r="C409" t="inlineStr">
        <is>
          <t>What is the missing color if the part denoted with the question mark has the number 9?</t>
        </is>
      </c>
      <c r="D409" t="inlineStr">
        <is>
          <t>['blue', 'purple', 'orange', 'green']</t>
        </is>
      </c>
      <c r="E409" t="inlineStr">
        <is>
          <t>blue</t>
        </is>
      </c>
      <c r="F409" t="inlineStr">
        <is>
          <t>There is a 3x3 colored grid of numbers. The first row has number-color pair [(7, 'green'), (7, 'green'), (2, 'purple')], the second row is [(2, 'purple'), (9, 'blue'), (3, 'orange')], and the third and final row is [(9, 'blue'), (3, 'orange'), (9, '?')].</t>
        </is>
      </c>
      <c r="G409" t="inlineStr">
        <is>
          <t>We observe that the grid cells with number 7 is green in color, the grid cells with number 3 is orange in color, the grid cells with number 2 is purple in color, and the grid cells with number 9 is blue in color. Thus, the pattern is that the grid cell with the same number will have the same color.</t>
        </is>
      </c>
      <c r="H409" t="inlineStr">
        <is>
          <t>Based on the pattern that the grid cell with the same number will have the same color, the missing color of the part with 9 should be blue.</t>
        </is>
      </c>
      <c r="I409" t="inlineStr">
        <is>
          <t>b'\x89PNG\r\n\x1a\n\x00\x00\x00\rIHDR\x00\x00\x02\x00\x00\x00\x02\x00\x08\x02\x00\x00\x00{\x1aC\xad\x00\x00\x82\x0eIDATx\x9c\xed\xddu|\x14\xc7\xfb\x07\xf0gfw\xcf%\x1e\x12B\xd0\xe0\xee\xc5iq\n\x94R/\xd4\xdd\xe5[w\xf7\xfe\xea-uZ\xa8\x02\xa5@\xf1\xe2\xee\x1a\xdc\x92\x10\xd7\xf3\xdb\xdd\x99\xf9\xfd\xb1\x85\xd2\x96\xb6\xc8\x85\xe4z\xcf\xbb\xbc\xbe_\x88\\6\xb7\xbb\xcfgfvv\x96\x08!\x00!\x84P\xec\xa15\xbd\x01\x08!\x84j\x06\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d7\xf4\x06\xfcN\x08!\x84\xa8\xe9\xad\xf8O!\x84\x10B\xce\xfe\xcf\xc5]\x19q5\xb2+\x8d\x9d\x88\xbb2\x82\x8c\x9dX#g\xe5\t\x91\x9a\xdd\xbbB\x08\xce\xb9\x10\x82RJ)vG\xaa\x05c\xec,\xbc\xc3\x9cs\xce9!D\x92\xa4\xea\xfb)\xb1L\x08\xc1\x18#\x84PJ\xab\xaf\x82\x18\xe1\x8d\xbb\xb2Z\x1d;%k\xaa\x89vL\x8d\x05\x80Q\xf7\x8f?\xc2\x82\x81PqQQiI\x19!5\x1cK\xff\r\x84\x92&amp;Y\x8d\x9dN\'\xa1\xbf\x1fa\x8c\xb1\xc8\x96\x8f\xdf\x8a\x05%\x94\xfc\x9e.\x01\x7f`\xdf\xde\xfd\x9a\xaa\x01\x01\xc0=y&amp;\x08\x01!\x9c.g\xbd\xcczV\x9b\xe5\xd8\x87\x19c\x00\x10\xd9\x02m\x04\x8c,\xff&gt;*\xa0jjeeEnn\x0e!\xd8\x0f8S\x84\x10!\xa0^Ff\\|\x9cI1\x1f\xfb\xb8\xae\xeb\x92$\xd5T\x0c\xd4@\xa9\xe5\x9c\x03\x80\xd1\x1a\xad(\xaf\\\xb1l\xe5\x82\x05\xf3\xb3w\xef8R\x94\x1bP\xfd\x8a\x8d\n\x8e\x87\xda\x19#D\xd7t\xb3\xb0\xb9\x9c\xee\x06u\x1bu\xef\xda}\xe0\xe0\x81m\xda\xb56&gt;\x19\xa9\x18`\x8c\x1d\xabA{w\xef\x9b?o\xc1\xaa\xd5+\x0f\xe6\xee\xaf\xf4T\xf85\xafb\x918\x17\xb5\xa5\xaf\x1b\xb5\x88D4?sX\\)\t\xa9Y\x8d\x9a\xf5\xed\xd3\xb7\xffy\xfd\xeb\xa4\xa7\xc2\xd1\xd6\xfa\x99w\xec\x8c\x147ve8\x1c\xda\xb4y\xc3\x9c9\xb37n\xd8|\xf8P\x81\xdf\x17\x14\xccL\x80\x08L\xf23c\xbc\x87D\n\xdb\x1d\xd6\xcc\x06i\x9d:\xb5\x1f&lt;xH\xc7\x0e\x9d\xcdf\x0bTC\xcb\xecd\xb7\xeal\x06\xc0\xf1\xc7\xd9\xfa\xb5\x1b&gt;\x1e\xff\xf1\x92\xd5\x0b-)4\xb3u\x9d\xfa\xcd\xea\xa65H\xb1\xda\xad\xae8;\x17\x82\x00\xd6\x8d3C\x80\xe9\xbc\xb2\xb4\xcaW\xe5\xcf\xdb_x`[n\xd1\x9e\x8a\x14{\xdd1\xa3.\xba\xe6\xfak\xe2\xe2\xdd\xf0\xc7\xf2}\xaa8\xe7F\xdd\t\x87\xc3\xdfN\xfc\xfe\xdb\xef\'\x1d(\xdc\x93\xd4\xd8\xd9\xa8m\xbdzM\xd2\xdd\x89Nw\xbcS\xb1(B\xe0\x8e&lt;#\x02\x04%\xd4\xef\r\xfa\xbd\xfe\x92\xfc\xb2\xdc=\x05\x07\xb7\x1e\xf1\x1e\twn\xdd\xfd\xdak\xae\x1d8d\x00\x00\x18\xc35\xa7];\x8e\x1d\x06\x87\x0e\x1f\xf8\xf8\xe3\xf1\xb3f.\x08\xfb\x95\xf4\xa4\x16\x99u[f\xa45\xb6Z\xecnWb\xed\x19\xb3\x8e^\x02\x00\x04TyK\x83A\x7f^\xc1\xfe\x9c#;\xf3K\xb3\xcdvu\xe8\xf9\x03n\xbe\xf1\x96\x06\r\x1a\xc1\x99\x9d\x92\xa7\xe7\xec\x05\xc0\xb1\x92\xb1a\xfd\xc6\x87\x1fz\xa80\x90\xd3\xa4[F\xd7A\xedR3\x92eY\xd2T]\x0bk\x9c\x0b\xa63\xac\x19\x11 \x80\x10")\x92$Q\xc5\xa4H\x8a\xe4\xf7\x06\xf6l\xde\xbff\xf6\xd6\xaa\x83\xe1\x8bF\\\xf6\xd0#\x0f\xdalV]\xd7\x8f\xef\xf2\x9f\xa4c\xdf\xf5\xd1\xfb\xe3?\xf8\xf4=%\x85u\x1e\xd4\xaaM\xf7\xe6\xaex\'gBU5\xa63\xa63\xc1\xb1\xfcG\x82\x00*Q*QE\x91\x15\xb3"\x84(+*\xdf\xb0x\xdb\x8e\xa5\x07\xecZ\xc2\x93\x8f?5d\xd8`8\xad\xdaq\xac\x03q$?\xef\xf1\xc7\x1f]\xb1tK\xdd\x84v\xdd;\x0e\xabW7\xcbl\xb6\xea\xba\xaaja\xc1\xb9\xce\xf4\xea\xf9\xc5b\x91,\xc9\x84R\x93b\x96eS8\x1c\xcc\xcd\xdf\xb7z\xe3\xac\xfc\xb2-\xe7\xf4n\xf3\xc2\xf3/\xd5\xad\x9bq\x86q~\xaa\xceR\x00\x18%#\x10\x08\xdcu\xfb\xdd\xf3V\xfer\xde\xd5\xdd\xba\x0f\xea`\xb1Z\x02\xbe\xa0\xa6\xea \x04!\xe4\xe8\x05\xf2\xb3\xb09\xb1\xe2\xf7I\x1cBP\x89Z\xacf\x93\xd5\x94w \xff\x97\xcf\x17\x97e\x07_|\xee\xa5\x0b/\x1am\x1c\x00\'\x7f\xc0\x19\x85f\xf5\xaa5w\xdc~\xbb\x1e\xef\x1dq\xd3\xb9MZ7`:\x0b\xfa\xc3Fx\x13B\x08`\x17.\xc2\x8c\x9dh\xec,Y\x91mN+cl\xcb\xf2\xecY\x9f-m\x95\xde\xe1\x83\xf1\x1f\xd6\xad\x9b~Jq~\xacA\xf6\xf2+/|\xf8\xde\x17m\x1a\x0f\xe9\xd7\xe3\xe2\xf8\xb8\xe4`\xc8\xa7\xaa!a\x9c\x92xNF\xde\xb1\xa9U\x82\x10b2Y\xac\x16GEe\xc9\xe2U\x93\xb7\xed\x9b}\xcb\xed\xd7&lt;\xf2\xf0\xe3p\xdc\xde\xa9ng#\x00\x8c\xe3r\xf3\xc6-\xe3\xc6\x8d\x8do\xab\\v\xd7\x08\xab\xc3\xea\xab\xf2\x0b.\x08\xa5\xd8\xb9&lt;k\x04\x17\x9c\x0b\xb3U\xb19l;\xd6\xed\x9e\xf8\xc2\xf4K\x86\x8c\xfb\xbfw\xde\x80\x93;\xe0\x8e5\x18\xff\xef\xf5\xb7^{\xff\xa5\x11w\xf4\xed1\xa4S8\xa8\x05\x03!B\x08\xa5\xb8#\xcf\x1e\xce8\x10bwZ\x85\x10\xbfLX\xb8y\xfa\xfew\xdf\xfa\xe0\xfc\x91\xc3N2\x03\x8c\x14\xaf\xa8(\x1f{\xd5\x15{\xb7z\xc6\x8dy&lt;-\xb5\xbe\xcf_\xc5\x98FH\r\x8cD\xc7,c\xca\x95$\xc9\x0e{\\a\xf1\xe1\xaf\xa6\xbc\xd0\xa4\x95c\xe2\xd7\xdf&amp;$$\x9c\x9d\xe1\xa0j\x0f\x00M\xd3\x14E\x99\xf2\xe3\xd4\x9b\xef\xba\xe1\xa2\x07\x06\xf6\x1a\xde\xa5\xb2\xcc\xc3uN%\x9c\xf4Y3\x84\x10\x9c\t\x87\xdb\xa6kl\xfc\x93\xdf8\xbc)s\xe6\xcd\xb6\xd9l\xff\x9c\x01\xc7\xaa\xff\x95\x97\x8d]\xbdo\xd1\xed\xaf^\x95\x90\x12\xe7)\xf7\x12Z\xc3\xf3\xd8b\x19\xe7\x82\x10\x88Kr\xef\\\xbf\xf7\x93G\x7fx\xe0\xd6G\x1f|\xe4\x81\x7f\xcd\x00\xe3\x0bv\xef\xde9t\xe8\xf0\xa6\x19\x83/\x1a~G0\xe4\x0b\xabA\x89\xd6\xa2\xbb\x82b\r\xe7\xba\xc9d\xb5Y\x1c\x93\x7fy\x7fW\xee\x9c\xd9\xb3g6o\xde\xf2\xf4FhOI\xf5\x06\x80\xf1\x0b\xfc\xf0\xed\xe4\xbb\x1f\xbb\xe5\x9e\x0f\xaeI\xcdH\xae*\xf3H2N.\xaey\x9cq*\xd1\x84\x14\xf7\xb7\xefL/[\xa7\xcf_0\xcf\xee\xb0\xff]\x06\x1c\xab\xfe\x97]t\xf9A}\xdb\xed/]\xe5\xf7\x04\xd5\xb0&amp;a\x8a\xd7\x02Lgv\x97MS\xb5Wo\x1e\x7f\xf3E\xf7&lt;\xfc\xf8C\xffP8\x8cv\xe5\xce\x9d\xdb\x87\x0c\x1e9\xac\xf7\xfd\xdd:\x0c(\xab(\xc4V\x7fm`\xf4\x06\x12\xe2S\xd7m^\xf8\xcb\xd2\xd7g\xcd\xf9\xb9U\xcb6\xd5\xdd\x0f\xa8\xc6\x0006}\xca\x8f?\xdd\xf1\xd0\x8d\xff\xfb\xf8zw\x82\xcb\xef\r`\xf5\xaf=\x84\x00\xceXrz\xe2\xf7\xef\xcd([\xaf\xcf\x9d;\xc7b\xb5\xfcu.\xda\xb1\xe9\xe1W\\z\xe5\x01m\xeb\x1d/]SQ\\\t\xa4\x16\xdd\xcd\x888\xe3\x8aY\x91d\xe9\xc5\xeb\xdf\xbf\xed\xd2\xfb\x1f|\xe4\x7f\'\xcc\x00#\xe0w\xed\xde9d\xd0\xf9\xe7\xf7y\xa0}\xeb\xde\x15U\xc5\xb2\xa4\xd4\xc86\xa3\x13\xd2\x99\x16\xefN\xd9\xb2c\xc5\x8c%\xaf\xcc\x9e;\xa3E\xf3\x96\xd5z=\xa0\xba\x02\xc0\xd8\xe8m[\xb6\xf7\x1d\xd8\xf3\xa1\xafnLL\x89\x0f\xf8\x828\xecS\x0b1\x8d\xa5\xd6K\xfe\xe8\xe9\xaf\x13\xaa\x1aL\x9d&gt;\xe5\xaf\x85\xc3\xf8\xc8#\x0f&lt;\xfa\xd3\xaa\x89O~yOi~9^\xb9\xa9\x858\x17\x8a"I\x8a\xf4\xc8\x05\xaf}\xf6\xd6\xd7\x17\x8c\x19\xf5\xa7\xc6\xa31\t;\x14\nu\xec\xd8\xa1g\x9b\x9bzu\x1b^VQ\x88\xd5\xbf\x16bLK\x88\xaf\xb3r\xed\xec\xa5[&gt;\xdc\xb8i\x93\xcdj\xab\xbeyA\xd5R\x91\x8d\x11\x03\xbf\xdf\x7f\xd9\xe5\x97]\xfc\xf0\x90\xd4\x8cd\xbf7\x80\xd5\xbfv\x92\x14\xa9\xf8H\xe9u\x8f\\\xb6\xf9\xc8\xaa\xff{\xfdmY\x96\x8d\xbbL\rF\xdb\x7f\xd6\xcc9\x9f\xfe\xf0\xe1\xbdo\xdePQ\\\x85\xa3\x05\xb5\x13\xa5DSuB\xc8\x9d\xffw\xd5\xadw\xdd\x94s8\x97Rj\xdcti0\xf2\xe0\x86\x1b\xafIuv\xed\xd3}\x04V\xffZK\x92\x94\xb2\x8a\xc2^\xdd\x86\xa7\xb9\xbb_\x7f\xfd5\x7f\xda\x8f\x91U-E\xd9\xb8\xdb\xeb\xee\xdb\xefq\xb7\x92\xfa\x9c\xdf\x15\xc7\xfdk9B\x89\xdf\x1b\xb8\xf3\xf5k\x9e\x7f\xe3\xa9\xad[\xb6QJ\x8d\x0c0f\xaa\x95\x14\x97\xdct\xdb\r7\xbex\x89\xa4HL\xe7X\xfek-*\xd1\x807\xd8\xb8U\xfd\xdec\xdb\x8f\x1b;\xee\xf8\xf5\x1b\x8c \xff\xe2\xcbO\x97\xce\xcf\x1ew\xd1Ce\x95EX\xfdk3YR\xca*\x8b\xc6\x8dyh\xc5\xc2]\x9f}\xfe\xb1$I\xc77\xcb"(\xf2\x01`\x0c\xfel\xd9\xb4u\xc6\xa2\xa9\xe3\xee\x1f]QR\x85\xd5\xbf\x96#\x84\xa8!-\xb1N\xfcyWu}\xf8\xc1\x87\x8f\x95x\xe3\xf6\xf4\x17\x9f{\xa9~\xb7\xc4V]\x9a\xfa=\x01*a\xf5\xaf\xd5$Y\xaa(\xa9\x1a~\xd5y\x87\xaav\xfd\xf8\xfdT\xa3p\x18A\xee\xf3\xfb\x9e\x7f\xee\x95+G?\xaai*\xee\xc5\xda\x8f\x00\xa8Z\xe8\xca\xd1\x8f\xbe\xf8\xfc\xab&gt;\x9f\xb7\x9aVH\xab\x96\x1e\x00!\xe4\xbe{\xef\x1b|}O\xab\xc3\xcaYuu^P\x04I2\xad,\xa9\x1a:\xf6\xdc\x1d\xf9\x1bgL\x9b)I\x92\xaa\xaa\x92$\xed\xdc\xb1\xf3\xbb\x99\x13/\xbfgTe)v\xe3\xa2\x03\xa1D\r\xa9\x97\xffo\xc4\x13O=\x16\x0e\x85)\xa5\xba\xaeSJ_|\xf1\xd9D[\xeb\x16Y\x9d\x02A/!8\x1e[\xdb\x11B\x03A_\xf3&amp;\x1d\x93\x1cm\x9f\x7f\xe1\x99c\xfd\xf2\xc8\x8a\xf0q`4\xff7\xad\xdf|\xa8bO\xaf\xe1]\xbc\x95&gt;\x1c\xfa\x8f\x1a\x04\x00\xe0\xbc+\xbb\x8f\xffd\xfco\x1f d\xfcG\x1f\xb7\x1f\x94\xe5Jp2\xbdZz\xa0(\xe2\x08!A\x7f\xa8E\xe7,\xa5\x8e\xfe\xd3\x94\x9f\x8dU\x9d}&gt;\xcf\xcf?\xcd\x19\xd2\xefj_\xa0\x8aR\x0c\xf2\xe8@\xa9\xe4\x0bT\r\xe9w\xf5\xf4i\xf3\xbc^\x8f$I\x11\xef\x04D&gt;\x00\x00\xe0\xddw\xdem\xd1\xbb\x81\xc5j\xc1u=\xa3\x08\xa5\xd4\xef\tt\xe9\xdfn\xeb\xfe\r[7o7\x99Le\xa5\xe53\xe6M\xeb3\xb2[\xc0\x13\xc0\xa75D\x11B\x08\xd3\xd99#:|\xf4\xf1\x07F\x9b\xec\xfb\x1f\xbe\x15\xe1\x84\xfa\xf5\xb2T5\x84Wq\xa2\x05!DUC\x99\x19YDM\xfc\xee\x87o\x08!\x11\xef\x04D\xf2\xac\x16B\xc8\xb2\\UY\xb5t\xcd\xa2\x9eC;\xe3\xcc\x9f\xa8\xc3\x19w\xb8\xed\x8d\xbb\xd4\xfd\xe2\xb3\xcf\x01`\xca\x0fS\xaci\xb4n\xa345\xac\xe1z0Q\x84P\x12\xf0\x06;\xf4j}\xa0p\xcf\xf6\xad;\x00\xe0\xeb\xaf\xbf\xe9\xd6~\xb8\xae\xebX\xfd\xa3\x0b!D\xd7\xd5n\x1d\x86\x7f3\xe9[8\xba\x8a~\x04E\xf2\xe5\x8c\xe6\xff\x8ae+\xcd)\xa4Nf\x8a\x16\xd6"\xf8\xe2\xe8, \x94\x84\x02j\xa7\xfe\xadWoX\x05\x02\x16-^\xd8\xaeos\xce8V\xff\xa8\xc3\x19\xb7\xbbl\x19\xad\x93\x97.^\x16\n\xfbs\x0e\x94\xb4\xc8\xea\x1c\x0c\xf9p\xf4?\xba\x10B\x83!\x7f\x8b\xac\xceG\x0eW\xe4\xe7\xe7QJ#;\n\x14\xe1\x1e\x00\x00\xcc\x99;\xb7A\xdb\xba\xb8H@4"\x84\x84\x83\xe1\x86-\xea\x95\x07\x8avl\xcd\xde\x97\xbb\xbby\xc7\xc6!\x7f\x18\x9b\x8d\xd1\x87\x80\xae\xb1f]\x1a\xae]\xbfz\xc9\x92\xc5f)9!&gt;\x85\xe1\xc2\xceQ\x881=!.\xd9,%/Y\xba\x08\x8e\xb6\xb3#%\x92e\xda\xb8aa\xc7\xce\xed\x8dZfha\x1d\xb0jD!\xce\xb8\xd5aM\xa8\xe7\xfef\xd2w\xc4&amp;\x12R\xe3uM\xc3\x00\x88:\x84\x105\xa4\xd6k\x92~\xa4$w\xe6\x8c_\xeag\xb4\xac\xe9-Bg$=%k\xdd\xba\xf5\x00\x11~6g\xc4\x02\xc0X,L\xd7XQY~j\xbddM\xc5\xaa\x11\xad\x08!i\r\x93&amp;\xff0\xd5\x91d\xb5\xd8\xcc\x1c\xaf\xe4G!B\x88\xae\xe9Iu\x12*\xfd\xe5\x0b\xe6/j\x90\xd1L\xd3U&lt;%\xa3\x11!DgZZJ\xc3\xbd{\xf7\xc3\xa9&lt;\xba\xe3dD2\x00\x00\xa0 ??\x10\xf6\xd9\x9d\xb6\xea\xbbw\x19U7\xc1\xb9;\xd1YT\x96osY\xf0\xc1.\xd1K\x08a2\x9b\xb8\xa4\x17\x15\x15\xbb]\x89\x9c\xe3D\xdeh\xc59s9\x13\n\x0b\x8a\x8c[:"\xd8\t\x88\xf0H}Qa1\xb5\x803\xde\xc1\x18\xc7\xd6FT"\x84\xe9\xbcN\x83\xe4*_ErF\\Mo\r:}\x82\x0b\x8b\xcdl\x8b7UTz\x92\x932t]\xc5Q\xd9\xa8D\x88\xae\xab\xc9\x89\xe9\xde\xaa\x90\xaaE\xf8\x82\\\x84\x03@\x96e\x02\x04\xa7\xffG;\xaes\x02\x843\xdc\x8f\xd1M\x08\x01\x02(\x918\xd7\xf1\xc9\x8e\xd1\x8cp\xce$9\xf2\x0b1F8\x00\xce\xda#\xe6Q\xf5" \x00\x1f\xe9\xfe\x1f!\x84\xc0\xea\x1f\xfdHu\x14W\x9c\xac\x89\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d7\xf4\x06\xd4.B\x08\xc1ED^\x8aPB\x08\x89\xc8K\xa1\xd3\xc0\xb9\x00\x11\x89]I\x80Rl\'\xd5.B\x08!8\x00\x10B\x08\xa1G?\xc8\x85\x10\x00\x84R\x02\x80\xa7\xdeI\xc1\x00\xf8\x9d\x10B1\xc9\x8aY\x06qf\xc7\x8f\x00 \xa0\x86t]c\x18\x015\xc5j7S)\x02\xef\xbe\x10\x10\x0e\x84#\x12%\xe8\xccq\xc1\x01@\x91M&amp;\xc5B\x08aL\xd7t\x95sF\xa9\xa4\xc8VI\x929\xe7a5\xc8\x98F\xa9T\xd3\x1b\x1b\x050\x00~#\x84\x90\x15\xb9\xf0pi\xd1\xa1R \xe4\xb4\x1b\x8f\x02~\xfb\xee\x8c\xac:\x89in]c\xd8\x0f\xa8\x01\x04\xb2W\xef\x0b\xf9\xc3@\x00\xce\xa0v\x0b\x00Y\x91\xb2:6\x90eI`\x08\xd4(\xa3\xc9o5;\x08!\xa5\xe5y\x07r\xb7\x1e\xce\xdb^T\x96\xe3\x0fT1\xa6\xc9\xb2b\xb3\xc6\xd5I\xaa\xdf\xb8A\xc7\xac\x06\x1d\x9d\xf6\x84`\xc8+\x04?\xd6?@\'\x84\x01\xf0\x1b\xc1\x85\xc5n\xda\xf4k\xf6\xf4\xf1\x0b#\xf2\x82W&gt;|\xfe\xb9W\x9c\xa3U\x04H$\xda\xa1\xe8\x94\x10B\xbeyefqN\xd9\x99\xbf\x94\xc9\xac&lt;7\xed\x1e%\xce\xc6u\x8eY^S8gf\x93\x8dP\xbak\xff\xea\x95\x1b\x7f\xde\xbd\x7f\xad/P\xf9\xd7/\xcb\xde\xbbb\xe1\xaaoR\x123{w\xbd\xb8O\x97\x8b\x80\x80\xa6\xab\x143\xe0\xefa\x00\xfcN\x08\x90d\t\x00\x08%\xa7}%@\x92)\x10\xc2uf\xb2\x99\x04\x8f\xe8\xf6\xa1S\xa1\x98e\x008\xed\x1e\x00! \xc9\x12\xe7\xc2\xe6\xb2H\xb2t&amp;\xdd\x08t\xc6\x88\xc3\x1e\x7f\xf8\xc8\x8e\x99\xbf~\xb4m\xf7R\xe3C\xb2\xa4\xa4\xa54JI\xaa\xefv&amp;+\xb2Y\xd5B\x15\x95\x05y\x85{J+\x8e\x14\x97\xe5L\x99\xfd\xc6\xf6\xddK\xaf\x1e\xf3\x9c\xc3\x16\xa7\xeaa\xcc\x80\xbf\x83\x01\xf0\x1bJi\xc8\x1f\xee:\xa4M\xd3\xce\r\x08!\xa7\xd1\xdf\x17\\Xl\xe6o^\x9d\xb9o\xd3ag\x82\xbdY\xa7F\xe1\x90J(\xb6\x19k\x80\xe0\xe2\xdag\xc6ha\xed4\x12@\x08PLrY~\xc5\xe7ON\xd15\xade\xf7&amp;q\xc9\x0e\x7fU\x90JXDj\x86\x10|\xce\xd2\xcfg/\xfa$\xac\x06\x00 9\xa1^\xb7\xf6\xc3\xdb4\xef\x9b\x92X\xcfl\xb2\x1d\x1d\xeb\x17\x9c3\x7f\xa0j\xe7\xfe5\xb3\x17\x7fRP|`\xf7\x81u\x1f|}\xd7]\xd7|h2Y\x19\xd3\xb1\xf7vB\x18\x00G\x11\xe0:w\';\x13\xd2\xe2N\xe3\xbb\x85\x10&amp;\x8b\x92\xbf\xbf8ow!\x00t\x19\xd4&amp;%3\xc1[\xee\xc7\xaaQS2\xb2RO\xef\x9c\xe7\x8c;\xe3\xed\x93\xdf\x9e\xab\x864I\x96z_\xd8\x991\x1c\xfc\xa9\x19B\x08I\x92\x82!\xdf\xfce\x13\xc2j\xc0fq\x9e\xd7k\\\xef.\x17\xb9\x1c\x89\x9a\x16\xd2t5\x10\xf4\x1c\xf7\xe5D\x96M]\xda\x0em\x95\xd5\xe3\x8b\xc9\x8fo\xdf\xbd,\xafp\xcf\xf7\xbf\xbcr\xfd%/\x07\x99\x17\xe7\x05\x9d\x10\x06\xc0q\x08\xe8\x1a\xd3Uv\x1a\xdf\xca\x18\x97\x15y\xc17+C\x81\xb0b\x92{\x8e\xea\xa8\x864\xac\x1a5H\ri\xa71n#\x00(%\x85\x87K\x17\xff\xb0\x06\x00\x9avj\xd0\xb8mf\xc8\x1f\xc6\x9e\\\x8d \x84\xe8\xba\xeev&amp;_{\xd1\xf3\x0bVL\xbcp\xf0\xdd\xf53Z\x05\x82\x1e\x9f\xbf\x82\x10J\x08\xf9\xd3T\x1f!\x84\xcf_a2Y\xae\xbf\xe4\xa5\xd7?\xb9.\xbfh\xef\x86m\xf3zt\x1c\xd5\xbcq\xb7`\xd8\x8f\x03A\x7f\x85\xef\xc8\x1f\x10B\x08=\xe5?@\x88\xd9\xaa\x94\xe5W\xac\x9f\xb7\x1d\x08\xb4\xea\x91\x95\xd9&lt;=\x1c\xc4\xf1\x9f\x9at\x9a\xbbR\x08\x9b\xd3\xbaqave\x89\x17\x00\xfa\\\xd8\x99\xd2\xd3\x19\x0fD\x91B)\r\x86|M\x1at\xbcu\xec[i)\x8d=\xber.8\xa5\xd2\xdf\xb5\xae$IV\xd5\x90\xd9d\x1fq\xdem\xc6\x8e[\xb9\xe1gJ\xf1*\xce\x89a\x00D\x80\xe0\xdcl3\xaf\x99\xbd\xd5W\x19\x00\x80&gt;\x17v\x16\x02\xb0\xcb\x19\x8d(\xa5\xa1@x\xd9\xd4\xf5\x84\x90\xf4F)\xad{5\r\xfa\xc38\x8eW\xb3\x8c\xf9\xfe\xba\xae\xaaZP\xa2\x12\xf9\xb73K\x92\xe4P\xd8\xd7\xb4a\xa7\xd4\xa4\xfa\x00p w\x8b\xc7W&amp;I\xb2\xc0\x10\xf8\x0b&lt;\xb2#@\x92\xa9\xbf2\xb0\xe2\xe7\r\x84\x90\xfa-\xea6\xef\xda(\xec\x0fQl\xfeG\x1b\xce\xb8\xc5a\xde\xb1ro\xee\xee\x02!D\xcfQ\x1dmN+g8\x97\xab\xe6\x91\xdf\x9cl\xbd\xe2\x9cY-\x8ezi\xcd\x01\xc0\xe3+\xab\xa8*\x92e%2w\x86\xff\xb7`\x00\x9c)\xce\xb8\xc5n\xd9\xbcdWQN\x99\x10\xa2\xf7\xe8Nf\xab\x89Gh=\tt6\x19\xb3\xbf\x96LY\x07\x04\x9c\t\xf6.\x83\xdb\x84\xfca\x82\xeb@D\'Bh\x9c+\x05\x00\x18\xd3\x03\xc1*J$&lt;\'\xff\n\x0f\xee3E\x08\xd1U}\xe9\xe4u\x84\x90\x84:\xee\x8e\xe7\xb6\n\xfa\xc3\xb8zL\xd4\x11\\\x98m\xa6\x03\xdbrw\xad=\x00\x02\xba\x0cj\x93\x98\x1e\xaf\xab:^\xc8\x8f^\x92\xa4\x18\x7f\xe1xK\xce\xdf\xc0:uF8\x17\x16\xbby\xf7\x86\x83\xfb\xb7\xe6\x08!\xba\x0fk\x1f\x97\xecd\x1a\xc3\xf1\xff\xa8#\x84\x90\x15i\xd9\xd4\xf5Lg\xc6&lt;.-\x8c\xf3\xb8\xa2\x99\x10\xaa\x16\x04\x00\x00\xa2\xc8\x16\x01\x1c\xf7\xe5_a\x00\x9c\x19!\xa8D\x97NY\'\x840\xdbL\xdd\xcfo\x8f\x93\x7f\xa2\x91\x10B\xb1(\x05\x87J7\xfe\x9a\r\x80\xf3\xb8\xfe\x0b\xb8\x10U\x9e\x12\x000+\x16\xa7-\x8es\x8e\xf32\xfe\n\x03\xe0\xf4\t.LVS\xee\xee\x82m\xcb\xf6\x00@\xfb\xbe-\xd2\x1b\xa5\xe0\xf4\xffh$\xb8\xb0XM\xabgn\n\xfaB@\xa0\xcf\x85\x9dq\xc2HT\xa3T\n\xab\xfe\xc2\xd2C\x00\xe0v%\xbb\\\xc9\x8c\xe1\x89y\x02\x18\x00\xa7\xcf\xb8\xfbw\xf9\xb4\rjX\xa3\x94\xf4\xbe\xb03g\x0c\xf0 \x8b:\x02$E\xaa,\xf5\xae\x9c\xb1\x89\x10\xd2\xa0E\xdd\xe6]\x1b\x87\xf0BN\xd4\x12\x82+\xb2\xb9\xa8\xf4pq\xe9a\x00\xc8\xac\xdb\xd2nu1\xa6\xd7\xf4v\xd5Fx\x88\x9f&amp;!@6\xc9e\xf9\x15k\xe7l%\x844i_?\xabC\xfd\x90_\xc5\xd9\x9fQ\x87sn\xb5\x9b7\xfe\xba\xa3\xbc\xb0J\x08\xd1kt\'\xb3U\xe1\x1c/\x1bF+!\xb8\xa2\x987n\x9f\xaf3\r\x00\xda\xb7\xe8o&lt;(\xa6\xa6\xb7\xab6\xc2\x008M\x82s\x8b\xdd\xbcv\xceVo\x85_\x08\xd1{L\x17\t\x97\x8c\x8fN\x94\xd2pP[:e=!$!\xf5\xb7y\\8\xfb3J\t\x10\xb2l.\xaf,X\xbdi\x06!\xa4Nr\xa3\x96Y=Ca?\xf6\xe7N\x08\xdf\x94\xd3D%\xea\xaf\n.\x9f\xb6\x81\x10\x92\x9a\x99\xd8\xaew\xb3\xa0/\x84\xb7\x8cF\x1d\xce\xb9\xc5a\xce^\xbd7gW\xbe\x10\xa2\xfb\xf0\xdf\xe6q\xe1H^\x94\xe2\x8cY-\x8ey\xcb\xbe\xf4\xf8\xca\x84\x10\x03{\x8d\xb3Z\xec\x9c\x9f\xce\x02_\xb1\x00\x0b\xd6\xe9\xe0\x8c[\x1d\x96\xadKw\x15\x1e*\x15B\xf4\x18\xd9\xd1\x11g\xc3[F\xa3\x13\x01!\x96L^\x07\x008\x8f+\xdaq\xce\xec6\xf7\xce\xbd\xab\x96\xad\x9b\x0c\x00M\xeaw\xec\xdanx \xe8\xc5\xc7C\xfe\x1d\x0c\x80\xd3A\x08\xd15\xb6d\xf2ZB\xc0\xee\xb6v\x1b\xda.\x14\xc0A\x83\xe8cL\xfe9\xb8\xfdH\xf6\x9a\xfd\x80\xf3\xb8\xa2\x9cq\xed\xd7\xe3+\x9f\xf4\xf3s\x8c\xe9f\x93\xf5\xd2\xf3\x1f2&gt;S\xc3[V\x8ba\xcd:e\xc6\xcd_{7\x1e\xda\xb7%G\x08\xe8&lt;\xa0urF\x82\x16\xc6[F\xa3\x8f\x10B6\xcb\xcb~Z\xcf4F~\x9b\xc7\x85K\xffG%!\x04!\x94Ri\xc2\xe4\xc7K\xca\xf3\x00\xe0\xe2a\x0f\xd4Kk\x16V\x03\xf8X\xe0\x7f\x80o\xcd\xa9;v\xf3\x17\x17\xb2"\xf5\xbc\xa0\x93\xa6\xe2\xf3\x86\xa2\x8f\x10B1\xcbE\x87K7,\xd8N\x08\xc9\xfam\x1e\x17.\xfd\x1f\x8d\x04\x80\xb0Z\x9c\xdf\xcexq\xe7\xfe\xd5\x00p^\xcf\xb1\xbd\xba\x8c\xf1\x05*q\xf0\xe7\x9fa\x00\x9c\x1a!\x84\xd9j\xca\xdb[\xb8e\xe9.\x00h\xde\xb5q\xc3Vuq\xd48\x1a\t.\xcc6\xf3\xaa\x99\x9b\x03\xde\x90\x10\xa2\xcf\x858\x8f+Zq\xce\x1d\xb6\xf8\xe9\xf3\xdf[\xb9a\x1a\x00tl5\xe0\xc2\xc1\xf7\xfa\x03UX\xfd\xff\x15\x06\xc0\xa9\x11\\(\x16e\xc5\xcf\x1b\xd5\x90\x06\x00}\xc7t\x01r\xba\xcf\x1dG5JR$O\x99o\xe5\xf4\x8d\x84\x90\x94\xcc\xc4\xb6}\x9a\xe1\xcd_\xd1\x88s\xdd\xe9H\x98\xb7\xfc\xcb\xd9K&gt;\x05\x80\xa6\r;_5\xe6\x99\xa3\xab\x00\xa1\x7f\x81\x87\xfb)\x10B\xc8&amp;\xb9\xbc\xa0r\xcd\xac-\x84\x90\x8c\xa6uZ\x9e\xd3$\xe4\xc3\xaa\x11}8\xe3V\xbby\xd3\xc2\x1de\x05\x95B\x88^#;\xda\xe3lL\xc7U\xfc\xa2\x0c\xe3\xba\xd3\x9e\xb8d\xcd\x0fSf\xbf\t\x00\x99\xe9-n\xbc\xec5\x02\x94s\x86\xa3\xb2\'\x03+\xd7)\x10\\X\xed\xe6\xb5s\xb7y\xca}B\x88^\x17t\xb6\xd8\xcdx\xcbh4"\x94\xa8!m\xc9\x94\xf5\x84\x10\xbb\xdb\xdauh\xdb0\xce\xe3\x8a6\x8c\xe9.{\xc2\xaa\x8d?\x7f7\xfdE\x00HKi|\xeb\x95o\x99M6M\x0f\xe3\x85\xdf\x93\x84o\xd3)\xa0\x12\xf5{\x82\xcb\x7fZO\x08q\'9;\x0fl\x85\xcd\xffh\xc49\xb7\xda-\xd9k\xf6\x1f\xce&gt;"\x84\xe84\xb0ur\xbdD\x9c\xc7\x15]\x18\xd3\x9d\x8e\x84u\xdb\xe6|\xfd\xd33\\\xf0\xd4\xa4\xfa\xb7\x8f{\xc7\xe1\x88W\xb5 \x0e\xfd\x9f&lt;,^\'\x8b3nu\x98\xb7.\xdb]p\xb0D\x08\xd1mh\xbb\xf8T\xb7\xae\xe98h\x10\x85\x08\x10X2y-\x00H\x8a\xd4\xeb\x82NZ\x18\xe7qE\x13\xc6u\xa7#~K\xf6\xa2/\'?\xc1\xb8\x9e\x14\x9fq\xdb\xb8w\xe3\\)\xe1p\x00\xab\xff)\xc1\x008Y\x84\x10\xa6\xf3%\x93\xd7\x01\x01\x93E\xe91\xb2\x83\x1a\xd2p\xf2O\xd4\x11\\\x98\xad\xa6C;\x8ed\xaf\xda\x07\x00-\xba6n\xd0\xb2n8\x88\xb3?\xa3\x06\xe3\xba\xc3\x16\xbfc\xcf\xca\xcf~|D\xd7\xd5\x04w\x9d\xdb\xc6\xbd\x9d\x14\x97\x1e\n\xfb\xb1\xfa\x9f*\x0c\x80\x93"\xb80\xdb\xcd{7\x1d\xde\xbb\xe9\x10\x08h\xdb\xbbYFV\x1d5\xa8b\xb31\xea\x18\xd3\xff\x97\xfd\xb4^\xd7\x18\x00\xf4\x1d\xd3\x05wb\x14a\\w\xd8\xe2\xf6\x1c\\\xf7\xc9w\x0f\xaaj\xd0\xedL\xbem\xdc;\xa9I\r\x82a\x1fV\xff\xd3\x80\x01pR\x84\x10\xd2\xd1\x9b\xbf\x08!\xbd/\xec\xcc9\xc7\xba\x11u\x84\x00\xc5,\x17\xe7\x94m\x98\xbf\xfd\xf7y\\8\xfb3J0\xae\xdb\xad\xee\x039[?\xfe\xe6\xfeP\xd8\xe7t$\xdc6\xf6\xed\xb4\xd4\xc6\x81\x90\x07\xab\xff\xe9\xc1\xe3\xfe\xdf\t!LV\xe5\xc8\xbe\xa2\xcd\x8bw\x12\x02\x8d\xdad4\xeb\xd40\x84+\x06G!\xc1\xb9\xc5f^=k\x8b\xdf\x13\x14B\xf4\x1e\xdd\xc9b3\xe1*~Q\x81qf\xb3\xbar\xf3w}4\xe9^\x7f\xd0c\xb7\xb9o\xbd\xe2\xadz\xe9\xcd\x03A\x8fD\xe5\x9a\xde\xbah\x85%\xec\xdf\t.\xcc\x16\xd3\xca\xe9\x1b\xd5\x90&amp;\x04\xf4\xbe\xb0\x8bb\x92\x05\xc7\x9b\xbf\xa2\x8f$K\x9er\xff\x8a\x9f7\x18\xf3\xb8:\rh\x1d\xf2\xab\xd8\xfc\xaf\xfd8\xd7m\x16Ga\xf1\x81\x0f\'\xdd\xe3\xf5\x97[-\xce\x9b\xafx\xb3af\x1b\x7f\xb0\n\xab\xff\x99\xc0C\xff_\x18O\xfe*/\xacZ\xfd\xcbfBHR\xdd\xf8\xf6\xfdZ\x04\xfda\\\xfa?\xeap\xc6-\x0e\xf3\xa6E\xd9\xa5G*\x84\x10\xdd\x86\xb5K\xc0y\\\xd1\x80sf1;J\xca\xf3&gt;\xf8\xfa\xeeJO\xb1\xc5l\xbb\xe9\xf2\xd7\xb3\x1at\xf4\x05*\xb1\xfa\x9f!|\xfb\xfe\x85\xe0\xdcb\xb7.\x9d\xb2\xae\xaa\xcc\x07\x00\xe7\x8c\xe8\xe0L\xb0\xfb*\xfc\x18\x00Q\x87P\xa2\x85\xf4\xa5S\xd6\x11\x02\x8aY\xe91\xa2C\x18\xe7q\xd5z\x9cs\xb3\xd9V\xe1)z\xff\xeb\xbb\xca*\xf3eI\xb9\xf6\xe2\x97\x9a6\xec\xec\xf1\x96I\x92|JOz\xc1\xeb\x04\x7f\x85\x01\xf0/\xa8D\x83\xde\xd0\xb2\x9f\xd6\x13B,vS\xf7a\xed\xc3\x01\\\xfa-\xfap.\xac\x0e\xf3\x8e\x95{\x0fn\xcf\x03\x806\xbd\x9bed\xd5\xf1W\x050\xc8k3!\xb8\xc9d\xf6\xfa\xca\xdf\xff\xfa\xae\x92\xb2\x1c\xb73\xe9\x86K_m\xdf\xb2\xbf\xd7_\x11\xe7J\x018\xa9\'\xfd\n\x10\x04\x08\x17&lt;\x18\xf2\x9e\x85m\x8e.\x18\x00\xff\x843nw\xdb\xd6\xcf\xdb\x96\xbf\xbf\x18\x00:\x9e\xd7\xaaN\xfd$_%6\xff\xa3\x90\x10\x94\xd2%S\xd6\x19\x93&gt;\xfb\\\xd8\x85s\x8e\x83?\xb5\x1c\xa5R8\x1c\xfch\xd2\xbd\x85\xc5\x07(\x95\x92\x12\xea\x1d\xcc\xdd\xb6m\xf7RI\x92O\xae\xf8\xff\xcejq\xf4\xec4\x1a\x97\x88\xf8\x13\x0c\x80\x7fB\x08a:\xfb\xf5\xdbU\xc6?{\x8f\xee\xackx\xcbh\xf41V~&gt;\xb0-w\xcb\x92]B\x88Fm2\x9auj\x80\xb3?k9!\x84,\x9bK\xcars\xf2w\x02\x00\xe7l\xff\xe1M\xfb\x0fo:\xbdW3\x9bm\xe7t\x18)\xcb\x92\x10\xfc\xd4\xa2\xe3?\r\x03\xe0o\x1d\xbde4\xaf(\xa7\xcc\x11g\xcb\xea\xd8\xa0a\xeb\x0c\\\xfa?\x1a\t!dE\xda\xf8\xeb\x0e\xbb\xcb\n\x00\xfd/\xed.\x9b\xa4pP%\x12\xee\xcaZ\x8e\xcb\xb2)\xde\x95\xa2\xe9*\x00!\x04\x08\x91Nr\xe4\xe7\x18B@\x08\x88\x8fK\xc5\xba\xffW\x18\x00\x7f\x8bP\xa2\xa9zr\xbd\xc4\'\xbf\xbd\x1d\x00\x14\x8b\x82+\xc6D)*\xd1\xa0/t\xde\x15\xe7\x0c\xb8\xb2\x07\x08\xb0\xd8\xcdA\x1f\xce\xe3\xaa\xed\x08!\xba\xae\xb9\x9d\xc9\x0f\xde2\xf1h\xd1?\xbd\xb9\xd7\x04@\x10B%I\x16\xe2\x14G\x8e\xfe\xeb0\x00\xfe\x89\x10\xc2dQ\x8c\xa2/8\xc7\xc7EE5\x9b\xd3j\xfc\x05\xef\xfc\x8a"\x84\x10\xab\xc5\x11\x81\x17\x12\x82\x0b\xdc\xef\x7f\x86\x01\xf0/\x04\x17\\\x08\x00\xc0\xa6\x7f\xb4\xe3\xfao7\xef\xe1\xae\x8c.\x8c\xebg\xfe"\xe4\xd8\xff\xa0\xe3`\x00\xfc;\xac\x17\xff\x11\x04\x0b@T\xc2\xfdV}p\x18\x14!\x84b\x14\x06\x00B\x08\xc5(\x0c\x00\x84\x10\x8aQ\x18\x00\x08!\x14\xa30\x00\x10B(Fa\x00 \x84P\x8c\xc2\x00@\x08\xa1\x18\x85\x01\x80\x10B1\n\x03\x00!\x84b\x14\x06\x00B\x08\xc5(\x0c\x00\x84\x10\x8aQ\x18\x00\x08!\x14\xa30\x00\x10B(Fa\x00 \x84P\x8c\xc2\x00@\x08\xa1\x18\x85\x01\x80\x10B1\n\x03\x00!\x84b\x14\x06\x00B\x08\xc5(\x0c\x00\x84\x10\x8aQ\x18\x00\x08!\x14\xa30\x00\x10B(Fa\x00 \x84P\x8c\xc2\x00@\x08\xa1\x18\x85\x01\x80\x10B1\n\x03\x00!\x84b\x14\x06\x00B\x08\xc5(\x0c\x00\x84\x10\x8aQ\x18\x00\x08!\x14\xa30\x00\x10B(FE&gt;\x00\x08!\x84D\xfcU\xd1Ye\xecB\xdc\x91\xff\x01\xb8+\xff\x1b\x08!\x00\x91\xdf\x89\x11\x0e\x00B\x89\xae1]\xe7x\xc0E/B@\ri\x94R5\xa4\xd5\xf4\xb6\xa03"\xb8\xd0T\x9dP\xa2ia&lt;%\xa3\x17!D\xd3U!\x18\x89t\x06D,\x00\x8c\xc3\xabq\x93\xc6\x123U\x95z$I\x12"R\xaf\x8d\xce"!$E&gt;\xb2\xbf0%.\xbd$\xa7\x1c\x08\xee\xc5hE%\x1a\xf4\x87\xc2\x95,\xadNRa\xd1aY6\x01\x9e\x93\xd1H\x08Y6\x15\x16\xe7\xd4IO4\x9b-\x8c\xb1\x08fy${\x00B\x08\x9b\xdd\x16\xe7\x8c\xf7U\xf9$\t\xaf.D1O\x85\xbfu\xab\xd6jP\xd75\xec\xccE+BI\xc0\x1f\xb4\x9a\xedYM\x9bTT\x95J\x92T\xd3[\x84N\x93D%\xaf\xaf&lt;-\xadN\xc4O\xc6H\xf6\x008\xe7\x8a"\xd7\xaf\xdb\xf0\xf0\xde#\x8aE\x11\xd8\xdc\x88F\x04\x98\xc6\xf2v\x17]\x7f\xd3u\xde\xe2\x90\xdf\xe3\xa7\x98\xe5QH\x08a2)\x05\x87\x8b\x92\x9c\xa9\x17\x8c\x1e\xb1\xf7\xe0fY\xc2S2*\t!$I&gt;|dg\xfb\xf6m\x8c\x7fF\xf0\xc5#\xdc\x03\x00\x80\xee\xdd\xce9\xb0-O\x96%\xecoF#YQ\xca\x8b+\x98\x17\x86\x0c\x1b\xe4R\xe2\x8e\x1c,4\x99MX8\xa2\x8e\x10\xc2d5\x1d\xdc\x91\xdb\xb4a\xb3\xa1C\x87\x16\x97\x1fTU\xbc\x0c\x10\x95\x08!\xaa\x16.\xab:\xdc\xa3GO\x00\xa04\x92E;\xa2\xafE)\x00\x0c\x1b&gt;4?\xbb\xc4\xef\rDvC\xd1Y\xc09\xb7:,\xdbV\xefn\x9c\xd1,.\xc1\xdd\xa9]\x97\xcdK\xb2-v\x93\xe0\x18\x00\xd1F\x80\x10b\xd7\xea\x03}\xfa\xf4m\x9a\xd5\xd2\xe2Ps\xf3\xf7\x9aL\x16\xcc\xf2\xe8"\x840)\x96\xdc\xfc\xfd&amp;[\xb8K\xe7s\xa0\x96\x07\x00\xe7\xbci\xf3\xacd[\xdd\x9d\x1b\xf7Z\xecf&lt;\xda\xa2\x8c\x00J\xc9\xa6E\xd9#G\x8c\x02\x80Q\x17\x8c\xda\xb7!/\xe8\x0f\x11\x8a-\xc7\xa8"\xc0dV\x8e\x1c(\xd4\xcb\xa5\x1e\xbd\xbb\x03@\x8f^]6n]d1\xdb\x85\xe05\xbdq\xe8\x14\x08\xc1-\x16\xfb\xc6\xad\x0b\xbb\xf5\xe8`6\x9b\x19c\x91}\xfd\x087\xd29\xe7\xb2,_y\xd9\xb8\x1536\x9a\xad&amp;\xce\xf0h\x8b\x1aB\x08\xc5\xac\x1c\xd9_\xa0\x95H\x97^q\t\xe7\xbcw\xbf^\x19\xce\x06;\xd6\xee\xb1\xda-\xd8\t\x88"\x9cs\x9b\xcb\xb6r\xf6\x86\x01}\x06\'\xa7$\x03\xc0-\xb7\xdc\xb2\xfb\xd0\xf2\xb0\x1a\xc2Q\xa0\xe8B\x08Q\xd5\xd0\xae\x83\xcbo\xbe\xe9\x96\xeax\xfd\x08\x07\x80$IB\x88ko\xb8\xa6|o w_\xbe\xd9\x8a\x9d\x80\xa8\xc1\x19w\xc5;\xe6|\xb3\xf8\x82\xa1c\\.\xa7\xaa\xaa\x84\x90\x9bn\xbce\xee\xa4ef\xab\x99c\x00D\x0f*Q\xbf\'\xb0e\xfe\xee\xbb\xef\xb9\x1b\x004M\xef\xdc\xa9[\xa3f\xc9k7\xcew8\xe28\x8fp+\x12U\x13\xce\x99\xc3\x1e\xb7v\xd3\x82\x06M\x13\xbav\xe9\xce\x18\x8b\xf8T\xaeH\xdf\x08F\x08\xe7\xdc\xe9r\\u\xc9u?\x7f&lt;\xdf\xee\xb2a\' *\x08!\xcc\x16S\xce\xbe\xfc\x9c\xf5e\xb7\xddq\xab\x10\xc2d2q\xce\xc7\\|\xa1\xc5\x17\xb7i\xd96\xbb\xcb\xca9\xee\xca(\xc0\x18s\xc5;\xe6LZ\xd4\xbb\xc3\x80\xe6-\x9bq\xce)%\x00\xf0\xc0\x83\xff[\xbcf\x92\xae\xeb\xd8\t\x88\x16\x84\x10\xc6\xf4Ek&amp;&gt;\xf8\xe0\xff\xaa\xe9GD\xfe:\xadq%\xe0\x91\xc7\x1f*\xde\xe6\xdf\xb6j\xa7\xc3m\xc7\xc2Q\xfbq\xc6]\t\xce\xaf^\x9er\xd3\xb8[\xeb7\xc8d\x8cQJ\x85\x10v\x87\xfd\xe9\'\x9e\xf9\xe6\x95\xe9\xb2"W\xc7\x9d\xe8(\xb2\x84\x10f\xb3\xb9\xf8H\xd9\xf2\xef\xb7\xbc\xf2\xdaKF\xff[\x92$\xc6\xd8\x90\xc1\xc3\xdat\xce\xf8e\xfe\x17\xf1\xee\x14\xc6\xf4\x9a\xdeR\xf4/\x18\xd3\xe3\xdd)\xbf,\xf8\xb2u\x87\xf4\xa1C\xce\xaf\x8e\xe6?T\xd3Z@B\x08\xb3\xc5\xfc\xd6\x9boOx\xee\']7JI\xc4\x7f\x0e\x8a\x18\xa6\xb3\xb8$\xf7\xdc\xef\x96\xd8\xfd\xc9\x0f&lt;\xf2\xbfc\x87\x9aQ8.\x183\xaaW\x9b\x81\x13\xdf\xf8)!%\x8ei8zP\xab\t.lN\xebG\x8fMz\xf8\xde\xc72\xebgr\xce\x8dI#F\xd7\xfc\xddw\xde\xdf\xb0\xeb\xa7\x039;\xacV\x076\xcbj3\xce\xb9\xd5\xea8\x98\x93\xbd~\xe7\xd4w\xdf\xf9\x80\xf3\xea\xba\x1f\xb3Zfj\x1a\x85c\xd4\xe8\x91cG\\\xf7\xc1#_%\xa4\xc4\xf1H_\xbcF\x91\xc2\x19\xb79my\x07\xf2g\x7f\xb0\xe2\x9bI\x93\x14E!\xc7\xad\xe7g\xf4\xe7&gt;\xff\xf2\xb3C\xcbJ\xd7.\xd8\x18\x97\xecf:\xee\xcaZJ\xd7\xf4\xa4\xb4\xc4o\xde\xfa\xa9Eb\xc7\x07\x1e\xfe\xdf\xf1mF\xa3?\xd7\xb0A\xa3\xf7&gt;x\xe3\xa3\x89\x0fPB\x8d\xcbu5\xbb\xc1\xe8\x84\x84\x10\x92$IT\xfah\xe2\x03\xef\xbc\xf7Z\xa3F\x8d\x85\x10\xd54\xab\xbe\xba\xa6\xeaSJu]\x7f\xfd\xad\xd7\xe2Bu\xbf}gZrz"6\x1ek!\xce\xb8\xc9b\xd2T\xed\x9d{\xbez\xfb\xb5\xf7\x9a6o\xaa\xeb\xfa\xf1\x87\x9a\xd1\x9fs\xb9\x9d\xdf|\xfd\xed\xb7/\xce\xce;X\xe0p\xdb1\x03j!]c\x89\xa9\t\x8b\xa7\xaf&lt;\xb0\xb8\xf4\xabI\x13\x8e\xb5\xfd\x8f\x91$I\xd7\xf5\x8b\xc6\\:\xee\xba\xf3\xdf\xf9\xec&gt;\x97#\x1e"}[):sB\x08\x00\xe1r&amp;\xbc\xf3\xd9}W\\3\xf4\x92\x8b/\xd7u\xbd\xfa\x96\xf1\xa8\xae\x00 \x84\x18M\x8cYs~)_\xcf\xbe\x7foFj\xbdd\xce8\x1ep\xb5\x07\xd3\x99\xd5a\xe5\x9c\xbfp\xcd\x07\xcf\xdc\xfb\xd2\xe5c/\xd3u]\x96\xe5?}\x99\xd1\x9f\xebzN\x97I\x9f~\xff\xee\xed\x13\x8brK\xdc\x89.\x1d\xe3\xbc\xf6\x10\xc0t\x96R7q\xf9\xec\xb5\x8b\xc6o\x9a?wA|B&lt;\x9ch\thY\x96u]\x7f\xf3\x8dw\xfa\x0cn\xfc\x7f\x9f\xdc\x1d\xe7N\xa2T\xc2IA\xb5\x07\xe7\x8cR\x1a\xe7Ny\xeb\x93\xbb{\x0el\xf0\xd6\xff\xbdw\xc2S2\x82H\xb5Vd\xa3\x19\xe2\xf7\x07\x06\x0f\x1cdj\x12\xbe\xe6\xa1\x8b\xfd\xbe\xa0\x1a\xd2$\x19o\x12\xaeIB\x08\xcex\\\x92+\xef@\xc1\xbb\xf7~\xf5\xd4=/\xddz\xc7\xcd\xff|\xa8\x19\x9f\x9d7{\xfe\xb8\x9b/\x1f\xfb\xd4\xf9\xed{\xb6\xae(\xae$\x84\xe0=b5\x8b3N%\x1a\x97\xe4\x9e1a\xde\xa6)\x07\xe6\xcf\xfd\xd5\xb8\x86\xffwmF!\x04\xe7\\\x92\xa4\x9bo\xbda\xd1/;\xef\xb8\xee\rE6\xf9\x03\x1eI\xaa\xc6*\x83N\x06c\xba\xdd\xe6\xd2u\xf5\xbd/\xfe\xd7wH\xb3\x8f\xc7\x7ff\xcc\xc5\xa8\xd6Y[\xd5[\x88\x8d\x11d\xbb\xdd6\xff\xd7\xf9\xee\xca\xccg\xafy7\xe8\x0f\xc5\'\xbb8\x138\xaf\xbcF\x08\x01L\xe7\x8a"\'\xa6%,\x9e\xb6\xfa\xfd\xdb\xbf\x7f\xfd\x89w\xff\xb5\xfa\xc3\xd1\xc6\xe3\xa0\xa1\x03\xbf\xffr\xca\xb4\x97\x97\xfd\xf8\xfe\xcc\xb8$\x97\xc5ff:\xf6\xeaj\x86\xe0\x821\xee\x8cs(&amp;\xf9\xad\xfb&gt;;\xbc\xc0\xfb\xeb\xfc\x85\xff\\\xfd\x01\x80\x10B)e\x8c\x8d\xff\xf0\xd3\x8b\xaf\xea\xf5\xc2{\x97\x1f\xc8\xd9\x91\x98\x90\x06\x00\xd8\x15\xa8)\xc6;\x9f\x98\x90v0\'\xfb\xf9\xf7.\x1f3\xb6\xc7\xd9\xa9\xfeP\xdd=\x00\xc3\xb1\xe1\xc8\xd7_~\xe3\x8d\x8f^\xe9{E\xa7A\x97\xf5\x01\x80\x807\xc8\x19\'\x14\x1f!V\xfd\x04p!@\x08\x93Y\xb1\xbbmG\x0e\x14~\xf7\xd6L\xa5\xdc\xfd\xf5\xd7_7o\xd1\xec\xe4\xbb\x99\xc6W\x96\x96\x96^s\xd5\xb5\xbb\x8a7]z\xdf\xf9-:6\xf1{\x83\xe1`\x18\x00\x08\xa5\xb8\'\xab\x9b\x10BpA(\xb1\xda-&amp;\xb3\xb2r\xce\x86_\xc6/\x193\xe8\xf2\xff{\xe7MB\x88\xd1!8\x99\x171\xfa\x01\xb3f\xcf\xb8\xed\x96\xbb\x1b\xa4\xf4\xba`\xe8\xcd\x0e{\x9c?P\xa5\xeb\x1a!\x84\x10\xec\xa3W;!\xb8\x10B\x96d\xbb=\xce\xe7\xaf\x9a6g\xfc\xc1\xa2e\x1f|\xf8\xd6\xf0a#\xcfN\xf5\x87\xb3\x13\x00p\xdc\x01\xb7i\xc3\xa6\xa7\x9ezzg\xe1\xa6~\x97u\xed\xd8\xab\xb5\xddm\x0f\x07\xc3\xe1\xa0z\xec~1B\xf0\x11$\x91#\x04\x00\x10BdE\xb6\xd8\xcd\x84\x90\xfcC\x85\x0b\'\xaf\xca]_6\xf6\xa2k\x1e}\xe2a\xe3\xc2\xe0)\r2\x1ek`~\xfc\xc1\'\xef\x7f\xf2\xae\xad\x01\x0c\xbc\xbcW\xc3\xe6\xf5\xa8D\x83\xbe\x90\xa6\xea\xbf\x1dQ\x04\x08&gt;M&amp;\x12\xc8q\x97j)\xa5&amp;\x8bb\xb1\x99C\xc1p\xf6\xfa\xbd\x0b\xbeY\x99\x08u\x1f}\xf8\xd1\xc1C\x07\x0b!Nu\xae\x88\xb1\xeb\x8b\x8a\n\x9fz\xfa\x89\xf9\xb3W\xb7i2\xa8g\xe7\xe1\t\xf1\xa9\x9a\xae\x86\xc2\x81c\xf7\n`\xfb,\x82\x8e\xedJI\x92-f\x9b"\x9b\xca+\x8bW\xac\xfbe\xdb\xbe\xb9\x03\x87v{\xfa\xe9\xe7\xeb\xa4\xd6\xa9\xeeq\xff\xe3\x9d\xa5\x000\x1c\xab\x1dS\x7f\xfc\xe9\x9b\xef&amp;m=\xb0!\xb3]j\xfb\xbe-\x1a6\xafguX\t!\x82s\xa6\xe3\xf4\xe4\x08! +2\x08\xa1\xeb\xac\xbc\xb82{\xdd\xde\xed\xcb\xf6\xaa\xc5\xe4\xfcA\x17\xdcz\xdb-\x99\xf5\xeb\xc1q\x9d\xb3Sr\xac\xd6x\xaa&lt;\xef\xbf\xfb\xe1\x94\xe9?\x84\xccU\xad{7i}N\xf3\x94\xf4D\xc5$\x03!Lg\xb8|P\xa4P\x89R\x89\n!\xc2\xc1\xf0\x91\x03\x85[\x96\xed\xdc\xbb.73\xae\xc9e\x17_q\xdd\x8d\xd7\xc0qg\xd6\xa9:\xf6\x8dk\xd6\xac\xfa\xe4\xd3O\x96,\\\x97\xecl\xd6\xaaY\xaf\xac\x86\xed\\\xcexJ%!\x04c\xf8d\xd0\x88\x91$\x85\x10\xc29\xf3z+\xf6\x1e\xdc\xb2}\xcf\xf2\x92\xaa\xdd}\xcf\xebr\xc3\r7t\xef\xd6\x03\xce`W\x9e\x9e\xb3\x1a\x00\x00`\xdc~b\x14\x9dM\x1b6\x7f\xf5\xe5W\xeb\xb6\xac-\xf3\x17\xc5\xa7;\xd3\x1b\xa78\xe2\xecu\xea\'s\xc6\xf1\x9e\xd33"\x80R\x12\x0ei\xf9\xfb\x8b|\x95\xfe\xfc\x03%Z\x95\xc8\xaa\xd7|\xe8\x90a\x17_zQ|B\x1c\x1cm\xfd\x9d\xc9\x0f9v\xa4\x86C\xe1\xe9\xd3fL\x99:%{\xff6b\xe7\xa9\r\x12\xe3R\\)\xf5\x12\x1dn\\\x08$\x02\xa8D\xcb\n*+K=\xc59ee\xb9\x95V\xe1\xec\xd8\xa6\xf3\x95c\xc7\xf6\xe9\xd7\x0b\x8e\xeb[\x9f\xf6\xeb\x0b!\x18c\xc6\xc1p8\xe7\xd0\xd7\x13\',_\xb6*\xe7@\xb1UI\xc8\xa8\xd3\xd4fu\xd6\xad\xd3\x04o\x02\x8f\x10q\xa4h\x7f \xe8\xc9+\xd8\x13\xd4\xca3\x1b&amp;\xf7\xea}\xce\xb8\xb1W\xd7\xaf\xdf\x10\x00\x98\xce\xa8t6\x86}\xfe\xb8E5AU\xd5\xb0\x1a&gt;\xf6\xcf\xcd\x1b7?\xf9\xf8\x13M\x1a52)8\x15!\x92\xea\xa5\xa7\x0f\x198\xe8\xab/\'\xf8\xbc\xbec\xefv(\x14b\x8cEd?r\xceC\xa1\xd0\xb1\x7f\xea\x9a&gt;\xed\xc7)W^tIV\xbd\xfa5\xfd\xab\xff\xa7P\x80f\xf5\x1b\xdew\xfb\x9d\xcb\x16-9\xf6nk\x9a\x16\x0e\x87O\xb4[N\x87\xae\xeb\xc7\xef\xca\xbc#y\xff\xf7\xee\xdb\xad;v\xb4\xc7\'\xd4\xf4o\xff\x9fb\x8f\x8fo\xdd\xb1\xc3\x9b\xef\xbc\x95{$\xf7\xd8\xbb\x1d\n\x85t]\x8f\xd4\xae&lt;%g\xbb\x07 \x8ekn\x94\x96\x96L\x9e\xfa\xc3\xb2\xa5\xcb\xf7\xed\xc9\x01f\xb1[\x93-&amp;GR|\x06\xe7\x0c[\x1cgF\x10B5-TR\x99\xab\xeb\xc1\x80Z\xe6t+\x9d\xbb\xb4\x1b:tx\xff~\xe7\x19_q\xe6=\xcd\xe3\xafSm\xda\xb0\xee\xe7\x9f\xa6\xae\\\xbb\xa1\xc4\xa7QG\xb2ls\xdb\x13\xebZ\x1c\xf1\x9c\xeb\xb8+\xcf\x88\x10T\x96}\xa5G\xc2\xber\xd5SBC\x95\x99)q}{\xf5\x18s\xf1\xa5\xf5\xea7\x00\x00\xe3\x11\xe1gx\x9b\xe8\xb1\xee`8\xacN\x9e6c\xf1\xe2\xc5\xfbvl\xb40o\x83D\x93\xc3"\xb5\xc8p\x13\x028\x9cw\x86\x08\x80\x00\xd8\x99[\xe5\x0b\xb1CejHr6n\xd9\xa1_\xbf~\x17\x8d\x1ea1\x9b\xc1\xd8\x0b\x92\x04g\xb7\x07P3\xd7\x00\xb6n\xdd\xfc\xf5\xc4\xaf~\x99\xbeP\xe6I\xad\x9a\xf6\xcaj\xd8!!.\xc5b\xb1\x11\xc0r\x119\x02\x04\x00c\xba?\xe0\xc9/&lt;\xb8}\xf7\xca\x9c\xa2-\xe9\x99\xb6k\xaf\xbb\xfa\xf2\xcb\xae4\x99\xccg2\xd3\xe0\xd8\xae\xfcy\xea\x8f\x9f|\xfa\xf9\xd6C%\xae\x86\x9d\x9bt\x19P\xa7a\x0b\xbb+^VL\x80{2r\x8cST\r\x07\xbd\xe5%G\xf6l\xde\xbfn\x1e+\xd9{n\xb76\xd7^{m\x8f\xde}\xe1\x0c\xe2\xfc\xd8E\xa0#\xf9\x05_|5i\xfa\x8f\x13S\xa5\xf2\x81\xed\xd3\xce\xed\xd8\xb0qz\xbc\xd5n\x01|\xae_\xc4q\x1e\xf4\x87\x0e\xe4W,\xdcxp\xde\xe6\x82B\x960\xf2\xa2\xb1\xd7^ueF]c2\xee\xe9\\\x96;mg/\x00\x8e\xce ,y\xf1\xa5\xe7\xa7|?\xb7u\x93\x81\xdd;\x0cI\xab\xd3\x80s\x16\x0e\x07t\xa6\xe1\xeaT\xd5\x82\x10\x89J&amp;\xc5b6[\x83!\xff\xee}\x1b\x97\xae\x99lry\x1e|\xe8\xde\x8b/\xba\x0cN\xbdvp\xce\t\xa1\x84\xc0\xd2E\xbf&gt;\xff\xc2\x8b\xd9%\xbc\xdd\x90\xab\xb3:\xf5u\xb8\x13\xb4pP\x0b\x07\x99\xae\x0b\xc1\xb1\xfeG\x9a \x94\xca\xb2\xa2Xl\xb2b./\xca\xcb^9{\xf7\xa2o\x07wm\xfe\xd8\x13Od5m~\x1aqn\x9c\x92\x9c\xf3\xd7\xdfz\xef\x9bO\xdf\xed\xdbX\xba~x\x87\xb6\xcd\xea\x82$\x89\xa0\x1aR5\xc6\x84\xc0\xa6\x7f\xe4\x11Y"\x16\x93L\xacf`l\xdb\xee#\x9f\xfd\xb2i\xf1~v\xf9\xf5w&lt;p\xcf\x1d\xf4\xd4\'\xe6\x9d\xd1\xa6\x9c\x85\x000\x06\x9b(\xa5\xd3g\xfct\xf7]\x0f\xd4M\xe82f\xe8mNgB \xe8\xd5\xb40\xfc\xb6\xf6\x18\xd6\x8bj$\x84\x10\x82\x13B\xad\x16\xbbI\xb1l\xdd\xb9b\xda\xbcw\xbb\xf4l\xfc\xf9\xe7\x13\\N\xd7\xc9g\x80\xf1\x95\x02\xe0\xfe\xbbn\xffr\xda\xaf\xdd.\xb9\xbf\xc3\xb9c8\xd7C~/g:\xa1\x14\xe7\x8fW\xaf\xdfFn\xb9\xac\x98,v\x97\xa6\x86\x97M\xfe\xf0\xf0\xb2o\x9fz\xf0\xae[n\xbf\xcb\xf8\xfcIf\x80Qev\xec\xdc}\xd5\xb8\xb1\r\x95\xc2Wo=\xafQ\xa3:\xc2\x1f\xf6\x87T\x00\xa0\x04g\x7fV/!~\x9b%g\xb7\x98\x88\xdd|\xf0@\xd1\x83\x1f-\xd8\x1fN\xfd\xea\xeb\x89\xad[6?k\x19P\xed\x01p\xac\xfa?\xf4\xc8\xfd\x13&gt;\xfd\xe9\xaa\xd1\xcf\xb5\xc8\xeaT\xe5-cF\xbd\xc0\xba\x7fv\t\xc1\xb9\x10v\xabS\x92\xe4\x1ff\xbc\x9dW\xbe\xe2\x8b/?;\xa7{\xcf\x939\xe0\x8c\xea\x7fp\xff\xbeqc\xaf,27\x1au\xd7\xab\x8a\xd9\xea\xaf*\'\x84\x10\x1c(8\xdb\x84\xd1\x15s\xc6\'\x95\xe4\x1d\x9c\xf6\xda\xad\x03\xdbg|\xf2\xc5\xd7V\xab\xf5d\xc6\x10\x8c\xdd\xfd\xc9\x97\x13_|\xec\xbe\x97\xc6\xb5\xb9lDW\xdd\x13\x08\x865J\t\xde\xcbw\x96q!8\x17V\xb3"\xbbl\xdf\xcf\\\xf7\xf0\x84-\x8f&lt;\xff\xe6M\xd7\x8d;;\x19P\xbd\x01p\xac\xfa_~\xe5\xa5\x9bV\x14\xdc~\xedk\xb2$\xfb\x03^\\x\xa4fq\xc1\t@\x9c;y\xc3\x96E?\xcczq\xd2\xf7\x9f\x0c\x1a8\xf4\x9f\x0f8\xa3\xfa\xef\xde\xb9c\xc0\xd0\x11\x8d\x87\xde\xd1{\xf4\r\xde\x8a\x12\xce\x18=\x8bs\x96\xd1_q\xa6\x9b,6\x93\xd9\xfa\xd3\xbb\x0f\'y\xb3\xe7\xce\x9bo\xb3\xdb\xff9\x03\x8c\x1d\xfd\xfc+o\xfc\xf4\xd13?&gt;;\xa6Q\xfddO\x99O\x96\xf0\x86\xfc\x9a$\x84\xd0\x99p%8\x0e\xe6\x96^\xfc\xc4\x94\x917=\xf1\xe4#\xff\xd34MQ\x94j</t>
        </is>
      </c>
    </row>
    <row r="410">
      <c r="A410" s="1" t="n">
        <v>408</v>
      </c>
      <c r="B410" t="inlineStr">
        <is>
          <t>shape_size_grid</t>
        </is>
      </c>
      <c r="C410" t="inlineStr">
        <is>
          <t>What is the size of the missing part denoted by a question mark?</t>
        </is>
      </c>
      <c r="D410" t="inlineStr">
        <is>
          <t>['large', 'small', 'medium']</t>
        </is>
      </c>
      <c r="E410" t="inlineStr">
        <is>
          <t>medium</t>
        </is>
      </c>
      <c r="F410" t="inlineStr">
        <is>
          <t>There are 9 shapes arranged in a grid with different sizes in the image, of which there is 1 missing shape. The first row is ['large square', 'large hexagon', 'large pentagon'], the second row is ['medium square', 'medium hexagon', '?'], and the third row is ['small square', 'small hexagon', 'small pentagon'].</t>
        </is>
      </c>
      <c r="G410" t="inlineStr">
        <is>
          <t>We observe that the rows contain large shapes, medium shapes, and small shapes respectively. On the other hand, the columns contain squares, hexagons, and pentagons respectively. Hence, the pattern is that the shapes within each column are the same, while each row progresses the size of the shapes.</t>
        </is>
      </c>
      <c r="H410" t="inlineStr">
        <is>
          <t>Based on the pattern that the shapes within each column are the same, while each row progresses the size of the shapes, the size of the missing pentagon should be medium.</t>
        </is>
      </c>
      <c r="I410" t="inlineStr">
        <is>
          <t>b'\x89PNG\r\n\x1a\n\x00\x00\x00\rIHDR\x00\x00\x02\x00\x00\x00\x02\x00\x08\x02\x00\x00\x00{\x1aC\xad\x00\x00\\\xd0IDATx\x9c\xed\xddyxTE\xf67\xf0\xbaK:\xfb\nBPGYe\x1cA%q\xf9A\x10\x02*A}\x85A\x12\xc0\x85Eg4#\n\x04\x02&amp;L@\x82\x11\t\xb2\x05p\x19\x14\x87Ee\x10PG\x11%\xa0A\x90\x88\xa8AEP!\x86\xc5\x85%d\xebt\x87@\xfaV\xdd\xf7\x8fC\xae-\x08\x03I\xef\xf7\xfby\xe6\xe11L\xe8\xae\xbe\xdd]\xa7\xea\xd4\xb9U\x92\xae\xeb\x0c\x00\x00\xccG\xf6v\x03\x00\x00\xc0;\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c0\xa4\x10\x00\x00\x00L\n\x01\x00\x00\xbc\x83s\xce9\xf7v+LM\xf5v\x03\x00\xc0tt]\x17B(\x8aB\xff\xcd\x18\x93$\xc9\xdb\x8d2#\xcc\x00\x00\xc0\xa3\x84\x10\x92$)\x8a\xf2\xce;\xef,X\xb0@\x92$I\x920\x15\xf0\n\x04\x00\x00\xf0\x1c\xce\xb9,\xcb\x9a\xa6\x8d\x1f?\xfe\xaf\x7f\xfdkFF\xc6\xb0a\xc3\x0e\x1f&gt;\xac(\x8a\xa6i4\x1b\x00\x8f\x91p\xc5\x01\xc0\x03\x8c\xb4\xcf\xbe}\xfb\x1ez\xe8\xa1\xe2\xe2bY\x96)\x18\xb4i\xd3f\xe9\xd2\xa5)))\x8c1!\x84,c`\xea!\xb8\xd0\x00\xe0v\x9csJ\xfb,Y\xb2\xe4\xa6\x9bn*..VUU\x08\xa1i\x9a\xaa\xaaG\x8e\x1c\xe9\xdf\xbf\x7fnn\xae\xa6i\x14\x12\xbc\xdd^\xb3\xc0\x0c\x00\x00\xdc\x8bzy\xab\xd5:q\xe2\xc4%K\x960\xc6\x14E\xe1\x9c+\x8a\xc2$\xc69\x97%\x991&amp;\x84HJJZ\xbati\xa7N\x9d(S\x84\x95awC\x00\x00\x00w\x11B0\xc6dY...~\xe8\xa1\x87\xf6\xed\xdb\xa7(\n\xfd%k\xac\xff\xa1_\x10B\xa8\xaa\xaaiZ\x8b\x16-\x9e{\xee\xb9a\xc3\x861\xc6N\x07\tp\x1b\xa4\x80\x00\xc0-(\x9f#\xcb\xf2\xf4\xe9\xd3\x93\x93\x93\xa9\xf7\xe7\x9cK\xb2\xa4\xeb\xba\xae\xeb\xf7\x0c\x1b8.\xebq\xea\xfd\x15U\xd14MQ\x94\xca\xca\xca{\xef\xbd\xf7\xe1\x87\x1f\xb6\xd9l\xb42\xec\xed\xd7\x11\xc80\x03\x00\x1fe\x8c\x13\x03\x80\xd9V5u]\xe7\x9cSr\xff\xc1\x07\x1f,,,d\x8d\xc3|EU\xb8\xc6\xc3\xc3\xc3\xa6\xe6\xe7\x8c|\xe4~UU?\xfep\xeb\xc4\x7fd\x1f:\xf0\x93\xa2\xc8B\xe8\xf4\x9b\x9c\xf3\x84\x84\x84\x17^x\xe1\xe6\x9bo6\xa6\x11^~U\x81\x08\x01\x00|\x91\xae\xeb\x81\x94\xff\r\xb0\x97s~T\xe6/I\xd2\xea\xd5\xab322\x8e\x1c9B\xb9\x1d\xfaK!\xc4u\t]\x9fY\x90wC\xf7\x84\xca\xf2*\xa1\x8b\xd8\xb8\x98\xf2c\xc7\xa7N\x98\xfe\xde[\xef3\xc6dE\x16\\\xd0\\AU\xd5\xd9\xb3ggdd0\xa4\x83\xdc\x03\x01\x00|\x0e\x15\x02\xe6\xe6\xe6n\xdd\xba\x95:\x02o\xb7\xa8\x89\xa8\xf1\xbdz\xf5\xca\xcd\xcd5Iu#u\xd3\x9a\xa6M\x9a4\xa9\xa0\xa0\x809\xad\xf7\xd2\xfb\xf8\xe0\xa3#\xa6\xcc\x98\x1c\x14\xa4\xdalvUU\x19c\\\xe3\x96`Kxd\xf8\xf2\xc5\xaf\xe6e?SWw\x82f\t\xb2,S\xa6h\xc8\x90!\x05\x05\x05m\xda\xb4\xa1\x1c\x91yB\xa9\x07 \x00\x80o\xa1\xf1\xe3\xbe}\xfb\xfe\xfc\xe7?{\xbb-.\xf3\xc3\x0f?\\u\xd5U\xba\xae\x07p\x0c0\xca\xfcw\xee\xdc9z\xf4\xe8\x1d;v\xd0\x8b\xa5\xbf\xe4\x9c_\xd2\xaa\xe5\xec\x17g\xf6\xbf\xbb\x9f\xb5\xa6\xf6\x8c\xe1\xbc.t!D\x8bVq_n\xdf\xf9\xcfqS\xbf\xd9\xf9\xad\xac\xc8\xba\xd0u]\xa7\xd9\x03n\x14p\x13\x04\x00\xf0-\xd45\xa4\xa4\xa4l\xdc\xb8\xd1b\xb1\xf8\xef\xf0\x9f(\x8a\xd2\xd0\xd0\xd0\xaf_\xbf\xc2\xc2\xc2\x00Nb\x18/m\xc9\x92%\x13&amp;L\xb0\xd9l\xd4q\x1b\xa3\xf8\x9e}\x92\xe6\xbe\x98\xff\xa7\xb6\x7f\xaa\xae\xaa&gt;\xd7(^\xd3\xb4\xc8\xc8\x08\x87\xc3\xf1tN\xfe\xd2\x17W\xb0\xc6\xd9\x03=\x14cl\xda\xb4iS\xa6L\xa1\x1fi\xf6\x00\xcd\x84\x00\x00&gt;\x84\xfa\x91\x8d\x1b7\xa6\xa4\xa4\x9cN\x1aHL\x96e\xe6\x8f\x1fR\x89\t!\x98~\xba\x17+,,\xec\xd7\xaf_@\xc6\x00\xea\x8e+++\x1f\x7f\xfc\xf1U\xabV\xb1\xdf\xa7}\x14E\x99\xfc\xd4\xa4G\xc6\xfd]sh\xf5\xf5\xf5\xe7\xef\xb8\xe9\xf7cb\xa3W\xbf\xf6\xe6SY3\x8e\x97W\x18\x81\x84\xe1F\x017@\x00\x00_ACEM\xd3\xae\xbd\xf6\xda}\xfb\xf6\xd1\x82\xa1\xb7\x1b\xe5\x024\n\xbe\xea\xaa\xabv\xed\xda\xa5\xaa*\xad\x85z\xbbQ\xaea\xd4\xe7\x14\x16\x16\x8e\x1d;\xd6\xb9\xcc\x9f*y\xda\xb6\xbfr\xf6\x8b\xf9\xbdn\xedYUQ\xc5.\xac\x92\x87*\x88\xe2Z\xc6\xfd\xb4\xff\xa7\xccG\xb3\xb7m.6V\x8fq\xa3\x80\xcb!\x00\x80\xaf\xa0/\xf33\xcf&lt;\x93\x93\x93\xa3\xaa\xea\xe9\xcd\x03Te\xd6\xa2\x19\xf1\x97\xb6nhp\xf8K\xbf\xa9\xeb\xba\xc5\x12t\xf4\xf0\xb1\xac19\\\xe3\xba\xae\xd3\xba\xe8\x8c\x193\xfe\xf9\xcf\x7f\x06L\x9fe\xe4a\xa6O\x9f\x9e\x9b\x9b\xcb\x18;=ZWd\xc1\x05cl\xe8\xf0\xd4\'g\xe5DEG\xd5Zk/6c\xa3iZhX\xa8\xa2\xc8\xf3\x9e^\xf8\xdc\x9c\x179\xe7\xb42l,&amp;\xff\xfd\xef\x7f\x9f7o^dd$\xd2A\xcd\x81\x00\x00&gt;\x81\x86\x8d\xe5\xe5\xe5\xd7\\sMMM\r\xad\x97r\xce\xd3\xc7\xfd}v\xc1\xcc\x9a\xba\x1a\xff\xea49\xe71\xe11\x932&amp;/^\xb0\x84\x06\xc5\x92$\xc5\xc4\xc4\xec\xd9\xb3\xa7U\xabV\xcc\xcf\xab\xda\x8d2\xff\xd2\xd2\xd21c\xc6\x14\x16\x16\x1a)\x1a\x8a\x01\xd11\xd1y\xf3\xa6\r\xbe\xf7\xaf\xf5\'N6444\xed\xbd\xa3\x8fD\x8bKZl\xf9\xf0\x93\x89\xff\xc8\xc2\x8d\x02\xee\x80\x00\x00&gt;\x81\xc6\xc5\x0f&gt;\xf8\xe0\xb2e\xcb\x14E\xa1t\xd0\x15m\xff\xf4\xde\'o\x07\x07\x07;\x1c~3\xfc\'\xba\xae\x07\x05\x05\x9d:u\xea\xff\xdd2\xe8\xa7\x83?\x1b[\xde\x8f\x1a5j\xe9\xd2\xa5~=\t0\x1a\xbfz\xf5\xea\xd1\xa3GWVV\x9eQ\xe6\x9fpS\xb7\xb9\xff\x9auu\xd7?WUT5?M\xaf9\xb4\x98\xb8h\xdc(\xe0&amp;\xa6\x0b\x00T\xac\xe6\xedV\xf8(o\xad\xaa\xd1\x00y\xe7\xce\x9dIII\x0e\x87\xc3(\x1c\x9c\xb5h\xc6\xa8GGT\x94W\xf8\xe3\x1c_\xd3\xb4\x96\xadZ.{qE\xd6\x98\x1cz9\xb2,\x07\x05\x05\x15\x17\x17\'$$\xf8iI(\xe5[l6[NN\xce\xa2E\x8b\xd8Ye\xfec\x9fxll\xd6\xe8 \x8b\xc5^kW\x83\\\xf3\xae\xe1F\x01\xf71]\x00\x00\x1fD=Hrr\xf2\x96-[h\x10\xc79\xbf\xb1{\xe2\x9a\xc2\xff\xd4\x9f\xa8\xf7\xc7\x8e\x92\x08!B\xc3B\xd3R\xee\xfdb{\x89\xf1\xbaz\xf7\xee\xfd\xf1\xc7\x1f\xfb\xddp\xd5H\xb3\xec\xd8\xb1c\xf4\xe8\xd1;w\xee\xa4\xd4\x16\xadp\x18e\xfew\x0e\xec_]U#\xb8\x90\x15W\xbek\xb8Q\xc0ML\x14\x00\xe8v\xfc\xea\xea\xea\xaf\xbf\xfe\xda\xdbm\xf1Q\xd7_\x7f}ll\xac\x87\xf7-\xa0\xaep\xcd\x9a5C\x86\x0c1\x86\x93:\xd3W\xbc\xf5\xef&gt;\xfdzYkj\xfd\xab\xa3t\xc69\x8f\x8e\x89\xda\xbcq\xeb\x88{\x1e\x92\x98d\x8c\x94W\xaf^\x9d\x96\x96\xe6G1\xc0hjAA\xc1\xa4I\x93h\x1e\xe0\\\xe6\x7f\xc7\xc0\x94\xe9\xb3\xa7^~\xc5e\xd5U5\xee\x1b\x83\xe3F\x01\x973Q\x00\xa0\x0f\xf1\x87\x1f~x\xfb\xed\xb7{\xbb-&gt;j\xd3\xa6M\xb7\xddv\x9b\';&amp;\xca\xc8q\xce\xbbt\xe9RZZJ9(\xce\xf9\xc0\xb4\xbb_Z\xf9|\xc5\xf1J\x7f\xff\x1ak\x9a\xd6\xf2\x92\x16\x8f\xdc\xf7\xd8;k\xd6\xd1\xda\x86\x10\xa2S\xa7N\xbbw\xefV\x14\xc5\xf7+\xd9\x9d\xb7u\xcb\xc8\xc8X\xbdz\xb5\x91\xeb7\xf20\xff\xcc{\xe2\x1f\xe3\x1fihh\xa8?\xf1?\xca\xfc\x9b\x0f7\n\xb8\x96\xe9&amp;J\xaa\xaa\xca\xb2L\x7f\x82\xc1\xb8,\x1e~;(\xdd?g\xce\x9c\xd2\xd2RUUi8\x19\x19\x1596\xeb1\xbfN\xfe\x18dY\xae?Q?6\xeb\xb1\xc8\xa8HzuT&lt;3g\xce\x1c\xe7\x9d\xf1}\x13\xad\xcd\xa8\xaaZXX\x98\x98\x98\xb8z\xf5j\xe3=R\x14\x85k\xfc/]\xaf~\xfb\xa3\xd5\x8fOz\xd4Vk;u\xf2\x94\x07&gt;?\x14D+\x8eW\xa6\xde\x7f\xcf{[\xdf\xee\xd9\'\x89\xd6\x9fYc\rRqqq\xf7\xee\xddW\xadZE\x13\x11\x7f\xbf\x93\xdc\xdd\xfc\xfe\x0bv\xb1h\x08f\xa0t\x87i\x9d}5&lt;\xf9^P\xae\xb6\xac\xacl\xd6\xacY\xb2,\xd3\xe0N\x081\xf2\x91\x07\xaeM\xe8j\xb7\xd7\x05F\x00\xb0\xdb\xeb\xaeM\xe8:\xf2\x91\x07\x8c\xc5mY\x96g\xcd\x9aUVV&amp;\xcb\xb2\xcf\xc6\x00\xe3\xf4\xf6\xdc\xdc\xdc\xfe\xfd\xfb\x1b\x9bzR\x17\xcc9\x1f\xf9\xc8\x03k\nW&amp;\xde\x9cPYQE\xc3\x08\xcf4L\x92$UU\xab*\xaa.\x89\xbf\xe4\xf5w\x97\xe2D\x81\xe60]\nh\xf3\xe6\xcd}\xfb\xf6\xf5\xe5/\x9eW\xd0\x05)**\xea\xd3\xa7\x8f\xc7R@\xf4D#G\x8e\\\xb1b\x85Q\xfay\xf9\x15\x97\xad\xdf\xf6\xdf\xd0\xd0P\xba\x11\xcc\x03\xcdp7\x1a/\xd7\xd7\xd7\xdf\xd5\xf3\xaf\xbf\xfc\xf4+\x85^\xce\xf9\x88\x11#\x96/_\xee\x83+\x01\x7fxz;\xfb}\x99\xff\x8c\xf9\xb9i\xc3Skk\xac\x0e\x87\xe6\xad\xf6\xe3F\x81\xe63o\x00\xa0\xee&amp;*:\xaa\xcb\xf5\x7f\xe1\x9a\x08\x88\xae\xe6"\xe8:STy\xf7\xd7\xdf\xd5Zk\xa9K\xf2p\x00\xa0g\xd9\xbauk\xdf\xbe}\x8d\x1f9\xe7\x0b\x96\xcc\x1d:"\xb5\xb2\xa2\xca\xdf\xb3\xff\xce4Mk\xd12\xee\x8d\x15k\xc7\xfd=\xf3\xb7\xe3p\x19+**\xea\xd5\xab\x97O\xc5\x00\xe7m\xdd&amp;N\x9ch\xb5Z\xcfH\xb2\xf7\xec\x93\x947\xe7\xc9\xab\xaf\xbd\xba\xf2x\xa5/\xd4\\\xe2F\x81\xe60o\x00\xa0QXR\xef\xff{\xf7\xe3\xb7\xec6\xbbk\xab\xd6|\x9f\xe0""2b@\xf2=\xc5[&gt;3\x16\'=\x1c\x00\x18c}\xfb\xf6\xa5M\xff\xe9on\xea~\xc3\xdbE\xab\xfd\xba\xf2\xe7\\\xa8"hP\xdf!\x9fo\xff\xd2x\xbd\xbdz\xf5***b\x8c\xf9\xc8\xeb=\xe7\xe9\xed\xaa\xc25\xce\x18\x1b\x9b\xf5X\xe6\x94\x0c]\xd7\xeb\xecu\xbe\x13\xa1q\xa3@\x93\xf9\xca[\xe8-\x9a\xc6\xedv{`\xa4\x9b/\x8a\x10\x82IL\xd3\xbc\xb3DF1\xe6\xd5W_5\x8e|\x91e\xd9b\xb1d\xe7M\xe2\\\x04\xe4\xf7S\x92$\xceEv\xde\xa4aw\x0e\xd74\x8dr,[\xb7n]\xb9r\xe5\xf0\xe1\xc3\xbd&gt;8\xa5$\t-\xa2:\x9f\xde.\x84P\x14\x99k\xfc\xcavW&lt;5wZ\xff\xbbo\xaf\xae\xaa\xa1\xa5l/\xb6\xf6\x0c\x8a\xaah\x0e\xad\xba\xa2\xfa\xc1GGt\xbd\xbe\xcb\xd97\n\xac^\xbd\xfa\x93O&gt;\xc1\x8d\x02g3\xfbU\x90$\xc9\x13E6\xbe\xca+]--\xbc[\xad\xd6\xe9\xd3\xa7\xd3B4\xf55w\r\xba\xa3g\x9f\x1e\xb6Z\x9b\x1c\x88_NY\x96m\xb5\xb6\x9e}z\xdc5\xe8\x0e\xea\xfd\xe9:L\x9f&gt;\xddj\xb5\xd2u\xf0V\xdb\x8c\xd3\xdb\x0b\n\n\xce&gt;\xbd\x9ds\xf1\xff\xee\xb9\xf3\xbf\x9b\xd7\xf4\xbb\xeb\xd6\x8a\xf2J\xfa\xcax\xab\xa9\xe7"\xc9\x92\xa2*\x15\xe5\x95]\xaf\xbf\xe6\xad\x0f\xdfx\xf0\xd1\x11\x82\x0bc\x1b&gt;*c\xed\xdf\xbf\x7fnn.\xbdX\xac\x0c\x13\x9f{#!\xe0\xd1x\xbf\xa0\xa0\xa0\xac\xac\xect\xf6I\x171\xb1\xd1O\xe4f\xdaj\xed&gt;\x92\x0cq\x07EQl\xb5\xf6\'r3cb\xa3\x85~\xba{*+++((\x90e\xd9+\x05\x8b\xb4\xff\xb6\xd1?\x8e\x1f?\x9e\xfaGJ\xfb\x08.\xc2\xc3\xc3\xf2\x17=\xfd\xf2\xaa\x17###\xab*\xab]\xb5\xbb\x83\x9b\xa8\xaaj\xb7\xd7i\x1a\xcf_\xf8\xf4\xa2\xa5\xf3/i\xd5\xd2\xb8M\x8c"\xdc\xf4\xe9\xd3\x93\x93\x93\xa9\xe6\x98sn\x9e\x04\xf8\xb9 \x00\x80G\xd1\xe0w\xff\xfe\xfd\xf3\xe7\xcf7\x92?\xba\xd0G\xa5\x8f\xe8\xd0\xa9\xdd\xc9\xfa\x93\x01\x99\xff!\x92$\x9d\xac?\xd9\xa1S\xbbQ\xe9#tqz\xbbSEQ\xe6\xcf\x9f\xbf\x7f\xff~\xcf\xdf\x16`\xa4}V\xaf^\x9d\x98\x98XXXH\x89\x1d]\xd7eE\xe6\x1a\xbf.\xa1\xeb\xea\r+\x1f|tDuE\xb5\xe6\xf0\x8f{kq\xa3\xc0EA\x00\x00\x8f\xa2\xbcGVV\x96\xd5je\x8cQ\xf5Q\xdb\xf6W\x8e\xceL\xa7]\x04\xbc\xdd@\xf7R\x14\xa5\xba\xaaftfz\xdb\xf6W\xd2mV\x8c1\xab\xd5\x9a\x95\x95\xe5\xe1,\x10\x85^\xce\xf9\xf8\xf1\xe3\x87\x0e\x1dz\xe4\xc8\x11\xca\x96\x9c\x9e\x93q\xf1\xe0\xa3#\xde\xfa\xf0\x8d\xae\xd7_SQ^\xa9\xa8\x8a$\xfbM`\xc6\x8d\x02\x17\x0e\x01\x00&lt;\x87\x06\xbc[\xb6lY\xbbv\xed\xe9,\xb3$\xe9\xba\x9e1yLDT\x841R\x0b`\x92$i\x9a\x16\x11\x15\x911y\x0c\xc5B\xba&amp;k\xd7\xae\xa5\x8d\xf0&lt;0 \xa5\xdb\xb8\xe8\xf4\xf6\x9e={R\x02\xca\x98\x8e\xd0\xb6n\x8b\x96\xce\xcf_\xf8\xb4\xa6q\xbb/U\xfb\\\x14UUO\x9d&lt;u\xa2\xae&gt;\xe7\x99\xecU\xef\xbfve\xbb+\xb8\xc6\x15E\xa6\xb8\xab(\xca\x92%K\x92\x93\x93w\xec\xd8\xa1\xaa*-w{\xbb\xc9^\x80\x00\x00\x1eB\xfd\xdd\xa9S\xa7233\x8d\xb5_\xceyRr\x8f\xb4\x07\xee\xb1V[\xfd\xb4\xa3\xb9X\xaa\xaaZ\xab\xadi\x0f\xdc\x93\x94\xdc\xe3\xf4\xcew\xba.IRff\xe6\xa9S\xa7\xdc=\x0f8}\xce\xdaY\xdd\x1f;]\xa7\xc4{\xf6Izo\xeb\xdb\xa9\xf7\xdfSq\xbc\x92\xde#\xf75\xc6\xdd(\xb0\x1d?z\xbcG\xaf\x9b\xff\xbby\xcd\xff\xbb\xe7N\xce\x85\xae\xeb\x92,\x9d+\x04z\xbb\xc9\x9e\x86\x00\x00\x1eB\xb5w\xabV\xad*))\xa1)9\x95\xe8M\x9d9\xd9[\xd5\xa8^\xa4i|\xea\xcc\xc9\xb4\xb5\x0e]\x99\x92\x92\x92U\xabV\xc9\xee\xbcG\xfd\\\t\x10Z~\x90ey\xca\x8c\xec\x95\xeb\x96_\xd2\xfa\x92\xaa\x8a*:\xbe\xd8M-\xf1$5H\xb5V\xd7FFF\xbe\xbc\xea\xc5\xfcEO\x87\x87\x87\t.\x14U9W\x12\xccT+\xc3\x08\x00\xe0\t4\xc8\xad\xaa\xaa\xca\xce\xce&gt;\x9d\x90U\x14!\xc4\xd0\x11\xa9\xd7%v\xb5\xdb\xccu\x1f\x86,\xcbv[\xddu\x89]\x87\x8eH5.\x85,\xcb\xd9\xd9\xd9UUU\xee\x98\x04P\x8a\x83\x96@{\xf4\xe8a,\x81\x9e.\xf3\xe7\xbcm\xfb+W\xbd\xff\xda\x98\xac\xc7\xea\xecu\xa7Nyb[7Or\xbeQ`\xf5\x86\x95\xd7%t\xe5\x1a\x97\x15\xd9\xd8\x9e\xcfy\x19\x9c.\x8b\xb7\x9b\xec!&amp;\xfa\xd6\x81\x17Q\x077o\xde\xbc\xa3G\x8f\x1a%\x19\xd11Q\x13\xa6\x8c;a\xafWLv\x1b6cLQ\xe4\x13\xf6\xfa\tS\xc6E\xc7D\x19\x19\x98\xa3G\x8f\xce\x9b7\xcf\xe5\x93\x803\x8a \xf7\xed\xdbGE\x90\x14i8\x17C\x86\xa7\xae\xdf\xf6\xdf\xff\xebySEy\x05\xfd\xa6\x0b\x9f\xddG\xe0F\x81?\x14\x80\xef4\xf8\x1a\xea\xfdKKKg\xcf\x9eM\xbd\x9b,\xcb\xba\xae\x8f}\xe2\xb1K/os\xf2d \x97~\x9e\x8b$I\'O\x9e\xbc\xf4\xf26c\x9fx\x8c\x8e\x87\xa4\xcb2{\xf6l:\x17\xc1%1\xc0(\xf3/--=\xa3w\xa3\xd4\x7fDdx\xfe\xa2\xa7\x17,\x99c\t\xb6\xd8jm\x016\xf0?\x1bn\x148\x03\x02\x00\xb8\x1d\xe5\x7frrr\x1a\x1a\x1a\x1a7\x9e\xe3\xed:\xb6\x1d\x91\xfe\x80\xcdjST?^fl\x0eEUlV\xdb\x88\xf4\x07\xdaul+\x04\xa7+\xd3\xd0\xd0\x90\x93\x93\xe3\x92,\x90\xb1\x9b\xff\xea\xd5\xab\xbbw\xef\xfe\xbb2\x7fY\xd64-\xe1\xa6n\xeb\xb6\xbc5\xf2\x91\xe1\xd5U5\\3\xcbFi\xb8Q\xc0\x19\x02\x00\xb8\x17\x95[l\xdc\xb8q\xcd\x9a5N\xa5\x9fl\xca\x8c\xc9aa\xa1\x9a\xc6%f\xba\xe1?\x91\x98\xa4i&lt;,,t\xca\x8c\xc9\xba\xce\x8c\x92\xd05k\xd6l\xdc\xb8\xb1\x99%\xa14\xa4\xb5\xd9lc\xc7\x8e\x1d:thee\xe5\xef\xca\xfc\x85\x18\xfb\xc4co|\xf0Z\xfbN\xed\xab*\xab\xcc\xb6?\x1an\x140 \x00\x80\x1b\xd1\xd8_\xd3\xb4\xb1c\xc7\x9eQ\xfa\x99r\xf7m\xb5V\x9bIF\x9d\xe7\xa2(J\xad\xd5\x96r\xf7mg\x94\x84\x8e\x1d;\x96\x86\xa5M\x98\x07\x18\x878\xee\xdc\xb9399y\xd1\xa2E\xc6H\xd6(\xf3_\xf6\xe6\xcb9\xcfd\x0b.N\xd8O\x04|\xda\xe7\\p\xa3\x00C\x00\x00\xb7\xa2\xbc\xf6\xe2\xc5\x8b\xf7\xee\xdd+7\xee\xcd\x1bd\t\x9a:s2\xe7\x01\xf8uj\x1a\xce\xc5\xd4\x99\x93\x83,At}dY\xde\xbbw\xef\xe2\xc5\x8b\x9b\xb0\x12`\x94\xf9/Z\xb4(99y\xe7\xce\x9d\xc6z/\xc5\x80;\x06\xa6\xac\xdf\xf6\xdf~w\xddVQ^A[&gt;\xb8\xe9E\xf9\x05\xdc(`\xea\xb7\x1f\xdc\x8a\xfa\xb2\xea\xea\xea\xa9S\xa7Ri\x1d\xf5h\x7f\x1b=\xaa\xdb\r\xd7\xd9m\xf6\x80\xac6\xb9X\xb2,\xdbm\xf6n7\\\xf7\xb7\xd1\xa3\x8cK$I\xd2\xd4\xa9S\xab\xab\xab)j^\xc8\xe3\xd0z\xaf\xa2(\x87\x0f\x1f\x1e:t\xe8\xd8\xb1cm6\x1b\xe5\xfa\xa9\xccT\x92\xa4)3\xb2_\xfe\xcf\x8b-[\xb5\xac\xae\xaa\t\x982\xff\xe63\xf3\x8d\x02\xf8\x06\x82\xbb\x9c\xd1\x911\xc6t]\xbf\xa4U\xcb\x87\xc7&lt;d\xb7\xd5\x99&lt;\xf9\xe3LQ\x14\xbb\xad\xee\xe11\x0f]\xd2\xaa%u.g\x04\xce\xff\xf9\x08\xce\xa7\xb7\xdfp\xc3\rtz\xbbs\xce\xcd\xf3\xa7\xb7\xfb\x17\xd3\xde(\x80\x00\x00nA\x83Y#\x95A\x83)!\xc4\x84\x9cq\x97_q\x999K?\xcf\x85JB/\xbf\xe2\xb2\t9\xe3\xe8\xba\xd1\xe52Rg\xe7\xefn\x8c\xca\xce3No\xa7\xd9\x03\xe7|\xe8\xf0\xd4\xb5\x1b\xff\x93xs7\x0f\x9f\xde\xee_\xccy\xa3\x00&gt;\n\xe0\x16g,fR/v\xcdu\x7fI\xbd\x7fP\x8di\xb6\xfd\xb9p\xaa\xaa\xd6T[S\xef\x1ft\xcdu\x7f\xa1\x18p\xc6\xe2\xf9\xf9\xffmiiirr\xf2\xf4\xe9\xd3\xa9\x7f\xa7\x0e\x8bs\x1e\x1d\x13\xbd\xf0\xdf\xf3\xe6\xbd\xf4l\x90%\xa8\xb6&amp;\xf0\xcb\xfc\x9b\xef\xa2n\x14\xf0vc]\x00\x01\x00\\\xcf(\xfd4\xca\x19\xa9\x17\xcb\xce\x9d\x18\x1e\x11\x11x+i.\xc19\x0f\x8f\x88\xc8\xce\x9d\xe8\xbcK\xa8\xf35&lt;\xfb\x9f\x08!\x1c\x0e\xc7\x1bo\xbc\xd1\xbd{\xf7\xe2\xe2bc[7\x8a\x01=\xfb$\xfd\xf7\xa3\xd5C\x87\xa7Zkj\xb9\xc6M{\xbf\xc5\xc5\xba\xc0\x1b\x05\xdex\xe3\r\x87\xc3\xe1\xef\xb9 \x04\x00p1\xea\xbf\x1a\x1a\x1a\xce(\xfd\xec?\xa0_\x9f\x94\xde5\xd5\x81\xbf\xe9\x7f\xd3(\x8aRS]\xd3\'\xa5w\xff\x01\xfd\xce(\t\xa5\x1b\xe8\xce\x98\x07P\x9a\xe8?\xff\xf9\xcf\xb0a\xc3\x8c2\x7fJOS\x99\xff\xeb\xef.k\xd7\xa9]\xc5\xf1J\xb3\x95\xf97\xdf\xb9n\x14\xa0i\x19\xdd(0l\xd8\xb0\xff\xfc\xe7?\xfe^\x1a\x84\x00\x00.F\x19\x8c9s\xe6\xec\xdd\xbb\x97z1*\xfd\x9c\x903N\x04\xe8\x81\xef\xae"I\x92\xe0bB\xce8\xa3$TQ\x94\xbd{\xf7\xce\x993\xe7\xec\x95\x00\xba\x92\x89\x89\x89!!!\xd4\r\xd1\xdft\xfas\xa7eo.\xc9y&amp;\xbb\xfeD}\xfd\x89\xfa\xc0\xc8Tx\x85\xf3\x8d\x02\xffY\xffj\xa7?wb\x8d\x9bf\xcb\xb2\x1c\x12\x12\x92\x98\x98\xc8\x1a\xdf\x08?\x85\x00\x00\xaeD\xa3\xa4\xa3G\x8f\xce\x9d;\xd7y\xed\xf7\xa1GG^\x9b\xd0\xd5\x86\xd2\xcf\xf3\x92e\xd9f\xb3_\x9b\xd0\xf5\xa1GG:\xaf\x06\xcf\x9d;\x976\xd1s\x8e\x01\xa7\x97U\xae\xb9\xe6\xfa\xeb\xaf\xa7-E)\xdc\x0ey`\xf0\xe0{\x06\x1d;r\xcc7Oo\xf7/\x94\xf7?\xfa\xeb\xd1\x94\x94\xdb\x87&lt;0\x98B2\x95\xd5^\x7f\xfd\xf5\xd7\\s\r\xbdM\xdenf\xd3\xf9q\xd3\xc1\x07Q\xed\xff\xe4\xc9\x93i[c\xea\xb3\xaelw\x05\x15 "\xf9\xf3?)\x8ab\xab\xb5=&gt;\xe9\xd1+\xdb]A\xd1\x94\xb6\xd1\x9e&lt;y\xf2\xd9\xf7\x04P&lt;\x18&lt;x0c\xcc\xc8\x11\xad{k\xfd\xb1\xeac\x16\x8b\xc5+\xed\x0fH\x96`KE\xf5\xf1uo\xadg\x8d\x19N\xd6x\xd9\xb1\x06\x00p\x9aq\xb0\x89\x91\x1b\xa5^i\xf4\x84\xf4V\xf1\xad\x1aN5\xf8\xf5d\xd93$Ij8\xd5\xd0*\xbe\xd5\xe8\t\xe9\xc6j0\xe5\xfa\x8d\x83t\x8c_\xa6\xb1\xe7\x80\x01\x03\x82\x83\x839\xe7\xf4\x7f\xed\xfb\xbe\xf4\xf0/G\x82\x83\x83\x03\xe9~%/\xd2u=88\xf8\xd7_\x8e\xec\xfb\xbe\x941&amp;\x84\xe0\x9c\x07\x07\x07\x0f\x180\x805\xbe\x05\xfe\xcb\xbf[\x0f&gt;\xe5\x8c\xa3\ri\xed\xf7\xc6\xee\x89CG\xa6\xd1\tS\xden\xa0\x7f\xa0\xe5\xc7\xa1#\xd3n\xec\x9eH\xab\xc1g\x1c\xa5i\xfc&amp;\xcd\t:v\xec\xd8\xa5K\x17\x9a{)\x8ar\xb2\xfe\xe4\xa7[&gt;\x0b\t\x0b\xf1\xeb\xc5I\xdf\xc19\x0f\t\x0b\xf9t\xcbg\'\xebO*\x8aB\xd7\xbcK\x97.\x1d;v\xa4k\xee\xed\x066\x8b\x7f\xb7\x1e|\x87\xb1\x93\xa5\xf3\xe1\xe6\xb2"\x8f\xcb\x1e\x13\x14\xa4b4zQt]\x0f\nR\xc7e\x8f\xa1\xbdz\xe8\xdan\xd9\xb2\xc5\xd8Q\xd5\xf8M\x9a\x1f\xf4\xe9\xd3\x879\xadFnx\xb7Pp.I\xf8v\xbb\x80$\xc9\x82\xf3\r\xef\x166\xfe(1\xc6\xfa\xf4\xe9\xe3\xef\xf5?\x04\x1f\x11p\x01\xea\xdfi/{\xfa\x91\xfa\xa9\xbb\xef\xb9\xeb\xf6;\xfb\xd6T[\x91\xfd\xbf(\x8a\xa2\xd4T[o\xbf\xb3\xef\xdd\xf7\xdce\x94\x842\xc6\xe8L\x05\xd6x\xc1Yc\x7f\x94\x9a\x9aJ\xd9!\xca\x02}\xb1\xbd\xe4`\xd9\xa1\x90\x10d\x81\x9aK\xd7\xf5\x90\x90\xe0\x83e\x87\xbe\xd8^\xc2\x1aO\xd6\x94e955\x95\xf9y\xfd\x0fA\x00\x00\x17\xa0*\x949s\xe6\xd0\x1d\x92T\xc2\x18\x19\x1596\xeb\xb1\xfa\x13\xf5\xfe&gt;M\xf6\nY\x96\xebO\xd4\x8f\xcdz,2*\xd2\xd8\x91\xa6\xb4\xb4t\xce\x9c9T\x85B\xbfF\xb1\xa1[\xb7n\x1d;v4\xf61\xae\xb3\xd7}RT\x1c\x16\x1e\x1a\x00CT\xef\xe2\x9c\x87\x85\x87~RT\\g\xaf3NQ\xee\xd8\xb1c\xb7n\xddh\x94\xe3\xed\x066\x17\xbe\x99\xd0\\4&amp;*++\x9b5k\x16\xcd\x8b\xa9\x87\x1a\xf9\xc8\x03\xd7&amp;t\xb5\xdb\xcdu\xe0\xbb\xab\xc8\xb2l\xb7\xd7]\x9b\xd0u\xe4#\x0fP|\xa5l\xcf\xacY\xb3\xca\xca\xca\x9cW\x839\xe7\x16\x8be\xe0\xc0\x81\xcciMr\xc3\xba\x8d\x1cY\xa0f\x93$\x99s\xbea\xddF\xfa\x91.\xef\xc0\x81\x03-\x16K`\x04W|&gt;\xa0\xb9h\xed\xf7\xa9\xa7\x9e\xaa\xad\xad5\xf6\x9d\xff\xd3\x95\x97?2\xeeo5U5X\xfbm2UUk\xaaj\x1e\x19\xf7\xb7?]y\xb9\xb1\xa7\x7fmm\xedSO=\xe5\xbc\x1alT%"\x0b\xe4Z\xe7\xca\xff\x18u\xb7\xden\xa0\x0b \x00@\xb3\xd0x\x7f\xeb\xd6\xad\xaf\xbf\xfe\xba\xf3\xb6?\x13\xa7\x8eo\xd5\xfa\x12\xda\xc3\xc0\xdbm\xf4W\xb4\xa3F\xab\xd6\x97L\x9c:\xdey\x83\xa0\xd7_\x7f}\xeb\xd6\xad\xc6j0\xb2@n\x12\xf0\xf9\x1f\x86\x00\x00\xcd\xc79\x9f:u\xaa\xd1\x19q\xceo\xea~C\xea\xfd\x83\xaa*\xab1\xfco&amp;UU\xab*\xabS\xef\x1ftS\xf7\x1b\xa8\xf7g\xbf\xbf\xe0\x04Y w\x08\xf8\xfc\x0fC\x00\x80\xe6\xa0.i\xe5\xca\x95\xc6\x80T\xd7u\x8b\xc5\x92\x9d7\x89c\xdb\x1f\x17\x91$\x89s\x91\x9d7\xc9b\xb1\xd0\xfe\xfe4\xe5Z\xb9r\xa51\t8W\x16\xe8@\xd9\xa1\x90Pd\x81\x9aB\xd7\xf5\x90\xd0\xe0\x03\x01\x9d\xffa\x08\x00\xd0d\x94\x94\xb0Z\xad\xd3\xa7O7v\xfd\x14B\xdc5\xe8\x8e\x9e}z\xd8jmX\xfbu\tY\x96m\xb5\xb6\x9e}z\xdc5\xe8\x0eZ\r\xa6+?}\xfat\xab\xd5j\\\xf9?\xcc\x02m\xdb\xfcih\x18\xb2@M\xc19\x0f\r\x0b\xdd\xb6\xf9\xd3\x00\xce\xff0\x04\x00h2*J)(((++\xa3\x0eH\xe8"&amp;6\xfa\x89\xdcL[\xad=`\xbe!\xbe@Q\x14[\xad\xfd\x89\xdc\xcc\x98\xd8h\xa1\x9f&gt;\xa6\xaa\xac\xac\x8c\x0e+\xa7\xfe\x9d\xb2@\x83\x06\rb\x8c\xd1y2\x8c\xb1\x1d\xdb&gt;g\x014\\\xf5\xa43. \x8df\x06\r\x1a\x14H\xf9\x1f\x86\x00\x00MCC\xd1\xfd\xfb\xf7\xcf\x9f?\xdf\xa8P\xd4\x85&gt;*}D\x87N\xedN\xd6\xe3\xc4GW\x92$\xe9d\xfd\xc9\x0e\x9d\xda\x8dJ\x1f\xa1\x0b\xdd\xa8\xb5\x9d?\x7f\xfe\xfe\xfd\xfb\x8d3\xdf\x19c\xfd\xfb\xf7g\x8d\xfb\xd50\xc6\xb6m.&gt;v\xf8\x18\xe5\x8e\xbc\xfc\x1a\xfc\ne2\x8f\x1d&gt;\xb6ms1c\xcc\xd8g\x89.o }\xb6\x11\x00\xa0)(\x0b\x91\x95\x95e\xb5Z\x19md/D\xdb\xf6W\x8e\xceL\xaf\xae\xc2\x91/\xae\xa7(JuU\xcd\xe8\xcc\xf4\xb6\xed\xaf4\xba{\xab\xd5\x9a\x95\x95EY \x1a\xa2v\xeb\xd6-&gt;&gt;\xde8\x17\xecxy\xc5\x8e\xe2/\xc2\xc2C\xfd}\xd3J\x0f\x13B\x84\x85\x87\xee(\xfe\xe2xy\x05]X!D|||\xb7n\xdd\x98\xffo\x00\xe7,p^\tx\x8c\xb15\xcd\xda\xb5k\x9dK?3&amp;\x8f\x89\x88\x8a0\xce\xcf\x03\x17\xa2\xb3\xa8"\xa2"2&amp;\x8fq.\t]\xbbv-m\xbeD\xa3\xfe\xe8\xe8h\x1a\xa5\xd2\xb6e\x8c\xb1\xc2u\x1b\xa5\x00\xea\xb0&lt;F\x92\xe5\xc2u\x1b\x19c\xb4\xc5\x1ec\xac\x7f\xff\xfe\xd1\xd1\xd1\xc6\xc1;\x81\x01\x9f\x0c\xb88\xd4\xfb8\x1c\x0ecsJ\x8a\x01=zwO{\xe0\x1e+\x0e|w\x1bUU\xad\xd5\xd6\xb4\x07\xee\xe9\xd1\xbb\xbb\xf3\x99\x91\x99\x99\x99\x0e\x87\xc3\xb85,--\x8d9e\x81&gt;)B\x16\xe8\xe2\x18\xf9\x9fO\x8a~\x97\xff\xa1\x0b\x1b`\x10\x00\xe0\xe2P1\xdc+\xaf\xbcblO/\x84\x08\t\ryj\xce\x93\x0e\x87\xe6\xed\xd6\x05&gt;\x87C{j\xce\x93!\xa1!FabII\xc9+\xaf\xbcb\xe4%z\xf6\xec\x89,Ps\x9c+\xff\xd3\xb3gO\x16X\xf9\x1f\x86\x00\x00\x17\x8b\x06\x92\xbf\xfe\xfa+\xfb\xfdj\x98\xddf\x0f\xa4\xa9\xb1\xcf\x92$\xc9n\xb3;\xff\xc8\x1a\xdf\x0e\xc6\x18\xe7&lt;**\nY\xa0f\xfa\xc3\xfcOTTT\x80\xe5\x7f\x18\x02\x00\\,\xca&lt;ddd\xc4\xc7\xc7\xd3\xf7A\x96\xe5\x93\xf5\'g\xe4\xe4\xabA*C\x9a\xc1\xadt\xa6\x06\xa93r\xf2O\xd6\x9f\xa4ZO\xcey|||FF\x86sq:\xb2@Mf\xaa\xfc\x0fC\x00\x80\x8bE\x05?-Z\xb4\xc8\xcf\xcf\xa7\xe2\x13\xcaG\x7f\xb1\xbdd\xcd\xaboF\xc7Ek\x1a\x12An\xa1iZt\\\xf4\x9aW\xdf\xfcb{\xc9o\xa5\xb7\xba\x9e\x9f\x9f\xdf\xa2E\x0b*\r\xa2!?\xb2@Mf\xaa\xfc\x0fC\x00\x80&amp;\xa0\xdeg\xf8\xf0\xe1\xbdz\xf5r&gt;\xae\xa4`\xe6"{\xad\x1d\x8b\xc0n\xa2\xaa\xaa\xbd\xd6^0s\x11s:r\xa7W\xaf^\xc3\x87\x0f7\xb6\t\xa29\xc1\xd9Y\xa0\r\xefn\x0c\xb0\xdc\x85\xfbH\x92\xb4\xe1]S\xe4\x7f\x18\x02\x004\x99,\xcbyyy\xf4\r\x11B(\xaarp\xff\xa1\x17\xe6-\x8em\x11\x8bI\x80\xcbi\x9a\x16\xdb"\xf6\x85y\x8b\x0f\xee?\xa4\xa8\xa7\x0f\x84Q\x14%//\xef\x0f\x87\xa5gd\x81\x8a\xb7l\xaf(\xaf\x08\n\nB\x16\xe8&lt;t]\x0f\n\n\xaa(\xaf(\xde\xb2\x9d\x99 \xff\xc3\x10\x00\xa0i\x8c\xe1\xe7\xfd\xf7\xdf\xcf9WUUp!\xcb\xf2\x92\xe7\x96~\xfb\xd5\xee\xf0\xf00d\x1b\\H\x08\x11\x1e\x1e\xf6\xedW\xbb\x97&lt;\xb7T\x96e\xc1\x85\xaa\xaa\x9c\xf3\xfb\xef\xbf\xdf\x98\x84\x19\xbfld\x81.\xbd\xf4R#/TQ^\xf1\xdd\xee\xbdT;\xe4\xbd\xd7\xe1\xeb\xa8\x9e\xed\xbb\xdd{+\xca+h\x89E\x08q\xe9\xa5\x97\x06j\xfe\x87!\x00@\x93Q\xe1\xf9\x93O&gt;\x19\x15\x15e\xa4\x9b\xed6\xfb\xc2Y\xcf\x87\x86!\xdd\xecJB\x88\xd0\xb0\xd0\x85\xb3\x9e\xb7\xdb\xecFb:**\xea\xc9\'\x9f\xa4[\x01\x9c\x7f\xd9\xc8\x02\xddx\xe3\x8d\xacq\x1f\x1b!\xc4\xa6\xf7&gt;\xb4\x04c\x06p&gt;\xba\xae[\x82\x836\xbd\xf7!\xd5\xd7\xd2\x85\xbd\xf1\xc6\x1b\x035\xff\xc3\x10\x00\xa0\xc9\xa8[\xe9\xd0\xa1CVV\x16m\r\xa4i\x9a\xa2(\xeb\xdeZ\xbf\xe9\xfd\xa2\x98\xd8\xe8@\xda3\xcb\x8b8\xe71\xb1\xd1\x9b\xde/Z\xf7\xd6z\xe3"\x0b!\xb2\xb2\xb2:t\xe8@]\xd5\x19\xff\x84z\xf9\xbf\xfe\xf5\xaf\xf4#\x05\xe3\x8f6l\xae\xa9\xaa\t\n\n\xf2l\xf3\xfdIPPPMU\xcdG\x1b6\xb3\xc6\x8b\xc6\x1a/c\xa0\x06N\x04\x00h:*\x01\x9a8qb\xa7N\x9d4M;=8\xe5bA\xfe"\x87\x03\x1bB\xb8\x86$I\x0e\x87\xb6 \x7f\x91\xe0\xa7\xa7Y\x9a\xa6u\xea\xd4i\xe2\xc4\x89T\x08t\xf6?1\x96.###\xe9\x90\x06Y\x96\x0f\xee?\xf4\xf5\x97\xbb\xc2\xb0;\xf49p\xce\xc3\xc2B\xbf\xfer\xd7\xc1\xfd\x87\xa8\xbc\x8as\x1e\x19\x19i,\xa7{\xbb\x81n\x81\x00\x00MG]\xbc\xc5b\x991c\x06kL&gt;PI\xe8\x1b\xcb\xd7\xc4\xb5\x8c\xc3jp3i\x9a\x16\xd72\xee\x8d\xe5k\x8c\xd2O\xba\xe63f\xcc\xb0X,\xec\x1c;SR\xf2:&gt;&gt;\xbeW\xaf^\x8c1Y\x96\xa9G\xdb\xb4\xfe\xa3 d\x81\xceA\xd7\xf5\xa0\xe0\xa0M\xeb?\xa2xI\x91\xb5W\xaf^TP\x1b\xa8\xa3\x19\x04\x00h\x16\xea\x95\xd2\xd2\xd2z\xf7\xee\xed\xbcA\xcd\x0b\xf3\x16\x97\x1f-\xb7\x04\xe3\xe6\xa3\xa6\xd3u\xdd\x12l)?Z\xfe\xc2\xbc\xc5\xce\xdb.\xf5\xee\xdd;--\xed\x8c\xb5\xdf3\x9cQ\xbe\x82,\xd0\xff\xf4\x87\xf9\x1f\xa3\x98\xca\x9b-s\'\x04\x00h.\xea\x9b\xe6\xce\x9d\x1b\x1c\x1c\xac\xeb:e\xa5\x0f\x1d\xf8\xe9\xb9\xd9/FFE"\xe1\xd0d\x9c\xf3\xc8\xa8\xc8\xe7f\xbfx\xe8\xc0O\xb4\xe2\xa2\xebzpp\xf0\xdc\xb9s\xcf^\xfb=\x03\xc5\x86\x94\x94\x14d\x81.\xc4\xb9\xf2?))),p\xf3?\x0c\x01\x00\x9a\x8f\xfa\xa6\xc4\xc4\xc4{\xef\xbdW\x88\xd3\x15\x8a\xb2,\xff\xfb\xc5\xe5\xbbv~\x1b\x19\x19\x11\xc0\x03(\xf7\x11BDFF\xec\xda\xf9\xed\xbf_\\Nk-\xaa\xaa\n!\xee\xbd\xf7\xde\xc4\xc4\xc4?\\\xfbu\x86,\xd0E1g\xfe\x87!\x00\x80KPw3s\xe6\xcc\xd8\xd8X\xfa\xc2H\x92\xe4hp\xcc\x9b\xb1@Vdt7M\xa0\xeb\xba\xac\xc8\xf3f,p48\xe8z\n!bccg\xce\x9cy\x81]\xd2\xb9\xb2@\xd5\x95\xd5\xc8\x02\x9d!((\xa8\xba\xb2\xdal\xf9\x1f\x86\x00\x00.A\xa3\xcb\xf8\xf8\xf8\xbc\xbc&lt;\x1a\x9cR\x86z\xc3\xbb\x1b7\x17nAI\xe8\xc5\xa2\xd2\xcf\xcd\x85[6\xbc\xbb\xd1\xd8\xf6G\x08\x91\x97\x97\x17\x1f\x1fo\x9c\xffu~gg\x81$I:\xb8\xff\xd0\x9e]\xdf\x87\x86\xe1\x8e\xb0\xdf\x08!B\xc3B\xf6\xec\xfa\xfe\xe0\xfeC\x94\xcf4I\xfe\x87!\x00\x80\xabP\x0f\x95\x9e\x9e\xde\xb9sg\x8a\x01\xd4\xe3\xe4\xe7\xce\xa9?Q\xaf(\x8a\x8e\x9dB/\x8c\xcetEQ\xeaO\xd4\xe7\xe7\xce1\x8e{\x14Bt\xee\xdc9==\xfd\x7f&amp;\x7f\x0cgg\x81h\x89\xfe\xf3\xe2/\x83,\x16\x04\x00\x83\x10"\xc8b\xf9\xbc\xf8KZf7O\xfe\x87!\x00\x80\xabPW\xa5\xaa\xea\xc2\x85\x0b\xa9\xeb\xa7\xaej\xcf7\xdf-\xfb\xd7\xabQ1\x91\\\xc3$\xe0\x82p\x8dG\xc5D.\xfb\xd7\xab{\xbe\xf9\x8e\xba~\xba\xb6\x0b\x17.TU\xf5\x7f.\xff:\xa3^&gt;55\x95~\xa4\\\xdc\x86u\x1bO\xd6\xd7\x07\xf6\xc0\xf6\xa2(\x8ar\xb2\xbe~\xc3\xba\x8d\xcc\xe9\x86/\xbah\x01\x1f&amp;\x11\x00\xc0e(Y\xd1\xaf_\xbf~\xfd\xfaQ\n\x88b\xc0\xc2g\x9f?\xfc\xcb\x91\x90\x90\x10,\x06\xfcO\xba\xae\x87\x84\x84\x1c\xfe\xe5\xc8\xc2g\x9f\xa7\xde\xff\xec\xabz\xe1\x8fF\x83\xd9\x1e=zX,\x16:AL\x92\xa4\xefv}\xff\xc3\xee\xbd\xa1\xd8\x17\x881F\xf9\x9f\xd0\x90\x1fv\xef\xfdn\xd7\xf74j\x11BX,\x96\x1e=z\xb0\x00\xdd\xff\xc7Y\x80\xbf&lt;\xf00c\xacJ\xc7\x8f\xd0p\xd5ZS;\xef\xe9\x05a\x11\xa1\x9c\xa3\xc7\xf9\x1f8\x17a\x11\xa1\xf3\x9e^`\xad\xa9\xa5\x8bIG\x94\x18\xf3\xaa\x8bz4\n!\x1d;vLHH\xa0T\x92\xa2(\x0e\x87\xa3\xa8p\x0b6\x86#\xb4\x01\\Q\xe1\x16\x87\xc3A\xf9\x1f]\xd7\x13\x12\x12:v\xecx\xe1\xd96\xff\x15\xe0/\x0f&lt;\xcc\xc8VO\x9a4\xc9\x18\xbd\xca\xb2\xfc\xc6\x8a\xb5\xdf\x94|\x1b\x11\x19\x8eN\xe7&lt;\x84\x10\x11\x91\xe1\xdf\x94|\xfb\xc6\x8a\xb5\xc6B\xba\x10b\xd2\xa4I\xc6\xcaJ\x13\x1eS\x96\xe5\xc1\x83\x07\xb3\xc6\xf0\xcc\x18\xdb\xf8\xde&amp;Z\x98q\xfdk\xf07\xb4\xdc\xb2\xf1\xbdM\x8c1#\xc4\x0e\x1e&lt;\x98&gt;\xc9\xden\x9d\xdb!\x00\x80\x8b\xd17g\xc2\x84\tT\xafB%\x8c\x9a\xa6\xe5M\x9e\xa9\xaa\xe8q\xfe\x07UU\xf2&amp;\xcf\xd44\x8d\xae\x1b\xd5VM\x980\xa1\xc9\xa3Q\xfaW\x03\x06\x0c\xb0X,\xb4\xc1\xbd$I{v}\xff\xc3\x1ed\x81\x1a\xf3?{\xf6\xeei\xcc\xffp\xce-\x16\xcb\x80\x01\x03\x98\t\xf2?\x0c\x01\x00\\\x8e\xba\xad\xb8\xb8\xb8\xfc\xfc|\xe7\x92\xd0\xe2\x8f?]\xf3\xda[\xd1\xb183\xf2\x8fi\x9a\x16\x1d\x1b\xbd\xe6\xb5\xb7\x8a?\xfe\xd4\xb9\xf43???..\xae\t\xf9\x1f\x82,\xd0y\x98&lt;\xff\xc3\x10\x00\xc0\x1d\xa8\xd3\x196lXBB\x82qt\xad$I\xc6\x99\x91X\r&gt;\x03\x15P\xd1\x89\x8fF\xe9\'\xe7&lt;!!a\xd8\xb0a\xcd\xec\x8c\x90\x05:\x17\x93\xe7\x7f\x18\x02\x00\xb8\x03\xf52\xc1\xc1\xc1\x05\x05\x05\x8a\xa2\x18%\xa1\x07\xf7\x1fza\xee\xe2\xd8\xb8\x18\xdc\x17v\x06\xceyl\\\xcc\x0bs\x17\xd3^4\x94\xa8Q\x14\xa5\xa0\xa0\x80vXjN5\xfa\xb9\xb3@\xfb\xcc|t\x0f\x1d\xb3\xf3\xc3\x9e}\xa6\xcd\xff0\x04\x00p\x13:\xba\xe4\x96[n\xa13#i1S\x92\xa4e\x8bW\x94\x95\x1e\x08\tEI\xe8ot]\x0f\t\r)+=\xb0l\xf1\n\xea\x89(\x05t\xff\xfd\xf7\xdfr\xcb-t\x02Ls\x1e\xff\\Y\xa0\x8f&gt;(\n\x0e\t6s\x00\x08\x0e\t\xfe\xe8\x83"\xd3\xe6\x7f\x18\x02\x00\xb8\x0f}\xa3\x9e|\xf2\xc9\xe8\xe8h\xea\xee\x15E\xa9\xa9\xb6&gt;\x9b;72*\x02\x93\x00\x03\xe7&lt;2*\xe2\xd9\xdc\xb95\xd5V\xea\xebu]\x8f\x8e\x8e\xa6\x13\x1f]\xd2\x13\xfda\x16hk\xd16GC\x83Iz\xba\xb3\xc9\xb2\xechh\xd8Z\xb4\x8d\x995\xff\xc3\x10\x00\xc0}(\x8b\xdd\xa1C\x87\xf1\xe3\xc7\x1bgF\xca\xb2\xbc\xfe\xed\xf7\x8b7o\x8f\x8a\x8eB\x0c`\x8cq\xce\xa3\xa2\xa3\x8a7o_\xff\xf6\xfbt\xda\x17\xcd\x96\xc6\x8f\x1f\xdf\xa1C\x87s\x9d\xf9u\xb1\xe8A\xee\xbe\xfbn#\x0b\xc4\x18\xfb\xee\xdb\x1f~:\xf83\xa5\x98\x9a\xff\x14\xfe\x85R\x94?\x1d\xfc\xf9\xbbo\x7f`\x8c\x19\xf9\x9f\xbb\xef\xbe\x9b\x99&amp;\xff\xc3\x10\x00\xc0\xad(\x95\x91\x91\x91\xd1\xbe}{\xea\xcb$Ijhp\xcc\x982+PO\xd9\xbeXt\x8c\xda\x8c)\xb3\x1a\x1a\x1ct\x80;\xe7\xbc}\xfb\xf6\x19\x19\x19\x17{\xdf\xefy\xd0l\xac]\xbbv\xed\xda\xb5\xa3\xd1\xae\xa2(\xb6Z\xdb\'\x1f\x15\x87\x85\x9b\xf1x\x00\xceyXx\xe8\'\x1f\x15\xdbjm\xb4L\xe5|}\x10\x00\x00\\\x80\xba\xf8\xe8\xe8\xe8Y\xb3fQ\xbfC\x9d\xda\x97\x9f\xe1\xccH\xc6\x9cN|\xfc\xf2\xb3\xdfN|\xd4u}\xd6\xacY\xd1\xd1\xd1\xec\x1c\'&gt;6\xcd\x1f\xaepnX\xb7\x91s.I\xa6\xeb\x07$I\xe6\x9c\xd3\xfe?\xec\xacur\xaf6\xcd\xa3L\xf7\xc6\x83\x87Q\xbf\x96\x9a\x9az\xf6\x99\x91\xc7\x0e\x1f\xa3\x1d#\xbc\xddF\xef\xa0=\x1e\x8e\x1d&gt;v\xf6\x89\x8f\xa9\xa9\xa9.\x1c\xfe\x933r\xdc\x94\x05\xfab{\xc9\xc1\xb2C!!\xe6\xca\x02\xe9\xba\x1e\x12\x12|\xb0\xec\xd0\x17\xdbK\x18ct5\x9c\xd7H\xbc\xdd@\xcfA\x00\x00\xb7;\xfb\xccHEQ\x0e\x1d\xf8\xe9\xa5\x85\xaf\xc4\xc4\x99\xf7\xbe0M\xd3b\xe2\xa2_Z\xf8\xca\xa1\x03?Q\xde\xff\xc2O|l\x02\n\xbd\xdd\xbau\xa3*\x17\xca\x02\xd5\xd9\xeb&gt;)2]\x16\xe8t\xfe\xa7\xa8\xb8\xce^g\x94)w\xec\xd8\xb1[\xb7n\x14\x86\xbd\xdd@\xcfA\x00\x00\xb7;\xd7\x99\x91\xcb_zm\xf7\xd7{"Lyf\xa4\x10""2b\xf7\xd7{\x96\xbf\xf4Z\x13N|l\x1a\xca\x02\r\x1c8\x90\x99;\x0b\xf4\x87\xf9\x9f\x81\x03\x07\x9a-\xff\xc3\x10\x00\xc03\x8c3#\xe3\xe2\xe2\xa8\xbb\x97$\xc9Vk\xcb\x9f6GU\x15S\xe5\x1f\x88\xae\xeb\xaa\xaa\xe4O\x9bc\xab\xb5\xd1`_\x08\x11\x17\x17w\xe1\'&gt;6\x01\xb2@\x0c\xf9\x9f\xdfC\x00\x00O0\xce\x8c\xcc\xcc\xcc4ntR\x14\xa5p\xdd\xa6\xcd\x85[bb\xcduo0\xe7&lt;&amp;6fs\xe1\x96\xc2u\x9b\x8cK!\x84\xc8\xcc\xcc\xbc\xf0\x13\x1f\x9b\x00Y \x86\xfc\xcf\xef!\x00\x80\x87\xd0\xa8s\xe2\xc4\x89\x9d;wv\xde (?wN\x9d\xddn\xaa/\x9e\xa2(uv\xbb\xf3\x89\x8f\x9c\xf3\xce\x9d;O\x9c8\xd1\xdd\xf7\xa0"\x0b\x84\xfc\x8f3S\xbc\xe5\xe0\x0b\xa8\xb3s&gt;\xdb\xc483r\xed\xebo\x9bg\x97P\xda\xf5s\xed\xebo\x9f}\xe2#\xd5D\xb95\x0bad\x81\x8c\xd3\xaf\x18c_l/\xd9\xff\xe3\xc1\x90\xd0\xc0\xcf\x02\xe9\xba\x1e\x12\x1a\xbc\xff\xc7\x83\xce\xf9\x1fI\x92\xcc\x99\xffa\x08\x00\xe0I\xe7:3r\xde\x8c\x05\x87\x7f&gt;l\x863#O\x9f\xf8\xf8\xf3\xe1y3\x164\xff\xc4\xc7&amp;0\xb2@t\xc2\x8c\x91\x05\xda\xb5\xf3[3\x1c\x0f@\x07\x00\xec\xda\xf9\xads\xfe\xa7s\xe7\xce\xe6\xcc\xff0\x04\x00\xf0\xb03\xce7\xa7\x01\xef\xf1\xf2\x8a\xb9O\x17\x98\xe1\xccH:\xf1q\xee\xd3\x05\xc7\xcb+\x8c\x13\x1fUUm\xda\x89\x8fMm\x03\xb7X,\xfd\xfb\xf7g\x8c\xd1\xbd\xd9\x8c\xb1\xa2\r\x9b\x99I\xc6\xbf\x92T\xb4a3c\x8c\xee\xbbf\x8c\xf5\xef\xdf\xdf\x9c\xf9\x1f\x86\x00\x00\x1ef\x9c\x19\x99\x9e\x9en\xb63#\xcfu\xe2czzz\x93O|l\x02\xea\xf1o\xbd\xf5V\xd6\xb8\x07\x0ecl\xcbG\xdb\x02\xfe\xbe&lt;\xe3\xce\xbb-\x1fmc\x8c\x19{"\xd1\xa50a\xfe\x87!\x00\x80\xe7Q\x0c\xc8\xcb\xcb;\xfb\xccHE\t\xf0\x0f\xa4\xa2\xc8g\x9f\xf8\x98\x97\x97\xe7\xc9\xfd\x87\xe9\x89z\xf7\xee\x1d\x1f\x1fO=\xa0,\xcb\x15\xe5\x15;\x8a\xbf\x08\x0b\x0f\xe4\xe3\x01\x84\x10a\xe1\xa1;\x8a\xbf\xa8(\xaf\xa0\x8b \x84\x88\x8f\x8f\xef\xdd\xbb73\xd3\x06p\xce\xcc\xf8\x9a\x9d\xd1\x8d\xa9\xa6\xe5\x95\xe1\x1eu|\xb1\xb1\xb1g\x9f\x19Y\xb8\xee\xc3@\xdd%\x94v\xfd,\\\xf7\xe1\xd9\'&gt;\xc6\xc6\xc6z,\xff\xc3\x1a\xb7\x9f\x8b\x8c\x8c\xa4,\x10m\x85\xcf\x18+\\\xb7Q\n\xf4NP\x92\xe5\xc2u\x1b\x19ct(\x02c\xac\x7f\xff\xfe\x91\x91\x91\xa6\xdd\x9aP\xf5v\x03\xbcLU\x95\x88\x88\x08\xa639\xd0\xc7\x9eg\x10\\DDDx\xeb\x94v\xe3\xcc\xc8E\x8b\x16\xed\xdc\xb9\xd3(\t}:g\xe6-}{\x18\xfb\x05y\xa5m\xee@\x0b\x8cuv\xfb\xd393\x8d\xd2O!Dbbb\xf3O|l\xb2\xb4\xb4\xb4e\xcb\x96\x19\xe3\x80O\x8a\x8a\x8f\x1d&gt;\x16\x11\x19A\x13\x14\xcf\xb7\xc7\xad\x8c\xfc\xcf\'E\xc5\x8c1\xa3\xc7OKK\xf3v\xd3\xbc\xc9\xbc\x01@\x08\xc1\x18\xfb\xf6\xeb\xef\xeeN\xbe\x87k"\xe0&gt;\xf0\xff\x83\xae3E\x95w\x7f\xfd\x1dcL\xb8\xed\xd6\xd3s\xa1\xea\x0b\xda\xf7&amp;99\xd9\x98\x04\x1c\xf8\xf1\xe0\x0b\xf3^\xfag\xde\x13\xc7\xcb+T5p&gt;\x9c\x9c\xf3KZ\xb5|f\xea\xb3\x07~&lt;\xe8|\xe7\x17\xed\x8f\xe4\xaaM\xff/\x1c=]\xcf\x9e=\xe3\xe3\xe3\x8f\x1e=J\xcb\xa1\xc7\xcb+v\x14\x7fq\xf7\xe0;\x8dsi\x02\x89\x10",&lt;\xf4\xa3\r\x9b\x8f\x97W\xd0\x80C\x08\x11\x1f\x1f\xdf\xb3gOf\xd6\xfc\x0f3s\x00\xa0QO\xad\xb5\xf6\xd3-\x9fy\xbb-^\xe6\x95\xe1\xb6\xf3\xce\x97k\xd7\xae=}f\xa4,-\xfb\xd7\x8a\xa1#\xd2Z\xc5_\xe2hp\x04\xc68\xf4\xb7\x13\x1f\xff\xb5B\x92\x7f;\xf1\xd1y\x87T\x0f7\x89\xb2@QQQ\xfd\xfb\xf7_\xb6l\x195@\x08Q\xb8n\xe3\x80\xb4\xff\xe7\xe1\xc6x\x8cs\xfe\x871\xa6iZ\xff\xfe\xfd\xa3\xa2\xa2\xbc\xf2\x16\xf8\x08\x93\xc6=\x03\xd5A\x9b\x96w{\xd83\xf6\xbeg\x8c)r\x00\x9e\x19\xf9\xbb\x13\x1f\xe5\xd3\x1d\x8d\xf3\x19\t^l\x1b%@Dc-\x10e\x81\x02\xaf\x16\xe8\xec\xfc\x0f%\x00L\x9e\xffa&amp;\x0c\x004\xdb5\x18\xb5\xd8\xe6t\xf6\xd5\xf0\xe4{a\x9c~5~\xfcx\x1a\x855\x9e\x19\xf9\xc1\xb6\xcd\x9fFFE\n\xff\xafH\x11BDFEn\xdb\xfc\xe9\xfa\xb7?0N|\xe4\x9c\x8f\x1f?\xde8%\xcd+\rs\xce\x02\x89\xc6Z\xa0\xe3\xe5\x15\x9f\x05b-\x10\xe5\x7f&gt;+\xfe\xe2\xf8\xef\xeb\x7fL\x9e\xffa&amp;\x0c\x00\x9a\xa6\t!\xe8O0\x18\x97\xc5\xc3o\x87\xa2(B\x88\x8c\x8c\x0c\xe3\xfc[I\x92\x1a\x1a\x1a\xf2\xa7\xceV\x14Y\xf7\xffq\xa8\xae\xeb\x8a"\xe7O\x9d\xdd\xd0\xd0`\x9c\xf8\xd8\xa1C\x87\x8c\x8c\x0c!\x84\xe2\xbd\xcc\x83\x91\x05JIIaN\xb5@\x9b\xde\xdb$\xc9\x92.\xbc=6q-\xa1K\xb2\xb4\xe9\xbdM\xcc\xa9\xfe\'%%\x85\xf2?\x81\x91il\x1a\x13\xad\x01\xd0\xe7;11\xb1\xa8\xa8\xc8\xdbm\xf1Q\xd7_\x7f=\xf3\xec\x80\x88V\x83\xa3\xa3\xa3\xa7M\x9b6b\xc4\x08c5\xf8\xf3\xed_\xae}\xfd\xed\xa1#R++\xaa\xfcw5X\xd3\xb4\x16-\xe3\xdeX\xb1\xf6\xf3\xed_*Nk\xbf\xd3\xa6M\x8b\x8e\x8e\xf6\xe2\xf0\xdf\xd9\x90!CV\xacX!\x1a\x87\xfc%\x9f\x7fe\xaf\xb5\x87\x86\x85\n]H,\x10zF\x9d\xe9\x16\x8b\xc5^k/\xf9\xfc+\xd6X\xfd!I\xd2\x90!C\xbc\xdd4\xef\x93t\xff\x1fd\x81\xbf\xa3\x04t\xdf\xbe}\xb7n\xdd\xaa(\n\r\xda.\xbf\xe2\xb2\xf5\xdb\xfe\x1b\x1a\x1a\xea\xa7c4]\xd7\x15E\xa9\xaf\xaf\xbf\xab\xe7_\x7f\xf9\xe9W\xba\xf3\x8bs\xde\xabW/\x1a\x82xq\xf8o\xb4P\x92\xa4\xea\xea\xea\x0e\x1d:TWW\x1b\x17y\xe9\x9a\x97n\xec\x9eh\xb7\xd5\x05Fm\xb4\xe0""2\xfc\x8b\xed%\x0f\xa6=B\x7f\xa3\xebzlllYY\x99\x87\xef\xc0\xf0A\xfe:\xb6j2]\xd7E`\xe57]\xc8\xf3\xcb\x00\x06EQ\xf2\xf2\xf2\xfa\xf4\xe9\xc3\x18\x13B\xa8\xaa\xfa\xf3\xa1_^Z\xf0\xca\xb4g\xa7\x1c;r,((\xc8+\xadj\x0eM\xd3Z\\\xd2b\xc1\x13\xcf\xfd|\xe8\x17UU)\xfb/\xcbr^^\x1e\xcd\x06\xbc\xdd\xc0\xd3\xd3\xaf\x98\x98\x98\xee\xdd\xbb\xbf\xff\xfe\xfb4\xfdb\x8c=:|\x8c%8X\xd7\x05\x0b\x88\x19\x00c\xba$\xc9\r\xa7N\xd1`\x97.~\xf7\xee\xddcbb\x84\x97\xee\xc0\xf0\x1d\x98\x01\x80O\xa0\xf4\xc8\xa8Q\xa3\x96/_Ny\x12I\x92\xc2#\xc2\xff[\xb4\xa6]\xc7\xb6\'\xeaN\xc8\xb2\xc2\x98\xbf|V%!xXx\xd8\x81\x1f\x0f\xfe\xb5oZ\x9d\xbdNo\xdc\xf4\x7f\xe4\xc8\x91\xcb\x96-\xf3\x9d\xbaCM\xd3TU]\xbe|\</t>
        </is>
      </c>
    </row>
    <row r="411">
      <c r="A411" s="1" t="n">
        <v>409</v>
      </c>
      <c r="B411" t="inlineStr">
        <is>
          <t>color_overlap_squares</t>
        </is>
      </c>
      <c r="C411" t="inlineStr">
        <is>
          <t>What is the missing color of the part denoted with a question mark?</t>
        </is>
      </c>
      <c r="D411" t="inlineStr">
        <is>
          <t>['green', 'yellow', 'blue', 'red']</t>
        </is>
      </c>
      <c r="E411" t="inlineStr">
        <is>
          <t>yellow</t>
        </is>
      </c>
      <c r="F411" t="inlineStr">
        <is>
          <t>There are 3 squares which overlap each other in the image. The color of the squares are ['?', 'red', 'blue']. The part where the first and second squares overlap is orange. The part where the second and third squares overlap is purple.</t>
        </is>
      </c>
      <c r="G411" t="inlineStr">
        <is>
          <t>We observe that the red and blue squares overlap to form purple. Hence, the pattern is that the color of the part where two squares overlap is determined by mixing the two colors.</t>
        </is>
      </c>
      <c r="H411" t="inlineStr">
        <is>
          <t>Based on the pattern that the color of the part where two squares overlap is determined by mixing the two colors, the missing color of the part which overlaps with red to form orange should be yellow.</t>
        </is>
      </c>
      <c r="I411" t="inlineStr">
        <is>
          <t>b'\x89PNG\r\n\x1a\n\x00\x00\x00\rIHDR\x00\x00\x02\x00\x00\x00\x02\x00\x08\x02\x00\x00\x00{\x1aC\xad\x00\x00!&amp;IDATx\x9c\xed\xdd}\x8c]e\x81\xc7\xf1\xe7\x9cs_f\xee\x0c\xed\x0cX\x8cn1\x06\x89\x9b\xa8\xa4\xb0PD4\x05\x05R\xcaj\xe8FY\xb2\xb1[\x8d\xda\x96EhwcD\xaa\xfeC\xc4b\xd6lB\xab -A\xb1\x85,h\\WcJ\xbaQVF]\xa9mA\xa4\xe0\xfb\x1b\xe0\xba\xb5\xd0i;/w\xee\xbd\xe7\x9cg\xffx\xca0Lg\xa6\xf7\xe59\xe7&lt;/\xdfO\x8c\xe965=\xdb&gt;\xe7\xf7\x9d\xfb\xd2\xb9\x81\x94R\x00\x00\xfc\x13\x16}\x01\x00\x80b\x10\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x00O\x11\x00\x00\xf0\x14\x01\x00pB\x92$R\xca\xa2\xaf\x02\xf9\t\xf8\xfb\x06 \x84\x90R\x06A0\xf3\x07p\x1e\x8f\x00\x00\xdfI)\xd5\xe8o\xd9\xb2\xe5\xd0\xa1CA\x10\xa4iZ\xf4E!\x0f\x04\x00\xf0\x9a\x942M\xd3 \x08\xae\xbf\xfe\xfaO}\xeaS\xd7\\s\xcd\xe8\xe8h\x18\x864\xc0\x07\x04\x00\xf0\x97Z\xff(\x8a\xd6\xaf_\xbf}\xfb\xf6\xfe\xfe\xda\xde\xbd{W\xae\\I\x03&lt;A\x00\x00O\xcd\\\xff{\xee\xb9\xa7R\xa9\xd6\xeb\x93\xa5Ri\xdf\xbe}4\xc0\x13\x04\x00\xf0\xd1\xc9\xeb\xdfl6\x96\xbe\xe9\xadq\x92\xd0\x00\x7f\x10\x00\xc0;\xb3\xd6\xbf\xda\xd7\xdfl6\xde|\xd9\xb5\xff\xf8o{\xaeX\xf7\xd98\x8e+\x95*\r\xf0\x01\x01\x00\xfcr\xf2\xfa7\xa6\xeaoy\xd7uW\xff\xcb\x17&amp;\x8e\xfe\xe5\x82k6\\\xb1~K\xb3\xd9\xa0\x01&gt; \x00\x80G\xe6[\xffU\x9b\xb66\xeb\xe3B\x88\xc9\xa3\x87/\\}=\r\xf0\x04\x01\x00|\xb1\xf0\xfaK\x99\x06A\x18F\xa5\x89\xd1\xbf\xd0\x00O\x10\x00\xc0\x0b\xed\xac\xbf\xfa\x954\xc0\x1f\x04\x00p_\xfb\xeb\xaf\xd0\x00O\x10\x00\xc0q\x9d\xae\xbfB\x03|@\x00\x00\x97u\xb7\xfe\n\rp\x1e\x01\x00\x9c\xd5\xcb\xfa+4\xc0m\x04\x00pS\xef\xeb\xaf\xd0\x00\x87\x11\x00\xc0A\xba\xd6_\xa1\x01\xae"\x00\x80k\xf4\xae\xbfB\x03\x9cD\x00\x00\xa7d\xb1\xfe\n\rp\x0f\x01\x00\xdc\x91\xdd\xfa+4\xc01\x04\x00pD\xd6\xeb\xaf\xd0\x00\x97\x10\x00\xc0\x05\xf9\xac\xbfB\x03\x9cA\x00\x00\xeb\xe5\xb9\xfe\n\rp\x03\x01\x00\xec\x96\xff\xfa+4\xc0\x01\x04\x00\xb0XQ\xeb\xaf\xd0\x00\xdb\x11\x00\xc0V\xc5\xae\xbfB\x03\xacF\x00\x00+\x99\xb0\xfe\n\r\xb0\x17\x01\x00\xecc\xce\xfa+4\xc0R\x04\x00\xb0\x8ci\xeb\xaf\xd0\x00\x1b\x11\x00\xc0&amp;f\xae\xbfB\x03\xacC\x00\x00k\x98\xbc\xfe\n\r\xb0\x0b\x01\x00\xec`\xfe\xfa+4\xc0"F\x9c\x18\x00\x0b\xb3e\xfd\x15\x1a`\x0b\x83\x0e\r\x809\xd9\xb5\xfe\n\r\xb0\x82q\xe7\x06\xc0L6\xae\xbfB\x03\xccg\xe8\xd1\x01 l^\x7f\x85\x06\x18\xce\xe8\xd3\x03\xf8\xcc\xf6\xf5Wh\x80\xc9,8@\x80\x87\xdcX\x7f\x85\x06\x18\xcb\x9a3\x04\xf8\xc3\xa5\xf5Wh\x80\x99,;F\x80\xf3\xdc[\x7f\x85\x06\x18\xc8\xca\x93\x04\xb8\xca\xd5\xf5Wh\x80i,&gt;L\x80c\xdc^\x7f\x85\x06\x18\xc5\xfa\xf3\x04\xb8\xc1\x87\xf5Wh\x809\x1c9R\x80\xd5\xfcY\x7f\x85\x06\x18\xc2\xa9S\x05\xd8\xc8\xb7\xf5Wh\x80\t\x1c&lt;X\x80E\xfc\\\x7f\x85\x06\x14\xce\xd9\xb3\x05\x98\xcf\xe7\xf5Wh@\xb1\x1c?^\x80\xb1X\x7f\x85\x06\x14\xc8\x8b\x13\x06\x98\x86\xf5\x9f\x89\x06\x14\xc5\xa3C\x06\x18\x82\xf5?\x19\r(\x84w\xe7\x0c(\x16\xeb?\x1f\x1a\x90?O\x8f\x1aP\x08\xd6\x7fa4 g^\x9f6 O\xac\x7f;h@\x9e8p@\x1eX\xff\xf6\xd1\x80\xdcp\xe6\x80\xcc\xb1\xfe\x9d\xa2\x01\xf9\xe0\xd8\x01\xd9b\xfd\xbbC\x03r\xc0\xc9\x032\xc4\xfa\xf7\x82\x06d\x8d\xc3\x07d\x85\xf5\xef\x1d\r\xc8\x14\xe7\x0f\xc8\x04\xeb\xaf\x0b\r\xc8\x0eG\x10\xd0\x8f\xf5\xd7\x8b\x06d\x84S\x08h\xc6\xfag\x81\x06d\x81\x83\x08\xe8\xc4\xfag\x87\x06h\xc7Y\x04\xb4a\xfd\xb3F\x03\xf4\xe28\x02z\xb0\xfe\xf9\xa0\x01\x1aq"\x01\rX\xff&lt;\xd1\x00]8\x94@\xafX\xff\xfc\xd1\x00-8\x97@OX\xff\xa2\xd0\x80\xdeq4\x81\xee\xb1\xfe\xc5\xa2\x01=\xe2t\x02]b\xfdM@\x03z\xc1\x01\x05\xba\xc1\xfa\x9b\x83\x06t\x8d3\nt\x8c\xf57\r\r\xe8\x0e\xc7\x14\xe8\x0c\xebo&amp;\x1a\xd0\x05N*\xd0\x01\xd6\xdfd4\xa0S\x1cV\xa0]\xac\xbf\xf9h@G8\xaf@[X\x7f[\xd0\x80\xf6qd\x81Sc\xfd\xedB\x03\xda\xc4\xa9\x05N\x81\xf5\xb7\x11\rh\x07\x07\x17X\x08\xebo/\x1apJ\x9c]`^\xac\xbf\xedh\xc0\xc28\xbe\xc0\xdcX\x7f7\xd0\x80\x05p\x82\x819\xb0\xfe.\xa1\x01\xf3\xe1\x10\x03\xb3\xb1\xfe\xee\xa1\x01s\xe2\x1c\x03\xaf\xc0\xfa\xbb\x8a\x06\x9c\x8c\xa3\x0c\xbc\x8c\xf5w\x1b\r\x98\x85\xd3\x0c\x9c\xc0\xfa\xfb\x80\x06\xcc\xc4\x81\x06\x84`\xfd}B\x03\xa6q\xa6\x01\xd6\xdf;4@\xe1X\xc3w\xac\xbf\x9fh\x80 \x00\xf0\x1c\xeb\xef3\x1a\xc0\xe1\x86\xbfX\x7fx\xde\x00\xce7&lt;\xc5\xfaC\xf1\xb9\x01\x1cq\xf8\x88\xf5\xc7L\xde6\x80S\x0e\xef\xb0\xfe8\x99\x9f\r\xe0\xa0\xc3/\xac?\xe6\xe3a\x038\xeb\xf0\x08\xeb\x8f\x85\xf9\xd6\x00\x8e;|\xc1\xfa\xa3\x1d^5\x80\x13\x0f/\xb0\xfeh\x9f?\r\xe0\xd0\xc3}\xac?:\xe5I\x038\xf7p\x1c\xeb\x8f\xee\xf8\xd0\x00\x8e&gt;\\\xc6\xfa\xa3\x17\xce7\x80\xd3\x0fg\xb1\xfe\xe8\x9d\xdb\r\xe0\x06\x80\x9bX\x7f\xe8\xe2p\x03\xb8\x07\xe0 \xd6\x1fz\xb9\xda\x00n\x03\xb8\x86\xf5G\x16\x9cl\x00w\x02\x9c\xc2\xfa#;\xee5\x80\x9b\x01\xee`\xfd\x915\xc7\x1a\xc0\xfd\x00G\xb0\xfe\xc8\x87K\r\xe0\x96\x80\x0bX\x7f\xe4\xc9\x99\x06pW\xc0z\xac?\xf2\xe7F\x03\xb81`7\xd6\x1fEq\xa0\x01\xdc\x1b\xb0\x18\xeb\x8fb\xd9\xde\x00n\x0f\xd8\x8a\xf5\x87\t\xacn\x00w\x08\xac\xc4\xfa\xc3\x1c\xf66\x80\x9b\x04\xf6a\xfda\x1aK\x1b\xc0}\x02\xcb\xb0\xfe0\x93\x8d\r\xe0V\x81MX\x7f\x98\xcc\xba\x06p\xb7\xc0\x1a\xac?\xccgW\x03\xb8a`\x07\xd6\x1f\xb6\xb0\xa8\x01\xdc3\xb0\x00\xeb\x0f\xbb\xd8\xd2\x00n\x1b\x98\x8e\xf5\x87\x8d\xach\x00w\x0e\x8c\xc6\xfa\xc3^\xe67\x80\x9b\x07\xe6b\xfda;\xc3\x1b\xc0\xfd\x03C\xb1\xfep\x83\xc9\r\xe0\x16\x82\x89X\x7f\xb8\xc4\xd8\x06p\x17\xc18\xac?\xdccf\x03\xb8\x91`\x16\xd6\x1f\xae2\xb0\x01\xdcK0\xc8&lt;\xeb\xff\xf7\xac?\xdc`Z\x03\x02)e\xce\xbf%\nT\xf8\xbb\x0e\x16 \xa5\x0c\x82 \x0cC\xb5\xfe\x95J\xa5\xd9l\xbe\xf9\x9d\xd7\xae\xda\xb4\xb599.e\x1a\x84\xa1\xe0\xb4f*\x10$6\x07i\x12\x0f\x0c\x9f\xb9\xff?\xef\xfe\xee\x8eO\x96J\xa58\x8e\x97/_\xbeg\xcf\x9e\xe1\xe1au\x17\xe4v%\x04\x00fyi\xfd\xab\xad\xb8u\xdeU\x1fx\xc5\xfa#;R\x88@\xc84\x89\x9b\x8d\xa2/\xc5\x0bi\x12\xd7\x86\x96\x1c\xf8\xd6\xf6Gw\xde&amp;\xd2\xb8\xd5l^|\xf1\xc5\x0f=\xf4\xd0\xd2\xa5K\x83 \xc8\xad\x01\x04\xc0\x17\xea+\x8b\x8f}\xeccO&lt;\xf1D\x14EI\x92\x14}E\xb3\x05Ap\xec\xd8\xb1\x03\x07\x0e\xa8\xcb\x0b\xc2\xe8\xac7_,\xa5\x94i\x12\x04\xa1\xe4\x8b\xff,\x05a$\xd3d\xc9\xeb\xdf\xf4\xae\x0f\xdf\xdajL\xe5\xf9E\xa8\x9f\xa4L\x85\x14\x03\xc3g\xee\xfa\xd8\xca\xe7\x9f\xd9\xdb\xdf_\xab\xd7\'?\xf3\x99\xcf|\xfa\xd3\x9fN\x92$\x8a\xa2|.\xa3\x94\xcfo\x83\xc2\xa9\x00\xfc\xe8G?\xda\xbbwo\xd1\xd7\xb2\x90J\xa9\x94\xa6i\x14\x86I\x9a&lt;\xfb\xd4\x8f\x8a\xbe\x1c\xbf\xc4\x8dz\x10\x96\x84\x94\x82\x00dI\xbd\x9aU\xa9\r~\xfb_\xd7=\xff\xcc\xdeJ\xa5Z\xafOn\xd8\xb0a\xf3\xe6\xcd\xea5\xb0\xdc\xae\x84\x00\xf8epp0\x8a\xa2(\x8a\x9a\xcdf\xd1\xd72\xb7f\x1c\xab\x1f\x04B\x88\x97\x9e\xf6\x91\x06\xbft\xe1\x86\xb0T\x91iR\xee\x1b\x10&lt;\xd2\xca\xd8\x89\xf5\xef\x1f|x\xeb\xa6\xa7\xff\xfb\xeb\x95J\xb5\xd9l\xac[\xb7\xee\xee\xbb\xef\xce\xff\xf9\x18\x02\xe0\x974M\x93$\x91R^\xfc\xda\xd7\xbe\xf3\xac\xb3&amp;Z\xad\xd0\xb0\xaf\xf5\xa4\x10\xa50&lt;R\xaf\x7f\xe5\xe0\xc1@J!D\x10\x84\xef\xb8\xe8}\x8bO[\xd2hL\x86at\xe2\xe9j\xe8 eZ\xad\xf4\xff\xfc7\x8f\xfd\xf6\xd9\'\xa5L\xa5$\xb4\xd9\x9a\xb9\xfe\x07\x1fyH\xbd\xcfm\xdd\xbau;v\xecH\x92$\x0c\xc3\x9c\x9f|#\x00&gt;J\xd3\xf4\xb2\xb3\xce\xdar\xe9\xa5G&amp;\'K\xe6\xbd\xb8\x9aJ\xd9W*\xfd\xf5\xe9\xa7\xdf22R\n\xa3T\xca\xc3/&gt;w\xdd\xdf~\xa2\xbf\xef\xb4F\xb3\x1eE\x11_\xa4\xea\x92\xa6\xf1\xa2\xc1W\xfd\xfbwn\xff\xcd\x1f\x9f(\xfaZ\xdcg\xda\xfa\x0b\x02\xe0\xad\xc9V\xeb\xc8\xe4\xe4a#\x03 \x84\x90B\xdcp\xdeyB\x08\xd5\x80_\xfcv\xef\x96\xbb\xfe\xe1\xa6\x0f\xdc\xd9\xdfwZc\xa2\x1e\x85\xf9=I\xea\xb64M\xa4\x10\xcdf\xbd\xe8\x0bq\x9f\x81\xeb/\x08\x80\xb7\xc2 (\x85\xa1\xfaO\xd1\xd72\xb7\xbfLNN7\xa0\x1c\x95\xfe\xf7\xd0o\xee\xda\xb5\xe9\xc6\x0f|\xb1\xbf\xef\xb4f\xb3\x1e\xd2\x00M\xa2\xb0\xc4{\xff\xb3f\xe6\xfa\x0b\xfe%0\x8cU\nC\xd5\x80\xcf\xadX\xd1J\xe2rTz\xee\xcf\xbf\xf8\xe2Wo\xacO\x8dU*\xfdij\xdc\xdbX\x819\x19\xbb\xfe\x82\x00\xc0d4\x00\xb63y\xfd\x05\x01\x80\xe1h\x00\xece\xf8\xfa\x0b\x02\x00\xf3\xd1\x00\xd8\xc8\xfc\xf5\x17\x04\x00V\xa0\x01\xb0\x8b\x15\xeb/\x08\x00lA\x03`\x0b[\xd6_\x10\x00X\x84\x06\xc0|\x16\xad\xbf \x00\xb0\x0b\r\x80\xc9\xecZ\x7fA\x00`\x1d\x1a\x003Y\xb7\xfe\x82\x00\xc0F4\x00\xa6\xb1q\xfd\x05\x01\x80\xa5h\x00\xcca\xe9\xfa\x0b\x02\x00{\xd1\x00\x98\xc0\xde\xf5\x17\x04\x00V\xa3\x01(\x96\xd5\xeb/\x08\x00lG\x03P\x14\xdb\xd7_\x10\x008\x80\x06 \x7f\x0e\xac\xbf \x00p\x03\r@\x9e\xdcX\x7fA\x00\xe0\x0c\x1a\x80|8\xb3\xfe\x82\x00\xc0%4\x00Ysi\xfd\x05\x01\x80ch\x00\xb2\xe3\xd8\xfa\x0b\x02\x00\xf7\xd0\x00d\xc1\xbd\xf5\x17\x04\x00N\xa2\x01\xd0\xcb\xc9\xf5\x17\x04\x00\xae\xa2\x01\xd0\xc5\xd5\xf5\x17\x04\x00\x0e\xa3\x01\xe8\x9d\xc3\xeb/\x08\x00\xdcF\x03\xd0\x0b\xb7\xd7_\x10\x008\x8f\x06\xa0;\xce\xaf\xbf \x00\xf0\x01\r@\xa7|X\x7fA\x00\xe0\t\x1a\x80\xf6y\xb2\xfe\x82\x00\xc0\x1f4\x00\xed\xf0g\xfd\x05\x01\x80Wh\x00\x16\xe6\xd5\xfa\x0b\x02\x00\xdf\xd0\x00\xcc\xc7\xb7\xf5\x17\x04\x00\x1e\xa2\x018\x99\x87\xeb/\x08\x00\xfcD\x030\x93\x9f\xeb/\x08\x00\xbcE\x03\xa0x\xbb\xfe\x82\x00\xc0g4\x00&gt;\xaf\xbf \x00\xf0\x1c\r\xf0\x99\xe7\xeb/\x08\x00@\x03\xfc\xc4\xfa\x0b\x02\x00\x08\x1a\xe0\x1f\xd6_!\x00\x80\x104\xc0\'\xac\xff4\x02\x00\x9c@\x03|\xc0\xfa\xcfD\x00\x80\x97\xd1\x00\xb7\xb1\xfe\xb3\x10\x00\xe0\x15h\x80\xabX\xff\x93\x11\x00`6\x1a\xe0\x1e\xd6\x7fN\x04\x00\x98\x03\rp\t\xeb?\x1f\x02\x00\xcc\x8d\x06\xb8\x81\xf5_\x00\x01\xf0\x8b\x94\xb2\xe8K\xb0\t\r\xb0\x1d\xeb\xbf0\x02\xe0\x0b)\xa5\x94\xb2T*\x15}!\x96\xa1\x01\xf6b\xfdO\x89\x00xAJ\x19\x04A\x10\x04G\x8f\x1e-\xfaZ\xecC\x03l\xc4\xfa\xb7\x83\x00\xb8OJ\x99\xa6i\x18\x86\xeb\xd7\xaf\xdf\xbf\x7f\x7f\xa5T\x12B\xf0LPGh\x80]X\xff6\x11\x00\xc7\xa9\xf5\x8f\xa2h\xfd\xfa\xf5\xf7\xdcsO\x14Ei\x9a\n!\xcaa\xc8\xeb\x01\x1d\xa1\x01\xb6`\xfd\xdbG\x00\\6k\xfd+\x95J\x92\x9c\xd8\xa9\x17\xea\xf5j\xa9D\x03:B\x03\xcc\xc7\xfaw\x84\x008k\xd6\xfaW\xab\xd5f\xb3\x19\x86a\x9c\xa6a\x10\xdc\xff\xcc3w\x1c8\xf0\xea\xc1\xc18M\x8b\xbeR\x9b\xd0\x00\x93\xb1\xfe\x9d"\x00n\x9a\xb5\xfe\xfd\xfd\xfd\x8dF\xe3\xfa\xeb\xaf_\xb1b\x85\x10"\x08\xc3D\xca\xcd##w=\xf1\xc4\x99\xb5\x1a\r\xe8\x08\r0\x13\xeb\xdf\x05\x02\xe0\xa0\x93\xd7\xbf^\xaf\xafY\xb3\xe6K_\xfa\xd2\xcb\xcf\xf9HY\x8e\xc2[FF\xee\xfa\xe9Oi@\xa7h\x80iX\xff\xee\x10\x00\xd7\xcc\xb9\xfek\xd7\xae\xbd\xf7\xde{\x1b\x8dF\x1c\xc7\'~\x99\x10\xad$\xa5\x01]\xa3\x01\xe6`\xfd\xbbF\x00\x9c\xb2\xc0\xfa\x8f\x8d\x8d\t!\xc20\x14B$I\xf2\xd1\xf7,\xbb|\xd9\xd2V\x92VK\x11\r\xe8\x0e\r0\x01\xeb\xdf\x0b\x02\xe0\x8e\x85\xd7?M\xd3\x99w\xc2kN\xaf}\xeb\xf3\xef[v\xf6\x92F\x9c\xd0\x80\xae\xd1\x80b\xb1\xfe="\x00\x8e8\xe5\xfa\xab\xaf\xfd\xa7\x8d\xd5[\x03\x03\x95=[V\xff\xcd9g\xd2\x80^\xd0\x80\xa2\xb0\xfe\xbd#\x00.\xe8t\xfd\x85\x10\xa5(\x94S\xf1\xf0`u\xcf\xe7\xfe\x8e\x06\xf4\x88\x06\xe4\x8f\xf5\xd7\x82\x00X\xaf\x8b\xf5W\x820\x98\x9c\x8a\x87\x07h\x80\x064 O\xac\xbf.\x04\xc0n]\xaf\xbf\x12EA\x9d\x06hB\x03\xf2\xc1\xfakD\x00,\xd6\xe3\xfa+4@#\x1a\x905\xd6_/\x02`+-\xeb\xaf\xd0\x00\x8dh@vX\x7f\xed\x08\x80\x954\xae\xbfB\x034\xa2\x01Y`\xfd\xb3@\x00\xec\xa3}\xfd\x15\x1a\xa0\x11\r\xd0\x8b\xf5\xcf\x08\x01\xb0LF\xeb\xaf\xd0\x00\x8dh\x80.\xac\x7fv\x08\x80M2]\x7f\x85\x06hD\x03z\xc7\xfag\x8a\x00X#\x87\xf5Wh\x80F4\xa0\x17\xac\x7f\xd6\x08\x80\x1dr[\x7f\x85\x06hD\x03\xba\xc3\xfa\xe7\x80\x00X \xe7\xf5Wh\x80F4\xa0S\xac\x7f&gt;\x08\x80\xe9\nY\x7f\x85\x06hD\x03\xda\xc7\xfa\xe7\x86\x00\x18\xad\xc0\xf5Wh\x80F4\xa0\x1d\xac\x7f\x9e\x08\x80\xb9\n_\x7f\x85\x06hD\x03\x16\xc6\xfa\xe7\x8c\x00\x18\xca\x90\xf5Wh\x80F4`&gt;\xac\x7f\xfe\x08\x80\x89\x8cZ\x7f\x85\x06hD\x03N\xc6\xfa\x17\x82\x00\x18\xc7\xc0\xf5Wh\x80F4`&amp;\xd6\xbf(\x04\xc0,\xc6\xae\xbfB\x034\xa2\x01\n\xeb_ \x02`\x10\xc3\xd7_\xa1\x01\x1a\xd1\x00\xd6\xbfX\xc5\x0f\n\x14+\xd6_\xa1\x01\x1a\xf9\xdc\x00\xd6\xbfp\xa6l\x8a\xe7,Z\x7f\x85\x06h\xe4g\x03X\x7f\x13\x985+~\xb2n\xfd\x15\x1a\xa0\x91o\r`\xfd\ra\xe2\xb2x\xc5\xd2\xf5Wh\x80F\xfe4\x80\xf57\x87\xb9\xe3\xe2\x03\xab\xd7_\xa1\x01\x1a\xf9\xd0\x00\xd6\xdf(\xa6\xef\x8b\xc3\x1cX\x7f\x85\x06h\xe4v\x03X\x7f\xd3\xd811\xeeqf\xfd\x15\x1a\xa0\x91\xab\r`\xfd\rd\xd3\xca8\xc3\xb1\xf5Wh\x80F\xee5\x80\xf57\x93}Cc;\'\xd7_\xa1\x01\x1a\xb9\xd4\x00\xd6\xdfX\xb6n\x8d\xa5\x1c^\x7f\x85\x06h\xe4F\x03X\x7f\x93\xd9=7vq~\xfd\x15\x1a\xa0\x91\xed\r`\xfd\r\xe7\xc2\xe2X\xc1\x93\xf5Wh\x80F\xf66\x80\xf57\x9f;\xa3c2\xaf\xd6_\xa1\x01\x1a\xd9\xd8\x00\xd6\xdf\n\xae\xed\x8e\x81&lt;\\\x7f\x85\x06hdW\x03X\x7f[\xb89=\xe6\xf0v\xfd\x15\x1a\xa0\x91-\r`\xfd-\xe2\xf2\xfa\x14\xce\xf3\xf5Wh\x80F\xe67\x80\xf5\xb7\x8b\xfb\x03T\x14\xd6\x7f\x1a\r\xd0\xc8\xe4\x06\xb0\xfe\xd6\xf1e\x83r\xc6\xfa\xcfB\x0342\xb3\x01\xac\xbf\x8d\xfc\x9a\xa1|\xb0\xfes\xa2\x01\x1a\x99\xd6\x00\xd6\xdfR&gt;.Q\xa6X\xff\x05\xd0\x00\x8d\xcci\x00\xebo/\x7f\xc7(\x0b\xac\xff)\xd1\x00\x8dLh\x00\xebo5\xdf\xf7H#\xd6\xbfM4@\xa3b\x1b\xc0\xfa\xdb\x8eI\xd2\x83\xf5\xef\x08\r\xd0\xa8\xa8\x06\xb0\xfe\x0e`\x954`\xfd\xbb@\x034\xca\xbf\x01\xac\xbf\x1b\x18\xa6^\xb1\xfe]\xa3\x01\x1a\xe5\xd9\x00\xd6\xdf\x19lSOX\xff\x1e\xd1\x00\x8d\xf2i\x00\xeb\xef\x12\xe6\xa9{\xac\xbf\x164@\xa3\xac\x1b\xc0\xfa;\x86\x85\xea\x12\xeb\xaf\x11\r\xd0(\xbb\x06\xb0\xfe\xeea\xa4\xba\xc1\xfakG\x034\xca\xa2\x01\xac\xbf\x93\xd8\xa9\x8e\xb1\xfe\x19\xa1\x01\x1a\xe9m\x00\xeb\xef*\xa6\xaa3\xac\x7f\xa6h\x80F\xba\x1a\xc0\xfa;\x8c\xb5\xea\x00\xeb\x9f\x03\x1a\xa0Q\xef\r`\xfd\xdd\xc6`\xb5\x8b\xf5\xcf\r\r\xd0\xa8\x97\x06\xb0\xfe\xcec\xb3\xda\xc2\xfa\xe7\x8c\x06h\xb4`\x03\xfa\xe6k\x00\xeb\xef\x03f\xeb\xd4X\xffB\xd0\x00\x8d\xe6k\xc0d}\xee\x06\xb0\xfe\x9e`\xb9N\x81\xf5/\x10\r\xd0h\xce\x06\xdc\xb9\xeb\xa6\xfa\xd4x\xb5Z\x9b\xf9+Y\x7f\x7f0^\x0ba\xfd\x0bG\x034:\xb9\x01\x7f\xfa\xbf_o\xbd\xef\x9f\x8e\x8f\xbd0\xfdkX\x7f\xaf\xb0_\xf3b\xfd\rA\x034\x9a\xd5\x80R\x18\xfd\xfa\xf7\xfbG~\xf2\xf5 \x8c\x84\x10R\xca@\x84\x95\xfe\xc1\xdd\xac\xbf\x1f\x98\xb0\xb9\xb1\xfeF\xa1\x01\x1a\xcdl@\x9c&amp;\xa50\x9a\x1e\xf50\x8c*\xb5\xc1\xdd[7=\xcd\xfa\xfb\x81\x15\x9b\x03\xebo \x1a\xa0\xd1\xac\x06\x88\x97\xa6=\x08\x82\xddwl|\xe6\xfb_g\xfd=\xc1\x90\xcd\xc6\xfa\x1b\x8b\x06ht\xa2\x01\xe7\x9f\x7f\xfb\x8a\x15Q\x10\x08\x99\n!\x9e;\xf8??}\xf8\xber\xa5\xc2\xfa{\x82-{\x05\xd6\xdfp4@\xa3R\x18\x1e\x1a\x1f\xff\xe7\x0b.X\xf3\xa67\xa5R\x96\xc2PJY\xaeTZ\xcd&amp;\xeb\xef\t\xe6\xece\xac\xbf\x15h\x80FA\x104\xe2\xf8U\xfd\xfd\xea\xff\x8c\xa2\x88\xf5\xf7\n\x8bv\x02\xebo\x11\x1a\xa0Q\x10\x04\xad4\x15B\x84a\x98$\t\xeb\xef\x15FM\x08\xd6\xdfB4@#5\xf3\xcd8\xbe\xf0\xc2\x0bw\xec\xd8\xa1\x0e&lt;\xeb\xef\x03v\x8d\xf5\xb7\x15\r\xd0nhhHJ)\xa5d\xfd=\xe1\xfb\xb4\xb1\xfeV\xa3\x01z\xc5q\x1c\x04\x01\xeb\xef\x0f\xaf\xd7\x8d\xf5w\x00\r\xd0\x88\xe9\xf7\x8d\xbf\x03\xc7\xfa;\x83\x06\x00\xdd\xf1t\xe3X\x7f\xc7\xd0\x00\xa0\x0b&gt;\xce\x1c\xeb\xef$\x1a\x00t\xca\xbb\xa5c\xfd\x1dF\x03\x80\x8e\xf85v\xac\xbf\xf3h\x00\xd0&gt;\x8f\xf6\x8e\xf5\xf7\x04\r\x00\xda\xe4\xcb\xe4\xb1\xfe^\xa1\x01@;\xbcX=\xd6\xdfC4\x008%\xf7\x87\x8f\xf5\xf7\x16\r\x00\x16\xe6\xf8\xf6\xb1\xfe\x9e\xa3\x01\xc0\x02\\\x9e?\xd6\x1f\x82\x06\x00\xf3sv\x01Y\x7fL\xa3\x01\xc0\x9c\xdc\x1cA\xd6\x1f\xb3\xd0\x00\xe0d\x0e\xee \xeb\x8f9\xd1\x00`\x16\xd7\xa6\x90\xf5\xc7\x02h\x000\x93Sk\xc8\xfa\xe3\x94h\x000\xcd\x9dAd\xfd\xd1&amp;\x1a\x00(\x8el"\xeb\x8f\x8e\xd0\x00@\xb8\x11\x00\xd6\x1f]\xa0\x01\x80\xf5\xcb\xc8\xfa\xa3k4\x00\x9e\xb3{\x1cY\x7f\xf4\x88\x06\xc0g\x16\xef#\xeb\x0f-h\x00\xbce\xebD\xb2\xfe\xd0\x88\x06\xc0OV\xae$\xeb\x0f\xedh\x00&lt;d\xdfP\xb2\xfe\xc8\x08\r\x80o,\xdbJ\xd6\x1f\x99\xa2\x01\xf0\x8aMs\xc9\xfa#\x074\x00\xfe\xb0f1Y\x7f\xe4\x86\x06\xc0\x13v\x8c&amp;\xeb\x8f\x9c\xd1\x00\xf8\xc0\x82\xddd\xfdQ\x08\x1a\x00\xe7\x99&gt;\x9d\xac?\nD\x03\xe06\xa3\xd7\x93\xf5G\xe1h\x00\x1cf\xee\x80\xb2\xfe0\x04\r\x80\xab\x0c\xddP\xd6\x1fF\xa1\x01p\x92\x893\xca\xfa\xc3@4\x00\xee1nIY\x7f\x18\x8b\x06\xc01f\x8d)\xeb\x0f\xc3\xd1\x00\xb8\xc4\xa0=e\xfda\x05\x1a\x00g\x982\xa9\xac?,B\x03\xe0\x06#V\x95\xf5\x87uh\x00\x1cP\xfc\xb0\xb2\xfe\xb0\x14\r\x80\xed\n\xdeV\xd6\x1fV\xa3\x01\xb0Z\x91\xf3\xca\xfa\xc3\x014\x00\xf6*laY\x7f8\x83\x06\xc0R\xa5B~W\xd6\xbfpi*\xe3$\x8d\x13\xb6I\x9b\xb1\x89\xe6`_\xf9;\xb7\xad\xbej\xf3\x7f\xfc\xec\xf7/\x94\xa3\xf0\x96\x91\x11!\xc4\r\xe7\x9dwhr2(\xfa\xf2\xe6\x14\xa7i\x9c\xa6\xa9\x94E_\x08\x8aQ@\x00X\x7f\x13\x0c\xf4\x97K\xc3\x03\xc3B\x88\x88?mM\x02!\x12\xf9\x9a\xe1\xda\x13w\xbf\x7f\xd5\xe6o~\xf7\x89\xe7\xa6\x1b\xb0\xe9\x82\x0b\xa6\xe28\x0c\x8c\xab@\x9c\xa6\xa7\xd7j\xb5r\xb9\xe8\x0bA1\xf2\x0e\x00\xebo\x820\x0c\xff\xeb\xc0\x1f\xe3/&lt;\xd2\x98j\x19\xb8J\xd6\x92B\x04I\x92\xd6j\x95s\xfej\xe8\x91\'\x9fOR\x19\x04\xe2\x96\x91\x91_\x1e9rz\x7f\x7f\x9c\xa6\xa6\xfdY\xa7R\x0e\x94\xcb\xdf\x7f\xee\xb90\x0cS\x9e\xaa\xf2O\xae\x01\x90R\n!\xa6\xd7\xbfZ\xad\xb2\xfe9\x0b\xc30\x8a\xa2(\x8aF\x9e\xfa\xd3\xc8S\x7f*\xfar\\\x16EQ\x10\x06\x81\x10i\x92|\xe5\xe0\xc1\xa2/\xe7\x14*\x95J\x92$\xdc\x80\xbe\xc9;\x00R\xca\x8f~\xf4\xa3j\xfd\x1b\x8d\xc6\x9a5kX\xff\xdc\x04A0&gt;&gt;\x9e$I\x92$E_\x8b\xfbf\xfe!Ga\x18\x08\x11\x86a3\x8e\x0b\xbc\xa4\x054\x9bM!\xc4\xf8\xf8x\xd1\x17\x82\\\xe5\x17\x80$I\xa2(\xba\xed\xb6\xdb\xb6o\xdf^\xab\xd5&amp;\'\'\xdf\xf1\x8ew\xec\xda\xb5\xeb\xc5\x17_\x14B\xb0\xfeY\x0b\x82 \x8e\xe3\xb7\xbe\xf5\xad\xb5Z\x8d\xc7\xfb9H\xd3\xb4T*\x05A\xf0\x83\x1f\xfc@\x1d\xfef\x1c_p\xc1\x05\x8b\x17/\x96\xe6\xbd\xe8\x1aEQ\x92$\xe7\x9f\x7f\xbe\x10"\xe0YAo\x04\xb9\x9dE\xf5\xe5\xff\xf3\xcf?\x7f\xddu\xd7=\xf6\xd8c\x95J\xa5\\.o\xd9\xb2e\xe3\xc6\x8d\x87\x0f\x1f.\x95\x8ay?\x92o\xfa\xfa\xfa\xa2(*\xfa*\xdc\x97\xa6i\x10\x04\xd5j\xf5\x86\x1bn\xd8\xbe}{\xb9\\n4\x1a\xeb\xd6\xad\xdb\xb1cG\xd1\x97\x06\xbc,\xbf\x00\x08!\xa4\x94A\x10\x8c\x8e\x8e\xae\\\xb9r\xdf\xbe}\xea\x8b\x8e\xad[\xb7\xd2\x80\xdc\xf0\x85\x7f\x0e\xd4\xf3\x99\xa7\x9dv\xda\x87&gt;\xf4\xa1\x07\x1ex\xa0R\xa94\x9bM\xb5\xfei\x9a\xaa\xbb\xa0\xe8k\x9c\x17\x8f\xc5\xbd\x92k\x00\xc4K\xf7\xc6t\x03\xd4+\x014\x00\xce\x98^\xff\x0f\x7f\xf8\xc3;w\xeeT\xefsS\xeb\xaf^e5y\xfd\xe1\x9b\xbck\xaf\x9e}\x1e\x1e\x1e\xde\xb3g\xcf\xf2\xe5\xcb\x1b\x8dF\xb5Z\xdd\xb4i\xd3\xb6m\xdb\x96,Y\x12\x9b\xfa\x12\x19\xd0\x0e\xd6\x1fv)\xe0\xe1\x1e\r\x80\x93X\x7fX\xa7\x98\xe7\xfbh\x00\x1c\xc3\xfa\xc3F\x85\xbd\xe0C\x03\xe0\x0c\xd6\x1f\x96*\xf2\x15\x7f\x1a\x00\x07\xb0\xfe\xb0W\xc1o\xf9\xa2\x01\xb0\x1a\xeb\x0f\xab\x15\xff\x9e_\x1a\x00K\xb1\xfe\xb0]\xf1\x01\x104\x00\x16b\xfd\xe1\x00#\x02 h\x00\xac\xc2\xfa\xc3\r\xa6\x04@\xd0\x00X\x82\xf5\x873\x0c\n\x80\xa0\x010\x1e\xeb\x0f\x97\x98\x15\x00A\x03`0\xd6\x1f\x8e1.\x00\x82\x06\xc0H\xac?\xdccb\x00\x04\r\x80aX\x7f8)\xefo\x07\xdd\x11\x87\xbfw\xf4\xac?v\xe6\xc3d\xac?\\et\x00\x84[\rH\xd3T}P\x94\xfaXv5\x1cR\xca4M\xa7?\xa7\x9751\r\xeb\x0f\x87\x99\x1e\x00a\x7f\x03\xa4\x94I\x92\x94J\xa5Z\xadV\xa9T\x92$\x19\x1f\x1f\x1f\x1b\x1b\xab\xd7\xeb\xcdf\xb3\\.\xd7j\xb5\xc5\x8b\x17\x0f\x0e\x0e\xa6i:66\xa6&gt;?\xb6\xe8\xab\x86\x10\xac?\\gA\x00\x84\xcd\rH\xd3\xb4Z\xad\x0e\x0c\x0c\x1c;v\xec\xc9\'\x9f\x1c\x19\x19\xd9\xbf\x7f\xff\xef~\xf7\xbbC\x87\x0e\xd5\xebu5"\xb5Zm\xe9\xd2\xa5\xcb\x96-\xbb\xfa\xea\xab\xaf\xb8\xe2\x8a\xc1\xc1\xc1c\xc7\x8e\xd1\x80\xc2\xb1\xfep\x9e\x1d\x01\x10v6 M\xd3\x81\x81\x81g\x9f}\xf6\xc1\x07\x1f\xfc\xc67\xbe\xf1\xb3\x9f\xfd\xec\x94\xff\x93e\xcb\x96\xddz\xeb\xad\xefy\xcf{FGG\xf9t\xd6\x02\xb1\xfe\xf0\x815\x01\x10\xb65 I\x92\xc5\x8b\x17\x7f\xf5\xab_\xbd\xf9\xe6\x9bGGG\xd5O\x96\xcbe5\x1c\xea\xf5\x00!D\x10\x04j\xe8\xd5\x8b\x01\xea\'o\xbf\xfd\xf6\x8f\x7f\xfc\xe3\xa3\xa3\xa3&lt;\x0e(\x04\xeb\x0fO\xd8\xf45\xa6u\xef\r\x95R\xbe\xfa\xd5\xaf\x1e\x1d\x1d-\x97\xcb\xe5r9\x8a\xa2V\xab\xd5l6\x9b\xcdf\x1c\xc7j\xee\x93$i\xb5Z\xadV+I\x12)\xa5z}x\xf3\xe6\xcd;w\xee\x1c\x1e\x1eV\xaf\x0c#O\xac?\xfca\xd3#\x00\xc5\xa2\xc7\x01i\x9a.^\xbc\xf8\xaa\xab\xae\xfa\xde\xf7\xbe\xa7~\xe6\xcc3\xcf\xbc\xe4\x92K.\xbc\xf0\xc27\xbc\xe1\rCCCQ\x14MLL\xfc\xeaW\xbf\xda\xbd{\xf7\xa3\x8f&gt;\xaa~M\x18\x86R\xca3\xce8c\xff\xfe\xfd\xa7\x9f~z\xab\xd5bqr\xc3\xfa\xc3+\xf6\x05@\xd8\xd3\x80$I\x86\x86\x86\xbe\xfd\xedo\xbf\xf7\xbd\xef\xbd\xf4\xd2K\xd7\xacYs\xc5\x15W,]\xba\xb4T*%I\x92\xa6\xa9\x942\x0c\xc3(\x8a\xe28\xde\xb9s\xe7M7\xdd\xd4h4\xd4O&amp;Ir\xfb\xed\xb7\xdfr\xcb-F\xfd\x7f\xe46\xd6\x1f\xbe\xb12\x00\xc2\x9e\x06\x04A\xd0l6\x9fy\xe6\x99\x8b.\xba\xa8\xbf\xbf\x7f||\\M\xbc\x9a\x12\xf5\xef\x00\xd4_\xc1\x92%K&gt;\xff\xf9\xcf\xdf|\xf3\xcd\xeay\xff4M/\xbb\xec\xb2\x87\x1f~x||\x9cW\x83s\xc0\xfa\xc3C\xb6\x06@X\xd5\x80\xfe\xfe\xfe\x89\x89\t\xf5\x06\xff9wD}\xd5?11q\xfe\xf9\xe7\x1f&gt;|8\x8a\xa2$I^\xff\xfa\xd7?\xf6\xd8c}}}I\x92\xb0&gt;\x99b\xfd\xe1\'\x8b\xbf\xb4\xb4\xe55a)\xe5\xf8\xf8x\x10\x04\xa5Ri\xbe\x1d\t\x82@=_t\xf6\xd9g\x8b\x97\xbe3\xc4\xf1\xe3\xc7\xa7\xa6\xa6\xf8\xf2?k\xac?\xbce\xf7\xb8\xd8\xd2\x806G&lt;\x08\x82\x99[\xc3\xf4\xe4\x80\xf5\x87\xcf\xec\x0e\x80\xb0\xa7\x01\x0bSo\x00\x9d\x98\x98\xf8\xf3\x9f\xff&lt;\xfd\x93CCC\xb5Z\x8dw\x82f\x87\xf5\x87\xe7\xac\x0f\x80p\xa2\x01I\x92\x0c\x0e\x0e&gt;\xfe\xf8\xe3\xcf&gt;\xfb\xacz\x1bh\x10\x04o|\xe3\x1b\x17/^\x1c\xc713\x94\x05\xd6\x1fp!\x00\xc2\xf2\x06\xa4iZ.\x97[\xad\xd6\xad\xb7\xde:\xfd\x9a\xbc\x94\xf2\xdd\xef~w\x14E\xf6\xbeJo2\xd6\x1f\x10V\xbf\x0b\xe8d\xb6\xbc/h&amp;u\xcd\x8b\x16-\xfa\xc8G&gt;r\xdf}\xf7\xa9W\x0b\xd24=\xe7\x9cs~\xfc\xe3\x1f\x97J%\xf5\x1d\xa4\x8b\xbeL\xa7\xb0\xfe\x80\xe2\xc8#\x00\xc5\xba\xc7\x01q\x1cW\xab\xd5j\xb5\xfa\xc1\x0f~\xf0\xbe\xfb\xee\x9b\xf9\x9d\x7f\xee\xb8\xe3\x0e\x9e\xff\xc9\x02\xeb\x0fLs*\x00\xc2\xaa\x06\xc4q\xbch\xd1\xa2\xe3\xc7\x8f\xaf^\xbd\xfa\xfe\xfb\xef\x9f~\xb6\'M\xd3m\xdb\xb6\xadZ\xb5\xea\xe8\xd1\xa3|38\xbdX\x7f`&amp;\xa7\x9e\x02\x9af\xfesAq\x1c\x0f\x0f\x0f?\xf9\xe4\x93\xef\x7f\xff\xfb\x7f\xf9\xcb_\xaa\xa1W\x1bt\xe7\x9dwn\xd8\xb0\xe1\xc5\x17_d\xfd\xf5b\xfd\x81Y\xdc\x0c\x800\xbb\x01j\xfdGFF\xae\xbd\xf6\xda#G\x8eL\xaf\xff\xf0\xf0\xf0\x97\xbf\xfc\xe5\xd5\xabW\x17~\x85\xeea\xfd\x81\x939\x1b\x00aj\x03\xd4\xa7\xc4\x1c&lt;x\xf0\xca+\xaf\x9c~\x92\'I\x92\xb7\xbc\xe5-\xbbv\xed:\xf7\xdcs\x8f\x1c9\xc2\xfa\xeb\xc5\xfa\x03sr9\x00\xc2\xbc\x06\xa87\xf8\x07A\xb0b\xc5\x8a\xa7\x9ez\xaaT*\xa9O\x0c\xbe\xec\xb2\xcb\x1e|\xf0\xc1\xa1\xa1\xa1c\xc7\x8e\x95\xcb\xe5\x9c\xaf\xcam\xac?0\x1f\xd7^\x04\x9e\xc5\xb4\xd7\x84\xd5\xc7\x84\xdd\x7f\xff\xfdj\xfd\xd5\x07\xc2\\z\xe9\xa5\xdf\xfc\xe67\x07\x06\x06\x8e\x1f?\xce\xfa\xeb\xc5\xfa\x03\x0bp&lt;\x00\xc2\xb0\x06\x84a\xd8j\xb5\xbe\xf6\xb5\xaf\xa9\xc7\x01R\xca\xa5K\x97\xee\xdc\xb9\xb3R\xa9LMM\xf1\xcc\x8f^\xac?\xb00\xf7\x03 \x8ci\x80\x94\xb2R\xa9\x1c:t\xe8\xe7?\xff\xb9|\xc9\xc6\x8d\x1b_\xf7\xba\xd7\x8d\x8f\x8f\xf3\x9e\x1f\xbdX\x7f\xe0\x94\xbc\x08\x800\xa3\x01\xea;\xbe\xbd\xf0\xc2\x0b\xc7\x8e\x1d\x13B\xa8\x8f\x07X\xb1bE\xbd^g\xfd\xf5b\xfd\x81v\xf8\x12\x00aF\x03\xc20\xac\xd7\xeb\xd3\x9f\x0c\xb3h\xd1"\xf5[\xb3G\x1a\xb1\xfe@\x9b&lt;\n\x800\xa3\x01\xea\xd3\x80\xd5\x7fOMM\xf1\xb5\xbf^\xac?\xd0&gt;\xc7\xdf\x06:\xa7\xa2\xde\x1b\xaa\x9e\x02\x1a\x1b\x1b{\xfc\xf1\xc7\xd5\xcf\x94\xcb\xe5\xe5\xcb\x97\xab7\x83f\xf4\x9bz\x85\xf5\x07:\xe2c\x00D\xa1\xff&gt; \x0c\xc3\x81\x81\x01\xf5c)\xe5\xc4\xc4\x84\x9f\x7f\x05\xda\xb1\xfe@\xa7&lt;\r\x80(\xf4q@\x1c\xc7i\x9a\n!\xc20\xe4\x8d\xffZ\xb0\xfe@\x17\xfc\r\x80(\xa8\x01\xea[A\xf4\xf5\xf5\t!Z\xad\xd6\xd8\xd8\x98x\xe9S\xe0\xd1\x1d\xd6\x1f\xe8\x8e\xd7\x01\x10\xb97@J900\xf0\x93\x9f\xfc\xe4\xd1G\x1f\x9d\x9a\x9a\xba\xe8\xa2\x8b\xae\xbc\xf2\xcaF\xa3\xc1\xa7\xbet\x8d\xf5\x07\xba\xe6{\x00D\x8e\rP\xdf\x07b\xdb\xb6m\x9f\xf8\xc4\'\xa6?\xea}\xed\xda\xb5w\xdduW\xa3\xd1`\xa7\xba\xc0\xfa\x03\xbd \x00B\xe4\xd2\x00)e\xa9T:z\xf4\xe8\xb9\xe7\x9e\xab\xbe\xe7\x8f\xfa\x97\xc0I\x92\xec\xde\xbd\xfb\xf2\xcb/\x1f\x1b\x1bS\x9f\x07\x896\xb1\xfe@\x8fX\x1c!r\xf9\xf7\x01R\xcaj\xb5\xfa\x87?\xfcall,\x08\x82V\xab\xa5\xfe\xfdW\x18\x86O?\xfdt\xb9\\V/\x0b\xa3M\xac?\xd0;\x02pB&gt;\xffFl\xce\xaf\xf1\xf9\xc2\xbfS\xac?\xa0\x05\xd3\xf3\xb2L\x1b\x10\x04\xc1\xd4\xd4\xd4\xd9g\x9f}\xc6\x19g\xa8\xef\n\xa7\xbe\x1dt\x9a\xa6\xe7\x9dw^\xb3\xd9$\x03mb\xfd\x01]\x18\x9dW\xc8\xae\x01\xeai\x9f%K\x96|\xf6\xb3\x9f\xadT*\xcdfS\xfdk\x80\x1bo\xbc\xf1\x92K.\x19\x1f\x1f\'\x00\xed`\xfd\x01\x8dx\x11x\x0e\xd9\xbd&amp;,\xa5\x1c\x1c\x1c&lt;p\xe0\xc0#\x8f&lt;R\xaf\xd7\xdf\xf6\xb6\xb7]~\xf9\xe5SSS\xfc-\xb4\x83\xf5\x07\xf4"\x00s\xcb\xae\x01i\x9a\xd6j\xb5\xfe\xfe~!D\xb3\xd9\xe4\xcd?mb\xfd\x01\xed\x08\xc0\xbc2m\x80z\xcfO\x10\x04|7\xd0v\xb0\xfe@\x16\x08\xc0BL\xfbLy?\xb1\xfe@Fx\xf2a!&amp;|~\x80\xe7X\x7f ;\x04\xe0\x14h@\x81X\x7f S\x04\xe0\xd4h@!X\x7f k\x04\xa0-4 g\xac?\x90\x03\x02\xd0.\x1a\x90\x1b\xd6\x1f\xc8\x07\x01\xe8\x00\r\xc8\x01\xeb\x0f\xe4\x86\x00t\x86\x06d\x8a\xf5\x07\xf2D\x00:F\x032\xc2\xfa\x039#\x00\xdd\xa0\x01\xda\xb1\xfe@\xfe\x08@\x97h\x80F\xac?P\x08\x02\xd0=\x1a\xa0\x05\xeb\x0f\x14\x85\x00\xf4\x84\x06\xf4\x88\xf5\x07\nD\x00zE\x03\xba\xc6\xfa\x03\xc5"\x00\x1a\xd0\x80.\xb0\xfe@\xe1\x08\x80\x1e4\xa0#\xac?`\x02\x02\xa0\r\rh\x13\xeb\x0f\x18\x82\x00\xe8D\x03N\x89\xf5\x07\xccA\x004\xa3\x01\x0b`\xfd\x01\xa3\x10\x00\xfdh\xc0\x9cX\x7f\xc04\x04 \x134`\x16\xd6\x1f0\x10\x01\xc8\n\r\x98\xc6\xfa\x03f"\x00\x19\xa2\x01\x82\xf5\x07\x0cF\x00\xb2\xe5y\x03X\x7f\xc0d\x04 s\xde6\x80\xf5\x07\x0cG\x00\xf2\xe0a\x03X\x7f\xc0|\x04 \'^5\x80\xf5\x07\xac@\x00\xf2\xe3I\x03X\x7f\xc0\x16\x04 W\xce7\x80\xf5\x07,B\x00\xf2\xe6p\x03X\x7f\xc0.\x04\xa0\x00N6\x80\xf5\x07\xacC\x00\x8a\xe1X\x03X\x7f\xc0F\x04\xa00\xce4\x80\xf5\x07,E\x00\x8a\xe4@\x03X\x7f\xc0^\x04\xa0`V7\x80\xf5\x07\xacF\x00\x8agi\x03X\x7f\xc0v\x04\xc0\x08\xd65\x80\xf5\x07\x1c@\x00LaQ\x03X\x7f\xc0\r\x04\xc0 V4\x80\xf5\x07\x9cA\x00\xccbx\x03X\x7f\xc0%\x04\xc08\xc66\x80\xf5\x07\x1cC\x00Ld`\x03X\x7f\xc0=\x04\xc0PF5\x80\xf5\x07\x9cD\x00\xcceH\x03X\x7f\xc0U\x04\xc0h\x857\x80\xf5\x07\x1cF\x00LW`\x03X\x7f\xc0m\x04\xc0\x02\x854\x80\xf5\x07\x9cG\x00\xec\x90s\x03X\x7f\xc0\x07\x04\xc0\x1a\xb95\x80\xf5\x07&lt;A\x00l\x92C\x03X\x7f\xc0\x1f\x04\xc02\x996\x80\xf5\x07\xbcB\x00\xec\x93Q\x03X\x7f\xc07\x04\xc0J\xda\x1b\xc0\xfa\x03\x1e"\x00\xb6\xd2\xd8\x00\xd6\x1f\xf0\x13\x01\xb0\x98\x96\x06\xb0\xfe\x80\xb7\x08\x80\xddzl\x00\xeb\x0f\xf8\x8c\x00X\xaf\xeb\x06\xb0\xfe\x80\xe7\x08\x80\x0b\xbah\x00\xeb\x0f\x80\x008\xa2\xa3\x06\xb0\xfe\x00\x04\x01pI\x9b\r`\xfd\x01(\x81\x94\xb2\xe8k\x80Nj\xdfGGGW\xae\\\xb9o\xdf\xbej\xb5\xdah4\xb6n\xdd\xbaq\xe3\xc6\xc3\x87\x0f\x87a\xc8\xfa\x03Px\x04\xe0\x9a\x85\x1f\x07\x08!X\x7f\x00\n\x8f\x00\xdc4\xdf\xe3\x80\x1bo\xbcq\xed\xda\xb5\x0f&lt;\xf0\x00\xeb\x0f\x80\x008kV\x03J\xa5R\x92$o\x7f\xfb\xdb\x7f\xf8\xc3\x1f\xaa\x1e\xb0\xfe\x80\xe7\x08\x80\xcbNn@\x1c\xc7\xac?\x00\x85\xd7\x00\\6\xeb\xf5\x808\x8ek\xb5\x1a\xeb\x0f@\xe1\x11\x80\xfb\xa6\x1f\x07\xacZ\xb5j\xef\xde\xbd\x1b6l\xb8\xfb\xee\xbbY\x7f\x00\x04\xc0\x0b\xaa\x01\x87\x0e\x1d\xba\xf7\xde{?\xf9\xc9O\xaa\xbft\xd6\x1f\xf0\x1c\x01\xf0\x85\x94R-\xfe\xf4\x0f\x00x\x8e\xd7\x00|\x11\x04\x81\x942I\x12\xd6\x1f\x80\xc2#\x00\x00\xf0\x14\x8f\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xf5\xff\xfb\xe1\x83%\xda\xb9\t\xd6\x00\x00\x00\x00IEND\xaeB`\x82'</t>
        </is>
      </c>
    </row>
    <row r="412">
      <c r="A412" s="1" t="n">
        <v>410</v>
      </c>
      <c r="B412" t="inlineStr">
        <is>
          <t>grid_number</t>
        </is>
      </c>
      <c r="C412" t="inlineStr">
        <is>
          <t>What is the missing number of the part denoted with a question mark?</t>
        </is>
      </c>
      <c r="D412" t="inlineStr">
        <is>
          <t>['8', '6', '2', '9']</t>
        </is>
      </c>
      <c r="E412" t="inlineStr">
        <is>
          <t>9</t>
        </is>
      </c>
      <c r="F412" t="inlineStr">
        <is>
          <t>There is a 3x3 grid of numbers. The first row is [8, 8, 2]. The second row is [8, 1, '?']. The third and last row is [8, 8, 2].</t>
        </is>
      </c>
      <c r="G412" t="inlineStr">
        <is>
          <t>We observe that [8, 8, 2] sums to 18, and [8, 8, 2] also sums to 18. Thus, the pattern is that the numbers in each row add up to the same value.</t>
        </is>
      </c>
      <c r="H412" t="inlineStr">
        <is>
          <t>Based on the pattern that the numbers in each row add up to the same value, the missing number of the row [8, 1, '?'] should be 9.</t>
        </is>
      </c>
      <c r="I412" t="inlineStr">
        <is>
          <t>b'\x89PNG\r\n\x1a\n\x00\x00\x00\rIHDR\x00\x00\x02\x00\x00\x00\x02\x00\x08\x02\x00\x00\x00{\x1aC\xad\x00\x00p\xcfIDATx\x9c\xed\xddw\x9c\x14E\xda\x07\xf0\xa7\xaaz\xc2\xc6\x99\xd9\xc8"Q\x92x HT@\xc1\x00*f@\x82\x8aJ4\x10\x0e=\x0c\x98\xc0p\xa7\xa2\xafz"\xea\x81\x1c\x9c\x01&lt;O\xbd\xd3Sd\x011 \n\x08\'K\x16$\xc3\xb2\xcb\xa6\x99\xdd\xc9\xddU\xf5\xfeQ\xec\x1e\x87(\x0b\xccL\xef\xcc&lt;\xdf\x8f\x1f\xc3\xec.\xf6\xfe\xa6\xa7\x9e\xee\xea\nDJ\t\x08!\x84\x92\x0f5\xfb\x00\x10B\x08\x99\x03\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c2\x02\x80\x10BI\n\x0b\x00B\x08%),\x00\x08!\x94\xa4\xb0\x00 \x84P\x92\xd2\xcc&gt;\x80\x06AJi\xf6!\x98\x80\x10b\xf6!\x1c\x85\xf9\x9b\x0b\xf3OZIZ\x00\xa4\x94B\x08)%!\x84\x10Bi2\xde\t\x99\x18\x02\xe6\x0f\x98\xbf\xd90\x04\x00 IU\xfc\xd5[\x0e\x00\x8c\xb1c_\xf7x&lt;B\x08B\x92%\ru\xed\xe3t:\x8f}Q}\x18(\xa5\xd1\xbb2\xc2\xfc\x15\xcc\xdf\\f\xe5\xdf\x00%\xcb[.\xa5\xe4\x9ck\xda\xd1;\x9e\x9a\x9a\x9a\xb5k\xd7\xae^\xb3\xe6\xc7\xff\xfc\xa7\xb2\xb2r\xdb\xb6m\x86\xc1\x81\x00$E\x18\x00\x04\x00\xa0u\xabVN\xa7\xb3[\xb7n]\xbat\xe9\xd1\xa3\xc7Yg\x9d\xa5\xbeh\x18\x06\xa54\xb2\x17D\x98\xff\xff\xc0\xfc\xcd\x15\xf3\xfc\x1b.\x99\x04\x0c\xc3P\xff\x12\n\x85&gt;\xfe\xf8\xe3\xc1\x83\x077o\xde\xdc\xec\xe0\x1b\x16\x97\xcb\xd5\xbf\x7f\xff\xb9s\xe7\x96\x96\x96\xaa\xact]W\xd7D\x98\x7f\x0c`\xfe\xe6\x8aj\xfe\rY\x82\xdf\x01\xa8\xdf\x8e\x10\xe2\xf1x\xe6\xce\x9d\xfb\xf6\xdboo\xdc\xb8\xb1\xee\xab\xe9\x19\x19\x8d\x9b4\xcf\xcd\xcfo\xd1\xea\x1cgV67\x8cd\xb8\xfb\x93 )\xa1\xba\x1e\xde\xbe\xb9\xc8\xe3\xae:\xb0wWUeE\xddW\x0b\n\x1a\xdfr\xcb\xcdc\xc7\x8em\xd7\xae\x1d\x00\x08!\xce\xe4R\x08\xf3\xff%\xcc\xdf\\\xb1\xcc\xbf\xe1K\xe4\x02\xc09W}\x9d\xf3\xe7\xcf\x9f9s\xe6\xf6\xed\xdb\xd5\xeb\x8d\x9b4\xbb\xe0\xe2K\xfb^~\xd59\x1d:\xe7\xe5\x17\xa4\xa5g0\r\x12\xfa]&gt;\x01)\xc10 \x14\x0cU\x94\x95\xec\xfci\xebw_-[\xf5\xe5\xb2\x1d\xdb6\xab\xaffeeM\x9a4\xe9\xde{\xefu8\x1c\x86a\xd4u\x1d\x9c\x12\xcc\xff7`\xfe\xe6\x8aA\xfeq!a\x0b\x80:\xfb\x8b\x8b\x8bG\x8f\x1e]XX\xa8^l\xdb\xbe\xc3mwN\xea\x7f\xf5\x8d\xd9\xb9\xb9RB(\x14\xd6\xc3\xba\x10\\J\x91\xa01\xfc*\x02\xa0\x86&gt;X,V\x9b\xdd\xa6iPS\xed_\xfb\xdd\xd7\x0b^{i\xd5W\xcb\xd4\xf7\xb4k\xd7n\xde\xbcy\xbd{\xf7VO\x08O\xe9\xf2\x10\xf3\xffm\x98\xbf\xb9\xa2\x9d\x7f\xbcH\xcc\x02\xa0\x8avaa\xe1\xe81c\x8a\x0f\x1d\x02\x80\x96\xad\xdb\x8e\x998\xf5\xea\x1b\x87e:3\xbd5~]\x0f\x03\x10J)!p\xf4\x91P\xb2\x92RJ!\xa4\x94L\xd3\xd2\xd2\xd39\x17\xab\xbe\\\xfa\xe6\xac\x99\xabW~\t\x00V\x9b\xed\xb9g\x9f\x9d2e\xca)}\x060\xff\xfa\xc3\xfc\xcd\x15\x8d\xfc\xe3H\x02\x16\x00u\xf6\xcf\x9d;w\xfc\xf8\xf1\xea\x95\x9bG\xdf3\xe5\xe1\'r\xf2r&lt;n/7\x0c\xcaX\xe2\xbd\x91\x11\xc19\'\x84ddfrn\xbc=\xe7\xd5W\x9e\x9d\xee\xad\xa9\x06\x80q\xe3\xc6\xcd\x993\x87s^\x9fAr\x98\xffi\xc3\xfc\xcd\x15\x91\xfc\xe3K\xa2\x15\x00u\xe7[w\xf6;\x9cY\x8f\xcf\x9c5h\xc4\xcd\xd5\x1e\x7f8\x1cN\xe0\xbe\xbc\x08R\x1f\x83\xec\x9c\xcc\xf5k~xd\xf2\xb8\xed[\x8a\xa0\xf63p\xd2\xeb \xcc\xff\xcca\xfe\xe6:\x93\xfc\xe3NB\x15\x80\xe3\xce\xfe\x9c\xbcF\xb3\x16|\xd0\xabo\xef#%UL\xd3\x12\xe9m\x8b\x01]\xd7\x9d.WEY\xe9]7__\xb4~\r\x1cs\x1dt\xdc4\xa2:\x98\x7f\x04a\xfe\xe6:\x8d\xfc\xe3Q\xe2\x14\x00\xf5\xc6,_\xbe\xbc\x7f\xff\xfe\x00\xe0\xca\xcey\xbf\xf0\xfb\xe6g\xb7\xf6TUi\x16\x8b\xd9G\x17\x97\xb8aX\xed6F\xd9\xa8\xc1W\xac]\xf5\x15\x00\xcc\x981c\xfa\xf4\xe9\'\x1c\x17\x81\xf9G\x1c\xe6o\xaeS\xca?N%H\x01P\xc3uKKK;u\xea|\xe4Hi\xa6\xc3\xf9\xc6\xc2O\xba^\xd0\xdb\xe3vk\x1a\x9e\xfd\xa7\x8fsn\xb3\xdb\xbc\x1e\xcf\x98\xa1Wm\xdd\xf8#!\xa4\xb0\xb0\xb0\x7f\xff\xfe\xc7]\x07a\xfeQ\x82\xf9\x9b\xab\x9e\xf9\xc7\xaf\x04\x19\xfd+\xa5\xe4\x9c\x8f\x1c9\xb2\xb4\xb4\x04\x00\x1e{vV\xaf\xbe}\xdcUx\xf6\x9f)\xc6X(\x10\xcc\xca\xcd{q\xceB\x87\xd3%%\x8c\x1cy[II\t!D\xad*\xa3`\xfeQ\x82\xf9\x9b\xab\x9e\xf9\xc7\xafD(\x00\xaa\x1a/\\\xb8p\xd9\xb2e\x00p\xd3\xc8\xb1\x83o\xbd\xa5\xb4\xa4\xca\x82w\xbe\x91\xc04\xcd\xe3v\xb7=\xf7\x9c\x87\xff\xf82\x80,--\x996m\x1a\xa5\xb4\xee\xde\x11\xf3\x8f*\xcc\xdf\\\'\xcd?\xae\xc5}\x17\x90Z\xd1\xc2\xedv\xf7\xec\xd9s\xf7\xee\xddM\x9a\xb7\xfc`\xf9Z\x9b\xcd\xae\x1e\xe5\x9b}t\x89\x83s\xeet9\xee\xb9u\xf0\xd2O?\xb2\xd9l+W\xae\xec\xd6\xad\x9b\x94R-!\x89\xf9G\x1b\xe6o\xae_\xcb?\xde\x17\x8a\x88\xef\xa3\x07\x0058w\xfe\xfc\xf9?\xff\xfc\xb3\x10b\xec\xa4\x07r\xf2\xb2\xc2\xe10\x9e\xfd\x91E\x08\xd1\xc3\xc6\x84\xfb\x1f\xb7\xd9\xed\xa1Ph\xfa\xf4\xe9\xaa\xe9\xc1\xfcc\x03\xf37\xd7\xaf\xe5o\xf6q\x9d\xa9\xf8.\x00RJ\xc6X \x10\x98?\x7f&gt;!\xa4e\xebv\xd7\x0e\x19\xe1\xa9\xf2&amp;\xcc3\xfa\x86\x83R\xea\xf5z;t\xeet\xc5\xb5\x83\x01\xe0\x9bo\xbe\xd9\xb6m\x1bc\x8cR\x8a\xf9\xc7\x00\xe6o\xae_\xcb?\xde\x9f\x04\xc4w\x01P\xf32\x96/_\xbee\xcb\x16)\xe5\xa8{\xee\xcbtdp\xc30\xfb\xb8\x12\x13\xa54\x1c\xd2GO\x98\x9a\x92\x9a\xe6\xf3\xf9\xde|\xf3M\xf5"\xe6\x1f\x1b\x98\xbf\xb9N\x98?\x16\x00\xf3-X\xb0\x80\x10\x92W\xd0x\xc05\x83\xbc5~\x9a\x10\xc3\xb3\x1a J\xa9\xcf\xe7\xef\xd0\xb9s\x8f\xde\x17\x13B&gt;\xf8\xe0\x03\xaf\xd7\x0b\x00\xea\xf2\x13\xf3\x8f6\xcc\xdf\\\xbf\xcc\xdf\xef\xf7k\x9a\x16\xd7\x1dAq\\\x00T\xff\x8f\xc7\xe3Y\xbb\xf6\x07)e\xaf\x8b/\xcf\xc9\xcb\xd1u\x1d{?\xa3HJB\xe0\xb2\xabn\x90R\x1e:T\xbcu\xebV\xc30\xd6\xacY\x83\xf9\xc7\x08\xe6o\xae\xff\xcd\xbf\xa8\xa8\x08\xe2\xfc&amp; \x8e\x0b\x80\xca}\xdd\xbau\x07\x0f\x1e\x00\x80\xbe\xfd\x07\x9a}D\x89\x8f2\x16\x08\x84/\xe8sIzF&amp;\xe7\xc67\xdf|\xb3i\xd3\xa6\xe2\xe2b\xc0\xfcc\x02\xf37\xd7q\xf9\x7f\xfe\xf9\x12\xa8\xddu\'N\xc5q\x01P\xb9\xaf]\xfb\x03\x00\xa4\xa6\xa5\xb5\xef\xd0)\x14\x0c\xc7\xfb\xa8\xac\x06\x8e\x10\x12\x0e\x85\n\x9a4k~vk\x00(**Z\xb5j\x15\x00\xa4\xa5\xa5c\xfe1\x80\xf9\x9b\xeb\xb8\xfc\xd7\xad\xfb\x01\x00\xe2:\xf38&gt;tu\xab\xbb~\xfd:\x00h\xd2\xace~\xc1Yx\xff\x1b\x03B\x88\x94T[\xbb\xdf\x9d\x07\x00E\x1b7.\xfe\xfcs\x00h\xdc\xac9\xe6\x1f\x1b\x98\xbf\xb9\x8e\xcd\x7f\xdb\xb6m^\xaf7\xae\'\x85\xc5\xf1p15\x0e\xb7\xac\xac\x0c\x00\xb2rrS\xd33\xbc5\xd5q]\x8d\xe3\x82\x94\x921\xc8/8\x0b\x00\xaa*+UG\\V6\xe6\x1f#\x98\xbf\xb9T\xfe\x8d\n\x9a\x00\x80\xdb\xed\t\x04\x02\xe9\xe9\xe9f\x1f\xd4\xe9\x8b\xd7\x02\xa0\xe6\xe0\xb9\xdd\xee\x1d;v\x00@\xab\xb6\xe7j\x9a\x8c\xdf:\x1cG(!\x86\x01\xad\xda\x9e\x0b\x00\xa5\xa5\xa5\xe5\xe5\xe5\x80\xf9\xc7\x10\xe6o.\x95\xff\xd9m\xdb\x03@u\xb5g\xdb\xb6m\xb9\xb9\xb9B\x888]\x1b.^\x0b\x80"\xa5\xd4u\x03\x00\\Y\xd9\x94&amp;\xc2\xc4\xbc\xb8 %\xb8\xb2\xb2\x01\xc00\x0cu\x05\x8a\xf9\xc7\x12\xe6o\xae\xba\xfc\x85\x10F\x9c\xcf\xba\x88\xfb\x1bF\xd5\xe9\x19\xefoC\xdcQ\x81\xd7\xed\x8e\x84\xf9\xc7\x18\xe6o\xae\xba\xc0\xe3\xfd\xa1K\xdc\x17\x00%\xde\xdf\x86\xb8s\\\xe0\x98\x7f\x8ca\xfe\xe6J\x98\xc0\x13\xa4\x00 \x84\x10:UX\x00\x10B(Ia\x01@\x08\xa1$\x85\x05\x00!\x84\x92\x14\x16\x00\x84\x10JRX\x00\x10B(Ia\x01@\x08\xa1$\x85\x05\x00!\x84\x92\x14\x16\x00\x84\x10JRX\x00\x10B(Ia\x01@\x08\xa1$\x85\x05\x00!\x84\x92\x14\x16\x00\x84\x10JR\xf1\xbd\x1f@&lt;\x92\xb5\x00$\xa8\xf5\xdb\t\xd4\xae\xecK\x12f\x95\xc1\x06\x0b\xf37\x97\x94B\n\xb5q\x81\x04Y\x1b&gt;\x00\xa1\x84\x10\xbc\x1e\x8d5,\x001"\xa5\x14B\x10\x00\xcdb\xb5\xda\xac\x9a\xc6(Ug?\x80\x04!\x80\x1b"\x1c\x0e\xebzXJA)\xc3\x96(\xb20\x7fs\t\xc1\xa5\x94\x8ci6[\x8a\xc5j\xa1T\xb5\xfa\x00\x12\xa4\x04!@\x0f\xeb\xe1p\x88s\x83\x10\x8a\x1b[\xc6\x0c\x16\x80\xa8\x93R\n\xc1\xadV[jZ\x8a\x10PQvd\xc7\xb6\xbd\x87\x0f\xee\xaf(;\xe2\xf7\xfb\x00\xa4=%5;\'\xafQ\xe3&amp;g5k\x91\x9b\xdf\xc8b\xa1~\x7f(\x14\x0c`3\x14\x11\x98\xbf\x99\xa4\xe4\x823\xa6\xa5g84\rjj|\xfb\xf7\xee:t`oYiI\xb5\xbbJ\xd7uMc\x19\x99\xce\xdc\xfc\x82&amp;\xcd[6n\xd2\xcc\x95\xe5\x0c\x87\xb9\xdf\xe7\x05 X\x06b\x00\x0b@t\xa9\xcdB\x1d\xce\x8c\x92\xe2\x92O?\\\xf4e\xe1\xbf7\xfd\xb8\xae\xf4\xf0\xa1\x13\xee\xde\x97\x9d\x9b\x7fn\xc7\xce\x17\xf7\x1fx\xd9\x95\xd75?\xbb\x85\xcf\x1b\x08\x87\xc3q\xba\xd7h\x03\x81\xf9\x9b\x88s\xce\x98\xe6te\xf8\xbc\x81\xef\xbe^\xfe\xc5\xe7\x1f\xaf]\xf5\xf5\xfe\xdd?\x07\x83\x81_~\xb3\xcdfo\xd1\xaaM\xaf~\xfd\x07\xde0\xb4S\xb7\x9e\xba\xae\x07\xfc&gt;\xc6\xb0\x81\x8a.\xcc7\x8a87\xd2\xd2\xd2\x83\xc1\xe0k/&lt;\xfb\xee\xbc\xd9%\xc5\x07\xeb\xbeD)#\x04\xea\xfa \xa4\x04!xEY\xe9\xca\x15\x85+W\x14\xce~\xfe\xc9\xc1\xb7\x8c\x1a;\xf1\xfe\xac\x9c\xdc\x9a\xeajl\x83N\x0f\xe6o\x16\xd5\xe1\x96\xe9p\xf8\xbc\xdeE\xf3\xe7\xbc\xb7`\xce\x96\xa2\xf5u_%\x94\xd2\xa3\xb7Vu\xf9\xcbP(\xf8\xd3\xd6M?m\xdd\xf4\xb77\xfe|\xc5u\x83\'=8\xbdM\xfbs=U\x1e\x0c?\xaa\xf0&amp;+Z8\xe7\x19\x99\x8e];\xb7\x8f\xbc\xee\x92\xff{jZI\xf1A\xc6\x18c\x8c\x10J\x08Q\xcf\xbe\x80@\xdd\xbf\xa8\'\x90\x941\xc6\x98\xbb\xb2b\xde\xac\x17\x86_\xd5g\xdd\xeao\x1dN\x07\xc7\x1d_O\x1d\xe6o\x16\xce9c\xcc\xe9r\xacX\xf2\xef[\xae\xbe\xe8\xb1{\xef\xdcR\xb4\x9e\x10\xc2\x98F)%\x84Hq,\xae\xfeA\x08\xa1\x942\xa6\t\xc1?\xff\xd7\xfb\xc3\xae\xe8\xf5\xf1{\xef8\xb3\x1c\x9cs\xb3\x7f\xa1D\x86\x05 *\x04\xe7\xe9\x19\x19\x9b7\xac\xbf\xed\xfa\xcb6oX\xa7i\x1a!\x84s.\x84\xa0\x94H)\x05\xe7\x9c\x1b\xdc0\xb8apn\x08\xce\xa5\x94\x94R)\x04\xe7\x9c\x10\xa2i\xda\xbe\xdd;\xc7\x0c\xb9r\xe5\x8a\xa5\x99N\xfc\x18\x9c\x1a\xcc\xdf,\xea\xc2?\x14\nN\x9b&lt;\xee\xae\x9b\xaf\xdb\xbai\x03c\x8cR*\xa5\xe4\xdc\x00 \xea\xc9J\xedP,\xa1\xfe\xc1\x18#\x84\x08!87\x00\x801\xad\xa6\xda3\xf5\xae\x91\xef\xcc}\xdd\xe9rp\x03\xc3\x8f\x16\xec\x02\x8a&lt;)\xa5\xd5f+;R2\xe9\xf6\xc1\x95\xe5G4M3\x0c\x03\x00\xd4y\xcf9\xb7\xda\xec\xed;vj\xd9\xaa\xad\xc3\x95\r \xdd\x95\x95{w\xed\xd8\xbe\xb9(\x14\n\xd6}\x9ba\x18\x8c\xb1`\xc0\x7f\xef\x98\xe1\xef/]\xdd\xa4Y\xf3`0\x84\x8f\xc5\xea\x03\xf37\x8b\x94\xd2j\xb3\xae[\xbdr\xc6\xd4\t;\xb6nRq\xa9\xdaI\x19\x93B\x08q\xb4)OIMMMK\xd74K(\x18\xf0\xb8\xab\x8e~\x0f\xa5B\x08\x00\xe0\xdcP?\xfb\xc4\xfd\x13\x9a\xb7l\xdd\xab\xdfe5\xd55\xd8\x17\x14\rX\x00"O\x08\x91\x92j\x7f\xfc\xbe\x87\x8b\x0f\xee?\xae\xf5\xb1\xd9\xed\xa3\xee\xbe\xf7\xfaa\xb75kq\xb6\xcdnU\xe3\x9e\xa5\x80P0\xbc\x7f\xef\xeeO\xde\x7fg\xfe\xeb/\x05\x03\xfe\xba\xa6\x8ai\x9a\xc7]5s\xfa\x03\xaf\xbf\xfb\xcf`0d\xf2/\x16\'0\x7f\xb3\x08!RR\xec\xcb?\xfbd\xc7\xd6MV\x9b=\xac\n*\xa5\x04@p\x0e\x00]/\xe8\xd3o\xc0\xd5\x1d\xcf\xef\xde\xb8I\xb3\xb4\xf4\x0cJ\x99\xae\x87\xcbJK\x8a\xd6}\xff\xd1\xa2\x05\x9b7\xacW\xc9\xab?J\xdd7\xcc\xb8\x7f\xc2G_\xac\xd54\x8b\x14\x02pPV\xa4a\x01\x880)DJj\xea\xf6\xcd\x9b?\xfdp\x11\xa5T]\xda\x10JA\xc8\xdc\xfc\x82Y\x7f\xfb\xe0\x82&gt;\xbd\xbc\xdep(\x18\x0c\x04\x02\xa0\xc6\xa2\x10B)i\xda\xe2\xec\x07\x9f|\xfa\xd2+\xaf\x9dx\xfb\xe0\xd2\xc3\x87\x08\xa1R\nn\x18\x94\xd2/\x0b?-Z\xbf\xaeC\xe7.~\x9f\x0f/B\x7f\x1b\xe6o"\xc6XM\xb5w\xea\xf4?\xfd\xbc}\xf37_,aL\x03\x90\x9cs\t\xd0\xb7\xff\xc01\x13\xa7v\xbb\xe0"[\x8af\xe8R\x0f\xebBp)\x81P\x92\x93\xd7\xa8s\xb7\xaeCo\x1f7\xef\xd5\xff{\xf9\x8f\x8f\xaav_=FfL\xdb\xb7{\xe7?\xdf{k\xd4=\x93\xab*\xdcL\xc3\xf6*\xc2\xf0l\x8e0!\x84=\xc5\xf2\xf5\xf2\xc5\xba\x1e&amp;\x84\xd6\r7\xa4\x8c&gt;\xf3\xea\xfc\x0b\xfa\xf4*-\xa9\x0c\x07\x83\x84R\xc6\x18\xd34\xa6i\xea\xc9d8\x18,-\xa9\xec\xd6\xab\xe7\xb3\xaf.\xd0\x8e9\xd1\t\xa1B\xf0o\x96/\xb6\xda\x98\x14\xc2\xa4_+n`\xfe\xe6\x92Bp.\x9e{mA\xf3\x96\xad978\xe7\xcdZ\xb4ze\xc1?\xe6\xbc\xf7i\xcf&gt;\xfd\x82\x01\x7fU\xb9\xdb[S\x1d\x0e\x87\x0c\xc3\xe0\xdc0t=\xe0\xf7UV\xb8C\xc1\xd0}\x8f&gt;\xfc\xe0\x93/\xa8\x07\xc2G\xff4\x90\x84\x90\x7f\xbd\xffv\xc0\x1f\xa2\xd8\x05\x14\x05X\x00"\x8d\x10\xc1a\xd3\x8f?\x1c\x9d\xe6X\xdb\xfbya\xdf\xcb\xfb\xf5\xbf\xa2\xec\x88\xdbj\xb5\x92\x13]E\x12J\xadVkyi\xd5E\x97]\xde\xab_\x7f)Em\xa7\xa7\x04\x80-E\xff\xe1\x06\xe0-\xf0\xc9a\xfe\xa6"\x94\x86\x82\xc1\xac\x9c\xbc\x17\xdf\\\x94\x96\x9eq\xf5\xa0\xe1\xffX\xf6\xfd\xc0\x1b\x86xk\xaa\xbd\xd5\xd5\x84R\xa6i\xea9p\x1dJ\xa9zJ_z\xd83z\xc2\xbd\xdd{\xf7\x15B\xa8\xe6^\n!\xa5\xfci\xcb\xc6=\xbbv\xda\xecv,\xc0\x11\x87\x05 \xc2(%\xban\x94\x16\x17\xab\xd1\xe5pt\xb0!\xf4\xea{9!\xf2\xa4\xed\x07!\x84\x10y\xc1E\x97\xaa\xff\x80\xda?\xe5HIq8\x14\xc6\xfe\x87\x93\xc2\xfcM\xc7\x18\xf3\xd6\xd4\xb4\xef\xd0\xe9\xbd%\xab\x9e\x995?-\xc3\xe1\xaetS\xca~\xfb\x12\x9e\x10\x02RRJn\xbauL\xdd\x8bjh\x96\x1e\x0e\xef\xde\xb1\xcdj\xb5\x88\x13M\xdfCg\x02O\xe8\x88#\xdc0\xc2a\xf5\xc0PB\xed\x92c\xb9\xf9\x05B\x90\x93_B\x12"\x04\xc9\xcb/\x80\xba\x06\x0c\x00\x00\xc2\xe1\x90a\xe8\xb82A=`\xfe\xe6\xa3\x94\x06\x02\x81\xb3[\x9fc\x18z8\x18\xacg\xdf=e4\x14\xd4\xcf=\xaf\x8b\xc5j\x15\x9c\xab\xb4\xd5\nq%\xc5\x07(\x03\x00,\x00\x11\x86\x05 \xe2$\xd34\xab\xcd\x06\x00\xb5\x13\x1d\x01\x0087\xa0\x9e\xad\x07\x01\xc3\xd0\x8f{\xcdj\xb51M;\xe1\x02\x06\xe8\x7fa\xfe\r\x02\xa54\x14\x0c\xa8.\x9ez\xff\x10\xe1\xdcpeeg:\x9c\xc7\xbc\x06\x00\xe0\xf3z\t`\xfb\x1fyX\x00"L\x08i\xb1h\xea\x12R]/\xaa\x0b\x99\x83{w3\np\xd2\x16DJF\xe1\xc0\xfe=u?H\x08\x01 \xf9\x05\x8d\xedv\x9b\xc0&gt;\xd0\x93\xc1\xfc\x1b\x8eSi\xfa\x8f\x92\x12(\xa5\x9af9\xeeu\x9c\x04\x10%X\x00"MJ\xca\xa0\xfdy\xe7\x03\x80\xbazQO\xae\xbe^\xbe8\x144N\xfa\x91 \x94\x86\x82\xc6\xb7_\x14\xd6\xfd\xa0z\x98y^\xd7\x1e\x94\xd5\xa3\xfdB\x98\x7f&lt;#\x94\xe8z8\x18\xf0\xff\xf7%)\x01 \xd3\xe1\x92\x12\xea{\x0f\x87\xea\r\x0b@\x84\x11J\xc3!\xde\xe7\x92\x01\x9425\xefQMi\xd9\xf4\xe3\xba\x7f\xbd\xffNvn\xa6\x1e\x0e\xff\xda\xcf\xeaz\xd8\x95\x9dY\xf8\xef\x8f\x8a\xd6\xafQ\xb3"\t!R\n\x8b\xc5r\xe9\x15\xd7\x05\x03:&gt;\x84&lt;)\xcc?~I)5\xcdRQV\xe6\xad\xa9&gt;\xf6E\x00(h\xd2L\xcd\xe80\xed\xe0\x12\x14\x9e\xd0\x11F)\xf5\xfb|\x1d\xcf\xef\xda\xe7\xd2\x01j\x91\x13\x00\x90R\x12B\xff8m\xca\xf7_\x7f\x9b\xdb(\xcb0\xf4\xe3\x06\xb4I)u]\xcf\xca\xce\xda\xbei\xebS\x0fM&amp;\x84\xa8KM\xc6\x98\x10\xe2\xba\xa1#\xdbw\xec\x18\xf0\xfbO\xe3\x9e:\xd9`\xfe\xf1KJi\xb5\xb2\x9d\xdb7\xab\xe5\xe4\xa4\x94j\x81 \x9b=\xa5E\xab6\xe1p\x98\xe2C\xf8H\xc3\x13:*\x04\x17\xbf\x9f\xf6\xa4\xc5j\x95\xb5\x8b\x10\x00Ho\x8d\xe7\xce\x11\xd7\xfe\xfb\x1f\x1fd\xe7\xb8\xac6\xbba\x18\xea\xeaFM7\xcd\xcdw\xad[\xfd\xdd\xd8\xa1WU\x94\x95\xaa\x15\x13\x19c\x86a\x144iz\xdf\xa3O\xfb}A\xbc\xfc\xac?\xcc?.I\t\x04V~\xb1\x04\x00\x8e.\xd3J)!\xa4m\xfb\x0eM\x9a\xb7\x08\x87BX\x80#\x0e\x03\x8d&lt;J\xa9\xcf\xeb\xeb\xdc\xad\xdb}\x8f\xfeQp\xce\x98\xa6\xda Bi\xb5\xc7=y\xd4M\xf7\xdf=\xfap\xf1\xfe\xec\x1c\xa7\xc5j\x05 \xael\xa7a\xe8/&gt;\xf5\xc4m\xd7]Z|p\xbf\xea|`L\xe3\x9c\xa7\xa5\xa7\xbf4\xf7\xbd\xec\xdc|=\x1c\xc21\x88\xf5\x84\xf9\xc7#)\x85-%e\xdf\xae=_-\xfd\x0c\x00T\xf7\x1d\x01"\xa5\xbc\xec\xaa\xebRSm\x02\x17d\x8d\x02,\x00Q\xc14\xe6\xae\xaa\x1e;q\xea\x1dw\xdd\xab\xc6\x8f\xab\xa5\x86\xd5\xd4\xc7\x0f\xdf\x9d?\xf8\xd2\x1e\xcf&lt;\xf6Pi\xf1A!\x8c\x85\xf3\xe7\x0e\x1dp\xc1\xac\xe7f\x84\xc3!B\xa9\x94\x92i\x1a\xe7FN^\xfe\x1b\x8b&gt;\xedzA/ou5\xce\x83?%\x98\x7f\xdc\xe1\\\xa4\xa7\xdb\xde\x9e;\xab\xa6\xdasL\xff\x0fW\xd3\x89\xfd\xbe0e\xd8XE\x1e.\xae\x14-\x84\x90\x9a\x9a\x9aG\xfe\xf4\xa2\xc3\xe5\xfa\xf33\x8f\x03\x00cZ\xedr\xe7\xac\xdaS5\xf7\xcf\xcf\xbd\xff\xb79\xce\xac\xec}\xbb\x7fV/r!\x08\x80\x90\x92\x1b\xc6\x05\x17]\xf2\xe4\x8b\x7fi\xd1\xaa\x8d\xc7\x8dk`\x9d\x0e\xcc?\x8e\x08\xce\xd33\xd2\x8b\xd6\xff\xf8\xde\xfc7\xea\x16\x85\xa6\x94qn\x0c\xbayT\xab\xb6\xad++\xdc\xb8=d4`Q\x8d\x16\xd5cP]]=y\xdac\xb3\xdf\xf9g^\xa3\xc6\xaa\xf5\x01\x00\xb5\xe5\x08c\xcc\xe3\xae\xda\xb7\xfbg\xca\x98Z\xb7\x92\x00\x08!\xd232\xef\x7fb\xe6\x9b\xffXrV\xb3\x16\xd5\x1e&lt;\xefO\x13\xe6\x1f7j\xb7\xe2y\xf2\x81I\xc1`\x00j\xfb\xeb\x84\x14Y\xd9\xb9c\'M\xf5y\x83\x94\xe2\x1dXT`\x01\x88"\xd5\xf3PY^u\xd9\x95\xd7}\xb2r\xc3-c\'X,\x165\xb5]-7\xaf\xbeA\x1c\xdd\xa9\x8a\x02\xc0\x80k\x07\xad\xf8q\xf7\x84\xa9\xf7\x07\xfc\xbe` \x80\xad\xcf\x99\xc0\xfc\xe3\x82\xc1\xb93+\xe3\xff\x9ez\xe4?kW1\xc6D\xed\xe60R\x88)\x8f&lt;\xdd\xa4Y\xd3P0\x88\x0f`\xa2\x04\x0b@t\t\xce-\x16+\xa5\xb4\xc6\xe3QK\x1f\xd6\xcdgW\xffY7\xb9T\x8dH\xd9\xb6i\xc3;o\xce\xde\xb7\xfb\xa0+\xcb\x05\x008\xf5\xf4\x0ca\xfe\r\x9c\xa1\xeb\xd9\xb9\xceE\x0b\xe6\xcf{\xf5\x05\xc6\x98\xda\xbf\x811\x8d\x1b\xc6eW]?\xec\xf6q\xee\xaaj\xec\x82\x8b\x1e,\x00Q\xc4\r#5-\r\x08yu\xe6\x13\xd7_\xdc\xf9\x9d\xb9\xaf\x86\xc3!\xf5tK=\xe6RC\x1d\xd4\x86\xa8j\x13\x8c\x03{w\xbf\xf2\xec\xf4\xe1W\xf6\xfa\xfb[\x7fMKO\xb7\xd9l\xb8\x1b\xedi\xc3\xfc\x1b8C\xd7]\xd9\xae/\x97,\x99\xfe\x87\xbb\x8e\xe9\xfa\xa7\x9c\x1bM\x9b\x9f\xfd\xd4K\x7f\t\x87\x82x\xe9\x1fUX\x00\xa2\x85\x1b\x86\xc3\xe5\xdc\xf9\xd3\xd6\xdb\xae\xbb\xe4\x95gg\xf8\xfd&gt;5)I5=\x9c\xf3\xdc\xfc\x82N]{\x00\x00\xe7\xbcn\xca\x12!\x841\xed\xf0\xa1\x03\x8fL\x1e3a\xe4\xa0\xf2#\xa5\x19\x99\x99jSCtJ0\xff\x06\xce0\x0cG\x96k\xc3\xba\xb5S\xc6\x8e\xd0\xc3aY;_OJ\x99\x96\x9e\xf1\xf2\xbc\xf7\xb2rrC\xa1\xb0\xea\xb2CQ\x82\xe1F\x05\xe7\x863\xcb\xb9\xa2\xf0\xb3[\xaf\xe9\xbb\xf1?k\x99\xa6\xa99\x8d\xeaa\xa3++g\xf2\xb4\'&gt;\xfc\xe2\x87E\x8bW.Z\xbcr\xf0-\xa3SRS9\xe7@\x80\x10\xc2\xb9A\x08e\x8c}\xf1\xf9\xc7#\x06\xf6\xf9\xcf\x9a\xef\x9c.\'\xc76\xe8T`\xfe\r\x9ca\x18\x99\x99\x99?o\xdfz\xf7-7\xd4x\xdc\x94\xb2\xdaA\xba@\x08y\xfe\x8d\xb7;u\xeb^S]\x8dk\xc0E\x1b\x16\x80\xc8\xe3\xdcp8\x9c_-]2q\xe4\xa0j\x8f\x9b1\xc6\r\x03\x80\xa8mN\x07\x8d\xb8\xe3\xa3/\x7f\x982\xedq\xa7+;\x10\x08\x9d\xdf\xbd\xd7s\xaf\xcd\xfb`\xd9\xda!\xb7\x8e&amp;@\x84\x10\x8c1)\x85\xda\x91\xfc\xf0\xa1\x03c\x87^\xb5v\xd57\x19\x0e\x07\xf6E\xd4\x13\xe6\xdf\xc0q\xc3H\xcf\xc88\xb8\x7f\xcf\xf8\xe1\xd7\x94\x95\x1ef\x8c\t\xc1\xd5\xc2\xd1B\x88\xa7^\x9as\xe5\xf5\xd7WU\xba5\xec\xfa\x8f&gt;,\x00\x11&amp;\x84HII\xdd\xb3k\xe7\x1f\xee\xbcE\xd7\xc3\x9415\xdaDJ\x91\x92\x9a\xf6\xfc\xebo=\xff\xc6\xfc\x9c\xbc\x82\x8ar\xb7a\xe8\x94\x12\x9f\xcf\xeb\xaet\xb7h\xdd\xf6\xd9\xd9\xf3\xde\xfax\xc59\x1d:\xa9\x85P\x00\x80\x1b\x06c\xcc\xe7\xad\x99|\xc7M\x07\xf6\xeeNI\xb1\xe33\xc9\x93\xc2\xfc\x1b8\xce\x8d\xb4\xf4\xf4#\x87\x0f\x8d\x1bv\xcd\xc1}{X\xed\x1b\xa4\x86cM{\xfa\xc5\x11\xa3\xc7T\x96a\xeb\x1f#X\x00"\x8e0\x8d=\xf9\xe0$OU%c\x9a\xda\xd8\x88\x10\x92\x9a\x96\xfe\xfa\xbb\xff\x1a2rde\x85[\x0f\x85\xd4&amp;\xa8\x00@)eL\x0b\x06\x02\xee\nw\xcf\xde\xfd\x16-^9p\xd0p\xce\xb9\x9az\xca9gL\xab(?2\xfd\x0fwS\xc6p5\xc4z\xc0\xfc\x1b.\xceyjZZ\xf9\x91\xd2\xb1C\x07\xee\xde\xb9]\xad\xb7\xa1Z\x7f\xce\xf9\xbd\x8f\xfeq\xdc\xe4{+\xcbq\xe6]\xec`\x01\x88$\xc1yFf\xfa\x97\x85\x8b\xbf]QH\x19S3\x8fT\xef\xf3\xf4\xe7g\xf7\xeb\x7fyYi\xa5\xa6i\xbf\\\xd3\x8aR\xca4\xad\xda\xe3\xa6\x94\xbd\xfc\xe6\xa2k\x06\xdf,\xfe\xdb\x06\x19\x8ci\xab\xbeZ\xb6\xec\xd3\x8f3\x1d\xe9\xd8\x11\xf1\x1b0\xff\x86\x8cs\x9e\x92\x9aZUQ&gt;v\xd8\xc0\x9d\xdb\xb7\xa8\xf56\xeaZ\xff\xdf?\xfc\xd4\xa4\x07\x1e\xae\xac\xf0\xe0\xdc\x8bX\xc2\x02\x10i\x04&gt;Z\xf8W\xf54\x0bj\xd7\x13\xbe\xf4\xcak\x07\xdfr[\xd9\x11\xb7\xc5b\xfd\x8d\x1fe\x9af\x18F\xc0\xef\x7f\xfa\xe5\xbf\xb4m\xdfA\x08Q;\x01R\x12B&gt;|w\x9e\x94\'\xdf\xd46\xd9a\xfe\r\x12\xe7&lt;%5\xa5\xda]9n\xd8\xd5?m\xd9\xc84\x8d\x1b\x86\x9a\x8a\xc19\xbf\xf7\xd1?\xfd\xfe\xa1G\xab*&lt;\x0c\xd7\xfb\x8c-\x8c;b\xa4\x94\x16\xab\xb5\xac\xe4\xc8\x8f?|\xaf\x9e7B\xed\xf4\xa2[\xc6L\xe0\x86\xa8\xcflFJi8\x1cN\xcfH\xbf\xfb\xbeG@J5kI\x08!\xa5,Z\xbf\xa6\xe4P\xb1\xd5j\xc3\x9diO\x08\xf3o\xb08\xe7\xf6\x94\x94\x9aj\xcf\xb8a\xd7l\xdd\xf8\xe3\x7f[\x7fJ\x85\xe0\x0f\xcc\x989\xe9\xc1i\x95\x15\x1e\xca(\x16\xd8\x18\xc3\x02\x101RJ\x8b\xd5V|`oE\xd9\x11\x00\x90R\xa8\xce\x87\xec\xdc\xfc\xf6\x1d;\x07\x03\xa1z.(\xcf\x18\xf3\xf9\x02\xdd{\xf7ue\xe7\xd4nJ%\t!\xee\xaa\xcaC\x07\xf6Z\xacVl\x80N\x08\xf3o\x988\xe7v\xbb\xdd\xef\xab\xb9s\xf8\xb5\x9b7\xacS\xb3|\x8f\xb6\xfe\x9c?\xf4\xd4\x0bw\xff\xe1\xfe\xcar\x0f\xc3G,f\xc0\x02\x101RJ\xc6heE\xb9\x94R\xb55\xea\x92\xb3Q\xe3\xb3\xd23\x1d\xaa\xbb\xb3&gt;\x7f\x0e!\x84\x1bF\xa6\xd3\xd5\xb8Is\x00P\x13a\xd4\xcf\xba\xab*(\xa3\xd8\x00\x9d\x10\xe6\xdf\x00q\xcemv{0\xe8\xbfs\xc4uE\xeb\xd7\xa8\x05Y\x8f.\xc2\xc1\xf9\xb4\xa7_\x1c?\xe5\x0f\x15\xe5n\x1c\xefo\x16,\x00\x91D\x08\xd4n9K\xea\xfen\xb1X\xd9\xa9\xafeH)\xd3,\x96c\xffl\x00\x10\x9c\xe35\xd2o\xc0\xfc\x1b\x14\xc1\xb9\xcdf\x0b\x87\x82w\x8d\xb8\xfe\xc7\xb5\xdf\xd5=\xf5U=?\x8f\xfc\xe9\xe5q\xbf\xbf\xb7\xb2\x1c\xd7[5\x13F\x1f1\x04@J\xb0\xdam\x00P\xbb\xe2\x98\x04\x80\xeajw(tJ\xcb\x19JBi(\xe8\xf7TU\xd4\xfd!R\n\x00HIM\x17\x02\xef\x93O\x0c\xf3oP\x04\xe7V\x9b\xcd0\xf4\xbbo\xb9a\xdd\xea\x95\xff\xd3\xef\xcf\xf9\xa3\xcf\xbc2f\xe2\xa4\nl\xfd\xcd\x86w\x00\x91C\x08\xe7&lt;++\x87\xd4.k\xa5\xfa\n\x0e\xed\xdb[R|\xd0b\xb5\nY\xafiDBH\xab\xc5Z|p\xff\xa1\xfd\xfb\x00\x88\x10RuC[,\x96\xdc\xfcF\x86a\x00\xc5&amp;\xe8D0\xff\x06C\x08n\xb1Z97\xee\xb9\xf5\xc6\xb5\xab\xbe\xd2\xfe;\xe6\x87\x08\xce\x1f\x7fn\xd6\x98\x89\x93*\xca\xb0\xf57\x1f\x16\x80\x88!\x84\xe8\xe1p\xe3\xa6\xcd\xb3sr\x01@-k\xc5\x18\x0b\x85\x82\x85\x9f|\x90\x9en\xe5z\xbd\xd6\x93\xe1\x86\x91\x96aY\xfc\xd1\xdfu=\xcc\x18Sc\x10\x01\xa0q\xd3\x16\x8d\x9b6\xd7\xc3!\x8a\xcbc\x9d\x08\xe6\xdf@\x08!,\x16\x0b\x80\x9cx\xfb\x90\xef\xbf\xf9B\xd34\xa3\xae\xf5\x17b\xfa\xcc\xd9\xa3\xee\x99XQ\x86\xb3\xbd\x1a\x04&lt;\x95#F5@9yy\xe7u\xe9A\x08\xa1\x94\x00\x80\x1aF\xb2\xe0\x8d\x97\xb7o\xd9\xeep\xb9t=\\\xb7\x1e\xfd/I)\xf5p8+\'\xabh\xdd\x86\xb7\xe7\xceR{\xa2\x02\x80\x9a\xb8t\xe1\xc5\x97:]\x99\x86\xa1\xc7\xec7\x8a/\x98\x7fC \x84P\xb3\xac\'\xdd~\xd3\xb7+\n\xebZ\x7f50\xf7\xb1\xe7f\x8d\x1c\x7f\xcf\x91\x92r \xc0O\x1d&gt;~\x8f8,\x00\x91$\x01\x08!\xd7\x0c\xbe\xb9\xeeLU#\x08=U\x95\x93G\r-&gt;\xb8/\'/\x0b\x80r\xc3\xe0\xdc\xe0\x9c\x0b\xce\xc5\xd1s\xdb\xe0\xdc\xa0\x94\xe56\xca\xda\xb1m\xeb\xe4Q7yk\xaa\xeb\x06 J!)e\x83F\x8c\n\x87\r\\\x1d\xf77`\xfe\xe6RS1\x18\xa3\xbf\x1f=\xfc\xeb\xe5\x8bU\xeb\xafv\xdeIKO\x7f\xe9\xcd\xf7~\xff\xc0D\xceevn\x8e\xd3\xe5t\xba\x1c\xa7\xfa\x97\xa6iX\x03"\x0b\xef\xc2"\x891\xe6\xad\xf1\xf6\xbf\xe6\xfa\x0e\x9d\xban.Z\xaf\x16\xbaR\xab\x10\xef\xd8\xbai\xc4U\x17\xdd\xfb\xc8\xd3\x97\r\xbc\xde\x95\xed\x04\x00!@=Q$\x14(\x05)\xa1\xbc\xac\xec\xc3\xd9\x7f\x9d\xf5\xec\x0cwUE\xdd\xfe\x18\x8c1\xc30\x06\x8d\x18\xd5\xa5gOw\x95\x07\x07\xcc\xfd\x06\xcc\xdfT\x92\x10\xc2\xf5\xd0\x1f\xee\x19\xb5b\xc9\'G[\x7f\x00\xb5\xd3rjZ\xc6\x86u\xabW\xae(\xa4\x94\x92\xdf\xb8\x0b\xfb\x15\xaa\x18\x8f\xbe\xe7\xbefg\xb7\x0e\x87B\xb8Cd\xa4`\x01\x880!\xb8EKyl\xe6\xac[\xaf\xedg\xe8\xbajGT\x1bTR|\xf0\xc1\tw4k\xd9\xaaG\xef~\xe7\xfc\xee\xbcF\x8d\x9b\xa6\xa6\xa5I\x00\xbf\xcf[|p\xdf\xb6\x8d?\xae\xf9\xf6\xab\xc3\x87\x0e\x00@]\xeb\xa3&gt;E-[\xb7{\xf0\xc9\xe7|\xbe@=\xa72%3\xcc\xdf,\x82\x8b\x0c\x87\xe3\xab\xa5\x8b\x97}\xf6\xcf\xba\xd6\x1fj\x1f\xc5\x97\x95\x1e\xfe\xdb\x1b/\x9f\xe1\xff\xe2\xda!7\xb7jw.n\x11\x1cAX\x00"\x8cR\xe6\xf5z\xbb\xf6\xbc\xf0O\xaf\xcc\xbb\xff\xae\x91RJ\xa6i\xdc\xe0\xe2\xe8~\x17d\xff\x9e]\xfb\xf7\xec\xfa\xd5\x1fgL\n\xa1\xbeY]{\x164i6\xfb\xed\x8f2\x1c.\xbf\xcf\x87\x97\x9f\'\x85\xf9\x9b\xae\xae|\x1e\x8b\x10BO}6\xc6\xb1?.\xa5\xc4.\xa0\x88\xc3+\x9a\xc8c\x8c\xb9\xab&lt;7\x0e\xbfu\xf6[\x1fe\xe7\xe6q\xc3\x00\x90\x8ci\xea$V\xeb\x0f3\xc6(\xa5\x84RB)\xa5\x8c1\x8d1\x8dP*\x85 \x842\xa6I)\r\xc3\xe8v\xe1Eo\x7f\xbc\xe2\xec6\xed\xb0\xf5\xa9?\xcc\xdf\\\xea\xc1\xc9q\x00@\x08~\x86\x7fa\xeb\x1fqX\x00\xa2\x821\xe6\xaer\x0f\xb8\xf6\xc6\xbf/\xf9\xee\xc6\x11\xb7[\xadV\xce\r\xb5\xa6\x18\x00\x01\x02\xa0\xa6\xc4\x10B\xd5\xa7\x83\x1c}Y\xedT\xce\xb9\x91\xd7\xa8\xe0\xfe\x193\xff\xfaAaA\x93f\xde\x1a/\xb6&gt;\xa7\x04\xf37\x8b\x94Rm\xb9,#J\xbdwX\x00"\x0e\xbb\x80\xa2\x851\xcd\xe3\xf64j\xdct\xe6k\x0bn\xbf\xf3\xf7\x9f\xfd\xf3\xef_/]\xbc\xfb\xe7\xed\x86\xae\xc3\xafOHJIM\xfd]\xa7n\x03\xae\xb9\xf1\xaa\x1b\x866n\xd2\xb8\xda\xe3\xd5u\x1d[\x9f\xd3\x80\xf9\xc7\x9e\x94R\xb3X2\x1c\xce\x13\xf6\x02\x9d\t\xec\x02\x8a\x12,\x00Q\xc4\x18\x0b\x87\x83\xc1`\xa0\xed\xb9\x1d;\x9e\x7f\xfe\x84\xa9\x8f\xed\xdf\xb3\xeb\xe7\x9f\xb6\xee\xdd\xbd\xb3\xac\xe4\xb0\xc7]\x19\n\x06\xa5\x946\xbb\xdd\xe9\xca\xceo|\xd6\xd9m\xcei\xdb\xbeC\xd3\x16g\xdb\xed\x16\x9f7XU\xe9V=\x15f\xff\x1e\xf1\n\xf3\x8f%\xcaX\xc0\xef\xef\xd4\xa5\xc7g\xdfn\x8a\xd2\xff"5=#\x14\xc4G\xf1\x91\x84\x05 \xba\x08\xa1\x8cA\xc0\xef\xf7\xfb\x04cZ\xebv\xe7\xb6\xefx\x1ec %\x08\x01\xeaj\x86\x10\xa0\x14\x08\x01\xce!\x14\n\x87\x82\xc1\x80\xdf\xa7:\xa6\xcd&gt;\xfc\xb8\x87\xf9\xc7\x92\xba\x03pe\xe7\xc8\xe8\xac\xec\x8cs\xc1"\x0eO\xf1X\xa0\x94\xaa\xc7-\x81\x80\xdf\xef\x97 %\x10\x80\xda\xcd/\xa4\xfa\x9b\x04P\xdd\xd2\x84b\xd3\x13Y\x98\x7f\xccH)u=Z\x93\xa5q\xf4g\xc4\xe1\x89\x1eSx\xf7j.\xcc?\x06\xb0\x99\x8e#\xf8y@\x08\xa1$\x85\x05\x00!\x84\x92\x14\x16\x00\x84\x10JRX\x00\x10B(Ia\x01@\x08\xa1$\x85\x05\x00!\x84\x92\x14\x16\x00\x84\x10JRX\x00\x10B(Ia\x01@\x08\xa1$\x85\x05\x00!\x84\x92T\x82\x14\x00\x9c}\x1ec\xc7\x05\x8e\xf9\xc7\x18\xe6o\xae\x84\t&lt;\xbe\x0b\x80\xda)\x02\x00t=\x8c\xab\x04\xc6\x92\xae\x87\x01\xf37\x0f\xe6o.\x95?\x00Dv\xdb\x83\xd8\x8b\xd7\x02\xa06\x88\xc8\xcc\xccl\xd3\xa65\x00l\xdf\\\xa4\x1b\xb8\xd4W,\x08)-\x16\xd8\xbe\xb9\x08\x00\xf2\xf3\xf3[\xb5\xc6\xfcc\n\xf37\x97\xca\xff\xa7\xcd\x1b\x01 3\xd3\xd1\xa6M\x1b\x88\xe7\x1b\x828&gt;c\xd4\x0eA999\x00\xe0vW\x86\x83\xa1\xf8}\x1b\xe2\x8b\x90PQ~\x04\x00222\xf2\xf3\xf3\x01\xf3\x8f-\xcc\xdf\\u\xf9\xa7\xa5\xa5\xba\\.\xc0\x02`\nu\xf3u\xdey\x9d\x00`\xff\xee\x9f\xcbK\x0f[\xadV\xdc/"\xda(\xa5\xa1 WW\xa0\x1d:t\xb8b\xc0\x00\x008\xb0g\x17\xe6\x1f\x1b\x98\xbf\xb9T\xfe\xdb6o\x00\x806m\xda\xa4\xa5\xa5\t!\xb0\x00\x98@\x85\xde\xad[W\x00\xa8\xa9\xf6\xec\xda\xb9\xddj\xb3\xca8\xef\x92k\xe0\xa4\x94V\xab\xb5\xe2H\xc9\xde];\x00\xa0C\xc7\x8e}\xfa\xf4\x01\xcc?V0\x7fs\x1d\x97\x7f\xe7\xce\x9d#\xbe\xfbq\x8c\xc5q\x01P=\x9e\x17^xaVV\x96\x10b\xd5W\xcb4\x8d\x08\xbc\x02\x8a&amp;)\x84=\xc5\xb6a\xdd\xea\xca\xf22J\xe9E}\xfa\xf4\xe8\xd1\xc3\xe9tb\xfe\xb1\x81\xf9\x9b\xeb\xb8\xfc\x07\x0c\x18\x00\xf1\xdc\xff\x03q]\x00\x08!B\x88\x82\x82\x82N\x9d:\x11B\xbe^\xf6Y\xb5\xc7\xafi\xb8\xc7Y\x14\t)\x19#\xcb\x17\x7f,\xa5t:\x9d]\xbbvMMM\xed\xdc\xb93\xe6\x1f\x1b\x98\xbf\xb9\x8e\xcb\xbfw\xef\xde\x10\xe7\xdb\xcc\xc5\xf1\xa1C\xedc\x80a\xc3\x86K)\xf7\xee\xda\xb9v\xd5\x97i\xe9i\x9cs\xb3\x8f+1I)\xedv\xfb\x81}\x07\xbf\xfd\xb2\x10\x00\xae\xb8\xe2J\xf5\x04l\xf8p\xcc?\x160\x7fs\xfd2\x7f\x87\xc3\xc19\xc7;\x00\xd30\xc6\x00`\xc8\x90\xc1\xf9\xf9\xf9R\xca7g=\x1f\xd7\x0fd\x1a8\xceyZ\x86}\xd1__\xab(;\xc2\x18\x1b?~\x9c\x1a\x8c;d\xc8\x10\xcc?\x060\x7fs\x9d0\x7f\xb3\x0f\xeaL\xc5w\x01 \x84\x18\x86\x91\x9d\x9d}\xeb\xad\xb7J)\x7f\xf8\xee\x9bo\x96/\xcd\xcc\xcc\xc0\x8b\xa0\x88\x93R\xda\xec\xf6C\xfb\x0e\xfd\xfd\xad\xb9\x84\x90\xf3\xcf?\xbf_\xbf~B\x08\xce9\xe6\x1f\x03\x98\xbf\xb9~-\x7fu\r\x1a\xbf\xe2\xbb\x00\x00\x00\xa5TJ9~\xfcx\xa7\xd3\t\x00s^~\x86\xe3EP\x14p\xc3\xc8\xcc\xb4\xff\xed\x8d?WU\x94\x03\xc0\xfd\xf7\xdf\x0f\x00RJ\xcc?60\x7fs\xfdZ\xfef\x1f\xd7\x99J\x84\x02 \x84h\xdb\xb6\xed\x94)S\xa4\x94\xebV\xaf\\\xf0\xfa\x9f\xb3s2u]7\xfb\xd0\x12\x077\x0c\x87\xd3\xb1z\xe5wo\xcd}\x05\x00.\xbe\xb8\xef\xd0\xa1C\xd5\xe5\x0f\xe6\x1f\x03\x98\xbf\xb9~#\x7f\xb3\x0f\xedL\x91\x04(bjE\x14\xaf\xd7\xdb\xa5K\x97\xdd{\xf6\xa4\xa5\xa5\xbd\xf5\xaf/;v\xe9Z\xed\xf60\x1c\x14q\xc6\xa4\x10\x9a\xc5b\xe8\xe1\xe1W\xf5\xd9\xb9}\x0b\xa5l\xcd\x9a\xd5]\xbatQ\x97\x9f\x80\xf9G\x19\xe6o\xae\x93\xe6\x1f\xd7\xe2\xfe\x17\x00\x00B\x08!\xc4\xe1p,\\\xb8Pc\xcc\xef\xf5&gt;4\xf1\x8e\xca\xf22\xab\xdd\x86\x9d\xa1gHJ)\xa5\xb4\xdbm\x8f\xff\xe1\x9e\x1d\xdb6K)_x\xe1\xf9\xae]\xbb\n!\xea\xce~\xcc?z0\x7fs\xd5\'\xff\xb8\x96\x08\xbf\x03\x00PJ\r\xc3\xe8\xd9\xb3\xe7\xf3\xcf?/\x01vn\xdf2n\xd85\x8cR\x9b\xdd\xce\r\xc3\xec\xa3\x8bWB\x08)E^\x81c\xc6\x03\x93&gt;\xfdp!\x00\x0c\x192d\xca\x94)\x86a\x1cw\xf3\x8b\xf9G\x03\xe6o\xae\xfa\xe7\x1f\xbf\x12\xa4\x00\x00\x80\xa6i\x86aL\x992e\xdc\xb8q\x00\xb0\xe9\xc7\x1f\xc6\xdc4\xb0\xc6\xe3\xcep8\xb0?\xf44p\xc3\xb0X,\xe9\xe9\x19\x0fM\x9c\xf8\xde\xfc\xd7\x01\xa0{\xf7\xees\xe6\xcc\xf9\xb5\xaeO\xcc?\xb20\x7fs\x9dj\xfeq*q\n\x00\x000\xc6\x84\x10s\xe6\xccQ\x9f\x81\xd5+W\x8c\x1b6p\xcf\xce\xed9\xb9.\xcey\\/\xd9\x11KRJC\xd73\x1c\x0e]\x0f=p\xcf\x1d\xef\xbe9[\x08\xd9\xbd{\xf7\xc2\xc2\xc2\xdf^\xfb\x10\xf3\x8f\x08\xcc\xdf\\\xa7\x9d\x7f&lt;J\x84\x87\xc0\xc7R\x0f\xc4\x18c\xe3\xc7\x8f\x9f;w.\x008]\xd9\x8f&lt;\xf3\xf2\r\xc3n\xd5u\xee\xf7\xd6\x10J\x13\xa3\xf3.\x1a\xa4\x94\x9cs\x9b\xdd\x9e\x91a_\xbb\xea\xbb\xe9S\xefQ\xabN\xf6\xe8\xd1c\xc9\x92%.\x97\xeb\xa4]\x9f\x98\xff\x99\xc0\xfc\xcdu\xe6\xf9\xc7\x9dD+\x00P\xfb\xdc\x86R\xfa\xc4\x133f\xccxB\xbd8\xf0\x86\xa1w\xdd7\xed\xdc\xf3:\x87\xc3\x86\xdf\xe7\x03\x90\x94\xb2D\xaa\xe4g\xe2\xe8\xc6RR\xda\xec\xf6\xb4t\xfb\xc1\xfd\x87\xde\x9d7{\xfe\xec\xff\x0b\x87\xc3\x000t\xe8\xd07\xdex\xa3\xfeg?\xe6\x7f\xaa0\x7fsE6\xff\xf8\x92\x80\x05\x00\x8e\xf9\x0c\x14\x16\x16\x8e\x1e=\xa6\xb8\xf8\x10\x00\xd8\xed\xf6\x817\x0e\xbb\xed\xce\xc9\xbf\xeb\xd4\x85\x10\x08\x06\xc2\xe1pH\x08!\xa5$\xc9\xf7Q\x90\x00RJB\x80\x10j\xb1ZSR\xec\x8c\xc1\x81}\x07\xdf\x7fk\xce\xfbo\xcd-+-\x01\x00\xab\xd5\xfa\xdcs\xcfM\x992\x05\x00N\xe9\xec\xc7\xfcO\n\xf37WT\xf3\x8f#\x89Y\x00\x14\xc304M+..~\xf4\xd1G\x17.\\\x14\n\x05\x01 %%\xb5W\xbf\xcb/\xb9\xe2\xda\x9e}\xfa\x16\x9c\xd5\xcc\x9ebc\x0c\x0c\x03\x127\x86_e\xb1\x80\x10\x10\x0e\xf3\xb2\xd2\x92\xa2u\xdf\x7f\xb5t\xf1\xca\x15K\x8e\x94\x1cV_\xed\xdf\xbf\xffSO=\xd5\xb3gO\xb5\xbc\xcci4\x11\x98\xffo\xc3\xfc\xcd\x15\xed\xfc\xe3B"\x17\x00\x00\xe0\x9c\xabG\xf6k\xd6\xacy\xe6\x99g\x96-[\xe6\xf7\xfb\xd5\x97223\xcfn\xd3\xbeU\xdb\xf6\x8d\x9b6m\xd1\xea\x1cWV\xb6a\x18\x89\xfa6\xff/I\x08\xd5\xf5\xf0\xf6\xcdE\x95\x15e;\xb6n\xda\xb5c[E\xd9\x91\xba/\xf7\xea\xdd{\xe2\x84\t#F\x8c\x80c\x02&lt;=\x98\xff\x89`\xfe\xe6\x8a]\xfeq@&amp;:!\x84a\x18\xea\xdf7m\xda4u\xea\xd4\x16-[\x9a\x9dzC\x94\x97\x97w\xdb\xed\xb7/]\xbaTe\xc59\xe7\x9cc\xfe1\x83\xf9\x9b+J\xf97p\t~\x07PG\xf5u\xaab^SS\xb3m\xdb\xb6U\xabV\xad_\xbf~\xd3\xa6Mn\xb7\xe7\xf0\xe1\xe2\xe4\x9b3I\xf2\xf2\xf3\xd2\xd2\xd2:w\xee\xdc\xb1C\x87\x9e={v\xed\xda577\x17\x8e\x19I\x12\xc1\xff\x19\xe6\xff\x0b\x98\xbf\xb9b\x9a\x7f\x83\x95,K\x85\xa8\xed\xc3\xa4\x94\x84\x90\x8c\x8c\x8c\xee\xdd\xbb[,\x16JiUU\x15e\xec\xc8\x91\xd2$)\x84\xb5\x08\x00823\xb3\xb3\xb3\xbbv\xe9r\xe1\x85\x17v\xed\xda5##C}\x8ds\x1e\xf1\xe7]\x98\xff\xff\xc2\xfc\xcd\x15\xeb\xfc\x1b.S\xee;b\xac\xee\x168\x14\n}\xfc\xf1\xc7\x83\x06\rj\xd2\xa4\xa9\xd9\xc17,\x99\x99\x99\x97]~\xf9\x9c9sJKKUV\xba\xae\xab&amp;\x03\xf3\x8f\x01\xcc\xdf\\Q\xcd\xbf!K\xf0. \xf5\xdb\x11B&lt;\x1e\xcf\xdc\xb9s\xdf~\xfb\xed\x8d\x1b7\xd6}5=#\xa3\xe0\xacf\xb9\xf9\xf9-Z\x9d\xe3\xcc\xca\xe2F|\xef\xeeVO\x12$!\xc4\xd0\xf5\xed\x9b\x8b&lt;\xee\xaa\x03{w\xb9\xab*\xeb\xbeZP\xd0\xf8\x96[n\x1e;vl\xbbv\xed\xe0\x8cG\xbfa\xfe\xbf\x84\xf9\x9b+\x96\xf97|\x89\\\x00\xea\x9e\xe0\xcf\x9f?\x7f\xe6\xcc\x99\xdb\xb7oW\xaf7n\xd2\xec\x82\x8b/\xed{\xf9U\xe7t\xe8\x9c\x97_\x90\x96\x9e\xc14H\xe8w\xf9\x04\xa4\x04\xc3\x80P0TQV\xb2\xf3\xa7\xad\xdf}\xb5l\xd5\x97\xcbvl\xdb\xac\xbe\x9a\x95\x955i\xd2\xa4{\xef\xbd\xd7\xe1p\xa8\xd1\x84\xa7\xf1\xbf\xc0\xfc\x7f\x03\xe6o\xae\x18\xe4\x1f\x17\x12\xb6\x00\xa8\xb3\xbf\xb8\xb8x\xf4\xe8\xd1\x85\x85\x85\xea\xc5\xb6\xed;\xdcv\xe7\xa4\xfeW\xdf\x98\x9d\x9b+%\x84Ba=\xac\x0b\xc1\xa5\x14\t\x1a\xc3\xaf"j\x19aJ-\x16\xab\xcdn\xd34\xa8\xa9\xf6\xaf\xfd\xee\xeb\x05\xaf\xbd\xb4\xea\xabe\xea{\xda\xb5k7o\xde\xbc\xde\xbd{\x9f\xc6Ph\xcc\xff\xb7a\xfe\xe6\x8av\xfe\xf1"1\x0b\x80*\xda\x85\x85\x85\xa3\xc7\x8c)&gt;t\x08\x00Z\xb6n;f\xe2\xd4\xabo\x1c\x96\xe9\xcc\xf4\xd6\xf8u=\x0c@(\xa5\x84\x80z"\x94\xb4\xa4\x94R\r\x11\xd1\xb4\xb4\xf4t\xce\xc5\xaa/\x97\xbe9k\xe6\xea\x95_\x02\x80\xd5f{\xee\xd9g\xa7L\x99rJ\x9f\x01\xcc\xbf\xfe0\x7fsE#\xff8\x92\x80\x05@\x9d\xfds\xe7\xce\x1d?~\xbcz\xe5\xe6\xd1\xf7Ly\xf8\x89\x9c\xbc\x1c\x8f\xdb\xcb\r\x832\\\x05\xe5\xc48\xe7\x84\x90\x8c\xccL\xce\x8d\xb7\xe7\xbc\xfa\xca\xb3\xd3\xbd5\xd5\x000n\xdc\xb89s\xe6\xa8\xd1\x11\'\x8d\x0e\xf3?m\x98\xbf\xb9"\x92\x7f|I\xb4\x02\xa0\xee|\xeb\xce~\x873\xeb\xf1\x99\xb3\x06\x8d\xb8\xb9\xda\xe3\x0f\x87\xc3\t\xdc\x97\x17A\xeac\x90\x9d\x93\xb9~\xcd\x0f\x8fL\x1e\xb7}K\x11\xd4~\x06Nz\x1d\x84\xf9\x9f9\xcc\xdf\\g\x92\x7f\xdcI\xa8\x02p\xdc\xd9\x9f\x93\xd7h\xd6\x82\x0fz\xf5\xed}\xa4\xa4\x8aiZ"\xbdm1\xa0\xeb\xba\xd3\xe5\xaa(+\xbd\xeb\xe6\xeb\x8b\xd6\xaf\x81c\xae\x83~m\x8e\x0c\xe6\x1fA\x98\xbf\xb9N#\xffx\x948\x05@\xbd1\xcb\x97/\xef\xdf\xbf?\x00\xb8\xb2s\xde/\xfc\xbe\xf9\xd9\xad=UU\x9a\xc5b\xf6\xd1\xc5%n\x18V\xbb\x8dQ6j\xf0\x15kW}\x05\x003f\xcc\x98&gt;}\xfa\t\xc7E`\xfe\x11\x87\xf9\x9b\xeb\x94\xf2\x8fS\tR\x00\xd4p\xdd\xd2\xd2\xd2N\x9d:\x1f9R\x9a\xe9p\xbe\xb1\xf0\x93\xae\x17\xf4\xf6\xb8\xdd\x9a\x86g\xff\xe9\xe3\x9c\xdb\xec6\xaf\xc73f\xe8U[7\xfeH\x08),,\xec\xdf\xbf\xffq\xd7A\x98\x7f\x94`\xfe\xe6\xaag\xfe\xf1+AF\xffJ)9\xe7#G\x8e,--\x01\x80\xc7\x9e\x9d\xd5\xabo\x1fw\x15\x9e\xfdg\x8a1\x16\n\x04\xb3r\xf3^\x9c\xb3\xd0\xe1tI\t#G\xdeVRR\xa2\x96\x16\xa8\xfb6\xcc?J0\x7fs\xd53\xff\xf8\x95\x08\x05@U\xe3\x85\x0b\x17.[\xb6\x0c\x00n\x1a9v\xf0\xad\xb7\x94\x96TY\xf0\xce7\x12\x98\xa6y\xdc\xee\xb6\xe7\x9e\xf3\xf0\x1f_\x06\x90\xa5\xa5%\xd3\xa6M\xa3\x94\xd6\xdd;b\xfeQ\x85\xf9\x9b\xeb\xa4\xf9\xc7\xb5\xb8\xef\x02R+Z\xb8\xdd\xee\x9e={\xee\xde\xbd\xbbI\xf3\x96\x1f,_k\xb3\xd9\xd5\xa3|\xb3\x8f.qp\xce\x9d.\xc7=\xb7\x0e^\xfa\xe9G6\x9bm\xe5\xca\x95\xdd\xbau\x93R\x12B0\xff\x18\xc0\xfc\xcd\xf5k\xf9\xc7\xfbB\x11\xf1}\xf4P\xbbt\xdf\xfc\xf9\xf3\x7f\xfe\xf9g!\xc4\xd8I\x0f\xe4\xe4e\x85\xc3a&lt;\xfb#\x8b\x10\xa2\x87\x8d\t\xf7?n\xb3\xdbC\xa1\xd0\xf4\xe9\xd3U\xd3\x83\xf9\xc7\x06\xe6o\xae_\xcb\xdf\xec\xe3:S\xf1]\x00\xa4\x94\x8c\xb1@ 0\x7f\xfe|BH\xcb\xd6\xed\xae\x1d2\xc2S\xe5M\x98g\xf4\r\x07\xa5\xd4\xeb\xf5v\xe8\xdc\xe9\x8ak\x07\x03\xc07\xdf|\xb3m\xdb6\xc6\x18\xa5\x14\xf3\x8f\x01\xcc\xdf\\\xbf\x96\x7f\xbc?\t\x88\xef\x02\xa0\xe6e,_\xbe|\xcb\x96-R\xcaQ\xf7\xdc\x97\xe9\xc8\xe0\x86a\xf6q%&amp;Ji8\xa4\x8f\x9e05%5\xcd\xe7\xf3\xbd\xf9\xe6\x9b\xeaE\xcc?60\x7fs\x9d0\x7f,\x00\xe6[\xb0`\x01!$\xaf\xa0\xf1\x80k\x06yk\xfc4!\x86g5@\x94R\x9f\xcf\xdf\xa1s\xe7\x1e\xbd/&amp;\x84|\xf0\xc1\x07^\xaf\x17\x00\xd4\xe5\'\xe6\x1fm\x98\xbf\xb9~\x99\xbf\xdf\xef\xd74-\xae;\x82\xe2\xb8\x00\xa8\xfe\x1f\x8f\xc7\xb3v\xed\x0fR\xca^\x17_\x9e\x93\x97\xa3\xeb:\xf6~F\x91\x94\x84\xc0eW\xdd \xa5&lt;t\xa8x\xeb\xd6\xad\x86a\xacY\xb3\x06\xf3\x8f\x11\xcc\xdf\\\xff\x9b\x7</t>
        </is>
      </c>
    </row>
    <row r="413">
      <c r="A413" s="1" t="n">
        <v>411</v>
      </c>
      <c r="B413" t="inlineStr">
        <is>
          <t>shape_size_grid</t>
        </is>
      </c>
      <c r="C413" t="inlineStr">
        <is>
          <t>What is the size of the missing part denoted by a question mark?</t>
        </is>
      </c>
      <c r="D413" t="inlineStr">
        <is>
          <t>['large', 'medium', 'small']</t>
        </is>
      </c>
      <c r="E413" t="inlineStr">
        <is>
          <t>small</t>
        </is>
      </c>
      <c r="F413" t="inlineStr">
        <is>
          <t>There are 9 shapes arranged in a grid with different sizes in the image, of which there is 1 missing shape. The first row is ['large hexagon', 'medium hexagon', 'small hexagon'], the second row is ['large pentagon', 'medium pentagon', 'small pentagon'], and the third row is ['large square', 'medium square', '?'].</t>
        </is>
      </c>
      <c r="G413" t="inlineStr">
        <is>
          <t>We observe that the columns contain large shapes, medium shapes, and small shapes respectively. On the other hand, the rows contain hexagons, pentagons, and squares respectively. Hence, the pattern is that the shapes within each row are the same, while each column progresses the size of the shapes.</t>
        </is>
      </c>
      <c r="H413" t="inlineStr">
        <is>
          <t>Based on the pattern that the shapes within each row are the same, while each column progresses the size of the shapes, the size of the missing square should be small.</t>
        </is>
      </c>
      <c r="I413" t="inlineStr">
        <is>
          <t>b'\x89PNG\r\n\x1a\n\x00\x00\x00\rIHDR\x00\x00\x02\x00\x00\x00\x02\x00\x08\x02\x00\x00\x00{\x1aC\xad\x00\x00Y\x10IDATx\x9c\xed\xddy|\x14U\xb6\x07\xf0[Kw\xc8\xbe\xb0\x05uT@\xc0\x05\x18\t*\x03A\xb6\xd1$\x8a\xa8(\x89\xb8\xb09OpE\x10\x14\x18@@@@\x16\x11\\F\x07eq\x19\x0c(*\xa2\x04\x15D\t\x88JT\x04\x11"\x9b\x1b\x10\xb2t\xd2Y ]U\xf7\xfdqH\xd9fAH\xba\xbb\xb6\xdf\xf7\xf3&gt;\xf31y\x9aTW\xaa\xee\xa9{\xee\xa9s\x05\xce9\x03\x00\x00\xe7\x11\x8d&gt;\x00\x00\x000\x06\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14\x02\x00\x00\x80C!\x00\x00\x008\x94l\xf4\x01\x98\x97\xa6iF\x1fB\xc0\x88""=\x00T\'p\xce\x8d&gt;\x063\xe2\x9c\x0b\x82`\xf4Q\x04\x8c\xcd&gt;\x0e\x00\x04\x04f\x00\xb5\xd04M\x14\xc5\xa9S\xa7~\xf6\xd9g\x92$\xa9\xaaj\xf4\x11\xd5\x13\x1d|\x8f\x1e=\xa6N\x9dJ\x1f\xca\xe8#\x02\x00\x13\xc1\x0c\xa0:M\xd3\x04A\xd8\xb7o\xdf\xc5\x17_l\xf4\xb1\x04\xcc\x8f?\xfe\xd8\xb6m[\xce9b\x00\x00\xe8\x10\x00\xaaSUU\x92\xa4\xd4\xd4\xd4\r\x1b6\xb8\xddn\xeb&gt;\xfe\x13I\x92*++SRR\xb2\xb2\xb2\xe8\xa3\x19}D\x00`\x16\x08\x00\x7fBC\xe4\x86\r\x1bRSSO%\x7f\x04&amp;\x8a"\xb3\xe2I\x12\x98\xa6i\x8c\x9fJ\x04eee\xa5\xa4\xa4 \x06\x00\x80\x0e\x01\xe0\x0f\x9cs\xce\xb9\xa2(\x1d;v\xdc\xb7o\x9f \x08\xf6(\x04\x12E\x91s\xde\xb6m\xdb\x9d;w\xca\xb2,\x08\x02\x16\x84\x01\x80a\x11\xd8\x9f\xa6i\x92$\xcd\x9b7o\xef\xde\xbd\xb2,\xab\xaa*\x8a\xa2$Ks\x16\xcfL&lt;\xa7ye\xa5\xcf*\xe3&amp;\xe7\xdc\xedv\x1d\xfd\xfd\xd8\xb8\x87&amp;\xaa\x8a\xca9\x97$i\xef\xde\xbd\xf3\xe6\xcd\xfb\xf7\xbf\xff\x8dI\x00\x00\x10\xcc\x00N\xa1\x87\xfd\xbc\xbc\xbc\xcb.\xbb\xcc\xe3\xf1\xd0z\xa9\xaa\xaa#\x1e\xfe\xbf\xb9\x0bgy\xca&lt;\xd6\x1a4UU\x8d\x8b\x8c{t\xd4\x84\x17\x9fY"I\x12\xadl\xc7\xc5\xc5\xed\xde\xbd\xbbY\xb3f\x0co\x06\x00\x00\x02\x80\x8e\x9e\x8b\x87\r\x1b\xb6l\xd92I\x92(\x1dt\xfe\x85\x7f{\xff\xf35aaa&gt;\x9fe\x1e\xff\t\xe7\xdc\xe5r\x9d&lt;y\xf2\x86\xab\xfb\xff|\xe8\x17J\xfb\xa8\xaa:t\xe8\xd0\xa5K\x97b\x12\x00\x00\x0c\x01\x80\xd0\x03rNNNrr\xb2\xcf\xe7\xa3\\\x90\xaa\xaas\x16\xcf\x1cz\xdf\xe0\xfc\xbc|Y\xb6^\xaeLQ\x94&amp;\xcd\x9a,{a\xc5\xb8\x87&amp;\xd2\xc7\x11E\xd1\xe5regg\'%%\xa1$\x14\x00\x10\x00\x18\xabz\xfc\xef\xd5\xab\xd7\xe6\xcd\x9b\xe9\xd1XU\xd5+\xbbv^\x95\xf5\xbf\x8a\xf2\n\xeb\x0e\x94\x9a\xa6\x85G\x84\xa7\xa7\xde\xfe\xd5\xb6\x1d\xfa\xe7\xea\xd9\xb3\xe7\xa7\x9f~\x8aI\x00\x00Xuh\x0b \x1a\nW\xadZE\xa3?\x15\xfe\x8b\x92\xf8\xf0\xf8\x87\\.\xd9\xd2\x01\x92s\xeer\xc9\x0f\x8f\x7fH\x94DV\xf5I7o\xde\xbcj\xd5*K\xbf\xe1\x0c\x00\x01\xe1\xf4\x19\x00\xe7\\\xd34UU\xdb\xb7o\x9f\x9b\x9b+\x8a"\xe5\xcaoJ\xef\xf7\xd2\x1b\xcf\xe5\x1f/\xb0b\xf2\xc7\x9f\xa2(M\x9a6\x1e~\xc7\x03\xef\xaeZKk\x1b\x9a\xa6\xb5i\xd3f\xd7\xae]\x92$\xd1\xe75\xfa\x18\x01\xc0\x18N\x9f\x01\xe8\xa5\x9f\xb9\xb9\xb9\xb2,\xd3\xdaotL\xf4\xc8q\x0fX:\xf9\xa3\x13E\xb1\xa2\xbcb\xe4\xb8\x07\xa2c\xa2\xe9\xd3\xc9\xb2\x9c\x9b\x9b;o\xde&lt;\xaa\x0e2\xfa\x00\x01\xc00\x96\x1f\xe0\x1a\x82\xfa\xa3\xed\xdf\xbf\x7f\xce\x9c9T\xf4Ic\xe2\x90\xe1wuL\xeaPZZf\x8f\x00PZZ\xd61\xa9\xc3\x90\xe1w\xe9\x8b\xdb\xa2(\xce\x993g\xff\xfe\xfd\xa2("\x06\x008\x96\xe5\x07\xb8\x86\xa0&amp;\xc9O&lt;\xf1DII\x89^(\xf9\xb7\x0b\xce\x1b\xfe\xf0\xbf&lt;\x85\x1e\xab\'\x7ft\xb2,{\n=\xc3\x1f\xfe\xd7\xdf.8OUU\xfa\xa4%%%O&lt;\xf1\x84 8=\x07\x08\xe0d\xce\r\x00\xf4\xbc\xff\xd9g\x9f\xbd\xfe\xfa\xeb\xf4\\L\xa3\xe1\xd8\xc9\xa3\x9b5oZYYi\x9b\xe4\xb8 \x08\x95\x95\x95\xcd\x9a7\x1d;y4\xc5&lt;\xfa\xec\xaf\xbf\xfe\xba\xa5\xfb]s\xd30\xfaL\x00\xd4\x93s\x1f\x00i\xd4\xeb\xd3\xa7\x0f\r\x82\xf4\x9d\xab\xba^\xb1fcf\xb1\xa7\xc4~%\x92\xaa\xaa\xc6\xc6\xc5\xf4\xef\x93\xf1\xe5\xb6\xaf\xf5\xcf\xdb\xa3G\x8f\x8d\x1b72\xc6\xec\xf7y\x01\xe0/94\x00\xd0#\xf0\xab\xaf\xbe:x\xf0`=-.\xcb\xf2\xca\x0f^\xbd\xe2\x1f\x9d\xcbl\x91\xfd\xafF\xd3\xb4\xc8\xa8\xc8\xaf\xbf\xd81\xf0\xfaA\x8a\xa2\xe8\xeb\x01+V\xac\x184h\x90\xb5^\x0b\xe0\x9c\x0b\x82\xe0\xf1x\xe8\x9f\r&lt;\x12\x9a&amp;\xc6\xc5\xc5q\xec\xb9\x06\x16\xe4\xc4\x00@\xd3v\xaf\xd7\xdb\xb9s\xe7\x03\x07\x0e\xe8\xd9\xff\xfe\xb7\xdd\xf4\xe2\x1b\xcf\x1e?f\xc9\xf7~\xcf\x84\xa2(M\x9b7\x19q\xc7\x83k\xde|Wow\xd1\xaaU\xab\x1d;vDGG[\xa5K(\xc5\xaa\xd9\xb3g\xcf\x993\x87z\xf6\x19x0\x92$)\x8a2n\xdc\xb8\xf1\xe3\xc7[+\x88\x020g\x06\x00EQdY\x9e6m\xda\xd4\xa9SO\x8d \x02\x8b\x8d\x8d\xf9p\xeb\xdaf\x89M}\xd6\xe9\xfay\xb68\xe7.\xb7+\xef\xe8\xf1\xeb\xba\xf5+..\xa1\xad\x02\x14E\x99:u\xea\x94)S\xe8\xb4\x18}\x8c\x7f\xc1\xbfg_aa\xa1\xd1\x87sJBB\x02\xba\xec\x81\x159\xeeb\xa5\xd4\xc7\x81\x03\x07\x9e~\xfai=\xf9\xc35&gt;t\xc4\xe0\xd6mZ\x9e\xa88a\xd7\xd1\x9f1&amp;\x08\xc2\x89\x8a\x13\xad\xdb\xb4\x1c:b0\xd7\xb8^\xf9\xfa\xf4\xd3O\x1f8p\xc0\x12\xaf\x05p\xceEQ\x9c0aBaa\xa1\xcb\xe5\x12\x04A4\x94 \x08.\x97\xab\xb0\xb0p\xc2\x84\t\xa2(:\xf0q\n,\xcdq3\x00\x1a\xf2\xd2\xd3\xd3W\xaf^\xad\xa7A.hy\xfe\x86\xed\xeb\xe8\x9fm\x1c\x00XU\xf6\\\x10\x84\x94.}\x0f\x1f\xfcYO\x7f\r\x180`\xd5\xaaU&amp;Ob\xd4\xec\xd9g\xf4\x11\x9d"\xa2\xcb\x1eX\x93\xb3\x02\x80\xde\x0c\xa7W\xaf^\xf4\xf8O\xff\xbb\xf0\xbf\xf32\x06\x0f(*(2\x7f\x0e\xa4\xe1\x14E\x89o\x1c\x9f\xb9b\xf5\xa8{\xc6\xfa\x9f\x84O?\xfd\xb4g\xcf\x9ef\x8e\x01\xd5z\xf6\x9d\xea\xda$\x8a1\xb1\xd1\x9a\xa61\x16\xca\xc8\xcdEQ,)\xf6R\x10\xa2\x83A\x97=\xb0\x1c\x07\x05\x00z\xc0\xf7\xf9|\xc9\xc9\xc9999\xfa\xc3or\xafn\x99\x1f\xbeVR\xecu\xce\x83\x9b\xa6i1\xb1\xd1\x19\xd7\xdd\x95\xfd\xe9V}\x1a\x94\x94\x94\x94\x9d\x9dMy\x15\x13N\x83h`]\xbdzuzz\xba\x9e\xbbc\x8c=\xbfb\xd1\xd5\xbd\x93K\xbd\xa5\xd4\xf0.44U\x8b\x8a\x8e\xfa|S\xf6\xfd\x83G\xb2\xaa\xbc\xa2\xaa\xaa\xabV\xad\x1a0`\x00b\x00X\x85\x83\x02\x00\xdd\x96\xcb\x97/\x1f:t\xa8&gt;\x82\x88\xa2\xf8\xfe\xe7k.i\x7fqyY\xb9\xa3\x02@Dd\xc4\x9e]?\xdepu\x7fM\xd3\xf4\xf1k\xd9\xb2eC\x86\x0c1\xe1\xf8\xc59\xd74\xad\xb4\xb44))\xe9\xe0\xc1\x83\x7f\x14ne\xdc\xf8\xd2\xca\x17\x8a\n\x8aB\x7f\xc0\xaa\xaa\xc67\x8e\x1f&gt;\xf0\xbe5\x99\xef\xe9A\xb4e\xcb\x96999QQQ"\xba\xec\x81\x158%\x00\xd0\xfd\xe9\xf1x.\xbb\xec\xb2\xbc\xbc&lt;^\xb5\xe3\xe3\x9dw\x0f\x9c\xf7\x9f\xd9\x85\xf9\x1eY6\xd7\x90\x17l\x8a\xa2&amp;4\x89\x1b{\xef\xf8\xd7_Y\xa9\xef\x19\xd9\xacY\xb3\xdd\xbbw\xc7\xc5\xc5\x99m\x12PW\xe1\xd6\xfa\xadk\x9b6oZy\xb2R\x10C}\xb4\\\xe3\xee0\xf7\xf1c\xc7\xd3,[R\x05\xe0\xa0g^Q\x14\x17,Xp\xf4\xe8Q\x1a\xda4M\x8b\x8d\x8byd\xd2\xc3\xe5\xa5\x15R\x08\xb3\x07&amp;!Ibyi\xc5#\x93\x1e\x8e\x8d\x8b\xa1D\xb6 \x08G\x8f\x1e]\xb0`\x81h\xb2\x0eq4A\xd9\xbf\x7f\xff\xd3O?Ma[\xac*\xdcj\xd5\xa6\xe5\x89\x13\'DI\x14BN\x94\xc4\x13\'N\xb4\xfasI\x95(\x8aO?\xfd\xf4\xfe\xfd\xfb-QR\x05\xe0\x88\x81\x8fF\xff\xdc\xdc\xdc\xb9s\xe7\xd2\xe8F\x15{#\x1f{\xe0\x9c\xf3Z\x9c8a\xe7\xd2\xcf\xba\x08\x82p\xe2\xc4\x89s\xcek1\xf2\xb1\x07h&gt;D\xa7e\xee\xdc\xb9\xb4/\x82y\xc6/^\xd5\xb3\xaf\xb8\xb8XO\xfe\\\xd8\xea\x82\xfb\xc7\x8c(*\xf4\x18\x98\xad\x92$\xa9\xa8\xd0s\xff\x98\x11\x17\xb6\xba@\xef\xb2W\\\\\x8c.{`\x15\x8e\x08\x004\x82L\x9c8\x91Z\xbc\t\x82\xa0ij\xcb\x8b.\x1c&lt;\xe2.o\xb1WrX\xf2G\'\xc9\x92\xb7\xd8;x\xc4]-/\xbaP\xd3N\x8d_\x95\x95\x95\x13\'N4\xcf\xf8Uk\xcf&gt;\xc6\xd8\xa8\t\x0fE\xc5D)\x8ab`\xf0\x16\x04AQ\x94\xa8\x98\xa8Q\x13\x1e\xa2/\xed\xd1e\x0f\x9c\xc3\xfe\x01\x80\xee\xc9\r\x1b6\xe8\xfb \n\x82\xc09\x9b4sBDD\xb8\xa2\xa8BH\xcb\x07MD`\x82\xa2\xa8\x11\x11\xe1\x93fN\xe0\xfc\x8f\xf1k\xd5\xaaU\x1b6l0\xcf\xf8\xa5\xaa\xea\xe4\xc9\x93\xe9`\xe8\xa8\xae\xeazE\xfa\xa0[\x8a\x0b\x8b\r\xcf\xb3\xcb\xb2\\\\X\x9c&gt;\xe8\x96\xab\xba^\xa1/\x9e\xfb\x1f0\x80\x99\xd9&lt;\x00\xd0\xb3\xbf\xa2(#G\x8e\xa4\xa7Z\x1aA\x92{uK\xedwMI\xb1\xd7l\xe5.!&amp;IRI\xb17\xb5\xdf5\xc9\xbd\xba\xd1\xf8Egl\xe4\xc8\x91\xf4pm\xec&lt;\x80\x0e\xe9\x8d7\xde\xd0\x1f\xa89\xe7n\xb7{\xfc\xf4GUE3K\xe0\x16\x98\xaah\xe3\xa7?\xeav\xbb9\xe7\xfa\x94\xe5\x8d7\xde0O\x10\x05\xa8\x95\xcd\x03\x00\xe5\xb5_|\xf1\xc5\xbd{\xf7R\xde\x9f\xfa\xe1L\x9e5AU\xcd\x92\xe36\x9c\xaaj\x93gMp\xb9]t~DQ\xdc\xbbw\xef\x8b/\xbeh\xecJ\x00\x85\xa2\xe2\xe2\xe2i\xd3\xa6\xe9\xc1[\xd3\xb4\xbe\xfd\xaf\xeb\xde\xbb\x9b\xb7\xc4,\xefm\x88\xa2\xe8-\xf1v\xef\xdd\xado\xff\xebh\xbd\x9a\x8e|\xda\xb4i\xb4ha\x92d\x1a@M\xa6\xb8\x85\x82\x84\xc6\xb2\xa2\xa2\xa2\xc9\x93\'\x0b\x82@\xc1@\xd3\xb4\x7f\xdd?\xb4\xd3\x15\x7f/\xf5\x96\x9ad\x041\x96(\x8a\xa5\xde\xd2NW\xfc\xfd_\xf7\x0f\xd5O\x91 \x08\x93\'O.**2\xb0\xbf\r\x15\xd5,\\\xb8\x90\x8aj8\xe7\x1a\xd7\xe2\xe2c\x1f\x9b:\xc6[Rj\xaa\xa9\x9b$I\xde\x92\xd2\xc7\xa6\x8e\x89\x8b\x8f\xd5\xb8F\xb1j\xff\xfe\xfd\x0b\x17.\xa4\xea \xa3\x0f\x10\xa0vv\x1e\x01\xab\rd\x8c1\xcey\xd3fM\xeey\xe8\xeeRo\x99\xa9F\x10cI\x92T\xea-\xbb\xe7\xa1\xbb\x9b6kB\xc3}\xb5\xc0\x19\xfaC\xaa\xb3g\xdf\xbdf\xec\xd9\'\xe8]\xf6\xee\xb5j\x97\xbd\x80S\x03\xca\xe8Oc[\xb6\x9d\x9f\xd2\xe8\xbfo\xdf\xbe\xf6\xed\xdb\xfb\xbf\xec:\xeb\x99\xe9w\xdf?$\xffx\x81\xe1\xeb\x87\xa6\xa2(J\x93\xa6\x8d_y~\xf9\x84\x87\'\xfb\xbf&amp;\xbdk\xd7\xae\xb6m\xdb\x86\xbe\xc1\x99Z[\xcf\xbe\x0b[_\x90\xb5m-\xe7\xcc\x84=\xfb\xaa\xba\xec\xb1\xd4\xae\xfd\x0e\xed?\xac\x97\xabZ\xa2\xcb\x1e8\x96m\x03\x00\xddr\xa9\xa9\xa9T\xd0B#\xc8\xa5\x1d/y\xe7\x93LM\xb3\xe7Gn8Q\x14n\xfeg\xc6\x0f;\xf7\xe8\xe3WJJJVVV\x88\xc7/\xb5\x8e\x9e}/\xbf\xf9b\xda\x8d)\xc5\x9ebs\x0e\xa6\xaa\xaa\xc6\xc6\xc5\xae\x7fo\xc3\xbfn\x1ba\xad.{\x81E};\xb2\xb3\xb3\x03\xf5\xe4.IRrr2\xbak\x04\x83=\x03\x80^\xfa\x99\x9a\x9a\xea\x7f+\xbe\xba\xe6\x95\x7f^\xd7\xc7Sd\xe4\xdbC\xa6\xa5\xaaj\\|\xdc\'\x1fn\x1c\xd4\xffn\xff\x93\x96\x95\x95\x95\x92\x92\x12\xb2\xf1\xeb4=\xfb\xde\xfc\xe0Uo\x89\xa9Wn4M\x8b\x8e\x89\xba\xed\xfaA\x16\xea\xb2\x17X\xaa\xdff\xab\x01\xfc\xb1V\xdc\xb8\xd4\x12l\x18\x00\xe8\xaeS\x14\xa5c\xc7\x8e\xfb\xf6\xed\xd3G\x90\xb4\x1bS\x96\xac|\x01\xa5\x9f\xa7\xa1\xaajLl\xf4\xff\r\xbco\xfd{\x7fL\x9b\xda\xb6m\xbbs\xe7NY\x96C3~\xa9V\xee\xd9g\xb9.{\x81\xe5\xbf\xd9\xea\xc1\x83\x07\x03REF?\xa4e\xcb\x96\xd6\xda\xb8\xd4*\xcc{/\xd5\x1b\x95\xb2\xcc\x9b7o\xef\xde\xbd\xfa(\xe6r\xbb\x1e\x99\xf8\xb0\xa6j\xb8zNC\x10\x04M\xd5\x1e\x99\xf8\xb0^\x12*I\xd2\xde\xbd{\xe7\xcd\x9b\x17\x9a\x92P\xca\xa4\x17\x16\x16\x8e\x1f?\x9e~#\xad\xa0\xde6x\xc0\xdf;w(\xf5\x96\x99y\xf4g\xa7J\xaa\xca\xfe\xde\xb9\xc3m\x83\x07\xe8\x07/\x8a\xe2\xf8\xf1\xe3\x0b\x0b\x0bm_\x12\xea_\xb8%\x8a\xa2\xa2(\xfa\x06D\xf5COr\xa2(\xa2\xa4*HL};\xd5\x03\xad\xfd\x1e=zt\xfe\xfc\xf9z\x7f.M\xd3\xee\xbeoH\xc7\xa4\x0e^\x94~\x9e\x96(\x8a^oi\xc7\xa4\x0ew\xdf7\x84F.:\x81\xf3\xe7\xcf\xa7&amp;z\xc1\x8e\x016\xe8\xd9g\xa1.{\x81U\xb3g\x1fc\x8c\xde\x8c\xab7\x8a\x97*\xba\xec\x05\x8d\xdd\x1eIh\x96=l\xd8\xb0e\xcb\x96\xe9\x8f\xff\xe7_\xf8\xb7\xf7?_\xd3(\xbc\x91\xaa\xa8\x98\x01\x9c\x1e\xe7\\\x92\xa5\x13\x15\'n\xb8\xba\xff\xcf\x87~\xd1\x13hC\x87\x0e]\xbatiP\x93\x18z\xcf\xbe\xf6\xed\xdb\xd3\xc3#\x8d#\x93\x9f\x9cp\xff\xd8\x11\x85\xf9\x96\xd9\xafMQ\x94\x84&amp;\xf1\xcf\xcf{q\xfa\xbfg\xe9\xad\xb6eY\xde\xb5kW\x9b6m\xe8c\x1a}\x8c\x81G\xd7\xc6\x90!CV\xacXA\x9f\x9as\x1e\x15\x1d\xf5\xf7\xce\x1d\x15\x9f\xefl\xef;\xce\xb9\xecr}\xb7cg\xa9\xb7T\x10\x04\xba\x12\x06\x0f\x1e\xbc|\xf9r\xdbg\xd2B\xc9V\x01\xa0\xe6\x9e\xb1\x94\x81\x9d\xb3x\xe6\xd0\xfb\x06\xe7\xe7\xe5[e\x041\x96\xa2(M\x9a5Y\xf6\xc2\x8aq\x0fM\xd4\xb3\xf0!\xd8\xf3\x96n\xec\x8c\x8c\x0c\xea\xda\xc49\xe7\\\xbb\xb0\xf5\x85\x1b\xb6\xaf\xe3\x9a\xa6qn\x95\xaeM\x9cqQ\x10\x04QL\xe9\xd2\xf7\xd0\xfeC\x82 R\x10MOO\xcf\xcc\xcc\xb4\xe5\xf8\xa5V5\xc0\xe8\xd3\xa7\x8f\xfe\xa5\xaa\xaaO\xbf4w\xe8=\x83\x8b\xbd\xc5g;{SU-6:v\xd9\x7fW\x8c\x1e\xfe\xa8^\x92\xc0\x18\xdb\xb8qc\x8f\x1e=ly\x0e\ra\xab\x00\xa0\xfey\xcfX\xfa\xce\x95];\xaf\xca\xfa_Ey\x85-\x1f\xbb\x82D\xd3\xb4\xf0\x88\xf0\xf4\xd4\xdb\xbf\xda\xb6C?\x93A\xdd\xf3\xf6\xb4\xa5\x9f\xd7\x16{J\xacu\xc3\xab\xaa\x1a\x1b\x17\xb3\xfe\xbd\x8f\x1cR\x12J\t\x9f&gt;}\xfaP\xd7&amp;\xfa\xceU]\xafX\xb3i\x95\xa7\xd0S\xbf[O\xd3\xb4\xb8\x84\xb8\xfe\xbd\xd3\xbf\xdc\xf6\xb5\xfe3{\xf4\xe8\xb1q\xe3F\xc6\x98\xcdN\xa0Q\xec3&amp;\xaaU\x9d,\xff\xb4c\xb8$&gt;&lt;\xfe!\x97K\xb6S\x9c\x0b\x01\xce\xb9\xcb%?&lt;\xfe!\xdahW\x1f\x9d\xf5\x8e\xaa\x01\xffu\xd4\xb3o\xcc\x981\xf6\xe8\xd9WW\x97\xbd1c\xc6\x98\xa1\xcb^`\xa9\xa7\xeb\xd9\xa7R\x02\xa7\x1e\x04AP\x15\x15]\xf6\x82\xca&amp;\x01\x80n\'\xeaeO_\xd2%\xd2\xef\x96\xbe\xd7^\xdf\xc7Sd\xd2W\x87LK\x92$OQ\xf1\xb5\xd7\xf7\xe9wK_}\xfcb\x8c\xd1\x9e\n\xac\xea\x84\x07\x8a\xde\xb3o\xc7\x8e\x1d\xb4Rj\x8f\x9e}\xfe]\xf6\xe83\xee\xd8\xb1\xc3\xf0.{\x81\xf5\x97=\xfb\xea}\xebI\x92\x84.{\xc1f\x93\x00@\xd7\xc7\xbcy\xf3rsseY\xa6\xb5\xdf\xe8\x98\xe8\x91\xe3\x1e@\xf2\xa7~DQ\xac(\xaf\x189\xee\x81\xe8\x98h:\x9f\xb2,\xe7\xe6\xe6\xce\x9b7/\xb0\x95\x18\xfe=\xfb\xfcK?\xad\xde\xb3\xafZ\x97=\xbd$\xd4\xf0.{\x81\xa5\x06\xb3g\x1f\xba\xec\x05\x9b%o\xadj\xe8\xbe\xda\xbf\x7f\xff\x9c9s\xf4&gt;\\\x9a\xa6\r\x19~W\xc7\xa4\x0e\xa5\xa5f/\x1e7\'Q\x14KK\xcb:&amp;u\x182\xfc.}9]\x14\xc59s\xe6P\x95w\xa0b\x80\x7f\xcf&gt;\xaa\x15\xb1M\xcf\xbe\x9a]\xf6\x04A0\xb6\xcb^`\xd5\xd9\xb3oD`z\xf6\tz\x97\xbd\x11\xe8\xb2\x17\x14v\x18\x19\xf5=cKJJ\xf4\xb2\xc5\xbf]p\xde\xf0\x87\xff\xe5)\xf4\xa0\xf2\xa7\xdedY\xf6\x14z\x86?\xfc\xaf\xbf]p\x9eZ\xb5\xe7mIII\x00\xf7\xbc\xa5\xe0\xado?\xa0\xbf\xb7\xf1\xc8\xc4\x87\xcf;\xff\\\xabo\xd7,\x08\xc2\x89\x13\'\xce;\xff\xdcG&amp;&gt;\xec\xff^\x85\xbeA\x85\xd5\xc7/\xba\xf5\xc6\x8d\x1bW\\\\\xcc\xe8EBM\x0b\xecv\xcd\x92\xdf\xc6\xcb\xf4\xac\xc0\x18+..\x1e7n\x1c\xb2@\rg\xf9\x00\xa0/\r\xf9\xef\x19\xcb9\x1f;yt\xb3\xe6Mi\x13`\xa3\x8f\xd1\xaa\x04A\xa8\xac\xacl\xd6\xbc\xe9\xd8\xc9\xa3\xe9VW\x03\xbd\xe7m\xb5\r\xc8hL\xbc\xec\xef\x97\x0e\xb8\xb3\xbf\xa7\xc8\xf8\x1d\x1f\x1bN\x96eOQ\xf1\x80;\xfb_\xf6\xf7K)\x06\x08\x7f\xde\xa2\xce\xe8\x03\xac?\xbd4\x80:\xb6\xea\xb7^`\xb7k\x16\xfc6^\xf6\xbf\x08W\xaf^\xed_\xee\x01\xf5c\xf9\x00\xc0\xea\xd83v\xc0\x9d\xfd\x0b\x0b,\xf3\xea\x90i\xc9\xb2\\XP4\xe0\xce\xfe\xc1\xd8\xf3V\xad\xea\xd9\xa7oAL#\xc8\xf8\xa9c#\xa3\xa2lsc\xab\xaa\x1a\x19\x155~\xeaX\xff\xf1\xcb\xffS\x1b}\x80\xf5A\x9f\xe5\xe4\xc9\x935\x0b\xb7\xd2\xef\xba\xa58\xa0\xc1[\x96\xe5\xe2\xa2\xe2\xf4\xbbn\xa9YRu\xf2\xe4I\xab\xc7QcY;\x00\x9c\xae\xfe\x0cm\x7f\x02D\x10\x04U\r\xfc\x9e\xb7\xbc\x8e\xed\x9a\xd3nL\xe9\x9d\xda\xd3N\x1d[%I\xf2\x14yz\xa7\xf6L\xbb1\xc5\x7f\xfc2\xc9\xc6\xcb\xf5C\xb3\x99\x95+W\xfa\x17n\xc9\xb2&lt;y\xd6\x04E\tJHS\x14u\xf2\xac\tT\xe2\xa1\x97T\xad\\\xb9\xd2\x06\x994\x03Y8\x00\xfce\xfd\x19\xd6~\x03B\x0c\xce\x9e\xb7um\xd7l\xcb\x9e}B\x8d.{\xa296^\xae\x9f\xd0\xf7\xecsx\x97\xbd\xe0\xb1\xf0\x10\x19\xd4\xfa3\xf0\x17\xf0j&lt;\x1aAj\xdd\xae\xd9\x96=\xfb\xf4.{\xb5n\xbcl\xb9\xf1\xcb\x90\x9e}\x8e\xed\xb2\x17TV\xbd\xcd\x82]\x7f\x06\xfe\x02^\x8dW\xad"\x9e\xbe\xd3\xa4Y\x93{\x1e\xba\xbb\xcc\xe2\xa5\x9fu\x91$\xa9\xcc[v\xcfCw7i\xd6\x84NW\xb5\xb7\x1f\x8c&gt;\xc03E\xb7^nn\xee\xdc\xb9s\xe9\xc8i\x027\xf2\xb1\x07\xce9\xafE\xf0\n\xb7\xa8\xa4\xea\x9c\xf3Z\x8c|\xec\x01\x9aB\xd1\xaf\x9e;wnnn.JB\xeb\xc7\xaa\x01 \x04\xf5g\xe0/\x80\xd5x5\xdf\x89\xa5\x11d\xcc\xa4Q6(\xfd\xac\x8b^\x12:f\xd2(\xff\xf1\xcb\xff\xfdg\xa3\x8f\xf1\x8c\xf8\xbf\x13N\x95\xc1\x9a\xa6\xb6\xbc\xe8\xc2\xc1#\xee\xf2\x16{%9\x88\xb7\x9e$K\xdeb\xef\xe0\x11w\xb5\xbc\xe8BM;U\x97\xec\xff\xfe\x7f\xf0~\xb5]Y2\x00\x84\xa6\xfe\x0c\xfc\x05\xb0\x1a\xafZW\x1c\x9aO\\\xd9\xb5\xf3\x1d\xc32\xec]\xb8E%Uw\x0c\xcb\xb8\xb2kg\x9a\xb3V\xeb\x80d\xf4\x01\xfe\xb5Z\xbbBq\xce&amp;\xcd\x9c\x10\x11\x11\xae(jP;\xb6\nLP\x145""|\xd2\xcc\tt\xb6j\xed\x00\x06g\xcez\x01\x80\x86\x0f\x9f\xcfW\xad\xfe\xac[\xcf\xae\x01\xaf?\x03\x7fz5^\xb7\x9e]\xabU\xe3\xf9|\xbe3\x1c\xc2j\x86\r\xfa!\x0f\x8f\x7f\x90\n&lt;B\xf0A\x0cD\xa52\x0f\x8f\x7f\x90NW\xcdG\x19\xa3\x0f\xf0tj\xbd\xf54M\xeb\xd6\xb3k\xc8z\xf6\xe9]\xf6\xba\xf5\xec\xea_\x92pV\x17!\xe8\xac\x17\x00h\xe2\xfc\xf2\xcb/\xeb\x13gM\xd3\x1a\x857zb\xde\xe3&gt;\x9fb\xf4\xd1\xd9\x9f\xcf\xa7&lt;1\xef\xf1F\xe1\x8d\xe8\xccS2\xe7\xe5\x97_&gt;\x93$\x06\xa5&gt;\x8a\x8b\x8b\xc7\x8f\x1fO\xf7\xaa,\xcb\x9a\xa6e\xdcu\xeb\xb5}\xff\xe9\x84\x9e}\xa7\xba\xec\xf5\xfdg\xc6]\xb7j\x9aF1O\x10\x84\xf1\xe3\xc7\x17\x17\x17\x9b\xbcA\xd0in\xbd \x95~\xd6EQ\xd4z_\x84\xe0\xcfz\x01\x80\xee\x90\xdf~\xfb\x8d1\xe6\x9f\xea\xa1\x9d\x83\x0c;,\xc7\x10\x04\xa1\xd4[\xea\xff%\xab\xfas\x9c\xc9\xe0E\xa9\xf0\x82\x82\x02V\xb5\x878c\xac\xbc\xbc\xa2\xf2\xe4Yo\x1aeQ\x82 T\x9e\xf4\x95\x97W0\xbf3PPP`\xfe\xc5\x0f\xf3\xdcz\r\xbc\x08Ag\xbd\x00@\x93\xbeQ\xa3F%&amp;&amp;R\xf6_\x14\xc5\x13\x15\'fN\x9c-\xbbd\x86\xbf~Pq&amp;\xbb\xe4\x99\x13g\x9f\xa88q\xaac\xbb\xaa&amp;&amp;&amp;\x8e\x1a5\x8a\x12\x02\xa7\xff\xaf\xe9\xdfo\xde\xbc\xf9\xa3\x8f&gt;\xaa\xef\xf8(\x8a\xe2\xda\xb7\xd6m\xda\xb09.&gt;\xce\xe49\x90\x86SU5.&gt;n\xd3\x86\xcdk\xdfZ\xa7\x7f|\xce\xf9\xa3\x8f&gt;\xda\xbcys\xba\x9e\x8d&gt;\xc6:\x99\xe5\xd6k\xd8E\x08\xfe\xac\x17\x00\xa8\xe0\xa7q\xe3\xc6\xb3g\xcf\xd6\x07\x11I\x92\xbe\xda\xb6c\xd5\xabo\xc5&amp;\xc4*\n\x12AA\xa1(JlB\xec\xaaW\xdf\xa2m\xc2\xf4\xc1k\xf6\xec\xd9\x8d\x1b7\xd6K\x83N\x8f&amp;\xe9c\xc7\x8em\xd7\xae\x9d\xbe;\xae \xb09S\xe7\x95\x95\xda\xff\xed\rI\x92\xcaJK\xe7L\x9dG\xa7\x8a\xceF\xbbv\xed\xc6\x8e\x1dk\xfe\xbd\x82\xcdp\xeb\x05\xe4"\x04\x9d\xa9/\xb8\xba\xd0\x1f~\xd0\xa0A\xfa\xee\xa04\xef[8kqiI)\x16\x81\x83D\x96\xe5\xd2\x92\xd2\x85\xb3\x163\xbf-wz\xf4\xe81h\xd0\xa03\xdf\xe3\x90R\xffn\xb7{\xd1\xa2E\x94\xfe\xd64M\x14\xa5\xdd\xdf\xfd\xb0\xfa\xf55\xb1\xf1v\x8e\xdf\x8a\xa2\xc4\xc6\xc7\xae~}\xcd\xee\xef~\x10\xc5S\x9b\xc5s\xce\x17-ZDm6\xcc?x\x19~\xeb\x05\xe4"\x04\x9d%\x03\x00\x11Eq\xfa\xf4\xe9\xf4\'\xd74M\x92\xa5C\x07\x0e?\xbf\xe0\xc5\xf8\xc6\xf16\x1eD\x8c\xa2(J|\xe3\xf8\xe7\x17\xbcx\xe8\xc0aI&gt;\xf5\xd2\x8d$I\xd3\xa7O?\xdb\xe7V\xbaiSRRRRR\xf4\xcd\x1bDQ\\0\xf3\x99\xdf\x7f\xf9\xbdQ\xa3F\xb6L\xe3r\xce\x1b5j\xf4\xfb/\xbf/\x98\xf9\x8c\xde&gt;\xa1\xday0\xfa\x18\xcf\x94Q\xb7^\x00/B V=kz\xe4\xbf\xf3\xce;UU\x95eYS5Q\x14\x97&lt;\xbb\xf4\xfbovEFF\xa0\x18 \x804M\x8b\x8c\x8c\xf8\xfe\x9b]K\x9e]*\x8a\xa2\xa6j\xb2,\xab\xaaz\xe7\x9dw\xeaO\x82g\xf5\x03\xf5\'_}\xfb6A\x10\x8e\xe7\xe5\xcf\x9f\xb10"*\xdc\xd2\xdb@\xd6EU\xb5\x88\xa8\xf0\xf93\x16\x1e\xcf\xcb\xa7\x8fOEP\xfaL\xc8\xe8\x03&lt;SF\xddz\x01\xbf\x08\x81Y7\x00\xb0\xaaA\xe4\xf1\xc7\x1f\x8f\x89\x89\xd1\xdf\xad/\xf5\x96.\x9a\xf3\\xD8\x02@\x00i\x9a\x16\x1e\x11\xbeh\xces\xfa\x06\x8d\x9a\xa6\xc5\xc4\xc4&lt;\xfe\xf8\xe3\xf5\x1b\xbc\xf4\xdc\xf7\x88\x11#\xfc\xb7\x1b{s\xc5\xea\xefv|\x1f\x15\x1di\xb3?\x9f\xa6iQ\xd1\x91\xdf\xed\xf8\xfe\xcd\x15\xab\xfd7\xad\x1b1b\x84\xffZ\x88U\x18r\xeb\x05\xfc"\x04f\xe9\x00@\x83H\xeb\xd6\xad\xc7\x8d\x1bG\x83\x88\xa2(\x92$\xad}{\xddG\x1fl\x8c\x8b\x8f\xb5}IIh\xa8\xaa\x1a\x17\x1f\xfb\xd1\x07\x1b\xd7\xbe\xbdN?\xc9\x9a\xa6\x8d\x1b7\xaeu\xeb\xd6\xf5\x1e\xbc\xe8\xcf7}\xfa\xf4\xc4\xc4D\xba\x81\xe9\xb5\xd8\xe9\x13f\x05\xa9\x9b\x98\xb1$I\x9c&gt;a\x16\xbd\xfcL\x03hbb\xe2\xf4\xe9\xd3-7\xfa3#n\xbd ]\x84`\xed\xb3F\x0fSc\xc7\x8em\xd3\xa6\x8d\xa2(\xa7\x9e\x0bT\xed\x99\xd9\x8b}&gt;4\x84\x08\x0cA\x10|&gt;\xe5\x99\xd9\x8b5\xf5\xd4\xb3\x9e\xa2(m\xda\xb4\x19;v,=\xb6\xd7\xfb\xc7r\xce\xe3\xe3\xe3g\xcf\x9e\xado\x97(IR\xf6\xa7[\xb3\xd6~\x1c\x13\x1bc\x9b\xf8\xad\xaajLlL\xd6\xda\x8f\xb3?\xdd\xaa\xcfu4M\x9b={v||\xbcE\x9f^\xfdo=\xfd2\xa0[/\x18\xbdX\xe8\xe1\xc0\xff"TU\xb5\xe1\x17!X\xfb\xc4\xd1u\xe6v\xbbg\xce\x9c\xc9\xaa\xca\xcc\xa9.\xed\xcd\xe5\xab\x12\x9a$`5\xb8\x81\x14EIh\x92\xf0\xe6\xf2Uz\xd5\x1d\x9d\xf3\x993g\xba\xddn\xf6\xe7\x17\x82\xce\x16\x8d\x83\x03\x07\x0e\xec\xdc\xb9\xb3\xde\x12N\x10\x84\x19\x13gQI\xa8\rV\x83\xa9R\xa5\xac\xb4t\xc6\xc4Y\x14\xf3\xe8Sw\xee\xdcy\xe0\xc0\x81\xd6}t\xf5\xbf\xf5\xfc{C}\xb5m\xc7\x1bK3\x13\x02\xba\x1a\xac(JB\xe3\xf87\x96f\xfa_\x84\x9c\xf3\x80\\\x84\x0eg\xc9\x8b\xcf\x1f]\x10\xe9\xe9\xe9={\xf6\xf4oP\xf3\xfc\x82\x17\xf3\x8e\xe6\xb9\xc3\xdc6\x18D\x8c\xc29w\x87\xb9\xf3\x8e\xe6=\xbf\xe0E\xff\xb6K={\xf6LOOo\xf8\xb2\x1b\xfd\xcc\xb0\xb0\xb0\xf9\xf3\xe7\xfb\x95\x84\x8a\x07\x7f:\xf4\xfc\x82\x97\xe2\x13\xec\xf0^\x98\xaa\xaa\xf1\tq\xcf/x\xe9\xe0O\x87\xf4m\x008\xe7\xf3\xe7\xcf\x0f\x0b\x0b\xb3\xe8\xe3?\xd1o=\xffj.A\x10\xe6\xcfX\xf8\xeb\xcf\xbf\x05\xaa\x9a\x8b\xaa\xa7~\xfd\xf9\xb7\xf93\x16\xd2\x15\xa2WO\x05\xe4"t8\xcb\x07\x00V5\x8e\xe8w\x14\r"\x87\x0f\xfe\xfc\xec\xdc\x17\xa2c\xa2m0\x88\x18EU\xd5\xe8\x98\xe8g\xe7\xbep\xf8\xe0\xcf\xfa\xb6\x7f\xfe\xe3u\xc3\x7f\x85\x1eQ\x06\x0c\x18\xf0\xc7 "\n\xcb\xfe\xb3b\x7f\xee\xc1F\xe1\xd6.\t\xe5\x9c7\no\xb4?\xf7\xe0\xb2\xff\xac\x10\xc4?\x06\xaf\x01\x03\x06\xe8\xcf+F\x1fc\x83\xd4\xac\xe6\x12E1?/\xff\xbf\x8b_\x89\x8a\x8e\x0c\xc8\xad\xa7\xaajTt\xe4\x7f\x17\xbf\x92\x9f\x97\xaf\xef\x1cg\xc5\xea)s\xb2C\x00\xd0\xe7\xd4\xb7\xdf~;5\xd8\xa2\xb4\xe0+/,\xdf\x99\xf3}tt\x94\xcdJJBC\xd3\xb4\xe8\xe8\xa8\x9d9\xdf\xbf\xf2\xc2rJ\xb9R\xe3\xb6\xdbo\xbf]\xcf\xd8\x04\xe4\x17\xd1 2g\xce\x9c\xd8\xd8X\xfa\x8e$J\x9e\xa2\xe2\xa7\xa6\xce\x8f\x8e\xb1\xf6\xd6\xf0\xaa\xaaF\xc7D=5u\xbe\xa7\xa8X\x12O\x8d\xf5\xb1\xb1\xb1s\xe6\xcc\xb1\xc7\xe0UW5\xd7\xcb\xcf/\xfb\xe6\xeb\xef\xa2\x1a|\xebi\x9a\x16\x15\x1d\xf5\xcd\xd7\xdf\xbd\xfc\xfc2\x1bTO\x99\x90MN\x1f\xcd\rg\xcd\x9a\x15\x1f\x1fO\xf3PA\x10|\x95\xbe\x053\x9f\x11%SwX4-\xce\xb9(\x89\x0bf&gt;\xe3\xab\xf4U\xed\xfb\xa1\xc5\xc7\xc7\xcf\x9a5+\xb0/\xdc\xd3\x8d\xdd\xaaU\xab\xd1\xa3G\xd3\x1dN\xeb\xf9\xeb\xd6|\x90\xbdi\x9buW\x83i\xed7{\xd3\xb6uk&gt;\xa0\x95s\x1a\x1fG\x8f\x1e\xdd\xaaU+\xdb,]\xd2S\xf9\xf4\xe9\xd3\xf5\x05m\xba\xf5\x02U\xcdE\xd5S\xfaEH\x85\x03\xd3\xa7O\xa7\xd9F\xc3\x7f\xbe\xc3\xd9\xe4\x0c\xd2U\xe8_WGC\xc9\xfa\xf76l\xca\xda\x8c\x92\xd0\xb3EUw\x9b\xb26\xaf\x7fo\x83\x7f\xe1\x8a^\xb5\x19\xd8{\x8f\x1e\xebF\x8d\x1a\xd5\xbauk}\xa7\x94\xcaJ\xdf\xccIsL\xde\x1f\xed4h]t\xe6\xa49\x95\x95&gt;}\xdf\x9b\xd6\xad[\x8f\x1a5\x8a\x1e\x96\x8d&gt;\xc0\xc0\xd0\x9f\x0c\xaa\xddzU\xd5\\\xf5\xcf\xc1\xaa\xaa\x1a\x13\x1b]\xb3z\x8a\x82\r\xda\xfe\x04\x84}\xf6O\xa0\xe4\xa0\xa6i\xed\xdb\xb7\xdf\xb7o\x1f]\x1c\x9c\xf3K;^\xf2\xde\xa6\xd5\x8a\xa2r\xc6\x83\xba]\x91m\xd0\x89\x92e\xe9\xc6\xde\x03~\xd8\xb9G?\x93m\xdb\xb6\xdd\xb5k\x17\x8d\xce\x01\xbf\xf7h\xd4x\xf5\xd5W\x07\x0f\x1e,\xcb\xb2\xfe\xbc&lt;g\xf1\xcc\xa1\xf7\r\xce\xcf\xcb\xb7V\x8b\'EQ\x9a4k\xb2\xec\x85\x15\xe3\x1e\x9aH\x1f\x84&gt;\xd4\x8a\x15+\xec\xd7\xb5F\xbf\xf5\xfe\xf1\x8f\x7f\xe4\xe4\xe4T]0\xda\x85\xad/\xdc\xb0}\x9d\xaa\xa8\xf5\x18\xac\xe9!C\x92\xa5\x94.}\x0f\xed?$\x08"}3))\xe9\x8b/\xbe\x08\xd2E\xe8@6\x99\x01\xb0\xaaT\xb2\xff\xea\x10=\x8f\xec\xfe\xee\x87e\xffy5&amp;.Z\r\xed\x9e\x15\xd6\xa5*jL\\\xf4\xb2\xff\xbc\xba\xfb\xbb\x1f\xfc\x0bW\xf4\xb5\xbe`\xdcx4J\xdeq\xc7\x1dW_}5\x8d\xfez5\xd7\xb1\xdf\x8fQ\xaf\xb4\x80\xff\xd2 \xa1nw\xc7~?\xe6_=\xa5(\xca\xd5W_}\xc7\x1dw\xd8l\xf4g~\xb7\xde\x9f\xab\xb9\xa4\x83?\x1dZ\xf1\xe2k\x89\xcd\x9aGD\x86GEG\x9e\xd5\xffED\x86\'6k\xbe\xe2\xc5\xd7\x0e\xfet\xc8\xbfq\xde\xfc\xf9\xf3\x83w\x11:\x90}f\x00\x84\xee\xae\xd4\xd4\xd4\r\x1b6\xe8ui\xd11Q\x1bs\xb2\xe2\xe2\xe2h\xd38\xa3\x8f\xd1\xd48\xe7.\x97\xcb\xe3\xf1\xf4IJ\xf5\x96\x94\xea]\x7fSRR\xb2\xb2\xb2\x82:xQ\xc0\xce\xc9\xc9\xe9\xda\xb5\xab\xa2(\xb4\x9e\xaf(\xca\x83c\xef\x9b\xf2\xd4\xa4cG\x8e\xb9\\\xae \xfd\xea\xc0\xf2\xf9|\xcd[4\x9f\xf6\xd8\x8cg\xe7\xbd@\x1fA\x14EY\x96\xb7m\xdb\x96\x94\x94d\xd7\xa5K\xba6222h\xbb`Z\xfe\r\x0bs\'u\xe9\xa4*\xda\xd9\xdev\x9c3I\x16s\xb6\x7fs\xf2d%\xabZ(JOO\xcf\xcc\xcc\xb4_\x045\x90\xdd\x02\x00\x8d\xf8\xfb\xf6\xed\xeb\xd8\xb1#\r"\xf4hy\xe7\xdd\x03\xe7\xfdgva\xbeG\x96q\xe9\x9c\x8e\xa2\xa8\tM\xe2\xc6\xde;\xfe\xf5WV\xea\x89WY\x96w\xee\xdc\xd9\xb6m\xdb`\xaf\xbc\xd1\xbd=l\xd8\xb0e\xcb\x96Q5\x97 \x08\x91Q\x91\xefl\\\xd5\xbaM\xcb\x8a\x8a\x13\xe6\x1f:5M\x0b\x0fo\xb4?\xf7\xe0\xcd}\xd2\xcbJ\xcb\xf4\xc7\xff\xa1C\x87.]\xba\xd4\xc6\x83\x17\x05\xb6\xdc\xdc\xdc\xf6\xed\xdb\xab\xaa\x1a\xd8U7I\x92$I\xda\xb5kW\x9b6m\xec\x1aA\ra\xb7\xf3\xa8\xd7\xa5=\xfa\xe8\xa3N\xe82\x16Xu\xf5,{\xf4\xd1GCSu\xa7Ws%$$\xd0_J\x10\x04o\x89\xd7B\r\xfe\xf4\x9ee\xde\x12/M75MKHH\x08x\xf5\x94\xd9Tk\xcf@qN\x10\x04\xa9\x01\xe8t\xd1]\\\xad\xed\x04\x04\x84\rO%\xc5\x80G\x1ey\xa4f\x971&lt;\xfe\xff%Y\x96j\xf6,{\xe4\x91GB\xf3\xd8\xa5Ws\x8d\x193F\x8f\xdf\xd4e\xec\xe3\x0f7\xc5\x99\xfe\xdd`UU\xe3\x12\xe2&gt;\xfep\x13\xf5,\xd3#\xe8\x981c\x82Q=e6t\xebQ\x836Z\x15\xd0\x1b_\xd7\x8f \x08\x94\xf1\xd7\x1b\xcf\xd9\xfb\x04\x86\x9e\r\xcf&amp;]s\t\t\t5\xbb\x8c\xadz\xedm{\xef9\xd5\x10\xb4_\xd5\xaa\xd7\xde\xae\xd9\xb3,!!!d\xcbn\xfa\x9e\x91\xfa\xe3\x1e\xe7\\S\xb5\'\'\xcd)/-7y\xfeD\x92\xa4\xf2\xd2\xf2\'\'\xcd\xd1TM_&gt;\xa1\x87b\'\x0c^4\x81\x8b\x89\x89\x992e\x8a\xa6i\x94\x83m \xfa!S\xa6L\xa1\xd6\xd36\x9eB\x19\xc2nk\x00\x84\x1e\x1f|&gt;_\xb7n\xddrrr\xe8\xc6\xe3\x9c_\xd0\xf2\xfc\r\xdb\xd7\xe9\x0f\x17F\x1f\xa6\x89\xe8S\xa5\x94.}\x0f\x1f\xfcY\xcf]$%%m\xdd\xba\xd5\xe5r\x85\xb2\xea\x8e\x02\xf6\xaaU\xab222\xf4\xe7hUUg=3\xfd\xee\xfb\x87\xe4\x1f/0gI\xa8\xa2(M\x9a6~\xe5\xf9\xe5\x13\x1e\x9e\xec\x7f\xd8\x99\x99\x99\x8e\xeaZC%\xa1\xd9\xd9\xd9\x81\x9a\xaeI\x92\x94\x9c\x9cL\xa5\x9f\x01\xf9\x81\xa0\xb3g\x00`U\x83\xc8\xe7\x9f\x7f\xde\xbbwo\xfdKUUG\x8d\x7f\xe8\xdf3\x1e;n\xb5\xba\xf2`S\x14\xa5i\xb3&amp;ONzj\xe1\xec\xc5\xfa\xe0\xc5\x18\xdb\xb4i\xd3\xd5W_\x1d\xfa\xc1\xab\xd6j\xae\xc6M\x12\xd6o[\x1b\x17o\xc6j\xaeS\xd5SE\x9e\xb4\xae\xfd\n\xf2\x0bCY=\x05Po\xb6\x9d\x93\xea\x95\xd7\xb4q\x9d&gt;\x88,{\xd1\x0e]\xc6\x02\x8b\xeb=\xcb^\\\xe1\xdfp\xf1\xce;\xef\xd4\xab\xf2C|H5\xbb\x8c\t\x82p&lt;\xa0]\xc6\x02K\xefYf\xf5\x1d\x1f\x03E\r(\xa3?\x8dm\xd96\x00\xb0\xaa\x15\xc5\xc7\x1f\x7f&lt;66\x96\x86{I\xb2I\x97\xb1\xc0R\xfd{\x96I\x12c\x8cs\x1e\x1b\x1bK\x9b\xed\x19\x92\xb9\x0ev\x97\xb1\xc0\xd2\xd0\xb3\xac\x86\x86\x14\xff\xd4d\xf4\xa7\xb1-;_\x97z\xf7\x95\xd1\xa3GkU\x1b\xd7\xd9\xa0\xcbX`\xa9\xb5\xf5,\xd34m\xf4\xe8\xd1zg\x1eC\x0e,\xd8]\xc6\x02\x0b=\xcb\xc0\x8al~i\x9e\xca\xfb\x8f\x1a\xa5\xf7_\xb4A\x97\xb1\xc0\xaa\xb5gY\xabV\xadF\x8d\x1ael\xe6:x]\xc6\x02KE\xcf2\xb0,\x9b\x07\x00\xba\xf7\xfc;\xb0\xd3 \xf2\xf5\x17\xd83\x921\xbf\x1d\x1f\xbf\xfe\xe2O\x9b\xed\xe9\xdd\xf9\x8d\x1d\xbch$\x1d1b\xc4\x9f\xf7\x8cd3&amp;\xce*/\xaf0If@\x92\xa4\xf2\xf2\x8a\x19\x13g\t\xc2\xa9\x16f\x9a\xa6u\xee\xdc\x99\x92Wx\xfc\x073\xb3\xff\xd5)\xd5\xd8\x83\xc9\xba]\xc6\x02\xab\xd6\x9ee\xea\x9f\xf7\xe72\xf6\x08O\xdfe,\xce\x04\xaft(\x8a\x12\x17\x1f\x8b\x9ee`Q\xf6\x0f\x00\xac\xb6=#%I:|\xf0\xe7\x97\x16\xbd\x1c\x97`\xfc b\x14EQ\xe2\x12b_Z\xf4\xf2\xe1\x83?S\xde\x9f\x07z\xc7\xc7\x86\x93j\xecB\xaci\x9a \n\x8b\x9ez\xee\xe0O\x87\x8c\xad\xe6\xa2\xea\xa9\x83?\x1dZ\xf4\xd4s\xfe;&gt;\xfa\xefPm\xd4\xb1\x01\x9c\tG\x04\x80\xba\xf6\x8c\\\xfe\xd2k\xbb\xbe\xddm\xb6\x92\x92\xd0\xa0\xc2\x95]\xdf\xee^\xfe\xd2kA\xdd\xf1\xb1\xe1(\x14\xcd\x9c9\xd3\xedv3\xc68\xe7\x92(\x15{J\xe6\x18]\xcdE\xd5Ss\xa6\xce/\xf6\x94H\xa2D\xa1\xc8\xedv\xcf\x9c9\x93\x19\x9d=\x038\x13f\xb9\xc9\x83\xad\xae.c\xb3\xa7\xcc\x93e\xc9\x81Y \xce\xb9,K\xb3\xa7\xcc3\x7f\xcf\xb2\x9a]\xc6\xaa\xaa\xb9&gt;\xdc\xb2iktt\x94\xaa\xa8\ri8S?\xaa\xa2FGGm\xd9\xb4u\xdd\x9a\x0f\xfdw|D\xcf2\xb0\x10\xdb\xbe\t\\\x13\x8d\x1dO&gt;\xf9\xe4\xc4\x89\x13\xfd\xf7\x9czu\xcd+\xff\xbc\xae\x8f\xa7\xc8\xe3\x9c\t\xbb\xaa\xaaq\xf1q\x9f|\xb8qP\xff\xbb%\xbf\xfd\xaaf\xce\x9c\xf9\xef\x7f\xff\xdb\x84\xb9\x0b\x1asKKK\x93\x92\x92\x0e\x1c8@\xa5\x96\xaa\xaa^\xd5\xf5\x8aw?]]\xea-\x13E\x81\x85t\xbb7\xaei&lt;*:\xf2\xa6^\x03\xbe\xdc\xf65-,q\xce[\xb5j\x95\x93\x93\x13\x15\x15\x85\xfd\xaa\xc0\x12\x1c\x14\x00\xe8\x16U\x14\xa5c\xc7\x8e\xd5\xf6\x8c|\xe7\x93LMs\xcay \xa2(\xdc\xfc\xcf\x8cj;&gt;\xee\xdc\xb9\x93:8\x9ap\xf0R\x14E\x96e\xda3\xd2\xbf\xd3\xce\x9cgg\xf6\xbb\xb5oI\xb17\x94/\x07\xa8\xaa\x16\x13\x1b\xbd\xf6\xadu\xe3\x1e\x9c\xe8\x7f0\xb4\xe3#\x1dj\xc8\x0e\x06\xa0\xde\x1c\x14\x00X\xd5$`\xc3\x86\r\xa9\xa9\xa9\xd2\x9f\xbb\x8c\r\xbb\x7fH\x81Y\xbb\x8c\x05\x96\xa2(\x8d\x9b6^Z\xa3gYVVVJJ\x8a\t\x1f\xffu\x94\xee\xef\xd3\xa7\xcfg\x9f}F\xc7\xcc\x18\x13\x04!6.F\xd3\xb4\x10\xcf\x00DQ,\xf6\x94\xf0\xaa7\xccUU\xed\xd1\xa3\xc7\xc6\x8d\x1b\xe9\xcb\x10\x1e\t@\xfd9+\x00\xb0\xba\xbb\x8ce}\xf1~l\\\xac\t\xbb\x8c\x05\x16\xe7\xdc\xe5r\x15{\x8aS\xffq\x83\xe5z\x96\xd1\xe1}\xf6\xd9g\xbd{\xf7\xa6\x14\x90\xd1Gt\n\xa5\x806m\xda\xd4\xa3G\x0f\x93\x9fC\x00\x7f\x8e[\xa7\xaa\xab\xcb\xd8\xfc\x19\x0b#\xa2\xc2U\xd5\xe6\xe5@\xaa\xaaED\x85\xcf\x9f\xb1\xd0\x8a=\xcb\xf4\x07\xedA\x83\x06\xa9\xaaJM\xaaEC\t\x82\xe0r\xb9TU\x1d4h\x10F\x7f\xb0\x1c\xc7\xcd\x00X\xd5\x83\xe4\x83\x0f&gt;\xf8\xdcs\xcf\xe9\xef\xee\x8b\xa2\xf8\xfe\xe7k.i\x7fqyY\xb9h\xd3\xfa\rM\xd3""#\xf6\xec\xfa\xf1\x86\xab\xfb\xd3n\x1b\xf4\xf1\x1fx\xe0\x81g\x9f}\xd6\x12\x83\x17\xcd\xd8\x8e\x1d;v\xd9e\x97\x15\x16\x16\x1a}8\xa7$$$\xec\xde\xbd\xbby\xf3\xe6\x1c\x9d\x7f\xc0R\x9c\x18\x00\xe8\xb1\xb7\xb8\xb8\xf8\xd2K/\xcd\xcb\xcb\xd3\xd3 \xc9\xbd\xba\xbd\xf9\xc1\xab\xde\x92R\xbb\xde\xc3\x9a\xa6E\xc7D\xddv\xfd \xeaZC\x83i\xb3f\xcd~\xf8\xe1\x87\xd8\xd8Xs\xae\xfd\xd6D\x81j\xf6\xec\xd9s\xe6\xcc\xa1W:\x0c&lt;\x18\xaaI\x1d7n\xdc\xf8\xf1\xe3-\x11A\x01\xfc91\x00\xb0\xaaAd\xf9\xf2\xe5C\x87\x0e\xf5_\x08}\xf9\xcd\x17\xd3nL)\xf6\x14\xdb\xefNVU56.v\xfd{\x1b\xfeu\xdb\x08\xff\x8f\xbcl\xd9\xb2!C\x86Xk\xf0\xa2l\x95\xc7\xe3\xa1\x7f6\xf0H(d\xc6\xc5\xc5\x99?\x81\x06P\x93C\x03\x00M\x02|&gt;_rrrNN\x8e^\nya\xeb\x0b\xb2\xb6\xad\xe5\x9c\xd9\xec~\xe6\xa7\xda)\xb3\xd4\xae\xfd\x0e\xed?\xac\x7f\xde\xa4\xa4\xa4\xec\xec\xec\x10\xef\xf8\x08\x00&amp;a\xcf\\\xc7_\xa2\xf5O\xff\xbe7\xd4\xfc\xe0\xe0O\x87\x9e_\xf0R|B\x9cy*L\x02BU\xd5\xf8\x84\xb8\xe7\x17\xbct\xf0\xa7C\xa2(\xfa\xf7,\xa3\xfeHV\x1c\xfd\x03\xf6Ro\x83\x19}&amp;\x00\xea\xc9\xa13\x00By\x8f\xf4\xf4\xf4\xd5\xabWSN\x9c\t,66\xe6\xc3\xadk\x9b%6\xa5\xcd=\x8c&gt;\xc6\x00\xe0\x9c\xbb\xdc\xae\xbc\xa3\xc7\xaf\xeb\xd6\xaf\xb8\xb8\x84\xf1S\xcd\x15\x06\x0c\x18\xb0j\xd5*k%\x7f\x00 \x80\x1c:\x03 \xd5z\xdf3\xc6$\xd1\x86{F\xfei\xc7G\xf1\xd4X\xef\xbfG\x82\xb1\x87\x07\x00Fqt\x00\x10\xabv\xbf\x1a=zt-]\xc6b\xa2m\xd0%T\xd3\xb4\xe8\x98\xe8\x9a=\xcbF\x8f\x1e\xad\xef\x92f\xf41\x02\x801\x1c\x9d\x02bUyd\xaf\xd7\xdb\xb9s\xe7j]\xc6\xd6l\xcc,\xf6\x94X==\xa2\xaajl\\L\xff&gt;\x19\xd5z\x96\xed\xd8\xb1#::\x1ak\xbf\x00N\xe6\xf4\xa7?\xca\x02\xc5\xc6\xc6N\x992\x85\xfb\xed\x19\xf9\xe5\xb6\xafW\xbf\xbe&amp;\xa1q\xbc\xa5\xb7\x8bQ\x14%\xa1q\xfc\xea\xd7\xd7\xd0\xe8\xaf\xef\xf88e\xca\x94\xd8\xd8X\xe4\x7f\x00\x1c\xce\xe93\x00R\xad\xcb\x18=&amp;\x9fw\xfe\xb9\xeb\xb6\xbc\x13\x1e\x1en\xd1\xed\xe39\xe7\x92$UTT\xf4\xed~\xf3\xaf?\xff\xa6On\xd0\xb3\x0c\x00\x88\xd3g\x00:I\x92\xa6O\x9fN\tq\xea\x91\xf0\xcb\xe1__z\xe6\xe5\xb8\x848\x8bN\x02\x14E\x89K\x88{\xe9\x99\x97\x7f9\xfc\xeb\xa9\x1a\'\xc6DQ\x9c&gt;}:\x86~\x00`\x98\x01\xe8(\xf33t\xe8\xd0\xe5\xcb\x97\xebm\x12"\xa3"\xdf\xd9\xb8\xaa\xe5E\x17\x96\x97\x95\x8b\xa2\xc4\x98U\xce\x95\xa0ijDd\xc4\xc1\x9f\x0e\xdd\xdc\'\xbd\xac\xb4\x8cW\xb5\xbb\x182d\xc8\xb2e\xcbP\xfa\t\x00\x0c\x01@\xe7\xdfe\xcc\xe3\xf1\xe8#\xe6M\xe9\xfd\x96g.))\xf3J\xa2\x18\xd2\x86\xf3\r\xc1\x99\xaai1\x91\xd1C2\xfe\xef\xddUk\xf5x\x16\x17\x17\x87\x9ee\x00\xa0\xb3\xff\xfe\'g\x88\x86\xfb\xc4\xc4\xc41c\xc6\xe8{F\x8a\xa2\xb8\xf6\xedu\x8b\x9f~\xa1M\xbb\xd6\'*N\x08\x16\x194\xb9\xa65\no\x94\xbbw\xff\xda\xb7\xd7\x89U\x1b\xbe+\x8a2f\xcc\x98\xc4\xc4D&lt;\xfe\x03\x00\xc1\x0c\xe0\x0f\xb4\xf6\xab(J\xfb\xf6\xed\x7f\xfa\xe9\'\xea\x0fa\xf4A\x05\x80(\x8a\x9c\xf3\x8b.\xbah\xd7\xae]\xa6\xdd\xf1\x11\x00B\x0f3\x80?\xd0\x88\xefv\xbbg\xce\x9c\x99\x91\x91\xa1\'I\xac\x9b-\xa1\x00F\x9fk\xe6\xcc\x99n\xb7\x1bo~\x01\x80\x0e3\x80\xea\xfc\xf7\x8c\xa4\x11\xd3\xe8#j\x10I\x92*++-\xb1\xe3#\x00\x84\x18\x02@u\xb4^\xbao\xdf\xbe\x8b/\xbe\xd8\xe8c\t\x98\x1f\x7f\xfc\xb1m\xdb\xb6X\xfb\x05\x00\x7fH\x01UG\xdd\x92\xdb\xb5k7e\xca\x14z/\xcc\xba\x93\x00}\x13\xddv\xed\xdaQ\xbfk\xa3\x8f\x08\x00L\x043\x80\xda\xd9\xacM\x82\xcd&gt;\x0e\x00\x04\x04\x02@\x9d\x82]\x02\xc49\xd74\x8d\x1a6\x04{t\xc6\xb3?\x00\xd4\x84\x00`\x0c\x1a\xfdiI\x96\xcaO1F\x03@\x88a\xd01\x00\xad3K\x92\xf4\xee\xbb\xef&gt;\xf3\xcc3\x82 \xd0\xebZF\x1f\x17\x008\x0b\x02@\xa8Q%\xbe\xa2(\xa3G\x8f\xbe\xf9\xe6\x9bG\x8d\x1a5p\xe0\xc0\xdf\x7f\xff\x9d\xb6\xa3\xc1\x84\x0c\x00B\x06)\xa0\xd0\xd1\xd3&gt;\xfb\xf6\xed\xbb\xfb\xee\xbb\xb3\xb3\xb3EQ\xa4`\xd0\xa2E\x8b\xa5K\x97\xa6\xa6\xa62\xc6P\xae\x03\x00\xa1\x81\x81&amp;DhS\x01I\x92\x96,Yr\xd5UWegg\xcb\xb2\xaci\x9a\xa2(\xb2,\x1f9r$--m\xea\xd4\xa9\xd4\x80\xc8\xa2\r\xa8\x01\xc0Z0\x03\x08\x05\x1a\xe5\x8b\x8b\x8b\xc7\x8e\x1d\xbbd\xc9\x12VU\xa1/I\x12\x13\x98\xaa\xaa\xa2pj\x1f\x82\xe4\xe4\xe4\xa5K\x97\xb6i\xd3\x862E\xa8\xdd\x04\x80\xe0A\x00\x08.}\x1b\x96\xec\xec\xec\xbb\xef\xbe{\xdf\xbe}\xfa\xde,\x8c1\xfd\xe4\xd3\xdbg\xd4\xb3\xb3q\xe3\xc6\xcf&gt;\xfb\xec\xc0\x81\x03YU_\n\xa3\x0e\x1e\x00\xec\r)\xa0 \xa2|\x8e(\x8a\xd3\xa6M\xeb\xd5\xab\x17\x8d\xfe\xaa\xaa\n\xa2@\xa5\x9f\xb7\x0c\xbc\xe9\xe1q\x0f\xd2\xe8/\xc9\x92\xa2(\x92$\x15\x14\x14\xdc~\xfb\xed\xf7\xdcs\x8f\xd7\xeb\xa5\x95a\xa3?\x07\x00\xd8\x13f\x00A\xc19\xa7.\xfcG\x8e\x1c\x196lXVV\x16\xabz\xcc\x97dIU\xd4\xc8\xc8\x88\xc9\xb3\'\x0e\x19~\xa7,\xcb\x9f~\xfc\xd9\xd8{\xc7\x1f&gt;\xf8\xb3$\x89\x9a\xc6Y\xd5\xe6\x04III\xcf?\xff|\x97.]\xf4i\x84\xc1\x9f\n\x00\xec\x05cJ\xe0\xd1x-\xcbrfff\xe7\xce\x9d\xb3\xb2\xb2dYf\x8c\x9d\xdaeLQ\xff\x9e\xd4!s\xfd\x1b\xc3\xee\x1bTT\xe09v4\xaf[\x8f\x7f\xbc\xb3i\xd5\r\xb7\\\xaf\xaa\x1a\xe7\\\x10\x05\xca\xfc\xe4\xe4\xe4t\xef\xde}\xe1\xc2\x854\x8d\xc0\x8b\x02\x00\x10X\x98\x01\x04\x18\x8d\xdd\x8a\xa2&lt;\xfa\xe8\xa3\x0b\x17.d~\xeb\xbd4\x82\x0f\xbbo\xf0\xa4\x99\x13\\.\xd9\xeb-\xa5\xc0\xa0*\xaa;\xcc\x1d\x19\x1d\xb9\xfc\xc5W\xa7\x8f\x7f\xb2\xac\xac\x9cf\t\xb4\x91\x0b\xe7&lt;##c\xe1\xc2\x85-Z\xb4\xa0\x1c\x11V\x86\x01  \x10\x00\x02F/\xf3\xcf\xc9\xc9\xb9\xff\xfe\xfb\xb7o\xdfNI\x1b\xfa\xa6\xaa\xaaM\x9b5\x99\xfb\xc2\xac\xb4~)\xc5\x9e\x92j\xab\xbb\\\xe3\x9a\xa65n\x96\xf0\xf5\xb6\x9c\x7f?&lt;\xf9\xbb\x9c\xefEI\xe4\x1a\xe7\x9c\xd3\xca0^\x14\x00\x80\x80\xc38\x12\x18\xfee\xfe\xbdz\xf5\xda\xbe};\x95\xf93\xc6\x04APU\xb5{\xef\xe4\xf7?[\x93\xd2\xf7\xda\x82\xfcBj\x00\xe7\xff\x9f\x0b\xa2 \xc9R~^A\x87\xcb/{\xfb\xe37\x87\xdd7XSO\xf5\</t>
        </is>
      </c>
    </row>
    <row r="414">
      <c r="A414" s="1" t="n">
        <v>412</v>
      </c>
      <c r="B414" t="inlineStr">
        <is>
          <t>shape_reflect</t>
        </is>
      </c>
      <c r="C414" t="inlineStr">
        <is>
          <t>What is the missing shape denoted by a question mark?</t>
        </is>
      </c>
      <c r="D414" t="inlineStr">
        <is>
          <t>['pentagon', 'square', 'hexagon', 'triangle']</t>
        </is>
      </c>
      <c r="E414" t="inlineStr">
        <is>
          <t>square</t>
        </is>
      </c>
      <c r="F414" t="inlineStr">
        <is>
          <t>There are six shapes in the image separated by a line. In the top part there are ['triangle', 'square', 'hexagon']. In the bottom part there are ['triangle', '?', 'hexagon'].</t>
        </is>
      </c>
      <c r="G414" t="inlineStr">
        <is>
          <t>We observe that the hexagon is reflected across the line as a hexagon. Similarly, the square is reflected as a square. Hence, the pattern is that each shape in the top part is reflected in the bottom part.</t>
        </is>
      </c>
      <c r="H414" t="inlineStr">
        <is>
          <t>Based on the pattern that each shape in the top part is reflected in the bottom part, the missing shape which is reflected from a square part should be a square.</t>
        </is>
      </c>
      <c r="I414" t="inlineStr">
        <is>
          <t>b'\x89PNG\r\n\x1a\n\x00\x00\x00\rIHDR\x00\x00\x02\x00\x00\x00\x02\x00\x08\x02\x00\x00\x00{\x1aC\xad\x00\x00TpIDATx\x9c\xed\xddy\\TU\xff\x07\xf0s\x17\x86\x9d\x01T\xc0\xb4z\xc2\\21r\xc9\xad\xdc\x12M\xdb\xcc\x94\\r\x01S\xdc\xf7\xc4\x051\x11E\x10\x15\x15\x17\xb2\xc0]S\xd3\xac\xa7LqC+\x97p\x0557\xcc\xdc\x10\x15\x18\xd6a\xe6.\xbf?N\xce\x8f\xc7]\x96\x99\x81\xf3y\xbf\x9e?\x9e\x06p\xce\xcc\xdc9\x9f{\xcf\xf9\xdes8UU\t\x00\x00\xb0\x87\xb7t\x03\x00\x00\xc02\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80%\xa9\xaa\xaa(\x8a\xa5[\x01`\x19\x8a\xa2\xc8\xb2l\xe9V0\x8dSU\xd5\xd2m\x00\x00\xb6\xa8\xaa*\xcb\xb2(\x8a\x84\x10Y\x969\x8e\xe3y\x9c\x8cZ\x00\xdet\xcbPUUU\xd5\xf4\xf4\xf4\xb3g\xcf\xe2:\x00\x98B{|Q\x14SSSw\xef\xde-\x08\x02\xcf\xf3\x92$\xe1d\xd4\xfc\x10\x00\x96A\xbf\x03QQQ={\xf6\xe48\\\x87\x01\x13dYV\x14E\x10\x04\x9dN7c\xc6\x8cw\xdey\xc7\xcf\xcf\xef\x8b/\xbe\xb8p\xe1\x82(\x8a\x1c\xc7aD\xc8\xcc\xd0\xf5X\x80\xa2(\x1c\xc7\xfd\xfd\xf7\xdf\x8d\x1a5\xca\xce\xce\xde\xb2e\xcb\xa7\x9f~*\xcb\xb2 \x08\x96n\x1a@\xb9\xa0\x97\xb9\xf4\x08OHH\x98;w\xee\xb9s\xe7L?uww\x1f9r\xe4\xd8\xb1c\xb5Z-\xbd\x1a\xc6\x88\x90y \x00,\x80\xf6\xf5=z\xf4\xd8\xb2e\x8b \x08\xde\xde\xde\xa9\xa9\xa9\xf4B\x98\xe38K\xb7\x0e\xa0,\x15\x1f\xee\xdf\xb3gOdddbb"\xfd\x91\x7f\xdf\xeeDU7\xad\xfd\x9e\xfeg\xbdz\xf5\xa6O\x9f\xde\xb3gOB\x88,\xcb\xf8:\x98\x83\n\xe6E\xc7:\xf7\xef\xdfO\x08\xe1\xb9\x7fOsf\xcd\x9ae\xfa\x11@\xa5a:\xa4o\xdc\xb8\x11\x18\x18h\xea\xd0\xdfn\xdbr\xdd\x8f+\xd3\r\xff\xa4\x1b\xfeY\xf7\xe3\xcaVmZ\x98z\xa4\x8e\x1d;\x1e&gt;|\xd8\xf4\xe7\x8a\xa2X\xae\xf9\x95\x1f\xae\x00\xcc\x8a\xbe\xe9F\xa3\xb1U\xabV\'N\x9cptrt\xaf\xe2v\xf5\xca?...\xc7\x8f\x1f\xf7\xf6\xf6VU\x15\x17\xbfP\t\x98Fr\x0c\x06CTT\xd4\xd2\xa5Ko\xdd\xbaE\x08y\xb5N\xad\xa0\xd1_t\xff\xbc\x9bFc\x93\x9d\xa5#\x84\xb8\xbai\x8dF\xe9\xbb\xd5\x9b\x17\xcc^\x9c~3\x9d\x10bkg\xdb\xa7w\x9f\xb0\xb0\xb0\x1a5j\x90\xfbW\xcc\x16}5\x95\x16\x02\xc0\xac\xe8\xa1\xbcj\xd5\xaa\x01\x03\x06\x10B\xbe\x18\x11\xe8\xff\xf9\xa7\xef\xbf\xd3\xd5h4\xf6\xeb\xd7o\xd5\xaaU8\xd6\xa1\xa2S\x8b\r\xf7o\xdc\xb81""\xe2\xf4\xe9\xd3\x84\x10W7\xd7\x80\xa1}\x07\x0c\xe9\xe7U\xdd3\xf3^\x96\xaa\xaa\xf4wdY\xe69\xde\xd5]{\xfd\x9f\x1b+\x97\xafY\x11\x1b_\xa4/"\x84xyyM\x992%((H\xa3\xd1`b\xa0\x9c \x00\xcc\x87\x9e\xfe\xebt\xba\xfa\xf5\xebgdd8\xbb8\'\x1e\xfd\xf9\xd5\xda\xaf\x06~6\xf8\x87M?\n\x82\xb0w\xef\xde\xd6\xad[#\x03\xa0\x82*\xde\xf5\x1f9r$44t\xd7\xae]\xf4G\x1fu\xff`\xec\x94\x91\xaf\xbf\xf1\xba.Kg0\x18\xe8\x94@q\x92$\xd9\xd9\xd9989\xa4\x9cH]\x1c\xb5\xf4\xa7\xef\x7f\xa6\x8f\xfb\xf8\xf8DFFv\xee\xdc\x99\xfe\x8e \x08\x98\x18(CHT\xf3Q\x14\x85\xe7\xf9i\xa1\xd3\xd2\xd3\xd3\x15E\x195qX\xcd\x97j\xdc\xbd{\'x\xc6\x047w7Y\x96CCCQ\x06\x07\x15\x14\xadl\x16\x04\xe1\xc6\x8d\x1b\x03\x07\x0el\xdb\xb6-\xed\xfd\x1b5\xf5]\xbb=a\xc9\xaa\x85\xaf\xbc\xfa\xca\x9d\xf4;\xa6\t\xe1\x07\x88\xa2h4\x1a3\xeff\xd6\xad_g\xf9\xda\xc5\xf1\x9b\xbf\xae[\xbf\x0e!$%%\xa5K\x97.\xbd{\xf7NMM\xa5\xa5\xa2\x92$\x99\xfb\xb5U^\xb8\x020\x13Z\xfay\xe1\xc2\x85\x06&gt;\r\x14Y\xa9\xef\xf3\xda\xf6}\x9b%I6\x1a\x8d\x1e\x9e\xd5fO\x8b\x8a\x89XL\x08Y\xbdzu\xdf\xbe}q\x11\x00\x15H\xf1\xe1\xfe\xb8\xb8\xb8\xd9\x11\xb3\xd3o\xa5\x13B\xaa\xd7\xa8&gt;v\xf2\xc8\xae\x9f}\xe4\xe8\xec\xa8\xcb\xd2=\xe3\xed\xbe\x8a\xa2\x10\x958k\x9d\x0b\x0b\n\xd7~\xbba\xc9\xbc\xe5w3\xee\x12B\xec\xed\xed\xc7\x8f\x1f?r\xe4H\x0f\x0f\x8f\xe2\x97\x1aP\x1a\x08\x003\xa1}z\xa7N\x9d\xe8i\xd1\x9am\xf1\xefvn\x97\x95\xa9\x13E\x81\x10\xc2q\\\xa7\xe6\x1f\xfc\x9dv\xb5V\xadZ\xc9\xc9\xc9\xce\xce\xce\x1c\xc7\xe1R\x17\xac\\\xf1\x8ex\xc7\x8e\x1d\xc1\x93\x82SN\xa7\x10B\xec\xec\xec\xbe\x18\x190 \xa8o\xcd\x97j\xe8\xb2sJpBC\xffD\xeb\xear\xe5\xf2\xd5\xf9\xb3\x16n\xdf\xfc_CQ\x11!\xa4f\xcd\x9aaaa\x01\x01\x01\x04kH\x94\x05\xbcw\xe6@\x8f\xe6]\xbbv\xd1\xde\xff\xbd\x8f:\xb5\xeb\xd4&amp;;\xeb\xdf\xde_\x92$\'\x17\xa7\xd1\x93F\x10B.]\xba\x14\x13\x13\xc3\xf3&lt;\xc6\x82\xc0\x9a\xa9\xaa*I\x12\x1d\xf3IMM}\xff\xfd\xf7\xbbt\xe9B{\xffv\x1d\xdbl\xdf\xb79d\xd6d7w\xb7{w3\t!%8U\xa7\x7fr\xefn\xa6\x87g\xb5\xd8\x951\x1b\x7f^\xfdN\xfbV\x84\x90\xeb\xd7\xaf\x07\x06\x06\xfa\xf9\xf9\xed\xd9\xb3\x07kH\x94\x1e\xae\x00\xca\x1d\x9d\xfbU\x14\xa5A\x83\x06\x17/^\x14E\xf1\xbf\x07\xb7\xd5\xab_\'?\xbf\xc0t\xf2\xa2\xc8\x8a\x8b\x9bK\xb7w\xfd\x8f\xfc\xfe\xa7\xab\xabkrr2JB\xc1j\x99\xce\xe8322f\xcd\x9a\xb5b\xc5\x8a\xc2\xc2BBH\xdd\xfau\x83g\x8c\xf7\xeb\xd2^Q\xd4\xbc\xdc\xbc2\x99\xb0UUU\x96egg\'^\x10\xb6m\xfca\xc1\xec\xc5i\x97\xae\x10B8\x8e\x0b\x08\x08\x08\x0e\x0e\xaeS\xa7\x0eA\xa9hI!\x00\xca\x1d=4\x97,Y2b\xc4\x08BH\xd0\xe8A3\xa2\xa7\xdd\xbbs\xaf\xf8T\x98\xa2(\x8eN\x8e\xc9\x87\x8f\xf5z\xbf_QQ\x11-\t\x95$\xe9\x91\xd3e\x95\x1b\xcdKK\xb7\xa2\\T\x82a=\xd3p\xbf\xd1h\\\xbbv\xed\xf4\xe9\xd3\xaf]\xbbF\x08\xf1\xf0\xac6t\\\xd0\xe7\x03{\xd9;\xd8\xe7\xe6\xe4\x92\xb2.\xd9\xa4\xb7\x83\xb9Uq\xcbH\xcfHX\xb6z\xe5\xf2\xd5\xf4\x1e\x0277\xb7q\xe3\xc6M\x9c8\x11\xa5\xa2%\x83\x00(_\xf4\xa0\xcc\xc8\xc8\xa8\xffz}]\xb6\xee\xc5\x97k\xfe\xf7\xc06;\x07;Y\x92\x1f\xe8\x0b$I\xaa\xe6YuH\x9f\x11[7n\x17\x04a\xdf\xbe}\xef\xbc\xf3\x0e\xcek\xc0J\xa8\xc5VtHLL\x9c&gt;}\xfa\xa1C\x87\x08!vvv=\xfb\xf7\x189q\xd8\x0b5\xab\xe7\xe4\xe4\xcaR9\x1e\xb1\x92$k46Z7m\xca\x89\xd4\xe5\x0b\xbe\xde\xb2~\x1b\xed\xbe|||\xa6L\x99\x825$J\x00\x01P\xbeh\x0f\x1e\x10\x10\xb0r\xe5JBH\xe4\xe2Y\x03\x86\xf6\xbb\x9bq\xf7\xe1S{UUm46\x19\xe9w:\xb7\xfc0;K\xd7\xb8q\xe3\xdf\x7f\xff\xdd\xc6\xc6\xa6\x12\x9c6&gt;#Z&amp;{\xf2\xe4\xc9q\xe3\xc6\xd1\xf3\xb8\xca\xf1\xc2\xe9WLQ\x94\xf9\xf3\xe7\xfb\xfa\xfa\xd2\x97i\xe9F=\x1f\xd3\xc5hjj\xea\xec\x88\xd9\x1b\xd6o\xa0\x8f\xb7\xeb\xd8f\xd2\x8c\t&gt;\x8d|\n\xf3\x0b\xf5\xfa"Q\x10H9\x7fb\xaa\xaa\xca\x92\xec\xe0\xe4`oo\xb7w\xe7\xfe\xb93\xe6\x9fH&gt;E\x7f\xe4\xe7\xe77s\xe6\xccf\xcd\x9a\x11\xc4\xc03C\x00\x94#Z\xfay\xfc\xf8\xf1V\xadZ\x15\x15\x155m\xd1d\xf3\xce\xf5\x85\x05\x85\x8f\xfb\xfeK\x92T\xb5Z\x95\xd8\xb9\xcbfN\x89 \x84\xac\\\xb9\xb2\x7f\xff\xfe\xec\\\x04\xd0W\x9a\x98\x98\xd8\xb1cGK\xb7\xa5\\\xec\xda\xb5\xcb\xcf\xcf\xafb}\xa0\xa6\x9e4###666z^taA!!\xa4^\xfd\xba\xc3\xc6\x07u\xeb\xd5U\x96\xa4\xfc\xbc\x02^0ko\xab(\x8a\xa2(\xaen\xae\xf9y\xf9\xdb\xbe\xdb\x1e3{\xf1-\xba\x86\x84\xad\xed\xe0\xc1\x83CBB&lt;&lt;&lt;\x08&amp;\x06\x9e\x01\x02\xa0\x1c\xd1\xe3\xafm\xdb\xb6III\x82 \xac\xda\xfam\xbb\x8e\xadu\xd99O&gt;(y\x81\xef\xd4\xfc\x83\xbf/_\xf5\xf4\xf4LMMuuue\xe4"\x80\xbe]\xfb\xf7\xef\xef\xd0\xa1\x03\xcf\xf3u_\xaf\xe3\xee\xeeFKM,\xdd\xb4\x12RUU\x14\xc5\xcc\xcc\xac\xf3g.(\x8a\xb2{\xf7\xee\xb6m\xdbV\x94^\x89\x0e\xbb\x9b\x16p6\r\xf7W\xf3\xac\xd6oP\xef\xc1\xa3\xbepvq\xd6e\xeb\x88\xe5\x86\xddM\xa5\xa2t\r\x89ob\x13\xf4z=\xc1\x1a\x12\xcf\x03\x01P^\xe8\xd1\xb9e\xcb\x16\x7f\x7f\x7fUU\xbb\xf6\xf80n\xfd\x92\xbb\xff;\xf7\xfb\xc8\xbf\xd2\xba\xba\xfc\xfa\xe3\xae\x81\x9f\r!\x84L\x9d:5&lt;&lt;\xbc\xa2t\x19\xa5D_\xe6\xbe}\xfb\xda\xb7oO\x08\xd9\xf8\xcb\xdaN\x9d;\xe8rt\x82XQ_\xbb,\xc9Z\x17\xed\xce\x1d\xbb{v\xf9\x9c\x10\xb2w\xef\xdev\xed\xdaY\xff\xa7\xa9&gt;f\x01g[[\xdb\x8f{|0v\xeah\xef\xda\xafdgf\xcb\x92l\r\x1f\r]C\xc2\xd1\xc9\xf1\xd4\xb1S\x11\xa1s\xf7\'\x1e\xa0\x8fc\r\x89g\xc1\\\x91\x89y\xd0X\xd5\xe9t\xc1\xc1\xc1\x84\x10gg\xa7\x91\xc1\xc3\x9f0\xf8c"\x08B\x8e.\xb7\xd3\x87~o\xb7m\xf9{\xd2\xa1\xe8\xe8\xe8\xfe\xfd\xfb\xd7\xae]\xbb"\x0e\x1c\x97Ra\x81&gt;\xaf ///\xdf\xca\xbb\xcb\'\x90eY\x10\x85\xc2\x02\xbd\xa5\x1b\xf2\x1ch&gt;\x89\xa2x\xe1\xc2\x85\xc8\xc8\xc8\x84\x95\t\xaa\xa2\x12BZ\xb5m1a\xda\xd8\x96m\x9a\xe7\xe5\xe4\xdf\xcd\xb8+\n\xa25\xf4\xfe\xe4\xfe\x1a\x12\xf7\xee\xde\xab\xd7\xa0\xde\x9a\x1f\xe2\x13\x7f\xd9\x1b\x19\x1a}\xfe\xdc\x05\xba\x86D\xaf^\xbd\xa6L\x99\xd2\xa0A\x03Rl&amp;\x03L\xd8\xeaS\xcc\x86~\x8bbbb\xd2\xd2\xd2TU\x1d8"\xc0\xe7\xcd\x06\xc5\x0b\xff\x9f\xf6\xe7JH\xc4dQ\x14\x8b\x8a\x8aBBB\xc8\xfdDa\n\xcfs|%Q1N&lt;\xe9\xc0\xbai\xbf\xc6\x16-[\xc4\xc7\xc7\xab\x8a\xfaj\x9dZQK"\xd6n_\xd9\xa4y\xa3\xbb\x19\xf7\x8cF\xa3(\x8a\xe5=\xd9\xfb\\\xe8\x0e\xc3\x05\xf9\x05y\xb9\xf9\x1d\xdf\xef\xf0\xdf\x83\xdb\xa6G\x86T\xf5\xa8J\x08\xd9\xb0a\xc3[o\xbd5m\xda4\x9dN\'\x8a\xa2\xa2(\xb8\xc5\xb28\x04@\xd9\xa3\xdf\xa2\xcb\x97/\xc7\xc4\xc4p\x1c\xf7\x9fZ\xff\x196.(\xeb^\xd63\x9e}\xf0&lt;\x9f\x97\x9b\xffFc\x1f\xff\xbe\xdd\t!\x9b6m\xa2S\x088p\xa1\x9c\xd01\x1f\x1aV\x1b7nl\xd1\xa2\xc5W_}\x95y/\xd3\xd5\xcdu\xec\xe4\x91\xdf\xef\xde\xd8\x7fp\x1f}\xa1&gt;/\'\x9f.\xc7f\xe9\xf6&gt;\x1am\x7f\x8e.GQ\x94\xa1c\x07\xfd\x94\xb4\xb5\xc7\xe7\x9fj4\x9a\xc2\xc2\xc2\xf0\xf0\xf0\xe6\xcd\x9b\'$$\xf0&lt;O\xbfJ\x0c\x9eQ=\x12\x02\xa0\xec\xd1\xe2\x9f\xb0\xb0\xb0\xec\xeclB\xc8\x98I#\x9c\\\x9c\x9ek\tCA\xe0\x0b\xf2\n\xc7\x85\x8cru\xd3r\x1c7~\xc2\xf8\xa2\xa2"\xec\x1d\x0fe\xae\xf8\x8a\x0eG\x8e\x1c\xe9\xd4\xa9S\xaf^\xbd\xce\x9d;\xc7s|\x8f\xcf?\xfd&gt;q\xe3\xe4\xf0`\x07\x07\x87\xbbw\xee\xf1&lt;\xcf\x0b\x15\xa0\xbb\xf8\xdf5$\x16|\xb7cm\xcb6-\x08!\x7f\xfd\xf5W\xf15$\xe8\xaa\xa2\xf8BU\x80O\xb4b\xa1\xb3g\x07\x0f\x1e\\\xb7n\x1d\xc7qM[4\xe9\xd1\xf7S]\xa6\xee\xb9\x06\x1f9\x8e\xd3\xeb\xf5/\xd4\xac&gt;\xf2\xcba\xaa\xaa\x1eK&gt;\xb6q\xe3F\x9e\xe7iI\x03@\x99\xa0\x8b\xa9\x89\xa2\xf8\xc0\x02\xce\xad\xda\xb6\\\xb3=~q\xfc|\xef\xdaOZ\xc0\xd9\x9a\xd1\x89\x81\xbb\x19\xf7\x9a4o\xb4\xee\xc7\x95QK"j\xd5\xf6&amp;\x84\xec\xde\xbd\xbb\x83_\x87\x81\x03\x07\xde\xbcy\x93^\xcd0~a\x8d\x00(K\xaa\xaar\x1cWTT4f\xec\x18:\r0)l\x82,\xc9%\x180\x15D!W\x97\xdb/\xe8s\xef\xda\xaf\xf0&lt;?y\xf2\xe4\xac\xac,\\\x04@\x19\x12\x04\xc1`0\x84\x87\x877m\xda4&gt;&gt;^\xaf\xd7W\xafQ=*v\xf6\xba\x1fW\xb6\xf5k}\xefn\xa6\xbeP/\xdaX\xef\x98\xcf\x93\xd1l\xcb\xcb\xc9\xd7\x17\xea\xfb\x0f\xee\xb3u\xcfwc&amp;\x8f\xd4\xbaj\x89J\xe2\xe3\xe3\x1b7n\x1c\x1e\x1en0\x18*n\x89A\x99@\x00\x94%Z\xab\xb3q\xe3\xc6\xe3\xc7\x8e\x13B&gt;\xeb\xd7\xa3U\xdb\x16\xb99\xb9\xfc\xf3\x17\xf0p\x84\x93$\xd9\xc1\xc1~jx\xb0\xa2(\xb7n\xdd\n\r\r\xc5E\x00\x94\tEQ\x8cF\xe3\xc6\x8d\x1b\x1b7j&lt;m\xda\xb4[\xb7n\xd9\xd9\xd9\x8d\xf8r\xe8OI\xdf\xf7\x1b\xdcG_\xa0\xd7e\xe7\x88\xa2X\x82\xe3\xd6\xda\xf0\x02\xcf\xf3\xfc\xdd;\xf7\x1c\x1c\x1c\xa6\x84\x07\xff\xb0w\xd3\x87\x9f\xbeO\x08IOO\x9f6mZ\xa3F\x8d6n\xdch4\x1a\x99\xfdZU\xf8\x0f\xd8z\xd0\xd3\xff\xcc\xcc\xccI\x93&amp;\xf1&lt;\xafu\xd5\x8e\x0b\x19\x95\x97S\xf2*FA\x10t\xd99\xef}\xdc\xa9\xf3G\x9d\x08!qqq\xe7\xcf\x9fG\x06@)\xd1\xf9\xde\xc3\x87\x0f\xf7\xea\xd5+\xf5L\xaa \x08\x1fv{\xff\xc7\xa4\xef\xa7\xce\x9aD\x17p\xe6x\xae\x92\x9d\x17\x8b\xa2(\xcb\xf2\x9d\xf4;\xaf\xbc\xfa\xca\xd2\xd5\x8b\xd6n_\xe9\xdb\xe4\rB\xc8\x993gz\xf5\xeau\xf8\xf0a\x9e\xd5\x05\xd8\x11\x00e\x86\x9e\xfe\xcf\x9f?\xdf\xb4\xe3\xe3\x0b5\xab\xeb\xf5\xfa\xd2\\As\x1c\'\x19\xa5\xb1SGil5\x92$\x8d\x1a5\n\xa3@P&amp;\x8cF#-\x89\x99\x1e\x15\xf2\xed\xe6\xe5u^\xab\x9dy7\xf3\xdf\x12\xcf\xca\x88\xe38\xd1F,,(\xcc\xcd\xc9m\xeb\xd7\xfa\x87=\x9bFM\x1cNw\x140\x1a\x8d\x96n\x9d\xc5 \x00\xca\x06\xed\xfd\xcf\x9f??7z.\xcf\xf3\xde\xaf\xbe\xd2/\xe8\xf3\\]n)o\x96\xe1y&gt;/7\xafa#\x9f\xc0\xa1\xfdUU\xa5[\xca\xa0$\x14J\x8f\xe38Z\x14_\xa7^mC\x91!/7\xcf\x9aK&lt;\xcb\n\xcd\xbc\xac{Y\x1a;\xcd\xdb\xed[\xc9\xb2Lk\xf6,\xdd.\x8bA\x00\x94\r:\xfe3j\xd4(C\x91AQ\x94\xa9\xb3\x82\x1d\x1c\xec%I\xe6J}\xc3\x8c \x08\xf9\xb9\xf9\x83F\x06zxV\xe3yn\xd4\xe8Q\xb4n\x0f\xd7\x01P&amp;\n\x0b\xf5\xacm\xac(\x88\x82"+\xf9y\xf9\x96n\x88\xe51\xf4\xa9\x97\x9f\x87w||\xef\xe3NO]\xf4\xed\x19\xd1\x92\xd0\x9a/\xd5\x18;e\x94\xa2\xa8\xe7\xff:\x1f\x17\x17\x87\x99\x00(+\x15\xe5F\xe5\xb2\xc5Z\xe6=\x0e\xde\x82\xd2\xa2\xe7\xfe\xa6\x01z\x8dF3n\xea(\xc9X\x96kX\x8a\xa2\x98\x9d\xa5\xeb\xde\xe7\x93\x06\xbe\xafs\x1c\x17\x1a\x1a\x9a\x95\x95\xc5\xf3&lt;.\x02\x00\xa04\x10\x00\xa5EG\xffi\x89\x8e\xaa\xaa\x81\xc3\xfa7l\xe4\x93\x97\x9bW\xb6\xe7\x17\xb2,;:9M\x9c&gt;^U\xd5\xcc\xcc\xcc\xd0\xd0P:\x86[\x86O\x01\x00\xacA\x00\x94\n\x9dA\xa25\xc5&lt;\xcfW\xf3\xa8:hd`~n\xd9/`)\x08BvVv\xfbNmP\x12\n\x00e\x05\x01P*\xaa\xaa\x9an\xd3U\x14e\\\xc8\x98\x9a/\xd5(e\xe9\xe7\xe3p\x1c\xa7\xc8\nJB\x01\xa0\xac \x00J\x8e\x0e\xfe\x1c;vl\xc3\x86\r\x84\x90\xa6-\x9a\xf4\x0e\xf0\xcf|\xe6U?\x9f\x17\xcf\xf3\xb9\xb4$t\xc8\xbf%\xa1\x9b7oFI(\x00\x94\x18\x02\xa0\xe4\xe8\xf4\xef\xf8\xf1\xe3\x8b\x8a\x8a\x04A\x18=i\x84(\x8a\xe5zJ.\x08BnN\xee\xf0\tC\xfe\xe3\xfd2\xc7q!!!\x06\x83\x01\xd7\x01\x00P2\x08\x80\x12\xa2\xa5\x9f\x9b7o&gt;p\xe0\x00!\xe4\xc3n]\xfc\xba\xb4\xcf\xce\xd2\x95\xeb=\xf4\x1c\xc7\x19\x8a\x0c\x1e\xd5=\x86\x8e\x1d\xac\xaa\xea\x85\x0b\x17\xa2\xa3\xa31\x13\x00\x00%\x83\x00(\tz\xc6m0\x18\xa6\x86L%\x848\xbb&lt;\xeb\x8e\x8f\xa5\'\x8ab\xe6\xdd\xcc\xcf\xfa\xf7x\xabe\x13B\x08]y\x02\x15A\x00P\x02\x08\x80\x92\xa0{~EGG_\xbcpQU\xd5\x81\xc3\x9fo\xc7\xc7RRU\xd5\xc6F\x1c\x15&lt;B\x10\x84{\xf7\xeeM\x9e&lt;\x19\xf7\x04\x00@\t \x00\x9e\x1b\x9d\xfb\xbd|\xf9rdT\xe4\xfd\x1d\x1f\x07?\xfb\x8e\x8f\xa5\'\x08Bv\x96\xce\xafK{\xba\xb0\xed\x86\r\x1b\x8e\x1d;\x86\x81 \x00x^\x08\x80\xe7F\xe7~\xc3\xc2\xc2rt9\xe4\xdf\x1d\x1f\x9d\x9fk\xc7\xc7\xd2\xe3y\xbe\xb0\xa0p\xe4\xc4a.Z\x97\xa2\xa2\xa2\t\x13&amp;`*\x18\x00\x9e\x17\x02\xe0\xf9\xd0\xb9\xdf\x03\x07\x0e\xac[\xb7\x8e\x10R\xb2\x1d\x1fK\x8f\xe7\xf9\xbc\xbc\xfc\x86\x8d|\xfa\r\xeaC\x08IJJ\xda\xb2e\x0bJB\x01\xe0\xb9 \x00\x9e\x9b\xa2(\xd3B\xa7\xc9\xb2\xac\xb1\xd5\x94x\xc7\xc7\xd2\x13E1;3{\xf0\xe8\x81/\xfd\xe7EUU\x83\x83\x83u:\x1d\xb9?A\r\x00\xf0T\x08\x80\xe7@O\xff\xd7\xacYs \xe9\x00!\xe4\xfd\xae\x9d\xdfn\xd7\xb2d;&gt;\x96\x1e\xc7q\x06\x83\xc1\xc3\xb3\xda\xf8\x901\x1c\xc7\xa5\xa5\xa5\xc5\xc4\xc4\xe0"\x00\x00\x9e\x1d\x02\xe0Y=\xbc\xe3\xe3\xc4\xaf\xc6\xe7\xe6\xe4Yp\xf3&lt;Q\x143\xefeu\xef\xf3\t-\t\x8d\x89\x89\xb9|\xf9\xb2 \x08\x98\r\x06\x80g\x81\x00xV\x0f\xef\xf8\xe8\xfd\xea\x7f\xf4\x85\xe5\xb2\xec\xcf\xb3\xe38N\x96\x95\xe0\x19\x13lmm\xb3\xb3\xb3\xc3\xc2\xc20\x1b\x0c\x00\xcf\x08\x01\xf0Lh\xef\x7f\xf1\xe2\xc5\xb9\xd1s9\x8e\xa3;&gt;fg\x99{\xee\xf7a&lt;\xcf\xe7\xe6\xe4\xbe\xdd\xae\xe5\xfb\x9f\xbcG\x08Y\xb7n\xdd\x81\x03\x070\x10\x04\x00\xcf\x02\x01\xf0L\xe8\xf8\xcf\xd4\xa9S\rE\x06UU\xa7\xce\x9a\xe4\xe0`o%\x9d\xac \x08\xb99y_N\x1f\xef\xe6\xee&amp;\xcbrhh\xa8\x954\x0c\x00\xac\x1c\x02\xe0\xe9L;&gt;n\xde\xbc\x99\x10\xf2v\xdb\x96\x9d&gt;\xec\x90\xa3\xcb\xb5\xe0\xe8\x7fq\x1c\xc7\xe9\x0b\xf5\xb5j\xbf\xd2?\xe8sBHRR\xd2\xfa\xf5\xebq\x11\x00\x00O\x85\x00x\x8a\xe2;&gt;\xf2&lt;\xaf\xd1hB"&amp;\xcb\xb2u\xcd\xb2\n\x82\x90\x95\x99=l\\\xd0+\xb5\xfeCoR\xd3\xe9t\x98\x0c\x00\x80\'C\x00&lt;E\xf1\x1d\x1f\x15E\t\x1c\xd6\xff\xcd&amp;o\x94\xf9\x8e\x8f\xa5D#\xca\xc9\xc5i\xf4\xa4\x11\x84\x90K\x97.\xc5\xc4\xc4\xf0&lt;\x8f\x8b\x00\x00x\x02+\xea\xc5\xac\x10=\xfd\xcf\xca\xca*\xbe\xe3c^9\xec\xf8Xz\xa2(\xea2u=\xfa~\xfaV\xcb&amp;\x1c\xc7\xc5\xc4\xc4\xa4\xa5\xa5\xa1$\x14\x00\x9e\x00\x01\xf0$\xf4\xf4\x7fZ\xe8\xb4\x7fw|\x9c:\xba\xfcv|,\x03\x1c\x91%9x\xc6\x04Q\x14\xb3\xb3\xb3\'M\x9a\x84Q \x00x\x02\x04\xc0c\x99v|\x8c\x8b\x8b#\x84\xbc\xde\xb0~\xf7&gt;\xdd\xac\xa1\xf4\xf3qhIh\xab\xb6-\xfc\xfbv\'\x84l\xde\xbc9))\t\xb3\xc1\x00\xf08\x08\x80\xc72\xed\xf8(K\xb2 \x08S\xc2\x83\x1d\x9c\x1c\xac\xbc3\x15\x04!/\'\x7f\\\xc8(W7-\xc7q\xe3\'\x8c/**\xc2u\x00\x00&lt;\x12\x02\xe0\xd1\x8a\xef\xf8\xa8\xaa\xea\x87\xdd\xbat\xe8\xdc.;3\xdb\nG\xff\x8b\xe38N\xaf\xd7\xbfP\xb3\xfa\xc8/\x87\xa9\xaaz,\xf9\xd8\xc6\x8d\x1b\xb1U\x00\x00&lt;\x12\x02\xe0\x11\x1e\xd8\xf1\xd1E\xebl\xb6\x1d\x1fKO\x10\x85\\]n\xbf\xa0\xcf\xbdk\xbf\xc2\xf3\xfc\xe4\xc9\x93333q\x11\x00\x00\x0f\xab\x00=\x9a\xf9=\xb0\xe3c\xbfA\x9f7l\xe4\x93\x97\x97_!\x02\x80#\x9c$\xc9\x0e\x0e\xf6S\xc3\x83\x15E\xb9u\xeb\xd6\xfc\xf9\xf3q\x11\x00\x00\x0f\xab\x00=\x9a\x99\xfd\xff\x8e\x8f\x91\x91\x1c\xc7\xbd\xf8r\xcd\xc1\xa3\x07fgf[\xed\xdc\xef\xc3\x04A\xc8\xd1\xe5v\xfa\xd0\xef\xed\xb6-9\x8e\x8b\x8e\x8e\xbex\xf1"JB\x01\xe0\x01\x08\x80\x07\xfd\xff\x8e\x8f99\x84\x90\t\xd3\xc6zxV3\x18\x0cVZ\xfa\xf9x\xb2\xac\x84DL\x16E\xb1\xa8\xa8($$\x84`\xaf\x18\x00\xf8_\x08\x80\xff\xf1\xf0\x8e\x8f\xdd\xfb|\x92i\xc6\r\xdf\xcb\n\xcf\xf3y\xb9\xf9o4\xf6\xa1%\xa1\x9b6mBI(\x00&lt;\x00\x01\xf0 Y\x96\xffg\xc7GY\xa9p\xe7\xfe\x94 \xf0\x05y\x85\xe3\xa6\x8eru\xd3\xf2&lt;?~\xc2xI\x920\x1b\x0c\x00&amp;\x08\x80\xff\'I\x92 \x08\xeb\xd7\xaf\xb7\x86\x1d\x1fK\xef\xdf\x92\xd0\x17_\x18\xf9\xe50EQ\x8e%\x1f\x8b\x8b\x8b\xc3l0\x00\x98T\xc8\xae\xad&lt;\xa8\xaa\xca\xf3|NNNXX\x18\xcf\xf3\xaen\x96\xdf\xf1\xb1\xf4\x04Q\xc8\xc9\xce\x190\xa4o\x03\xdf\xd7y\x9e\x0f\r\r\xcd\xca\xca\xe2y\x1e\x17\x01\x00@\x10\x00&amp;\xb4\xf8\'2*\xf2\xd2\xa5K\x8a\xa2\x8c\xfc\xd2*v|,%\x8ep\xb2,\xdb;\xd8O\x9c&gt;^Q\x94\xcc\xcc\xcc\xd0\xd0P\x8e\xe3p\x11\x00\x00\x04\x01@\xd1\xc2\xff\x8b\x17/FGG\xf3&lt;o=;&gt;\x96\x9e \x08\xd9Y\xba\xf6\x9d\xdat\xfe\xa8\x13!\x84\xaek\x8d\x81 \x00 \x08\x00\x8a\x0e\x89\xd0\x1d\x1f\x15E\xb1\xaa\x1d\x1fK\x8f\xe38EV\xc6N\x1d\xa5\xb1\xd5\xd0\x9dm0\x15\x0c\x00\x04\x01@\xee\x97~&amp;%%Y\xe7\x8e\x8f\xa5\xc7\xf3|nn^\xc3F&gt;\x81C\xfb\xab\xaa\xbak\xd7\xae]\xbbv\xa1$\x14\x00X\x0f\x00\xd3\x8e\x8f\xe3\xc7\x8f\xe7y^\x14E+\xdc\xf1\xb1\xf4\x04A\xc8\xcf\xcd\x1f42\xd0\xc3\xb3\x1a\xcfs\xa3F\x8fBI(\x00\xb0\x1e\x00\xa6\x1d\x1f\x8f\x1d;\xa6(\xcag\xfd\xba\xbf\xd1\xd8\'/\xb7b,\xfb\xf3\xechIh\xcd\x97j\x8c\x9d2JQ\xd4\xf3\x7f\x9dGI(\x00T\xaan\xeey\xd1\xd2\xcf\xe2;&gt;\x8e\x0f\x19S\x90W(\x08\x95\xf0m\x11E1;K\xd7\xbd\xcf\'\r|_\xe78\x8e\x96\x84\xe2"\x00\x80e\x95\xb0\xa7{v\x8a\xa2p\x1cg\xda\xf1q\xf4\xa4\x11^/x\xe6\xe7\xe7\xab\x8a*W:\x8a\xac\x18\x0c\x06;{\xfb\t!cTU\xa5%\xa1\xb8\x08\x00`Y\x85/s,1:\xf8s\xfe\xfc\xf9\xb8\xb88\x8e\xe3\x9a\xb6h2p\xf8\x00EV\xdc\xab\xb8W\xe4\xd2\xff\xa7\x90e\xa5\xeb\xa7\x1fu\xef\xb3c\xcb\xba\xadqqq\x03\x06\x0ch\xd4\xa8\x11}+,\xdd4\xb0\x0cEQ\xd8\xbc\nd\xf3U?\x80\xdd\x00\xa0\xe3?\xa3F\x8d\x92\x8c\x12!\xa4e\x9b\xe6\x7f\x1c8\xac\xcb\xce\x11\x05\xa1\xb2\x1e\x17\x1c!\xb2\xa288:\xbc\xd9\xe4\x8d\xed\x9b~2\x1a\x8d\xe3\xc7\x8f\xdf\xbf\x7f?.\x02X\xe6\xe8\xe4\xc8\x0b\xbc,\xcb\x95\xa6\xec\xed\xa9TUU\x14\xc5Fcc\xe9\x86X\x1e\xa3\x01@\x0f\xf7\xad[\xb7&amp;&amp;&amp;\xdahl\x14Y\x89\x89X\x1c\x13\xb1\xd8\xd2\xed2\x1fA\x104\x1a\xcdo\xbf\xfd\xb6u\xeb\xd6n\xdd\xba1\xf5\xfd\x07r\xff\x04\x88\xe3\xb8\xdf\xf6\xfe\xfeV\xcb\xc6n\xeen\xbal\x1d\xcf\xf3\x95\xfeZP\x92d\x8dF\xe3\xe4\xe0t\xfb\xe6m\x8e\xe3\xe8\x9b`\xe9FYL%\xff\xb0\x1f\x89\x1e\xfa:\x9dn\xc4\x88\x11\xaa\xaa\x1a\rF\x99\xbd\x8axY\x96\r\x06\x83,\xcb#F\x8c\xd0\xe9tX \x885666\x8a\xa2\xc8\xb2\xbc(jI\xd7v=\x0e\xec9X\xa5\xaa\xbb\x9d\xbd\x9d$I\x96nZy\xa1_s\xf7*\xae9\xba\x9c1A\x13\xa6\x8d\x9b\xc1q\x9c,\xcb\x95\xf8%?\x15\xa3W\x004\xf3\xd7\xacYC;&gt;6O\x01\xe8\x0b\xa7\xe3?(\x07b\x07\xdd\x1b\xaey\xf3\xe6\x1b6l\x08\x0f\x0f?s\xe6\xcc\xc9c\xa7\xfb|4\xa0{\xefO\x86\x8c\x1d\xec\xe3\xfbzVf\xb6,\xc9\x82Xy\xae\x08\xe9&lt;\x87\xd6U[XP\xb8&lt;\xe6\x9b\xa5\xf3\x96\xdf\xc9\xb8K\x08\xd1h4AAA\x8d\x1b7fv\x1a\x8c\xc5\x00\xa0\xdd\xbdV\xab}\xf7\xddw-\xdd\x16+\xc2f\n\xb2\x89\x0e\xf5\xf4\xec\xd9\xb3[\xb7nQQQ\xf3\xe7\xcf\xcf\xca\xca\xda\xbcn\xeb\xae\x9fw\x7f1"p\xf0\xa8\x81\xae\xee\xae\xbal\x1d\xfdMK7\xb6TTU\x95e\xd9\xc9\xd9\x89\xe7\xf9}\xbb\x92\xe6\xcd\\p"\xf9\x14\xfdQ\x97.]"##\x1b4h`\xd9\x16Z\x16\x8b\x01@\xd1\x89 K\xb7\xc2*0&gt;\x0c\xca,Y\x965\x1aMHH\x88\xbf\xbf\x7fdddBB\x82.;g^x\xcc\x7f\xbf\xffe\xf8\x84!\xddzuUd9/7\x9f\x17*\xea\xe1!I\x92\xc6V\xa3u\xd3\xa6\x9cH]\x1c\xb5\xf4\xa7\xef\x7f\xa6\x8f\xfb\xf8\xf8DFFv\xee\xdc\x99\x10"\xcb2\xcb\xc7?\xbb\x01\xc0q\x1c\xa6=\x81e\x82 \xd0\x13\xe4:u\xea|\xfb\xed\xb7\xbd{\xf7\x0e\t\t9|\xf8\xf0\xf9s\x17F\r\x1c\xb7y\xdd\xf7c\xa7\x8cj\xd9\xa6E~n\x9e^o\x10+\xd4\x88\x90"+\x84#U\xabU\xb9\x9d\x9e\xb10"vEl|\x91\xbe\x88\x10\xe2\xe5\xe55|\xf8\xf0\x89\x13\'j4\x1az\xfe\xc7x\'P\xb1\xaf\xef\x00\xa048\x8e\x13EQQ\x14I\x92\xde}\xf7\xdd\x83\x07\x0f\xc6\xc7\xc7\xd7\xacY\x93\x10rp\xef\xef=\xbb\xf4\x9d4bjv\x96\xce\xbd\x8a+\xb9?\x89j\xe5TU\x95$\xc9\xc9\xc5\xd1\xce\xden\xf5\xd7\xeb\xba\xb6\xf7\x8f\x8d^V\xa4/\xb2\xb5\xb3\r\x0c\x0cLNN\x0e\t\t\xd1h4\xf4\xc4\xbf\xa2\x0fp\x95\x1e\xeb\xaf\x1f\x00\xe82\x88\xb2,\x8b\xa2\x18\x10\x10p\xec\xd8\xb1\x90\x90\x10{{{\x83\xc1\xb02n\xcd{-?Z\x1e\xf3\x8d \x08ZW\xad,\xcb\xd6;p\xaa\x12I\x92lll\xaazTI&gt;|\xbc\xcfG\x03\xbe\x1c&gt;9\xedb\x1a!\xa4C\x87\x0eI\xfb\x93\xbe\xfd\xf6\xdb\x1a5jH\x92\xa4\xaa*\xe3\'\xfe&amp;\x08\x00\xb0R\x8a\xa2*\x95D\xc5(\xaf\xa2#B\x92$yxx\xcc\x9c9\xf3\xe8\xd1\xa3]\xbat&amp;\x84\xdc\xb9}gFpx\x8fN\xbd\xf6\xed\xda\xef\xec\xe2l\xef`/\x19%k\xab\x19\x93e\x99p\xa4\xaaG\xd5\x8c\xdbwF\x0c\x18\xfbY\xe7\xcf\xffH:D\x08\xa9W\xaf^|||bbb\xb3f\xcddYVUU\x14EfG\xfc\x1f\xc6\xee\x1c\x00X9{\x07;\'\x07\xa7\n]\x8f(K\xb2\x93\x83\x93\xbd\x83\x9d\xa5\x1b\xf2\xac\xe8\x88\x10\xad\x8fh\xd0\xa0\xc1\xcf?\xff\xb2c\xc7\x8e\xe0\xe0\xe0\x94\x94\x94\x13\xc9\xa7&gt;\xff8\xe0\xc3O\xdf\x1f7u\xd4\xebo\xbc\xae\xcb\xd2\x19\x0cFk\x98\x18P\x14\x85\x10\xa2uu\xc9\xcb\xcd\x8f\xfa*z\xf5\xd7\xebh\x89\xa7\xbd\xbd\xfd\xf8\xf1\xe3\'L\x98\xa0\xd5j\x15\x0c\xf7?\x06\xaa\xbf\xc1Z\xd0\xbb\x91\xf7\xef\xdf\xdf\xa1C\x07\x9e\xe7\xeb\xbe^\xc7\xdd\xdd\x8d\xee[`\xe9\xa6\x95\x10=\xdf\xcc\xcc\xcc:\x7f\xe6\x82\xa2(\xbbw\xefn\xdb\xb6mE\xb9\xe9\x9av\x9a&lt;\xcf\x1b\x0c\x86\xa8\xa8\xa8%K\x96\xa4\xa7\xa7\x13B\xb4\xae\xda\x80\xa1\xfd\x02\x86\xf6\xf3\xf0\xf2\xc8\xba\x97Eo\xa6\xb5H\x0bUUUd\xc5\xd1\xd9\x91\xe7\xb9\xc4_\xf6\xce\t\x9d{\xe1\xdcE\xfa\xa3^\xbdzM\x992\x85\x96xJ\x92T\t\xf6v-\'\x08\x00\xb0\x16\xb4gLLL\xec\xd8\xb1\xa3\xa5\xdbR.v\xed\xda\xe5\xe7\xe7WQ\x02\x802\xb5\xf6\xe6\xcd\x9b\xd3\xa6M\x8bO\x88\'*!\x84x\xbf\xfa\xca\xd8)#?\xe9\xd9U\x91\xe5\xdc\xdc&lt;A\x10\xcc\x9c\xd3\x92$\xd9\xd9\xd9\xd9;\xda\xa7\x1cO\x89\x08\x9d\xbb?\xf1\x00}\xbcy\x8b\xe6a3\xc2\xfc\xfc\xfc\xe8\xef\x98\xbfa\x15\x0b\x02\x00\xac\x85\xa2(&lt;\xcf\x9f&lt;yr\xdc\xb8q\xf4\xa4\xb2r|u\xe9WLQ\x94\xf9\xf3\xe7\xfb\xfa\xfa*\x15\xed\xa6SZ*JO\xa2\xf7\xec\xd93g\xce\x9c\xdd\xbbw\xd3\x1f\xbd\xd3\xbe\xd5\xd8)\xa3Z\xb5m\x99\x97\x93\xa7\xd7\xeb\xcds\xa2M3I\xeb\xear\xe3\xfa\xadE\x91\xb1\x1bWm6\x95xN\x992e\xc8\x90!t\x95\x0bR\xf1\xefb3\x03\x04\x00\x00&lt;\x1d\x9d\x18\xa0W\x03\t\t\t\xa1\xa1\xa1\xd7\xaf_\'\x84hlm?\xee\xf1\xc1\xb8\xa9\xa3_\xa9\xf5\xb2.;\xa7\\\xafo\x14\xba\xa2\x83\x9b6?7\x7f\xdbw\xdbcf/\xbeu3\x9d\x10boo\xf7\xc5\x17\x83BBB&lt;&lt;&lt;H\xb1\xab\x16x*\x04\x00X\x17UU+\xeb1\xc9q\\E\xbf\xa61\xdd7\x9b\x91\x91\xb1x\xf1\xe2y\xf3\xe6\x15\x16\x16\x12B\xaazT\x1d&gt;~\xc8\xe7\x03{\xd9;\xd8\xe7\xear\tW\xc6g\xdf\xaa\xaa\xca\x92\xec\xe8\xec(\x08B\xd2\xee\x03\xf3\xc2\x17\x9e\xf8\xf3$\xfdQ\xf1\x15\x1d\x18\xbf\xad\xb7\x04\x10\x00\x00\xf0|L\xd3\xaa\xa9\xa9\xa9\xb3g\xcf\xde\xb0a\x03}\xbcn\xfd:\xc13&amp;t\xfa\xa0\x83$\xc9ye71 I\x92F\xa3\xd1\xbai\xcf\x9c:3\x7f\xd6\xa2\xe2+:L\x992\xa5g\xcf\x9e\x04]\x7fI!\x00\x00\xe0\xb9\x15\x9f\x180\x95\x8a\xd2\x1f}\xf8\xe9\xfb#\'\x0e\xf3y\xb3A^n\x9e\xa1\xc8P\x9a\x89\x01\xba\xa2\x83{\x15\xb7\xf4[\xb7\x13\x96\xadNX\xb6\x9a.Q\xf7\xf0\x8a\x0e\x18\xee/\x19\x04\x00\x00\x94P\xf1R\xd1\xb8\xb8\xb8\xd9\xb3g\xd3RQ[;\xdbA#\x02\x07\x8f\x1e\xe8\xe9\xe5\x91y/\x8b\xa8\x84\x17\x9e\xaf\x83\xa6\x01\xe3\xa2u\x96$y\xf3\xda\xadq1+._L#\x84\x10\x8e\x04\x06\x04\xce\x9c9\xf3\x85\x17^ \x18\xee/5\x04\x00\x00\x94\x8a\xa9\x17\xbeq\xe3Fhh\xe8\xba\xf5\xebhY\x8ewm\xef\xa1c\x06u\xff\xbc\x9b(\n9\xba\xdcg\x1f\x11\xa2%\x9eN.\x8e\x7f$\x1d\x9e\x1b\xb6\x80\xde\xd3K\x08\xe9\xd0\xa1\xc3\xa4I\x93\xe8*\xee(\xf1,\x13\x08\x00\x00(\xad\xe25BG\x8e\x1c\t\t\t1\x95\x8a\xb6l\xd3\xe2\xcb\xd0\xb1-\xdb4\xcf\xcb\xc9\xd7\xeb\xf5\xa2 \x92\xc7w\xda\xa6\x12\xcf+\x97\xaf\xce\x9f\xb5p\xfb\xa6\x9f\x0c\x06\x03!\xa4^\xbdz\x13\'N\x0c\x08\x08 \x18\xee/S\x08\x00\x00(\x1b\x0f\x94\x8aFEE\xfd\xf5\xd7_\x84\x10\x8dF\xf3\xb1\xff\x87\xe3\xa6\x8e\xf6\xae\xfdJvf\xf6#\xc7m\xe8h\x92\xb3\x8bsaA\xe1\xdao7,\x99\xb7\xfc\xee\xa3Vt\xc0:ne\x0b\x01\x00\x00e\xc941\xa0\xd3\xe9\xa2\xa3\xa3M\xa5\xa2\xd5&lt;\xaa\xf6\x1b\xdcg\xf0\xa8/\x9c\x9c\x1dst\xb9\xe4\xfe\xccm\xb1M\xbb\xb8\xc4_\xf6F\x86F\x9f?w\x81\xfeSX\xd1\xa1\xbc!\x00\x00\xa0\xec=\xaeT\xb4\xcek\xb5\'\x85}\xe9\xd7\xa5\xbd\xa2\xa8y\xb9\xf9\x84\xa8vvv\x8eN\x8e\xa7\x8e\x9d*\xbe\xa2C\xf1M\xbb0\xdc_~\x10\x00\x00P.\x8a\x97\x8a&amp;&amp;&amp;\x86N\x0f=|\xe80\xfdQ[\xbf\xd6\x93\xc3\xbel\xd8\xc8\x87\xe3\xf9\xebW\xaf\xaf\\\xbe\xe6\x9b\xd8\x04\xbd^O\xee\xaf\xe8\x10\x14\x14\x84\x12O3@\x00\x00@92u\xe2F\xa3q\xf9\xf2\xe5\xff_*jk;t\xdc\xe0\x9a/\xd5\x98\x1b\xb6\xe0\xf6\xad\xdb\xf4\x91\xc1\x83\x07cE\x07sB\x00\x00@\xb93\xf5\xe6\x19\x19\x19\xe1\xe1\xe1_\x7f\xfduQQQ\xf1_\xf0\xf3\xf3\x9b9sf\xb3f\xcd\x08\xea|\xcc\x08\x01\x00\x00\xe6\xf0@\xa9\xe8\xb4i\xd3\x12\x13\x13\tVt\xb0(\x04\x00\x00\x98O\xf1\x18X\xb5j\xd5\x95+W\xa6N\x9d\x8a\x05\x9c-\x05\x01\x00\x00\xe6\xa6(J\xf1\xb5Q1\xdco)\x08\x00\x00\xb0\x0c\xbaK;J&lt;-\x08\x01\x00\x00\xc0(\x8c\xb8\x01\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DK7\xa0\xb4TU\xb5t\x13\x00\x80Q\x1c\xc7Y\xba\t\xa5\xc2\xa1\x03\x05\x00`S\xc5\xbe\x02PU5\'\'GQ\x14\x8eC\x92\x01\x80\xf9\xd0&gt;\xc7\xd9\xd9Y\x14+p/ZQ\x9b\xae\xaa*\xc7q:\x9d\xaei\xd3\xa6:\x9d\x0e\x01\x00\x00\xe6\xc4\xf3\xbc\xa2([\xb7n}\xfb\xed\xb7eY\x16\x04\xc1\xd2-*\x89\x8a\x1a\x00\x94,\xcb\x97.]\xb2t+\x00\x80Q\xf9\xf9\xf9\x96nB\xa9T\xd4\x00\xa0s/\x8e\x8e\x8e\x91\x91\x91z\xbd\xde\xd2\xcd\x01\x00\xb6\xd0Q\x87\xbau\xeb\x12Bx\xbe\xa2\x96Sb\xe4\x04\x00\x80Q\x15\xf5\n\xc0D\x92$K7\x01\x00\x18%\x08B\x85\xae\x04\xc5\x15\x00\x00\x00\xa3*\xea\xd0\x15\x00\x00\x94\x12\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89\x96n\x00@\xb9SUUQ\x14\xfa\x7fD\xf1I\xc7\xbc,\xcb\xf4\xff\xf0&lt;O\x08\xe18\xce\x0c\xcdc\x96,\xcb\xaa\xaa\n\x82\x80\xf7\xd9R8UU-\xdd\x06\x802F{|UU9\x8e\xe3y\xbe\xc4\xfd\x0b\xed\xa1J\xf9\x8f\xc0\xc3\x14E\xe18\xce\xf4\x96\xca\xb2,\x08\x82e\x9b\xc4&amp;\x04\x00T6\xb4\xcb.\xfeHVV\xd6\xe5\xcb\x97333\xcf\x9e=;l\xd80\x8dF\xf3\xb8\xbfZ\xb3f\x8d\xbd\xbd\xbd\xa7\xa7\xe7k\xaf\xbd\xe6\xee\xeeN\xaf\x03(EQ\x8a\xff\'\x94\x0c\xcdf\xda\xdd\xafZ\xb5\xea\xca\x95+S\xa7N\xb5\xb1\xb1\xa1\x97hx\x87\xcd\x0c\x01\x00\x95\x90,\xcb\xc7\x8e\x1d;t\xe8PJJ\xca\xd9\xb3g/_\xbe\x9c\x91\x91A\x7f\xf4\xd7_\x7f\xd5\xad[\xf7\xe1\xde\\UUI\x92^|\xf1\xc5\xdb\xb7o\x13B\xaaT\xa9\xf2\xc2\x0b/\xd4\xa9S\xe7\xcd7\xdfl\xde\xbc\xf9[o\xbd\xe5\xec\xecl\x81WR\x89\xa8\xaa*\xcb2\x1d\x82;r\xe4Hhh\xe8\xae]\xbb\x08!&gt;&gt;&gt;S\xa6L\xe9\xd9\xb3\'!D\x96e\\l\x99\x95\nPYH\x92\xa4(J|||\x83\x06\r\x1e9\xa4\xe0\xe6\xe6\x16\x19\x19I\x7f\xf3\x81?TU5))\xa9Z\xb5j\x8f\xfc\x9a\xbc\xfc\xf2\xcbc\xc6\x8cQ\xef\x8f,\xc1\xf32\xbd\xe1\xd7\xaf_\x0f\x0c\x0c\xb4\xb3\xb3{\xe0\x1d\xf6\xf3\xf3;|\xf8\xb0\xe9\x97\xf1&gt;\x9b\x07&amp;\x81\xa1\xf2PU\x95\xe38;;\xbb\xd4\xd4T\xfa\xc8+\xaf\xbcR\xb7n\xdd&amp;M\x9a4j\xd4\xa8J\x95*\xf5\xeb\xd7\xa7\'\xfe\x0f\xc4\x03\xfdO__\xdf\xf3\xe7\xcf\xd3\xc1\xa2\xe4\xe4\xe4\xe3\xc7\x8f_\xb8p\xe1\xc2\x85\x0bEEEW\xaf^\xcd\xc9\xc9!\x84\x98\xcea\xe1\x19\xd1\xb1\x1dA\x10\x0c\x06CTT\xd4\xd2\xa5Ko\xdd\xbaE\x08\xa9\xfe\x82\xd7\xb8\x90\xd1\x84\x90y3c\xd2o\xddNLL&lt;p\xe0\xc0\xe0\xc1\x83CBB&lt;&lt;&lt;\x08&amp;\x06\xcc\x02C@P\xc1\xa8\xaaJ\xbb\x86\x87\x07\n\xe8\xe3\x87\x0f\x1f\x0e\x0f\x0f\xef\xd8\xb1c\xf3\xe6\xcd\x1b4h\xe0\xe0\xe0P\xe2\xe7\x92e\xf9\xfc\xf9\xf3\xc9\xc9\xc9\x89\x89\x89-[\xb6\x1c:t\xe8\xe3z%I\x92P\xcd\xf2\x00\xb5\xd8p\xff\x8e\x1d;&amp;M\x9at\xfa\xf4iB\x88\x9d\x9d\xdd\x17#\x03\x06\x0c\xe9[\xf3\xc5\x1a\x84\x90\xeb\xd7n\xae\\\xb6\xfa\x9b\xd8\x04\xbd^O\x08\xf1\xf2\xf2\x9a2eJPP\x90F\xa3\xc1\xc4@yC\x00@E\xf2,g\x85\x92$\x15?IW\x14\x85\xd6\x9c\x90\xa7\x15w\xd2\xef\x82\xa9`\x94\xe3\xb8\xe2\xcf\xf5\x84\xa76\xcd(\xe0\xa4\x95*\xde\xf5\xa7\xa6\xa6\x06\x07\x07\xff\xf2\xcb/\xf4G\x1fu\xff`\xc4\x97C}\xdelP\x90W@{|;;;G\'\xc7S\xc7NE\x84\xce\xdd\x9fx\x80\xfe\x9a\x8f\x8fOddd\xe7\xce\x9d\t\xc2\xb5&lt;!\x00\xa0bP\xefO!\xca\xb2\xbcq\xe3\xc6\x8f&gt;\xfa\xc8\xd9\xd9Y}\xa8\xe0\x872u\xfa\xa5\x9cQ\xa4\xe3\xa4\xf4\x9fzr\xcf\xbez\xf5\xeaN\x9d:yzz\xd2?a\xf9\xa4\xd5\x94\x82\x19\x19\x19\xb3f\xcdZ\xb1bEaa!!\xa4QS\xdfq!c\xdatxGQ\x94\xbc\xdc&lt;S\x9fN?Y\'g\'\x9e\xe7\x12\x7f\xd9\x1b\x19\x1a}\xfe\xdc\x05\xfaO\xf5\xea\xd5k\xca\x94)\r\x1a4 \x0f\xe5:\x94\tv\x0fS\xa8@dY\xe68N\x14\xc5={\xf6\xb4n\xdd\xfa\xf3\xcf?\x1f4hPNN\x0e\xedm\x1f\xfe}\x9e\xe7EQ,\xfdi#\x8d\x10\xfaO=\xf2\x17\x14E\x91$i\xfe\xfc\xf9\xfd\xfb\xf7o\xd2\xa4IBB\x02\xfd\x13I\x92J\xf3\xbc\x15\x14\xcd]:\xdc\xbfx\xf1b__\xdfE\x8b\x16\x15\x16\x16zxV\x9b\x1e\x19\xb2\xe9\xd7\xf5\xed:\xb6\xc9\xcd\xc9-\xc8/\x10E\xd1\xf4\xd1\xd0O\xb6 \xbf /7\xbf\xe3\xfb\x1d\xfe{p\xdb\xf4\xc8\x90\xaa\x1eU\t!\x1b6lx\xeb\xad\xb7\xa6M\x9b\xa6\xd3\xe9DQT\x14\xc5t\xa7\x1e\x94\t\\\x01\x80\xb5\xa3\xa7~\xf7\xee\xdd\x9b8qbBB\x02=bk\xd5\xaa\xb5y\xf3f___\x0b\x9en\xd3\x96dff\xfa\xfb\xfb\xef\xdd\xbb\x97&gt;\xd8\xa1C\x87\xc8\xc8\xc8F\x8d\x1a1U\xd1\xa8\x16+\xf1\xdc\xb1cG\xf0\xa4\xe0\x94\xd3)\x84\x10;;\xbb\x9e\xfd{\x8c\x9c8\xec\x85\x9a\xd5st\xb9O\x1d"\xa3\xbf\xa0uu\xb9r\xf9\xea\xfcY\x0b\xb7o\xfa\xc9`0\x10B\xea\xd5\xab7q\xe2\xc4\x80\x80\x00\x82R\xd12\x85\x00\x00\xebe\x1aN\xd9\xb9s\xe7\xe8\xd1\xa3\xcf\x9f?O\xeeO\x12\x0e\x1d:T\x14\xc5\xc7\r\x01\x99\xdf\x8e\x1d;\x82\x83\x83SRR\x08!\xae\xae\xaeaaa#G\x8e$\x0c\xdc&gt;V\xbc\xebOMM\x9d\x1d1{\xc3\xfa\r\xf4G\xed:\xb6\x994c\x82O#\x9f\xc2\xfcB\xbd\xbeH\x14\x9fuvD\x92$;;;\'\x17\xc7?\x92\x0e\xcf\r[\xf0G\xd2!\xfax\x87\x0e\x1d&amp;M\x9a\xf4\xee\xbb\xef\x12L\x0c\x94\x11\x04\x00X)S\xe7&gt;c\xc6\x8c\xaf\xbe\xfa\x8a&gt;\xd8\xabW\xaf\xe8\xe8\xe8\x17^x\x81&lt;\xea\x8e_K\xa1-1\x18\x0c\xb3g\xcf\x9e3gNQQ\x11!\xc4\xdf\xdf\x7f\xf9\xf2\xe5nnn\xd6\xd3\xce2W|\xb8?666z^taA!!\xa4n\xfd:\xc13&amp;\xf8ui\xaf(j~n&gt;/&lt;\xf7\t;\xcd\x15\x17\xad\xb3$\xc9\x9b\xd7n\x8d\x8bYq\xf9b\x1a!\x84p$0 p\xe6\xcc\x99\xf4\x18\xc0\xac{)!\x00\xc0\x1a\xd1\xc32++\xab{\xf7\xee\xfb\xf6\xed#\x84T\xabVm\xd1\xa2E\xf4~Q+&lt;\xfb3\xf5DG\x8e\x1c\x19&gt;|\xf8\xb1c\xc7\x08!\xde\xde\xde\xdf}\xf7]\xe3\xc6\x8d+\xdf\xb40\x1d\xee\x17EQ\x92\xa45k\xd6L\x9f&gt;\xfd\xda\xb5k\x84\x90j\x9e\xd5\xfa\r\xea=x\xd4\x17N\xce\x8e9\xba\\R\xba"NEV\x08G\xdc\xab\xb8\xa5\xdf\xba\x9d\xb0lu\xc2\xb2\xd5\xbal\x1d!\xc4\xcb\xcbk\xf8\xf0\xe1\x13\'ND\xa9h)\xe1]\x03+\xa5\xaa\xaa\xad\xad-\xbde\xb4u\xeb\xd6\xbf\xff\xfe{\xcf\x9e=\xe9\xeal\xc5\xa7\x10\xad\x84 \x08\xaa\xaaJ\x92\xd4\xacY\xb3}\xfb\xf6\r\x1a4\x88\x10RTTT\xb5jUR\xb9V\x15\xa5/\x93\xce\x8d\xd39\xf9\xc0\xc0\xc0k\xd7\xae\xd9\xda\xda\xfa\x7f\xfe\xe9\x8f\xfb\xbf\x9f\xf8\xd5\x04B\x88.;\x87\xe7\xf9R\xf6\xcb\xbc\xc0\xf3&lt;\x7f\xf7\xce=\x07\x07\x87)\xe1\xc1?\xec\xdd\xf4\xe1\xa7\xef\x13B\xd2\xd3\xd3\xa7M\x9b\xd6\xa4I\x93\x8d\x1b7\xd2g\xa1\x07F\xd9\xbcB\x96\xe0\n\x00\xac\x14\x1d=OMM]\xbat\xe9\xe2\xc5\x8b\x05A\xa8\x10\x85\x80\xa6K\x81\xb9s\xe7V\xabVm\xc0\x80\x01\x95i\x98\xc2\xf4Z.\\\xb8\x10\x19\x15\x99\x90\x90\xa0**!\xa4u\xfb\xb7\xc7L\x19\xd9\xaam\xcb\xbc\x9c&lt;\xbd^/\n")\xd3\xc8SUU\x96dGgGA\x10\x92v\x1f\x98\x17\xbe\xf0\xc4\x9f\'\xe9\x8f\xbat\xe9\x12\x19\x19IKE1?\xfc\xbc\x10\x00P1T\xa0\xd9T\xfa\x9d2\x15\xb9W\x8e\xfe\x88V\xe2\xf2&lt;\xaf\xd3\xe9bbb\x16/^t\xef^&amp;!\xa4^\xfd\xba\xc3\xc6\x07u\xeb\xd5U\x91\xe5\xdcb\xd5\xfd\xe5\x81.\x10\xa4u\xd3\xe6\xe7\xe6o\xfbn{\xcc\xec\xc5\xb7n\xa6\x13B\xec\xed\xed\xbe\xf8b\x10\xd6\x90(\x01\x04\x00X\xbb\x07\xd6\x8e\xaf(*h\xb3\x1fV\xfc\xb6\xde\x84\x84\x84\xb9s\xe7\x9e;w\x8e\x10\xe2\xea\xe6:p\xf8\x80\xc1\xa3\x06:\xbb8\xd3\xa1y\xf3$\xb4\xa9T\xf4\xc6\xf5[\x8b"c7\xae\xda\\\xa4/"\xf7\xcb\xc3\x86\x0c\x19\x82\xc5\xa5\x9f\x1d\x02\x00\x00\x1e\xadx\x89\xe7\x9e={"##\x13\x13\x13\t!\x1c\xc7w\xef\xf3\xc9\x901\x83|\xdel\x90u/K\x96d\xe1\x99K&lt;\xcb\n-\x15\xb5w\xb4O9\x9eR|\r\x89\xe6-\x9a\x87\xcd\x08\xf3\xf3\xf3#VY,`m\x10\x00`\x15\x8a\x9ffVn\xa6\x85\x89\xac\xbcc2\r\xa4\xdc\xbcys\xda\xb4i\xa6[\xf0\xden\xdbr\xe8\xb8\xc1\xef\xbe\xd7\xae\xb0PO\xef\xe9\xb5T\x0bUUUd\xc5\xd1\xd9\x91\xae!1\'t\xee\x85s\x17\xe9\x8f\xb0\x86\xc43B\x00\x00X\x86\xd5N\x0f\x98\xc6O\x1eX\xc0\xb9V\x9dZCF\x7f\xd1\xfd\xf3n\x1a\x8dMv\x96\xae\xf4E&gt;e\</t>
        </is>
      </c>
    </row>
    <row r="415">
      <c r="A415" s="1" t="n">
        <v>413</v>
      </c>
      <c r="B415" t="inlineStr">
        <is>
          <t>circle_size_number</t>
        </is>
      </c>
      <c r="C415" t="inlineStr">
        <is>
          <t>What is the missing number of the part denoted with a question mark?</t>
        </is>
      </c>
      <c r="D415" t="inlineStr">
        <is>
          <t>[1, 6, 2, 3]</t>
        </is>
      </c>
      <c r="E415" t="inlineStr">
        <is>
          <t>6</t>
        </is>
      </c>
      <c r="F415" t="inlineStr">
        <is>
          <t>There are 6 numbered circles with varying sizes arranged in a ring with number [4, '?', 6, 3, 3, 4] in a clockwise order.</t>
        </is>
      </c>
      <c r="G415" t="inlineStr">
        <is>
          <t>We observe that the size of the circle is related to the number in the circle. The circle with the largest value 6 seems to be the biggest and the circle with the smallest value 3 seems to be the smallest. Thus, the pattern is that the larger the number the larger the circle.</t>
        </is>
      </c>
      <c r="H415" t="inlineStr">
        <is>
          <t>Based on the pattern that the larger the number the larger the circle, the missing number of the circle denoted with a question mark should be 6.</t>
        </is>
      </c>
      <c r="I415" t="inlineStr">
        <is>
          <t>b'\x89PNG\r\n\x1a\n\x00\x00\x00\rIHDR\x00\x00\x02\x00\x00\x00\x02\x00\x08\x02\x00\x00\x00{\x1aC\xad\x00\x00\xa9\xc7IDATx\x9c\xec\x9dg@\x14\xd7\xf7\xf7g\xb6\xb2\x0b\xdb)b\xc1\x8a"E\x9a \nb\x89\xbdb\x89%\xd6\xc4\x12\xbbQc\x8d\x9a\x9e\xa811\x1ac\xef\x1a\x83\xbd\xb7XQAzQ\x90foH\xdb\xc2.l\x9b\x99}^\x9c\xbf\xfb\xf0Sc,\xc0\xce,\xf7\xf3\xca\x90e\xb9\xbb\xf7\xce\xf9\x9e{\xce\xb9\xe7\xe2\x16\x8b\x05C \x10\x08D\xed\x83e\xeb\x01 \x10\x08\x04\xc26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12\x00\x04\x02\x81\xa8\xa5 \x01@ \x10\x88Z\n\xc7\xd6\x03@ \x10\xef\x8f\xc5b\xc10\x8c\xa2(\xeb\xbf1\x0cc\xb1^\xef\xd8\xc1\xcb0\x0c\xc3q\xdc\xfa2\xf87\xa2v\x82[\x17\r\x02\x81`\x04\x14EY,\x16\x8b\xc5\xc2b\xb1\xfe\xcd\xd6\xbf\xd3\xbb\x810\xb0X,\x1c\xc7\x91\x1e\xd4*\x90\x00 \x10\x0c\xc0j\xf49\x9c\xff\xd9\xb5\x13\x04\xa1R\xa9n\xdf\xbe\xadV\xab\xd3\xd2\xd2\x94J%EQiii$I\xbe\xfa&amp;-[\xb6\x14\x8b\xc5\x1c\x0e\xa7]\xbbv\x02\x81 00P$\x12999U~\rI\x92U%-\x08\xfa\x83\x04\x00\xf12\xff\xb6$\x90oX\xf3X,\x16\x92$_2\xc7w\xee\xdc\x89\x8b\x8bKHHHKK\xd3j\xb5\x15\x15\x15NNN&lt;\x1e\xafi\xd3\xa6R\xa9\x14\xc3\xb0\xb0\xb00.\x97\xfb\xd2&lt;\xb2\xd9\xec\xd4\xd4T\x8dFC\x10Dff&amp;A\x10eeel6[&amp;\x93yyy\x05\x06\x06\xb6o\xdf\xde\xcf\xcf\x8f\xcb\xe5Z\x7f\x85 \x08\xa4\x04\xf6\r\x12\x80\xda\x8b\xa5\x12\x18\x86Y\xb7\xff\xff\x19A\x86\x7f\xe0\x95\xa8\xa9!\xd7\x16,\x16\x0bEQ8\x8e[\xe7\xe2\xc1\x83\x07111W\xae\\\xb9y\xf3\xa6N\xa7\x93J\xa5&gt;&gt;&gt;\xad[\xb7\xf6\xf3\xf3\xabW\xaf\x9e\x8b\x8b\x8b\xa3\xa3\xa3\xf5\xc5\xff)\xe1$I\x12\x04QPP\xa0T*o\xde\xbc\x99\x92\x92\x92\x99\x99YRR\xc2b\xb1&lt;==#"":v\xec\x18\x10\x10Py0\x10 \xaa\xde\x8f\x8d\xa8q\x90\x00\xd4.\xe0a\xb6X,8\x8e\xb3\xd9\xec\xd7\xbeF\xa7\xd3\xe9\xf5z\x1c\xc7\xad\xc2`\xb1X\xd8l\xb6\\.\x7f\xed\xeb!\x88\x0cJ\x80\xbc\xc5\x0f\x04&amp;\xc8:5\xf7\xef\xdf?z\xf4\xe8\xa9S\xa7\xf2\xf3\xf3=&lt;&lt;"""\xc2\xc3\xc3\x03\x03\x03\xdd\xdd\xdd\xe1\xab6\x1a\x8df\xb3\xd9l6[cD\xd8\xbf\xef\xd5^\xca\x12\xf3x&lt;\x0e\x87\xe3\xe0\xe0\x00\xafW*\x95YYYqqqqqq\x19\x19\x19...\xdd\xbau\x1b4hPPP\x10\xfc\x16I\x92h\x8a\xed\x0c$\x00\xb5\x02\xab\x8d\xael\xf4I\x92\xbcw\xef^vv\xf6\xbd{\xf7\xe0\x1fZ\xad\x16\xc30\x95Je6\x9b_Z\x18,\x16K\xa1P\xb0X,6\x9b\xed\xef\xef\xef\xe6\xe6\x16\x10\x10\xd0\xa0A\x83\xe6\xcd\x9bW\x0e"[\xff\x10r\x18\xdf\x15\xb0\xe00AF\xa3\xf1\xd0\xa1C\x9b6mz\xfc\xf8\xb1\xaf\xafo\x9f&gt;}:w\xee\xdc\xa8Q#6\x9bM\x10DEE\x05X\xfc\x0f\xdc\x84Y+\x88\xc0!\xe0p8\x02\x81\x80\xcf\xe7c\x18\xf6\xfc\xf9\xf3\x84\x84\x84#G\x8e$$$\xf0x\xbcQ\xa3F}\xf2\xc9\'u\xeb\xd6\xc5^\x91(\x04\xa3A\x02`\xcf@\x04\x99\xcdf[\r\x84F\xa3\xb9z\xf5jLL\xcc\xcd\x9b7\x0b\n\n\x08\x82prr\xaaS\xa7N\xfd\xfa\xf5\xeb\xd7\xaf\xdf\xacY3\x93\xc9\xe4\xed\xed-\x93\xc9*g\x11q\x1c\'\x08"--\r\xc30\xa5Ry\xeb\xd6-\xb5Z}\xef\xde=\xb0D...\xfe\xfe\xfem\xda\xb4\x89\x8c\x8cl\xd4\xa8\x91\xf5\xb7P\x04\xf9-\xa9l\xfa\x1f&lt;x\xb0f\xcd\x9a\xb3g\xcfJ$\x92\x81\x03\x07\xf6\xef\xdf\xbfy\xf3\xe6\x16\x8b\xa5\xbc\xbc\xdch4ZC1\xd5$\xaeV\xfd\xe6r\xb9\x8e\x8e\x8e\x1c\x0e\xa7\xb8\xb8\xf8\xe4\xc9\x93\x07\x0f\x1e\xcc\xcd\xcd\r\x0e\x0e\x9e3gNhh\xe8KcF0\x17$\x00v\x08\xf8h\x18\x86Y\x9f\xcf\x8c\x8c\x8c\xcb\x97/\x9f9s\xe6\xc1\x83\x07\x1c\x0e\xc7\xdf\xdf\xbf}\xfb\xf6&gt;&gt;&gt;\xcd\x9a5suu\xb5\x16\x96\xc0\xc3o0\x18^\xad!\xc1q\\ \x10T6=$Ij4\x9a\x07\x0f\x1edff\xc6\xc6\xc6&amp;%%\x95\x94\x94\xd4\xaf_\xbfS\xa7N\xdd\xbbw\x8f\x88\x88\x00\xd3\x8f"\xc8o\xa0\xb27\x9d\x9e\x9e\xfe\xc3\x0f?\xa4\xa7\xa7\x07\x04\x04L\x9b6-&lt;&lt;\x9c\xcb\xe5Z\xc3q5\xfc\x05B4\x89\xa2(\x1e\x8f\'\x16\x8bq\x1c\xbf}\xfb\xf6\xfa\xf5\xeb/\\\xb8 \x93\xc9\x16.\\\xd8\xb7o_\xecE6\x08i&lt;sA\x02`W\xbc\xb4=\x7f\xf0\xe0\xc1\x96-[N\x9c8\xa1R\xa9\x02\x03\x03{\xf6\xec\x19\x16\x16\xd6\xa2E\x0b\x81@\x80a\x98\xd1h\x84\x082&lt;\xedV\xfb\xf2o\x0e\xa65\t\x0c/\x86\x80\x12\x9f\xcf\x87 2A\x10\xf7\xef\xdfOJJ:w\xee\\ll,\x8e\xe3\x1d:t\x988q"8\x8c\x18\x86A5\x0b\x92\x01+\x04A\x80\xf4\x82\xe9\x8f\x8f\x8f\x1f8p\xe0\xcc\x993\x9b6mj4\x1au:\x1dL\xa5m\xbf1\xab3!\x14\n\x85Baii\xe9\xf6\xed\xdb7n\xdc\xe8\xe2\xe2b\x95\x01\x82 l&gt;N\xc4\xfb\x81\x04\xc0N\xa8l\xfa)\x8a:~\xfc\xf8\x8e\x1d;n\xdd\xba\xe5\xe3\xe3\x13\x15\x15\xd5\xbd{\xf7z\xf5\xeaa\x18VQQ\x01\x0e~U\xd5\xf0X\xb3\xca,\x16\x8b\xcf\xe7;::\xe28\xaeV\xab\xaf]\xbbv\xe8\xd0\xa1\xf8\xf8x\x85B\xf1\xc9\'\x9f\x8c\x1c9R"\x91`\xc8X`\x18\xf6b\xa7\x85\xe3xaa\xe1\xb2e\xcb\x0e\x1c80`\xc0\x80\xd9\xb3g7n\xdc\x18\\~\x1a\x86\xce \x9c\xc8\xe5r\xa5R\xa9Z\xad\xde\xbau\xeb\xfa\xf5\xeb[\xb6l\xf9\xfd\xf7\xdfC\xbd\x10\x04\x1bm=L\xc4\xbb\x81\x04\xc0\x1e\xb0&gt;{F\xa3q\xc3\x86\r\x1b7n\x14\x08\x04\x03\x06\x0c\x186lX\xb3f\xcd,\x16\x8bV\xab5\x99L\xd8\x8b\xd3\x9e\xd54\x0c\xab\x18p\xb9\\\'\'\'\x88 \x1f?~|\xf7\xee\xdd\x8f\x1e=\xea\xdf\xbf\xff\x97_~\t:T\x9be\xc0\xea\xf8\xaf]\xbbv\xd9\xb2e\x91\x91\x91?\xff\xfcs\xc3\x86\r\xc1\xf4\xd3\xffk!\x08\x02d\xa0\xac\xac\xec\xd7_\x7f\xdd\xb2e\xcb\xd0\xa1C\xbf\xfd\xf6[\x91HT\x9b\xa7\x95\xa1 \x01`6\xd6\xb8\x8a\xd9l^\xbbv\xed\xae]\xbb\xa4R\xe9\xa4I\x93\xa2\xa2\xa2\xf8|\xbe\xad"\xc8\xd8\x8bt\xa25\x82\x1c\x1b\x1b\xbbj\xd5\xaa\xdc\xdc\xdc\xae]\xbb\xce\x9d;\xd7\xdd\xdd\x1d\xabd\nk\t\xd6\xfe\r\xb7o\xdf\x1e;v,I\x92\x7f\xfe\xf9gXX\x18SL\x7fe\xac2\xf0\xe8\xd1\xa3\x05\x0b\x16\\\xbf~}\xf5\xea\xd5\x03\x06\x0c\xc0\xd0V\x80Q \x01`*\x95c&gt;\x7f\xfc\xf1\xc7\x9f\x7f\xfe\xe9\xe5\xe55g\xce\x9c\xf6\xed\xdbCz\xf6\xa5\xfa\x1f\x1b\x0e\x12\xc30\'\'\'\x07\x07\x87\xfc\xfc\xfc?\xfe\xf8\xe3\xec\xd9\xb3}\xfb\xf6]\xbat\xa9D"\xa9=YD\xabY\xfc\xe1\x87\x1f\xb6m\xdb6y\xf2\xe4\x993gb\x18\xa6\xd1hl&gt;M\xef\x07\x04\x85\x04\x02\x81\x93\x93\xd3\x91#G\x96,Y\x12\x14\x14\xb4v\xedZ\xb1X\\\xdb\xa4\x9d\xb9 \x01`$Vkr\xfa\xf4\xe9\x9f\x7f\xfe\xd9d2\xcd\x9b7o\xd0\xa0AF\xa3\x11j\xf9\xe9\xe6\x82\xc1\x86\x00\x8cErr\xf2\xf7\xdf\x7f\x9f\x97\x977u\xea\xd4i\xd3\xa6a\xb5`+\x00\x1f\xb0\xa0\xa0 **J \x10l\xde\xbc\xd9\xd3\xd3\xb3\xb4\xb4\x14c\xbe\xf8\x81\x0c(\x14\x8a\x8a\x8a\x8a\xb9s\xe7\x9e&lt;yr\xf7\xee\xdd\x1d;vD9\x7fF\x80\x04\x80a\xc0\xf3\xc6\xe1p\xca\xca\xcaf\xce\x9cy\xe1\xc2\x85\x85\x0b\x17N\x9e&lt;\x99\xa2(\xa5RI\xc3\xe4ae,\x16\x0bA\x10"\x91H \x10\xfc\xf3\xcf?\x0b\x17.\xe4\xf1x[\xb7n\xf5\xf6\xf6\xb6\xe6Em=\xc6*\xc6\x1a\xf69~\xfc\xf8\xf8\xf1\xe3\xc7\x8f\x1f\xff\xe3\x8f?\xea\xf5z\x9dNW\xb9\xeb\x0e\xd3\x01\x85\x93\xc9d\xfb\xf6\xed\x9b6m\xda\xf4\xe9\xd3\x97.]\x8a\xa1p\x10\xedA\x02\xc0$\xa0\xa0\x1e\xc3\xb0c\xc7\x8e}\xf9\xe5\x97\xa1\xa1\xa1\xabV\xadruu-))\xc1\xe8\xe7\xf5\xff\x1b\xb0\x1b\x90J\xa58\x8e\xff\xf0\xc3\x0f\xbbv\xed\x9a0a\xc2\xc2\x85\x0b1\xbb\xb3\x17\xd6\xf9\x9a5kVtt\xf4\xb6m\xdbz\xf6\xeci\x1f\x8e\xff\xab\x80\xba\xbb\xba\xba\xde\xbd{\xf7\xe3\x8f?V(\x14\x07\x0f\x1e\x94H$v6\xa7v\x06\x12\x00\xc6\x00N\x96\xc5b\x19?~\xfc\x993g6o\xde\xdc\xbbwo\x8dFc2\x99\x98\x18?\x81RT\x85B\x91\x97\x977l\xd80\x1e\x8fw\xf8\xf0\xe1\xbau\xeb\xdaM8\x08\x0c\x9fN\xa7\x1b=ztaa\xe1\xc1\x83\x07]]]KKK\xed\xc9\xf1\x7f\x15\x82 \x1c\x1d\x1d\xf9|\xfe\xe4\xc9\x93\xaf^\xbdz\xec\xd8\xb1\x16-Z\xd8\xcd\x9c\xda\x1f\xf6\xe6\x86\xd8+\xf0\x08\xe5\xe6\xe6\xb6j\xd5\xaa\xb8\xb8\xf8\xe6\xcd\x9b=z\xf4(..\x86p\x90\xadG\xf7&gt;\xb0\xd9l\x16\x8bU\\\\\\\xbf~\xfd\xa4\xa4\xa4\xce\x9d;\x07\x04\x04\x1c?~\x9c\xc3\xe1@-\xa9\xad\x07\xf8A\x80\xf5W\xab\xd5AAA\x14E\xc5\xc6\xc6:99)\x95J\xfb\xb6\xfe\x18\x86q8\x1c\xbd^\xafV\xab7m\xda4f\xcc\x98\xa0\xa0\xa0\x1b7np8\x1c\x82 l=4\xc4k@\x02@w\xacA\xff\x9d;w\xb6o\xdf~\xd4\xa8Q\xc7\x8f\x1f\xe7\xf1xJ\xa5\x92\xc3\xe10=hn\xb5\x17?\xfd\xf4\xd3\xce\x9d;?\xff\xfc\xf39s\xe6@\xf2\xd0z\xf0\x98q\x80\xf5\xcf\xcb\xcb\x0b\t\t\x191b\xc4\xd1\xa3GKKK\x19\xbaQ{\x0f`\xfa\x8a\x8a\x8a\x16.\\\xb8\x7f\xff\xfe~\xfd\xfa\x9d8q\x02i\x00=A! Zc\xad\xf5\xfc\xe1\x87\x1fV\xaf^\xbdo\xdf\xbe\xce\x9d;\x17\x17\x173\xb4p\xf0\r\x98\xcdfgg\xe7\xe7\xcf\x9fw\xef\xde\xbdE\x8b\x16;v\xecprr\xb2\xc6\xd0\x19\x04\xec\xd5\x92\x93\x93\xdb\xb6m\xfb\xddw\xdf-\\\xb8\xd0.\xe7\xebm0\x9b\xcd\xae\xae\xae\x97/_\xfe\xe8\xa3\x8f\xfe\xf8\xe3\x8f\xa9S\xa7\x9a\xcdf\xbb\xdf\x031\x0b$\x00\xf4\xc5j\xfd?\xfe\xf8\xe3\x94\x94\x94\xd8\xd8X\x17\x17\x17;\x0e#\x10\x04\xe1\xe0\xe0 \x12\x89\xa2\xa2\xa2n\xdf\xbe\x9d\x98\x98(\x95J\x99\x95B\x84\xd1&amp;\'\'\xb7i\xd3f\xf9\xf2\xe5_~\xf9eQQ\x91\xbd\xce\xd7\xdb\x00\x1ap\xed\xda\xb5\xc8\xc8\xc8\xb5k\xd7"\r\xa0\x1b\x0cs\xafj\x0fV\xeb?p\xe0@\xadV\x9b\x9d\x9d-\x12\x89T*\x95\x1d?&lt;\x1c\x0e\xc7d2)\x95\xca\xa3G\x8f\x8e\x181"$$D\xa5R\xb1\xd9\xec\xd7^oKC\xc0\xfagff"\xebo\x85\xcb\xe5\x16\x15\x15\xb5o\xdf\xfe\xea\xd5\xab\xd3\xa6M\xdb\xbcy3\x97\xcb5\x9b\xcd\xb6\x1e\x17\xe2\xff@;\x00:R\xd9\xfa\xeb\xf5\xfa3g\xce\xc0U\xae\x8c\x8b\x87\xbc\x07\x90\xf3pqq\xf9\xee\xbb\xefv\xed\xda\x95\x94\x94\x04\x97\x13\xd0|\x1f\x00\xd1*\xa5R\xd9\xaaU\xab\xa9S\xa7.\\\xb8\x10Y\x7f+\xd6XP\x9f&gt;}\xce\x9d;\x17\x11\x11A\xff\t\xad% \x01\xa0\x1d\xafZ\x7f\x95J\xc5\xc4h\xf8\x87\x00&amp;\x83)\x1a\x00\xa7\xbd\xca\xca\xca\xda\xb4i3r\xe4\xc8%K\x96 \xeb\xff\x120\xa1\x17.\\\x182d\xc8\x993g\xda\xb4iC\xe7\t\xad= \x01\xa0\x17\xd6\x83\xa3\xb5\xd9\xfa\x03V\r\xd8\xbd{wBB\x82\\.\xa7\xe7\xf7`-\xd3\xea\xd8\xb1\xa3\xb3\xb3\xf3\xc1\x83\x07\x91\xf5\x7f-&amp;\x93\xc9\xcd\xcdm\xc3\x86\r\x0b\x16,\xb8w\xef\x9eL&amp;\xc3\xfe\xfd\xfabD\xcdP+\xea\xd2\x18\x04\x98\x92\xa1C\x87\xd6r\xeb\x8f\xbd\x08\x1f/]\xba\xd4b\xb1\x84\x87\x87\xc7\xc6\xc6J\xa5\xd2\xca\x17\xd7\xd0\x04\x98\xb2\xcf&gt;\xfb\x8c\xc3\xe1\x1c8p\xa0\xa4\xa4\xa4\x96\x94{\xbe+&lt;\x1e\xaf\xa8\xa8h\xd2\xa4I\x85\x85\x85\x11\x11\x11\x99\x99\x99\xe0\xeb\xd0mBk\x15h\x07@#\xa0@b\xd6\xacY\xa7N\x9d\xca\xcb\xcb\xab\xcd\xd6\xdf\n\xec\x03\xc6\x8d\x1b\x97\x9c\x9c\x9c\x91\x91A\xb7\x8e\xf3\x10\xc7\xd8\xbd{\xf7\xbcy\xf3n\xdf\xbe\ry\xecZ&gt;eo\x86$Igg\xe7\xee\xdd\xbb\xd7\xad[w\xfb\xf6\xed\xe8\x90\xb0mA\x02@\x17\xc0\x94\xac[\xb7\xee\xc7\x1f\x7fLII\x11\n\x85f\xb3\x19\x99\x12\xc8\x88\xc8\xe5\xf2^\xbdzI$\x92}\xfb\xf6\xd1\xc7d\x80&lt;\xe7\xe7\xe7\x07\x05\x05\x9d9s&amp;44T\xa3\xd1\xd0dl\xb4\x05\xae\x92\'I\xd2\xc7\xc7g\xc5\x8a\x15\xa3F\x8dB\xc9\x00\x1b\x82\x04\x80\x16\x80)IKK\x0b\x0f\x0f?\x7f\xfe|\x9b6mT*\x152%\x00\\,\x03&amp;c\xd1\xa2ES\xa7N\xa5\x83\x06X\xaf?\xf3\xf5\xf5\x1d3f\x0c*\xfby{\x08\x82\x90H$\x89\x89\x89={\xf6LII\xf1\xf4\xf4\x84X\x90\xad\xc7U\x1bA\x02`{\xc0\x94\x18\x0c\x86\x96-[.Z\xb4h\xd2\xa4IEEE&lt;\x1e\x0fM\x8d\x15\x92$\xc5bqNNN\xbbv\xed\xae]\xbb\x16\x18\x18h\xf3\xe0\x18\x88\xd0\xec\xd9\xb3\xb3\xb2\xb2\xce\x9d;W\\\\lsMb\x10\x10\xd9\xfb\xf1\xc7\x1f\x8f\x1d;\x96\x98\x98H\x07E\xaf\x9d \x01\xb0=\xb0\xfa\x07\r\x1a\xc4f\xb3\xf7\xef\xdf\x8f\x1c\xc9\xd7\x02&amp;c\xfd\xfa\xf5\xcb\x97/\xcf\xcc\xcc\x14\x08\x046\xcc\x1f\x82\xfc\xc4\xc7\xc7\x0f\x1a4(==\x9d\xcf\xe7\x13\x04A\x9f\xcc\x04# \x08\xc2\xc5\xc5\xa5C\x87\x0e={\xf6\\\xb0`\x01\n\x04\xd9\x04$\x006\x06\xd6\xfd\xf6\xed\xdb\x17/^|\xe7\xce\x1d\x83\xc1@\xc3B\x17\x9a\x00\x1a\x00\x97j\xfd\xfd\xf7\xdf\xb6r\x1ba\xc7FQ\x94\xb7\xb7\xf7\xd2\xa5KG\x8e\x1c\x89*\x7f\xde\x03\x8a\xa2\xf8|~AAAXX\xd8\xf5\xeb\xd7[\xb4h\x81\xd9\xe35\t4\x07}\xdd\xb6\x04\xae\xc1*((X\xb8p\xe1\xdf\x7f\xff\xcdb\xb1\xa0K\xbe\xad\xc7ES8\x1c\x8eF\xa3\xd9\xb2eK\\\\\xdc\xa9S\xa78\x1c\x8eM\xbaD\xc01\xbd%K\x96\xd4\xa9Sg\xe4\xc8\x91\xa5\xa5\xa5\xc8\xfa\xbf\x07,\x16K\xaf\xd7{zzN\x9e&lt;y\xec\xd8\xb1,\x16\x0b9\xa35\x0f\xda\x01\xd8\x12p\xff\xbbv\xed\xda\xa2E\x8b\xb5k\xd7\xa2\xe0\xcf\x7fB\x10\x84\xb3\xb3\xf3\xd1\xa3G?\xff\xfc\xf3\xbbw\xef:::\xd6\xf0E\x92\xd0\xa4:///22266\xb6n\xdd\xba\x06\x83\x01\xf9\xad\xef\rEQb\xb1800p\xce\x9c9\x9f~\xfa)\n\x04\xd50H\x00l\x06\xac\xf5\x9d;w.]\xba433\xd3l6#\xdf\xffm\x80\xd8\xf1\xc0\x81\x03\x1d\x1d\x1dw\xef\xde]\xc3&amp;\x03\xfe\\\xff\xfe\xfd\xeb\xd5\xab\xb7n\xdd:\xa4\xd9\x1f\x08I\x922\x99\xec\xc8\x91#\xb3f\xcd\xba{\xf7.\\q\x81\x1e\x84\x1a\x03\t\x80m\x80\x96\x0f\x04A4m\xda\xf4\xf7\xdf\x7f\x1f0`\x80R\xa9D\xbe\xcf\xdb`\xb1X\xb8\\\xaeJ\xa5\n\x08\x08\xb8z\xf5\xaa\x8f\x8fO\x8d\x15\x11\x82\xf5?w\xee\xdc\xb8q\xe3\xb2\xb2\xb2`\x12k\xe0\xef\xda7\xa0\xe8=z\xf4h\xd5\xaa\xd5\x8a\x15+\xd0&amp;\xa0&amp;A\x02`\x1b`\x95\xcf\x9b7\xef\xe6\xcd\x9bg\xcf\x9eEE\x84\xef\x04\x98\x8ce\xcb\x96\x1d9r$!!\xa1\xc6JB\xe1\x0f\x05\x05\x05}\xfc\xf1\xc7p\xd3\x0b\x9a\xb5\x0f\x87\xa2(GG\xc7\xd4\xd4\xd4^\xbdz\xe5\xe7\xe7;;;c\xa8GPM\x81\x04\xc0\x06\xc0w^RR\xe2\xe9\xe9y\xe6\xcc\x99\xc0\xc0\xc0\xf2\xf2r\x14G~WX,\x96\x97\x97\xd7\xb6m\xdbz\xf6\xecY\x03n#\xfc\x89\xb3g\xcf~\xf6\xd9g\xd9\xd9\xd9\xc8\xfd\xafB@\xd1\xbbw\xef\xee\xed\xed\xbdj\xd5*\xb4\t\xa81\x90\x00\xd8\x00X\xdf_|\xf1\x85F\xa3\xd9\xbe};r$\xdf\x03\x92$\x15\n\xc5\xce\x9d;7l\xd8\x10\x1f\x1f_\x03\x9b\x00(\xd9\n\n\n\x1a:t\xe8\x82\x05\x0b\xd0\xacU!\xb0\tHKK\xeb\xdd\xbbwvv\xb6\xab\xab+\x866\x015\x02\xf2:k\x1a\x08X?\x7f\xfe\xfc\xe4\xc9\x93_}\xf5Uyy9rv\xde\x036\x9b\xadT*G\x8c\x18A\x92\xe4\xc9\x93\'\xa1\x82\xb6\xfa\xfe\x1cI\x92,\x16+66\xb6\xb4\xb4t\xd2\xa4Ij\xb5\x1aY\xff*\x84\xc5bi\xb5\xda\xb6m\xdb\x86\x86\x86\xae[\xb7\x0e\xc7q\xa6\\\x03\xc7t\x90\x00\xd44\xe0H\xfe\xfc\xf3\xcf\xa1\xa1\xa1\xcd\x9a5+//G\x9e\xce\xfbAQ\x14\x87\xc3\x998q\xe27\xdf|\x83\xd5\x88\xc3\xf8\xcb/\xbf\x0c\x192D*\x95\xa2K\r\xab\x1c\x1c\xc7\t\x82\x98&gt;}\xfa\xae]\xbb\x0c\x06\x03\x9b\xcdF\xc1\x89\x1a\x00\t@\x8d\x02\xee\x7fqq\xf1_\x7f\xfd5e\xca\x14X\xe8\xb6\x1e\x14S\x81sa\x83\x06\r*((8{\xf6l\xf5m\x02\xa0\x81\xe5\xe3\xc7\x8f\x13\x13\x13\'N\x9c\xa8\xd3\xe9\xd0\xacU9l6[\xa3\xd1t\xe9\xd2E$\x12\x1d=z\x14\xc7q8r\x81\xa8V\x90\x00\xd4(p\xd0w\xc7\x8e\x1d\x01\x01\x01\x11\x11\x11Z\xad\x16\xe5~?\x04\xb3\xd9,\x97\xcb\'N\x9c\xb8f\xcd\x9a\xea\xfb+\xa0+\x9b7o\x0e\t\ti\xde\xbc\xb9^\xafG\x9b\xb6\xea\x00\x9aC\x8c\x1e=z\xfd\xfa\xf5\x18\xca\x01\xd4\x08\xc8\xfa\xd4(,\x16\x8b\xa2\xa8]\xbbv\xc1\xa1G\xb4\xc4?\x106\x9b\xad\xd3\xe9F\x8c\x18\x91\x91\x91\xf1\xf8\xf1\xe3j\x8a\x1b\xb0\xd9l\xb3\xd9\xbcw\xef\xde\xf1\xe3\xc7\xa3\xa6o\xd5\x07\x9b\xcd.++\x1b&gt;|x~~\xfe\xed\xdb\xb7\xe1a\xb1\xf5\xa0\xec\x1c$\x005\x07$\x12\xaf_\xbf^QQ\xd1\xb7o\xdf\xb2\xb22\x14I\xf8@p\x1c\xd7\xeb\xf5\xcd\x9a5\x0b\x0e\x0e\xde\xb4i\x13\xf6\xc2[\xafB@\xa7cccI\x92\x8c\x8c\x8c\xd4j\xb5h\xd6\xaa\t\x1c\xc7\x8dFc\xbdz\xf5\x82\x82\x82\xfe\xfa\xeb/\xecE\xe3\rD\xf5\x81\x04\xa0\xa6Y\xb3fM\xff\xfe\xfd\xc5b1A\x10\xb6\x1e\x8b=\x00\xc9\xc3\xf1\xe3\xc7GGG\x9bL\xa6*\xb7\xce\xb0\xa5\xd8\xb3gOTT\x94T*E\xb3V\xadXg\xf3\xcc\x9936\xbf\xf2\xa16\x80\xbe\xdf\x1a\x02\x12\x89eee\xd7\xaf_\x1f8p\xa0\xd1hD\x8b\xbbJ\x80(Pdd\xa4\xc1`\xb8q\xe3F\x95W\x10\xb2\xd9l\xa3\xd1\x18\x17\x17\x17\x15\x15\x85f\xad\xba\xb1\xcefyyyff&amp;\x8a\x02U7h5\xd7\x10\xb0\x8eO\x9f&gt;-\x93\xc9Z\xb7nM\xcf\xa3\xbf\xd0\xe9\x9e$I\xe2\x7f!I\x92\xce5yf\xb3Y*\x95v\xe8\xd0a\xd7\xae]\xd8\x0b\x9f\xbdJ\x80\xf8\xcf\xb5k\xd70\x0c\x0b\r\r\xa5\xe7\xac\xbd\x13\xf4?\xc0\x0c\x89\xfd\x80\x80\x80\xbd{\xf7b(\nT\xcd0{53\x08x\xea\xce\x9c9\xd3\xbd{w\x07\x07\x07\xba\x9ds!I\x12\xce\';99\xc9\xe5r\x17\x17\x17\x17\x17\x17ggg\xf8\x87T*\x85[y\xe96l\x00\xe2\x06\x83\x06\rJJJ\x82f\xfdU\xf5\xce0k\xc7\x8f\x1f\x0f\x0c\x0c\x14\x08\x04\xf4\xfc\xf8o\x0f\xf4\xd1\xe3r\xb9t\x961(\x00\xfd\xe8\xa3\x8f.]\xba\x84\xee\n\xaen\xd0i\xc6\x1a\x02"\tIII\xeb\xd7\xaf7\x99L\xf4Y\xd6\x90\x9a\x16\x8b\xc5\x1c\x0e\xa7\xa8\xa8(###??\xff\xf1\xe3\xc7eeef\xb3Y \x108;;7m\xda\xd4\xcf\xcf\xafq\xe3\xc6\x16\x8b\xa5\xac\xac\xcc\x86w1\xbe\x16\x88\x1bt\xe8\xd0\xc1h4fff\xb6j\xd5\xaa\xaa\xc2\xc7pKIRR\xd2\xf4\xe9\xd3\xe1\x04\xdf\x87\xbf\xa7\r\xe1r\xb9\xa5\xa5\xa5\x18\x86988888\xd0s+\xc0b\xb1***:w\xee\xbc|\xf9\xf2\xe2\xe2bWWWtG^\xf5\x81\x04\xa0&amp;\x00{\x94\x9d\x9dM\x10D\xabV\xad***\xe8 \x00\x10\xf0\x91H$\x04A\\\xb9re\xdf\xbe}W\xae\\\xb9w\xef\xdek_,\x97\xcb###?\xff\xfc\xf3\xae]\xbbj\xb5Z\xbaYC\xb8(\xa6i\xd3\xa6\x17/^\xac*\x01\x00\xf7\xb3\xa8\xa8\xa8\xb0\xb0\xb0u\xeb\xd64\x99\xb5\xf7\x03\xba\xad-^\xbcx\xed\xda\xb5\x18\x86-Z\xb4h\xee\xdc\xb9\xf4\xbc\xc9\x12j\x81&lt;&lt;&lt;d2Y|||\xbf~\xfd\xaavW\x87\xa8\x0c\xed\xa6\xdf.\x01{t\xe4\xc8\x91&amp;M\x9a\xc8d\xb2\x92\x92\x12\x9b/h\x8b\xc5\xc2\xe7\xf3\xf9|\xfe\xd9\xb3gW\xadZu\xe9\xd2%\xf89\x8f\xc7\xf3\xf4\xf4\xf4\xf0\xf0P(\x14\\.\xb7\xa2\xa2\xe2\xc9\x93\'\xb7o\xdfV*\x95G\x8f\x1e=v\xec\xd8\xe4\xc9\x93\x97/_\x0e\xe1 \xfah\x008\xb3\x11\x11\x11\xc7\x8f\x1f\x9f5kV\x95\x0c\x0c\xecN||\xbcB\xa1h\xdc\xb81l}&gt;\xfcmk\x1e\x82 d2\xd9\xe9\xd3\xa7\x7f\xfc\xf1G\xf8\t\xcd\xcf\xb2Q\x14\xc5\xe3\xf1\x82\x83\x83/]\xba\xd4\xaf_?z\xeeT\xec\x03$\x005\x01&lt;l\xd7\xaf_\xff\xe8\xa3\x8f\xb0*\xcdR\xbe\x1f\x16\x8b\x85\xc3\xe1&lt;~\xfc\xf8\xe7\x9f\x7f\x86\xc4)\x86a\x1d:t\x18&lt;xpDD\x84\x87\x87\x87H$\x828\x8f\xc5b1\x1a\x8d\xcf\x9e=;w\xee\xdc\xef\xbf\xff~\xe7\xce\x9du\xeb\xd6\x15\x16\x16\xee\xda\xb5\x8bV\x01q\x16\x8be4\x1a\xdb\xb7o\xbfa\xc3\x86\x8a\x8a\n\xa1P\xf8\xe1q\x03\x98\xa6\x0b\x17.\xf8\xfa\xfar\xb9\\\x86V%R\x14\xe5\xe0\xe0PXX8e\xca\x146\x9b-\x12\x894\x1a\x8d\xcd\xfd\x8f7\x03\x0b\xafm\xdb\xb6\xeb\xd7\xafGi\x80j\x05}\xb35\x01\x8b\xc52\x18\x0c\x05\x05\x05\xe1\xe1\xe1tH\x00P\x14%\x14\nccc\xc1\xfaw\xec\xd8\xf1\xe4\xc9\x93g\xce\x9c\x99:uj\xf3\xe6\xcdq\x1c/++S\xa9TJ\xa5R\xa5R\x19\x0c\x0677\xb7\xa9S\xa7^\xbbv\xad[\xb7n\x18\x86\x1d:th\xd5\xaaU2\x99\x8c&gt;\x1a\x007\x8c\xfb\xf8\xf8\x08\x85\xc2\xfc\xfc|\xac*T\x16\xa6)99900\x10clg\x02\x8b\xc5"\x14\ng\xce\x9c\xf9\xf0\xe1\xc31c\xc6\xb4j\xd5\x8a\xfe!u\x1c\xc7\r\x06\x83\x9f\x9f\xdf\x93\'O4\x1a\r\xba/\xbe\xfa@\x02P\xed@\xb8\xfc\xc9\x93\'&amp;\x93\xc9\xd3\xd3\x93\x0e\xbbo8\x910r\xe4\xc8\t\x13&amp;,[\xb6\xec\xdc\xb9s\xdd\xbau\xab\xa8\xa8())\xd1\xeb\xf5\x18\x86\xb1X,\xf6\x0bp\x1c7\x9b\xcdEEEb\xb1x\xef\xde\xbd^^^,\x16\xeb\xf7\xdf\x7f\x7f\xf8\xf0!\x8f\xc7\xa3\xcf\x93\t\x81\x8e:u\xea\xa4\xa4\xa4`\x1f,\x00\xe0x\x96\x97\x97?}\xfa400\xd0h4\xda|\xd6\xde\x03\xb3\xd9\xec\xec\xec\xfc\xe7\x9f\x7f\x1e:t\xc8\xcd\xcdm\xe1\xc2\x85Z\xad\xd6\xd6\x83\xfao`?\xd7\xa4I\x13\x1e\x8fw\xfb\xf6m\x8c\x06\x9bf{\x05\t@\xb5\x03k7--\xcd\xd9\xd9\xd9\xcd\xcd\x8d&amp;\xcddp\x1c\xaf\xa8\xa8X\xb3f\xcd\xec\xd9\xb3\xcb\xcb\xcb\xc1\xcf\xe2p8\xaf\xdd\x9d\xe08\xce\xe5r\xb5Z\xadB\xa1\x985k\x16EQ%%%\x17.\\prr\xa2O\x996|\xcf\xbe\xbe\xbeIIIXU\x08\x00\x86aO\x9f&gt;\xe5\xf3\xf9\xcd\x9a53\x18\x0ct\x98\xb5w\x82$I\x89D\x92\x98\x98\xb8x\xf1b\x0c\xc3\x96,Y\xe2\xe1\xe1\xa1\xd1h0&amp;\xd8S\x82 \xa4Ri\x93&amp;M\xb2\xb3\xb31&amp;\x0c\x98\xa1 \x01\xa8v`\xed&amp;\'\'7o\xde\x9cn\'\x1b\xc1\xf4c\x18\xf66Aa.\x97\x0b\xa74E"\x11\x8e\xe3)))\x10\xab\xad\xfea\xbe\x158\x8e\xe38\x1e\x10\x10\x90\x99\x99\x89\xbd\x08\xe0\xbc7\xf0\xb9\xf2\xf3\xf3\x85B\xa1\x8b\x8b\x0bMd\xfb\xed\x814\x8f^\xaf\x9f&lt;y\xb2V\xab\xed\xd5\xab\xd7\xe7\x9f\x7f^RRB\x9f\xf9z3\x10\xa7j\xd8\xb0!\xcc&amp;S\x86\xcd8\x90\x00T;`8\x9e?\x7f\xee\xee\xeeN7#\x02\xa1\x9e\xb7\x7f=A\x10r\xb9\xbcN\x9d:\x16\x8b\xe5\xf9\xf3\xe7\xb4*\x04\x82\xe3`u\xea\xd4\xd1\xe9t&amp;\x93\xa9J\x06\x96\x9f\x9f\xdf\xa0A\x03&amp;\xc6\xa0I\x92\x94J\xa5\x8b\x16-JMMm\xd0\xa0\xc1\xda\xb5k\xcdf3\x1c\xf3\xb6\xf5\xd0\xde\n\xf0-\x9a6m\xfa\xf8\xf1c\x8c\xb1\t\x18\xfa\x83\x04\xa0\xda\x81\xb5\x9b\x9b\x9b\xeb\xeb\xeb\x8b1\x7f)\xb3\xd9l\x1e\x8f\x87a\x18A\x10\xb42\x8b\x909l\xd1\xa2\x85J\xa5\xd2\xe9t\x1f\xb8;\x81\xdf\xbdw\xef\x9e\x9b\x9b\x1b\xe3\x04\x80 \x08\x85B\x11\x1d\x1d\xbda\xc3\x066\x9b\xbdf\xcd\x9a\x06\r\x1a@\xf2\x89V\x1b\xd07\x83\xe3x\xa3F\x8d\x1e=z\x841\xff\xa9\xa1-H\x00\xaa\x1dhY\xacR\xa9d2\x19\xe3"\t/\x01\x87t \x91(\x93\xc9\xe8VM\x08\xd5M\x16\x8b\x05\xdc\xc6\x0f\xb1\xda0M\x05\x05\x05\x8d\x1a5\xa2\x7f\xd9Le\xe0K\xb8{\xf7\xee\xacY\xb3,\x16\xcb\xcc\x993\xa3\xa2\xa2\x94J%\x87\xc3\x81\xa3\x7f\xb6\x1e\xe0[\x81\xe3\xb8\xc9drww\xd7\xeb\xf5pm*\xb34\x98) \x01\xa8^\xc0v\x94\x95\x95\x19\x0c\x06ooo:\x94\x00\xbd7\x16\x8b\x85\xc7\xe3=~\xfc\xb8\xa0\xa0\x00\xc3\xb0\x96-[\xd2\xca5\x86j%www\x17\x17\x97;w\xee`U!\x00\xf7\xef\xdf\xf7\xf4\xf4\xac\xb2!\xd6\x14\x1c\x0eg\xea\xd4\xa9\xcf\x9f?o\xdb\xb6\xed\xb7\xdf~\xabR\xa9\xe8&amp;\xd5\xff\t\xb8\x1ap\xfe\x0e\xf6s\xb6\x1e\x91}\x82\x04\xa0&amp;\xe0\xf3\xf9\xe0\xd1\xd8\xfc\x04\xc0\x87@\x10\x84@ 8z\xf4\xa8\xd9l\xe6\xf1x\x1f}\xf4\x91^\xaf\xa7\xdb\'"I\xd2l6;::V\xc9\xbb\xf1x&lt;fi6\x04\x7fV\xacXq\xfe\xfcy\xb9\\\x0e! \xba\xf5\xedxKX,\x16&lt;2\\.\xd7\xd6c\xb1[\xe8\xf5\xf4\xda\x1f\xe0\x84\xde\xbf\x7f_(\x14*\x14\n\xe6^\'b2\x99\x14\nEZZ\x1a\\\xbc\xd5\xbf\x7f\xff\xe0\xe0`\xba\xb5G\x86K\x17\x1a4h\x90\x9b\x9b\xfb\x81\xef\x83\xe3\xb8Z\xad.--\xf5\xf3\xf3c\x8a\x06@\xe9\xe4\xa5K\x97~\xfa\xe9\'\x0c\xc3\x96/_\xee\xe7\xe7\xc7\xd0{\xa7\xc1a\xaaW\xaf\x9eH$\xbau\xeb\x16\x86\n\x81\xaa\x07\xe6\xad\x0cf\xf1\x92\x00\x98\xcdf:\x9b\x12\xcb+\xc0\xdd\x00\x16\x8b\xc5\xcd\xcd\xed\xee\xdd\xbb\xa3F\x8dR*\x95\xee\xee\xee?\xfd\xf4\x13\r\xcd"\x9c\xde\xb2\n\xc0\x07\x86\x80L&amp;\x93\xd1hdJ\xe6\x06\x9a;)\x95\xca\xc9\x93\'\x1b\x0c\x86\xd1\xa3G\x8f\x1b7\xae\xb4\xb4\x94\xb9\xee3$3x&lt;\x9eR\xa9\xc4\x90\x00T\x0fH\x00j\x02.\x97\x0b\xc6\x94\xcev\x04\xc7qv%8\x1c\x0e\x9f\xcf\x97H$...\\.w\xf7\xee\xdd\x9d:u\xca\xca\xca\xaaW\xaf\xde\xc1\x83\x07=&lt;&lt;\x0c\x06\x03=]K\x88P}\xf8\xfb\xc0\xc1\x02FX\x7f\x0c\xc3(\x8arrr\x9a3gN^^\x9e\xb7\xb7\xf7\xca\x95+\x99\xdb\xbd\xce\nEQp\xa0\xc1\xd6\x03\xb1[\xd07[\x13\x80\xf3Bg;\x02\x19\xd4\xca\xc6\x8e \x08\x8dF\xf3\xe0\xc1\x83\x1b7n\xec\xdf\xbf\x1f\x1a\xec\x0c\x1c8\xf0\xa7\x9f~\x82\xd4\x1cm\xf3\x8aU[1B\xe7Y\xb3b6\x9b]]]7m\xda\xf4\xd7_\x7f\t\x85\xc2\xf5\xeb\xd7K$\x12\x8dFc\x1f\xa6\x13\xf9\xfe\xd5\x87=\xac\x0f\xc4\x07\x02\x99\xc3\x9f\x7f\xfey\xd3\xa6M\\.\x17\xce\nA\xb9\xa7N\xa7\xc30\xacQ\xa3F\x0b\x16,\x182dH```YY\x99Z\xad\xa6U\x17\xa0Z\x0eI\x92"\x91(##c\xfe\xfc\xf9\x18\x86-Y\xb2$22\xb2\xb8\xb8\xd8&gt;\xac?\xa2ZAK\x04\x81a\x18\xc6b\xb1\n\n\n\xe0\xd0\xcd\xab\x98\xcd\xe6\x07\x0f\x1e\xc4\xc4\xc4\x18\x8d\xc6\xa0\xa0 \x0e\x87SQQA\xdb\x1d@\xad\x02\xf2\xde$IN\x9e&lt;Y\xadV\xf7\xea\xd5k\xce\x9c9\xa5\xa5\xa5\xc8\xfa#\xde\x06\xb4Jj\x02\x9a\x87\x11\xd8l\xb6V\xab\x9d0aB\xf7\xee\xdd\xa1\xb4\xdfb\xb1\x98L&amp;\x8dF\xf3\xec\xd9\xb3\xfc\xfc\xfc\x1b7nDGGGGGs8\x9c\xa8\xa8\xa8\xc5\x8b\x17\xfb\xf8\xf8\xa8\xd5j\xdaj@\x15~\xe14\xdf\xe8\x90$\xe9\xe2\xe22g\xce\x9c\x1b7n\xd4\xaf_\xff\xcf?\xff4\x1a\x8d\xb6\x1eT\x95A\xff\xd8)\xd3A\x02P\x13@l\x9d\xb6\xeb\x18\x12\x00\x9e\x9e\x9e&gt;&gt;&gt;\x95\x7f\xceb\xb1\xa0{\x9dN\xa7\xcb\xce\xce\xde\xb5k\xd7\xa6M\x9b\x0e\x1e&lt;x\xe1\xc2\x85\xad[\xb7\xf6\xeb\xd7\x8f\x9e\x1a\xc0b\xb1\xaa\xa4\xdc\x96\xa2(\x8a\xa2 \x81\xff\xe1\xefV\x1d@k\xa6\xa3G\x8f\xae^\xbd\xda\xda\xf2\x01\x0e\xfd\xdazhU\x00ln`q\xdaz,v\x0b\xb3\x8b\x04\xe8\x0f\x18}??\xbf\xb2\xb2\xb2g\xcf\x9e\xd1\xd6\x9a@#\x1d\xf5\xff\xa2T*\x8b\x8b\x8b\x95J%I\x92\xfe\xfe\xfe\x7f\xfe\xf9\xe7\xb9s\xe7&lt;&lt;&lt;\xd4j\xf5\xf0\xe1\xc3cccE"\x11\xad\x9a\x8b\xb1X,\x92$sssCBB\xb0\x0f\xf0\x1c!\x8d,\x12\x89\xc4b\xf1\x83\x07\x0f\xf8|&gt;\rg\x8d\xa2(\x81@\xf0\xe4\xc9\x93\x993g\x92$9s\xe6\xcc\x01\x03\x06\xd8\x93\xf5\x87+\xec+**\x1a7n\x8c\xa1}@\xf5\x80\x04\xa0z\x81U+\x97\xcb\xcdf3\r\xcf\xcdV\xe6\xa52Pk1(\xf8\xf8\xe5\xe5\xe5EEE\x9d;w\xde\xbf\x7f\xbfT*5\x99L\xb3f\xcd2\x99Lt\xdb\x01X,\x16\x8dF\xe3\xe2\xe2\xf2\xe1\xef#\x14\nE"\xd1\x83\x07\x0fh\x9b\xf1\xe6\xf3\xf9\xd3\xa7O\x7f\xf4\xe8\x11s[&gt;\xbc\x01\x0e\x87\x03\x02\xd0\xa8Q#\x0c\t@\xf5@_{dO\x10\x04A\x92$=\x8d\xc8[\x02\'\xf2\x9f?\x7f\xde\xa6M\x9b\xe9\xd3\xa7c\x18\x96\x96\x96v\xfe\xfcy\xbam\x02 nc2\x99\xaa\xe4\xdd\xccf\xb3@ \xa0\xe1\xc4A\xe1\xd6\xea\xd5\xabO\x9c8!\x12\x89\xd6\xae]\x8ba\x98\xc9d\x82\x83{o\x00~\x9d\xa2\xa8\x97~N\xc3&amp;qp5&lt;\x86aU5\x9b\x88WA\x02P\xbd@0A.\x97\x8b\xc5\xe2\x9b7o\n\x85B\x1a&gt;io\x0f\x97\xcb-//\x1f4h\x90@ \xc0q\xfc\xd2\xa5Kl6\x9b&amp;\xf6\x11z\xd5=}\xfa\xb4\xb4\xb4\xb4U\xabV\xd8\x87\xf9\x8c\xf0\xa1\xfc\xfc\xfc\xe8v\xef\r\xf6\xe2\xaa\xaf\xd8\xd8\xd8\xaf\xbf\xfeZ \x10\xec\xd8\xb1#((\xc8\xc1\xc1\xc1\xcd\xcd\xcd\xe5\xdf\x91\xcb\xe5\xce\xce\xce\xb0\x07utt\xe4p8\x95\xff\xaf\x93\x93\x13\xad&gt;\xa3\xc5b\x11\x08\x04\x99\x99\x99\n\x85B.\x973\xb4\x9d\x11\xfd\xb1\x87p!\xcd\x81\xa3\x8c\n\x85B\xab\xd52}\x11CF\xae^\xbdz\x1e\x1e\x1e\xb9\xb9\xb9\xf9\xf9\xf9f\xb3\x99&gt;q-\xb8\x1a\xde\xc1\xc1A&amp;\x93aU!\x00"\x91H\xa5RU\xd9\xf8\xaa\x02XNeee\xd3\xa6M\xd3\xeb\xf5\xf5\xea\xd5KMM\x8d\x8b\x8b\xfb\xcf\x0f\x0b\x17\xed\xc2\x05p\'O\x9e\xd4h4\x15\x15\x158\x8eC\x9e?00p\xc0\x80\x01\xf4i\xefa\xfd\x98\x1c\x0e\x87\xcb\xe52\xdam\xa23H\x00\xaa\x1d\x8a\xa2X,V\xcb\x96-SSS?\xfb\xec3Z\xf9Y\xef\n\xdc("\x10\x08\xa4R)\x86a\x1a\x8d\x86&gt;\xdd\x8d``YYYR\xa9T"\x91\xc0\xd7\xfe\xde\xef\x06\x1f*  `\xd7\xae]\xb4r?\xa1\xe7\xcf\xdd\xbbw\xd3\xd3\xd31\x0c{\xf2\xe4\xc9\x8f?\xfe\xf8\xaeor\xe5\xca\x95+W\xaeT\xfeI\x9f&gt;}&gt;\xf9\xe4\x93\xf2\xf2r\x9ad\x11\xe01\xb9u\xeb\x96\x97\x97\x17F\xfbb\\\xe6\x82\x04\xa0\x86\xa8S\xa7\x0e\\om\x07@\x9c\x1d\xc30\x16\x8bE\x1f\xcb\x88a\x18\x8e\xe3\x85\x85\x852\x99\x0c\xca\x81&gt;\xfc\r\xeb\xd5\xab\xa7R\xa9h\xb5\xcb\xc1q\x9c$I\'\'\xa7.]\xba\x18\x8dFH\xdd\xbf\xe5/\x12\x04\x91\x90\x90`4\x1a\x9b5k\xd6\xa4I\x13\xb88\x13\xce\x91\xb5m\xdb\xb6\xaa\xee\xd1\xac*,\x16KAA\x81\xbb\xbb;\x86\x04\xa0\xda@\x02P\xed\xc0C\xd5\xb6m\xdb\xa3G\x8f\x1a\x8dF\x9axX\xef\x07\x94f\x97\x97\x97\x17\x17\x17c\x18\xa6P(x&lt;\x1eMN\x05\x83\x8dHJJ\n\x0c\x0c\xc4&gt;\xd8d\x80\xc5\xf7\xf1\xf1\x81\xd3p\xce\xce\xce4\xd9\xeb@\x14\xce\xcd\xcd\xed\xe4\xc9\x93o?\x1e\x88\xa8h4\x9aV\xadZ=}\xfat\xc2\x84\t\xf3\xe6\xcd\xab\xa8\xa8\xb0\xd6\x8c\x9a\xcdf\x9dNG\x1f\x9d\x83\xc0Tnnn\xef\xde\xbd1T\x02Tm \x01\xa8v\xe0\xa1\x82\xce\xec\xb42%\xef\x01\xc4\x1f\xb2\xb2\xb2\x9e&gt;}\x8aa\x98\xb7\xb77\\4h\xebqaX%\x93\xd1\xa7O\x1f\xec\x83M\x06$~\x15\n\x05\x9b\xcd\xce\xcd\xcdm\xd0\xa0\x01\xad\x1cd\x8b\xc5\x02m\x9a\xde\xfe\xf5\x1c\x0eG\xa7\xd3\xc1d\x19\x8dF\x8a\xa2\xb4Z\xadU\x00huP\x11F[\\\\\\PP\x00! \xfa\x8c\xcd\xce\xa0\x8b\xe0\xdb1`J\\]]\x9d\x9c\x9c\xb2\xb2\xb2\xe8SV\xf8\x1e\xc3 I\xd2\xc1\xc1\xe1\xe0\xc1\x83p8\xb3s\xe7\xce4\x11387TXXX\\\\\x0c;\x80\x0f\x1f\x15EQ\x0e\x0e\x0e\x8d\x1a5JII\xe1p8t\xcbC\xb2\xde\x0b\xf8]\xc8\xfdV\x86\x0e\x93h\xc5b\xb1888@\x03Z\xb8\x92\x93V\xc3\xb3\'\x90\x00\xd4\x04\x14Eq8\x9cF\x8d\x1a\xc5\xc4\xc4\xd0\xc4\x94@\xf0\xf7\x9d\n\xc0\xcdf\xb3L&amp;KKK\xdb\xbau+\x8e\xe3\xad[\xb7\x0e\x0f\x0f\xd7j\xb54\x89\xff\x08\x85\xc2\xb4\xb44\x8b\xc5\xe2\xe1\xe1\x017\xc3|\xf8{b\x18\x16\x1e\x1e\x9e\x91\x91Q\x15cD\xbc-\xb0\xd1LOO\xf7\xf4\xf4\x14\n\x854\xbfH\x83\xd1 \x01\xa8\t\xc0\x94t\xe9\xd2\xe5\xc6\x8d\x1bt()\x818\xb2\xc1`pqq\x11\n\x85\x16\x8b\x05\x8e\xaa\xc1\xfd\x1b\xd6\x9d\x01\xfc\x1b\x0e\r\x91$\xe9\xec\xec\\PP0f\xcc\x98\xb2\xb22\x8b\xc5\xf2\xf5\xd7_\xf3\xf9|:\x88\x19\xf6Bbcbb\x02\x02\x02x&lt;^\x95\x8c\n$\xe4\xa3\x8f&gt;\xca\xce\xce\xa6I\x9e\xa3\x96\x00+\xf0\xfa\xf5\xeb\xed\xdb\xb7\xc7P\x06\xb8:A\x02P\x13\x80\xed\xe8\xd3\xa7\xcf\xb3g\xcf\x9e?\x7fn\xdb\xd6\x02\x90\xc8\xd5\xeb\xf5QQQ\x8b\x16-\xca\xca\xca\xe2\xf1x\xce\xce\xce2\x99L(\x14r\xb9\\\xab\xef\x0c\xa7\x7f\x1d\x1d\x1d\x15\n\x85H$:}\xfat\xd7\xae]\xe1\x82\xd6%K\x96\xf4\xec\xd9S\xa3\xd1\xd0\xc4,B\x9c-&gt;&gt;&gt;**\xaa\n\xdf\x13\xc3\xb0\x80\x80\x00\xbd^\x9f\x93\x93C\x9f\xd8\x9d\xdd\x03\x85\x06YYY\x9d;w\xc6^(1\xa2:@I\xe0\x9a\x00\xca\xe7=&lt;&lt;\x14\nEBBB\xdf\xbe}m\xdbG\x13"$III\xf1\xf1\xf1\xbf\xfc\xf2KPPP\xbbv\xedBBB&lt;==]]]A\x060\x0c3\x9b\xcdj\xb5\xfa\xd9\xb3g\xa9\xa9\xa9\xc7\x8f\x1f?\x7f\xfe&lt;\x86al6{\xe9\xd2\xa5\x8b\x16-\xa2O+P\x88\x18&lt;~\xfc\xb8\xa0\xa0 22\x12\xab"\x93\x01\x05\x97b\xb1\xb8q\xe3\xc67n\xdc\x08\x0c\x0c\xa4O\x99\xfc{\x03-\x9el\xbe\x07}\x03p\x068\'\'\xc7h4\x06\x04\x04`(\x01P\x9d \x01\xa8! F\xd1\xae]\xbb\x83\x07\x0f\x0e\x180\xc0\x86\xbe$\xd85GG\xc7\xef\xbe\xfbn\xcf\x9e=\xd9\xd9\xd9\x89\x89\x89\x89\x89\x89\xf0\xbf\xe0\xe4\xbd\x83\x83\x03\x8e\xe3z\xbd\xbe\xb4\xb4\xb4\xb4\xb4\xd4\xfa\xbb\xed\xdb\xb7_\xbcxq\x97.]T*\x15}\xfc2\xb8\x0e7::Z*\x956j\xd4\xe8\x03\x8f\x80U\xc6\x9a\x068u\xea\xd4\xd4\xa9S\xab\xe4=m\x88\xc5b)++#I\x92\xcew\x06\x90$)\x10\x08\xce\x9e=[\xbf~}\xb1XL\x92$\xd3E\x97\xce \x01\xa8!\xc0\x8b\xe9\xdf\xbf\xff\xa7\x9f~\xaaV\xab\xe9\xd0\x17z\xc1\x82\x05\x13\'NLNN\xber\xe5JRRR^^^aaaIIIIII\xe5\x979::6m\xda4,,\xac_\xbf~\x1d;v\xe4r\xb9J\xa5\x92V\xcf\xa4\xc5b\xc1q\xfc\xf0\xe1\xc3]\xbbv\xc5^\x1c\xbd\xae\x92w\x86\xf7\x89\x8a\x8a\xfa\xeb\xaf\xbf\xa0\xd3\xb2\xcdg\xed\xbd\x81\xda\xcaN\x9d:\x95\x96\x966n\xdc\x98\xe6\x97\xdd_\xbdz\xb5\x7f\xff\xfe\x18J\x00T3\xf4\xeare\xdf@\xae\xb5Y\xb3f\x7f\xfc\xf1G\xaf^\xbdl\x1eB!I\x92\xc3\xe18::r\xb9\\\x83\xc1PZZZTTTRR\xa2\xd5j\xc1C\x14\x08\x04\x12\x89\xa4N\x9d:\xee\xee\xee\xe0\x8bi\xb5Z\x8a\xa2\xe8f\xfd9\x1c\x8eV\xab\r\x0c\x0c\xbc|\xf9\xb2\x8f\x8fO\x15\n\x00\x86a\x90O\x0e\t\t\xf9\xea\xab\xafh{\x07\xce\xdb#\x14\nq\x1c7\x99L\xb4:\xd6`\x05\xcayU*U\xa7N\x9d._\xbe\x0c\x05]4\x1c\xa7\xdd\x80v\x005\x07I\x92\\.7**j\xdf\xbe}\xfd\xfa\xf5\xb3\xb9\xf4\xb2\xd9l\x8a\xa24\x1a\r\xa4\x04D"\x91L&amp;\xf3\xf1\xf1\xb1V\x85C\t\x90\xd9l6\x99LJ\xa5\x12{\x11A\xb6\xed\xb0_\xc2\x1a\xffi\xd4\xa8\x91\xb7\xb7w\xd5Z\x7f\xecE\xec\xae{\xf7\xee\x87\x0e\x1d\x1a8p\xa0\xcdg\xed\x03\x81\xe3c\xb4:\xf6U\x19\x98\xcd\xbd{\xf76h\xd0\xc0\xc3\xc3\xa3\xcag\x13\xf1\x12H\x00j\x0eX\xca\x93\'O\xee\xd2\xa5\xcb\xd3\xa7OE"\x91\xcd\xb7\xe1\x95;\xc9\x10\x04a6\x9b_2p\xf8\x0b\xe8f\xf7_b\xfb\xf6\xed\xe3\xc6\x8d\x83\xf4F\xd5\x9a\x0cx\xb7O&gt;\xf9\xe4\xa3\x8f&gt;\xa2\xc9\xac}\x08\xf4\xb7\xa7\x16\x8be\xeb\xd6\xad#G\x8e\xc4\xaa4\x9a\x87x-\xe8\xcb\xad9\xa0W\x81\x97\x97W\xd3\xa6M\xff\xfe\xfbo\x08\xaa\xd8zP\xff\x1f8\x1d\xfa\xd2\x8d`t;#\xfa\x12\xe00&amp;\'\'?y\xf2d\xf8\xf0\xe1P\xe1Z\xb5\x7f\x02f\xcd\xc7\xc7\xa7a\xc3\x86\xa7N\x9drrr\xa2\xc9\xd1\x07\xfb\x03N\xf3eee={\xf6l\xc8\x90!\xd8\x8b\xfaiD\xf5\x81\x04\xa0F\x01\xffz\xf2\xe4\xc9\xbbw\xef\xa6U\x8fI\x86\x02\xdd\x1a6m\xda\xd4\xb5kW\x10\xd4\xea\x90+8\xbb7n\xdc\xb8\x1d;v\xa0)\xab&gt;H\x92\x14\n\x85;v\xech\xdb\xb6m\x9d:u\xd0\x01\xe0\x1a\x00\xad\xe6\x1a\x85\xc5bY,\x96\xa8\xa8(\xa5Ry\xf8\xf0a\x89DB\xabM\x00\xb3\x80\x82\xf1{\xf7\xee\x1d&gt;|x\xd6\xacYX\xb5\xc57\xe0\xd6\xb3\xe1\xc3\x87?x\xf0\xe0\xda\xb5kh\x13PM\xc0-\xf0\x07\x0e\x1c\x98&gt;}:\xd3s-L\x01\t@\x8d\x02\'\xc2\x1c\x1c\x1c\xe6\xce\x9d\xbby\xf3fF\x97\x15\xda\x1ch\x8b\xbfk\xd7\xae\xc8\xc8H??\xbf*\x8f\xfe[\x81Y\x13\x8b\xc5\x03\x07\x0e\xdc\xb0a\x83\x83\x83\x03\x12\x80*\x87 \x08\x89Dr\xe4\xc8\x11\x17\x17\x97\xf6\xed\xdbWG4\x0f\xf1*\xa8\x0c\xb4\xa6\x81\x06;F\xa31((h\xf3\xe6\xcd\xa1\xa1\xa1Z\xad\x16\x05\x16\xde\x03\x88\x0f\x84\x86\x86\x1e8p\xa0U\xabVU\xd2\x00\xee\xdf\x80ld^^^\xbbv\xed\x92\x92\x92\\\\\\\xe8YF\xc9\\(\x8a\x92H$\xc1\xc1\xc1\xd3\xa6M\x9b0a\x02A\x10\xd6V\xd5\x88\xea\x03\xd9\x9d\x9a\x06\xba\xd6\x08\x04\x82)S\xa6,^\xbc\x98&gt;\x97\xaa3\x0b\x82 \xa4R\xe9\x8a\x15+|}}\xfd\xfd\xfd\xab\xbb\\\x04\xae\x18k\xde\xbcy\xbbv\xed\x96-[\xe6\xe4\xe4\x84bwU\x08I\x92R\xa9\xf4\xd0\xa1CJ\xa5r\xd4\xa8Q\xc8\xfd\xaf1\xd0\x0e\xc0\x06\xc0&amp;\x80 \x88\x86\r\x1b\xfe\xfe\xfb\xef\x1f\x7f\xfc1\xdd\xce\xd6\xd2\x1c\x8b\xc5\xc2\xe3\xf1JJJ|}}\x13\x12\x12\xbc\xbd\xbd\xab\xd5\xfd\x07 \x15|\xfb\xf6\xed\x88\x88\x88\xd4\xd4TF_\xecC7\xc0\xfd\x0f\x0c\x0c\x9c4i\xd2\xd4\xa9SQ\xfb\x87\x1a\x03\xed\x00l\x00l\x02x&lt;\xde\xcf?\xff\xfc\xd3O?!;\xf2\xae@\xf4\xff\xfb\xef\xbf\x1f0`@\x95\x1f\xfd\xfd7\xac\xf5\xa0\x91\x91\x91?\xfd\xf4\x13\x1c\x08\xa8\xee?Z\x1b IR&amp;\x93\x81\xfb?a\xc2\x04T\xfb_\x93\xa0\x1d\x80\xcd\x007\'  `\xd8\xb0a\x0b\x16,(..FA\xcf\xb7\x01:t\xa6\xa4\xa4t\xef\xde\xfd\xc1\x83\x07R\xa9\xb4\xc6\xce\xb5\xc2&amp; 77\xb7c\xc7\x8e111\xf5\xea\xd5C\x99\x80\x0f\x87\xa2(GG\xc76m\xda\xcc\x9a5k\xec\xd8\xb1\xc8\xfd\xafI\x90\xd2\xda\x0c\xd8\x07l\xd8\xb0a\xd9\xb2ew\xee\xdcqpp@b\xfc6\x80\xc1\xfd\xfc\xf3\xcf\x17/^,\x97\xcbk\xb2W\x0cd\x02\xbc\xbc\xbc\x86\x0f\x1f&gt;}\xfat\x94\t\xf8p\x08\x82P(\x14\xabW\xaf\xc6q\x1cY\xff\x9a\x07\xed\x00l\t,\xf7/\xbe\xf8";;\xfb\xdc\xb9sh\x13\xf0\x9f\x98\xcdfWW\xd7e\xcb\x96\xed\xdf\xbf?55\xb5\xe6\xed\x05\xf4G*++\xf3\xf7\xf7\xdf\xb2eK\xa7N\x9d\xe8s+\x0e\xe3\x80F~z\xbd&gt;((\xe8\xc0\x81\x03m\xdb\xb6\xad\x81\\\x0e\xa22H\x00l\tX\x13\x8a\xa2\xfc\xfc\xfcf\xce\x9c9y\xf2d\xa4\x01o\x00B\xff\xd9\xd9\xd9\x1f}\xf4Q||\xbc\xa7\xa7\xa7M\xec\x05\xa8\xce\xae]\xbb\x16/^\x9c\x9d\x9dm2\x99jx\x00v\x03A\x10...\x03\x07\x0e\x14\n\x85{\xf6\xecA\xee\x7f\xcd\x83\x04\xc0\xc6@\xca+!!\xa1s\xe7\xce7o\xde\xacS\xa7\x8e\xc1`@N\xd0k\xa1(J*\x95\xfa\xf9\xf9\x8d\x1e=z\xc1\x82\x056\xb4\x17P\xa5\xde\xbd{\xf7\xe0\xe0\xe0\x9f~\xfa\xa9\xa8\xa8\x08\xeePC\xbc=$IJ$\x92K\x97.\x8d\x1f?&gt;++\xcb\xd1\xd1\x91\xe6\x8d\xa7\xec\x12$\x00\xb6\x07\x0c\xd9\x0f?\xfc\x10\x1d\x1d\x9d\x9e\x9e\xae\xd1h\x90\x00\xbc\n\x04\x7f&amp;N\x9cx\xf7\xee\xdd\x8b\x17/\xda\xf6\xa0\x10\x9c\x04.,,\x0c\x0c\x0c&lt;u\xea\x94\xaf\xaf\xafV\xabE\xde\xeb\xdb\x03\x99\x1b\x1e\x8f\xd7\xaaU\xab\xdf\x7f\xff\xbdo\xdf\xbe\xc8\xfd\xb7\tH\x00h\x01\x98\xb3\xce\x9d;{zzn\xdc\xb8\xb1\xb0\xb0\x90\xc7\xe3\xd9zP4\x02\xac\xff\xbe}\xfb\xa6M\x9b\x96\x97\x97\'\x91Hl\xde\xd1\x1e\x0c\xd6\x8e\x1d;\xbe\xfd\xf6\xdb\xdb\xb7o\x1b\x0c\x06tu\xc9\xdb\x03\xc1\x9f\xc1\x83\x07;88\xec\xd9\xb3\x07\x9d\xfb\xb5\x15H\x00h\x01\x1c\r\xd3h4\xcd\x9a5\xfb\xe1\x87\x1f&amp;O\x9e\x8c\xa2\nV\xe0\xd0oNNN```LLLxx8M\xbcE0[\x03\x07\x0e\xe4p8\xfb\xf7\xefG\xf9\x9b\xb7\x04\xe4|\xfd\xfa\xf5?\xff\xfcsVV\x96P(D\xc1\x1f[\x81\x04\x80.@2 &gt;&gt;\xbeW\xaf^\x87\x0e\x1dj\xdf\xbe\xbdJ\xa5B\x06\x85\xa2(\x1e\x8fWQQ\x01u\xe23g\xce\xa4\x89\xf5\xc7^\xe4\xf0\r\x06C\xcb\x96-\x17-Z4i\xd2$$\xdb\xff\td\xf2sss\xc3\xc3\xc3\xaf]\xbb\x16\x18\x18\x88N~\xd9\x10$\x004\x02&lt;\xca\xdd\xbbwO\x9a4\xe9\xce\x9d;2\x99L\xab\xd5\xd6f\r\x80\x83Wr\xb9&lt;$$\xa4e\xcb\x96\xbbv\xed\xa2[\xac\x00\x8cWZZZDDDll\xac\xaf\xaf/\x92\xed7\x00M~\xf8|\xbe\x97\x97\x</t>
        </is>
      </c>
    </row>
    <row r="416">
      <c r="A416" s="1" t="n">
        <v>414</v>
      </c>
      <c r="B416" t="inlineStr">
        <is>
          <t>color_number_hexagon</t>
        </is>
      </c>
      <c r="C416" t="inlineStr">
        <is>
          <t>What is the missing number of the part denoted with a question mark?</t>
        </is>
      </c>
      <c r="D416" t="inlineStr">
        <is>
          <t>['6', '2', '8', '0']</t>
        </is>
      </c>
      <c r="E416" t="inlineStr">
        <is>
          <t>2</t>
        </is>
      </c>
      <c r="F416" t="inlineStr">
        <is>
          <t>There is a hexagon split into six parts with the colors ['green', 'red', 'green', 'red', 'yellow', 'yellow'] in an anti-clockwise order. The parts are denoted with the numbers [6, 9, 4, 1, 8, '?'] respectively.</t>
        </is>
      </c>
      <c r="G416" t="inlineStr">
        <is>
          <t>We observe that the numbers in the green parts add up to 10. Similarly, the numbers in the red parts also add up to 10. Thus, the pattern is that the numbers in the parts of the same color add up to 10.</t>
        </is>
      </c>
      <c r="H416" t="inlineStr">
        <is>
          <t>Based on the pattern that the numbers in the parts of the same color add up to 10, the missing number of the yellow part should be 2.</t>
        </is>
      </c>
      <c r="I416" t="inlineStr">
        <is>
          <t>b'\x89PNG\r\n\x1a\n\x00\x00\x00\rIHDR\x00\x00\x02\x00\x00\x00\x02\x00\x08\x02\x00\x00\x00{\x1aC\xad\x00\x00\xa0\x82IDATx\x9c\xec\x9dw|\x95\xd5\xfd\xc7\xcfx\xee\xcd\xdd\xb97\x8cDE\x99\x01M\x15!T\x0beVV*\xcaj\xd2Fp\xfcZ\x07VE#8@\x08+\xa0\x80,\xa1\x16\xa9T\xd9 \x01\x11\xcb\x90\x08*KE\x05\x95!B\x18*\xc3\x00!7\xb9{\x9c\xf3=\xbf?N\x12)E\x04!w\xe4\x9ew\xf3\xea\xab\xa4\x8c\'\xcf}\x9e\xf3=\xe7;&gt;\x1f,\x84@\n\x85B\xa1H&lt;H\xb4/@\xa1P(\x14\xd1A\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05\x00\x85B\xa1HPT\x00P(\x14\x8a\x04E\x8b\xf6\x05(\xa2\x89\x10B\x08\x11\xed\xabPD\r\x8c1\xc68\xdaW\xa1\x88\x1aX\xbd\xff\t\x0bcL\xd3\xd4\x0e \xd1a\x8cQJU\x18HLT\x00HP\x00\x80\x10\xf2\xed\xb7\xdf&gt;\xf6\xd8c\x84\x10\x00\x88\xf6\x15)"\x8a\xa6i\x8c\xb1\x87\x1ezh\xc0\x80\x01\xd1\xbe\x16E\xd4P\x1b\xc0\x84C\x86|\xbf\xdf?u\xeaT\xbb\xdd\xfe\xe1\x87\x1fF\xfb\x8a\x14Q###\xe3\xc4\x89\x13YYY7\xdf|\xb3\x10\x82\x10U\x14L,\xd4\t \xe1\xe0\x9cSJ\xe7\xcf\x9f\xff\x7f\xff\xf7\x7f\x18cJi\xf53\xa0\xde\xffD@\x08\xa8~\xe9)\xa5\xa1P\xe8\xbe\xfb\xee[\xb0`\x81J\t&amp; *\x00$\x16\xb2\xea[QQ\x91\x91\x91QZZ\n\x00*\xf9\x93\xe0\xe8\xf5z\xce\xf9\x87\x1f~\xd8\xb1cG\xb99\x88\xf6\x15)"\x87\n\xf8\x89\x05\x00PJ\xf3\xf3\xf3KJJ(\xa5H\x08\xd9\x07\x02\x00\xdd\xfbw\xb9\xeb\x9e\x1e\x1e\x97\x97Pu\x0e\xa8\x9d\x08\x00\x83\xc9\xb0\xff\xab\xe27^^\x0c\x02\xe4\xa7\xcf\x18\x03\x80\xbc\xbc\xbc\x8f?\xfeX\xa7\xd3\t!TA8qP\'\x80\x04\x02\x000\xc6\x07\x0f\x1e\xbc\xf9\xe6\x9b\x01\xa0\xba\x07\x14\x13,@\xd4MMY\xb0y\xb65\xd9\xccB\x0c\x13\xb5\x04\xd4B\x80\x83%\xd9\xf2D\xbf\xe7?\xfbh\x17\xa1\x048 \x840F\x84P\xce\xf9\xbcy\xf3\x1ex\xe0\x01u\x08H(T\x00H \xe4\xbb\xdd\xb3g\xcf\xa2\xa2"\x9d\xa6\x85\x19k\xdd\xa8\xd1\x19\x97\xebDY\x19\xa5\x94q~\xe7_\xba=7epE\x99\x8bj\x14\xa9\xe7\xa26\x81\x11g\xdc\xe6\xb0\xad_\xbeq\xf23\xb3\x08%\x02@\xaf\xd3\xba\xb4M\xdf\xb0e\xbf\xac\xfd\xd4\xaf_\x7f\xdf\xbe}v\xbb]\r\x07$\x0e*\x00$\nr\xf5/**\xea\xd9\xb3\xa7\xdc\xe2\t\x80\x0fG\x8e\xdcv\xf0\xe0\x88\xb7\xde\xd2(\x05!0\xc1\xb3\xff3\xa5\xe9\x8d\r\xfd\xbe\x80*\x08\xd7*\x04B\x18a\x8c\x1f\xea\xf9\xd4\x89\xefKt:-\x1cf\xbd\xba\xde\xb2h\xee\xa3\xcdo\x1bVz\xd6\xa3iZ8\x1c\x1e1b\xc4\xf8\xf1\xe3\xd5! qP/yB \xaa\xb2\xbdO&gt;\xf9$F\x88\x12\xc29\xef\x7f\xfb\xed\xedo\xbc\xf1\xc1.]\x9a\xd4\xaf\xcf8\'\x84p\xc6_\x1b\xff\xa6\xaa\x01\xd4&gt;8\xe76\x87u\xe9\xec\x95\'\xbe/\xa1\x1a\xe5\x9ck\x1a\x9d4\xa2\xbf\xfd\x86z\x13\x87\xf5\x13B\x08\x01\x94\x92\x97_~\xb9\xb8\xb8X\xcd\x85$\x0e\xeaUO\x08\xe4\xd8\xd7\x9c9s\x0e\x1c8@5\x8dqn3\x1a\x87\xf5\xee\xed\xf2\xf9\x92\xcd\xe6\xe1}\xfb"\x84\x04\x00!d\xd7\xf6\xdd\xdb\x8avXl\x16\xce\xd5\x12PK\x10B$\x19\xf5\xc7\x8e\x9c\\5\x7f\x9dL\xee\x00\x88A\xf7v\xfc\xcdmM\xc3\xc7\xcf\x0e\x1c\xd8!\xb3eC\xb9\xeb\x0f\x85B#F\x8c\xc0X%\x06\x12\x05\x15\x00j?\xb2\xf6[RR\x92\x9f\x9f_\xf5\xfe\xc3#]\xbbf6n\xec\x0f\x87+|\xbe\xfb:th\xd7\xbc9\x07\xa0\x84 \x8c\xe6L\x98\xef\xf7\xfa)%\xaa\x0cP;\x00\x0eF\x93q\xee\xe4\x85\xeer\x0f\xd5(\x008\xec\xa6\x82a\xfd\xc0\x17\x12B$\x99\r\xd3\xf2\xb3\x85@\xc0\x81RZXXXTTD)\xe5\x9cG\xfb\xc2\x155\x8e\n\x00\xb5\x1f9\xe19|\xf8p\xa7\xd3\xa9\xd34\xc6X\xc3\xbau\x9f\xca\xca*\xf3x4B\x84\x10\x8c\xf3\x82\x9c\x1c\x8dR\x0e\x9c\x12z\xfc\xe8\xc9\xa5\xb3W\xda\x1cV\xb5\x04\xd4\x02\x80\x83\xd5n\xf9d\xd3\xe7\x1f\xbe\xbbM\xd6~\x01\xc4\xb8\xa1\xbd\x1d\rR \x10\xd2\xe9(+\xf7v\xee\xde2\xbbW\xa6L\x03b\x8c\x9f|\xf2I\xc6\x98:\x07$\x02*\x00\xd4rd\xf2g\xe7\xce\x9dK\x97.\xa5\x94\x02\x80@(\xbf\x7f\xffT\xbb=\xc4\x18\xc6\x98\x12\xe2\n\x04\xba\xdct\xd3\xfd\x1d;\x02\x08\x8c\x10\xc6x\xd5\xfcu\xc7\x8e\x9c\xd0\x1b\xf4j\t\x88{0ba\xbe\xe0\x95\xe5\xf2I\x00\x80\xcc\x96\r\x1f}\xa4\x1b\xaf\xf0\x11J\x11B\x18#\xc1\xf9\xa4Q9\xc96#pN)=p\xe0\xc0\x9c9sT% \x11P\x01\xa0\x96#\xcb\xbfC\x87\x0e\r\x06\x83\x94\x10\xc6y\xbb\xe6\xcd\x07v\xe8p\xd6\xed\xd6\xaa:=(\xc6\xae@`d\xbf~v\x93\x89\x03PJ\xdd\xe5\x9e\x7fO^d\xb6\x9a@U\x02\xe2\x19\xce\xb8=%y\xdd[\x1b\xf7~\xb1\x9fR*\x00\x84@\xd3FekF\xbd\xe0\\\xb6z\x12B\x98;\xd0\xe4\xd6\x86y\x0fu\xe5\x00\x18#\x8cq~~\xbe\xd3\xe9$\x84\xa8\x1d@\xedF\x05\x80\xda\x8c\xac\xec\x15\x16\x16n\xde\xbcY\xd34\xc6\xb9^\xd3\nrr8\xe7\xe7\xb6yc\x8c\x03\xa1P\x83\x94\x94\xe7z\xf7\x96\r!\x84\x90\xcd\xeb&gt;\xde\xb5}\xb7\xc9jR\xdb\xc08E\x08\xa1\xe9\xb5\xd2Se\xcbf\xaf\xc4\x18c\x829\x87\xec\xbb\xdat\xee\xd6\x92\x95{\xcfm\xf4\xa4\x1a\xe1NO\xde\xe3YM\x1b\xd5\xe3\x8ck\x9a\xe6t:e\xc5H}\xfa\xb5\x1b\x15\x00j-r\xef&amp;\xfb:\x10B\x04c\x00\xe8w\xdbm\x7f\xc8\xc8p\xf9\xfd\xe7\xb5\xf9k\x94V\xf8\xfd\x83\xbavm\x96\x9a\xca9\x10B\xc2!\xf6\xfa\xc4\x05\x94\xaa\x89\xb0x\x853n\xb3[\x97\xbf\xfe\xce\xc9\x1fN\x11J\x80s\xbd^{qX_\x04p\xde\x98\x17\xc6\x18B\xcc~\x8dcT^/\xa8\xda\x01\xc8\x9e1\x95\x08\xaa\xdd\xa8\x00Pk\x91\xb2?S\xa6L)..\xd6\xe9ta\xc6\x1cf\xf3\x98\xecl\x97\xdfO/4\xe4\xc587\xe9\xf5\x13rs\x11B\x02\x80R\xba\xe7\xf3\xfd\x1bV|\x90\x9cb\xe3LU\x83\xe3\x0c\x000YM\xc5{\x8f\xac^\xb0\x9e\x10"[?\x9f\x19\xd4=\xbduc\xe6&gt;?\xfc#\x844\x8d\xb2\xb3\xee\x81\xf7v\xea\xd46\x9d1\xaei\xb4rjD\x95\x82k5*\x00\xd4Nd\xc5\xef\xf0\xe1\xc3\x93&amp;M"\x84H\x15\xd0G\xbbuKOK\xf3\x87B\x17\x1c\xf4\xa7\x84T\xf8\xfdwgfv\xc9\xc8\xe0\x00R\x0f\xe0\xcdiK\xce\x9evjzM\xad\x02q\x86@\x94\xd2\xb9\x93\x17z\xdd&gt;B1\xe7\x90Z\xdf6\xe4\xf1,\xf0\x04~v\xd0O\x08\xaa\xa3\xe3\x9e\xedC\x08\x96\x93bEEE\x85\x85\x85\xaa%\xb4\x16\xa3\x02@\xedD\xd6~\xc7\x8d\x1b\xe7r\xb94J\xc3\x8c5KM\x1d\xd2\xabW\x99\xd7{\xc1\xed\x7f\xf5\x1f\xe3\x00/\xe5\xe6\xea5\r8\xa7\x94\x94\x1c;\xbd\xfc\xf5w\x92\xedVu\x08\x88#8\xe7V\xbbe\xc7\x87;\xb7m\xd8A(\x11 \x84\x10\x13\x87\xf7\xafs}\x1d\x08\\8\xfc#\x84(%\xac\xdc\xdb9\xab\xd5\xbd\x7fj+\xd3\x80\x18\xe3\x11#F\x84B!u\x0e\xa8\xad\xa8\x00P\x0b\x91\xb5\xdf-[\xb6,^\xbcX\xab\xda\xbeM\xc8\xcd\xb5\x18\x0c\x9c\xf3\x8b\xe8|\x11B\xdc~\xffo\x9b4y\xac{w\x10\x02\tD\x08Y\xbd`\xfd\xb7{\x0e\x1b-F\x01j\t\x88\x0f(\xa5&gt;o`\xee\xe4\x85\xb2\xcd\x97s\xe8\xd46\xfd\xfe\xfb;\xb32\x0f\xd5.&amp;\xf2\x83)\x01o`R~v\x8a\xc3\xcc\xc2L\xd3\xb4\xe2\xe2\xe2)S\xa6\xa8J@mE\x05\x80\xda\t\xe7&lt;??\x9fK\x85\x1f\x80.\x19\x19w\xb7n]\xe1\xf3]l\xfb\x8f\x10B\x88\x12\xe2\x0e\x04\x06ge\xd5\xb7\xd9d\x1e\xc9\xeb\xf6-\x9a\xb9\xdc`4\xa8% .\xe0\x8c[\xed\x96\xa2\x95\x1f\x1c\xdawT.\xdc\x94\x92q\xcf\xf6!\x1aA\xbf\xb4\x8b\'\x18\x83?\x94\xd6,m\xc8\xc3\xdd@\x08\x84\x04!x\xea\xd4\xa9%%%\xaa#\xa8V\xa2\x02@m\x831F)]\xb2d\xc9\x96-[\xe4\xdc\xafF\xe9K\xb9\xb9\\\x88_|\xffQUK\xe8\ru\xea\x8c\xe8\xd7\xaf\xb2!\x84\x92\x8f\xd6l\xffx\xe3gV\xbbE\x8d\x05\xc48B\x08\xbdA\x7f\xea\xf8\x99y\xd3\x96a\x8c\tA\x9c\xc3\x80~\xb7w\xcej\xc5\xca\xbd\xf4\x12d\xfe\x08%\xdc\xe9y6\xafW\xb3\xc6\xf5\xc3a\xa6iZYY\xd9\xf0\xe1\xc3\xd5L@\xadD\x05\x80Z\x85T}p\xb9\\c\xc7\x8e%\x18#\x84@\x88\xfb;vl\xd3\xb8\xb1;p\xa9\n\xcf\x1a\xa5N\xafw`\xfb\xf6\xb76l\x08\x1c\x08&amp;\x00\xb0\xf0\x95\xe5\x8c],}\xa4\x88\x05\x80\x83\xc9b,\x9c\xbb\xdaYZN)\xe1\x1c\x92m\xc6QC{\x83?\x84/\xed\xd3\xc7\x18\x0b\xc6\xf5V\xe3\x8b\xcf\xf7EU\xbddK\x96,\xd9\xb5k\x97\x9c$\xaf\xd9\x1f@\x11YT\x00\xa8U\xc8\xa4\xcd\xa4I\x93\x0e\x1f&gt;,=^\xec&amp;\xd3\xc8~\xfd&lt;\xc1 \xbd\x9c\xb5\x9b\x03X\x0c\x861\xd9\xd9\xa2\xaa%t\xef\x17\xfb\xd7.}\xdf\xe6P\xd5\xe0\xd8\x05\x00L\x16\xe3\xb7_\x15\xbf\xfd\xc6\x1a\x19\xec\x01D\xdeC]\x9b\xb5n\xc4=\x01r\xc9.oT\xa3\xbc\xdc\x9b3\xa0C\xa7v\xcd\x19\xe3\x94\x92P(\x94\x97\x97\xc79W\x87\x80Z\x86\n\x00\xb5\x07\xb9Y\x93U;J\x88t||\xaew\xef\x06))\x81\x9fi\xfd\xfc9(!N\xaf\xb7g\xcb\x96wgfV\xcb\x03\xcc\x9b\xb6\xf4\xd4\x893J (\x96!\x94\xcc\x1e\xfff8\xcc\x08%\x9c\xf3\xc6\r\xeb\xe6=\x9e\xc5\x9d\x1e\xaa]\xee\x9b.\x04\xe3\xd3F\xe7h\x1a\x95\xb3\xc1[\xb7n]\xb2d\x89j\t\xade\xa8\x00P{\x90\xeb\xb2\xec\xdb\xa3\x94r\x80[\x1b6|\xb4[\xb7r\x9fO\xbb|\x83\'\x8c\x10\xe3|lN\x8e\xcdh\x04\x10\x94\x12giy\xe1\xdc\xd5&amp;\xb3QU\x02b\x10\xe0`\xb1\x99\xb7\x15\xed\xd8\xb5}\xb7T\xfd\x14\x02Mz\xa1\xbf=\xd5.B\xecrsw\x84\x10\xee\x0e\xb4\xe9t\xd3\xa0{;\xca\x1d\x00!x\xec\xd8\xb1\x15\x15\x15\xaa%\xb46\xa1\x02@-A\xb6~n\xde\xbc\xb9zrG\x081&amp;;\xdb\xa4\xd7\xff\xba-\x1b!\xc4\x1d\x08\xb4j\xd8\xf0\x91\xae]\x01@\xb6\x84\xbe\xfd\xc6\x9a\x03{\x0e)\x81\xa0\x98C \xa2\x91\x80/8g\xc2|T\xe9\xf8\x06\x9d\xda5\xcf\xc9\xed\xc0\xca\xdc\x17o\xfd\xfc9\x08\xc5\xe0\x0e\x14\x0c\xeb\xe7\xb0\x9b\x18\xe3\x94j\x87\x0f\x1f\x9e1c\x06!D\x1d\x02j\r*\x00\xd4\x06\xe4\xd8W0\x18\x1c:t(\xc6X\xb6~\xf6n\xd3\xa6g\xcb\x96N\xaf\xf7W\xfb\xbbj\x84\x94y&lt;Ofe5\xaeW\x8f\x03\x10B\xc2a6o\xfa2B\x94WLl\xc19\xb7X\xcd\xef,\\w\xfc\xe8IJ)\xe7\xa0\xd7k\xd3F\xe7TK~\xfe\n0\xc6\x10\x089\x1a\xa4\x8c{\xa6w\xb5g\xe4\xf4\xe9\xd3eyI\xed\x00j\x07*\x00\xd4\x06d\xedw\xd9\xb2e;w\xee\x94\xdb\x7f\xbd\xa6\x8d\xe8\xdb\x97\x03\\I\xd7\x0e\xc68\xc4\xd8\xb5\x0e\xc7\x90^\xbd\x84\x10H\x00!d\xdb{\x9f\xee\xf8p\xa7\xd5nQ\xdb\xc0\x18A\xb6~\x9e&gt;Y\xbahf\xa1l\xfd\x04\x80{\xfa\xdc\xd6\xa6S\x06\xbf\x90\xec\xcf\xa5C(\xe5\x15\xfeG\x1f\xec\xda\xbci*g\x9cRZQQ1n\xdc85\x13PkP\x01 \xee\x91\xdb\x7f\xa7\xd39l\xd8\xb0*\xd9/x\xac{\xf7\xcc\xc6\x8d\xdd\xff\xa3\xfay\xb9h\x94\x96\xba\xdd\x0ft\xea\xd4.=\x9dq\xa0\x84`\x8c\xe7N^\x18\xf0\x07\x95Ph\x8c\x00\x1cL\x16\xd3\xbc\xe9K=./\xa5\x841Hq\x98\'\xe6g\x83\xdb\x8f/\xa1\xf1\xff"H\xaf\x18\xcd\xa4\x9fU\x90+\x10\x92\x02A\x8b\x17/\xde\xbau\xab\xa6ij\x07P\x0bP\x01 \xee\x91\xdb\xff\xfc\xfc\xfc\x92\x92\x12i\xf9R\xdff\x1b\x9c\x95\xe5\x0e\x04~q\xee\xf7R\x10B\xe8(\x1d\xd6\xa7\x8f\x14\x94&amp;\x84\x1c\xdawt\xd5\xbc\xb5\x16\x9bY-\x01QG\xaa~~\xf9\xf1\xee\xf5\xcb7\xc9`/\x84\x18\xf2p\xb7\xb4fi\x10\x08\x91+\x9e\xdb\xa0\x94p\x97\xbf\xc7\x9d\x99\xdd;gp\x0e\x18\x13\xcey^^^0\x18T\xd5\xe0Z\x80\n\x00\xf1\x8d\\\x91\xa5\x87_u\xeb\xe7\xc8\xfe\xfdo\xa8S\xe7r[?\x7f\x0e\xd9\x12zg\xabV9m\xdbr\x00\x82\x11&amp;x\xd1\xac\xc2\xd3\'KUKh,@)}}\xe2\x02\xce8\xa1\x843\xde\xbci\xea\xb3y\xbd\xb8\xd3\xfb\xb3\xaa\x9f\x97\x8d\x10\x1cf\x8d\xcf\xd5\xeb5\xe0\\\xd3\xb4]\xbbv-[\xb6L\t\x04\xd5\x02T\x00\x88od\xfeG\xbax\xcb\xc9\xafv\xe9\xe9\x7f\xed\xdc\xf9\xac\xc7\xf3+Z?\x7f\x0eJ\x88\'\x10\x18\x93\x9d\xed0\x9b\x19\x07\x8a\x89\xc7\xe5\x9d7}\xa9\xd1d\x88\xeb\x96P!\x04\x00\x00\x07\xce\xf8O0\xce9\x07\x0e\xb1\x1f\xdb8\xe3\xd6d\xeb\x86\x15\x9b\xf6|\xbe\x9fH\xc7G\x84f\x15\xe4\xea-\x06qQ\xd5\xbf\xcb\x82\x10\xc2=\xfe\x16\x99M\x9e\x19\xd4\xbd\xaa%\x94\x0c\x1b6\xac\xac\xacL\x1d\x02\xe2\x1d\x15\x00\xe2\x18\xd9\xfaYTTTTT$\x1b\xff)!\xc3\xfa\xf4\xd1\xae\xb6l\x0b\xc6\xd8\x1f\n\xa5\xa7\xa5\r\xea\xd6M\xfe\xcd\x84\x90\xf5\xcb7}\xbb\xfb\x90\xc9b\x8c\xc7m p\x00\x0e\x94R\x93\xd9h\xb5[\xecu\x92\xed)\xc9\xc9)6{J\xb2\xbdn\xb2=%\xd9j\xb7\xe8t\xb1\xed\x82 \x10\xd5\xa8\xcf\xe3[0\xe3-\x84\x10%\x98s\xe8\xde9\xa3\xc7\x9d\xady\x85\xefRd\x7f.\x1dB\tx\x02C\x1e\xcfJ\xado\x93\xd5\xe0\x92\x92\x92i\xd3\xa6\xa9C@\xbc\xa3\x02x\xbc"\xb3=\x00p\xf3\xcd7\x1f&lt;p@\xa7\xd3\x85\xc2\xe1\x9c\xb6m\x97&lt;\xf1\xc4\x19\x97\xeb*n\xff\xab\xff9i\x11\xf3\xbb\x91#\x8f\x9c&gt;\xadi\x1ac,\xb3}\xcb\xa9K\xc7y\xdd\xbe+,5G\x12\xe0\x80\t6YL\x84\xe0\xb23\xce\xe3G\x7f&lt;\xf1\xdd\x8f\xa7O\x96z\\\xdeP0D\x08N2$Y\x92-\xa9\xd7\xd6\xcd\xc8lQ\xa7\xbe#f\x15\x908\xe3\x8ez\xf6\x7f\xbd4\x7f\xc1+\xcb\xa9F\x05\x00!d\xef\x07\xa3\x9b\xff\xe6z\xf0]\xaa\xee\xd3\xa5\xc3\x18\xd7\xd5\xb5\xcd\x9b\xf3\xfe_\x87\xcc\xd74*\x84\xa0T\xdb\xbbwo\xb3f\xcd\xa4\x02\xd5\xd5\xfd\xe7\x14\x91A\x8b\xf6\x05(~%R\xf8a\xf6\xec\xd9\x07\x0e\x1c\x90\x86\xef6\xa3\xf1\xf9\xde\xbd}\xa1PM\xbc\x8d\x18c\xc6y\x1d\xabux\xdf\xbe\x0f\xff\xeb_r\xb9\xd9\xb5}\xf7\xb6\xa2\x1d\x1d{\xb6sWx\xae\xee\x96\xb3F\x10\x88\x03X\xac\xa60c\x9fl\xfa|\xd3;[\xf6|\xfe\xcd\xe9\x93\xa5?\xf7\xdb\xff6t\xc0_\x87\x0e(/\xab\xf8\xd5\x83\x145\x87\x10"\xc9\xa8?v\xe4\xe4\xaa\xf9\xeb0\xc6\x18!\x0e\xe2\xef\xf7wl\xd1\xba1+\xfb\x15\xc2\x0f\xbf\x8c\x14\x08\xba\xe7\x9e\xf6\xb3\xe6}\xf4\xe5\x9e\xefu:\x9d\xb4\x9b^\xbe|\xb9:\x04\xc4/1\xff\xd2*.\x04\x00`\x8cKJJ\xf2\xf3\xf3\xe5\xfb\x0f\x00\x8ft\xed\x9a\xd9\xa8\x91\'\x10\xb8\xf2\xde\x8f\x0b\xa2QZ\xe6\xf5\xde\xd7\xa1C\xbb\xe6\xcde\xba\ta4g\xc2|\xbf\xd7Oi\xac\x8f\x86\t!\x10F\xc9\x0e\xeb\xcem_\x0f\xbdg\xd4\x0b\x7f\x1d\xbfi\xf5\x96\xd3\'K1\xc6\x9aN\xd3\xe9u\xfa$\x9d&gt;I\xafO\xd2\xeb\x93t\x06\xa3A\xd3(\xbed\xf5\xb4\xc8\x03\x1c\x8c&amp;\xe3\xdc\xc9\x0b\xdd\xe5\x1e\xaaQ\x00p\xd8M\x05\xc3\xfa\x81/Hh\x8d\\6FHpH2\x1b\xa6\xe5g\x0b\x81d\x02\xad\xb0\xb0\xb02\xfd\xa8\xfa\xc1\xe2\x13\x15\x00\xe2\x12y\xe8\x1e&gt;|\xb8\xd3\xe9\x94\xa2\xff\r\xeb\xd6}*+\xab\xcc\xe3\xd1j\xf20\x8e\x85`\x9c\x17\xe4\xe4h\x94r\xe0\x94\xd0\xe3GO.\x9d\xbd\xd2\xe6\xb0\xc6\xf2\x12 o\x97&gt;I\xff\xcf\x827\x9f\x198z\xcfg\xdf\x10\x825\x8d\xcaT\x06\x0b\xb3p(\x1c\n\x86C\xc1P(\x18\n\x05\xc3\x01\x7f\x801\x1e\xb3\x0eh\xc0\xc1j\xb7|\xb2\xe9\xf3\x0f\xdf\xdd&amp;e\x7f\x00\xc4\xb8\xa1\xbd\x1d\rR.\xe2\xf8x\xe5TzFvo\x99\xdd+\x93q.=#e\x03\x82\xaa\x06\xc7)*\x05\x14\x7f\xc8\xd6\xcf\x9d;w.]\xbaT\x0e\xe5\x0b\x84\xf2\xfb\xf7O\xb5\xdbKk \xfb\x7f.\x84\x10W \xd0\xe5\xa6\x9b\xee\xef\xd8\xf1\x8d\x8f&gt;\xd2(\xc2\x18\xaf\x9a\xbf\xee\x8f\x7f\xe9\x96R\xcf\xc1\xc2\x97-:\x16\x01\x84\x10\x98\x10M\xa3\xe3\x07O\xfdh\xed\xf6\xca\xfc\x18F\x8cq\x84\x90N\xaf5lv\xfdu\x8d\xaf\xa9S?\xc5`JB\x02\xf9\xbd~gi\xc5\x91o\xbf\xd7\xe9u1\xba\xa4a\xc4\xc2|\xc1+\xcb\x01@\xd3i\x9c\xb1\xcc\x96\r\x1f}\xa4\x1b\xaf\xf0\x91\x1a\xceV\xc9\xd1\xb0I\xa3r\xde\xdf\xba\xdf\xe3\tRJe\x0b\xf2\xe3\x8f?.[\x12j\xf4_W\\uT\xdc\x8e?\xe4\x9b\xd6\xa5K\x97\xcd\x9b7\xebu\xbaP8\xdc\xaey\xf3\x0fF\x8e,\xbf\xb8\xe1\xfbUB\x08\xa1\xd3\xb4r\xaf7s\xf8\xf0\n\xbf\x9fR\xca\x18\xeb\xd6\xb7\xd3\x98\xd7\x9ew\x9e)\xffu\xbac5\n\x00Xl\xe6\x89C^y\xaf\xf0\x039\xbf*\x95\x0cR\x1b\xd4\xef{\xff\x1f\xdb\xde\xf1\xdbknH3\x18\x93\x08%\x95\x16:\x00B\x08w\x85\'\x14\x0c\x1bM\x86X{A8\xe3\x8e\xba\xf6\xb7\xe7\xad\x9d6\xfc\x9f\x94R\x84\x04\xe7\xf0\xd1\x8a\xa1\x9d{\xdc\xca\xca=\x11X\x82Y\x98\xeb\xd2\xecc^X2v\xda\x1a\x9dNc\x8c\xdb\xed\xf6\xc3\x87\x0f\xdb\xedv\x84P\x0c\xee\x00\x14\x17A\xa5\x80\xe2\x0c\xb9\xfa\x17\x16\x16n\xde\xbcY\xd6~\xf5\x9aV\x90\x93\xc39\x8f\xcc\x9b\'=#\x1b\xa4\xa4&lt;\xd7\xbbR#\x8c\x10\xb2y\xdd\xc7\xbb\xb6\xef\x8eA\x95P\xce\xb9\xcdn]5\x7f\xdd{\x85\x1fh\x1ae\x9c\xc9\xd5\xff\x8f\x7f\xee\xfa\xaf\xb5S\xef}"\xa7A\xe3k\x81qO\x85\xa7\xa2\xac\xc2YZ\xee,-\xafp\xba\xdc\xe5\x1e\xd9!\x1ak\xab\xbf\x10B\xd3k\xa5\xa7\xca\x96\xcd^\x891\xc6\x04s\x0e\xd9w\xb5\xe9\xdc\xad%+\xff\xf5\xaa\x7f\x97\x05\xd5\x08wz\xf2\x1e\xcfj\xda\xa8\x9e\xb4\np:\x9d\xb2\x16\x15k\x9f\xbe\xe2\x17Q\x01 \x9e\x90\xeb\x91\xec\xbe@\xd2\xc2\x1b\xa0\xdfm\xb7\xfd!#\xc3u\xc5\xb2?\x97\x8eFi\x85\xdf?\xa8k\xd7f\xa9\xa9\x9c\x03!$\x1cb\xafO\\\x10k\xea@B\x88$C\xd2\xb1#\'\xe6N^H\x08\x96\x97\n\x00\x03\x1e\xfb\xd3\x0b\xaf&lt;\x9ddH*?[\x11\n\x86\x10F\x84\x12J)\xd5(\xd5(\xa5\x94P"@\xc4\xe0\x8c\x1bg\xdcf\xb7.\x7f\xfd\x9d\x93?\x9c"\x94\x00\xe7z\xbd\xf6\xe2\xb0\xbe\x08 b;o\x8c1\x84\x98\xfd\x1a\xc7\xa8\xbc^P\xb5\x03\x983g\xce\x81\x03\x07\xd4X@\xdc\xa1\x02@&lt;![?\xa7L\x99R\\\\\xac\xd3\xe9\xc2\x8c9\xcc\xe61\xd9\xd9.\xbf?\x02\xc9\x9fsa\x9c\x9b\xf4\xfa\t\xb9\xb9\xa8\xca3r\xcf\xe7\xfb7\xac\xf8 9\xc5\x16;\x9e\x91\x00\xc2`LZ6{\x95\xd7\xe5\x93C\x0c\xc0\xe1\x8e\xde\x1d\xff&gt;\xf2\xaf\x15e.\xc68\xd5\xe8\xcf\xa6,0B1\x96\xcc\x90\xb2?\xc5{\x8f\xac^\xb0\xbeJ\xf5O&lt;3\xa8{z\xeb\xc6\xec\xcaT?/\x17M\xa3\xec\xac{\xe0\xbd\x9d:\xb5Mg\x8ck\x1ae\x8c=\xf9\xe4\x93\xaa\x14\x1cw\xa8\x00\x107\xc8\xda\xef\xe1\xc3\x87\'M\x9aD\x08\x91\x93`\x8fv\xeb\x96\x9e\x96\xe6\xbfJ\xb2?\x97\x0e%\xa4\xc2\xef\xbf;3\xb3KF\x06\x07\x90\xcb\xeb\x9b\xd3\x96\x9c=\xed\xd4\xf411@+\x84H2\xe8\x8f\x1d9\xb1q\xf5\x16\x8c\xb1\x10H\x08\x91R\xdf\xf1\xf8\xa8\xbf\xf9&lt;~\x8c\xf0\xa5{\xe4\xc6\n\x02QJ\xe7N^\xe8u\xfb\x08\xc5\x9cCj}\xdb\x90\xc7\xb3\xc0\x13\xb8z\xb2?\x97~1\x82\xea\xe8\xb8g\xfb\x10\x82\xa5JhQQQ\xb5\x19Q\xa4/F\xf1kQ\x01 n\x90\xb3\xb8\xe3\xc6\x8ds\xb9\\\x1a\xa5a\xc6\x9a\xa5\xa6\x0e\xe9\xd5\xab,"\xb5\xdf\x0b^\x10\x07x)7W\xafi\xc09\xa5\xa4\xe4\xd8\xe9\xe5\xaf\xbf\x93l\x8f\t\xe3x\x000\x98\x0c[\xdf\xfb\xd4\xef\xf5cB0FB\x88~\x0f\xdcY\xff\xbaz\xa1`(\x96{\xfc/\x08\xe7\xdcj\xb7\xec\xf8p\xe7\xb6\r;d\x86J\x081qx\xff:\xd7\xd7\xa9\xd1\xd6\xcf\x9f\xa3\xb2%4\xab\xd5\xbd\x7fj+sk\x18ciG\xaa\xce\x01q\x84\n\x00\xf1\x81\xac\xfdn\xd9\xb2e\xf1\xe2\xc5Z\xd5&amp;kBn\xae\xc5`\xe0WO\xf6\xeb\xb2 \x84\xb8\xfd\xfe\xdf6i\xf2X\xf7\xee \x84\xf4\x8c\\\xbd`\xfd\xb7{\x0e\x1b-\xc6\xa87\xd1\x13BB\x81\xd0\xf6\xa2\x1d\x08#\x8c\x10\xe7`0&amp;u\xe9\xd5\xde\xef\x8d\xc6~\xf9\x8a\xa1\x94\xfa\xbc\x81\xb9\x93\x17b\x8c+\x1d\x1f\xdb\xa6\xdf\x7f\x7fgV\xe6\x89V\xe7\x15\xa6\x04\xbc\x81I\xf9\xd9)\x0e3\x0b3M\xd3\x8a\x8b\x8b\xa7L\x99\xa2*\x01qD\xfc\xbd\t\t\x0b\xe7&lt;??\x9fs.\x1d\x1f\xbbdd\xdc\xdd\xbau\x85\xcf\x17\x9d\xed?B\x08!J\x88;\x10\x18\x9c\x95U\xdff\x93\x19*\xaf\xdb\xb7h\xe6r\x83\xd1\x10\xdd%@\x08\xa1\xd7\xebN\xfePR\xbc\xf7Hu]\xfa\xa6\xd6\xcd\xafmtM(X\xb9_\x06\x10\xc0\xa1R\xfe\x93q\xceA6\x80F\xf1\xb2\x7f\x0e\xce\xb8\xd5n)Z\xf9\xc1\xa1}G\xe5\xf2J)\x19\xf7l\x1f\xa2\x11\x14\xbd\x0b&amp;\x18\x83?\x94\xd6,m\xc8\xc3\xdd@\x08\x84\x04!x\xea\xd4\xa9%%%\xaa#(^P\x01 \x0e\x90R\xcfK\x96,\xd9\xb2e\x8b\x9c\xfb\xd5(})7\x97\x0b\x11\xc5\xf7\x1fU\xb5\x84\xdeP\xa7\xce\x88~\xfd*\x1bB(\xf9h\xcd\xf6\x8f7~f\xb5[\xa2\xd8E#@\xe8\r\xfaC\xfb\x8e\x04\xfcAB\x88,\xe7\xde\xfa\xbb\x9b\xf5z\x9d\x00\xc19 \x84\x8c\xa6$\xab\xddbOIv\xd4\xb5\xdb\xeb&amp;\';\xac&amp;\x8b\x91P\xc29\x8f\xa90 \x1d\x1fO\x1d?3o\xda2\xe9\xf8\xc89\x0c\xe8w{\xe7\xacV\xac\xdc\x1b]\t&amp;B\twz\x9e\xcd\xeb\xd5\xacq\xfdp\x98i\x9aVVV6|\xf8pr\xb5\xf5h\x155\x84\n\x00\xb1\x8e\x941p\xb9\\c\xc7\x8e\xad\x9cT\x12\xe2\xfe\x8e\x1d\xdb4n\xec\x0e\\}\xd1\xc7\xcbE\xa3\xd4\xe9\xf5\x0el\xdf\xfe\xd6\x86\r\x81\x03\xc1\x04\x00\x16\xbe\xb2&lt;\xba"\x9a\x02\t\xe9\\\x86\x10\xc2\xa4r7\xda\xfc\x96\xa6\xe10C\x18\'\xdb\xad\x94\xd2\xe2}G\xd7/\xdf\xf4\xe6\xb4\xa5\xb3\'\xbc9w\xf2\xa2w\x16\xac\xdb\xbd\xe3\x9bP \x94\xec\xb0\xe9t\x1a\x8f\x99\x1eP\xe0`\xb2\x18\x0b\xe7\xaev\x96\x96SJ8\x87d\x9bq\xd4\xd0\xde\xe0\x0f\xe1h\x7f\xfa\x18c\xc1\xb8\xdej|\xf1\xf9\xbe\xa8\xaaKm\xc9\x92%\xbbv\xedR\xc6\xf1q\x81\x92\x82\x88u\xe4K5i\xd2\xa4\xc3\x87\x0f\xeb4\x8dqn7\x99F\xf6\xeb\xe7\t\x06ilL]r\x00\x9b\xd9&lt;&amp;;\xbb\xdf\xd4\xa9\xb2%t\xef\x17\xfb\xd7.}\xbf\xff\xff\xf5*?[\x11\x95\x0c5F\x98s\xf8\xe1\xf0\t\xf9K\x01B\xa7\xd7\xa55\xa8\x871\xd6\xebu\xef.\xde\xb0f\xe9\x86\x83{\x0e\xff\xef\x19\xe5\x9a\x1bR;\xdf\xf9\xfb\xbe\xf7\xdf\x99v}\xaa\xa7\xc2\x13\xf5j\x01\x00\x98,\xc6o\xbf*~\xfb\x8d52\xd8\x03\x88\xbc\x87\xba6k\xdd(\\R\xae\xe9\xa2?w-UBs\x06t\xe84\xff\xa3-\x9f\x1c\xd4\xebu\xa1P(//\xef\xc3\x0f?\x8c\xf6\xa5)~\x19u\x02\x88i\xe4\xea/kk\xd5\x8e\x8f\xcf\xf5\xee\xdd %\xe5j9&gt;^9\xd23\xb2g\xcb\x96wgfJ\xc7(\x8c\xf1\xbciKO\x9d8\x13-\xcfHLp(\x18&lt;s\x8e\xd4\xb35\xd9\x9cz]\xfd\xb3\xa7\xca^\xf8\xdb\xf8)\xcf\xff\xe3\xdb\xaf\x8a\x11B:\xbdN\xa7\x97"\xa0:M\xa3\x18\xe3\x1f\x7f8\xb5\xec\xb5U\x7f\xef\xf3\xec\x07\xefn\x8dn\x16\xab\x1aB\xc9\xec\xf1o\x86\xc3L\xa6\xa7\x1a7\xac\x9b\xf7x\x16w\xd6\x88\xe6\xf3\xafE\x08\xc6\xa7\x8d\xce\xd14*g\x83\xb7n\xdd\xbad\xc9\x12\xd5\x12\x1a\xfb\xc4\xce3\xa4\xb8\x00r\xf5\x94\xddu\xd2\xf3\xeb\xd6\x86\r\x1f\xed\xd6\xad\xdc\xe7\xabQ\xd1\xb7\xcb\x05#\xc48\x1f\x9b\x93c3\x1a\x01\x04\xa5\xc4YZ^8w\xb5\xc9l\x8c\xfc\x1a*\x04\xa2\x94\xf8\xbd\x81\xf2\xb2\n\x84\x90,\x02\xd7\xbf\xb6^0\x10\x1c:`\xd4\xcem_\xeb\xf4:\x84\x10p\x08\x87\xc2\xe1\x90\x14\x01\r3\xc61\xc1\x98`\xaaQ\xe7\x99\xf2q\x8f\xbf\xfc\x9f\xc5\x1b\xac\xf6h\xaa\x9c\x02\x07\x8b\xcd\xbc\xadh\xc7\xae\xed\xbb\xa5\xea\xa7\x10h\xd2\x0b\xfd\xed\xa9v\x11\x8a!\xdd=B\x08w\x07\xdat\xbai\xd0\xbd\x1d\xab&lt;#\xf1\xd8\xb1c+**TKh\x8c\xa3\x02@\xec"[?7o\xde\\=_#\x84\x18\x93\x9dm\xd2\xebcmcE\x08q\x07\x02\xad\x1a6|\xa4kW\x00\x90-\xa1o\xbf\xb1\xe6\xc0\x9eC\xd1\x10\x08\x12\x98\x90\x80/\xe8q\xf9\xe4/\x11B\x9aF_~\xee\x1f\xdf\x17\x1f#\x84\x84C\xe1\xd4\xeb\xeau\xef\xdf\xe5oC\x07&lt;6\xeao\x0f&gt;;\xb0g\xf6\x1d\xa9\xd7\xd5\x03\x0e\x02\x04g\x9c\x10B\x08\x9e&gt;\xe2\xb5=\x9f\xed3[\xa2$p$\x10\xd1H\xc0\x17\x9c3a&gt;B\xa8\xb2\xf5\xb3]\xf3\x9c\xdc\x0e\xac\xcc\x1dk\xa2{\x84bp\x07\n\x86\xf5s\xd8M\x8cqJ\xb5\xc3\x87\x0f\xcf\x981\x83\x10\x12k\xcf\xaa\xe2\\T|\x8eQd\xb6\'\x1c\x0e\xb7o\xdf~\xd7\xae]\x9a\xa6\x85\xc3\xe1\xdem\xda,{\xf2\xc9\xe8\xb6~\xfe\x1cB\x08J\x88/\x14\xea&lt;v\xecw\xa5\xa5R%\xb4CV\xdb\x82\x7f\r\xf7\xba\xbc\x91L\xa6\x0b!\xf4I\xfa\x13\xdf\xfd\xf8\xc8\x9dO\x87\x82\xe1\xf36\xa1f\xab\xe9\xafC\x07t\xef\xd7\xd9^\xc7N\x08\x96\xe3uB\x88\x8a2\xd7\xdb\xf3\xd6\xce\x9f\xbeL !@\xc8rkFf\x8bW\n_\xac\xee\x1c\x8d$\x9c\xf1\xe4\x14\xdb\x92\xd9+_\x1b?\x8fR*\x84\xd04\xf2\xf1\xbb\xcfg\xde\xde\x0c\xbc\xd1/\xfe\xff/\x9cq\xad\x8e\xf5\x1f3\xd6\x0e\x1e\xb9L\x1a-X,\xd6\x9d;w6i\xd2DyF\xc6,\xeaS\x89Qd[\xfd\xb2e\xcbv\xee\xdc)\xb7\xffzM\x1b\xd1\xb7/\x07\x88\x95\x93\xff\x7f\x831\x0e1v\xad\xc31\xa4W/!\x04\x12@\x08\xd9\xf6\xde\xa7;&gt;\xdci\xb5["\xba\r\x14\x08c\x1c\n\x86\xe4@\xb2@\x02U\xc9\x14\xa76\xa8\xffJ\xe1\x8b\xf7&lt;\xdaO\x9f\xa4w\x95\xbb\xcb\xcb**\x9c.\xf9\xdfTG\x07\r\x7f\xe0\x891\x0f\t\x10\x84\x109\xdd\xfa\xcd\xae\x03_l\xfd\xcad1E8\x91%[?O\x9f,]4\xb3P\xb6~\x02\xc0=}nk\xd3)\x83GV\xf6\xe7\xd2!\x94\xf2\n\xff\xa3\x0fvm\xde4U\x1a\xc7WTT\x8c\x1b7N\xcd\x04\xc42\xb1\xf8$)\xe4\xb6\xd4\xe9t\x0e\x1b6\xacJ\xf6\x0b\x1e\xeb\xde=\xb3qcw\x04U?/\x17\x8d\xd2R\xb7\xfb\x81N\x9d\xda\xa5\xa73\x0e\x94\x10\x8c\xf1\xdc\xc9\x0b\x03\xfe`$\x85B\x05B\x18#\xce\xa5SNe&lt;@\x08\x19M\x861\xb3\x9fk~K\xd3\xd2\xd3NY\xa8\xa0\xe7 @\x9c\xf9\xb14\xfb\xc1\xbbo\xef\x9c\t\x00\x84\x12\x8c1\xc2h\xeb\xfaO\xa8FDdeN\x81\x83\xc9b\x9a7}\xa9\xc7\xe5\xa5\x940\x06)\x0e\xf3\xc4\xfclp\xfbq\xb4\x1b\x93~\x0e\xe9\x15\xa3\x99\xf4\xb3\nr\x05BR h\xf1\xe2\xc5[\xb7n\x956\x0c\xd1\xbe@\xc5\x05\x88\xd1\x87)\xc1\x91\xdb\xff\xfc\xfc\xfc\x92\x92\x12J\x08\xe3\xbc\xbe\xcd68+\xcb\x1d\x08\xc4`\xf2\xe7\\\x84\x10:J\x87\xf5\xe9#\xa5\xaae3\xfe\xaayk-6s\x84\x97\x80s\xcfI2\xd5\xd3\xe7\xfe?\xb6\xbc=\xc3y\xb6B\xa7\xd3\xfe7\xa3#\x97{\x00\xe8}_\x16B\x9598$\xd0\xb7_\x15{\xdd\xbeHz]I\xd5\xcf/?\xde\xbd~\xf9&amp;\x19\xec\x85\x10C\x1e\xee\x96\xd6,\r\x02\xa1\x1a2|\xbe*PJ\xb8\xcb\xdf\xe3\xce\xcc\xee\x9d38\x07\x8c\t\xe7&lt;///\x18\x0c\xaajpl\x12\xd3\xabIb"\xd7M\xe9\xb4W\xdd\xfa9\xb2\x7f\xff\x1b\xea\xd4\x89\x9d\xd6\xcf\x9fC\xb6\x84\xde\xd9\xaaUN\xdb\xb6\x1c\x80`\x84\t^4\xab\xf0\xf4\xc9\xd2\x88\xb5\x84\xe2*\xe3\x14\xd9(\x891\xe6\x00\x94\xd2;zw\xf4{\x03\x17Y\xca\t!A\x7f(\xfd\xe6&amp;\x96d3Ti\x19\x9d\xfe\xb1\xb4\xa2\xccE5\x1a\xc9\xf5\x8bR\xfa\xfa\xc4\x05\x9cqB\tg\xbcy\xd3\xd4g\xf3zqgDK)\xbf\x16!8\xcc\x1a\x9f\xab\xd7k\xc0\xb9\xa6i\xbbv\xedZ\xb6l\x99\x12\x08\x8aMb\xffyJ8d\xfeGzmSJ\x19\xe7\xed\xd2\xd3\xff\xda\xb9\xf3Y\x8f\'\xa6Z?\x7f\x0eJ\x88\'\x10\x18\x93\x9d\xed0\x9b\x19\x07\x8a\x89\xc7\xe5\x9d7}\xa9\xd1d\x88P&amp;\x1d#\x00a2\x1be\xbb\'\xc6\x18\tdsX\xeb\xa4\xa60\xc6.\x12@1\xc6Rt\xb3^Z]\xf9\xf7 \x84\x02\xbe\x80\xa7\xc2\x1b\xb1\x14\x16g\xdc\x9al\xdd\xb0b\xd3\x9e\xcf\xf7\x13J\x05\x80@hVA\xae\xdeb\x10QR\xfd\xbb,\x08!\xdc\xe3o\x91\xd9\xe4\x99A\xdd\xabZB\xc9\xb0a\xc3\xca\xca\xca\xd4! \x06Q\x01 \xb6\x90\xad\x9fEEEEEE\xb2\xf1\x9f\x122\xacO\x1f-~\xc4U0\xc6\xfeP(=-mP\xb7n\xf2\x9a\t!\xeb\x97o\xfav\xf7!\x93\xc5\x18\x91m \x06\x0e&amp;\xab\xc9\x9alA\xa8:\x19tI\xbaIB\x08\x9dNg0%U\x7f\x871\x1e\n\x851\x8e\xc8\xfa/\x10\xd5\xa8\xcf\xe3[0\xe3-\x84\x10%\x98s\xe8\xde9\xa3\xc7\x9d\xady\x85/\xba\xb2?\x97\x0e\xa1\x04&lt;\x81!\x8fg\xa5\xd6\xb7\xc9jpII\xc9\xb4i\xd3\xd4! \x06\x89\x8fG*A\x90{\xffJs\xa5\xca\xd6o\xde\xff\xf6\xdb\xefl\xd5\xca\x19-\xd1\xff_\x05%\xa4\xcc\xe3\x19\xda\xabW\x93\xfa\xf5\x99\x94/e\xfc\xb5\xf1oF&amp;\x83\x811\xe2\x9c\x9b-\xa6z\xd7\xd4AU\xeb\xbf\xc7\xe5sW\\\x92t\x9a\x008\xf7\xa4"g\x02j\xeaZ\xff\x1b\xce\xb9\xcda]:{\xe5\x89\xefK\xa8Fe\x1duVA\xae\xe0\x02\xc5\x94\xd9\xe6E\xc1\x18\xf3@\xa8\xce\xf5u&amp;\x0e\xab\x94\x08\xa4\x94\xbc\xfc\xf2\xcb\xc5\xc5\xc5*\x06\xc4\x1aq\xb3\xa6$\x022\xfb/\xedU\xa9\xa61\xcemF\xe3\xf3\xbd{\xfbB\xa1\x98\xed\xfc\xb9 \x18cy\xf1\xc3\xfb\xf6E\x08\t\x00B\xc8\xae\xed\xbb\xb7\x15\xed\xb0\xd8,\x11\xd0Y\x03\x80$\xa3\xbeq\xf3\x86\x95WCp8\x14&gt;~\xf4\xa4N\xa7\xbb\x98Q\x81@\x84\x90P0\xecu\xfb\xe4/\x11B:\xbdf2\x9b\xa0\xe6Mw\x85\x10IF\xfd\xb1#\'W\xcd_\x871\x96\x8e\x8f\x83\xee\xed\xd8\xa2uc\xee\x89\xc5\xc6\xff\x8b \x05\x82\xee\xb9\xa7}f\xcb\x86\xf2P+\x8d\xacU\x16(\xd6\x88\xa7\xa7\xaav\x03\x00\x18\xe3\x92\x92\x92\xfc\xfc\xfc\xaa\xf7\x1f\x1e\xe9\xda5\xb3Q#O \x10\xcb\xbd\x1f\x17D\xa3\xb4\xcc\xeb\xbd\xafC\x87v\xcd\x9b\xcbD\x16\xc2h\xce\x84\xf9~\xaf\x9fRR\xf3\xdbY\x8c\x00\xddr\xdbM\x08!\x01\x82`\x82\x10\xda\xb5}\xf7\xc5k\xb9\x02\t\xaa\xd1\xf2\xb2\x8a\xd2\x92\xb3\xd5\xdf\xb49l6\x87\x953\xa8i\x8f`\xe0`4\x19\xe7N^\xe8.\xf7P\x8d\x02\x80\xc3n*\x18\xd6\x0f|AB\xe3\xec\xd3\xc7\x08\t\x0eIf\xc3\xb4\xfcl!\x10p\xa0\x94\x16\x16\x16V&amp;6UKh\xcc\xa0\x02@\xac \xa7%\x87\x0f\x1f\xeet:\xa5\xe8\x7f\xc3\xbau\x9f\xca\xca*\xf3x\xb4\xb8\xda\xfdU\x83\x85`\x9c\x17\xe4\xe4h\x94r\xe0\x94\xd0\xe3GO.\x9d\xbd\xd2\xe6\xa8q\x81\x1dBp\xc0\x1fh\xf9\xbb\xdf\x98\xad\xa6j\x9b\x97\xcd\xeb&gt;.=U\xa6\xfby\xcbb\x00\x91d\xd0\x1f\xd8}\xf8\\\x17\x81\xeb\x9b\\k\xb3[8\xe35\x1a\x82\x81\x83\xd5n\xf9d\xd3\xe7\x1f\xbe\xbbM\xca\xfe\x00\x88qC{;\x1a\xa4D\xc5\xf1\xf1\xca\xa9\xf4\x8c\xec\xde2\xbbW\xa6L\x03V\xb76\xa8s@\xec\x10\x97+K\xedC&amp;\x7fv\xee\xdc\xb9t\xe9R)\xa4.\x10\xca\xef\xdf?\xd5n\x0f\xb1\x18\x92\xfd\xba,\x08!\xae@\xa0\xcbM7\xdd\xdf\xb1#\x80\xc0\x08a\x8cW\xcd_w\xec\xc8\x89\x9an\t\xc5\x18\x07\x83\xe1k\x1b^\xf3\xbb?\xb4\x91\xbf$\x94\x9c=U\xb6\xe2\xdf\xef\xda\x1cV\x16f\xff\xfbGD\x95\xbb\xce\xbae\xef#\x84\xa4\x91$B\xa8\xf5\xefo\xd1\xe9u j8m\x85\x11\x0b\xf3\x05\xaf,\x97O\x02\x00d\xb6l\xf8\xe8#\xddx\x85\x8f\xc4C\xeb\xd7\x05\x91\xa3a\x93F\xe5$\xdb\x8c\xc09\xa5T67\xabJ@\xec\xa0\x02@L \xcb\xbfC\x87\x0e\r\x06\x83r\xf2\xab]\xf3\xe6\x03;t8\xebv\xc7E\xeb\xe7\xcfA1v\x05\x02#\xfb\xf5\xb3\x9bL\xb2\x19\xdf]\xee\xf9\xf7\xe4Efk\x8d\x8b+`\x8c8c}\xee\xff#\xc6X\xca\xfb\x10B\xde\x9a\xf3\xce\x96\xf5\x9f\xd6\xbb\xa6N\x95\x07\xa4\x10 \x00\x803.@\xd4\xbb\xa6\xce;\x0b\xd6\xed\xdc\xf65!X\x80\x00!tz]\x87\x1em+\x0f\x045\x06g\xdc\x9e\x92\xbc\xee\xad\x8d{\xbf\xd8Oe\xeb\xa7@\xd3FekF\xbd\xe05{\xf2\xa8Q\x08!\xcc\x1dhrk\xc3\xbc\x87\xbaV\xeb\x84\xe7\xe7\xe7;\x9dNe\x19\x16#\xa8\x00\x10}d\x95\xac\xb0\xb0p\xf3\xe6\xcd\x9a\xa61\xce\xf5\x9aV\x90\x93\xc39\x8f\xdbw\xbf\x12\xe9\x19\xd9 %\xe5\xb9\xde\xbd\x85\xf4\x8c$d\xf3\xba\x8fwm\xdf]\xd3*\xa1\x84\x10\xaf\xc7\xdf\xaa\xed\xcd]\xfbt\x02\x0e\x84\x12!\x04\x0b\xb3q\x8f\xbf\xbc\xfe\xadM6\x87\xd5f\xb7\x18MIIF\xbd\xc9lLN\xb1\x99\xac\xc6\xa5\xb3\xdf\x9e9\xeau\x8c1\x08A\x08\x11 \xee\xe8\xdd\xb1iF\xa3\x80?Xs\x8709\xb3Vz\xaal\xd9\xec\x95\x18cL0\xe7\x90}W\x9b\xce\xddZ\xb2ro$\'\x90k\x02\xaa\x11\xee\xf4\xe4=\x9e\xd5\xb4Q=i\x15\xe0t:e\x95K\x1d\x02b\x01\x95\x8c\x8b2B\x08\x00\xe0\x9c\xdf|\xf3\xcd\xc5\xc5\xc5z\x9d.\x14\x0e\xff\xa5]\xbb%O&lt;q\xaa\xa2"\xae\xb7\xff\xd5`\x8c\t\xc6\xbf\x1b9\xf2\xd0\xa9S\x9a\xa61\xc6n\xb9\xed\xa6YoO\xaai\xcb-!\x84\xa6in\x97\xe7\xb1&gt;\xcf\x9d&gt;q\x86R\x02 \xe4\x03\xdf\xae\xebm\x7f\xb8\xbbC\x83&amp;\xd7\xea\xf5:\x9f\xc7\x7f\xf4\xe0\xf7\x1f\xac\xde\xfa\xf5\x8e}\xf2\x0f\xca\x1c\x85\xbdN\xf2kk\xa68\xea\xdaY\x88\xe1\x1a\xeb\x04eaV\'5\xe5\xd5q\xff^\xf2\xeaJ\xaaQ\x01\xa0it\xef\x07\xa3\xd33\x1a\xf0\x98T\xfd\xbc\\\x18\xe3\xbaz\xc9\x0b\xfe\xf5\xfe\x03y\xf34\x8d\x02\x08B\xc8\xde\xbd{\x9b7o\xaeTB\xa3\x8e\n\x00QFn\xff_|\xf1\xc5\x11#F\xe8t:\xc6\x98\xddd\xfax\xdc\xb8\xb4\xe4\xe4\xf8\xcd\xfe\x9f\x07\x07\xb0\x9bL\xef\xee\xda\xf5\x97W^\xa1\x84 \x8c9\xe7\xc3\xa7\xe7\xdd\xf9\x97n5\xed\x19\t\x1cLV\xe3\xb7_\x1fz\xee\xbe\xb1\x9e\n\x0f\xd5\xa8L=U?\xf6\x9aN\xab.\t`\x82\x91@R}A\xd3\xe8\x847F\xfc\xaeK\x1bOMjY\x03\x80\xc1d8~\xe4\xe4\xe3}\x9f\xf3{\x03\x84`\xc6\xf8\x0b\x83\xff8a\xe2@V\xea\x8a5\xd1\xff_\r\x07\x81\x8d\xfa;\xeezi\xcb\xa7\xc5z\xbd.\x14\n\xf7\xe8\xd1c\xc3\x86\r\xf2\xe1\x8f\xf6\xd5%4*\xfcF\x13Y\xf1;|\xf8\xf0\xa4I\x93\x08!R\x80\xec\xd1n\xdd\xd2\xd3\xd2\xfc1/\xfbs\xe9PB*\xfc\xfe\xbb33\xbbddp\x00\x8c1\xc6\xf8\xcdiK\xce\x9evj?\xdf\x93sU \x94x\xdd\xbe\x9bZ5\x7fy\xe1\xe8\xeb\x1a]\xc3\x19\x97\xbbNM\xa7i\x1aE\x18\xb10\xc3\x18k\x1a\xd5t\x1a\xc1D\x08!\x85\xf8\xc7\xbd&gt;\xbc\xed\x1d\xbfu\xd7\xb4\x93\x81@\x94\xd2\xb9\x93\x17z\xdd&gt;B1\xe7\x90Z\xdf6\xe4\xf1,\xf0\x04\xe2A\xf6\xe7\x92\x11\x82\xea\xe8\xb8g\xfb\x10\x82\xe5t[QQQ\xb5\xcdQ\xb4/.\xa1\xa9E\x0fY\x1c"k\xbf\xe3\xc6\x8ds\xb9\\\x1a\xa5a\xc6\x9a\xa5\xa6\x0e\xe9\xd5\xab,\xae\xe6~/\t!8\xc0K\xb9\xb9zM\x03\xce)%%\xc7N/\x7f\xfd\x9dd\xbbU\xaa\xf6\xd7\x1c\x94R\x8f\xcb\xdb\xa2e\xb3Y+\'\xf6{\xe0N\xa3\xd9\xc09ga\xc6\x18\x97\xe3\x08B\x08\xc68\x0b3\xce9\xd5\xe8\x1d\xbd;\xfe\xe3\xed\x89\xbf\xefv\x9b\xab\xdcS\xa3\xea\x0bRwh\xc7\x87;\xb7m\xd8A(\x11 \x84\x10\x13\x87\xf7\xafs}\x9d8m\xfd\xfc9*[B\xb3Z\xdd\xfb\xa7\xb6\xd2h\x01c,\x8dNUKhtQw?j\xc8\xf3\xef\x96-[\xee\xb8\xe3\x0e)`\xc9\x01\xdez\xea\xa9\xdem\xda\x94\xd7\xbe\x00\x80\x10\xe3\xbc\x9e\xcd\xf6\xec\xe2\xc53\xd6\xaf\xd7(\x05!\x8cf\xc3\xacU\x93\xaeorm\xc8\x1f\xaa\xb9$\xbb\x048\xe8\xf4\x9a\xc1d\xf8\xee\xe0\x0f\xdb6\xec\xf8\xf2\xe3=\xc7\x8e\x9ctW\xb89\xe3T\xa3\xd6d\xcb57\xa4\xb5\xbc=\xe3\xf7\xddo\xbb\xf1\xd6\xf4p(\x1c\xf0\x87"\xa0\xbd\x83\t\x19\xdc\xff\xf9\xc3\xdf|\xa7i4\x1cf\x9d\xda\xa6\x7f\xb8\xf6\x05\xf0\x05i\xa4\xc4\'"\x06\x08\x81\xf5\xda\xe9\x92\x8a\xdft\x1eU^\xee\xa3\x9a\x16\x0e\x87\'L\x98\xf0\xc2\x0b/\xa8DP\x14Q\x01 j\xc8\xc3\xef\x1dw\xdc\xb1e\xcb\x16Y\xfb\xed\x92\x91\xb1\xee\xb9\xe7\\q8\xf7{)\x08!t\x9a\xe6\xf4z\xdb\xe5\xe7\x97\xba\xdd\x84R\xc6\xd8\x1d\xbd;\x8e\x9d3\xac\xbc\xb4&lt;\x02\xf9n!\x04\x800\x18\x93\x92\x8cz\x16b\xee\n\x8f\xd7\xe3g\xa1\xb0N\xaf3\x9a\x8d\xd6d\xb3&gt;I\x1f\n\x86\xfc\xbe\x00F\xb8\xa6\x03\x12g\xdc^7\xf9\xed7\xd7L\x7f\xe15J\xa9\xd4\x9d\xd8\xb4|H\xe7n\xb7\xb0\xf8\xd1}\xbb,8\xe3Z\xbd\xe4\tc\x96\x8f\x9c\xbcZ\xa7\xd38\xe7v\xbbc\xdf\xbe}\xf5\xeb\xd7G\x08\xa9jpTP7=:H\xa9\xe7%K\x96l\xd9\xb2E\xce\xfdj\x94\xbe\x94\x9b\xcb\xc5%\x89V\xc6#\xb2%\xf4\x86:uF\xf4\xab\xd4\x08#\x94|\xb4f\xfb\xc7\x1b?\xb3\xda-\x11P\x8a\xc6\x18SJB\xc1PE\x99\xcb\xe7\r$\x19\xf4uSS\xae\xb9!\xb5N}\x87\xc1\xa8\x0f\xf8\x82\xe5e\x15~_\x90\x10R\xd3\xab\xbft|&lt;u\xfc\xcc\xbci\xcb\xa4\xe3#\xe70\xa0\xdf\xed\x9d\xb3Z\xb1\xf2KR\xac\x8bG\x08%\xdc\xe9y6\xafW\xb3\xc6\xf5\xc3a\xa6iZYY\xd9\xf0\xe1\xc3\xd5L@\x14\xa9\x9d\x8fZ\x8c#\xeb\x90.\x97k\xec\xd8\xb1r\xb3\x0fB\xdc\xdf\xb1c\x9b\xc6\x8d\xdd\x81\xda\xd0\xf9\xf7sh\x94:\xbd\xde\x81\xed\xdb\xdf\xda\xb0!p \x98\x00\xc0\xc2W\x963\x169\xa5{\x8c1\xa5\x94\x10\xcc9\x84C\xe1P0\x1c\x0e3\xce\x01\x93\xca\xefG\xe0\x1a\x80\x83\xc9b,\x9c\xbb\xdaYZ.\xdd\xe7\x93m\xc6QC{\x83?\x84k\xef\xa7\x8f1\x16\x8c\xeb\xad\xc6\x17\x9f\xef\x8b\x10\x02\x00\xb9\x07\xda\xb5k\x97\x9c~\x8f\xf6\x05&amp;"\xb5\xf6i\x8bed\xf3\xcf\xa4I\x93\x0e\x1f&gt;,-_\xec&amp;\xd3\xc8~\xfd&lt;\xc1 \xad\x8d\xc9\x9fs\xe1\x00\x16\x83aLv\xb6@H\x00PJ\xf7~\xb1\x7f\xed\xd2\xf7m\x8e\x1a\xaf\x06\x9f\x07\xfeo"\xf6\xef\x02\x80\xc9b\xfc\xf6\xab\xe2\xb7\xdfX#\x83=\x80\xc8{\xa8k\xb3\xd6\x8d\xb8\'\x101\xe9\xe9\xa8 UBs\x06t\xe8\xd4\xae9c\x9cR\x12\n\x85\xf2\xf2\xf28\xe7\xea\x10\x10\x15T\x00\x884r\xe3S\\\\&lt;e\xca\x94j\xc7\xc7\xe7z\xf7n\x90\x92\x12\xfb\x8e\x8fW\x8e\xf4\x8c\xec\xd9\xb2\xe5\xdd\x99\x99\xd5\xf2\x00\xf3\xa6-=u\xe2L\xc4&lt;#\xa3\x0e\xa1d\xf6\xf87\xc3aF(\xe1\x9c7nX7\xef\xf1,\xee\xf4H\x0f\xcb\xda\x8e\x10\x8cO\x1b\x9d\xa3iT\xce\x06o\xdd\xbau\xc9\x92%\xaa%4*$\xc2\x03\x17[\xc85N\xf6\xc0I\xcf\xaf[\x1b6|\xb4[\xb7r\x9f\xafv\xcc\xfd\xfe"\x18!\xc6\xf9\xd8\x9c\x1c\x9b\xd1\x08 (%\xce\xd2\xf2\xc2\xb9\xabMfc\x84&lt;#\xa3\x07p\xb0\xd8\xcc\xdb\x8av\xec\xda\xbe[\xaa~\n\x81&amp;\xbd\xd0\xdf\x9ej\x17\xa1Z2\xf7wq\x08!\xdc\x1dh\xd3\xe9\xa6A\xf7v\xac\xf2\x8c\xc4c\xc7\x8e\xad\xa8\xa8P-\xa1\x91G\x05\x80\x88";\xde6o\xde\\=\x05#\x84\x18\x93\x9dm\xd2\xeb\x13g\xfbC\x08q\x07\x02\xad\x1a6|\xa4kW\x00\x906,o\xbf\xb1\xe6\xc0\x9eC5-\x10\x14e\x04"\x1a\t\xf8\x82s&amp;\xccG\x95\x8eo\xd0\xa9]\xf3\x9c\xdc\x0e\xac\xcc]k\xe6~\x7f\x11B1\xb8\x03\x05\xc3\xfa9\xec&amp;\xc68\xa5\xda\xe1\xc3\x87g\xcc\x98A\x08I\x9c\xb7 FP\x01 r\xc8\xb1\xaf`08t\xe8P\x8c1!\x84\x03\xf4n\xd3\xa6g\xcb\x96No\xdc\xcb~]\x16\x1a!e\x1e\xcf\x93YY\x8d\xeb\xd5\xe3\x00\x84\x90p\x98\xcd\x9b\xbe\x8c\x90\x08x\xc5D\r\xce\xb9\xc5j~g\xe1\xba\xe3GORJ9\x07\xbd^\x9b6:\'\xae%?\x7f\x05\x18c\x08\x84\x1c\rR\xc6=S)\x11H)\x99&gt;}\xba,\x89\xd5\xe6\x1d@\xec\xa1\x02@\xe4\x90\xb5\xdfe\xcb\x96\xed\xdc\xb9Sn\xff\xf5\x9a6\xa2o_\x0e\x90H\xaf?B\x08a\x8cC\x8c]\xebp\x0c\xe9\xd5K\x08\x81\x04\x10B\xb6\xbd\xf7\xe9\x8e\x0fwZ\xed\x96Z\xb9\r\x94\xad\x9f\xa7O\x96.\x9aY([?\x01\xe0\x9e&gt;\xb7\xb5\xe9\x94\xc1\xdd\xfeZ\xdc\xfauA\x08\xa5\xbc\xc2\xff\</t>
        </is>
      </c>
    </row>
    <row r="417">
      <c r="A417" s="1" t="n">
        <v>415</v>
      </c>
      <c r="B417" t="inlineStr">
        <is>
          <t>color_hexagon</t>
        </is>
      </c>
      <c r="C417" t="inlineStr">
        <is>
          <t>What is the missing color of the part denoted with a question mark?</t>
        </is>
      </c>
      <c r="D417" t="inlineStr">
        <is>
          <t>['blue', 'red', 'green', 'orange']</t>
        </is>
      </c>
      <c r="E417" t="inlineStr">
        <is>
          <t>green</t>
        </is>
      </c>
      <c r="F417" t="inlineStr">
        <is>
          <t>There is a hexagon split into six parts with the colors ['blue', '?', 'orange', 'blue', 'green', 'orange'] in an anti-clockwise order.</t>
        </is>
      </c>
      <c r="G417" t="inlineStr">
        <is>
          <t>We observe that a blue part is opposite another blue part, and a orange part is opposite another orange part. Thus, the pattern is that the colors in opposite parts are the same.</t>
        </is>
      </c>
      <c r="H417" t="inlineStr">
        <is>
          <t>Based on the pattern that spatially opposite parts have the same color, the missing color of the part which is opposite a green part should be green.</t>
        </is>
      </c>
      <c r="I417" t="inlineStr">
        <is>
          <t>b'\x89PNG\r\n\x1a\n\x00\x00\x00\rIHDR\x00\x00\x02\x00\x00\x00\x02\x00\x08\x02\x00\x00\x00{\x1aC\xad\x00\x00}\x87IDATx\x9c\xed\xddy|U\xd5\xb97\xf05\xec3\x9f\xe4\x9c\xa0\x84(C\x05\x82T\xa1DAe\x08"\xa8\x05Z+x\x15Q\xa6"\xda\x16\x95\xd6\x1b\x19\xd4\xa0\x04!R@\x01\xa9\xd5{\xc5W\x0b\x8a\x0c\x9ak\x0bb\x15\x032\x04b\x18d\x10A\x84\x10P\x10L\x80\xe4\xe4d8\xe3^\xcfz\xffX\xe1HQ\x14\xc8p\x86\xfd|\xffx?\x9f\xdb\xdb\xf7\xba\xcd9g?{\xad\xf5\xec\xe7G\xa5\x94\x04!\x84\x90\xf1\xb0h_\x00B\x08\xa1\xe8\xc0\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4h_\x00\x8a&amp;)\xa5\x942\xdaW\x81\xa2\x86RJ)\x8d\xf6U\xa0\xa8\xa1\xf8\xfb7,]\xd75\r\x9f\x00\x8cN\xd7u\xce9\x96\x01c\xc2\x02`P\x00\xc0\x18\xfb\xea\xab\xaf\x1e}\xf4Q\xc6\x18\x00D\xfb\x8aP\x93\xd24M\xd7\xf5?\xfc\xe1\x0f\xc3\x87\x0f\x8f\xf6\xb5\xa0\xa8\xc1\x07@\xc3Q%\xdf\xef\xf7\xcf\x9d;\xd7\xedv\xaf_\xbf&gt;\xdaW\x84\xa2\xe6\xdak\xaf=~\xfc\xf8\xc0\x81\x03;w\xee,\xa5d\x0c\x0f\x05\x8d\x05W\x00\x86#\x84\xe0\x9c\xbf\xf9\xe6\x9b\x0f&lt;\xf0\x00\xa5\x94s\x1e\xf9\x0eP\xfc\xfd\x1b\x80\x04IH\xdd\'\xce9\x0f\x85B\xa3F\x8dz\xeb\xad\xb7pK\xd0\x80\xb0\x00\x18\x8b:\xf5\xf5z\xbd\xd7^{\xed\xe9\xd3\xa7\x01\x007\x7f\x0c\xcel6\x0b!\xd6\xaf_\x7f\xf3\xcd7\xab\x87\x83h_\x11j:X\xf0\x8d\x05\x008\xe7S\xa6L)--U?uJ)\xa1T\x02\\\xdbwH\x97\xfe#\x82\xb5U\x8c\xe1- 1I\x10&amp;\xab\xe3\xbb\xe2]\x9b\x97\xcc\x92 \xa5\x04\xc6\xa8\xae\xeb\x00\x90\x95\x95\xf5\xe9\xa7\x9f\x9aL&amp;)%\x1e\x08\x1b\x07\xae\x00\x0c\x04\x00(\xa5\x07\x0f\x1e\xec\xdc\xb93\x00|\xdf\x03J\x19\x91\xe0l\x96\xf6\x87\xff-\xb48\\\xa0\x87\t\xde\x02\x12\x91\x04aq\xba\x97&gt;\xf9\xbb#;\xd7S\xc6%\x08B\x08%\x84q.\x84X\xb4h\xd1\xe8\xd1\xa3q\x11`(X\x00\x0cD\xfd\xb6\x07\x0c\x18\x90\x9f\x9fo2\x99\xc2\xe1p\xd7\xae]O\x9e&lt;y\xfc\xf8q\xc6\xb9\xd0\xf5_\xdd&gt;l\xe0_^\xf4WU0\xaeE\xb6\x89Qb\x00!\xac\xc9)\xfb\xd6.\xff\xe8\xef\x8f\xab\xbb\xbfY\xe3}:_\xb9v\xf71u\xf6\x9b\x9a\x9a\xbao\xdf&gt;\xb7\xdb\x8d/\x07\x18\x07\x16\x00\xa3Pw\xff\xfc\xfc\xfc\x01\x03\x06\xa8G&lt;)eAA\xc1\xa6M\x9b\xb2\xb3\xb35M\x13\x02(\xa3\xa3\xe6\xac\xbe\xfc\x17\xd7\x84\x03&gt;&lt;\x10N,R\xbd\xf5\xb5\xe8\xbfo\xab,\xfdZ\xd3\xb8\xae\x8b\x817\xfc\xe2\xad\xc9\xbf\xed4f\xd1\xe9\xaa\x80\xa6\xf1pX\x7f\xfa\xe9\xa7\x9f{\xee9\\\x04\x18\x07\xfe\xc8\rAm\xec\xea\xba\xfe\xd8c\x8f\xa9\xce\x1f!\xc4\x90!C233\xff\xf0\x87?\xb4k\xd7N\xd7u\xc69\x08\xb1~\xe14\x8ag\x00\t\x07\x84\xb0&amp;\xa5l}\xef\xe5\xca\xd2\xaf\x19\xe7\x00\xa0q6\xe3\x81^\xcd\xd3\x92\xa7\xff\xbe\x87\x94R\x02p\xc6^x\xe1\x85\xe2\xe2b|/\xc48\xb0\x00\x18\x82z\xedk\xc1\x82\x05\x07\x0e\x1c\xe0\x9c\xeb\xba\xeer\xb9&amp;O\x9e\\]]\xedv\xbb\x9fy\xe6\x19B\x08\x91@\x19?\xbags\xc9\xd6\xd5\x16\xa7Km\x10\xa3D \xa5f\xb6yN\x1c\xde\xf5\xe1BJ)#\x04@&gt;4\xb0S\xd7k\xae\xa8)\xab\xfa}\xffN\xd7\xa77\x17\x00\x9c\xb3P(\xf4\xf4\xd3OS\x8a\x1b\x03F\x81\x05 \xf1\xa9\xb3\xdf\xd2\xd2\xd2)S\xa6\xa8\xed]\x00\x18;vlFF\x86\xdf\xef\xf7z\xbd\xa3F\x8d\xea\xd5\xab\x97\x10\x82sF\x08\xd9\xf0\xe6\xf4\xb0\xbf\x862\x8e\xc7\x00\x89\x01@\x98m\x8eM\x8b\xff\x1a\xa8\xa9T\x8f\xffn\xa7e\xda\xa8\x1e\xa1@\x18$\xb1\xdb\xcd\xb3\xc6dJI\x04\x00\xe7&lt;///??_\xad\x11\xa3}\xe1\xa8\xd1a\x01H|\xea\r\xcf\xec\xecl\x8f\xc7c2\x99t]\xff\xc5/~\x91\x95\x95\xe5\xf5z5M\x93R\xea\xba&gt;c\xc6\x0cM\xd3@\x08\xc65\xcf\x89#[\xdf{\xd9\x9a\x94\x02x\x0b\x88\x7f\x12\x84\xd5\xe9.\xd9\xbe\xe6\xab\xcd+)\xe3D\x02H\x993\xbc{\x8b\xd4\xa4`H7i\xac\xb6:p\xfbMW\xfdW\xaf\xf6B\x00c\x94R\xfa\xd8c\x8f\xe9\xba\x8e\xeb\x00#\xc0\x02\x90\xe0\xd4\xe6\xcf\x8e\x1d;\x96-[\xc69W\xdd\x9f\xcf&gt;\xfblZZZ(\x14R\xe7\x01\xd5\xd5\xd5}\xfb\xf6\x1d=z4\x000J(\xa5\xbb&gt;\\\xe89^\xa2\x99\xad\x04o\x01q\x8f\x82\xd0\x8b\xde\x9d\'\x018\xa3\x00p}z\xf3G\x06g\xf8k\x82j\xc1G\x08\x01!g&gt;\x98\xe9r\x98\xd5*\xf0\xc0\x81\x03\x0b\x16,\xc0\x93\x00#\xc0\x02\x90\xe0\xd4\xf1\xef\x84\t\x13\x82\xc1\xa0\xda\xfd\xef\xd5\xab\xd7\xc8\x91#\xcb\xcb\xcb#\xef\xfd\xab\x1a\x90\x93\x93\xe3v\xbb\x85\x10\x8ck\x81\x9a\xcaMo\xcf2\xdb\x93\x00O\x02\xe2\x19\x08\xdd\xe6\xba\xec\x8b\xb5\xcb\x8e\xef\xdf\xce8\x97 \xa4$\xb3\xc6dZ-\x9a\x10Ruz2F\xfd\xbeP\xc7\x0e\xa9\xe3\xee\xcc\x00\x90\x94\x10J\xe9\x94)S&lt;\x1e\x0fc\x0c\x17\x01\x89\r\x0b@"S\xfd|yyy\x1b7nT\xd3\x1f\xcdf\xf3\x8c\x193\xd4\x02?\xf2_\xa3\x94\x06\x02\x81V\xadZeggK)\x89\x04\xca\xd8\xc1OW\x1d\xdd\xb3\xd9lO\x92\xf8\x18\x18\xa7\xa4\xe4\x9a\xb9\xa6\xa2t\xeb{\x7f\xa7\x942J\x04\xc8\xbb3\xd3o\xbf\xe9\xaa\xda\x9a \xe7\xdf\x7f\x018g\x81\xaa\xc0\xf8!\xdd\xda]\xe1\xd2\x85\xd04\xee\xf1x\xd4\x89\x11.\x02\x12\x1b\x16\x80\x84\xa5\x9e\xddT_\x07!D\xad\xe8\xef\xbe\xfb\xee\xbe}\xfbVWW\x9f3\xf7Q\xd3\xb4\xaa\xaa\xaa\x87\x1f~8==\x1d\x84`\x8c\x0b=\\\xf0\xd6\x0c|#,~\x81\xd0\xadI)\x9f\xadx\xd5[v\x942\x0e\x00f\x13\x9f6\xaa\x87\x84s?PJIX\x17\x97]\xe6\xc8\xbe\xefF)\x89&lt;\xabg\x0c7\x82\x12\x1b\x16\x80\x84\xa5\xc6\xfe\xcc\x993\xa7\xb8\xb8X\xbd\xf7\x9b\x92\x92\x92\x9b\x9b[]]\xfd\xa3\xaf\xf9\xe8\xban\xb7\xdbg\xcd\x9a%\t!\x12\x18\xe3\xc7\xf7o\xdb\xb7\xee]kr3\x10z\x93_&gt;\xaa\x17\t`\xb6\'\x9d&lt;\xfc\xc5\xee\x8f\x16Q\xc6\x18\x91\x002\xeb\xae\xeb:_\xdd\xc2\xe7\x0b1v\xee\x8b\xbe\x1ag\xb5^\xff\xe8\x81\x9dzw\xbeR\x17\xa0q\x16yk\x04w\x81\x12\x18\x16\x80\xc4\xa4\xce~KJJf\xcf\x9e\xad\x1e\xf6\xa5\x94\x8f&gt;\xfahzzz \x10\xf8\xd1\x17\xfd9\xe7^\xafw\xd0\xa0A\xfd\xfa\xf5\x13B0\xc6\x08\xa5\x85K\x9f\xf7yNr\xcd\x8c\xa7\xc1\xf1F2\xce\x0b\x16\xff5\xe8\xabf\x8c\n\x10-R\xec\x8f\xdf\xd35\xe4\x0f\xf1\xf3\xbc\xe3-\t\xd146uDw\xf5\xdf\xd78\xcf\xcf\xcf\xcf\xcb\xcb\xc3\x96\xd0\x04\x86\x05 1\xa9\xb3\xdf\xe9\xd3\xa7WUUi\x9a\x16\x0e\x87\xd3\xd3\xd3\'N\x9c\xe8\xf1x~\xfa-\x7f!\xc4\xf3\xcf?o6\x9b\x01\x04\xe3\xdc{\xf2\xd8\xf6\x15\xafZ\x93Rp\x11\x10G\xa4\x10\x16\xa7\xfb\xc8\x8eu\x87\xb6\xae\xa6\x8c\x13)\xa5$\xb9\xbf\xef\x99\xd6"9\x18\xd2\xcf7\xe6\x873Z[\x1d\xb8\xbdG\xbba};\n!UK\xe8\xd3O?\xad\xba\xc5p\x1d\x90\x90\xb0\x00$ u\xf6[PP\xb0d\xc9\x12M\xd3\xd4\xe3\xdb\xacY\xb3\x9cN\xa7\x10\xe2\'\xe6|1\xc6\xaa\xab\xabo\xb8\xe1\x86q\xe3\xc6\x01\x00#\x842\xb6\xfb\xa3Ee%\x9f\x9blN)q/8&gt;P\xce\xc3\x81\xda\x82\xc53\t\xa5\x9c\x11!\xa0w\xe7+\xc7\xfc\xa6sm\x95_\xe3?\xf5\x93\xa7\x8c\x85\xfc\xa1\x99c2\x9b%Y\xc3\xba\xd04^\\\\&lt;g\xce\x1c&lt;\tHTX\x00\x12\x93\x10b\xca\x94)j\'G\x08\xd1\xaf_\xbfA\x83\x06y\xbd\xde\x9f\x1d\xf2\xa5ZB\xb3\xb2\xb2RSS\x01\x801\x1e\xf4U\x17\xbd;\xdfd\xb5a;P\\\x00\xa1[\x9d\xee}\xeb\xf2N\x1e\xd9\xcb\x18S\xed\xffS\x87w\xe7\x1a\xfb\xd9\x87xFI0\xa8\xb7n\xe5\xfe\xcb\xe0\x0c)%\x91\x92Q6w\xee\xdc\xd2\xd2R\xec\x08JHX\x00\x12\x8d\xae\xeb\x9c\xf3\xa5K\x97\x16\x14\x14\xa8\xf7~5M\x9b={\xf6\x05n\xe3\xaa\x96\xd06m\xda\xe4\xe4\xe4\x00\x80\x1a\x10t\xa0\xf0\xfd\x92mk\xacN7\x0e\x08\x8auRjfk\xd5\xa9o\x0b\x97\xbf@)S\xad\x9f\xf7\xddr\xf5\xed=\xdb\xd5V\x07\xf8\x0f\xce~\x7f\x88s\xe6\xaf\x0e&lt;1\xf4\xc6\xf4+]j\x11PQQ\x91\x9d\x9d\x8d\xef\x04$$,\x00\tEM}\xa8\xaa\xaa\x9a6m\x9a:\xfb\x05\x80\xd1\xa3Gw\xeb\xd6\xed\x87\xad\x9f\xe7\xa3i\x9a\xc7\xe3\x199rdFF\x06\x00p\xc6$@\xd1\xbb\xf3@\xe8\x18\x14\x13\xe3\x00\x84\xd9\xe6\xfcl\xe5\x02_\xe5i\xb5o\xe3r\x98\x9f\x19\xde=\x1c\x08\xd3\x0b\xb8\xfb\x13B(!BH\xbb\xc3\xfc\xec\xc8\x1e\xea\xff\xa0z\x9e\xd8\xb9s\xa7z\x93\xbc\x91\xff\rP\x93\xc2\x02\x90PT\xf3\xcf\xec\xd9\xb3KJJT\xf3\x86\xdb\xed\xce\xc9\xc9\xa9\xad\xad\xbd\xa8\t\xefB\x08\xa7\xd3\x99\x9b\x9b+\xa5\x94\x12\x18\xe7\xc7\xf7o\xffb\xcd\x12[\x12\xb6\x84\xc6.\t`\xb69K\x8bw\xed\xfc\xe0u\xca\x18%\x00 \xc7\xdd\x99q\xcd\xd5\xa9\x01\x7f\x98]p\xf1\xe6\x9c\xd6V\x07F\xf4\xbfV\xb5\x84rFC\xa1PVV\x96\x10\x02\x17\x01\t\x06\x0b@\xe2P\x8d\xff\xea\xd4\x8es.\xa5\x04\x80\xec\xec\xecV\xadZ\x9d\xaf\xf5\xf3|8\xe7\x1e\x8fg\xe0\xc0\x81\x83\x06\r\x12B0\xca(\xa5\x9b\x97\xbdPu\xea[\x1c\x10\x14\xcb(\xe3\xeb\x17N\x13z\x981&amp;\x00\xda\xa6%\x8f\x1f\xd2-P\x15\xe0?y\xf6\xfbC\x92\x10!\xe0\xf9\x87zk\x9c\xe9Bh\x9a\xb6i\xd3\xa6\xa5K\x97bKh\x82\xc1\x02\x908\xd4\xd3\x99\xea\xdbS?\xd4\x8c\x8c\x8cG\x1eyDM\xfd\xbc\xd8\xffk*@&amp;77\xd7\xe5r\xa9\x96P_\xe5\xe9\xcfV.0\xdb\x9c8 (\x06I\x10\x16Gr\xc9\xd6\xd5G\xf7l\xa6\x8c\x11\t\xaa\xf5\xf3\xb2f\xf6\xb0..v\xeb\x8e3\xea\xf7\x85z^\xd7\xfa\xa1\x81\x9d\x00$%\x92Q:m\xda4\xaf\xd7\x8b-\xa1\x89\x04\x0b@\x82P\xad\x9f\x1b7n\x8c\xbc\xb9#\xa5|\xee\xb9\xe7l6\xdb\xa5=\xb2\xa9\x96\xd0.]\xba\x8c\x1d;\x16\x00(!\x94\xb1\x9d\x1f\xbc^v\xe8s\x1c\x10\x14{$e&lt;\x1c\xf4oxs:!\x943\xaaZ?G\xf4\xbf\xb6\xb6*\xf0\xd3\xad\x9f\xe7\xc3\x18\x0b\xf9B\xd3F\xf5p;-\xba\x10\\\xe3%%%\xf3\xe7\xcfW}e\r\xfe/\x80\xa2\x02\x0b@"P\xaf}\x05\x83\xc1\t\x13&amp;PJ\xd5Ot\xf0\xe0\xc1\x03\x06\x0c\xa8\xac\xac\xbc\xe4|WM\xd3\xbc^oVVV\xdb\xb6m\xc5\x99\x01A\x85\xcb\xe7P\xc6p@PL\x01!,\x8e\xe4\xdd\x1f.\xf4\x9c8\xc28Sc\x7f\x9e\x7f\xb0\xb7\x10?\x98\xfbs\xc1(%\xc1\x90\xde"5)gxw5 \x883\xfe\xe2\x8b/\xaa\xe3%&lt;\rN\x0cX\x00\x12\x81:\xfb]\xbe|\xf9\x8e\x1d;\xd4\xe3\xbf\xd9lV\xef\x01\\\xd4\xd6\xff9(\xa5\xa1P\xe8\x8a+\xae\x984i\x92\x94\x92\x10\xa0\x8c\x17o\xf9\xe8\xeb\x1d\xeb,N\xb7\xc4\xc7\xc0\x18!\xa5f\xb6V\x9f&gt;Q\x947\x9fP\xca(\x01\x90Co\xee\xd0\xb3kk\xbf/t!\xad\x9f\xe7\xc39\xf3\xd7\x04\x1f\x19\xd4\xa5CK\xb7.\x80s\xe6\xf5z\xa7O\x9f\x8e\xef\x04$\x0c,\x00qO=\xfe{&lt;\x9e\xa7\x9ez\x8a1\xa6~\x9c\xe3\xc6\x8d\xeb\xda\xb5\xeb\x85\xb7~\x9e\x8f\xa6i\xe5\xe5\xe5\x0f&lt;\xf0@\xaf^\xbd\x84.8g\x84\xd2\x82\xc53\xf5\xa0\x9fr\xcc\x8c\x8c\t\x00\xc2lw\x16.\x9b\x13\xac\xad\xe2\x8c\x81\x80fI\xd6\x19c2C\xb5\xa1z~\xfa\x94\x10\x01\xd2j5\xcd\xfdc\x1fB\x88\x10\xba\xc6\xf9\x92%K6m\xda\x14y\xc3\x1c\xc55,\x00qO=\xfeO\x992\xa5\xb4\xb4TE\xbe\xa4\xa6\xa6fee\xd5\xd4\xd4\\\xf2\xe6\xcf\xd9\xa4\x94&amp;\x93i\xf2\xe4\xc9\xea\xb5R\xc6\xd8\xc9#{w\xfd\xfb\x1f\x16\x87\x0b3#\xa3NM\xfd&lt;\xba\xa7p\xef\'\xcb(c\x94H\x90\xf2/\x833\xda\xb4r\xff\xc4\xd8\x9f\x0b\xc7\x19\xad\xad\t\xde\x99\xd9\xee\xb6\xeb[\x0b\x90\x94Q!DVVV0\x18\xc4\xd3\xe0\x04\x80\x05 \xbe\xa9\xbb\xbf\xca\xf0S\xad\x9fR\xca\x9c\x9c\x9c6m\xda\\l\xeb\xe7\xf9\xa8\x96\xd0;\xee\xb8c\xe8\xd0\xa1j\xb6\x04\xa5\xac(\xefo\xd5\xa7\x8fcKh,`\\+xk\x06\xd4\x8d\xfd\x80\x0e\xad\xdcO\x0c\xbd\xd1_}\xd1\xad\x9f?A\x80\x9c\xf7\xa7&gt;f\x13\x17Bh\x9a\xb6s\xe7\xce\xe5\xcb\x97\xe3\x80\xa0\x04\x80\x05 \xbe\xa9\xfd\x1f\x95\xe2\x1dI||\xf0\xc1\x07\xcfN|\xac?\xceyMMMnnnJJ\x8a\xd0u\xc6Y\xb0\xd6[\xb8l\x8e\xc9j\xc7\x96\xd0(\x92B\xb7&amp;\xb9\xf7}\xf2\xce\xf1\xfd\xdb\x18\xe3\x04\x84$d\xee\x1f\xfa\xd8\xed\xa6H\xe2c\xfd1F}\xbeP\x97_\xa6e\xddu]]K(cO=\xf5TEE\x05.\x02\xe2\x1d\x16\x808\xa6Z?\xf3\xf3\xf3\xf3\xf3\xf3\xd5\xd9/\xe7|\xf2\xe4\xc9&amp;\x93\xa9a\x7f\x96\x94R\xbf\xdf\x9f\x9e\x9e\xfe\xe8\xa3\x8fJ\xa9bc\xd9\xdeO\x96\x95\x1d\xfa\xdclsbKh\x94H\xca\xb5\x90\xaf\xfa\xd3w\xe6\x11B\x18#\x02\xe4m\xd7\xb7\xbe3\xb3\xdd9\x89\x8f\xf5\xc7\x19\x0b\xf9B\x8f\xdf\xd3\xb5E\x8a]\x08\xe0\x9c\x95\x96\x96\xce\x9b7\x0f\x17\x01\xf1\x0e\x0b@\xbcR\xcf\xfe\x91\xd8&amp;U\x00\x86\x0c\x19r\xc7\x1dw\xfc\xec\xd0\xffK\xa06\x82&amp;N\x9c\xd8\xae];]\xd7\x19\xe7 \xc4\xfa\x85\xd3(k\xe0\x7f\x10\xba@ \x845)e\xeb{/W\x96~\xcd8\x07\x00\x8d\xb3y\x7f\xeaS\x8f\xce\xcf\xf3R-\xa1i-\x92\xa7\x8f\xea\tRJ\x00\xce\xd8\x0b/\xbcP\\\\\x8c5 \xaea\x01\x88WpVp\xab\xda\xfcq\xb9\\\xd9\xd9\xd9&gt;\x9f\xaf\x9e\xbd\x1f?J\x15\x9b\xa4\xa4\xa4g\x9ey\x86\x10\xa2\xa6\x84\x1e\xdd\xb3\xb9d\xebj\x8b\xd3\x85SB\x9b\x9a\x94\x9a\xd9\xe69qx\xd7\x87\x0b)\xa5\x8c\x10\x00\xf9\xd0\xc0N]:\xb6\xf0\xffX\xe2c\xfdi\x9c\xf9\xab\x03#\x7f}\xcd\xf5\xe9\xcd\x05\x00\xe7L\xc5M\xe3.P\\\xc3\x02\x10\x97\x00\x80RZZZ:e\xca\x14J\xa9j\xfd\x1c;vlFFFMMMc\x14\x00B\x88\xa6i\x95\x95\x95\xa3F\x8d\xea\xd5\xab\x97\x10B\x9d1nxsz\xd8_C\x19\xb6\x846)\x00a\xb696-\xfek\xa0\xa6R=\xfe\xbb\x9d\x96i\xa3z\x84\xfc\xe1F\xfa\xf4\x89\x9a\x12j7\xcf\x1a\x93)%\x11\x00\x9c\xf3\xbc\xbc\xbc\xc8\xf6c#\xfdCQ\xa3\xc2\x02\x10\x97\xd4\xd8\xe7\xec\xecl\x8f\xc7\xa3\x86\xfe\xff\xe2\x17\xbf\xc8\xca\xca\xba\xb4\xb1?\x17E\xd7\xf5\x193fh\x9a\x06B0\xaeyN\x1c\xd9\xfa\xde\xcb\xd6\xa4\x14l\tm2\x12\x84\xd5\xe9.\xd9\xbe\xe6\xab\xcd+)\xe3D\x02H\x993\xbc{\x8b\xd4\xa4\x06i\xfd&lt;\x1f5%\xf4\xf6\x9b\xae\xfa\xaf^\xed\x85\x00\x95\x19\xa9\x1a\x10p\x1d\x10\xa7\xb0\x00\xc4\x1f\xb5\xf9\xb3c\xc7\x8ee\xcb\x96\xa9\x97\xf2\xa5\x94\xcf&gt;\xfblZZ\x9a\x8aom\xbc\x7f\xb4\x1a\x10\xd4\xb7o\xdf\xd1\xa3G\x03\x00\xa3\x84R\xba\xeb\xc3\x85\x9e\xe3%\xd8\x12\xda\x84(\x08\xbd\xe8\xddy*\xed\x0b\x00\xaeOo\xfe\xc8\xe0\x0c\x7fM\xb0\x01[?\xcf\x07\x84\x9c\xf9`\xa6\xcbaV\xab@\xd5\x82\x8c\'\x01q\n\x0b@\xfcQ\xc7\xbf\x13&amp;L\x08\x06\x83\x91\xd6\xcf\x91#G6l\xeb\xe7\xf9\xa8\xcc\xc8\x9c\x9c\x1c\xb7\xdb-\x84`\\\x0b\xd4Tnz{\x96\xd9\x9e\x84-\xa1M\x00\x84ns]\xf6\xc5\xdae\xc7\xf7og\x9cK\x10R\x92Yc2\xad\x16\xad\x01[?\xcf\x871\xea\xf7\x85:vH\x1dwg\x06\x80\xea\x07\xa3S\xa6L\xf1x&lt;\x18\x19\x16\x8f\xb0\x00\xc4\x19\xd5\xeb\x99\x97\x97\xb7q\xe3FM\xd3t]7\x9b\xcd3f\xccP\xcb\xf0&amp;\xb8\x00\x95\x19\xd9\xaaU\xab\xec\xecl)%\x91@\x19;\xf8\xe9\xaa\xa3{6\xe3\x94\xd0F\'%\xd7\xcc5\x15\xa5[\xdf\xfb;\xa5T%&gt;\xde\x9d\x99~\xfbMW5x\xeb\xe7\xf9p\xce\x02U\x81\xf1C\xba\xb5\xbb\xc2\xa5\x0b\xa1i\xdc\xe3\xf1\xa8\xb3(\\\x04\xc4\x1d,\x00\xf1D=a\xa9\xee\x0bB\x88Zw\xdf}\xf7\xdd}\xfb\xf6\xad\xff\xd8\x9f\x0b\xa7iZUU\xd5\xc3\x0f?\x9c\x9e\x9e\x0eg\xa6\x84\x16\xbc5\x83q\r\x8f\x82\x1b\x15\x08\xdd\x9a\x94\xf2\xd9\x8aW\xbdeG)\xe3j\xea\xe7\xb4Q=d#\xb4~\x9e\x0f\xa5$\xac\x8b\xcb.sd\xdfw\xa3\x9a\x12\x1a\xe9F\xc3\x8d\xa0\xb8\x83\x05 \x9e\xa8\xcc\xaf9s\xe6\x14\x17\x17\x9bL\xa6p8\x9c\x92\x92\x92\x9b\x9b[]]\xdd\xe0\x8d\xff?M\xd7u\xbb\xdd&gt;k\xd6,I\x08\x91\xc0\x18?\xbe\x7f\xdb\xbeu\xefZ\x9313\xb2\xb1\xa8\xb1?\'\x0f\x7f\xb1\xfb\xa3E\x941F$\x80\xcc\xba\xeb\xba\xceW\xb7\xf05N\xeb\xe7\xf9h\x9c\xd5z\xfd\xa3\x07vR\x99\x91\x1ag\x91\xf7Qp\x17(\xbe`\x01\x88\x1b\xea\xec\xb7\xa4\xa4d\xf6\xec\xd9\xeaa_J\xf9\xe8\xa3\x8f\xa6\xa7\xa77\xd4\xd8\x9f\x0b\xc79\xf7z\xbd\x83\x06\r\xea\xd7\xaf\x9f\x1a\x10D(-\\\xfa\xbc\xcfs\x92kf&lt;\rn\x1c\x92q^\xb0\xf8\xafA_5cT\x80h\x91b\x7f\xfc\x9e\xae!\x7f\x887\xd5\xe2\xef\xfbK!D\xd3\xd8\xd4\x11\xdd\xd5\x95h\x9c\xe7\xe7\xe7G\xc2\x88\x9a\xf8b\xd0%\xc3\x02\x107\xd4\xd9\xef\xf4\xe9\xd3\xab\xaa\xaa4M\x0b\x87\xc3\xe9\xe9\xe9\x13\'Nl\x8c\xf7~/\x90\x10\xe2\xf9\xe7\x9f7\x9b\xcd*3\xd2{\xf2\xd8\xf6\x15\xafZ\x93Rp\x11\xd0\xe0\xa4\x10\x16\xa7\xfb\xc8\x8eu\x87\xb6\xae\xa6\x8c\x13)U\xe2cZ\x8b\xe4Fm\xfd&lt;\x1f\xcehmu\xe0\xf6\x1e\xed\x86\xf5\xed(\x84T-\xa1*\x8e\x14\xd7\x01q\x04\x0b@|Pg\xbf\x05\x05\x05K\x96,\x89\x8cb\x9f5k\x96\xd3\xe9\xacg\xea\xcb%S-\xa17\xdcp\xc3\xb8q\xe3\x00\x80\x11B\x19\xdb\xfd\xd1\xa2\xb2\x92\xcfM6\xa7\x94\xb8\x17\xdc\x90(\xe7\xe1@m\xc1\xe2\x99\x84R\xce\x88J|\x1c\xf3\x9b\xce\xb5U\xfeKK|l\x80Kb,\xe4\x0f\xcd\x1c\x93\xd9,\xc9\x1a\xd6\x85\xa6\xf1\xe2\xe2\xe29s\xe6\xe0I@\x1c\xc1\x02\x107\x84\x10*\xe4K%&gt;\xf6\xeb\xd7o\xd0\xa0A^\xaf7Z\x8f\xff\xe4LKhVVVjj*\x000\xc6\x83\xbe\xea\xa2w\xe7\x9b\xac6l\x07j@ t\xab\xd3\xbdo]\xde\xc9#{U*\x03gt\xea\xf0\xee\\cQ|\xd4f\x94\x04\x83z\xebV\xee\xbf\x0c\xce\x90R\x12)\x19es\xe7\xce---\xc5\x8e\xa0x\x81\x05 \x0e\xa8Q\xcfK\x97.-((P\xef\xfdj\x9a6{\xf6\xec\xa8o\xb6\xaa\x96\xd06m\xda\xe4\xe4\xe4\x00\x80\x1a\x10t\xa0\xf0\xfd\x92mk\xacN7\x0e\x08j\x18Rjfk\xd5\xa9o\x0b\x97\xbf@)S\xad\x9f\xf7\xddr\xf5\xed=\xdb\xd5V\x07\xea\x93\xf8X\x7f\x9c3\x7fu\xe0\x89\xa17\xa6_\xe9R\x8b\x80\x8a\x8a\x8a\xec\xecl|\' ^`\x01\x88uj\xeaCUU\xd5\xb4i\xd3\xd4\xd9/\x00\x8c\x1e=\xba[\xb7nM\xd9\xfay&gt;\x9a\xa6y&lt;\x9e\x91#Gfdd\x00\x00gL\x02\x14\xbd;\x0f\x84N\xa2\xb11\x95x\x00\x84\xd9\xe6\xfcl\xe5\x02_\xe5i\xb5\xbb\xe2r\x98\x9f\x19\xde=\x1c\x08\xd3\xa8\xde\xfd\x89\xca\x8c\x14\xd2\xee0?;\xb2\x87\xbaT\xf5\xa4\xb2s\xe7N\x0c\x8e\x8f\x0bX\x00b\x9dj\xfe\x99={vII\x89j\xb1p\xbb\xdd999\xb5\xb5\xb5Q\xdc\xfc9\x9b\x10\xc2\xe9t\xe6\xe6\xe6J)\xa5\x04\xc6\xf9\xf1\xfd\xdb\xbfX\xb3\xc4\x96\x84-\xa1\xf5%\x01\xcc6gi\xf1\xae\x9d\x1f\xbcN\x19\xa3\x04\x00\xe4\xb8;3\xae\xb9:5\xe0\x0f\xb3\x18(\xb1j@\xd0\x88\xfe\xd7\xaa\x96P\xceh(\x14\xca\xca\xca\x12B\xe0" \xf6a\x01\x88i\xaa\xf1_\x9d\xad\xa9\xc4G\x00\xc8\xce\xcen\xd5\xaaU\xd3\xb7~\x9e\x8f\x8a\n\x188p\xe0\xa0A\x83\x84\x10\x8c2J\xe9\xe6e/T\x9d\xfa\x16\x07\x04\xd5\x1fe|\xfd\xc2iB\x0f3\xc6\x04@\xdb\xb4\xe4\xf1C\xba\x05\xaa\x1a2\xf1\xb1\x9e$!B\xc0\xf3\x0f\xf5\xd68\xd3\x85\xd04m\xd3\xa6MK\x97.\xc5\x96\xd0\xd8\x17+\xdf!\xf4\xa3\xd43\x94\xea\xaeS?\xa7\x8c\x8c\x8cG\x1ey\xa4\t\xa6~^\x14\x95\x16\x90\x9b\x9b\xebr\xb9TK\xa8\xaf\xf2\xf4g+\x17\x98mN\x1c\x10t\xc9$\x08\x8b#\xb9d\xeb\xea\xa3{6S\xc6\x88\x04\xd5\xfayY3{X\x17\xb1Q\xfd\t!\x843\xea\xf7\x85z^\xd7\xfa\xa1\x81\x9d\xea2#)\x9d6m\x9a\xd7\xeb\xc5\x96\xd0\x18\x87\x05 v\xa9\xd6\xcf\x8d\x1b7F\xde\xaf\x91R&gt;\xf7\xdcs6\x9b-\xd6\x1e\xacTKh\x97.]\xc6\x8e\x1d\x0b\x00\x94\x10\xca\xd8\xce\x0f^/;\xf49\x0e\x08\xbaT\x922\x1e\x0e\xfa7\xbc9\x9d\x10\xca\x19U\xad\x9f#\xfa_[[\x15\x88V\xeb\xe7\xf90\xc6B\xbe\xd0\xb4Q=\xdcN\x8b.\x04\xd7xII\xc9\xfc\xf9\xf3U\xc7Z\xb4\xaf\x0e\x9dWl}\x8dP\x84z\xed+\x18\x0cN\x980\x81R\xaa~H\x83\x07\x0f\x1e0`@eee\x8c\xec\xfe\x9fM\xd34\xaf\xd7\x9b\x95\x95\xd5\xb6m[qf@P\xe1\xf29\x941\x1c\x10t\t@\x08\x8b#y\xf7\x87\x0b=\'\x8e0\xce\xd4\xd8\x9f\xe7\x1f\xec-\x1a#\xf2\xb1\xdeTfd\x8b\xd4\xa4\x9c\xe1\xdd\xd5\x80 \xce\xf8\x8b/\xbe\xa8\x0e\xae\xf048fa\x01\x88Q\xea\xecw\xf9\xf2\xe5;v\xecP\x8f\xfff\xb3Y\xbd\x07\x10#[\xff\xe7\xa0\x94\x86B\xa1+\xae\xb8b\xd2\xa4IRJB\x802^\xbc\xe5\xa3\xafw\xac\xb38\xdd\x12\x1f\x03/\x8a\x94\x9a\xd9Z}\xfaDQ\xde|B)\xa3\x04@\x0e\xbd\xb9C\xcf\xae\xad\xfd\xbePt[?\xcf\x87s\xe6\xaf\t&gt;2\xa8K\x87\x96n]\x00\xe7\xcc\xeb\xf5N\x9f&gt;\x1d\xdf\t\x88eX\x00b\x91z\xfc\xf7x&lt;O=\xf5\x14cL\xfd\x84\xc6\x8d\x1b\xd7\xb5k\xd7Xh\xfd&lt;\x1fM\xd3\xca\xcb\xcb\x1fx\xe0\x81^\xbdz\t]p\xce\x08\xa5\x05\x8bg\xeaA?\xe5\x98\x19y\x11\x00\x84\xd9\xee,\\6\'X[\xc5\x19\x03\x01\xcd\x92\xac3\xc6d\x86jC1\xfb\xe9SB\x04H\xab\xd54\xf7\x8f}\x08!B\xe8\x1a\xe7K\x96,\xd9\xb4iS\xe4\xddu\x14kb\xf4\xcbdp\xea\xf1\x7f\xca\x94)\xa5\xa5\xa5*\xf2%555++\xab\xa6\xa6&amp;\x067\x7f\xce&amp;\xa54\x99L\x93\'OV/\xac2\xc6N\x1e\xd9\xbb\xeb\xdf\xff\xb08\\\x98\x19y\x81\xd4\xd4\xcf\xa3{\n\xf7~\xb2\x8c2F\x89\x04)\xff28\xa3M+wT\xc6\xfe\\8\xcehmM\xf0\xce\xccv\xb7]\xdfZ\x80\xa4\x8c\n!\xb2\xb2\xb2\x82\xc1 \x9e\x06\xc7&amp;,\x001G\xdd\xfdU\xd2\x9ej\xfd\x94R\xe6\xe4\xe4\xb4i\xd3&amp;vZ?\xcfG\xb5\x84\xdeq\xc7\x1dC\x87\x0eUS+(eEy\x7f\xab&gt;}\x1c[B/\x1c\xe3Z\xc1[3\xa0n\xec\x07th\xe5~b\xe8\x8d\xfe\xea\x18j\xfd\xfc\t\x02\xe4\xbc?\xf51\x9b\xb8\x10B\xd3\xb4\x9d;w._\xbe\x1c\x07\x04\xc5\xa68\xf8&gt;\x19\x8d\xda\xffQY\xdb\x91\xc4\xc7\x07\x1f|\xb0i\x12\x1f\xeb\x8fs^SS\x93\x9b\x9b\x9b\x92\x92"t\x9dq\x16\xac\xf5\x16.\x9bc\xb2\xda\xb1%\xf4gI\xa1[\x93\xdc\xfb&gt;y\xe7\xf8\xfem\x8cq\x02B\x122\xf7\x0f}\xecvS\x13$&gt;\xd6\x1fc\xd4\xe7\x0bu\xf9eZ\xd6]\xd7\xd5\xb5\x842\xf6\xd4SOUTT\xe0" \x06a\x01\x88-\xaa\xf53?????_\x9d\xfdr\xce\'O\x9el2\x99\xe2\xe5\xc7C)\xf5\xfb\xfd\xe9\xe9\xe9\x8f&gt;\xfa\xa8\x94*6\x96\xed\xfddY\xd9\xa1\xcf\xcd6\'\xb6\x84\xfe$I\xb9\x16\xf2U\x7f\xfa\xce&lt;B\x08cD\x80\xbc\xed\xfa\xd6wf\xb6k\xb2\xc4\xc7\xfa\xe3\x8c\x85|\xa1\xc7\xef\xe9\xda"\xc5.\x04p\xceJKK\xe7\xcd\x9b\x87\x8b\x80\x18\x84\x05 \x86\xa8g\xffH\xb8\x92*\x00C\x86\x0c\xb9\xe3\x8e;\xa28\xf4\xff\x12\xa8\x8d\xa0\x89\x13\'\xb6k\xd7N\xd7u\xc69\x08\xb1~\xe14\xca\xe2\xe6_!*@\x08kR\xca\xd6\xf7^\xae,\xfd\x9aq\x0e\x00\x1ag\xf3\xfe\xd4\'&amp;;?\xcfK\xb5\x84\xa6\xb5H\x9e&gt;\xaa\'H)\x018c/\xbc\xf0Bqq1\xd6\x80X\x83\x05 \x86\xc0Y\xf1\xaaj\xf3\xc7\xe5regg\xfb|\xbe\x98\xed\xfd\xf8Q\xaa\x8c%%%=\xf3\xcc3\x84\x105%\xf4\xe8\x9e\xcd%[W[\x9c.\x9c\x12\xfa\xe3\xa4\xd4\xcc6\xcf\x89\xc3\xbb&gt;\\H)e\x84\x00\xc8\x87\x06v\xea\xd2\xb1\x85\xbfi\x13\x1f\xebO\xe3\xcc_\x1d\x18\xf9\xebk\xaeOo.\x008g*\xc8\x1aw\x81bM&lt;\xddV\x12\x1b\x00PJKKK\xa7L\x99B)U\xad\x9fc\xc7\x8e\xcd\xc8\xc8\xa8\xa9\xa9\x89\xaf\x02@\x08\xd14\xad\xb2\xb2r\xd4\xa8Q\xbdz\xf5\x12B\xa8\xd3\xcb\roN\x0f\xfbk(\xc3\x96\xd0\x1f\x01 \xcc6\xc7\xa6\xc5\x7f\r\xd4T\xaa\xc7\x7f\xb7\xd32mT\x8f\x90?\x1cw\x9f&gt;QSB\xed\xe6Yc2\xa5$\x02\x80s\x9e\x97\x97\x17\xd9\xd8\x8c\xf6\xd5\xa1:\xf1\xf7\xc5JTj\xecsvv\xb6\xc7\xe3QC\xff\x7f\xf1\x8b_dee\xc5\xda\xd8\x9f\x8b\xa2\xeb\xfa\x8c\x1934M\x03!\x18\xd7&lt;\'\x8el}\xefekR\n\xb6\x84\x9eC\x82\xb0:\xdd%\xdb\xd7|\xb5y%e\x9cH\x00)s\x86wo\x91\x9a\x14\xe3\xad\x9f\xe7\xa3\xa6\x84\xde~\xd3U\xff\xd5\xab\xbd\x10\xa02#Uk\x03\xae\x03b\x07\x16\x80\x98\xa06\x7fv\xec\xd8\xb1l\xd92\xf5\xea\xbc\x94\xf2\xd9g\x9fMKKS!\xab\xd1\xbe\xc0K\xa1\x06\x04\xf5\xed\xdbw\xf4\xe8\xd1\x00\xc0(\xa1\x94\xee\xfap\xa1\xe7x\t\xb6\x84\xfe\x00\x05\xa1\x17\xbd;O\xa5}\x01\xc0\xf5\xe9\xcd\x1f\x19\x9c\xe1\xaf\t\xc6E\xeb\xe7\xf9\x80\x903\x1f\xcct9\xccj\x15\xa8\x9a\x9b\xf1$ v\xc4\xf1w+\x91\xa8\xe3\xdf\t\x13&amp;\x04\x83\xc1H\xeb\xe7\xc8\x91#\xe3\xa5\xf5\xf3|TfdNN\x8e\xdb\xed\x16B0\xae\x05j*7\xbd=\xcblO\xc2\x96\xd0\x08\x10\xba\xcdu\xd9\x17k\x97\x1d\xdf\xbf\x9dq.AHIf\x8d\xc9\xb4Z\xb4\xb8h\xfd&lt;\x1f\xc6\xa8\xdf\x17\xea\xd8!u\xdc\x9d\x19\x00\xaa\x1f\x8cN\x992\xc5\xe3\xf1`dX\x8c\xc0\x02\x10}\xaa\xd73//o\xe3\xc6\x8d\x9a\xa6\xe9\xban6\x9bg\xcc\x98\xa1\x16\xcb\xd1\xbe\xbazQ\x99\x91\xadZ\xb5\xca\xce\xce\x96R\x12\t\x94\xb1\x83\x9f\xae:\xbag3N\t\xad#%\xd7\xcc5\x15\xa5[\xdf\xfb;\xa5T%&gt;\xde\x9d\x99~\xfbMW\xc5Q\xeb\xe7\xf9p\xce\x02U\x81\xf1C\xba\xb5\xbb\xc2\xa5\x0b\xa1i\xdc\xe3\xf1\xa8S.\\\x04\xc4\x02,\x00Q\xa6\x9e\x83T\x8f\x04!D\xad\x8e\xef\xbe\xfb\xee\xbe}\xfb\xc6\xf2\xd8\x9f\x0b\xa7iZUU\xd5\xc3\x0f?\x9c\x9e\x9e\x0eg\xa6\x84\x16\xbc5\x83q\r\x8f\x82\x89\n|OJ\xf9l\xc5\xab\xde\xb2\xa3\x94q5\xf5s\xda\xa8\x1e2\xaeZ?\xcf\x87R\x12\xd6\xc5e\x979\xb2\xef\xbbQM\t\x8d\xf4\xb9\xe1FP,\x88\xfb\xfbK\xbcS\x99_s\xe6\xcc)..6\x99L\xe1p8%%%77\xb7\xba\xba:\x8e\x1a\xff\x7f\x9a\xae\xebv\xbb}\xd6\xacY\x92\x10"\x811~|\xff\xb6}\xeb\xde\xb5&amp;\x1b=3R\x8d\xfd9y\xf8\x8b\xdd\x1f-\xa2\x8c1"\x01d\xd6]\xd7u\xbe\xba\x85/\xdeZ?\xcfG\xe3\xac\xd6\xeb\x1f=\xb0\x93\xca\x8c\xd48\x8b\xbc\xe9\x82\xbb@Q\x87\x05 \x9a\xd4\xd9oII\xc9\xec\xd9\xb3\xd5\xc3\xbe\x94\xf2\xd1G\x1fMOO\x8f\xfd\xb1?\x17\x8es\xee\xf5z\x07\r\x1a\xd4\xaf_?5 \x88PZ\xb8\xf4y\x9f\xe7$\xd7\xcc\xc6&gt;\r\x96\x8c\xf3\x82\xc5\x7f\r\xfa\xaa\x19\xa3\x02D\x8b\x14\xfb\xe3\xf7t\r\xf9C&lt;\xfe\x17\x7f\x11\x92\x10McSGtW\xff\x8e\x1a\xe7\xf9\xf9\xf9\x91\x98\xa3h_\x9d\xa1%\xce\x97,\x1e\xa9\xb3\xdf\xe9\xd3\xa7WUUi\x9a\x16\x0e\x87\xd3\xd3\xd3\'N\x9c\x18_\xef\xfd^ !\xc4\xf3\xcf?o6\x9bUf\xa4\xf7\xe4\xb1\xed+^\xb5&amp;\xa5\x18v\x11 \x85\xb08\xddGv\xac;\xb4u5e\x9cH\xa9\x12\x1f\xd3Z$\xc7i\xeb\xe7\xf9pFk\xab\x03\xb7\xf7h7\xacoG!\xa4j\tUA\xa7\xb8\x0e\x88.,\x00Q\xa3\xce~\x0b\n\n\x96,Y\x12\x19\x98&gt;k\xd6,\xa7\xd3\x19\xb3\xa9/\x97L\xb5\x84\xdep\xc3\r\xe3\xc6\x8d\x03\x00F\x08el\xf7G\x8b\xcaJ&gt;7\xd9\x9cR\x1aq/\x98r\x1e\x0e\xd4\x16,\x9eI(\xe5\x8c\xa8\xc4\xc71\xbf\xe9\\[\xe5\x8f\xb5\xc4\xc7\xfa\xa3\x8c\x85\xfc\xa1\x99c2\x9b%Y\xc3\xba\xd04^\\\\&lt;g\xce\x1c&lt;\t\x88\xaeD\xfb\x9e\xc5\x17!\x84\n\xf9R\x89\x8f\xfd\xfa\xf5\x1b4h\x90\xd7\xebM\xbc\xc7\x7fr\xa6%4+++55\x15\x00\x18\xe3A_u\xd1\xbb\xf3MV\x9b\x01\xdb\x81@\xe8V\xa7{\xdf\xba\xbc\x93G\xf6\xaa\xec\x04\xce\xe8\xd4\xe1\xdd\xb9\xc6\x12\xf2\x81\x98Q\x12\x0c\xea\xad[\xb9\xff28CJI\xa4d\x94\xcd\x9d;\xb7\xb4\xb4\x14;\x82\xa2\x08\x0b@t\xa8Q\xcfK\x97.-((P\xef\xfdj\x9a6{\xf6\xec\x04\xde\x12U-\xa1m\xda\xb4\xc9\xc9\xc9\x01\x005 \xe8@\xe1\xfb%\xdb\xd6X\x9dnc\r\x08\x92R3[\xabN}[\xb8\xfc\x05J\x99j\xfd\xbc\xef\x96\xabo\xef\xd9\xae\xb6:\x10\x9b\x89\x8f\xf5\xc79\xf3W\x07\x9e\x18zc\xfa\x95.\xb5\x08\xa8\xa8\xa8\xc8\xce\xce\xc6w\x02\xa2\x08\x0b@\x14\xa8\xa9\x0fUUU\xd3\xa6MSg\xbf\x000z\xf4\xe8n\xdd\xba%F\xeb\xe7\xf9h\x9a\xe6\xf1xF\x8e\x1c\x99\x91\x91\x01\x00\x9c1\tP\xf4\xee&lt;\x10:I\xac-\xaf\x9f\x06 \xcc6\xe7g+\x17\xf8*O\xab=\x10\x97\xc3\xfc\xcc\xf0\xee\xe1@\x98&amp;\xe8\xdd\x9f\xa8\xccH!\xed\x0e\xf3\xb3#{\x10B\x00\x84z\x06\xda\xb9s\'\x06\xc7GK\xc2\xdekb\x99j\xfe\x99={vII\x89j\x84p\xbb\xdd999\xb5\xb5\xb5\t\xb9\xf9s6!\x84\xd3\xe9\xcc\xcd\xcd\x95RJ\t\x8c\xf3\xe3\xfb\xb7\x7f\xb1f\x89-\xc9(-\xa1\x12\xc0ls\x96\x16\xef\xda\xf9\xc1\xeb\x941J\x00@\x8e\xbb3\xe3\x9a\xabS\x03\xfe0K\xe8B\xa8\x06\x04\x8d\xe8\x7f\xadj\t\xe5\x8c\x86B\xa1\xac\xac,!\x04.\x02\xa2\x02\x0b@SS\x8d\xff\xea\x04L%&gt;\x02@vvv\xabV\xad\x12\xa9\xf5\xf3|TT\xc0\xc0\x81\x03\x07\r\x1a$\x84`\x94QJ7/{\xa1\xea\xd4\xb7\xc6\x19\x10D\x19_\xbfp\x9a\xd0\xc3\x8c1\x01\xd06-y\xfc\x90n\x81\xaa\xf8H|\xac\'I\x88\x10\xf0\xfcC\xbd5\xcet!4M\xdb\xb4i\xd3\xd2\xa5K\xb1%4*\x12\xff\x0b\x17k\xd4\x93\x8e\xea\x81S_\xfa\x8c\x8c\x8cG\x1ey$\xae\xa7~^\x14\x95\x16\x90\x9b\x9b\xebr\xb9TK\xa8\xaf\xf2\xf4g+\x17\x98m\xce\x84\x1f\x10$AX\x1c\xc9%[W\x1f\xdd\xb3\x992F$\xa8\xd6\xcf\xcb\x9a\xd9\xc3\xbaH\xf4\xeaO\x08!\x9cQ\xbf/\xd4\xf3\xba\xd6\x0f\r\xecT\x97\x19I\xe9\xb4i\xd3\xbc^/\xb6\x846=,\x00MJ\xb5~n\xdc\xb81\xf2\x16\x8c\x94\xf2\xb9\xe7\x9e\xb3\xd9l\xc6y\xfcQ-\xa1]\xbat\x19;v,\x00PB(c;?x\xbd\xec\xd0\xe7\x89&gt; HR\xc6\xc3A\xff\x867\xa7\x13B9\xa3\xaa\xf5sD\xffkk\xab\x02\x89\xd7\xfay&gt;\x8c\xb1\x90/4mT\x0f\xb7\xd3\xa2\x0b\xc15^RR2\x7f\xfe|\xd5\x0b\x17\xed\xab3\x16\xa3|\xe7b\x81z\xed+\x18\x0cN\x980\x81R\xaa\xbe\xee\x83\x07\x0f\x1e0`@eee\xc2\xef\xfe\x9fM\xd34\xaf\xd7\x9b\x95\x95\xd5\xb6m[qf@P\xe1\xf29\x94\xb1\x04\x1e\x10\x04BX\x1c\xc9\xbb?\\\xe89q\x84q\xa6\xc6\xfe&lt;\xff`o\x11_\x91\x8f\xf5\xa62#[\xa4&amp;\xe5\x0c\xef\xae\x06\x04q\xc6_|\xf1Eu$\x86\xa7\xc1M\t\x0b@\xd3Qg\xbf\xcb\x97/\xdf\xb1c\x87z\xfc7\x9b\xcd\xea=\x80\x84\xdf\xfa?\x07\xa54\x14\n]q\xc5\x15\x93&amp;M\x92R\x12\x02\x94\xf1\xe2-\x1f}\xbdc\x9d\xc5\xe9\x96\t\xf9\x18(\xa5f\xb6V\x9f&gt;Q\x947\x9fP\xca(\x01\x90Co\xee\xd0\xb3kk\xbf/\x94\xa8\xad\x9f\xe7\xc39\xf3\xd7\x04\x1f\x19\xd4\xa5CK\xb7.\x80s\xe6\xf5z\xa7O\x9f\x8e\xef\x0441,\x00MD=\xfe{&lt;\x9e\xa7\x9ez\x8a1\xa6\xbe\xe8\xe3\xc6\x8d\xeb\xda\xb5k\x13\xb7~\xaacgq\x16\x95?\xd3d\x17\xa0h\x9aV^^\xfe\xc0\x03\x0f\xf4\xea\xd5K\xe8\x82sF(-X&lt;S\x0f\xfa)O\xc0\xccH\x00a\xb6;\x0b\x97\xcd\t\xd6Vq\xc6@@\xb3$\xeb\x8c1\x99\xa1\xdaP\x027\xfe\x9e\x0f%D\x80\xb4ZMs\xff\xd8\x87\x10"\x84\xaeq\xbed\xc9\x92M\x9b6E\xde\x8aGM\xc0p\xdf\xbchQ\x8f\xffS\xa6L)--U\x91/\xa9\xa9\xa9YYY555M\xb3\xf9\x03\x00\xba\xaeK)M&amp;\x93\xc3\xe1p\xb9\\))))))n\xb7;))\xc9l6K)\xd5\x7f\xa1\t.FQ\x173y\xf2d\xf5*,c\xec\xe4\x91\xbd\xbb\xfe\xfd\x0f\x8b\xc3\x95`\x99\x91j\xea\xe7\xd1=\x85{?YF\x19\xa3D\x82\x94\x7f\x19\x9c\xd1\xa6\x95;\xc1\xc6\xfe\\8\xcehmM\xf0\xce\xccv\xb7]\xdfZ\x80\xa4\x8c\n!\xb2\xb2\xb2\x82\xc1 \x9e\x067\x19\xfcC7\x05\x15\xf8~\xf0\xe0\xc1\xce\x9d;\xab\xa5\x80\xae\xeb/\xbf\xfc\xf2\xb8q\xe3N\x9d:\xd5\xa8\xcd?RJu\xf2\xecp8\xccf\xb3\xdf\xef?u\xea\xd4w\xdf}w\xfa\xf4\xe9\x9a\x9a\x1a]\xd7\xadVk\xb3f\xcdZ\xb5j\xd5\xb2eK\xbb\xdd^SS\xa3R\xc9\x1a\xef\x92\xce\xa6\xebz\xf3\xe6\xcd\x87\r\x1b\xb6|\xf9r\xcdd\x12\xba0\xdb\x93\x1e|y\xa3\xd5\xe9\x06=\x9c0o\x87I\x00\x8b\xd3\xb5\xf4\xc9;\x8f\xef\xdf\xc65\rt=\xbd\x95{\xf7\xff\x8c\xa4DJB\x12\xe4_\xf2\xe2\x01H\xab\xcd\xb4\xef\xf0\xe9\x1b\x1f[\xae\x0b`\x8c\xeb\xba\xbeh\xd1\xa2\xd1\xa3G\xab/m\xb4/0\xf1a\x01h\n\xea\xdb&lt;`\xc0\x80\xfc\xfc|\xb3\xd9\x1c\n\x85z\xf5\xea\xb5v\xedZ\x9f\xcf\xd7\xd8\xcb\x7f\xce\xb9\xd3\xe9\xac\xad\xad\xdd\xb1cG~~~AA\xc1\x81\x03\x07***\xce\xd9iMNN\xee\xd4\xa9\xd3\xa0A\x83\x86\x0f\x1f\xde\xb2e\xcb&amp;\x1bG*\xa54\x9b\xcd\xa5\xa5\xa57\xddtSee%\xe3\\\xe8z\x97\xfe#\x07\xfee\x9e\xbf\xaa\x82\xf1D\xe8\x8b\x95B\xb7&amp;7\xdb\xbbv\xf9\x87\x7f{\x8c1N\t\x08\x90\xef?;\xe8\xce\xde\xedk\xaa\xe3&gt;\xf3\xab\x9et\x01In\xfb\x93\xff\xb3\xe1\xf9\xbc\x1d&amp;\x8d\x0b\x90\xa9\xa9\xa9\xfb\xf6\xeds\xbb\xdd\x94R\xa3\x9d\x8d5=\xdc\x02jt\xea\xee\x9f\x9f\x9f\x9f\x9f\x9f\xaf\xce~9\xe7\x93\'O6\x99L\x8d]})\xa5^\xaf\xf7\x95W^\xb9\xf5\xd6[\xfb\xf5\xeb7s\xe6\xcc\xc2\xc2\xc2\xd3\xa7O\xab\x97\xd14M\xd34\x8dsN)\xad\xaa\xaa***\xca\xce\xce\xee\xd5\xab\xd7\x92%KRRR\x9a\xe6,\x8eR\xea\xf7\xfb\xd3\xd3\xd3\x1f}\xf4Q)Ul,\xdb\xfb\xc9\xb2\xb2C\x9f\x9bm\xce\x84h\t\x95\x94k!_\xf5\xa7\xef\xcc#\x840F\x04\xc8\xdb\xaeo}gf\xbb\x04H|\xac?\xceX\xc8\x17z\xfc\x9e\xae-R\xecB\x00\xe7\xac\xb4\xb4t\xde\xbcy8%\xb4i\xe0\n\xa0qI5\xf1\x00\xa0s\xe7\xce\x07\x0f\x1e4\x99L\xa1P\xe8\xbe\xfb\xee[\xbe|yco\xfe\x00@RR\xd2\xfd\xf7\xdf\xff\xaf\x7f\xfdK\xfd\'&amp;\x93I\x1d&gt;\xeb\xfa\x7f\x0c]`\x8c\xa9\x81\\jo\x8a\x102s\xe6\xccI\x93&amp;5\xcd:@\xfds)\xa5\xdd\xbau;|\xf80\xd7LB\x0f\xb7\xe9\xd2{\xe8\xf4\xbc\x90\xaf\x9a\xc6\xf9\x01)\x08\xdd\xeen^\xf0\xe6sE\xef\xbe\xc88\'\x12\x18\xa5;^\x1e\xd6\xa9\xdd\xe5\x01\x7f812\xbf\xeaI-\x02^\xfb\xd7\xee\xb1/}\xa2q&amp;%\xe1\x9a\xb6w\xef\xde\xf4\xf4t55+\xda\x17\x98\xc8\xf0\x8f\xdb\xb8\xe0\xac\x10Tu\xf6\xebr\xb9\xb2\xb3\xb3\x9b`\xf3GJ\xc99\xff\xedo\x7fK)\xb5X,*p&amp;\x14\n\xa9[|rrr\x8b\x16-Z\xb4h\xe1p8TI\x10B\xe8\xba\xce\x18\xe3\x9cggg\xaf\\\xb9\xd2\xedv7A?\x86\xaa:III\xcf&lt;\xf3\x0c!DM\t=\xbags\xc9\xd6\xd5\x16\xa7+\xbe\xa7\x84J\xa9\x99m\x9e\x13\x87w}\xb8\x90R\xca\x08\x01\x90\x0f\r\xec\xd4\xa5c\x0b\x7f\xa2$&gt;\xd6\x9f\xc6\x99\xbf:0\xf2\xd7\xd7\\\x9f\xde\\\x00p\xceTD6\x1e\x057\x01\xfc\x137"\xb5\x86=y\xf2\xe4\xb5\xd7^[YY\xa9n\xc1O&lt;\xf1\xc4\xec\xd9\xb3O\x9e&lt;i2\x99\x9a\xe0\x1a(\xa5=z\xf48p\xe0\x00!\xe4\xb2\xcb.\xbb\xed\xb6\xdbn\xbf\xfd\xf6k\xaf\xbd\xb6E\x8b\x16V\xab\x95\x10R[[{\xf0\xe0\xc1w\xdeyg\xc9\x92%\xea\xff\x8b\xda\xa7\xea\xd8\xb1cQQQ\x13\\\xa1\x02\x00.\x97\xeb\x96[n\xf9\xf4\xd3O5\x93I\x0f\x87S\xael;\xfa\xc5\xb5RJB\xe2\xf5\xa0\x14\x84nw]\xfe\xfe\xf3\x7f\xdc_\xf0/\xaeiR\x88d\x87\xf9\xab\xd7\x7f\x9f\x92d\xd5u\xc0\xfd\xed\x08!\xa43\xd9\x9a\xbf\xe5\xf0\x80\xa7Wp\xce\x08\xa1B\x88\x8f?\xfe\xb8\x7f\xff\xfex\x1a\xdc\xa8p\x05\xd0\x88\xd4\x026;;\xdb\xe3\xf1\xa8\xa1\xff\xbf\xf8\xc5/\xb2\xb2\xb2\x9al\xec\x8fZp&lt;\xfc\xf0\xc3\xbf\xfc\xe5/\xff\xf6\xb7\xbfm\xdb\xb6m\xe9\xd2\xa5\x0f=\xf4P\xb7n\xdd\xd2\xd2\xd2\x92\x93\x93\x93\x93\x93[\xb6l9`\xc0\x80\xb7\xdf~\xfb\xed\xb7\xdf\xb6X,j\xef\x951v\xe0\xc0\x81u\xeb\xd6%%%5YS\xb6\xae\xeb3f\xcc\xd04\r\x84`\\\xf3\x9c8\xb2\xf5\xbd\x97\xadI)q\xda\x12*AX\x9d\xee\x92\xedk\xbe\xda\xbc\x922N$\x80\x949\xc3\xbb\xb7HM2l\xeb\xe7\xf9\xa8)\xa1\xb7\xdft\xd5\x7f\xf5j/\x04\xa8\xcc\xc8\xc7\x1e{L\xd7u\\\x074*,\x00\x8dE\xddFw\xec\xd8\xb1l\xd92\xf5\x82\xbb\x94\xf2\xd9g\x9fMKKSQ\xa8Mp\rj\xe2\xc2\x88\x11#\n\n\n\x1e{\xec\xb1\xe6\xcd\x9b{&lt;\x9e\x8a\x8a\x8a\xda\xdaZ\xb5\x17\xa4\xebz(\x14\xaa\xaa\xaa*++\x1b1b\x84\xcak\xe4\x9c\xabW\xd5\n\n\n4Mk\x9a\x9f\x9f\x1a\x10\xd4\xb7o\xdf\xd1\xa3G\x03\x00\xa3\x84R\xba\xeb\xc3\x85\x9e\xe3%q;%\x94\x82\xd0\x8b\xde\x9d\xa7\xd2\xbe\x00\xe0\xfa\xf4\xe6\x8f\x0c\xce\xf0\xd7\x04\x8d0\xf5\xf3\x12\x80\x903\x1f\xcct9\xccB\x08\xce\xd9\x81\x03\x07\x16,X\x80\xa7\xc1\x8d\n\xbf\x88\x8dE\x9dmN\x980A\xb5\xd5\xeb\xba\xde\xabW\xaf\x91#G\x96\x97\x977\xe5\xd4O\xf5\xb2\x95\xc9d:u\xeaT8\x1c\xe6\x9cG\xee\xef\x11\xaa#\xc8\xef\xf7\xdfs\xcf=\x91\x81\\R\xca\xc3\x87\x0f\xabG\xb0\xa6\xb9T\x95\x19\x99\x93\x93\xa3\xce\x1e\x18\xd7\x025\x95\x9b\xde\x9ee\xb6\'\xc5\xdd\x94P\x10\xba\xcdu\xd9\x17k\x97\x1d\xdf\xbf\x9dq.AHIf\x8d\xc9\xb4Z4!$&gt;\xfd\xff\x10c\xd4\xef\x0bu\xec\x90:\xee\xce\x0c\x00\xd5\x0fF\xa7L\x99\xe2\xf1x02\xac\xf1`\x01h\x14j\xe32//o\xe3\xc6\x8d\x9a\xa6\xe9\xban6\x9bg\xcc\x98\xd1\x94\xf7\xd3\x08\xd5\x86\xa4i\xdaO\xfc\xa3)\xa5B\x88\xe6\xcd\x9b;\x1c\x8e\xc8\x8f\xad\xba\xbaZ\xbd\xc2\xd64\xd7\xa92#[\xb5j\x95\x9d\x9d-\xa5$\x12(c\x07?]ut\xcf\xe68\x9b\x12*%\xd7\xcc5\x15\xa5[\xdf\xfb;\xa5T%&gt;\xde\x9d\x99~\xfbMWa\xeb\xe7O\xe0\x9c\x05\xaa\x02\xe3\x87tkw\x85K\x17B\xd3\xb8\xc7\xe3\x992e\n\x0e\x08j&lt;X\x00\x1a\x9e\xba\x81\xaaN\x06B\x88Z\xc3\xde}\xf7\xdd}\xfb\xf6\x8dV\xe2\xe3\x05\xde\xc4U/P\xe4\x7f\xb4X,M\\\xae4M\xab\xaa\xaaz\xf8\xe1\x87\xd3\xd3\xd3\xe1\xcc\x94\xd0\x82\xb7f0\xae\xc5\xd1t \x10\xba5)\xe5\xb3\x15\xafz\xcb\x8eR\xc6\xd5\xd4\xcfi\xa3zHc\r\xfd\xbch\x94\x92\xb0..\xbb\xcc\x91}\xdf\x8djJh\xa4\x83\x0e7\x82\x1a\t\x16\x80\x86\xa7\xb6\xd1\xe7\xcc\x99S\\\\l2\x99\xc2\xe1pJJJnnnuuu\xcc\xf63\x00\x80\xd9l&gt;v\xecX\xa4?\x95Rz\xe5\x95W\xaa\xcc\xb2\xa6\xbc\x12]\xd7\xedv\xfb\xacY\xb3$!D\x02c\xfc\xf8\xfem\xfb\xd6\xbdkM\x8e\x8f\xccH5\xf6\xe7\xe4\xe1/v\x7f\xb4\x882\xc6\x88\x04\x90Yw]\xd7\xf9\xea\x16&gt;l\xfd\xfc9\x1ag\xb5^\xff\xe8\x81\x9dTf\xa4\xc6\x99\xae\xeb\x8f=\xf6\x18\x1e\x057\x12,\x00\rL\x9d\xfd\x96\x94\x94\xcc\x9e=[\xddI\xa5\x94\x8f&gt;\xfahzzz,\'&gt;\xaa\x02\xf0\xce;\xef\x10B\xd4\x8fMJ\xd9\xad[\xb7\xa6\xff\xe1q\xce\xbd^\xef\xa0A\x83\xfa\xf5\xeb\'\x84`\x8c\x11J\x0b\x97&gt;\xef\xf3\x9c\xe4\x9a9\x1eN\x83%\xe3\xbc`\xf1_\x83\xbej\xc6\xa8\x00\xd1"\xc5\xfe\xf8=]C\xfe\x10\xc7w\x9a.\x80$D\xd3\xd8\xd4\x11\xdd\xd5_O\xe3&lt;???\x12\xa0\x14\xed\xabK4\xf8\x8dl`\xea\xecw\xfa\xf4\xe9UUU\xaa\xf1?==}\xe2\xc4\x89M6]\xe7\x12\x84B\xa1\xd4\xd4\xd4\x0f&gt;\xf8`\xf1\xe2\xc5\xea\xc0MJ\xe9r\xb9\x06\x0e\x1c\xd8d\xc3J\xcf!\x84x\xfe\xf9\xe7\xcdf\xb3\xca\x8c\xf4\x9e&lt;\xb6}\xc5\xab\xd6\xa4\x94\x18_\x04H!,N\xf7\x</t>
        </is>
      </c>
    </row>
    <row r="418">
      <c r="A418" s="1" t="n">
        <v>416</v>
      </c>
      <c r="B418" t="inlineStr">
        <is>
          <t>rectangle_height_number</t>
        </is>
      </c>
      <c r="C418" t="inlineStr">
        <is>
          <t>What is the missing number of the part denoted with a question mark?</t>
        </is>
      </c>
      <c r="D418" t="inlineStr">
        <is>
          <t>[2, 1, 4, 3]</t>
        </is>
      </c>
      <c r="E418" t="inlineStr">
        <is>
          <t>3</t>
        </is>
      </c>
      <c r="F418" t="inlineStr">
        <is>
          <t>There are 7 rectangles in the image with varying lengths and numbers inside them. The numbers from left to right are [1, 2, 3, 2, 3, 1, '?']. The lengths from left to right are ['short', 'medium', 'long', 'medium', 'long', 'short', 'long'].</t>
        </is>
      </c>
      <c r="G418" t="inlineStr">
        <is>
          <t>We observe that the short rectangles are denoted as 1, the medium rectangles are denoted as 2, and the long rectangles are denoted as 3. Hence, the pattern is that the number in each rectangle corresponds to its length.</t>
        </is>
      </c>
      <c r="H418" t="inlineStr">
        <is>
          <t>Based on the pattern that the number in each rectangle corresponds to its length, the missing number of the rectangle with a question mark should be 3.</t>
        </is>
      </c>
      <c r="I418" t="inlineStr">
        <is>
          <t>b'\x89PNG\r\n\x1a\n\x00\x00\x00\rIHDR\x00\x00\x02\x00\x00\x00\x02\x00\x08\x02\x00\x00\x00{\x1aC\xad\x00\x00G\xa0IDATx\x9c\xed\xddyxT\xd5\xfd?\xf0\xcf9\xe7N2\x93ef\xb2\x11V\x17\x04\x01\x8b\xec\xfb&amp;\xa2\x08\xd6\x16\xb1"\xa2\x80\x0bK\xdc\xfd\x85\xb6\xdaZm\x01\xadu\x81\xd6\xda\xda\xd6\x12\xd9\xa4\xe2\x8a\xb5\xd5Vbp\x01\\ \x80\nB\xc2&amp;\x88b d\x9d%\xcb\xcc\xdc{\xce\xef\x8f\x0b)_e\t!\xc9\x9d\x99\xfb~=}\x9e\xea$NN&gt;9\xe7\xbe\xcf=\xf7\xdc;L)E\x00\x00`?\xdc\xea\x06\x00\x00\x805\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iV7\x00b\x80R\xaa\t\xff\x15c\xac\xd9[bO\xa8\xbf\xb5\xe2\xb8\xfe\x08\x008\x01\xa5\x94\x94R)\xc5\x18c\x8cq\xde\x943\xc5fy\x13{B\xfd\xade\x9f\xfa\xb3\xa6\x85\x1b\xc4%\xb3\xcb\x12\x91\x10\xe2\xf8\xd7}&gt;\x9f\x94\x92\xb1\xc6\xf6\x16s\xee\xe3\xf5z\x8f\x7f\xd1\x1c\x0c\x9c\xf3\x98\x98\x19Y\x02\xf5\xb7\x96\r\xeb\x8f\x00\x00""\xa5\x94a\x18\x9av\xf4\x8c0\x10\x08\x14\x16\x16n\xdc\xb8\xe1\xd3O?\xab\xac\xac,..\xd6\r\xbd\xf1\xef\xc6\x88)R].\xe8\xe2\xf5z\x07\x0c\x18\xd0\xaf_\xbfA\x83\x06u\xe8\xd0\xc1\xfc\xaa\xae\xeb\x9c\xf3\xe8\x9c\x10Y\x05\xf5\xb7\x96m\xeb\x8f\x00\x002\x0c\xc3\x9c\xf2\x84\xc3\xe1\xd5\xabW?\xff\xfc\xf3\x9b7o&gt;p\xe0@3\xfe\x88\xb4\xb4\xb4\x01\x03\x06L\x9e&lt;y\xc2\x84\tm\xda\xb4!"]\xd7\x85\x10Q5\x1b\xb2\n\xeao-;\xd7\x1f\x01`k\xe6_\x9f1\xe6\xf3\xf9\xf2\xf2\xf2V\xacX\xb1m\xdb\xb6\x86\xaf\xa6\xa4\xa6t&lt;\xa7CVvV\xe7\xae\xe7\xa7\xa7{u\xddhL\x7fU\xa48\xe3\x91H\xa4\xe8\x8b\xe2\xea*\xdf\x81}_WUV5|\xb5]\xfbvSo\x9c:k\xd6\xacn\xdd\xba\x11\x91\x942J\xa6B\x96@\xfd\xad\x85\xfa#\x00\xec\xaba\xe2\xb3t\xe9\xd2\'\x9f|r\xe7\xce\x9d\xe6\xeb\x1d;u\x186z\xe8\x98q\xa3/\xea\xd5#\xbbmVrJ\x8a\x10B\x08~f\x1dE\xa9HD\x0f\xd5\x87\xca\x8f\x94\xef\xde\xb9g\xfd{\x1f\xad[\xb3~g\xd1n\xf3\x8b\xe9\xe9\xe9\xf7\xdcs\xcf\x9c9s&lt;\x1e\x8f\xae\xeb\r\xa7\xde\xb6\x82\xfa[\x0b\xf5\'\x04\x80m\x99\xbd\xbf\xa4\xa4d\xc6\x8c\x19\xf9\xf9\xf9\xe6\x8b\xdd/\xea6\xe3\xae\x9b\xc7O\x18\x97\xd5&amp;C)U_\x1f\x8a\x84#\xd2\x90\x8a\xd4\x99\xf7\x13\xc6\x19c\x9c9\x1c\x8eDg\xa2\xa6i\x01\xbf\x7f\xc3\x87\x85y\x7fZ\xb2\xee\xbd\x0f\xcd\xef\xe8\xd6\xad\xdb\xe2\xc5\x8b\x87\x0f\x1fn^a\xb3\xfct\xb85\xa1\xfe\xd6B\xfd\x8f\xb6\x12\x01`C\xe6\xa4#??\x7f\xc6\xcc\x19%\xdf\x96\x10Q\xe7\xae\x9d\xef\x983\xfb\xc7\xd7^\xe5I\xf3\x04\xfd\xc1H$BD\xcd\xb2cA)%\xa5"\xa5\x84&amp;\x92S\x92\xa54\xd6\xae\xf9\xf0\xd9\xa7\x16}\xb4\xf6\x13"JLLx\xfc\xf1\'rssmu\x0cB\xfd\xad\x85\xfa7@\x00\xd8\x8e\xd9\xfb\xf3\xf2\xf2rrr\xccWn\xce\x99\xf6\xf3\xdf\xcc\xc9\xca\xce\xf2U\xf9\x0c\xdd\xe0\xa2\xa5v\xaa\x19\x86\xc1\x18s{R\r\xddX\xf2\xb7\xe7\x17&gt;\xf2T0\x10$\xa2\xd9\xb3g/Z\xb4\xc80\x8ch\xdb$\xd7\x12P\x7fk\xa1\xfe\xc7C\x00\xd8\x8by\xe6\xdb\xd0\xfb\xbdi\x9e\xdf\xfea\xdeu\xd3\'\xf9\xab\xfd\xe1p\xb8u\xd6"\xcda\x90\x91\x95\xb1\xf9\x93-?\xbf\xe3\x17E_\xec\xa4cc \xee\xe7\xa1\xa8\xbf\xb5P\xff\xef@\x00\xd8\xc8wz\x7fVv\xd6\xa2\x95\x7f\x19y\xe9\xf0\xc3\x87J5Mk\xe5a\x1f\x89D\xbci\xde\x8a\xb2\x8a[&amp;\xcd\xfel\xd3\xe7t\xdc&lt;\xe8;\xb7\xe1\xc4\r\xd4\xdfZ\xa8\xff\xf7!\x00\xec\xc2\xecXk\xd6\xac\x19;v,\x11\xa5g\xa4\xff{\xedk\xe7u&gt;\xaf\xba\xaa\xda\xe1pX\xd2$]7\x12\x9d\tB\x88\x1b\x7ft\xd3\'\xeb7\x12\xd1\xbcy\xf3\xe6\xce\x9d\x1b\x97\xfbRP\x7fk\xa1\xfe\'\x84\x00\xb0\x05s\xbbqiii\xef&gt;\xbd\x8f\x94\x1eq{\xdc\xcbV\xe5\r\x1c:\xc0W\xe5\xd3\x1cV\x0eu\xc30\x12\x9d\x89\x01\x7f`\xda\x84[\xb7o\xdd\xc1\x18\xcb\xcf\xcf\x1f;vl\x9c\xcdCQ\x7fk\xa1\xfe\'c\xdf{@l\xc5\xbc\xd3}\xfa\xf4\xe9\xa5\x87K\x89\xe8\x91?\xcc\x1dy\xe9\xf0\xea\xaajk{?\x11\t!\xea\xeb\xea3\xb32\x9eY\xf6Go\x9aG\x91\x9a~\xd3\xf4\xc3\x87\x0f3\xc6\xcc\xa7\xb2\xc4\x07\xd4\xdfZ\xa8\xff\xc9 \x00\xe2\x9f9\x9bX\xb9reAA\x01\x11\xddp\xcb\xe4)7_w\xf8P\xa9Ug\xbe\xdf\xa1iZu\x95\xafG\xcfn\xf3\x9e\xfc5)*=\\\xfa\xc0\x03\x0fp\xce\xe3\xe6\xdc\x14\xf5\xb7\x16\xea\x7f\nX\x02\x8asJ)\xa5Tuu\xf5\xe0\xc1\x83\xf7\xed\xdbw\xcey\x9d\xdeZ\xff\xcf\xc4\xc4Ds+\x82\xd5\xad\xfb\x1fC7\xbc\x19\xde\x99\xd7\xdd\xf6\xf6\xbf\xf3\x13\x13\x13\xd7\xaf_?`\xc0\x00\xf3\xe9\x89V7\xed\xac\xa0\xfe\xd6B\xfdO-\xb6\xff\xbapZ\xe6\xe6\xe2\xa5K\x97\xee\xdd\xbbWJy\xfb\x9c\xd9Y\xd9\x99\xe1p8\xaaz?\x111\xce"\xe1\xc8\x9c_\xdd\x93\x98\x98\x18\n\x85\xe6\xce\x9d\xdb\xf8\xa7\xefF3\xd4\xdfZ\xa8\xff\xa9!\x00\xe2\x99RJ\x08QWW\xb7t\xe9R\xc6\xd8\x05];_s\xfd\xd5\xd5\x95\xbe(\xdc\xe3\xc19\x0f\x06\x82\xbd\xfa]|\xd55\xe3\x89h\xdd\xbau\xc5\xc5\xc5B\x88\x98^\x89F\xfd\xad\x85\xfa\x9f\xfe\xe7\xb6\xe8\xbb\x83\xb5\xcc\xfbJ\xd6\xacY\xb3c\xc7\x0e\xa5\xd4\xec{gz\xbcn]?\x83\'\x9b\xb7&amp;\xcey(\x14\xce\xf9\x7f\xb3\x92\x92\\555\xcf=\xf7\x1c\x11\xc5\xf4\x01\x08\xf5\xb7\x16\xea\x7f\xfa\x1f\xda\xa2\xef\x0e\xd1`\xd9\xb2e\x8c\xb1\xecv\xd9?\x9c8.\xe0\x0fF\xed\xf6&gt;\xceyM\xb0\xa6W\xbf\x9eCF\x0ef\x8c\xbd\xf6\xdak\xb5\xb5\xb5\x9a\xa6\xc5\xfaB\x04\xeao-\xd4\xffT?\xb4\xe5\xde\x1a\xace\x9e\xff\xfa|\xbe\xc2M\x85J\xa9\x91\x97\x0e\xcfj\x93\x19\x89D\xa2m\xf5\xf3xJ)\xc6\xf8\x15?\x1a\xab\x94\xfa\xb6\xe4\xdb\xad[\xb7R\xccNBQ\x7fk\xa1\xfe\x8d\x81\x00\x88[f\xbf\xd9\xbcy\xf3\xc1o\x0e\x12\xd1\x98\xf1\xa3\xa3\x7f"\'\x84\xa8\xaf\xad\x1bv\xc9\x90\x14w\x8a\xa1\x1bo\xaf~\x9b\x8e}jG\xccA\xfd\xad\x85\xfa7\x06\x02 n\x99\xfd\xa6pS!\x11%\xa5$]\xd4\xabG\xa8.\x14\xe5\xbb\xfa\x18c\xa1P\xb8c\xa7\xf6\xe7w&gt;\x8f\x886o\xdaLDQ\xde\xe6\x93A\xfd\xad\x85\xfa7FT\x97\x03\xce\x86y\xaa\xbbe\xf3\x16":\xe7\xdcN\xed\xdagG\xf9\xf9\xafIJ\xe9Jr]tqw"*..\x0e\x06\x831zS\x12\xeao-\xd4\xbf1\x10\x00q\xcb\xdcG\\VVFD\x19\x99\xe9\xc9)\xc9\x86aX\xdd\xa8\xd3SJq!\xda\xb6oKD\xd5\xbe\xea\xba\xba:\xab[\xd4D\xa8\xbf\xb5P\xff\xc6@\x00\xc4\'\xf3\x1eB\x9f\xcf\xb7{\xf7n"\xea\xda\xbd\x8b\x88\x91\xed\x1c\x8c1C\xd7\xbbt\xbf\x80\x88\xfc&gt;\x7fqq1\xc5\xe0uH\xd4\xdfZ\xa8\x7f#!\x00\xe2\x99R*\xa2G\x88(-=-\x86N\xe4\x95Ri\xe9iD$\xa5\x8c\xda]\xdb\x8d\x81\xfa[\x0b\xf5?-\x04@\x9c3\x17=cn\x18748\xfa\x17mO\r\xf5\xb7\x16\xea\x7fj\x08\x00[\x88\xb9a\x1cs\r&gt;\xb5\x98\xfbub\xae\xc1\xa7\x16s\xbfN\xab5\x18\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xd2\xacn\x80-(\xa5\x9a\xf0_1\xc6\x9a\xbd%\xf6\x84\xfa\x03\x9c\x10\x02\xa0E(\xa5\xa4\x94J)\xc6\x18c\x8c\xf3\xa6\x9ci5\xcb\x9b\xd8\x13\xea\x0f\xd0\x18\x08\x80\xe6d\x1e2\x88H\x08!\x84hx\xdd\xe7\xf3I)\x19c\x8d\x9c\x8a\x9asO\xaf\xd7{\xfc\x9b\x98\x07#\xce9f\xa6\'\x83\xfa\x03\x9c\x11\x04@\xf3PJ\x19\x86\xa1i\x9ay\xc8\x08\x04\x02\x85\x85\x85\x1b7n\xf8\xf4\xd3\xcf*++\x8b\x8b\x8buCo\xfc\xbb1b\x8aT\x97\x0b\xbax\xbd\xde\x01\x03\x06\xf4\xeb\xd7o\xd0\xa0A\x1d:t0\xbf\xaa\xeb:\xe7\x1c\x13\xd2\xe3\xa1\xfe\x00M\x80\x00h\x06\x86a\x08!4M\x0b\x87\xc3\xabW\xaf~\xfe\xf9\xe77o\xde|\xe0\xc0\x81\xb3|\xdb\xf2\xb2r"Z\xbdz5\x11\xa5\xa5\xa5\r\x180`\xf2\xe4\xc9\x13&amp;Lh\xd3\xa6\r\x11\xe9\xba.\x84\xc0l\x94P\x7f\x80\xa6B\x00\x9c\x15sIA\x08\xe1\xf3\xf9\xf2\xf2\xf2V\xacX\xb1m\xdb\xb6\x86\xaf\xa6\xa4\xa6t&lt;\xa7CVvV\xe7\xae\xe7\xa7\xa7{u\xddh\xcc\xf1B\x91\xe2\x8cG"\x91\xa2/\x8a\xab\xab|\x07\xf6}]UYUUUUPPPPP\xf0\x9b\xb9\xbf\x99z\xe3\xd4Y\xb3fu\xeb\xd6\x8d\x88\xa4\x94v\x9e\x8a\xa2\xfe\x00g\x03\x01\xd0t\xe6\xc4\x93\x88\x96.]\xfa\xe4\x93O\xee\xdc\xb9\xd3|\xbdc\xa7\x0e\xc3F\x0f\x1d3n\xf4E\xbdzd\xb7\xcdJNI\x11B\x08\xc1\xcfl\'\x8aR\x91\x88\x1e\xaa\x0f\x95\x1f)\xdf\xbds\xcf\xfa\xf7&gt;Z\xb7f\xfd\xce\xa2\xdd\x87J\x0e-\\\xb8p\xc9\x92%\xf7\xdcs\xcf\x9c9s&lt;\x1e\x8f\xae\xeb\x9af\xc7\xbf#\xea\x0fp\x96\xd0q\x9b\xc8&lt;\xfa\x94\x94\x94\xcc\x981#??\xdf|\xb1\xfbE\xddf\xdcu\xf3\xf8\t\xe3\xb2\xdad(\xa5\xea\xebC\x91p$\xe0\x0b(Rg\xbe\x13\x91q\xc6\x18g\x99m2;\x9c\xd3a\xec\x0f/\x0f\xf8\xfd\x1b&gt;,\xcc\xfb\xd3\x92u\xef}XYY9\x7f\xfe\xfc\x97^zi\xf1\xe2\xc5\xc3\x87\x0f7\xafp\xdaj9\x02\xf5\x078{\x08\x80\xa60\'}\xf9\xf9\xf93f\xce(\xf9\xb6\x84\x88:w\xed|\xc7\x9c\xd9?\xbe\xf6*O\x9a\'\xe8\x0fVUV\x13\x91\xb9c\x84\x8b\xb3Z"\x88D"\xa1P\x98\x94\x12\x9a\xb8\xf4\x8a\xd1\x97\\&gt;r\xed\x9a\x0f\x9f}j\xd1Gk?\xd9\xb5k\xd7e\x97\x8dy\xfc\xf1\'rss\xcd\xdd/69\x06\xa1\xfe\x00\xcd\x02\xcb\x97g\xcc&lt;\xfa\xe4\xe5\xe5\x8d\x1f?\xde&lt;\xfa\xdc\x9c3\xed_\xef\xbf:}\xf6T\xc6XUy\x9599m\xae+\x84\x8c1!\xb8\xd0\x04\x11\xf9}\xfe\x9a`\xed\x98q\x97\xbc\xf8\xd6\xf3\xf3\x9e\xfcuJjJ(\x14\x9e3gNNN\x0e\xe7\xdc\xdc\xa7x\xf6?1\xca\xa1\xfe\x00\xcd\x05\x01pf\xcc\xbd\x86yyy999D\xe4M\xf3&lt;\xb3\xf4\xa9\'\xff\xfa\x98\xd3\xe9\xac(\xab "\xa1\xb5\xe0\xce\x10!\x04\xe7\xdcW\xed\xaf\xa9\xa9\xbd\xf3g\xb7\xbd\xf2\xf6\x0b\x17]\xdc\x9d\x88\xcc\xf6\x08!\x94j\xc2ZG,A\xfd\x01\x9a\x11\x02\xe0\x0c\x98S\xcb\x86\xa3OVv\xd6\xd2\xd7\xf2\xa6\xdc&lt;\xb9\xac\xb4\xcc&lt;0\xb5N3\xcc\xc3\xd0\x91\xc3Gz\xf5\xbb\xf8\xc5\xb7V\xf4\x1d\xd8\x87\x8e\x1d\x83\xccyh\xeb4\xa3\xf5\xa1\xfe\x00\xcd\x0b\x01\xd0X\xe6\xd1g\xcd\x9a5\xe6\xd1\'=#\xfd\x9f\xef\xbe&lt;p\xe8\x80\xc3\x87J\x1d\x0eG\xeb/\xfe:\x1c\x0e_\xb5?95\xf9\xf55/\x0f\x1d9\x98\x88\xf2\xf2\xf2\xe6\xcf\x9f/\x84\xd0\xf53\xb8\xe9)V\xa0\xfe\x00\xcd\x0e\x01\xd0(RJ!Dii\xe9\xb4\xe9\xd3\x18c\x1e\xafg\xf1+\xcf\x9e\xd7\xf9&lt;_\x95\xcf\xe1pX\xd5*M\x13\xe1PXJ\xf9\xb7\x7f\xfc\xb9g\xef\x1f\x10\xd1\xfc\xf9\xf3\x0b\n\n4M3\x0c\xc3\xaaV\xb5\x04\xd4\x1f\xa0% \x00\x1a\xc5|\xd2\xc0\xf4\xe9\xd3K\x0f\x97\x12\xd1#\x7f\x98;\xf2\xd2\xe1\xd5U\xd5\x9a\xc3\xe2mTB\x88\xfa\xba\xfa\xcc\xac\x8cg\x96\xfd\xd1\x9b\xe6Q\xa4\xa6\xdf4\xfd\xf0\xe1\xc3\xf1\xb7\x1d\x05\xf5\x07hv\x08\x80\xd33\x17\x1fV\xae\\YPP@D7\xdc2y\xca\xcd\xd7\x99+\x0fV7\x8d\x88H\xd3\xb4\xea*_\x8f\x9e\xdd\xe6=\xf9kRTz\xb8\xf4\x81\x07\x1e8\xfe)fq\xc0\xe1p\xa0\xfe\x00\xcd\x0e\x01p\x1a\xe6\xd3\x80+++\x1f~\xf8a\xce\xf9y\x9d\xcf\xfd\xd5o\x7f\xe1\xab\xf2G\xd5\xcd\x9f\x0e\x87\xa3\xa2\xacr\xf2M\x93\xae\x9c0\x8e\x88^|\xf1\xc5\xc2\xc2\xc2\x86Gc\xc64sSMEE\x05\xea\x0f\xd0\xec\x10\x00\xa7a\x18\x06\xe7|\xe9\xd2\xa5{\xf7\xee\x95R\xde&gt;gvVvf8\x1c\x8e\xb6s|\xc6Y$\x1c\x99\xf3\xab{\x12\x13\x13C\xa1\xd0\xdc\xb9s\x8f&gt;\xfd8\xc67%\x9a\x17T\x17/^\x8c\xfa\x034;\x04\xc0\xa9(\xa5\x84\x10uuuK\x97.e\x8c]\xd0\xb5\xf35\xd7_]]\xe9\x8b\xaa\xe9\xa7\x89s\x1e\x0c\x04{\xf5\xbb\xf8\xaak\xc6\x13\xd1\xbau\xeb\xf6\xec\xd9\x93\x92\x92\x12\xeb\x93P\x87\xc3!\xa5D\xfd\x01Z\x02\x02\xe0T\xccg\xbc\xacY\xb3f\xc7\x8e\x1dJ\xa9\xd9\xf7\xce\xf4x\xddQ\xbb\xc9\x8fs\x1e\n\x85s\xfe\xdf\xac\xa4$Wmm\xed\xe2\xc5\x8b\x9dNg\xac\x1f\x80\xdcn\xf7\xfa\xf5\xebw\xee\xdc\x89\xfa\x034;\x04\xc0\xe9-[\xb6\x8c1\x96\xdd.\xfb\x87\x13\xc7\x05\xfc\xc1\xa8\xbd\xbe\xc79\xaf\t\xd6\xf4\xea\xd7s\xc8\xc8\xc1\x8c\xb1W_{\xb5\xb4\xb4411\xc1\xeav\x9d\x15\xc6\x989\xfdG\xfd\x01\x9a\x1d\x02\xe0\xa4\xcc\xf5\x1f\x9f\xcfW\xb8\xa9P)5\xf2\xd2\xe1Ym2#\x91H\xb4\xad&gt;\x1fO)\xc5\x18\xbf\xe2Gc\x95R\xdf|\xfd\xf5\x96-[\\IIV7\xea\xac|\xfb\xed\xb7\x9b6mB\xfd\x01Z\x02\x02\xe0\xa4\xcc\x93\xf7\xcd\x9b7\x1f\xfc\xe6 \x11\x8d\x19?:\xfa\xaf\xe7\t!\xeak\xeb\x86]2$%%%\x12\xd1W\xaf^\x9d\x90\x10\xc33PM\xd3&gt;\xf9\xe4\x93\xdd\xbbw\x13\xea\x0f\xd0\x02\x10\x00\'en@,\xdcTHDI)I\x17\xf5\xea\x11\xaa\x0bE\xf9\xc7?1\xc6B\xa1p\xc7N\xed\xcf\xbb\xe0\\"\xda\xb4y\x93\x1e\xd1\x89(F7\xa3$$$l\xde\xbcY\xd7u\xa7\xcb\x89\xfa\x034\xbb\xa8\x1eN\xd62\x97\x1a\xb6l\xdeBD\xe7\x9c\xdb\xa9]\xfb\xec(_\x7f0I)]I.\xf3)\x95\xc5E\xc5\xa5\xa5\xa5D\x14\xa3\xc7\x9fp8\xbcy\xf3f"\xeatNG\xd4\x1f\xa0\xd9!\x00N\xca\xdc\xc7]VVFD\x19\x99\xe9\xc9)\xc91\xf1\x80\x17\xa5\x14\x17\xa2m\xfb\xb6D\x14\x08\x04\xea\xeb\xeb\xadnQ\xd3I)\xab\xaa\xaa\x88(\xb3\r\xea\x0f\xd0\xfc\x10\x00\'\xa6\x94\xe2\x9c\xfb|&gt;s\x01\xbak\xf7.B\xd3b\xe2Q\xef\x8c1C\xd7\xbbv\xefb\xfes\xf4O\x99O\xcd\xdc\xf2\x7fa\x8f\x0bQ\x7f\x80f\x87\x008\x15\xa5TD\x8f\x10QZz\x1a\xe7&lt;&amp;\x0e@D\xa4\x94J\xcbH\xa3c\x971\xe2\x00\xea\x0f\xd0\x12\x10\x00\xa7a\xce\xe0\xa2\xf6\xe6\xa3\x93\x89\xb9\x06\x9fZ\xcc\xfd:1\xd7`\xb0\'\x04@\xa3\xc4\xdc\x89|\xcc5\xf8\xd4b\xee\xd7\x89\xb9\x06\x83=!\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9a\xd5\rh\x14\xa5T\x13\xfe+\xc6X\xb3\xb7\x04\x00\xce\x14\xc6o\xd4\x8a\xd2\x00PJI)\x95R\x8c1\xc6\x18\xe7M9Si\x967\x01\x803\x85\xf1\x1b+\xa2+\x00\xcc?9\x11\t!\x84\x10\r\xaf\xfb|&gt;)%c\xac\x91S\ts\xee\xe0\xf5z\x8f\x7f\x13\xb33q\xce1\xb3\x00h\t\x18\xbf1\'Z\x02@)e\x18\x86\xa6i\xe6\x9f&lt;\x10\x08\x14\x16\x16n\xdc\xb8\xe1\xd3O?\xab\xac\xac,..\xd6\r\xbd\xf1\xef\xc6\x88)R].\xe8\xe2\xf5z\x07\x0c\x18\xd0\xaf_\xbfA\x83\x06u\xe8\xd0\xc1\xfc\xaa\xae\xeb\x9csL(\x00\x9a\x0b\xc6o\x8c\x8a\x8a\x000\x0cC\x08\xa1iZ8\x1c^\xbdz\xf5\xf3\xcf?\xbfy\xf3\xe6\x03\x07\x0e\x9c\xe5\xdb\x96\x97\x95\x13\xd1\xea\xd5\xab\x89(--m\xc0\x80\x01\x93\'O\x9e0aB\x9b6m\x88H\xd7u!\x04f\x13\x00g\t\xe37vY\x1c\x00\xe6)\xa1\x10\xc2\xe7\xf3\xe5\xe5\xe5\xadX\xb1b\xdb\xb6m\r_MIM\xe9xN\x87\xac\xec\xac\xce]\xcfOO\xf7\xea\xba\xd1\x98\xbf\xb7"\xc5\x19\x8fD"E_\x14WW\xf9\x0e\xec\xfb\xba\xaa\xb2\xaa\xaa\xaa\xaa\xa0\xa0\xa0\xa0\xa0\xe07s\x7f3\xf5\xc6\xa9\xb3f\xcd\xea\xd6\xad\x1b\x11I)1\x95\x00h\x1a\x8c\xdfXge\x00\x98\x13\x07"Z\xbat\xe9\x93O&gt;\xb9s\xe7N\xf3\xf5\x8e\x9d:\x0c\x1b=t\xcc\xb8\xd1\x17\xf5\xea\x91\xdd6+9%E\x08!\x04?\xb3\x9d\x04JE"z\xa8&gt;T~\xa4|\xf7\xce=\xeb\xdf\xfbh\xdd\x9a\xf5;\x8bv\x1f*9\xb4p\xe1\xc2%K\x96\xdcs\xcf=s\xe6\xcc\xf1x&lt;\xba\xaekZT\x9c\t\x01\xc4\x10\x8c\xdf8`Y\xe1\xcc\xdeSRR2c\xc6\x8c\xfc\xfc|\xf3\xc5\xee\x17u\x9bq\xd7\xcd\xe3\'\x8c\xcbj\x93\xa1\x94\xaa\xaf\x0fE\xc2\x91\x80/\xa0H\x9d\xf9N2\xc6\x19c\x9ce\xb6\xc9\xecpN\x87\xb1?\xbc&lt;\xe0\xf7o\xf8\xb00\xefOK\xd6\xbd\xf7aee\xe5\xfc\xf9\xf3_z\xe9\xa5\xc5\x8b\x17\x0f\x1f&gt;\xdc\xbcB\x85\xd3I\x80F\xc2\xf8\x8d\x0f\xd6\x04\x80\x19\xda\xf9\xf9\xf93f\xce(\xf9\xb6\x84\x88:w\xed|\xc7\x9c\xd9?\xbe\xf6*O\x9a\'\xe8\x0fVUV\x13\x91y\xc5\x9f\x8b\xb3:\xc5\x8bD"\xa1P\x98\x94\x12\x9a\xb8\xf4\x8a\xd1\x97\\&gt;r\xed\x9a\x0f\x9f}j\xd1Gk?\xd9\xb5k\xd7e\x97\x8dy\xfc\xf1\'rss\xcd\xdd\x0b\xe8C\x00\xa7\x85\xf1\x1b7,X&gt;3{O^^\xde\xf8\xf1\xe3\xcd\xdess\xce\xb4\x7f\xbd\xff\xea\xf4\xd9S\x19cU\xe5U\xe6\xe4\xa2\xb9\xae\xf00\xc6\x84\xe0B\x13D\xe4\xf7\xf9k\x82\xb5c\xc6]\xf2\xe2[\xcf\xcf{\xf2\xd7)\xa9)\xa1Px\xce\x9c9999\x9css\x9f\xd9\xd9\xffD\x808\x86\xf1\x1bOZ;\x00\xcc\xbdbyyy999D\xe4M\xf3&lt;\xb3\xf4\xa9\'\xff\xfa\x98\xd3\xe9\xac(\xab "\xa1\xb5\xe0\x95}!\x04\xe7\xdcW\xed\xaf\xa9\xa9\xbd\xf3g\xb7\xbd\xf2\xf6\x0b\x17]\xdc\x9d\x88\xcc\xf6\x08!\x94j\xc2\xb9*\x80]`\xfc\xc6\x99V\r\x00sj\xd0\xd0{\xb2\xb2\xb3\x96\xbe\x967\xe5\xe6\xc9e\xa5ef\xc7j\x9df\x98\xdd\xe8\xc8\xe1#\xbd\xfa]\xfc\xe2[+\xfa\x0e\xecC\xc7\xfa\x909\x8fh\x9df\x00\xc4\x16\x8c\xdf\xf8\xd3z\x01`\xf6\x9e5k\xd6\x98\xbd\'=#\xfd\x9f\xef\xbe&lt;p\xe8\x80\xc3\x87J\x1d\x0eG\xeb/\xde9\x1c\x0e_\xb5?95\xf9\xf55/\x0f\x1d9\x98\x88\xf2\xf2\xf2\xe6\xcf\x9f/\x84\xd0\xf53\xb8i\x05\xc0\x0e0~\xe3R+\x05\x80\x94R\x08QZZ:m\xfa4\xc6\x98\xc7\xebY\xfc\xca\xb3\xe7u&gt;\xcfW\xe5s8\x1c\xad\xd3\x86\xef\xd34\x11\x0e\x85\xa5\x94\x7f\xfb\xc7\x9f{\xf6\xfe\x01\x11\xcd\x9f?\xbf\xa0\xa0@\xd34\xc30\xacj\x15@\xb4\xc1\xf8\x8dW\xad\x14\x00\xe6\x9d\xe2\xd3\xa7O/=\\JD\x8f\xfca\xee\xc8K\x87WWUk\x0e\x8b7\xf0\n!\xea\xeb\xea3\xb32\x9eY\xf6Go\x9aG\x91\x9a~\xd3\xf4\xc3\x87\x0fc;\x01\xc0\xf10~\xe3Rk\x04\x80y\xf2\xb8r\xe5\xca\x82\x82\x02"\xba\xe1\x96\xc9Sn\xbe\xce&lt;sl\x85\x9f~Z\x9a\xa6UW\xf9z\xf4\xec6\xef\xc9_\x93\xa2\xd2\xc3\xa5\x0f&lt;\xf0\xc0\xf1O\xa1\x02\xb09\x87\xc3\x81\xf1\x1b\x97Z&lt;\x00\xcc\xa7\xb9VVV&gt;\xfc\xf0\xc3\x9c\xf3\xf3:\x9f\xfb\xab\xdf\xfe\xc2W\xe5\x8f\xaa\x9b\xf7\x1c\x0eGEY\xe5\xe4\x9b&amp;]9a\x1c\x11\xbd\xf8\xe2\x8b\x85\x85\x85\r\x8f6\x04\xb0-sSMEE\x05\xc6o\\j\xf1\x000\x0c\x83s\xbet\xe9\xd2\xbd{\xf7J)o\x9f3;+;3\x1c\x0eG\xdb9\x1a\xe3,\x12\x8e\xcc\xf9\xd5=\x89\x89\x89\xa1Ph\xee\xdc\xb9G\x9f^\x8bMe`c\xe6\x05\xd5\xc5\x8b\x17c\xfc\xc6\xa5\x96\r\x00\xa5\x94\x10\xa2\xae\xaen\xe9\xd2\xa5\x8c\xb1\x0b\xbav\xbe\xe6\xfa\xab\xab+}Q5}0q\xce\x83\x81`\xaf~\x17_u\xcdx"Z\xb7n\xdd\x9e={RRR0\x89\x00;s8\x1cRJ\x8c\xdfx\xd5\xb2\x01`&gt;\xa3c\xcd\x9a5;v\xecPJ\xcd\xbew\xa6\xc7\xeb\x8e\xdaMZ\x9c\xf3P(\x9c\xf3\xfff%%\xb9jkk\x17/^\xect:\xd1\x81\xc0\xce\xdcn\xf7\xfa\xf5\xebw\xee\xdc\x89\xf1\x1b\x97Z\xe3"\xf0\xb2e\xcb\x18c\xd9\xed\xb2\x7f8q\\\xc0\x1f\x8c\xda\xeb3\x9c\xf3\x9a`M\xaf~=\x87\x8c\x1c\xcc\x18{\xf5\xb5WKKK\x13\x13\x13\xacn\x17\x80e\x18c\xe6\xf4\x1f\xe37.\xb5`\x00\x98\xeb?&gt;\x9f\xafpS\xa1Rj\xe4\xa5\xc3\xb3\xdadF"\x91h[=&lt;\x9eR\x8a1~\xc5\x8f\xc6*\xa5\xbe\xf9\xfa\xeb-[\xb6\xb8\x92\x92\xacn\x14\x80e\xbe\xfd\xf6\xdbM\x9b6a\xfc\xc6\xab\x16\x0c\x00\xf3\xe4k\xf3\xe6\xcd\x07\xbf9HDc\xc6\x8f\x8e\xfe\xeb1B\x88\xfa\xda\xbaa\x97\x0cIII\x89D\xf4\xd5\xabW\'$`\x06\x016\xa5i\xda\'\x9f|\xb2{\xf7n\xc2\xf8\x8dS-{\x06@D\x85\x9b\n\x89()%\xe9\xa2^=Bu\xa1(\xff\xf8\x1e\xc6X(\x14\xee\xd8\xa9\xfdy\x17\x9cKD\x9b6o\xd2#:\x11a3\x01\xd8PBB\xc2\xe6\xcd\x9bu]w\xba\x9c\x18\xbfq\xa9\x05\xff\x9c\xe6\xa9\xe2\x96\xcd[\x88\xe8\x9cs;\xb5k\x9f\x1d\xe5\xe7\x8f&amp;)\xa5+\xc9e&gt;e\xb0\xb8\xa8\xb8\xb4\xb4\x94\x88\xd0\x7f\xc0\x86\xc2\xe1\xf0\xe6\xcd\x9b\x89\xa8\xd39\x1d1~\xe3R\xcb\x06\x80R\xaa\xac\xac\x8c\x8822\xd3\x93S\x92c\xe2\x01\x1dJ).D\xdb\xf6m\x89(\x10\x08\xd4\xd7\xd7[\xdd"\x00kH)\xab\xaa\xaa\x88(\xb3\r\xc6o|j\xa9\x00PJq\xce}&gt;\x9f\xb9\x80\xd8\xb5{\x17\xa1i1\xf1\xa8n\xc6\x98\xa1\xeb]\xbbw1\xff9\xfa\xa7&lt;\x00-\xc7\xdc\xf2\x7fa\x8f\x0b1~\xe3R\x8b\xdf\x08\x16\xd1#D\x94\x96\x9e\xc69\x8f\x89\x0eDDJ\xa9\xb4\x8c4:v\x19\x03\xc0\xe60~\xe3U\x8b_\xd21\x138jo\x1e9\x99\x98k0@\xcb\x89\xb9\xe1\x10s\r\xb6J+]\xd3\x8f\xb9\x13\xb1\x98k0@\xcb\x89\xb9\xe1\x10s\r\xb6JTo\xea\x02\x00\x80\x96\x83\x00\x00\x00\xb0)\x04\x00\x00\x80M!\x00\x00\x00l\n\x01\x00\x00`S\x08\x00\x00\x00\x9bB\x00\x00\x00\xd8\x14\x02\x00\x00\xc0\xa6\x10\x00\x00\x006\x85\x00\x00\x00\xb0)\x04\x00\x00\x80M!\x00\x00\x00l\n\x01\x00\x00`S\x08\x00\x00\x00\x9bB\x00\x00\x00\xd8\x14\x02\x00\x00\xc0\xa6\x10\x00\x00\x006\xa5Y\xdd\x00\x9b\xfa\xce\xa7\x95\xc6\xd6\x07\x18}\xff\xa3Vc\xab\xfd\x84\xfa\xc3\xd9\x89\xe9\xfes\xbc\xd8\x0e\x00iH\xa9\xa4\xf9\xcf\x8c\x98\xd0\x84\xb5\xed95\xa5\x94\x94\x92\x88\x04\x17\x9a\xa6q\xce\x19cJ)C\x1a\x86nHC2\xc6\xb8\x88\xd2s\xb2\xa3\x8dW\xc49\x17\x9a\xe0\x9c3\xce\x18\x91TJ\x1a\xd20\x0c\xf3W3\x7f)\xab\x1b{b\xa8\x7f\xb4\x89\xad\xf1+\xa5TR\x11cB\xf0c\xfd\x87\x94")\xa5a\x18\x86a\x10\x91\xe0\x82b\xa6\xfcD\xb1\x1b\x00J\x91\x94\x86\xdb\x9d\xeaHL E\xc4HI\xe9\xf7\x05\xbe?9\x8a\x06\xe6\xe8MHHHJNb\x8cjjj\x03\xbe@mm\x9d\x1e\x898\x12\x1cII\xc9\x1eo\xaa+\xc9\xa5G\xf4`\xb0FI\x15U\x87!\xb3\xdf\'$:\\I\xa9B\xf0\xfa\xfaP\xd0\x1f\xac\xad\xa9\xad\xaf\x0f)\xa5\x12\x13\x13\\I\xaeTO\xaa+\xc9%\rY[S\x1b\x89D\x84\x88\xae\x91\x8c\xfaG\x9b\x18\x1a\xbfJ)iH\xa1\x89\xe4\x94\xe4\x84\x84\x04C\xd7kjj\xfd&gt;\x7f}]}$\x12\xd14\xcd\x95\xe4r{\xdcn\x8f[J\x19\x0c\x04\r\xc3\x88\xfe\xfa7\x88\xc9\x00\x90Rr\xc6\xd23\xd2\xdfz\xfd\xbf\x9fo\xd9\xca9WR%\xa7$M\x9b5511\xc1\x9c\nE\x0fC7\x9cIN\x97\xcbUr\xb0\xe4\xbfo\xac\xfe\xf0\x83\x8f\x8a\xbf\xd8u\xb8\xe4pmm\xadaH!DJjJ\xfb\x8e\xed\xfa\x0e\xe8}\xd9\x95c\x86\x8e\x1c\xecHp\x04\xfc\x81h\xe8Cf\xd7w%\xbb\\.\xe7\xa1\x92\xd2wW\xbf\xff\xf1\xba\x8dE\xdb\x8a\x0f\x97\x1c\xf6U\xfb"\x11\x9d\x94\x12\x9a\x96\x92\x9a\xd2\xb6}\xf6\x0fz\xf5\x189f\xc4\x88\xd1\xc32\xb22|\xd5&gt;\x8a\x9a\xf3b\xd4?\xda\xc4\xd0\xf8\x95R&amp;&amp;&amp;&amp;%\xbb\xfc\xbe\xc0\x96\x8d\x9fnX_\xf8\xf9\x96\xad\x07\xf6}]~\xa4\xbc\xae\xae^\x1a\x06\xe3&lt;)\xc9\xd5\xb6C\xdb\x9e\xbd.\xba\xec\xca1\xa3.\x1b\xe1\xf6\xb8\xfd&gt;\x7f4\xf4\x9f\xc6\x88\xbd\x00\xd0u\xc3\xe5rr\xc1\x1f}\xf0\xf1?/\xf8k\xc3\xeb\x89\x89\x89\x93o\xba\xce\xe9LTJEI\xd7\x97R2\xc6\xd23\xd3\xf6\xec\xfc\xf2\xf9E\xff\xf8\xd7ko\x1d9|\xe4\xfb\xdfV\x13\xac)=T\xfa\xd9\xa6\xcf\x97\xfcm\xf9\xc0\xa1\xfd\x7f\xfa`\xee\xe8\xb1#\xab\xab|\x9c[9\x0f\x95R:\x1c\x8edor\xf1\xf6\x9d/-\x7f\xe5\xad\xd7\xff[r\xf0\xd0\t\xbf3\x18\x08\x1e.9\xfc\xf9\xe6\xad/,y\xe9\xbc\x0b\xce\xcd\xb9g\xe6\xd4\x997\x84Ca]\xd7-\xff\x15P\xffVn\xf6i\xc5\xd0\xf8UR%%\xbb\xbe\xfd\xba\xe4\x8dW\xde|\xeb\xf5\xff\x14}\xb1\xf3\x84\xdfV[S[^V\xb1\xfd\xf3\x1d/=\xff\xea\x0fz_t\xdfo~z\xc5U\x97\xfb\xaa-\xee?\x8d\x14c\x01\xa0\xeb\xba7\xcdSr\xf0\xf0}w=\xf0\xc1;k9\xe7\r+q\xe9\x99iQ\xd2oLJ\xa9\xa4\xe4$C7\xfe\xfc\xe4_\x9fY\xf8\xac9)\x13B\x98\r\x96R\x99\x18c\x9cs\xa5\x94"%\xa5\xdc\xf4\xc9\x96\x1b~4\xfd\x97\xf3\xef\xbb\xe7\xfe;\xfd&gt;\xbfU}H)\xe5t9\xfd\xd5\xfe\'\xe6-|a\xc9K\xb55\xb5D\xc4\x05\x17B0b\xf2\x18"\xe2\x9c\x0b\xc1\x89\x98TRI\xf5\xd5\x97\x07~\x95\xfb\x9b\x8f&gt;\xf8\xf8\x0f\x8b\x16h\x0e\xcd\xd0\r\xab\xfe(\xa8\xbf\xb5\xf5?\xa1\x18\x1a\xbf\x86!\xdd\x9e\x94\x97\x9f\x7f\xed\xe1_\xfe\xce\xec&lt;D\xa494\xce\xb8\xd9U\x94TD\xc4\x18k\xb8\x18\xa3\xa4\xda\xb1\xb5\xe8\x96kg=\xf8\xe8/\xef\xfc\xd9m\xfe*\x7fT\xad%\x9eP\xcc\x04\x80\x92J)\x95\x99\x95\xf1A\xc1\xba\x9f\xdd\xfe\x8b\x83_\x7f\xabi\xc20\xa4\xae\xebG/\xe5\xe9\x86\xd5m\xfc\x1f\xa5\x94\xa6i\xfb\xf6\xec{h\xce\xbc\x8f\xd6~BDB\x13\xa4H)\x15\x89D\xbe\xf3\xcd\xe6\xe5#\xf3DX\x08\xa1\x94z|\xee\x02M\x13w\xfd\xfc\xf6\xaa\x8a\xea\xd6\xbf2\xa6\xa4Jt&amp;\xee\xdf\xfb\xd5\xb4\x89\xb7\x96|Sb6\x9e\x113\x0c#b\xfc\xaf\xf1\x9cs"\xd5p$b\x9c\x91"\xc6\x99\x10\xe2?o\xac\x8eD\xf4E/\xfe\xd5\xaa?\n\xeaom\xfd\xbf/\xb6\xc6\xafI)\xcaj\x93\xe5\xab\xf69\x1c\x0e"\x92R\xea\x11\xfd\x04\xdfg\x10\x1d[p3\x8f\xf8\x8f&gt;\xf8xV\x9b\xcc\xc9\xd3\'UWUG\xf9ZPl\x04\x80a\x18\t\t\t\xae$\xd73\x0b\x9f\xfd\xddCO\x18\x86!4a\x182\n/\x195\xd0\x1c\xda\xcf\xefx`\xcb\xc6O\x1d\x0e\x87n\xe8\xa4\x94aH"\xea\xda\xbd\xcb\x88K\x87\xff\xa0W\x8f\xac\xec,\x87C\xf3\xfb\x02;\xb6\x16\xbd\xf5\xcf\xff\xee\xdf\xfb\x15\xe3\xcc0\x0cs\x0c?\xf6\x9b\x05\x83\x86\x0f\xec\xd3\xbfWMMm+\xcfC\x19c\x91H\xa4M\xdb\xac6\xd9\x99\x87\x0e\x1e\xd24M\xd7u\xb3\xd4]\xbbw\x19y\xe9\xf0\xde\x03z\xb5\xef\xd0.)9\x89\x88\xfc&gt;\xff\xee\xe2=o\xff\xfb\x9d\r\xeb7\x12\x11)\xd2\xa5\xeeph\xef\xfcg\xcd\xf2\xbf\xaf\xc8\xb9wVUe\x95%c\x00\xf5\xb7\xb6\xfe\xc7\x8b\xc5\xf1+\x04\x0f\x06\x82\x97]y\xe9\xc81#\xd6\xbf\xf7\xa1\xf9bfV\xc6\xc0a\x03z\xf7\xefu^\xe7s=^\xb7\x10\xa2\xa6\xa6\xf6\xcb\xdd\xfb\xde}\xfb\xfdO\xd6o "e(s#\xd6\xc3\xbf|t\xc4\xa5\xc3\xbc\xe9^=\xa2G\xd5\x99\xcdw\xc4@\x00\xe8\x11\xdd\xedM\xf5U\x07~v\xfb/\xfe\xf5\xea\x9b\xc4H\x08a\xce\x17\x12\x12\x13\xc2\xa1\xb0\xd5\r&lt;\x01\xb3g\xff\xe6\xb1\x07\xa6^}k]m\x9d\x92\xca \xd5w`\x9f;\x7fz\xdb%\x97\x8ft{\xdcRIiH"\xc5\x18\xbf\xe6\xfa\t\xf7\xdc\x7f\xc7\xef\x1fy\xfa\xef\x7fz\x8es.\xa5$A\x86a\xfc\xe9\xc9\xbf,_\xf5\x9c\x05c\x84\x91a\x18n\x8f\xfb\xe9\xc5\x7f\xf8\xf1%?\xf1W\xfb\x89h\xcc\xb8\xd13\xee\xbce\xd0\xb0\x01\xe6n\x07\xc30\xa4!\x89\x88\x0b&gt;z\xec%3\xee\xba\xe5\xc5\xa5/?4g\x9ey\xa82\x0c\xc9\x18\xfb\xfb\xd3\xcf]{\xc35\x89\xceD\xc3\x90\xad&lt;\x04P\x7fk\xeb\x7f\xbcX\x1c\xbf&amp;\xb3\x17\xddz\xfb\xf4\xf5\xef}8t\xd4\x90I7^s\xc9\xe5#\xdbuh\'\x840\x0cC)\xa9\x14q\xc6\xc4\x84+n\xcf\x9d\xfd\xea?V=p\xefC\xa1pX)\xc59\xaf\xac\xa8\xfa\xe7\xcb\xff\xba\xe7\xbe;+\xcb\xab\xa2y{k\xb4/Q)\xa52\xb22\xbe\xf8l\xc7O\xc6N\xfe\xd7\xabo\n!\x04\x17\xe69\xfb\x03\x8f\xdc\xdf\xb5[\x17:z.\x1c]8\xe7\xb55\xb5CF\x0ey\xec\xe9G\x0c\xc3p\xb9\x9cs\x9fxpU\xfe\x8bW]3^)UQ^Y]Y\xed\xf7\x05\x02\xbe\xa0\xaf\xdaW^V\xa1\x14=\xfa\xf4\xc3Sg\xdc \xa5\x14\x82\x9bW/\xd7\xbf\xf7\xd1\x9e\x9d_\xba\\N\xd9\xea\x07!\xcey\xc0\x1f\xe8v\xd1\x85\x0f&gt;\xf2\x8b\xee=\xbb-[\x95\xf7\xfc?\x97\x8c\x1e;J)UY^Y]U\x1d\x0c\x04kkkkkk\x83\x81`eEe\xa0:0\xfb\xce\x19\xbf\xfa\xed/\xa4\x94\x8c3)%1Vr\xf0\xd0\xe6\r\x9f\xba\x92\\\xaa\xd5\xf7u\xa0\xfe\xd6\xd6\xbfA\x8c\x8e_\x93\x10\xa2\xa6\xa6f\xd0\xf0\x81\xaf\xafyy\xe5\x9b\xcbo\xbcu\x8a7\xcd\xeb\xab\xf6U\x96W\xfa\xaa}\x01_0\x18\x08\xfa|\x81\x8a\xf2*_\xb5\xef\x96\xd97\xdd?\xefgJ*\xce\x19\x111\xc6\xd6\x16\xac\x8f\x84#\x8cG\xef\xf4\x9f\xa2&lt;\x00\x94R\x8e\x04\xc7\xcae/O\xbab\xca\xee\xa2=\xe6\x99\xaca\x18\x89\x89\x89\x7f^\xfa\xd4\x1dsr\xaa\xab\xaa\xadn\xe3I\t!*\xca+\x7fr\xc3\xc4_?\xf6\xab\xe5\xaf/\xbe\xe7\xfe\xbb\xc2\x91Hu\x95\x8f\x884M\x08!\x84\xe0\xe6e=M\xd3\xa4!}U\xbe{\xef\xbf\xd3\xedI5W*\x18g\xa1\xfa\xd0\xb6\xcf\xbeHt&amp;Z2\x805M\xf3U\xf9\xae\x99r\xf5\xeb\x05/\x8f\xfd\xe1\xe5\x01\x7f\xc0\xef\xf3\x13\x91\xd0\xcc\xa6\xff\x8f\xa6i\\\xf0\xd2#Gn\xbc\xf5\xfas;\x9f+\r\xc99\x17\x9c1\xc6\x8a\xb6\x17k\x0e\xad\xf5\x0f\xa0\x84\xfa[]\x7f\x8a\xf1\xf1kRR%$$\x0c\x18\xdc?T\x1f\xaa\xaa\xa8\xd2u]\x08q\xf4O \xb8y\x05\xde\xecNe\xe5e?\xb9abFV\x86\xd9\x7f\x94R\x07\xf6\x7f\xed\xab\xf6k\x9a\x88\xe6\x95\xae\xe8\r\x00i\xc8\x94\xd4\x94w\xdf~\xff\xa79\xf7\xd5\xd5\xd5s\xce\xcdS\xe3\x8e\xe7tX\xf9\xd6\xf3Sn\xba\xae\xf4Pi(\x14&amp;"EQZ_!\xb8\xdf\xe7\xbf=w\xf6\xe0\xe1\x03K\x0f\x1da\x8c\x9dl5\x96\x0b\x1e\n\x85\xdawj\xdf\xbb_/":\xba7\x82\xe8\xc0\xbe\xaf\xcd\xcb\x92\xad\xda\xee\xe3\x98WS\xcd=m\xa7XJf\x8c\x99\x7f\xaf~\x03{\xd3\xb1\x0bb\xe6t\x95\x94e\xb7F\xa2\xfe\x16\xd6?\x0e\xc6\xafI)USS\xc3\x18\x13\x9a8\xd9j&gt;cLJ\xe9\xf1x\xce=\xbf\x13\x11\x99\x15\x0f\x06\x82\xf5\xf5!\x16\xad\xe77\xa6\xe8m\x1c\x17\xbc&amp;X3\xea\xb2\x11\x97\\6R)%4a\xe8\xc6\xf0\xd1C__\xf3\xca\xa0a\x03*\xca+\x19\xe3G/\xcaGq\xff\xe1\x9c\xfb\xaa}\xb5\xb5uZ#\xd6\x015Mt8\xa7=\x91\xd9\x81\x18\x11\x05\x03A2o\x94\xb4\x8e\x94\xb2\x91W\x11\x19c\xde4/\xd1\xff\xdak\xf9\xe5/\xd4\xbf\xa5\x9au:\xf11~M\x8dY\xa4R\x8a\x88\x11c\x9c\x8e\x95\x9f\xc5\xc2c9\xa27\x00\x88HJ\x95\xe8L|*oA\x87N\x1d"\xe1\xc8\xadw\xdc\xbc\xe2\x9fK\xb2\xdad\xf8\xab\xfd\x0e\x87C)\x19U7\r\x9e\x8cy\xc2\xde\xc8o\xfe\xcewj\x0e\x07\x11Y;D\x1a\xdb\x89\x19)\xa5\x02\xfe\x80\xf9o\x8a\x881\xcaj\x93I\xcc\xe2\x01\x8e\xfa[\xd5\xfa\xf8\x18\xbf\x8d\xa2H\x08^[S[z\xa8\x94\xcc0 \xf2x\xdd\xae$\xa74$\x8b\xe2\xc7\x03E\xf5. \xceY]M]\xdb\xf6\xd9O\xfe\xe5w_\xee\xfe\xf2\xb6\xff7\xcbW\xe57\xa4a^UW\x8ab`\xf2p&amp;\xa4T\x95\x15UD\xe6Y\xb1"\xa2\xcc\xac\x0c\xa5T4w\xa0\x06\x9c\xf3\xba\xda\xba\xed[\x8b\x88HIe\xee\xa1\xe8qq\x0f=\xa2\xf3\xe8\xbe\x0e\xd6\x00\xf5o\xee&amp;\xd9e\xfc\x1a\x86\xe1Nu\xaf\x7f\xff\xa3o\xbf)i\xb8\x08\xdc\xb9\xcb\xf9n\x8f;\xe0\x0fD\xedUn\x8a\xf2\x00 "\xa1\t_\xb5\x7f\xd8%CF\x8f\x1dUYQ\xd5p\xdf\xa6\xd5\xedj~B\x88\x9a`\xcd\x97\xbb\xf6\x11\x91y\x93*\x11u\xb9\xb0\xb3\xae\x1b\x14\xf5\'\x92\xe1p$\xabM\xc6;o\xad\xd9U\xb4\xdb\xdc\xf6\xa0\x14u&lt;\xb7c\xbfA}jkj\xa3|#\x84\t\xf5o\tv\x18\xbfRJ\xa1\t=\xa2\xff\xfe\x91?*\xa5\xccU \xa5\xd4\xd8\xab.\x17B(\xa9\xa2y\x9d%\x8a\x9bv\x0c\xe7\xbc\xbe\xae\xde\xbc\x0e\x16\xfdkjM#\xa5t\xba\x9c\xbb\x8bv\xef\xdb\xbb\x9f1f\x1e\x82\xd22\xd2z\\\xdc\xbd\xbe\xbe&gt;Jf\xd0J\x1d=2607\xa4\xeb\xba\x91\x91\x99^r\xf0\xd0\xfc_&gt;J\xa4\x181\xf3\xc2i\xce\xbd3\xd33\xd2u]\x8f\xfe\x194\xea\xdfr\xe2{\xfc\x9a\xfb\x86SSS~y\xef\x83\x9b7l1\'\xfb\x86a\x9c\x7f\xc1y\x13&amp;\xfd(\xe0\x0fp\xab\xef\xc2;\xb5\x18\x08\x00:\xfa\xc0\x93\xa8\xae\xe3Y\x92\x86t:\x13_Z\xf1\x9aa\x18\x9css\xe7\xc0\xe8\xcbGu\xe8\xd4&gt;\x1c\nG\xc9\xb0\xe1\x9c5l=\x14Bh\x0e\xcd\x95\xe4JK\xf7z\xd3&lt;\x1f\xaf\xdbp\xfd\x0f\xa7}\xb9{\x1f\xe7\x82s\x1e\x89D\xc6^u\xd9M\xb3\xa7\xfa\xaa}1\xf1\x87C\xfd[\xb8\xe5\xf19~\xcd;\x9c\x1d\t\t\xf7\xce\xfa\xd9K\xcb_\x15B4\xechz\xe4\x0f\xf3\xdc\x9eT]\xd7\xa3\xa3\xef\x9cT\xb4/\x01\xd9\x81\xb9an\xeb\xa7_\xbc\xf6\xc2\xeb\xe6~2\xf3Ly\xfa\xec\x1b#\xd1t\x1f\xb9\xae\xeb\r;b\xa4!\xeb\xebCGJ\x8f\x14\x7f\xb13\xff\xcd\x82w\xfe\xb3\x86\x884\x87f\xee\xeb\x18?\xe1\x8a?\xe6-\xfc\xfeSw\xa2\x13\xea\x0fM\xa0\xebz\xaa;\xb5\xaa\xa2\xea\xde\x99?]\xbbf}\xc3va)\xe5\xa3\x7f|\xf8\xb2\xf1\xa3-y\x90\xd4\x99B\x00X\x8f1b\x9c\xcd\xbb\xff\x91\xfa\xbaz\xf34\xd90\x8c\xab\xaf\xfb\xd1\x90\x11\x83\xaa\xab\xac\x9f\xc1\x99[\xd1\x03\xfe\xc0\xad\x93r|\xd5&gt;\xc6\x99RJ\xd7\x8d` \xe8\xab\xf2\x1d\xbf\x91C\x8f\xe8\xed:\xb4\xbbc\xce\xec\x9br\xa6E"\x11=\x12\x8d\x8f#\xfe&gt;\xd4\x1f\xce\x94\xae\x1b\xde4\xef\x8e\xadEw\xdct\xcf\x97\xbb\xf7\x99s\x7f)%\xe7\xfc\x89\xbf&lt;z\xd3\xeci\x95\x15\x95\xd1\x7f\xf4\'\x04\x80\xe5t]\xcfj\x93\xf5\xbb\x87\x1e\xffx\xed\x06!\x84\xf9P_o\xba\xf7\x17\xf3\xef\xab\xaf\x0bE\xcb\xf4\x93\x91\x94r\xf7\xce=\xe6s\x89\x8f\'\x84 F\x82\x8bQ\x97\x8f\x9ct\xe3\xc4\xf1\x13\xc6yR=\x87\x0e\x1d"v\xf4\x01\x9cQ\x0e\xf5\x873e\xe8\x86\xd7\xeb\xde\xb0~\xe3\xcc)\xb7WW\x1e}\xde\xa74\xa47\xcd\xf3\xc7\xbc\x85\xe3\xaf\x1eWY^i\xf9\xbc\xa1\x91\x10\x00V\xd2#zf\x9b\x8c\x97\x9e\x7f\xe5\x8f\x8f?#\x84\x90Rr\xc1\r\xdd\x98\xbf\xe0\xd7\xe7_pn\xb4\x9dB&amp;%\'\x99\x0b\xe2\xc7vq\x1c]\x8f0/F\xee\xdb\xb3\xef\xf5\x17\xff\xb5\xb3h\xf7\xe8\xcbF\xf5\x1f\xd2O\xd7\xf5\xba\xda\xba(\x1f\x06\xa8?\x9c))erj\xf2\xf6mE\xb7^\x97\xd3\xf0\xc9_\x86at\xffA\xb7\xbf,\x7f\xbaG\xcf\xee\x15e\x15\x9a\x163\xc7U\x9c!ZF\x8f\xe8\xe9\x99i\xef\xe5\x7fp\xdf\x1d\x0fp\xce\xcc\x1b&gt;\r\xdd\x98y\xd7\xad\x93\xa7O\x8a\xb6\xa3\x8fR*\xe8\x0f\xea\xba\x1e\x89D\xf4\xa3\x8c\xa3\xffgH]7\xf6\xed\xd9\xff\xce\x7f\xd6\xfc\xf1w\x7f\xfe\xc9\xd8\xebsn\xbc\xf3\xab/\x0f\xb8=n\xf3\xb1_\xd1\t\xf5\x873\xa6\x88s\x1e\xaa\x0f\xe5\xce\xfa\xb9\xdf\xe7\x17\x9aP\xa4\x0c\xc3\x18v\xc9\xd0W\xf3Wv\xed~AUEU\x0c\x1d\xfd\tg\x00V\xd1#\xba7\xdd\xbbe\xe3g\xb7O\xbb;\x14\nq\xce\x84\xe0\xba\xae\x8f\x9fp\xc5\xdc\'\x1e\xf4E\xc1\xd2s\x03\xf393I\xc9IK^\xfd{$\xa23"E\xa4\xebzM\xa0\xa6\xecH\xf9\x81\xfd_o\xff|\xfb\xb6\xcf\xb6\x9b+\xce\x9cs]\xd7\xdf\xfeW\xfe\'\xeb7\xfee\xd9\xd3\xa3/\x1f\xe9\x8b\xca\xcfGE\xfd\xa1\t\x0ci\xa4\xa5\xa7-\xfd\xdb\xf2\xe2\xed;\x85&amp;\x94TR\xca\xa1\xa3\x86,_\xf5\x9c\x10"\xe8\xaf\xd1\x1c1vD\x8d\xb1\xe6\xc6\x07]\xd7=i\x9e\xe2\xed;o\xbd.\xc7W\xed7?\x17O\xd7\x8d!#\x06\xfdy\xc9\x1fB\xf5!\xa5TT\xdd&lt;e^\x87\x1cu\xd9\x88\xe3\xd6\xc4\x99\xb9U\x86H\xd5\xd5\xd6\xef\xdb\xbb\xff\xe5\xe7_]\xf2\xd7\xe5\xe6\x07&lt;\t\xc1\xab+\xabsn\xbc\xf3\x8d\xf7^\xed\xda\xbdK]m]T]\x8dD\xfd\xa1i\x18c\xe1p\xf8\xdf\xaf\xbd\xc5\x18c\x8cI%\xdbwl\xf7\x97e\x7f\xd4\x1cZ]m]T\x9d26\x12\xbaEk\xd3u\xdd\xedv\x7f\xb9\xfb\xcb\x9b\xae\x99QVZ\xc69g\x9c\xe9\xba\xd1\xbb\x7f\xaf\xe7^z\x96\x0b\x11\x9d\x9f\xe5\xad\x94\n\xf8\x82\xbej\xff\xb1\xff\xf9\xaa\xab\xaa+\xcb++\xcb\xabB\xf5\xa1\xce]\xcf\x7f\xf4\x8f\x0f/{-/\xd5\x9d\xca\x183\x0c\xa9iZM\xb0\xe6\xe1_&gt;\x1am\xbf\x0b\xea\x0fMc&gt;\xdd\xba\xfcH\xf9\x9e\x9d{\x95R\xe6\'\x8c\xce\xba{F\xc7s:\xd4\x04kb\xf44\x0b\x9d\xa3U\xe9\xba\xeev\xa7~\xb5\xff\xc0\xb4\xabo-9xH\x08\xc183t\xa3g\xef\x1f,_\xf5\\rJr\xa8&gt;\x14\xb5#\xd6|z\xfe\xff\xa1\t\xa1\t\xc6Y}]\xfd\xe1\x92\xc3?\xbcz\xfc\xaf~{\xbf\xf9\x99$\x86\xa1s\xce?|\xff\xe3\xcf7mMJN\x8a\x92\xc7~\xa1\xfe\xd0dJ)Mh\x95\xe5\x95~_\x80\x88\x0c\xc3\x10B\x0c\x1d9\xb8\xb6&amp;\x86/\xb6Gi_\x8fK\xban\xa4\xa6\xa6|\xf3\xf5\xc1\xe9W\xdf\xfa\xcd\x81\x83\xe6\x06&gt;C7.\xee\xd3s\xc5\x1bK&lt;i\x9e\xba\xbaX\xedI\x9cs\x87\xc3QVV~\xf5u?\xee\xd0\xa9\xbd4$c\xcc\xdc\xb1\xbe\xe1\xa3\x8dNg\xa2\x94\xd6oHD\xfd\xe1,1\xce\xea\xeaB\xe6\xa1\x9f1\x96\xe2NI\xcfL7\x0c#Z\xb6\x0b\x9f9\x04@+1t#%5\xb9\xe4\xdb\xc3\xd3\xae\xbe\xf5\xab}\x07\x1a\x8e&gt;}\xfa\xf7\xfe\xc7\xbf\x97y\xd3\xbd\xb1\xbei\xcf\xbc\x7f\xca\xedq\xf7\xe8\xd9\x9d\xe8\xe8\x83\xd1\x89h\xff\xde\xaf\xa4T\x96\x0f\x10\xd4\x1f\xce\x1e#2\x0c\xe3\xe8g2K\x19\xaa\x0b\x99\x1b\x81\xacnW\xd3\xe1"pk0\x0c#)%\xe9\xc8\xe1#\xd3\'\xde\xbao\xcf\xfe\x86\xa3O\xdf\x81}\x96\xbf\xfe\\\xaa;5\xd6\x8f&gt;\r8g)\xa9)G\xffE\x11\x11\x05\x835\x16~&amp;\xad\t\xf5\xb7\xb0Iq\x831\x16\n\x85\xcf\xeb|\xce\xf2\xd7\x17\x9b{\xb1\x1c\x0e-)\xc9e\x9eoY\xdd\xba&amp;B\x00\xb48\xc30\x92\x92\x92*\xca*\xa6O\x9c\xb1g\xe7\xde\x86\xa3O\xbfA}\x97\xafz.%5%n\x8e&gt;DLJ\x15\x0c\x04\x8f\x7f)1!\xc1\xda\xc7)\xa3\xfe\xd1\xff8\xeb\x98`&gt;\'*%5\xe5\xf2+/5_QJ\xd5\xd6\xd4\xc5\xf4\xd3\xad\x11\x00-\xcb0\x0cW\x92\xab\xba\xaa\xfa\xa6kf\xec\xdc\xb1\xab\xe1\xe8\xd3\x7fp\xdf\xe5\xab\x16\'\xa7$\xc7\xee\xba\xf3\xf7\t\xc1\x83\x81\x9a/w\x1f}\xa4&gt;\xe7\x8c1\x96\xdd\xae\x8d\x10\xdc\xaa1\x82\xfa[[\xff\xf8#\rYU\xe93O\xaa\x18g\x8e\xa3\x9f\x19\x17\xab\x10\x00-\xc80\x0c\x97\xcb\xe5\xf7\x05\xa6_3c\xc7\xb6bs\x9b\xb0\xa1\x1b\x03\x86\xf4_\xb6*/99)\xca\x8f&gt;\xe6\xd5\xadF\xee\x8a\xd1u\xdd\xe3\xf5\xac\x7f\xef\xc3\xaf\xf6\x1d0o\xac%\xe2J\xa9\x8bz]d\x18\xd2\x929(\xeaom\xfd\xe3\x92T2\xd5\x9d\x92\xe8Ld\xc4"\x91p0PCQ\xf0\xd9\xd7M\x86\x00h)\x86a8\x9d\xce`\xb0\xe6\x96\x9f\xcc\xfc\xe2\xb3\xedB\x08iH\xa5T\xdf\x81}\x16\xbf\xf2\xf7\xc4\xc4\xc4`\xa0FhB\xd7Oz\xb3&gt;;\xf6\xc9\xaeV\x1d\xa4\xbci\x9ep8RW[\xa7\xa4b\xdc\xbc\xf7\xe5\x04\x1d])e\xe8F\xa23Q\xd7\xf5\xdf\xff\xf6i\xa5\x14\xe7\x9c1RJy\xbc\xee\x81C\xfa[r#\x12\xeaom\xfd\xe3\x92R*%%\xf9\xd3\xc2\xcf?^\xbf!T\x1f\xea;\xb0\xcf%\x97\x8d\x0c\x87\xc3J\xaa\xa8\xff\xd0\xa3\x13C\x00\xb4\x08)\xa5+\xc9U[Sw\xcb\xb5\xb3&gt;\xdb\xbcUhB\x1a\x92\x88\xae\xf8\xd1\xe5K_]\xe4r\xba\xeaC\xf5nO\xea\xa9\xdfD\x1d\xddu \x1b&gt;\xe9\xbbuHCz\xd2\xdcO?\xf1\x97\xb2\xd2\xf2\x9bf\xdf\xd8\xb9K\xe7\x84DG8\x1c\t\x87\xc2\xba\xae\x7fgG9\xe7\xdc\x91\xe0\xf0\xa6y\xfc\xfe@\xee\xac\x9f\x99\x1f\x8ad\x18R\xd3\x84\xae\x1b?\xbe\</t>
        </is>
      </c>
    </row>
    <row r="419">
      <c r="A419" s="1" t="n">
        <v>417</v>
      </c>
      <c r="B419" t="inlineStr">
        <is>
          <t>size_grid</t>
        </is>
      </c>
      <c r="C419" t="inlineStr">
        <is>
          <t>What is the size of the missing part denoted with a question mark?</t>
        </is>
      </c>
      <c r="D419" t="inlineStr">
        <is>
          <t>['medium', 'large', 'small']</t>
        </is>
      </c>
      <c r="E419" t="inlineStr">
        <is>
          <t>medium</t>
        </is>
      </c>
      <c r="F419" t="inlineStr">
        <is>
          <t>There are circles arranged in a grid formation with varying sizes in the image. The sizes in the first row are ['large', 'medium', 'large'], the sizes in the second row are ['medium', 'small', '?'], and the sizes in the third row are ['large', 'medium', 'large'].</t>
        </is>
      </c>
      <c r="G419" t="inlineStr">
        <is>
          <t>We observe that the circles at the corners are large size, while the circles directly adjacent to the center are medium size. Only the center circle is small size. Hence, the pattern is that the circles alternate in size depending on if they are at the corner or adjacent to the center.</t>
        </is>
      </c>
      <c r="H419" t="inlineStr">
        <is>
          <t>Based on the pattern that the circles alternate in size depending on if they are at the corner or adjacent to the center, the size of the missing part that is adjacent to the center should be medium.</t>
        </is>
      </c>
      <c r="I419" t="inlineStr">
        <is>
          <t>b'\x89PNG\r\n\x1a\n\x00\x00\x00\rIHDR\x00\x00\x02\x00\x00\x00\x02\x00\x08\x02\x00\x00\x00{\x1aC\xad\x00\x00Z\xe5IDATx\x9c\xed\xddy|\x14\xf5\xfd?\xf0\xf7gfv7\x9b{spZ.!\t\x86\x10\x88\x84C\x10\t H=[\x10\xb4\xa2\x10\x04\xe4\xe7\x19\xbc*\xadm\xbd\xda\xaa\xa0\xd0VP\x89\x02\x8a\x08\xc5\xda\x82\xc0\x17\xc2!\xca!"\x120\t\x04B8\xc2\x91\x0bH\x08K\xae\xdd\x99\xf9\xfc\xfe\xf8\xc86\xe5\x0c\x90\x90\xdd\xfd\xbc\x9e\x8f\xef\xc3G\xbf\x9bM\x98\xdd}\xcd\xbc&gt;3\xf3\x99Y\xc69\'\x00\x00\x90\x8f\xd2\xd4\x0b\x00\x00\x00M\x03\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Jk\xea\x05\x90\x11\xe7\xfc\x82\x8f3\xc6\xae\xf3\x92\x00\\\x7f\xc8\xbf\xf7@\x014.^\x07\x11)\x8a\xe2\xf9\xef\xf9L\xd3\xf4\xfc\x97\xd5q\x1d\x97\x17\xa0!!\xff^\x8e]\xac\x8d\xe1\xaa\x89\xb8\x9b\xa6\xc9\x18SU\xf5\xfc\'\x98\xa6YQQ\xc1\xd8\xcfo\xbe\xf8\x1f\x01\x01\x01v\xbb\xfd\x82O\x16\x7fJQ\x14\xac\x0c\xe0\xfd\x90\x7f\x1f\x82\x02h0"\xf4\x9csM\xfb\xef~\x95a\x18\x85\x85\x85\xf9\xf9\xf9\xd9\xd9Y\'N\x9c\xd8\xb6\xedG]\xd7K\x8a\x8b\x8bK\x8a\x191N\xe2\xcdgD&lt;8(\xb8c\xa7\x8e\x9cSBBBTTT\x8f\x1e=~\xf1\x8b_\xb4m\xdb600\xb0\xee_#"\xac\t\xe0\x85\x90\x7f_\x84\x02h\x00\x9cs\xc30&lt;\xb97\x0c#///##c\xd3\xa6Myyy\x05\x05\x87N\x9fv^\xc5\x9f\xb5\xd9\xac\xadZ\xb5\x8a\x8d\x8d\xed\xdd\xbb\xcf\x90!C\x12\x13\x13=+\x83\xae\xeb\x8a\xa2\\lW\x1a\xe0zB\xfe}\x17\n\xe0\x9a\x88!\x89\xd8\xcf5\x0cc\xeb\xd6\xadK\x96,Y\xb9r\xe5\xbe}y\xb5\xb5\xae\xba\xcf\x0c\t\t\n\n\n\xbc)\xa6\x9d\xa2\xa9a!A]\xbb\xc6p\xc3\x14\xc3\x18\xce9\xd3,\x05\x87\x8e\x1e&gt;Z\xccT5?\xff\xf0\xe9\xd3gN\x96\x9d:\xe7\xdfj\xdf\xbe]J\xca\xc0{\xef\xbdw\xc0\x80\x01\xa1\xa1\xa1tv\xcc\x85\x01\x114\x15\xe4\xdf\xd7\xa1\x00\xae\x92a\x18\x9e\xe4\x1d=zt\xd1\xa2E\x0b\x16,\xd8\xb9s\xe7\x7f\x9f\xc1X\xbb\xb6\xado\xee\xde9)1\xb6G\xb7\xb8\xce\xb1\x1dB\xc3\x82\xc3\xa2\x1d\xa4\xa8\xa40"\x0bQ\xddw\x9e\x11\xe9d\x1a\xc4X\xf5\x89\xf2\xca\xca\xea]y\x87vd\xe5e\xe7\xec\xdb\xb6}\xd7\xbe\xfc\x82\x9a\x9aZ\xcfS\xdb\xb6m;r\xe4\xc8\xd1\xa3Gw\xed\xda\xd5\xb30\x17&lt;\xd8\n\xd0H\x90\x7f\xff\x80\x02\xb8b\xe2@\xa7\x08\xdcw\xdf}\xf7\xf1\xc7\x1f\xff\xe7?\xff./?%~\xeap\x84\xf6H\x8a\x1f:\xa8w\xff[{\xc4\xc7\xb5\x0b\x8c\x8a \xd2\x88t\xaau\x91a\x9an7\x11qN\x9c\x9bDu\x87-\xfc\xe7\t\x0f\x9c\x14\x8bF\xaaB6+1\x8d\x88\x1b\xa7\x9dy\xfb\x8fl\xdd\x96\xb5&lt;c\xd3\xf6\xed\xbb\x0f\x15\x1c\x13\xbf`\xb5Z\x07\x0c\x18\xf0\xf8\xe3\x8f\x0f\x1b6\xccj\xb5\x8a\xd1\x10V\x03hl\xc8\xbf?A\x01\\\x81\xba\xc7:\xd7\xad[\xf7\xf6\xdbo\xaf^\xbd\xda\xf3\xd3~\xb7t\xbf\xf7\xee\x94\x07F\x0c\xbd\xa1\xc3\r\xa4X\xc8tSu\xad\xe1\xd69\xe7\x9e\xf9l\xf5\xd9W\x15\x9f\x88ir\xce9c\xa4j*\xd9ld\xb1\x12\x99\xce\x92\xb2%+\xd6\xff{\xc9\xd7k\xbe\xdeRYY-\x9e\xdf5!!m\xf2\xe4\xd4\xd4T\xfa\xdfq\x19@\xc3B\xfe\xfd\x0f\n\xa0\xbe\xc4\xd1F"\xca\xcb\xcb{\xeb\xad\xb7\xe6\xcd\x9dkrNDv{\xc0oF\x0e\x1b7\xf6W\xb7\xf4I$\x9b\x9dj\xab\xcd\x9aZ\xd3\xe4LaJC\xccb\x16\xc3%\x93sF\xa4Z-\x14\x18D\xdc\xdc\x93\x93\xf7\xcf/2f\x7f\xf4Ea\xd1q\xf1\xb4\xc1\x83\x07\xbf\xf4\xd2K\x83\x06\r"\xec\x11C#@\xfe\xfd\x12\n\xa0^t]\xd74\xcd\xe5r\xbd\xfd\xf6\xdb\xd3\xa7\xbf[VVND\x11\x8e\xb0q\xa9\xbf\x1a\xf3\xe0\x9d]z$\x92\xe9\xe6g\xaa\x0c\xc3T\xd5F\x1c\x80\xfc&lt;\xbd\x9aH\t\xb2\x93\xc5^Rpx\xfe\xa2\x95s\xe6~\x99\xbb\xf7 \x111\xc6RSS_\x7f\xfd\xf5V\xadZa(\x04\r\x08\xf9\xf7W(\x80\xcb\x10\xd7%*\x8a\xb2y\xf3\xe6I\x93&amp;\xe5\xe4\xe4\x10\x91\xddf{\xf0\x81a/&gt;;.\xb6k&lt;\xb9+\x8d\xcajFLQ\xaf\xdf\xa44\xd34M\x93k\x01V\xb2\x87V\x94\x16\xcfx\xef\xb3\x0f\xd3\xbf(*&gt;AD-Z4\x7f\xfd\xf57\xc6\x8f\x1fO\x18\n\xc15C\xfe\xfd\x1b\n\xe0R&lt;\x01z\xe5\x95W\xde|\xf3\xafbf\xdb\xe0\x94^o\xbc\xf6T\xaf~\xbd\xc8U\xad\x9f\xa9R\xd4&amp;\x9b\x8f\xcc97tC\xb3Y)(\xb4\xf0\xc0\xc1?\xbc:s\xde\xfc\xa5b\xc7\xfc\x81\x07\x1ex\xef\xbd\xf7"##\xc5\xd8\xadI\x16\x0f|\x1d\xf2\xef\xf7P\x00\x17%\xd2_TT\x94\x9a\x9a\x9a\x91\x91AD\x8e\xf0\x90W\xff\xf8\xc4SO\x8e&amp;\x85\x19\xa7\x9d\xcc;.E\xf9\xf9\xd4\x9c=\x80\x02\x822\x96\xad}\xe6\xb97\xf7\xee+ \xa2\x98\x98\x989s\xe6\xf4\xed\xdb\x17\xe3 \xb8\n\xc8\xbf\x0cP\x00\x17&amp;\x06\x0e\x9b7o\x1e9rdaa!\x11\xf5\xeb\xd3\xed\xe3\xf4\xd7c\xe2\xe3\xcc\x8aS\xc4\xf9\xf5\xdc\xe1\xad\x0f\xce\xb9a\x98\x9a#\xac\xe2\xe4\xa9\xe7\x9f\x7f\xeb\xa3y\xff!"\x9b\xcd\xfa\xb7\xbf\xfd\xfd\xb1\xc7\x1e\xc3!Q\xb8"\xc8\xbf$\xbc\xebS\xf4\x12"\xfd\xe9\xe9\xe9)))"\xfdiO&gt;\xb4~\xcd\xdc\x98\x98vz\xf9IE\xb9\xae\x87;\xeb\x891\xa6i\xaaQ^\x11f\xb7\xa6\xcf}3\xfd\xfdW\xc2C\x83kk]\x93&amp;M\x9a4i\x92\xaa\xaab\xfavS/&amp;\xf8\x00\xe4_\x1e\xd8\x038\x97\'\xfd\x13\'N$\xa2\xb0\x90\xa0w\xa7\xbd8n\xe2h\xee,\xe7\x86\xe9\x85\xd1?\x07\xe7\xdc4L\xd5\x11\xf9\xc3\xa6\xad\x0f\x8f})o\xff\x11"\x9a0a\xc2\xec\xd9\xb31\x0e\x82\xcbB\xfe\xa5\x82\x02\xf8\x1f\xe7\xa4?\xd2\x11\xba\xf2\xab\xf7\x93\xfb\xf5\xd2\xcbN\xa8\x9a\xeaC\xd1\xd1\xdd\xba\x16\x1eZVZ6\xec\xce\x89?d\xee&amp;\xac\x03P\x0f\xc8\xbfl\xbc\xbd\xcf\xaf\xa7s\xd2\xdf3\xe9\xa6-\x9b\x17&amp;\xdf\xd2]/;\xa1Y4\xdf\n\x8df\xd1\x8c\ng\x84#d\xed\xday\xe3F\xdfCD\xe2ua_\x18.\x06\xf9\x97\x10\xf6\x00~v~\xfaW\xfd_\xba#:\xdc\xa8p\xaa&gt;;\x8d\xcc4L\xc5j!{\xc0\xc4\xd4)\xe9\x9f,\xa1\xb3\xe3 \xf1\r\x1b\xbe\xb5JC\xa3B\xfe\xe5\x84\x02 :;\xe3\xcd\x93\xfe\xe4\xee\x9d3V~\xe4p\x84\x18\x95\xd5\xaa\xe6\xdb\x13\xc8L\xd3\xe4\x8a\xa2\x06\x07\x9d\xb3\x0e`n\x1cx \xff\xd2B\x01\xfc\x9c\xfe-[\xb6\xf4\xeb\xd7\xcf4\xcd\x88\xf0\xd0\x1f\xbf[\xd8&gt;\xb6\x9dQq\xc6\xd7\xd3/p\xd3\xe4\xaa\xca,\x96\xbe\xb7\xfef\xcb\xb6\x1c"\x9a&gt;}zZZ\x1a\xae\x91\x01B\xfe\xe5&amp;{\x01\x88\x9d\xc1\xd2\xd2\xd2\xc4\xc4\xae%%\xa5A\x81\xf6\xf5\x19\xe9\xc9\xb7$\x19\x15N\xffH\xbf`\x9a&amp;Y,\xa7\x9cU)\x03\x1f\xc9\xda\xbd\x9f\x88V\xaf^}\xfb\xed\xb7c\x1c$9\xe4_\xf2\xfc\xcb~\x12X\xdc\xea\xe4\xe1\x87\x1f.))%\xa2\x99\xef\xfe6\xb9_o\xfd\xd4i\x7fJ?\x11)\x8a\xc2k]\x11\xd1\x8e\xcf\xe6\xbd\x19\xe1\x08%\xa2G\x1ey\xb8\xa4\xa4DQ\x14\xf1\x0e\x80\x9c\x90\x7f\xc9\xf3/u\x01\x88}\xc0\xd7^{m\xcd\x9a5D\x94\xf6\xff\x1e\x18\xf3\xd8\xc3\xee\xb2\x13\x9a\xc5\x0fw\x0cUM\xd5O\x9dNH\xee&gt;\xfb\xef/\x13Qqq\xc9\xc3\x0f?\xcc\x98\xec\xbb\x802C\xfe\x91\x7fy_\xbf\xb8\xbf\xf9\xf7\xdf\x7f\xdf\xbf\x7f\x7f\xb7\xdb\xdd\xbbG\x97M\x1b&gt;\xe3n]%\xee\xc7\xd3\x03t]\xd7\x1c\x91\x93\x1f\xff\xc3\x8c\xf7\x17\xd1\xd9\x83\xa1\xd8\x11\x96\x10\xf2O\xc8\xbf\xb4\x05 n,n\x18FBBB^^^HH\xd0\xce-\x8b:\xc4\xb43+\xab\xbd\xffZ\xc7k\xc197\x19#M\xeb\xd9gT\xe6Oy\x9a\xa6\xe4\xe4\xec\x8a\x89\x89\xe1\x9c{\xc3\x8d\xbd\xe0\xfa@\xfe\x91\x7fA\xc6\xd7LD\xe2\xebC\xa7M\x9b\x96\x97\x97GDo\xfe\xe9\x89\x0e\xf1q\xba\xb3\xd2\xbf\xd3OD\x8c12L\xd5b\xf9h\xe6\x1fm6\x8ba\x98O?\xfd4v\x84e\x83\xfc#\xff\x82\x9f\x7f\xde\x17$v~\xf7\xef\xdf\xff\xf6\xdbo\x13Q\xff\xbe\xdd\x1f\x7ff\x8cQQ\xee\x97\x87&gt;\xcf\xa7\xaa\x8a\xeetv\xef\xdb\xeb\xf9\'\x1f\xe2\x9c\xaf^\xbd\xfa\x8b/\xbePU\xd50\x8c\xa6^4\xb8\x1e\x90\x7f\xe4\xdfC\xc6\xea\x13\x87\xfc\xc6\x8c\x19\xf3\xe9\xa7\x9f\x06\x04\xd86\xaf\xf98\xa9w7\xf3L\x95\xdf\x0f\x7f&lt;8\xe7\xa6\xaaVV\xd5\xf4\xe8\xf3\xc0\xfe\x83G:v\xec\x94\x9d\x9d\xadi\x1a.\x8f\x94\x01\xf2\x8f\xfc{\xc8\xf2\x91{\x88\xf4o\xd8\xb0a\xc1\x82\x05D4\xeaW\x83\x93\xfa\xf56\x9cg\xe4I?\x111\xc6\xb8\xcb\x1d\x1a\x1d\xfd\xf2\x0b\xe3L\x93\xe7\xe5\xe5M\x9b6\rS\xe2d\x80\xfc\x13\xf2_\x87t{\x00\xe23\x1e&lt;x\xf0\xfa\xf5\xeb##\xc2\xbe\xffv~\x87N\xed\xa8\xa6VQ\xe4j~N\xc4\x89\xdc\xc4\xfa\xa7&lt;\xb2-swDD\xc4\xee\xdd\xbb\xa3\xa3\xa3I\x1c\'\x05?\x85\xfc\x0b\xc8\xbf Q\xed\x13\x91\xb8\x19lff\xe67\xdf|CD\xa9\x0f\xdd\xdd\xb1K\x17\xb3\xb2J\xb6\xf4\x13\x11#\xe2\xbaa\x0b\t~u\xcaD\xce\xf9\xc9\x93\'?\xfb\xec3\xc6\x98\x9cGB%\x81\xfc{ \xff\x82\\\x05 \xcc\x9a5\x8bs\x1e\x10`\x1d\xf7\xc8\xbd\xdcuF\x91u\n\xb0\xa2\xa9\xe6\x19g\xffA}\xe2b\xdb1\xc6\xe6\xcc\x99S]]\xad\xaa\xaal;\x85\xb2A\xfe\x05\xe4\x9f\xa4*\x00\xce\xb9\xf8\x92\xeb\x7f\xfd\xeb\x0b"zp\xc4\x1d\x9d{$\x9aU\xd5\x12\x0e\x7f\x04F\xc4\xddF`x\xf8\x94\xc9c9\xe7\xbbv\xedZ\xb7n\x1dc\xcc\xef\x8f\x84\xf2\xb3\xc4\xad\xe1%Y\xe1\x91\xffsH\x9b\xff\xba$*\x00\xb1s\xb7p\xe1B\xa7\xf3\x8c\xaa\xaa\x8f\x8f\x1f\xc1M7\x91\xa4\xe9\x17\x14U\xe1Ug\x86\xffz\xc8\r\xad\x9b3\xc6\xd2\xd3g\x93\x9f\x1e\x03\x15\x9b{]\xd7\r\xc3`g\x89/\x87\x12\xd3\xc0\xc5\x8f\xfc\xb8\x0c\x90\xff\xf3\xc9\x93\xff\x8b\x91\xa8\x00TUu\xb9\\\x9f\xcc\x9b\xc7\x18\xebys|R\xefD~\xa6J\x95i\xf2\xc3\xf9\x18cF\xad;(:\xea\xc1\xe1C8\xe7\xeb\xd6\xad\xdb\xb7o\x9f\x9fM\x87\x10\x1bw\xb1\xb9\xd74M\\\xf4\xeft:KJJ\x8e\x1c9R\\\\\xect:\x19c\xe2G~|\x14\x18\xf9?\x9f\x0c\xf9\xbf4Y&gt;~1\xee\xdb\xb1#3;\'\x87s&gt;\xfc\x9e\x14\xc5\x16h\x1a\xb2|\xcc\x97\xc0\x18#\xd3=\xfc\xdeA\x8a\xa2TVV-Y\xb2\x84\xce\xce\x15\xf1\x03\x9cs\xb1q\'\xa2\xcc\xcc\xccw\xdeyg\xc4\x88\x11\xdd\xbau\xeb\xd4\xa9S\xa7N\x9d\xe2\xe2\xe2\xc4\xffHNN~\xec\xb1\xc7\x96/_.fI\xfa_\x07 \xff\x17\xe3\xdf\xf9\xbf,Y\xa6\x81\x8a\x1b\x1f\xfe\xf6\xb7/\xbe\xfd\xf6\xd4\x08GX\xce\x0f\x8b[\xfe\xa29\xafuK\xb5\xbbw1&amp;\xe7d\xb3\xdd\x96\xf2\xc8\xe6\xef\x7f\xba\xa5O\x9f\r\x1b7\x12\x91\x1f\xdc\x1aEl\xfd\x0b\x0b\x0b\xe7\xcf\x9f\xbfh\xd1\xa2\x9d;w^\xf6Wn\xbe\xf9\xe6\xbf\xfc\xe5/C\x86\x0c\xf1\xb3\x1b\x84!\xff\x97\xe0\xaf\xf9\xaf\x0f)^$\x11\xa9\xaa\xeav\xbb\x96/_AD\xdd\xba\xc6\xb4\xec\xf0\x0b\xb3\xc6\x85\xf4\x0b\xa6a*6\xfb\xe0\x94\x9e\x9c\xf3\xed\x99\x99\xf9\xf9\xf9~\xb0\x17,\xc6\xbc\x0b\x16,HHHx\xe9\xa5\x97\xc4\xd6\xdfb\xb1\xd8l6\xab\xd5*\x0e\xf8(\x8a\xa2\xaa\xaa\xc5b\xb1X,\xe2\x91\xed\xdb\xb7\x0f\x1d:t\xc6\x8c\x19~\xb6\x1f\x80\xfc_\x82_\xe6\xbf\x9e\xa4(\x00\xf1\xb5G\xfb\xf7\x1f8p`?\x11\xdd1\xf8\x16R4\xd3\x94b\xd7\xa7&gt;\x18cd\xba\x86\xa4\xf4\xd6T\xb5\xa6\xa6f\xf3\xe6\xcd\xe4/{\xc17\xdcpCYY\x99\xd5j\xb5X,\xaa\xaa\xba\xdd\xee\xda\xdaZ\x97\xcb%N\xf9\x8a;b\xba\xddn\xb7\xdb-\xfe_UUUU\x9d&lt;y\xf2\xe2\xc5\x8b\xfd\xa6\x03\x90\xffK\xf3\xe3\xfc_\x96,\x05@D\xabV\xad\xac\xa9\xa9\xd5Tu\xd0m\xc9db\xe7\xf7\xbf\x14\x85QuMb\xf7\xce\xad[7#\xa2e\xcb\xbe"\xdf\x9f\x0b\xa1\xaa\xaai\x9a\xb7\xddv\xdb\x1dw\xdc\xe1r\xb9\xc4&amp;\xbey\xf3\xe6\xf7\xdf\x7f\xff;\xef\xbc\xb3l\xd9\xb2\x8d\x1b7n\xd9\xb2e\xcd\x9a53f\xcc\x188p\xa0\x98\x0f*&amp;\x021\xc6\x9e|\xf2\xc9\x93\'O*\x8a\xe2\x07\xc7H\x91\xffK\xf3\xcb\xfc\xd7\x93\x14\xf7\xff\x13\x9f\xe5\xa6\xcd\x9b\x89\xa8u\xabf\xb1q\xed\xa9\xbaF\xda\xe9\xcf\xe7c\x8c\x19n#0"\xfc\xe6nq\x05\x87\x8bvd\xee\xa8\xaa\xaa\n\x0c\x0c\x14\x9b\xc2\xa6^\xba\xab\'\xb6\xe9\x93\'O^\xb5j\xd5\xa0A\x83\xc6\x8e\x1d;l\xd8\xb0\xc8\xc8\xc8s\x9e6x\xf0\xe0g\x9eyf\xd1\xa2E\xe3\xc6\x8d\xab\xad\xad\x15\xf3\xe5\x8f\x1f?\xbe`\xc1\x82\xa7\x9f~\xda\x0f\xbe:\x1c\xf9\xbf4\x7f\xcd\x7f}H\xb1\x07\xa0(\x8a\xcb\xe5\xda\x93\x9bKD\xc97\xc7\x07EE\x18n\xc3\xef?\xda+\xc29\'\xa6\x0e\xe8w3\x11\x95\x94\x96\x1c9r\xe4\xe7\x07}\x99\x98\xd69`\xc0\x80\xed\xdb\xb7\xaf]\xbbv\xf4\xe8\xd1\x91\x91\x91\x86a\x88\xe3?\x1e\xba\xae\xeb\xba\xfe\xc0\x03\x0fL\x9d:U\xdc*Y\xac\xf9+V\xac \xbf8\x19\x88\xfc_\x96_\xe6\xbf&gt;|&gt;\xdc\x97%\x0e\x80\x16\x15\x15\x1d&gt;|\x98\x88n\xee\x16GL\x93\xe1\xa3\xbd"\x8c1\xe2z\xf7\xc48EQ\xaa\xabk\xb2\xb2\xb2\xc8_V\x00\xab\xd5\x9a\x94\x94\xe49\xbc\xa3\xaa\xaa8\xdf\xeb\xa1i\x9a\xa2(\x86a\xa4\xa6\xa66o\xde\\\x1c\xf7\xe7\x9c\xe7\xe7\xe7\xbb\\._?\n\x84\xfc\xd7\x87\x1f\xe7\xff\xd2\xfc\xbf\x00\xc4\xa7x\xf0\xe0A\xa7\xf3\x0c\x11u\xeb\x1aK\x84\xe1\xcf\xb9\x14\x85Q\xad+\xb6c\xdb\xf0\xb0\x10"\xda\xb3\'\x97\xfch\x05\x10\x1bA\xb1Cp\xc1\'(\x8a\xa2(J```\xc7\x8e\x1d\xe9\xec1\x93\x8a\x8a\x8a\xea\xea\xea\xeb\xba\xa0\x8d\x00\xf9\xaf\x0f\xff\xce\xff%\xc8R\x00\xd9\xd9YD\x14\x16\x1a\x12\xdf\xb9\x03\xd5\xd6b\x058\x87\xb8C\xba\xa3Ut\xa7\x8em\x88(;;\x87\xfc\xe8&lt;X}\x0e\xe3\x88\x9c\xd4}\xc9\xe2F\x11\x8d\xb8X\xd7\x05\xf2_\x1f\xfe\x9d\xffK\xf0\xff\x02\x10\x8a\x8b\x8b\x89(00 ,,\x84\x0cC\x82O\xf6\x8aq\xce5\x9b52"\x8c\x88JJJd8\x03\xe6!\xbe\x13\xdc\xedv\x1f;v\xcc\xf3\xa0\xc3\xe1\x08\x0c\x0cl\xc2\xa5j@\xc8\xffe\xc9\x99\x7f\xff/\x001\xfa\xcb\xcc\xdcADq\xb1\xed\x82\xa3\x1d\xa6[\x97\xe1\xa3\xbdR\xa6\xc9\x89i7\'\xc6\x11Q^\xde\xdeS\xa7N\xf9\xfa\xe1\xef\xfa\x13\x13%\xb7m\xdbv\xe8\xd0!\x11\x18\xc6X\\\\\x9c\xa6i\xe2\x82\xb2\xa6^\xc0\xab\x87\xfc\xd7\x93\x9c\xf9\xf7\xff\x02\x10~\xde\xc1\xf7\x8bI\x1d\x8d\x89\x89\xd9\x81\xe2\x92\xa8\xa6^\x98\xeb\xc4s\xc9\xcfK/\xbd$r"\xe6\x8f\x0e\x1f&gt;\x9c\xfc\xe5@0\xf2_?\xd2\xe5\xdf\xff\xd3\xc0\x18\xab\xa9\xa9)&lt;v\x8c\x88\x1c\xe1\xa1D\xcc\x1fV\xe8\xc6\xc2\x1d\xe1\xa1DTYY)\x0e\x86\xf8\xc7\xe6\xef\x12\xc4\xd6_U\xd5\xc7\x1f\x7f|\xe3\xc6\x8d\xe2\xb8\xbfa\x18\xb1\xb1\xb1\xf7\xdf\x7f\xbf\x985\xd4\xd4\xcbxM\x90\xff+!]\xfe\xfd\xbc\x00\xc4\x81\xbc\xaa\xaa\xaa\xa3\xc7\x8e\x12Q\xf7\xae1\xa4X8.\x82\xbf\x10\xc6\x18\x91\xd1=1\x96\x88*+\xab\x8e\x1e=J\xfe\xbe\x02\x88\xafHd\x8cM\x980\xe1\xfd\xf7\xdf\xf7l\xeb\x19c\x1f~\xf8\xa1\xddn\x17\xd3\x87\x9av!\xaf\x05\xf2_\x7f\x12\xe6\x9f\xe4\xb9\x12\xd8b\xb1\x10\x91\xaeKq\x7f\x8fk\xe1y\x8b\xc4;\xe6\xc7\xc4\xfd&gt;\xcb\xcb\xcb\x1f~\xf8\xe1\x15+Vh\x9a&amp;\xf6\x06\x0c\xc3HOO\xbf\xed\xb6\xdb\xfc\xe6\x86\xa0\xc8\x7f\xfd\xc9\x93\x7fA\x8a\x02\xa0\xffN\xf2k\xea\xe5\xf0z\x9e\xb7\xc8\xbf\xc7&gt;b\xe3\x9e\x9b\x9b;b\xc4\x88\xdd\xbbwk\x9a&amp;\xbe2LU\xd5y\xf3\xe6\x8d\x193\xc6\x0f\xee\x00Q\x17\xf2_O\x92\xe4\xdf\xc3\x7f"\x0ePObC\xff\xfd\xf7\xdf\xdf}\xf7\xdd\'N\x9c\x10[\x7f\xc30\xa2\xa2\xa2&gt;\xfb\xec\xb3\xa1C\x87\xfa\xd9\xd6\x1f\xe0bdI\xb98\x92+I\xab_\x0b\xcf[\xe4\xd3\xc7\xbe/A\xdc\xed\'77\xf7\xce;\xef,++\x13\x07y\x0c\xc3\xe8\xd6\xad\xdb\xa2E\x8bbcc\xfdr\xeb\x8f\xfc\xd7\x93\xdf\xe7\xff\x1c\xfe\x16\xf4\x0b\xe2\x9c\xeb\x86NDV9\x8e\xeb]\x0b\xcf[\xa4\xebz\xd3.Ic\x10\xabwmm\xedC\x0f=TVV&amp;\xc6\xfe\xba\xae\x0f\x192d\xf1\xe2\xc5aaa~\xb9\xf5G\xfe\xeb\xcf\xbf\xf3\x7f&gt;?\x9f\x05DD\x9cs\x8b\xc5\x12\x16\x1aFD\xf9\x07\x8f\x10\xf7\xed\xebz\x1a\x99\x92\x7f\xf0\x08\x11Y,\x96\xb0\xb00\xf2\xbbq\x90\x98\xf6\xf3\xf9\xe7\x9f\xef\xd8\xb1C\x9c\xf55\x0cc\xf0\xe0\xc1_}\xf5UXX\x98a\x18~\xb9\xf5G\xfe\xeb\xcd\xcf\xf3\x7f&gt;?/\x00\xc6\x18\xe7&lt;$$$&amp;&amp;\x96\x88\xf6\x1f&lt;F\\\xf7\xf7\xcf\xf4*q\xce\x89\x94\xfd\x07\x8e\x12\x91\xc3\x11\x1e\x13\x13C~\xb7\x02\x88\xcb\xa0\xe6\xcf\x9f\xcf\x18\x13\xd9h\xd3\xa6\xcd\xe2\xc5\x8bm6\x9b\xdf\xcc\xf9\xa9\x0b\xf9\xaf?\x19\xf2\x7f&gt;?/\x00\x0f\x97\xcbED\x01\x01Vb\xb2\xbc\xe4\xabc\x0f\xb0\x11\x91\xb8Q~S/K\x03\x137\xfcq:\x9d\xbbv\xed\xf2\\\xf1\xfb\xe2\x8b/:\x1c\x0e\xb7\xdb\xed\x7f[\xff\xba\x90\xffz\xf2\xe3\xfc_\x90\xff\xa7AL\xeeNLL$\xa2\xbc\xfc#gN\x943\r\xf7C\xbf\x00qK\xf4\x1d\xd9yD\xd4\xb1c\xa7\xd0\xd0P?\xbb\x1f\x96\xf8\xd0KJJ\xca\xcb\xcb\x89H\xd7uUU\x07\r\x1a\xe4\x07\x97\xfb^\x02\xf2_O~\x9f\xff\x0b\xf2\xff\x02\x10Z\xb6lAD\xa7N9\xab\x9cUL\x95\xe5U_\x11\xa6\x90i\xe8%\xc7\xcb\x88(::Z\xf3\xd3\xcdDuu\xb5\x98\x06\xca\x18\x0b\x0b\x0bk\xd6\xac\x998\x1c\xd4\xd4\xcb\xd5\xb8\x90\xff\xcb\x92$\xff\xe7\xf0\xff(\x88u;!\xa1+\x11U\x9cv\xe6\xe5\x17\x90\xcdj\xe2j\xf8\xff\xc59W4\xcdYZ\xb6\x7f\xffQ"\xea\xd2%\x9e\xea\xdc%\xcd\x9fx\xbe\t\xd24\xcd\x9a\x9a\x1a?\x1e\xfb\x0b\xc8\x7f}\xc8\x93\xffs\xf8\xdb\x9c\x87\xf3\x89\x15\xa0]\xbbv\x01\x01\x01555;\xb3\xf2\xfa\r\xe9/C\xb7_\x11\xce9\x0b\xb0\x1d8\xb0\xfb\xf8\x892"\x12\xe7\x0c\xfd\x8cHB\xc7\x8e\x1d\xbf\xfe\xfak\xf1\x88\xc5b\t\n\n"\xbf&gt;\xd7\x87\xfc\xd7\x87\x0c\xf9\xbf \x89\n\xa0U\xcb\x96\x07\x0e\x1e\xdc\x91\xb5\x97\x88\xfb\xef\xfa~\x95L\x93+\x8a\x96\xbd+\xdf\xad\xeb\x16\x8b\xa5[\xb7n\xe4w\xb7\x0e\x16I\x08\x0e\x0eNIIi\xeae\xb9~\x90\xff\xfa\x90!\xff\x17\xe4\xff\xaf\x901f\x9a\xa6\xddn\x8f\x89\x8d%\xa2\xef\xb7e\xbb\x9cN\xc5\xdfw\xfc\xaf\x94\xd8"|\xb3i;\x11EFFt\xe8\xd0\x81\xfct\\\xcc9w\xbb\xdd\xb5\xb5\xb5\xb5\xb5\xb5bn\x8c\x7fC\xfe\xebC\x9e\xfc\x9f\xc3\xff\x0b\x80\xce\x1e\xcbKNN&amp;\xa2\x03\x07\x8f\x1d\xdaW\xc0\xec6\x1c\x06\xadKQU\xb7\xd3\xb9\xf5\xc7]D\xd4\xb9\xf3M!!!\xbe~\'\xe4\x8b\x11\x17F\xd9l6\x9b\xcdf\xb5Ze8\x18\x82\xfc_\x96&lt;\xf9?\x87\x14\x05 &gt;\xc8a\xc3\x86i\x9aVS[\xbby\xebO\xa4Ye8\xc3SO\xa6\xc9\x99\xdd\xb6\x7f\xef\xa1\x03\x87\x8e\x11\xd1/\x7f9LQ\x14\xbf|\x7f\xc4\xa5\x00;w\xee|\xe7\x9dw\xfe\xfc\xe7?\x7f\xfd\xf5\xd72\xac\xe4\xc8\xff\xa5\xc9\x93\xff\xf3IQ\x00\xe2X^bbb\xab\x96-\x89h\xd9\xca\x8d\xc4M\tV\xfc\xfa2M\x93k\xb6\x8cu[jjjUU\x198p\x10\xf9\xe3\xfe\xaf\x18\xd3\xcd\x9c9\xb3G\x8f\x1e\xcf?\xff\xfc\xcb/\xbf&lt;h\xd0\xa0\t\x13&amp;\x98\xa6\xe9\xdfk;\xf2\x7fi\x92\xe4\xff\x82\xa4(\x00\xf1%\x7f\x81\x81\x81\x03\x07\r"\xa2\x1fw\xe4\x9e9Q\xa6Z-2\xec\xfe\xd7\x87\xc2\x88qc\xfd\xc6\xed\x8c\xb1\xd8\xd8\xd8\xf8\xf8x\xff\xbb6J\x8c\xfd+**^~\xf9e\xc30\xacV\xab\xa6i\xaa\xaa~\xf4\xd1G[\xb6lQ\x14\xc5\x8f\xaf\xfcD\xfe/M\x86\xfc_\x8c\x14\x05\xe0q\xff\xfd#\x88\xe8\xc8\xd1\xe2\xa5K\xbf&amp;{\x90\x81\xc3\xa0b\xfeC\x90}\xdfO{\xd6\xae\xdf\xca9\xbf\xf3\xce\xbb\xc4\x8dq\x9az\xb9\x1a\x98\xd8\xd8\x1d&lt;x\xb0\xa2\xa2\x821\xe6r\xb9t]g\x8c)\x8a\xf2\xd3O?\x91\x1c\xb7JF\xfe\xcf\'I\xfe/F\x96\x02\x10{\xc1\xb7\xde\xda\xff\x86\x1bZ3F\x8b\xbe\\Md*\x84\x15\x80L\xd3$\x8b}\xe9\x8ao*\xab\xaaUU\x1d&gt;|8\xf9\xef\xfe\xef\x05\x87uR\xcc\xf6C\xfe/B\xaa\xfc\x9f\xcf\xff\xa3/0\xc6t]\x0f\t\ty`\xd4\x03\x9c\xd3\xfa\x8d?\x1e\xc8\xc9cAv\xcc\x85P5E\xaft\xce_\xf4\x7f\x8c\xb1\xe4\xe4\x1e\xc9\xc9\xc9\xe2N\tM\xbd\\\rL\xdc\x17\xb3}\xfb\xf6\xd1\xd1\xd1\x9cs\xab\xd5j\xb1X\xc4\xd1\xff\x1e=z\x90\xbf\xd7\x00\xf2\x7f1\x92\xe4\xffb\xfc9\xf4\xe7\x10k\xf8\xd8\xd4T\xab\xc5RYY\xfd\xe9\xc2\x15\xcc\x12\xc8\xfd\xfa\xec\xdfe\x19\x86\xc9\x82\x837\xae\xdf\x9a\xbd+\x9fs&gt;n\xdc\xa3\xfe:\xffAL\x87\x0f\x0e\x0e\x9e6m\x9a\xd5ju\xb9\\n\xb7\xdb4\xcdg\x9f}\xb6G\x8f\x1e\xe2k\xc2\x9az\x19\x1b\x17\xf2\x7f&gt;y\xf2\x7f1L\x86C\x9f\x1eb=\xbf\xfd\xf6\xdb\xd7\xad[\x17\x15\x15\x9e\xb3\xed_\xd1\xcd"\xc8\xad\xcb\xb3\xc7w\x0e\xd34y\x80}\xc8\xd0q_\x7f\xbb\xadE\xf3\xe6\xd999\x91\x91\x91\xe4\xbf\xbb\xc0\xe2\xfe\x8e\xbbv\xed\xca\xc8\xc8\xa8\xae\xae\xbe\xf5\xd6[\xfb\xf7\xef/\xc3M\x1f\x05\xe4\xff\x1c\xb2\xe5\xff|~&gt;\xea9\x87h\xbb\xc9\x93\'s\xce\x8f\x1f/\xffl\xc12f\x0f5tYN\xf8\x9c\xc30L%4\xf8\xa7\xad;\xd7o\xf8\x91\x88\x1e\x1a=:**\xca0\xfc\xf9\x1b\xa3\xc4~@||\xfc\xb3\xcf&gt;\xfb\xfb\xdf\xff^\xaa\xad?!\xff\xffK\xc2\xfc\x9fO\xae\x02P\x14\x85s\x9e\x92\x92\x12\x17\x17\xa7(\xca\xecyK*J\x8b\x15\x9b\x14\x97\x83^\x00#2\xe9\xed\xbf\xcf\'\xa2\x00\x9b\xed\xd1G\x1f\x15s%\x9bz\xb1\x1a\x97\xd8\xc7\xd7u]\xd7u\xe9\xd6v\xe4\xbf.)\xf3\x7f\x0e\xb9^\xad\xe7\xbe(S\xa6L1Ms\xef\xbeC3\xa6\xcfS\x82B\xe5\x99\xf5\xe5a\x18\xa6\x1a\x1a\xf2\xcd\xaa\r\xff\xfcr5\xe7\xfc\x81\x07\x1f\xec\xdc\xb9\xb3\x0c\x87\xc2\x89HQ\x14M\xd3\xc4u\x00M\xbd,\xd7\x15\xf2\xef!s\xfe\xeb\x92\xeb\x1c\x80 \xe2&gt;h\xd0\xa0\r\x1b6DE\x86g\xfd\xb0\xb8Y\x8bhr\xbb\x15\x99\x06\x83\x86i2\xbb}\xd0\xe0\xb1\xdfn\xca\x8c\x8c\x88\xc8\xce\xc9i\xde\xbc\xb9\x84# \t!\xff\x84\xfc\x9f%\xd7\xab\xf5PU\xf5\xb5\xd7^S\x14\xe5\xf8\x89\xf2)/\xffM\xb1\x07\x992\r\x82t]W\xc3\x1c\xf3\xe7\xfc\xeb\x9b\x8d\xdb9\xe7\x93\x9f}\xb6E\x8b\x16\x12\x0e\x7f\xa4\x85\xfc#\xff\x82\x8c{\x00Dd\x18\x86\xaa\xaa\xa9\xa9\xa9\xf3\xe6\xcdSU5c\xc9?\x06\xdd\x95b\x94\x9fV5\xff?&amp;`\x9a\x9c\xac\x96\x13\xa5e\xddz\x8f,)-\x8b\x89\xe9\xf4\xd3OY\x9a\xa6\xc9\xf0\xcd\x88  \xff\xc8\xbf i\x01\x88\xa9\xbe\xa5\xa5\xa5\x9d;w&gt;u\xeaT\xc7\x0e7\xec\xfc\xf1\xcb\x00\xabE\x91\xe0\xac\xa0\xae\x1b\x9a\xc31\xea\xd7\x8f/\xfe\xcfZ"\xca\xc8\xc8\x182d\x88\xd8"4\xf5\xa2\xc1u\x82\xfc#\xff\x82t\xbb&lt;\x82\x98\x0e\xd1\xa2E\x8bw\xdey\x87\x88\xf2\x0f\x1c}\xfa\xe97\xd4\xa0`\xc3\xf0\xf3k@t\xb7\xae9"\xe6\xce\x9a/\xd2?n\\\xaa\xcc\xe9\x97\x16\xf2\x8f\xfc\x0b\x92\xee\x01\x08\xba\xaek\x9a6j\xd4\xa8\xc5\x8b\x17\x13\xd1\x9c\x99\x7fL}\xfc\x11\xbd\xec\x84f\xf1\xcfo\xca4tC\r\x0b\xc9\xde\xbe\xabO\xca#UU\xd5\xed\xdbw\xc8\xca\xca\xb2\xdb\xedr\xee\xfc\x02\xf2\x8f\xfcK]\x00\x9cs\xd34+**\x92\x93\x93\x0f\x1e&lt;\x18\x18\x18\xf0M\xc6G=\xfat7*\x9c\xfew0\xd44M\xb2X*\xceT\r\x188&amp;k\xd7~MS7m\xda\xd4\xabW/9\xcf}\x01!\xff\xc8\xbf\xb4\x87\x80\x04\xd1\xfc\x11\x11\x11\x9f\x7f\xfe9c\xac\xb2\xb2z\xd4C/\x94\x1f/S\xed\x01\xa6\x7f\xed\x0bs\xceMbJ\xa0}\xe2\x84\x97\xb3v\xe5\x13\xf1\xa9S\xa7\xf6\xea\xd5K\xd7u\x99\xd3/9\xe4\x1f\xf9\x97\xfa\xc5\x13\x91\xa2(\xba\xae\xf7\xea\xd5\xeb\xfd\xf7\xdf\'\xa2\x03\x05\x85C\x7f9\xb1\xaa\xa6\x96\xac\x16\x7f\xba\'\x94a\x9aZX\xd8\xa4qS\xfe\xf5\xd5z"\x1a3fLZZ\x9a8\x02\xd0\xd4\x8b\x06M\t\xf9o\xeaEkb\xb2\x17\x00\x11i\x9a\xa6\xeb\xfa\xc4\x89\x13\x1f{\xec1"\xda\x96\xb9\xfb\x89\xc7_U\x02\xed\x9c)\xdc/n\x96\xeb\xd6u-&lt;\xea\xc3\xbf\xcd\xfdp\xee\x7f\x88(99y\xd6\xacYR\xdd\xf3\x16.\x01\xf9\x97\x19\n\x80\x88HUU]\xd7?\xf8\xe0\x83\t\x13&amp;\x10\xd1\xbc\x85+&amp;\x8e}I\r\t"\xd5\xc7\xef\r\xcb\xb9a\x18\x16Gt\xfa{s\'\xa5\xfd\x95\x88\x92\x93\x93322\x02\x03\x03I\xa6[\x1e\xc2\xa5!\xff\xd2B\x01\x10\x111\xc6TU5\x0cc\xf6\xec\xd9b\x1dH\xffd\xc9\xc4\xd4)\x86\xa6)\x16\x8b\x8f\xde.\xd14M\x83\x93\x1a\x1e\xfe\xe1\xdf\xe7L|\xea\r"\xea\xd939##\xc3\xe1pH~\xe2\x0b\xce\x81\xfcKK\xeaY@\xe7\x10\x93"TU\x9d8qbzz:\x11\xf5\xed\xd5u\xd9\xd2Y\x8ef\x11z\xf9i\xdf\x9a\x1bg\xe8\x86\x1a`%\xbb}\xd2\xf8\xdf\x7f\xf8\xf1\x97D\xd4\xb3g\xcfU\xabV!\xfdp1\xc8\xbf\x84\xf0F\xfc\x97\xf8\x8a\xf0\xba\xe3\xa0\xcd[\xb3\x06\ryt\xc7\x8f\xbb\xb4\x88(\xdd\xad\xfbJY\xean]\r\x0f-?]5\xea\xd7O"\xfdPO\xc8\xbf\x84\xb0\x07p\xae\xf3\xc7A\x91\x8e\xd0Y\xff\xf8\xc3\xc8\x87\xee\xe3\xce\n\xd3\xbb/\x1a\xe4&amp;7\xb9\xa9\x86G\xec\xd8\xb6s\xfc\xf8\x973\xb3\xf6\x12\xd2\x0fW\x02\xf9\x97\n\xde\x8es\x89q\x90i\x9a\xb3g\xcf\x9e&gt;}:\x11\x9d,?=j\xf4\x0b\x93\x9fz\xc5PU5$X\xd7\xbdt(\xa4\xbbuf\xb3\xa8\xe1\x8e\x8f&gt;X0pp\xaaH\xff\xb8q\xe3\xd6\xae]\x8b\xf4C=!\xffR\xc1\x1e\xc0\x85q\xce\xc5\xcd\xc1322\x1e}t\xdc\xb1c\x85D\xd4;9a\xc6\xbb/\xf5\xea\xd7\x8b*O\xeb.\x97\xf7L"\x16\xdfl\xa5\x849\n\x0f\x1d~\xee\xc5\xa9\x8b\xbeXED6\x9b\xed\xcd7\xdfLKK\xa3\xb3_\x06\xdb\xc4K\t\xbe\x03\xf9\x97\x04\n\xe0R\xc4\xa5"EEE\xa9\xa9\xa9\x19\x19\x19D\x14`\xb3\xbe0y\xecs\xcf\x8e\t\x8bnF\xce\nC7\x14Mm\xc2\xd9d\x86a2"%&lt;\x84j\xdds?\xf9\xcf\x1f_\x9dy\xb4\xb0\x94\x88bcc?\xfe\xf8\xe3\xbe}\xfb\x9a\xa6)\xf3\xadN\xe0Z \xff~\x0f\x05p\x19\x9e;\x05\xce\x981c\xca\x94)555D\xd49\xb6\xfd\x0b\xcf\xa5\x8e\x1eu\xa7%4\x98\x9cNC7\x14U\xb9\x9e!\xe3D\xa6\x18\xf5\x84\x06\x13\xa75\x19\x1b\xa7N\x9d\xbbf\xfd\xf7\xe2\xa7\xe3\xc7\x8f\x9f6mZXX\x18\xaeu\x84k\x84\xfc\xfb7\x14\xc0\xe5y\x06\x11999/\xbe\xf8\xe2\xca\x95+\xc5\xe3}zv}\xe9\xb7\x13\x86\x0e\xeci\x0bwP\xe5\x19\xdd\xe5f\x8c\xa9j\xe3\xeei\x9a\xa6i\x9a\\\xd3T\n\t"\x97{\xcb\xf7Y\xff\x98\xb9`\xe1\xe2\x9f\x17)!!\xe1\xad\xb7\xde\x1a6l\x18\xd5Yu\x01\xae\x05\xf2\xef\xc7P\x00\xf5\xe5\xc9\xd3\xa2E\x8b\xfe\xf2\x97\xbfdgg\x8b\xc7\xbbv\xe9\x94\xf6\xd4\xe8\xe1\xf7\xdd\x1e\xda,\x8aL7?Se\x18\x06S\x14\xa5\xe1v&lt;9\x117M\xd3\xe4\ncJP\x00Y\xecF\xa5\xf3\xeb\r\xdb\xdey\xf7\x93\x8c\xb5\xdf\x89\xe7\xb4l\xd1\xe2\xf1\'\x9ex\xf1\xc5\x17\xadV+v{\xa1\xc1!\xff~\t\x05p\x05\xc4e\xf1\x8a\xa2\xb8\\\xae\xb7\xdf~{\xd6\xac\x99EE\xc5\xe2Gm\xdb\xb4\x1a9\xfc\xf6\xfb\xee\x19x\xcb-\xdd\xc9j\'\xd3E\xd5\xb5\x86[\xe7\x9c3\xc6\xc4\xdapE\xff\x16\xe7\xdc\xe4\x9c\x9b\x9c1R5\x95l6\xb2\xd8\x88\x8c=?\xedY\xber\xe3\xe7\xff\\\xb9cg\xaex\xa6\xddn\x7f\xf0\xc1\x07_{\xed\xb5\xd6\xad[\x13\x06&gt;\xd0h\x90\x7f\xff\x83\x02\xb8b\x9e\x84\x95\x94\x94\xcc\x9f?\x7f\xfe\xfc\xf9YYY\x9e\x9f\xf6\xeb\x9b48\xa5\xd7\x90\x94\x9e\x89\x89q\x81\x91\xe1D*q\x9dj]\xdc\xe5\xe6&amp;79\'\xe2\xe2F\xbc\xe7\xfc\xd9\xb3\x1f\x04gLa\x8c\x14\x8b\x85lVR5"2\x9c\xce\xbc}\x05\xab\xd7o\xfdv\xc3\xf6\x8c\xb5\xdfUUU\x8b_i\xd5\xb2\xe5o\x1ezh\xcc\x981]\xbat!\xf1U\xd7\xaa\x8a\x81\x0f4*\xe4\xdf\x9f\xa0\x00\xae\x86\xe7b\x19"r\xb9\\\xabV\xad\x9a;w\xee\xea\xd5\xab\xab\xaa\xaa&lt;\xcfi\xdf\xfe\x86\xa4nq\xb7\xde\xd2\xbd{b\xecM\x9d\xdaE\xb5\x88\xa2\x00\x1b\x918%\xc5\x89\xce\xbf\xbf\x8ar\xf6\xb2\x0c\x9dt\xfdTiY\xde\xfe\xa3\xbbr\xf7o\xfan\xc7\xb6\xed\xbb\xf2\xf6\x15\xd4\xd6\xd6z\x9e\xda\xaf_\xdf1c\xc6\xde}\xf7\xdd\xcd\x9b7\'"\xc30\xc4&gt;w\xa3\xbej\x00\x01\xf9\xf7\x1b(\x80\xab\xc797\x0c\xc33\xcd`\xcf\x9e=\xcb\x97/_\xbat\xe9\xb6m\xdb\xea\x86\x95\x88"#\xc2;ul\x13\xee\x08M\xee\x16\xa7iZXHP\xd7\xc4Xn\x18\x8c\x98\xf8;L\xd3\n\x0e\x1d-8R\xcc45;+\xefdY\xc5\x9e}\x87\x8a\x8a\x8e\x9f\xf3/&amp;$t\xb9\xe3\x8e;\xee\xbb\xefW\xb7\xdcr\x8bxD|\xa3\x05\xe68\xc3\xf5\x87\xfc\xfb\x01\x14\xc0\xb5\x12\xa3!q\xfd\xa4x$77w\xeb\xd6\xad\xcb\x97/\xcf\xcc\xcc,,&lt;V[\xeb\xba\x96\xbf\xdf\xa2E\xf3\x84\x84\x84\xa1C\xef\xe8\xdf\xbf\x7fRR\x92\x18v\x89\x7f\x14\xa3\x1ehr\xc8\xbfOC\x014\x18\xd34\xc5~\xb1\'\x94UUU\x05\x05\x05{\xf6\xec\xc9\xce\xce\xce\xce\xce&gt;y\xf2dn\xeen\xc30NW\x9c\xaeu]`\xad\x88\x8e\x8e"\xa2\x1bo\xec\xe8p8z\xf4\xb8\xb9C\x87\x1b\xe3\xe3\xe3;u\xea\x14\x1e\x1e\xeey\x8e\xae\xeb\xe2\xe6\xbd\xd7\xe55\x01\xd4\x17\xf2\xef\x8bP\x00\rO\xac\t\x17\x8ciEE\x85i\x9a\xc5\xc5\xc5\xc5\xc5\xc5\x8cQ\xdd\xf7&gt;88\xb8S\xa7N\x9cs\x87\xc3q\xb1?\x88!\x0fx?\xe4\xdf\x87\xa0\x00\x1a\x11\xafCLL\xae\xcf\xc1J\xb1{+&gt;\x17\x84\x1e|\x17\xf2\xef\xfdP\x00\xd7\x95x\xb7\xc5*q\xfeO\xc5\xea\x81\xb8\x83\xbfB\xfe\xbd\r\n\x00\x00@R\x98&gt;\x05\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14\x00\x00\x80\xa4P\x00\x00\x00\x92B\x01\x00\x00H\n\x05\x00\x00 )\xad\xa9\x17@.\xbc\x8es~\xc4\xeah\x92e\x03hl\xc8\xbf\xb7a\xe7\x7f\x12\xd0\xe08\xe7\xa6i\x12\x91\xaa\xaa\x97}\xb2a\x18\x9csEQ\x14\x05\xfbg\xe0\x0f\x90\x7f\xaf\x85\x02h\\\xa6ir\xce=\xb97\x0c\xe3\xd8\xb1c\xfb\xf7\xef/((8|\xb8\x801\xc69\x11\xf1\xf0pGBBB\x8b\x16-\xda\xb5kg\xb7\xdb\xeb\xfe\xae\xa2(\x18\x13\x81\x8fB\xfe\xbd\x1c\n\xa0\xb1\x98\xa6\xe9\xd9\x9f-))\xd9\xbcy\xf3\x8a\x15+\xb6m\xfb\xa1\xa0\xe0\xf0\xe9\xd3\xa7/\xf8+6\x9b\xb5u\xeb\xd6IIIw\xdeyW\xef\xde\xbd\xe3\xe2\xe2\xc4\xe3\x86a\xd4g\xe8\x04\xe0=\x90\x7f\x9f\x80\x02hxb\x87WD6++k\xe6\xcc\xf7\x96/_QXXx\xce\xd3\xa2\xa3#\x89\x9b\x9c\x881\xa5\xa2\xc2\xe9r\xb9\xea\xfe4((\xf0\xf6\xdbo\x7f\xfc\xf1\'\x06\x0e\x1c\xa8\xaa\xaa\xd8\x83\xc6N1x?\xe4\xdf\x87\xa0\x00\x1a\x98i\x9a"\xa6999\xbf\xfd\xedo\xd7\xae]\xebIv\xdb6\xadz\xf4\x88OJ\x8c\xed\x91\x18\xe7p\x84v\xbc\xb1\r\x99&amp;\x11\x91\xaa\x15\x17\x96\x14\x1d/\xcb\xde} +;o\xdb\xf6]\xd99y\x9e?\x98\x98\x98\xf8\xd7\xbf\xfeu\xd8\xb0a\x84\xa1\x10x=\xe4\xdf\xb7\xa0\x00\x1a\x92\xae\xeb\x9a\xa69\x9d\xce\xdf\xff\xfe\xf7\x1f}\x94^]]CD\x81\xf6\x80\xfb\x87\x0f\xf9\xf5}\x83\x07\xf4K\nm\x1eE\xa4\x12\xe9d\x9aT\xeb"\x12\x0779Y4\xd24"\x95\x88\x1bN\xe7\xd6\xed\xbb\x96,[\xbf`\xe1\x8a\xc2\xa2\xe3\xe2/\x0f\x1b6l\xc6\x8c\x19111\xe2\x9fh\xba\x97\x08pQ\xc8\xbf\xcfA\x014\x18\x11\xcd\xcc\xcc\xcc\t\x13&amp;dff\x12\x91=\xc0\xf6\xe0\xa8a\x93\x9fz\xb8\xcb\xcd]\x888UU\x19.7\xe7\xc4\x18#FJ\x9dS[b^\x1c\xe7\x9c1RU\x95\x82\xec\xa4\xd8J\x8e\x1c\xf9 }\xf1\x87\xe9_\x14\x15\x9f \xa2\xa8\xa8\xa8\x993g\x8e\x1c9\xb2\xee\xd1U\x00/\x81\xfc\xfb"\x14@\xc3\x10\xe9\x9f3g\xce\xe4\xc9\x93\xc59\xae;\x06\xdf2\xed\xed\xe7\xe3\xbb\xc7\x93\xdbe\x9c\xa9"F\xf5\x9c\xcf\xc0\x89\xb8i\x9a\xa6\xa9\x05\x04\x90=\xb0\xf4h\xd1\x1b\x7f\xf9`\xe6\x07\x8bL\xce\x89(--m\xfa\xf4\xe9X\x07\xae]\xdd\xe4\xe3\x9d\xbcF\xc8\xbf\x8fB\x014\x00\x91\xfe\xf4\xf4\xf4\x89\x13\'\x12\x91\xcdjy\xf3\xf5g\xd2\x9eM%\xe2\x86\xb3\x92)\xec\xeaN^q\xce\r\xc3\x10\xabA\xc6\xb2\xb5\x8fN\xfc\xe3\xb1\xe2\x13D4a\xc2\x84\xd9\xb3g\x1b\x86\x81\x19rW\xca4M\xcf\xb6\xa3\xee\x87"\xce[b\xfa\xf9\xd5A\xfe}\x17\n\xe0Z\x9d\x93\xfe\x88\xf0\x90\xaf\xfe\xfd^\xdf\x94[\xcc\x8aS\xc4\xb9\xa2^\xeb\xd6\x84sn\x18\xa6\xe6\x08+:\\x\xef}On\xdb\xb1\x9b\xce\xae\x03\xba\xae\xab\xaa\x8au\xa0&gt;\x0c\xc3\xa0\xff\xbd\x10\xa9\xa2\xa2B\x94\x01\x11\x85\x87\x87{\x1e\xaf;\x89\x05.\x0b\xf9\xf7i(\x80k"\xa6%|\xf2\xc9\'c\xc7\x8e%\xa2\x9bb\xdb\x7f6\x7fj\xf7\xe4\x04\xbd\xac\\\xb34\xe4\xa9*\xdd\xadk!\xc1\xe5\xe5\x15\xe3\xc6\xfdn\xc9\x8ao\x89\xe8\xb1\xc7\x1e\xfb\xe0\x83\x0fpN\xec\xb2\xean\xd0\x8f\x1e=\xbav\xed\xdaM\x9b6\x1e&lt;x(7w\xb7\xae\xeb\x8c\x18\'\xea\xd8\xf1\xc6\xd6\xado\xe8\xdb\xb7\xef\xd0\xa1C;w\xeeLgoZ\x80\xbd\x81KC\xfe}\x1d\n\xe0\xea\x89\x19o\xd9\xd9\xd9}\xfa\xf4\xae\xac\xac\x8at\x84\xae_=\'\xa1GW\xbd\xec\xa4f\xb14\xf8?g\xe8\x86\x1ad\xaf\xa9q\xf5\x1f\xf0\xf0\xb6\x1d\xb9D4g\xce\x9c\xd4\xd4T\xcc\x8d\xbb\x04\xcf\x9b\xb3n\xdd\xbaO?\xfdt\xd9\xb2e\xe5\xe5\xe5\x97x\xbe\xcdf\xbb\xed\xb6\xdb\x1ez\xe8\xa1G\x1ey\x840\xef\xf0\x92\x90\x7f?\x80\x02\xb8Jb\\YUU\xd5\xaf_\xdf\xac\xaclMS7f|\xdc{`\x1f\xbd\xacL\xb3Z\xa8q\xdeT\xd30\x94\x00[y\xc5\x99\x1e\xbdG\x1d,(\x0c\x0c\x0c\xfc\xee\xbb\xef\xbav\xed\xea\x99|\ru\x89MCaa\xe1\x1f\xfe\xf0\x87\xb9s\xe7z\xa2\xde\xb6M\xabN\x9d\xdav\x89k\xef\x88\x08\'\xc3p\xbb\xf5\x1f\xb3\xf2\x8e\x1e-\xce\xd9\x95Og?\xb9\xc1\x83\x07\xbf\xf1\xc6\x1b\xbdz\xf5\xc2\xf9\xc6\x0bB\xfe\xfd\x03\n\xe0*\x89\x8d\xcb\x93O&gt;9s\xe6L"\x9a\xfe\xd7g\xd3^z\xdc]v\xc2\xd2\xa0{\xbe\x17\xf8wuC\r\x0f\xdd\xfa\xcd\xd6\xfeC\xc7\xbb\xdcz\xf7\xee\xdd\xbf\xff\xfe{M\xd3\xb0\x91:\x8788\x90\x91\x91\xf1\xe8\xa3\xe3\x8e\x1d+$"{\x80\xed7\xa3~\xf9\xe0\x03\xbfLN\x8c\rm\x19M\xa4\x88\x89\xe7DD\\\xd7\x9dg2s\xf6\xad\xca\xd8\xf4\xc1\xec/\x8a\x8a\x8f\x13\x91\xd5j}\xeb\xad\xb7\xd2\xd2\xd2\xd0\x01\xe7C\xfe\xfd\x03\n\xe0j\x88\x11\xc7\xde\xbd{\x13\x12\x12t]\x1f4 y\xcd\x9ay\xfa\x993\xdau\x19\x86\xe8n]\x8b\x88~u\xca\x9b\xaf\xbc\x99ND\xf3\xe6\xcd\x1b3f\x0cv\x84\xeb\x12\xef\x86\xe7\xcc$\x11\x8d{\xe4\xbeg\x9fy8&gt;\xa9\x0b\x91IU\xd5\xa6K79\'\xe2\xe2Z$\x851EU(\xd0N\xaa\xb5\xe4\xc8\xd1\x0f\xd2\xbf\xf8\xdb\xdf\xe7\x97W8\xe9\xec\xf9Ft@]\xc8\xbf\xdf@\x01\\\r\xb19\x186lXFFF@\x80\xf5\xa7\xef\x16\xc5$\xc4\x98g\xaa\xae}\xceC}p\xceM\xc6L\xa6t\xbd\xf9\xd7y\xf9\x87\x9b7o\x9e\x95\x95\x15\x19\x19I\x98\xcfND\xe7m\xfd#\x1da\xb3\xfe\xf1\xf2\xc8\x87~E\xeej\xa3\xb2\x8a\x88)\xca\x056\xe5g\xa7\x9fs\xcdf\xa5\xc0\xb0\xccm\xdb\'\x8c\x7f93k/\xd5\x99w\x88M\x8c\x80\xfc\xfb\r\x1c8\xbbb"\xfd\xb9\xb9\xb9\xeb\xd6\xad#\xa2Q\xbf\x1e\x12\xd3\xbd\x8b\xe1\xac\xbc&gt;\xe9\'"\xc6\x18\xd7\rKp\xf0\x94\xc9cM\xd3,**Z\xb2d\tcL\xcct\x94\x9c\xd8L\xaf]\xbb\xd63+q\xe5W\xb3F&gt;\xf4kw\xd9\t\xb3\xaaZUUU\xbd\xf0\xe4qF\xa4(\x8a\xa6\xa9\\\xd7\xdd\'K\x92z\xc4\xaf]3\'\xb9{g"JOO\x7f\xf5\xd5WUU\xd5u\xfdz\xbf\x1e\xef\x83\xfc\xfb\x13\xec\x01\\1\xb1\x89\x998qbzz\xba\xdd\x1e\xb0c\xf3\x82\x98.1\xbc\xaa\xfaz\x9e\x86\xe2D\x9c\x91\xdb\xa4\xa4^\xf7\xe7\xee=\x14\x1f\x7f\xd3\x8e\x1d;1\'Z\xdc3\xb2\xb4\xb4\xb4{\xf7n\xc5\xc5%\x11\x8e\xd0U_\xbd\x9f\xdc\xaf\x87\xfbd\x99\xc5ze\xf3R\x0c]W\x83\x02\xcbO9\x87\xdc1\xfe\xc7\x1d\xb9\x8c\xb1\xd5\xabW\x0f\x1e&lt;\x18\xfb\x01\xc8\xbf?\xc1\x1e\xc0\x95\x11\xdfnQRR\xb2t\xe9R\xc6h\xc4\xbd\x03c\xbb\'\x98g\xaa\xae\xf3$\x04Fd\xba\r[h\xe8sO\x8e\xe6\x9c\xef\xde\x9d\xfb\xed\xb7\xdfb\x10$f\xeeOy\xe9\xa5\xe2\xe2\x12MSg\xff\xfd\xf7\xc9\xfdz_\xc5\xd6\x9f\x88TM3*\xab\x1dQ\xe1\x8b?\x9b\x16\x15\x19N\xc4\x9f|\xf2I\x97\xcb\xc5\x98\xd4c&amp;\xe4\xdf\xcf\xa0\x00\xae\x8cH\xd8\x96-[JKK9\xa7\x07\x86\x0f\xe5\xdc\xa4\xa6\x18w\xa8\xaa\xc2k\xaa\xee\xbc\xe3\xd6\xf0\xb0\x10\xd34\x97-\xfb\x8a\xfe\xf7\xfe6\xb2\x11#\xd3\r\x1b6\xcc\xff\xec3"zh\xe4\xb0\xe1\xa3G\xb8\xcb\x8e_\xc5\xd6_P5\xd5]\xeel\x7fS\xec\xb47\x9e\xe1\x9c\xf6\xee\xdd;m\xda4EQ\xc4~\x86\x9c\x90\x7f?\x83\x02\xb82b\x1fs\xf9\xf2\xe5\x8c\xb1\x1bZ7\xefwk\x12\xab\xaeR\x94&amp;X\x01\x18c\xbc\xc6\xd5\xbc\xfd\r\xfd\xfb&amp;\x11\xd1\xbau_\xbb\\.\xc9\x8fN\x10\xd1\x07\x1f|`\x18\x86\xcdf\x9d\xf2|\xaa\xe9\xaaT\xaf\xed\xc0\xb4f\xd5\x0c\xe7\xa9\x07~sw\\L;\xc6\xd8\x9c9s\xaa\xab\xab\x15E\x91vC\x83\xfc\xfb\x19\x14\xc0\x95Q\x14\xc5\xe5r}\xf7\xddw\x9c\xf3&gt;=\x13B\x9bG\x1b.wS\x1dy49\'E\xbb=\xa5\'\x11\xe5\xe7\xef;x\xf0 cL\xce\xf1\xa984QTT\xf4\x7f+V0\xc6F\x8f\x1a\x16\xdb\xbd\xcb\xb5\x1f\x98fD\xa4\x1b\xb6\xd0\x90\xdf=\x97JD\xfb\xf7\xef\xff\xfa\xeb\xaf\xa5}\x93\t\xf9\xf7;(\x80+ \xe6?\x14\x16\x16\x1e=z\x84\x88\x92\x12\xe3\x88\xd4&amp;\x1c\x0b2\xc6\x88\xeb\xdd\xba\xc6*\x8aRSS\x9b\x95\x95E\xb2\xee\x05\x8bC\x13k\xd6\xac\xa98}\x9as\xfe\xc8\x83wrn\x9e\xfd\xbe\x91k\xa2\xa8\n\xaf\xae\xba\xf7\xae\x01\x11\x8e0b\xec\xdf\xff\xfe\xf2\xda\xff\xa6\x8fB\xfe\xfd\x0f\n\xe0\n\x88l\x1d&gt;|\xd8\xe9&lt;CD\xdd\x12b\x88\x8c&amp;\x9cx\xa0(\x8cj]1\x1d\xdb\x86\x85\x86\x10Q^\xde^\x92u\x05\x10\x9f\xc2\xd7_\xaf#\xa2vm[uM\x8c\xa3\xea\xea\x0694\xc1\x18\xe3.wp\xb3\xa8\xfe}\xbb\x13\xe7[\xbe\xdbRSS#\xe7\x8d\x07\x90\x7f\xff#c\x8e\xaf\xd1\xc1\x83\x07\x88\xc8b\xb1DE9\xc84\x9av\xe2\x197\xcc\xc0\x90\xc0\xf0\xf0`":x\xf0 \xc9z-\x8c\x98\x9cs\xe0\xc0A"\xba\xb1\xc3/\xc2[Fq\xb7\xdePo\x85irE\xb3uO\x88!\xa2\xe2\x92b\xa7\xd3)\xf3\\ \xe4\xdf\x9f\xa0\x00\xae\x80X\xe7\xf3\xf3\xf3\x89\xc8\x11\x1e\xda\xe9\xc66T\xebj\xc2\xc01\xc6\xb8\xae\x07G9:\xdd\xd8\x86\x88\xf2\xf3\xf7\x93\x94+\x80\x98\xfdYQQ\x91\x9f\xbf\x8f\x88\x12n\xba\x91\xb8\xda\x80\x1bh\xc6\x18\x91\x1e\x7fSG"\xaa\xa88\x9d\x9b\x9bKg\xaf9\x90\n\xf2\xef\x7fP\x00W\xccj\xb5\xd2\xd9\xbb!6\xf5\xb2\x10\x11\xd1\xd9%\x11\x0b&amp;-\xce\xb9\xdb\xed&amp;\xa2\xa8\x880bJC\x0f\xd0yTd\x18\x11\x99\xa6)\xf9\xf5\xc0\xc8\xbf?A\x01\\=\xef9\x08\xe0=K\xd2\xb4\xc4\xa1y\xc3h\x94\r\x93\xe7\xcf\xcay\x02\xe0|\xde\x93:\xefY\x12\x9f\x83(_11\x00T\x14f\xd14\xf2\x86\xe4)\x8aE\xd3\xe8\xec\x82IK|\x85,\x11\xb9\xddzc|.n\xf7\xcfo\xaf\xe4\x97\x9b"\xff\xfe\x0</t>
        </is>
      </c>
    </row>
    <row r="420">
      <c r="A420" s="1" t="n">
        <v>418</v>
      </c>
      <c r="B420" t="inlineStr">
        <is>
          <t>color_hexagon</t>
        </is>
      </c>
      <c r="C420" t="inlineStr">
        <is>
          <t>What is the missing color of the part denoted with a question mark?</t>
        </is>
      </c>
      <c r="D420" t="inlineStr">
        <is>
          <t>['yellow', 'green', 'orange', 'blue']</t>
        </is>
      </c>
      <c r="E420" t="inlineStr">
        <is>
          <t>yellow</t>
        </is>
      </c>
      <c r="F420" t="inlineStr">
        <is>
          <t>There is a hexagon split into six parts with the colors ['green', 'red', 'yellow', 'green', 'red', '?'] in an anti-clockwise order.</t>
        </is>
      </c>
      <c r="G420" t="inlineStr">
        <is>
          <t>We observe that a green part is opposite another green part, and a red part is opposite another red part. Thus, the pattern is that the colors in opposite parts are the same.</t>
        </is>
      </c>
      <c r="H420" t="inlineStr">
        <is>
          <t>Based on the pattern that spatially opposite parts have the same color, the missing color of the part which is opposite a yellow part should be yellow.</t>
        </is>
      </c>
      <c r="I420" t="inlineStr">
        <is>
          <t>b'\x89PNG\r\n\x1a\n\x00\x00\x00\rIHDR\x00\x00\x02\x00\x00\x00\x02\x00\x08\x02\x00\x00\x00{\x1aC\xad\x00\x00|iIDATx\x9c\xed\xddy|\x94\xd5\xbd?\xf0\xb3&lt;\xb3f\x99\t{4\x82@(K\x91`\x08\xcaR\x10\xb0,j\xc5\xa5\xe2\x82\xf0\x03\xad\xbd \xf4r\x83`%b\xa2\x10\xb9%\xcav\xa9\xb5\xa5\xa5-m/\x88\x17{\xb5\xa2^\x0cV6Y$\x0b\x01"Kc\xd8\x8c\x12\xb6df2\x99\xcc\xf2\x9c\xef\xf9\xfdq\x92\x11\x114@\x96\x99y\xbe\xefW_\xf7u\xdbZ\x1dfy\xbe\xe79\xe7\xfb|?TJI\x10B\x08\x19\x0fk\xed\x17\x80\x10B\xa8u`\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Zk\xbf\x00\xd4\x9a\xa4\x94R\xca\xd6~\x15\xa8\xd5PJ)\xa5\xad\xfd*P\xab\xa1\xf8\xfb7,]\xd75\rW\x00F\xa7\xeb:\xe7\x1c\xcb\x801a\x010(\x00`\x8c\x1d9rd\xc6\x8c\x19\x8c1\x00h\xedW\x84Z\x94\xa6i\xba\xae?\xf5\xd4S\x13\'Nl\xed\xd7\x82Z\r.\x00\rG\x95\xfc\xba\xba\xba\xa5K\x97:\x9d\xce-[\xb6\xb4\xf6+B\xad\xa6O\x9f&gt;_~\xf9\xe5\xb8q\xe3\xfa\xf6\xed+\xa5d\x0c\x0f\x05\x8d\x05\xef\x00\x0cG\x08\xc19\xff\xcb_\xfe2u\xeaTJ)\xe7&lt;\xfc\x1d`\x8c\xe2\xb7!\xb6QB@J\xd2\xf01s\xce\x83\xc1\xe0\xe4\xc9\x93\xff\xfa\xd7\xbf\xe2\x96\xa0\x01a\x010\x16u\xea\xebv\xbb\xfb\xf4\xe9s\xfe\xfcy\x00\xc0\xcd\x1f\x833\x9b\xcdB\x88-[\xb6\x0c\x1b6L-\x0eZ\xfb\x15\xa1\x96\x83\x05\xdfX\x00\x80s\x9e\x9d\x9d]YY\xa9\xd6\xfe\x94\x10\xca(\x80\x1ctO\xffa\x0f\x0c\xf0\xd5\xf8\x19\xc7}\x80\xd8$AZl\xa6\xe3\xa5_\xbe\xf3\xfaG\x12$!\x84R\xaa\xeb:\x00dff\xee\xda\xb5\xcbd2I)\xf1@\xd88\xf0\x0e\xc0@\x00\x80R\xfa\xaf\x7f\xfd\xabo\xdf\xbe\x00\x10\xee\x01\xa5\x94J)\x9d\xed\x13r\xdf\x99\x1d\x97`\xd5u\x81\x97\x80\x98\x04\x02\xec\x89\xb6\xbc\xa9\xbf/\xddU\xc6\x18\x85\x86\x1a\xc0\x18\x13B\xacY\xb3f\xca\x94)x\x13`(X\x00\x0cD\xfd\xb6\xc7\x8e\x1d\x9b\x9f\x9fo\xd2\xb4\x90\xae\xa7u\xe8p\xce\xe7;\xed\xf52\xce\x84\x80\x1f\xdd?`\xca\x8b\x0fx]&gt;\xc6\x19!\x92\x10,\x03\xb1\x03\x04\xc4;l;\xdf\xdd\xb7\xe6\xa5\xffe\x8cJIL&amp;\xd3\xd0\xa1C\xb7l\xd9\xa2\xce~;t\xe8\xf0\xd9g\x9f9\x9dN|8\xc08\xf0f\xdf(\xd4\xd5??????\x9fs\x0e\x00\x8c\xd2\xbc\xe1\xc3\x7f\xde\xaf\x9f$\x84JB\x19\xdd\xbdq\xdf\xa9\xc3_\xd9\xe3\xad\x84\x10\xc6\x18c\x14\xff\x15\x1b\xff\xa2\x8c\x9aL&lt;P\x17\xfa`\xf5VB\x08c\\J9b\xc4\x88\xbf\xfd\xedo\xed\xda\xb5\x93Rr\xce+++\x97-[\x86=\xc1\x86\x82\x05\xc0\x10\xd4\xc6\xae\xae\xeb\xb3f\xcd\xa2\x84pJ\x05\xc0}\xa9\xa9Cn\xb8\xe1\xff\xfd\xf0\x877;\x1c:\x00gL\x08\xd8\xb0|\x13\xe5\xb8\xfc\x8b5 \xc0\xee\xb0mZ\xb3\xe3lE\x15\xe7\x0c\x004M{\xe9\xa5\x97n\xbc\xf1\xc6\xec\xecl\xb5\x19\xc89\x7f\xf5\xd5W\xcb\xca\xca\xb0\x06\x18\x07\x16\x00CP\x8f}\xadZ\xb5\xea\xe8\xd1\xa3\x9cs]\x88D\xb3\xf9\x99\x8c\x0cw0\xe80\x9b\xe7fd\x10B$\x00e\xf4H\xc1\xb1\x92\xadG\xec\tV\x10x\t\x88\x11RJ\xb3\xc5t\xe6\xe4\x85-o\xee\xa1\x94R\xca\x00`\xca\x94)\xb7\xdf~\xfb\xf9\xf3\xe7\xa7L\x99\x92\x96\x96\xa6n\x10\x83\xc1\xe0\xfc\xf9\xf3\xd5\x99Pk\xbfj\xd4\x12\xb0\x00\xc4&gt;u\xf6[YY\x99\x9d\x9d\xad6wA\xca\'\xfa\xf6\xed\xdf\xa1\x83_\xd7=\xc1\xe0\xa3\xbd{\xdf\x9e\x9c,@r\xca\x08!\x7f_\xb1\xa9\xce\x17\xe4\x9c\xe15 6\x00H\xab\xdd\xfc\xcek\x9bk=uj\xf9\xeft:srr|&gt;\x1f\x00\xc4\xc7\xc7\xe7\xe6\xe6J)U\r\xd8\xb0a\x83\xda$\x14B\xb4\xf6\x0bG\xcd\x0e\x0b@\xecSOxfeeUWW\x9b8\xd7\x85\xe8\x9c\x988\xe3\xd6[\xab\xfd~\x8d1I\x88\x00\xc8\x1e&lt;Xc\x0c\x008ggN]\xf8p\xcd\x0e\xbb\xc3\x867\x011\x00@\xc6%\xda\xf6o?Z\x90\x7f\x901*%\x01\x80\xac\xac\xac\x94\x94\x94\xba\xba:\x93\xc9T]]=n\xdc\xb8\xf1\xe3\xc7\x0b!\x18c\x94\xd2Y\xb3f\xe9\xba\x8e\xf7\x01F\x80\x05 \xc6\xa9\xcd\x9f\xa2\xa2\xa27\xdexC\x9d\xfdJB\x9e\xbb\xed\xb6\x0ev{P\x08u\x1eP\x13\x0c\xfe(%eb\xef\xde\xd0\xd0\x15\xba\xe5\xcd=gN^0[4\xbc\x04D;J\x88\xd0\xc5\xfb\xab\xb7\x00H\xc68\x00\xa4\xa5\xa5=\xfd\xf4\xd3n\xb7[=\xf7\xab\x0e\x87rss\x1d\x0e\x87\xba\t8z\xf4\xe8\xaaU\xab\xf0$\xc0\x08\xb0\x00\xc48u\xfc;g\xce\x9c@ \xc0)\xd5\x01nON~\xa4W\xaf*\xbf_k\x18\xfc\xc2\x19\xf3\x06\x83\xbf\x1c8\xd0a\xb1\x80\x00\xc6Y\xad\xa7\xee\x9d\xdf|d\x8d\xb3\xaaVq\x14\xa5\x84\x80\xf8$\xfb\xcew\x8a?/9\xc58S\x87\xbd/\xbf\xfc\xb2\xcdf\x0b\xef\xf00\xc6jjj\xfa\xf5\xeb7m\xda4\xb5[H)\xcd\xce\xce\xae\xae\xaef\x8c\xe1\n \xb6a\x01\x88e\xe1]\xddm\xdb\xb6i\x9a\xa6\x0ba\xe6&lt;{\xf0`\x01pq\x9f\x0f%\xc4\xaf\xeb7$$&lt;\x93\x91!\t! )\xa3E\x1f\x95\x1e\xd9{\xcc\x16g\xc1\x1a\x10\xa5\xa4$\x9a\xc6]gk6\xad\xd9N)\xe5\x94\t!\xee\xbb\xef\xbe\xb1c\xc7\xba\\\xae\x8b\x9f\xf6\xd24\xcd\xedvgffv\xed\xdaUM\x04\xaa\xae\xaeV\'Fx\x13\x10\xdb\xb0\x00\xc4,\xb5vS}\x1d\x84\x10F\x08Hyo\xf7\xee\xc3RRj\x82A\xf6\xcdVO\xce\x98\'\x10x\xa2o\xdfnN\xa7\x00\xe0\x8c\xe9!\xf1\xf6\xaf\xf3\x19g\x04\xaf\xff\xd1\t\x04\xc49m\x9b\xff{\xe7\xb9/\xab\x19c\x02\xc0l6ggg\x0bq\xe9\x93\xde\x94\xd2`0\x98\x9c\x9c\xfc\xec\xb3\xcf\xaa\xbb\x84p\xcf\x18n\x04\xc56,\x001K\x8d\xfdY\xb2dIYY\x99I\xd3BB8\xad\xd6\xf9\x83\x06\xd5\x04\x83\xfc[S\x7f)!BJ\xbb\xc9\xf4\xd2\x90!\x84\x10\xb5\x11TVrr\xf7\xc6}\xf1N\x9b\xc0\xd3\xe0h\x03 \xadq\xe6S\x87Oo\xdd\xb0\x972\xaa\xd6\xf23g\xceLOO\xaf\xa9\xa9\xf9\xf6\xd8gM\xd3.\\\xb80u\xea\xd4!C\x86\xa8\x9b\x80\xfa\xa7F\xf0(8\xa6a\x01\x88M\xea\xec\xb7\xbc\xbc&lt;//\x8f1\xa6\xa6\x80\xfe\xaco\xdf\xeeN\xa7_\xd7/\xfb\x9c\x17\xa7\xd4\x13\x08\xdc\xd5\xb5\xeb\xb0\x94\x14\x90\x92\x11B(y\xf7w\x1f\xbb/x5\x8d\xe3E \xea0\xce\xdeyms\x9d\xd7\xcf\x19\x13Bt\xe8\xd0!33\xd3\xeb\xf5^i\xd4\x8f\x94\xd2d2=\xff\xfc\xf3j4\x90\xa6i\xf9\xf9\xf9\x1b6l\xc0\x96\xd0\x18\x86\x05 6\xa9\xb3\xdf\x85\x0b\x17z&lt;\x1e\x8d\xf3\x90\x10\xdd\x9c\xceY\xe9\xe9\xd5~\xff\xb7\x97\xff\x17\x13R.\x18:\xd4\xcc9\x80\xe4\x8c\x9d\xff\xaaz\xf3\xdfv\xc6;\xed\xd8\x12\x1aE@@\\\xa2\xb5tg\xd9\xbe\xad\x87U\xeb\xa7\x942\'\'\xa7s\xe7\xce~\xbf\xffJs~8\xe7\xd5\xd5\xd5\xf7\xdcs\xcf\xc3\x0f?\x1cn\t\x9d?\x7f~0\x18\xc4\xfb\x80X\x85\x05 \x06\xa9\xb3\xdf\xed\xdb\xb7\xaf]\xbbV\xe3\\\xe8:!\xe4\xa5!C\xe2\xcdf!\xe5w\x8cy`\x94z\x83\xc1\xf4\x8e\x1d\x7f\xde\xaf\x1f4L\x8a\xde\xbaa\xef\x89C_Z\xedf\xbc\x04D\x0b\xc6\x99\xdf\x17|\xe7\xb5\xcd\x84\x12\xc6\xb9\x10b\xc8\x90!O&gt;\xf9\xe4\x85\x0b\x17\xbe;\xf2\x85s\xee\xf5zsss\x93\x92\x92B\xa1\x90\xa6ieeeK\x96,\xc1\x93\x80X\x85\x05 6\t!\xd4q\x1f\xa3TH9,%\xe5\xae\xae]\xdd\x81\xc0\xf7\x8e\xf9Q-\xa1\xd3\xd3\xd2\xda\xdb\xed\x00\x921V\xe7\xf5\x7f\xb0z\x9b\xd9j\xc2v\xa0\xa8 \x04\xc4%\xdav\xbfWr\xea\xe8i\xc6\x98\x04\xc99\x7f\xfe\xf9\xe7\xd5\xac\xff\xef\xfe\xdfRJ\xeb\xea\xeaRSSg\xcc\x98\xa1\xfeb\xc6\xd8\xd2\xa5K+++\xb1#(&amp;a\x01\x885\xba\xaes\xce\xd7\xad[\xb7}\xfbv\x93\xa6\xe9Bh\x8c-\x18:T4n\xfd\xaeZBoJL\xfc\xe5\xc0\x81 %\x01\xc98+\xdc|p\xff\xf6\xa3q\x896\xac\x01\x11NJi6k\xe7O\xbb6\xae\xfa8&lt;\xe8\xff\xa1\x87\x1e\xba\xe7\x9e{\xaa\xab\xab\x1b3\xe8_m\x04\xcd\x9d;\xb7[\xb7n\xea&amp;\xa0\xaa\xaa*++\x0b\x9f\t\x88IX\x00b\x8aj\xe0\xf3x&lt;\x0b\x16,`\x94\x12)A\xca\x89\xbd{\xf7\xef\xd0\xc1\xfb\xad\xd6\xcf+\xd1\x18s\xf9\xfd\x8f\xf4\xeauK\xbbvjj4\x80|\x7f\xf5\x16\xa1\x0b\x1c\x13\x1a\xe1\x00\xa45\xce\xf2\xd1\xda]\x9e\x0b^\xc6\x19\x08p8\x1cYYY&gt;\x9f\xaf\x91\x81\xef\xea\xc1\xe0\x84\x84\x84\x17^x\x814\xf4\x92\xad[\xb7\xae\xb8\xb8X=I\xde\xcc\x7f\x02\xd4\xa2\xb0\x00\xc4\x14\xd5\xfc\x93\x97\x97W^^\xce9\xd7\x01\x1c\x16\xcb/\x07\x0e\xf4\x85B\xdf}\xf6{\t!e\x9c\xd9&lt;\x7f\xd0 I\x88\x14\xc08\xfb\xbc\xe4\xd4\'o\x17\xc5;\xec\xd8\x12\x1a\xb1\x00\xa4\xcdn9\xfeY\xc5\xc7o\xec\xa6\x8cRB\x01`\xda\xb4iiii^\xaf\xb7\x91\x05\x80\x10\xa2i\x9a\xcb\xe5\x9a&lt;y\xb2j\tUSB333\x85\x10x\x13\x10c\xb0\x00\xc4\x0e\xb5XS\xa7v\x9cs\t \xa5\x9c=`\xc0\x8d\t\tWj\xfd\xbc\x12N\xa9\xcb\xef\xbf\xb3K\x97\xbb\xbav\x15R2B(\xa5\xef\xfe\xee\xe3\x0b\xa7]f3\x0e\x08\x8aP\x94\x10\xca\xe9\x86e\x9b\xf4\x90P\xad\x9f]\xbat\xc9\xcc\xcc\x0c\x8f\xfd\xb9*\xba\xae/Z\xb4H=\x10\xa0i\xda\x8e\x1d;\xd6\xad[\x87-\xa11\x06\x0b@\xecP\xd7e\xd5\xb7\xa7"_ni\xd7\xee\xa9~\xfd\xdc\x81\xc0U-\xff\x15\xf5h\xd8\x0b\x83\x07\'\x9a\xcd\x00\x921\xea\xa9\xf2n^\xbb\xcb\x82\xc3!"\x12\x08\xb0%XK\xb6\x1e9Rp,\xdc\xfa\xf9\xd2K/u\xea\xd4I\xf5q^\xd5\xdfM\r\x08\x1a1b\xc4\x94)S\xd4\x80 \xc6\xd8\x82\x05\x0b\xdcn7\xb6\x84\xc6\x12,\x001B\xb5~n\xdb\xb6-\xfc\xe4\x8e$d\xfe\xa0A6M\xfb\xee\xd6\xcf+a\x94\xd6\x04\x83\xfd\xda\xb7\x7f\xe2\x96[@J\x95\x19\xf9\xf1\x1b\xbbO\x1e\xfa\x12\x07\x04E \xceY\xa0.\xf4\xf7\x15\x9b\x08\xf9\xba\xf5s\xd2\xa4I\xdf\xdb\xfay\xe5\xbf!\xaf\xa9\xa9\xc9\xc9\xc9q:\x9dj#\xa8\xbc\xbc|\xc5\x8a\x15\xea`\xb9\xa9_&gt;j\x1dX\x00b\x81z\xec+\x10\x08\xcc\x993\x87R\xaaZ?\xef\xee\xd6\xed\xce.]\\\x8dh\xfd\xbc\x12\x8d\xb1j\xbf\xff\xe9\xfe\xfd\xbb$&amp;\n\x90\x8c1=$6\xae\xdaB\x19\x9e\x05G\x16!\xc0\x96`\xdd\xba\xe1\xd33\xa7.\xa8\xb3_\xb3\xd9\xbch\xd1"5\xd6\xff\xda\xfe\x9e\x94R\xbf\xdf\x9f\x92\x92\x92\x95\x95\x15\xce\x8c\\\xbe|\xb9:^\xc2\xd3\xe0\xd8\x80\x05 \x16\xa8\xb3\xdf\xf5\xeb\xd7\x17\x15\x15\xa9\xe5\xbf\x99s\xd5\xc7y=\x97jJHP\x88\xe4\xb8\xb8Y\xe9\xe9\x92H5%t\xdf\x96C\xa5;\xcb\xe2\x12\xacx\x1a\x1c!T\xebgU\xa5\xfb\x83\xd5[\xd5^\r\x00&lt;\xf8\xe0\x83#F\x8c\xb8\xec\xd8\x9f\xc6\xd34\xcd\xe3\xf1L\x9f&gt;=55U\xdd\x04\xb8\xdd\xee\x85\x0b\x17\xe23\x011\x03\x0b@\xd4S\xcb\xff\xea\xea\xeay\xf3\xe61\xc6\xa8\x94 \xe5\xcf\xfb\xf5\xeb\xdf\xb1\xe3\xb7\xa7~^-\x8d\xb1\x0buu\x8f\xf7\xe9s[r\xb2\x00\xe0\x94\x11J\xdeyms\xc0\x1f\xe2\x1c\xbf&lt;\x11A\x82\xb4\xc6[6\xae\xfa\xd8W\xe3g\x9c\t]$%%\xe5\xe6\xe6\xd6\xd4\xd44\xa6\xf1\xff\xbb\xe9\xban\xb7\xdb\x17/^L\x08Q\x03\x82\xd6\xae]\xbbc\xc7\x0eM\xd3p#(\x06\xe0o8\xea\xa9\xe5\x7fvvvee%gL\x17\xa2\xbd\xdd&gt;=-\xcd{\xb9\xa9\x9f\xd7@\x12\xa2167#\x83Q*\x01\x18c\xa7\x8e\x9e\xde\xf2\xe6\xa7v\xbc\t\x88\x00\xaa\xf1\xff\xc8\xde\xe3;\xffQ\xacZ?\xa5\x943f\xccHMM\xfd\x8e\xb1?\x8d\xa7V\xfd\xe3\xc7\x8f\x1f9r\xa4\x9a#-\x84\xc8\xcc\xcc\x0c\x04\x02x\x1a\x1c\x03\xb0\x00D7u\xf5W\x19~\x9c1\xd9\x90\xf8xSb\xe2\xd5\xb6~^\x89j\t\x1d\xd3\xb5\xeb\x03=z\x84[B?\xf8\xe3\xd6\xaaJ7fF\xb6:J\x08\xe3\xec\xed_\xe7\x0b\x01\x9cq!Djj\xea\xdc\xb9s\x1b\xf9\xdco#\t!^y\xe5\x15\xb3\xd9\xacn\x02\x8a\x8b\x8b\xd7\xaf_\x8f\x03\x82b\x00\x16\x80\xe8\xa6\xf6\x7fT\x8a7gL\x07\xb8-9yR\x9f&gt;UuuZS,\xff\x15\xceXm08\x7f\xd0 \xa7\xd5*@2F}5\xfe\x8d\xab&gt;\xb6\xd8\xcc\x12\xdb\x81Z\x8f\x10`O\xb4\xed\xde\xb8\xaf\xac\xe4d8\xf1q\xf1\xe2\xc5\xf1\xf1\xf1\xdfN}\xb9f\xaa%4##c\xe6\xcc\x99\xe1\x96\xd0y\xf3\xe6UUU\xe1M@\xb4\xc3\x02\x10\xc5T\xebg~~~~~&gt;\xe7\\\x00pJ\xe7fdh\x8c5\xed\x8f\x92\x12R\xa7\xeb\xdd\x9d\xce\x9f\xf5\xed+\x1bZBw\xfe\xa3\xf8\xc4g_Z\xed\xd8\x12\xda:$!\x1ag\xfe\xda\xc0{\xbf\xdfB\x08a\x94\t!F\x8e\x1c9~\xfcx\xb7\xdb\xdd\x84\xcb\x7f\xd2\xd0\x12\x9a\x99\x99\xd9\xa1C\x07\xf5\xad\xab\xac\xac\\\xb6l\x19\xde\x04D;,\x00\xd1J\xad\xfd\xebc\x9b\x08QO~\xdd\x97\x9a:\xa6kW\x97\xdf\x7f\xcd\xad\x9fW\xc2\x19\xab\xf6\xfbg\r\x18\xd0\xd5\xe1\xd0\x018cB\xc0\x86\xe5\x9bh\x93\xff\x93P\xe3\x80\x00\xbb\xc3\xb6i\xcd\x8e\xb3\x15U\x9c3\x00\xd04-//\xaf9\xcefUKh\xe7\xce\x9dsrr\x00@\xb5\x84\xbe\xfa\xea\xabeeeX\x03\xa2\x1a\x16\x80h\xa5v\xffUp+\xe7\\\x17"\xd1l\x9e\x9d\x91Q\x17\n]g\xe7\xcfeQBt)\x13\xcc\xe69\x19\x19\x84\x10\t@\x19=Rp\xacd\xeb\x11{\x82\x15\xe3bZ\x98\x94\xd2l1\x9d9ya\xcb\x9b{(\xa5\x942\x00\x982e\xca\x80\x01\x03\xae\xb3\xf5\xf3JTR\xfc\xa4I\x93\xd2\xd2\xd2\xd4M\x80\x8a\x9b\xc6]\xa0\xa8\x86\x05 *\xa9\xad\xd8\xca\xca\xca\xec\xeclJ)%\x04\xa4|\xa2o\xdf\xfe\x1d:x\x9b\xa7\x00\x10B4J]~\xff\xa3\xbd{\xdf\x9e\x9c,@r\xca\x08!\x7f_\xb1\xa9\xce\x17\xe4\xbc\x897\x9d\xd0w\x03\x90V\xbb\xf9\x9d\xd76\xd7z\xea\xd4\xf2\xdf\xe9t\xe6\xe4\xe4\xd4\xd6\xd66\xed\xe6\xcf\xc5\x84\x10\xf1\xf1\xf1\xb9\xb9\xb9RJU\x036l\xd8P\xbf\xfd\x88-\xa1\xd1\t\x0b@TRc\x9f\xb3\xb2\xb2\xaa\xab\xabM\x9c\xebBtNL\x9cq\xeb\xad\xd5~\x7f\x13\x9e\xfd^\x96\x00\xc8\x1e&lt;Xc\x0c\x008ggN]\xf8p\xcd\x0e\xbb\xc3\x867\x01-\x06@\xc6%\xda\xf6o?Z\x90\x7fP\x8d\xfd\x01\x80\xac\xac\xac\x94\x94\x94&amp;i\xfd\xbc\x12\x15\x150n\xdc\xb8\xf1\xe3\xc7\x873#U\x03\x02\xde\x07D),\x00\xd1Gm\xfe\x14\x15\x15\xbd\xf1\xc6\x1b\xea\xa1|\xd5\xfa\xd9\xc1n\x0f\n\xd1\xac;\xf2j@\xd0\x8fRR&amp;\xf6\xee\rR\x12B(\xa5[\xde\xdcs\xe6\xe4\x05l\tm1\x94\x10\xa1\x8b\xf7Wo\x01\x90\x8cq\x00HKK{\xfa\xe9\xa7\xafm\xea\xe7\xd5\xfd\xa3)\xd5u=77\xd7\xe1p\xa8\x9b\x00\xd5\x82\x8c\'\x01Q\n\x0b@\xf4Q\xc7\xbfs\xe6\xcc\t\x04\x02\x9cR\x1d\xe0\xf6\xe4\xe4Gz\xf5\xaaj\xfe\xe5?i\xc8\x8c\xfc\xe5\xc0\x81\x0e\x8b\x05\x040\xcej=u\xef\xfc\xe6#k\x9c\x15\xdb\x81Z\x80\x10\x10\x9fd\xdf\xf9N\xf1\xe7%\xa7\xc2\xad\x9f/\xbf\xfc\xb2\xcdfk\x81}\x18\xd5\x12\xda\xaf_\xbfi\xd3\xa6\xa9}HJivvvuu5F\x86E#,\x00Q&amp;\xbc\xf7\xbam\xdb6M\xd3t!\xcc\x9cg\x0f\x1e,\x00Z\xa6\x1bGeF\xde\x90\x90\xf0LF\x86$D\r\x08*\xfa\xa8\xf4\xc8\xdec8%\xb4\xb9II4\x8d\xbb\xce\xd6lZ\xb3\x9dR\xca)\x13B\xdcw\xdf}c\xc7\x8eu\xb9\\\xcd\xb7\xfb\x7f1M\xd3\xdcnwfff\xd7\xae]UT@uu\xb5:\x8b\xc2\x9b\x80\xa8\x83\x05 \x9a\xa8\x15\x96\xea\xbe \x840B@\xca{\xbbw\x1f\x96\x92r\xfdc\x7f\x1a\x8f3\xe6\t\x04\x9e\xe8\xdb\xb7\x9b\xd3)\x008czH\xbc\xfd\xeb|\xc6\x19\xc1\xeb\x7fs\x02\x01qN\xdb\xe6\xff\xdey\xee\xcbj\xc6\x98\x000\x9b\xcd\xd9\xd9\xd9M\xf8\xd8\xd7\xf7\xa2\x94\x06\x83\xc1\xe4\xe4\xe4g\x9f}V\xdd\x7f\x84\xbb\xd1p#(\xea`\x01\x88&amp;*\xf3k\xc9\x92%eee&amp;M\x0b\t\xe1\xb4Z\xe7\x0f\x1aT\xd3Dc\x7f\x1aIe\xc5\xd8M\xa6\x97\x86\x0c!\x84\xa8\x8d\xa0\xb2\x92\x93\xbb7\xee\x8bw\xdap@P3\x01\x90\xd68\xf3\xa9\xc3\xa7\xb7n\xd8K\x19U+\xee\x993g\xa6\xa7\xa77S\xeb\xe7\x95h\x9av\xe1\xc2\x85\xa9S\xa7\xaa\xccH\x95\x1a6k\xd6,&lt;\n\x8e:X\x00\xa2\x86:\xfb-//\xcf\xcb\xcbc\x8c\x11)\xa5\x94?\xeb\xdb\xb7\xbb\xd3\xd9Tc\x7f\x1a\x8fS\xea\t\x04\xee\xea\xdauXJ\nH\xc9\x08!\x94\xbc\xfb\xbb\x8f\xdd\x17\xbc\x9a\xc6\xf1"\xd0L\x18g\xef\xbc\xb6\xb9\xce\xebW\x89\x8f\x1d:t\xc8\xcc\xcc\xf4z\xbd-\xb3\xf9s1)\xa5\xc9dz\xfe\xf9\xe7U&gt;\x8c\xa6i\xf9\xf9\xf9\xe10\xa2\x16~1\xe8\x9aa\x01\x88\x1a\xea\xecw\xe1\xc2\x85\x1e\x8fG\xe3&lt;$D7\xa7sVzz\xb5\xdf\xdf\x92\xcb\xff\x8b\t)\x17\x0c\x1dj\xe6\x1c@r\xc6\xce\x7fU\xbd\xf9o;\xe3\x9dvl\tmr  .\xd1Z\xba\xb3l\xdf\xd6\xc3\xe1\xc4\xc7\x9c\x9c\x9c\xce\x9d;7k\xeb\xe7\x95\xa8\x96\xd0{\xee\xb9\xe7\xe1\x87\x1f\x0e\xb7\x84\xaa8R\xbc\x0f\x88"X\x00\xa2\x83:\xfb\xdd\xbe}\xfb\xda\xb5k5\xce\x85\xae\x13B^\x1a2$\xdel\xbe\xb6\xc4\xc7\xeb\xc7(\xf5\x06\x83\xe9\x1d;\xfe\xbc_?\x95&lt;C\x19\xdd\xbaa\xef\x89C_Z\xedf\xbc\x044-\xc6\x99\xdf\x17|\xe7\xb5\xcd\x84~\x9d\xf8\xf8\xe4\x93O^s\xe2\xe3\xf5\xe3\x9c{\xbd\xde\xdc\xdc\xdc\xa4\xa4\xa4P(\xa4iZYY\xd9\x92%K\xf0$ \x8a`\x01\x88\x1aB\x08u\xdc\xa7\x12\x1f\x87\xa5\xa4\xdc\xd5\xb5\xab\xfb:\x12\x1f\xaf\x9fj\t\x9d\x9e\x96\xd6\xden\x07\x90\x8c\xb1:\xaf\xff\x83\xd5\xdb\xccV\x13\xb6\x035!! .\xd1\xb6\xfb\xbd\x92SGO3\xc6$H\xce\xf9\xf3\xcf?o2\x99Z\xb1\xd0RJ\xeb\xea\xeaRSSg\xcc\x98\xa1^\x06cl\xe9\xd2\xa5\x95\x95\x95\xd8\x11\x14-\xb0\x00D\x01\x95\xc6\xb7n\xdd\xba\xed\xdb\xb7\x9b4M\x17Bcl\xc1\xd0\xa1\xa2\xb5W\xd9\xaa%\xf4\xa6\xc4D\x15?I@2\xce\n7\x1f\xdc\xbf\xfdh\\\xa2\rk@\x93P\x89\x8f\xe7O\xbb6\xae\xfaX\x8db\x16B&lt;\xf4\xd0C\xf7\xdcsO\xd3\x0e\xfd\xbf\x06j#h\xee\xdc\xb9\xdd\xbauS7\x01UUUYYY\xf8L@\xb4\xc0\x02\x10\xe9T\x9b\x9d\xc7\xe3Y\xb0`\x01\xa3\x94H\tRN\xec\xdd\xbb\x7f\x87\x0e\xde\x16l\xfd\xbc\x12\x8d1\x97\xdf\xffH\xaf^\xb7\xb4k\x07\x00\x8cR\x00\xf9\xfe\xea-B\x17\xad\xfd\xd2b\x84\xca\xfc\xfah\xed.\xcf\x05\xaf\n|w8\x1cYYY&gt;\x9f\xaf%;\x7f.K=\x18\x9c\x90\x90\xf0\xc2\x0b/\x90\x86.\xb5u\xeb\xd6\x15\x17\x17cp|T\xc0\x02\x10\xe9T\xf3O^^^yy9\xe7\\\x07pX,\xbf\x1c8\xd0\x17\n\xb5\xd6\xd9\xef%\x84\x94qf\xf3\xfcA\x83$!R\x00\xe3\xec\xf3\x92S\x9f\xbc]\x14\xef\xb0cK\xe8u\x02\x906\xbb\xe5\xf8g\x15\x1f\xbf\xb1[%&gt;\x02\xc0\xb4i\xd3\xd2\xd2\xd2\xbc^o\xab\x17\x00B\x88\xa6i.\x97k\xf2\xe4\xc9\xaa%TM\t\xcd\xcc\xcc\x14B\xe0M@\xe4k\xfd/\x10\xfa\x0ejI\xa5\xce\xd68\xe7\x12@J9{\xc0\x80\x1b\x13\x12Z\xbe\xf5\xf3JTf\xe4\x9d]\xba\xdc\xd5\xb5k83\xf2\xdd\xdf}|\xe1\xb4\xcbl\xc6\x01A\xd7\x85\x12B9\xdd\xb0l\x93\x1e\x12\xaa\xf5\xb3K\x97.\x99\x99\x99-0\xf6\xe7\xaa\xe8\xba\xbeh\xd1"\xf5@\x80\xa6i;v\xecX\xb7n\x1d\xb6\x84F&gt;,\x00\x11M]=Uw\x9d\x8a|\xb9\xa5]\xbb\xa7\xfa\xf5s\x07\x02\x11\xb2\xfcW\xd4\xa3a/\x0c\x1e\x9ch6\x03H\xc6\xa8\xa7\xca\xbby\xed.\x0b\x0e\x87\xb8\x0e \xc0\x96`-\xd9z\xe4H\xc1\xb1p\xeb\xe7K/\xbd\xd4\xa9S\'\xd5m\xd9\xda/\xb0\x9e\x1a\x104b\xc4\x88)S\xa6\x843#\x17,X\xe0v\xbb\xb1%4\xc2E\xd0E\x04]B\xb5~n\xdb\xb6-\xfc|\x8d$d\xfe\xa0A6Mk\xad\xd6\xcf+QSB\xfb\xb5o\xff\xc4-\xb7@Cf\xe4\xc7o\xec&gt;y\xe8K\x1c\x10t\xcd8g\x81\xba\xd0\xdfWl"\xe4\xeb\xd6\xcfI\x93&amp;\xb5b\xeb\xe7\x95\xa8\xcc\xc8\x9c\x9c\x1c\xa7\xd3\xa96\x82\xca\xcb\xcbW\xacX\xa1\x8e\xac[\xfb\xd5\xa1+\xc2\x02\x10\xa1\xd4c_\x81@`\xce\x9c9\x94R\xd5\xfayw\xb7nwv\xe9\xe2j\xd5\xd6\xcf+\xd1\x18\xab\xf6\xfb\x9f\xee\xdf\xbfKb\xa2\x00\xc9\x18\xd3Cb\xe3\xaa-\x94E\xdcK\x8d\nB\x80-\xc1\xbau\xc3\xa7gN]Pg\xbff\xb3y\xd1\xa2Ej\xf8~k\xbf\xbaK\xa9\xcc\xc8\x94\x94\x94\xac\xac,5 \x88s\xbe|\xf9rup\x85\xa7\xc1\x11\x0b\x0b@\x84Rg\xbf\xeb\xd7\xaf/**R\xcb\x7f3\xe7\xaa\xdb2\xe2~\xfd\x84\x10B(!A!\x92\xe3\xe2f\xa5\xa7K"\xd5\x94\xd0}[\x0e\x95\xee,\x8bK\xb0\xe2i\xf0UQ\xad\x9fU\x95\xee\x0fVoU;*\x00\xf0\xe0\x83\x0f\x8e\x181\xa2\x85\xc7\xfe4\x9e\xa6i\x1e\x8fg\xfa\xf4\xe9\xa9\xa9\xa9\xea&amp;\xc0\xedv/\\\xb8\x10\x9f\t\x88d\x91\xf8MBj\xf9_]]=o\xde&lt;\xc6\x18\x95\x12\xa4\xfcy\xbf~\xfd;vl\xc9\xa9\x9fWKc\xecB]\xdd\xe3}\xfa\xdc\x96\x9c,\x008e\x84\x92w^\xdb\x1c\xf0\x878\xc7o\xdaU\x90 \xad\xf1\x96\x8d\xab&gt;\xf6\xd5\xf8\x19gB\x17III\xb9\xb9\xb9555\xad\xdb\xf8\xff\xddt]\xb7\xdb\xed\x8b\x17/&amp;\x84\xa8\x01Ak\xd7\xae\xdd\xb1c\x87\xa6i\xb8\x11\x14\x99\xf0g\x19\x89\xd4\xf2?;;\xbb\xb2\xb2\x923\xa6\x0b\xd1\xden\x9f\x9e\x96\xe6m\xd9\xa9\x9f\xd7@\x12\xa2167#\x83Q*\x01\x18c\xa7\x8e\x9e\xde\xf2\xe6\xa7v\xbc\th4\xd5\xf8\x7fd\xef\xf1\x9d\xff(V\xad\x9fR\xca\x193f\xa4\xa6\xa6\xb6\xca\xd8\x9f\xc6S\xab\xfe\xf1\xe3\xc7\x8f\x1c9RM\xa8\x16Bdff\x06\x02\x01&lt;\r\x8eL\x11}51&amp;u\xf5WI{\x9c1\xd9\x90\xf8xSbb\xe4\xb4~^\x89j\t\x1d\xd3\xb5\xeb\x03=z\x84[B?\xf8\xe3\xd6\xaaJ7fF6\x12%\x84q\xf6\xf6\xaf\xf3\x85\x00\xce\xb8\x10"55u\xee\xdc\xb9\xad\xfe\xdco#\t!^y\xe5\x15\xb3\xd9\xacn\x02\x8a\x8b\x8b\xd7\xaf_\x8f\x03\x82"\x13\x16\x80\x88\xa3\xf6\x7fT\xd66gL\x07\xb8-9yR\x9f&gt;Uuu-\x90\xf8x\xfd8c\xb5\xc1\xe0\xfcA\x83\x9cV\xab\x00\xc9\x18\xf5\xd5\xf87\xae\xfa\xd8b3Kl\x07\xfa&gt;B\x80=\xd1\xb6{\xe3\xbe\xb2\x92\x93\xe1\xc4\xc7\xc5\x8b\x17\xc7\xc7\xc7\xb7d\xea\xcb5S-\xa1\x19\x19\x193g\xce\x0c\xb7\x84\xce\x9b7\xaf\xaa\xaa\no\x02"P\x14\\P\x0cE\xb5~\xe6\xe7\xe7\xe7\xe7\xe7s\xce\x05\x00\xa7tnF\x86\xc6X\xb4\xfct(!u\xba\xde\xdd\xe9\xfcY\xdf\xbe\xb2\xa1%t\xe7?\x8aO|\xf6\xa5\xd5\x8e-\xa1\xdfE\x12\xa2q\xe6\xaf\r\xbc\xf7\xfb-\x84\x10F\x99\x10b\xe4\xc8\x91\xe3\xc7\x8fw\xbb\xddQ\xb1\xfc\'\r-\xa1\x99\x99\x99\x1d:tP\xdf\xe7\xca\xca\xcae\xcb\x96\xe1M@\x04\xc2\x02\x10A\xd4\xda\xbf&gt;\\\x89\x10\xf5\xe4\xd7}\xa9\xa9c\xbavu\xf9\xfd\x11\xd8\xfay%\x9c\xb1j\xbf\x7f\xd6\x80\x01]\x1d\x0e\x1d\x803&amp;\x04lX\xbe\x89F\xd1\x9f\xa15\x80\x00\xbb\xc3\xb6i\xcd\x8e\xb3\x15U\x9c3\x00\xd04-///\xbaNPUKh\xe7\xce\x9dsrr\x00@\xb5\x84\xbe\xfa\xea\xabeeeX\x03"\r\x16\x80\x08\xa2v\xffU\xbc*\xe7\\\x17"\xd1l\x9e\x9d\x91Q\x17\nEl\xe7\xcfeQBt)\x13\xcc\xe69\x19\x19\x84\x10\t@\x19=Rp\xacd\xeb\x11{\x82\x15\xe3b.KJi\xb6\x98\xce\x9c\xbc\xb0\xe5\xcd=\x94RJ\x19\x00L\x992e\xc0\x80\x01\x11\xdb\xfay%*)~\xd2\xa4Iiii\xea&amp;@\x05Y\xe3.P\xa4\x89\xa6oUlS\x1b\xa6\x95\x95\x95\xd9\xd9\xd9\x94RJ\x08H\xf9D\xdf\xbe\xfd;t\xf0F[\x01 \x84h\x94\xba\xfc\xfeG{\xf7\xbe=9Y\x80\xe4\x94\x11B\xfe\xbebS\x9d/\xc8y\xd4lg\xb5$\x00i\xb5\x9b\xdfyms\xad\xa7N-\xff\x9dNgNNNmmm\xb4l\xfe\\L\x08\x11\x1f\x1f\x9f\x9b\x9b+\xa5T5`\xc3\x86\r\xf5\x1b\x9bQuC\x13\xdb\xb0\x00D\n5\xf69++\xab\xba\xba\xda\xc4\xb9.D\xe7\xc4\xc4\x19\xb7\xdeZ\xed\xf7G\xc5\xd9\xefe\t\x80\xec\xc1\x835\xc6\x00\x80sv\xe6\xd4\x85\x0f\xd7\xec\xb0;lx\x13p\t\x00\x19\x97h\xdb\xbf\xfdhA\xfeA5\xf6\x07\x00\xb2\xb2\xb2RRR"\xbc\xf5\xf3JTT\xc0\xb8q\xe3\xc6\x8f\x1f\x1f\xce\x8cT\xad\rx\x1f\x109\xa2\xf5\xca\x12c\xd4\xe6OQQ\xd1\x1bo\xbc\xa1\x1e\x9dW\xad\x9f\x1d\xec\xf6\xa0\x10\xd1\xf7\xeb\'\x844\x0c\x08\xfaQJ\xca\xc4\xde\xbdAJB\x08\xa5t\xcb\x9b{\xce\x9c\xbc\x80-\xa1\x97\xa0\x84\x08]\xbc\xbfz\x0b\x80d\x8c\x03@ZZ\xda\xd3O?\x1diS?\xaf\x8a:\xd0\xca\xcd\xcdu8\x1c\xea&amp;@57\xe3I@\xe4\xc0\x02\x10\x11\xd4\xf1\xef\x9c9s\x02\x81\x00\xa7T\x07\xb8=9\xf9\x91^\xbd\xaa\xa2y\xf9O\x1a2#\x7f9p\xa0\xc3b\x01\x01\x8c\xb3ZO\xdd;\xbf\xf9\xc8\x1ag\xc5v\xa00! &gt;\xc9\xbe\xf3\x9d\xe2\xcfKN\x85[?_~\xf9e\x9b\xcd\x16\xd5\xbb%\xaa%\xb4_\xbf~\xd3\xa6MS;\x9c\x94\xd2\xec\xec\xec\xea\xeaj\x8c\x0c\x8b\x10Q|q\x89\x19\xe1\x1d\xd2m\xdb\xb6i\x9a\xa6\x0ba\xe6&lt;{\xf0`\x01\x10\xa5k\xff0\x95\x19yCB\xc23\x19\x19\x92\x105 \xa8\xe8\xa3\xd2#{\x8f\xe1\x94PEJ\xa2i\xdcu\xb6f\xd3\x9a\xed\x94RN\x99\x10\xe2\xbe\xfb\xee\x1b;v\xac\xcb\xe5\x8a\xc6\xdd\xff\x8bi\x9a\xe6v\xbb333\xbbv\xed\xaa\xa2\x02\xaa\xab\xab\xd5)\x17\xde\x04D\x02,\x00\xadL\xad\x83T\x8f\x04!\x84\x11\x02R\xde\xdb\xbd\xfb\xb0\x94\x94H\x1e\xfb\xd3x\x9c1O \xf0D\xdf\xbe\xdd\x9cN\x01\xc0\x19\xd3C\xe2\xed_\xe73\xce\x08^\xff\t\x01\x01qN\xdb\xe6\xff\xdey\xee\xcbj\xc6\x98\x000\x9b\xcd\xd9\xd9\xd9Q\xf1\xd8\xd7\xf7\xa2\x94\x06\x83\xc1\xe4\xe4\xe4g\x9f}V\xdd\xd9\x84\xfb\xdcp#(\x12`\x01he*\xf3k\xc9\x92%eee&amp;M\x0b\t\xe1\xb4Z\xe7\x0f\x1aT\x13\xf1c\x7f\x1aIe\xc5\xd8M\xa6\x97\x86\x0c!\x84\xa8\x8d\xa0\xb2\x92\x93\xbb7\xee\x8bw\xda\x0c&gt; \x08@Z\xe3\xcc\xa7\x0e\x9f\xde\xbaa/eT\xad\x8bg\xce\x9c\x99\x9e\x9e\x1eu\xad\x9fW\xa2i\xda\x85\x0b\x17\xa6N\x9d\xaa2#Uj\xd8\xacY\xb3\xf0(8\x12\xc4\xc27,z\xa9\xb3\xdf\xf2\xf2\xf2\xbc\xbc&lt;\xc6\x18\x91RJ\xf9\xb3\xbe}\xbb;\x9d\x91?\xf6\xa7\xf18\xa5\x9e@\xe0\xae\xae]\x87\xa5\xa4\x80\x94\x8c\x10B\xc9\xbb\xbf\xfb\xd8}\xc1\xabi\xdc\xe0\x17\x01\xc6\xd9;\xafm\xae\xf3\xfaU\xe2c\x87\x0e\x1d233\xbd^o\xb4o\xfe\\LJi2\x99\x9e\x7f\xfey\x95\x0f\xa3iZ~~~8\xe6\xa8\xb5_\x9d\xa1a\x01hM\xea\xecw\xe1\xc2\x85\x1e\x8fG\xe3&lt;$D7\xa7sVzz\xb5\xdf\x1f\x1b\xcb\xff\x8b\t)\x17\x0c\x1dj\xe6\x1c@r\xc6\xce\x7fU\xbd\xf9o;\xe3\x9dv\xc3\xb6\x84\x82\x80\xb8Dk\xe9\xce\xb2}[\x0f\x87\x13\x1fsrr:w\xee\x1c\xa5\xad\x9fW\xa2ZB\xef\xb9\xe7\x9e\x87\x1f~8\xdc\x12\xaa\x82N\xf1&gt;\xa0u\xc5\xdaU&amp;\x8a\xa8\xb3\xdf\xed\xdb\xb7\xaf]\xbbV\xe3\\\xe8:!\xe4\xa5!C\xe2\xcd\xe6HK|\xbc~\x8cRo0\x98\xde\xb1\xe3\xcf\xfb\xf5S\x996\x94\xd1\xad\x1b\xf6\x9e8\xf4\xa5\xd5n6\xe6%\x80q\xe6\xf7\x05\xdfym3\xa1_\'&gt;&gt;\xf9\xe4\x93\x11\x98\xf8x\xfd8\xe7^\xaf7777)))\x14\ni\x9aVVV\xb6d\xc9\x12&lt;\th]X\x00Z\x93\x10B\x1d\xf7\xa9\xc4\xc7a))wu\xed\xea\x8e\xc8\xc4\xc7\xeb\xa7ZB\xa7\xa7\xa5\xb5\xb7\xdb\x01$c\xac\xce\xeb\xff`\xf56\xb3\xd5d\xc0v ! .\xd1\xb6\xfb\xbd\x92SGO3\xc6$H\xce\xf9\xf3\xcf?o2\x99b\xb2\x1cRJ\xeb\xea\xeaRSSg\xcc\x98\xa1\xfe\x80\x8c\xb1\xa5K\x97VVVbGP+\xc2\x02\xd0:Tf\xde\xbau\xeb\xb6o\xdfn\xd24]\x08\x8d\xb1\x05C\x87\x8aX\xfc\xf1+\xaa%\xf4\xa6\xc4D\x15lI@2\xce\n7\x1f\xdc\xbf\xfdh\\\xa2\xcdP5@%&gt;\x9e?\xed\xda\xb8\xeac50Y\x08\xf1\xd0C\x0f\xdds\xcf=\xd12\xf4\xff\x1a\xa8\x8d\xa0\xb9s\xe7v\xeb\xd6M\xdd\x04TUUeee\xe13\x01\xad\x08\x0b@+P\xcdp\x1e\x8fg\xc1\x82\x05\x8cR"%H9\xb1w\xef\xfe\x1d:xc\xa2\xf5\xf3J4\xc6\\~\xff#\xbdz\xdd\xd2\xae\x1d\x000J\x01\xe4\xfb\xab\xb7\x08]\xc4\xee\x1f\xfa2T\xe6\xd7Gkwy.xU\xe0\xbb\xc3\xe1\xc8\xca\xca\xf2\xf9|\xb1\xd1\xf9sY\xea\xc1\xe0\x84\x84\x84\x17^x\x814\xf4\xbf\xad[\xb7\xae\xb8\xb8\x18\x83\xe3[K\xcc~\xdb"\x99j\xfe\xc9\xcb\xcb+//\xe7\x9c\xeb\x00\x0e\x8b\xe5\x97\x03\x07\xfaB\xa1\xd8;\xfb\xbd\x84\x902\xcel\x9e?h\x90$D\n`\x9c}^r\xea\x93\xb7\x8b\xe2\x1dv\x83\xb4\x84\x02H\x9b\xddr\xfc\xb3\x8a\x8f\xdf\xd8\xad\x12\x1f\x01`\xda\xb4iiii^\xaf7\x86\x0b\x00!D\xd34\x97\xcb5y\xf2d\xd5\x12\xaa\xa6\x84fff\n!\xf0&amp;\xa0U\xc4\xf2\xb7-2\xa9\x85\x8f:\x01\xe3\x9cK\x00)\xe5\xec\x01\x03nLH\x88\xa5\xd6\xcf+Q\x99\x91wv\xe9rW\xd7\xae\xe1\xcc\xc8w\x7f\xf7\xf1\x85\xd3.\xb3\xd9\x10\x03\x82(!\x94\xd3\r\xcb6\xe9!\xa1Z?\xbbt\xe9\x92\x99\x99\x19\xd5c\x7f\xae\x8a\xae\xeb\x8b\x16-R\x0f\x04h\x9a\xb6c\xc7\x8eu\xeb\xd6aKh\xab\xc0\x02\xd0\xd2\xd45N\xf5\xc0\xa9\xc8\x97[\xda\xb5{\xaa_?w \x10\xf3\xcb\x7fE=\x1a\xf6\xc2\xe0\xc1\x89f3\x80d\x8cz\xaa\xbc\x9b\xd7\xee\xb2\x18`8\x04\x08\xb0%XK\xb6\x1e9Rp,\xdc\xfa\xf9\xd2K/u\xea\xd4I\xf5D\xb6\xf6\x0blvj@\xd0\x88\x11#\xa6L\x99\x12\xce\x8c\\\xb0`\x81\xdb\xed\xc6\x96\xd0\x96g\x88+N\xe4P\xad\x9f\xdb\xb6m\x0b?\x05#\t\x99?h\x90M\xd3b\xaf\xf5\xf3J\xd4\x94\xd0~\xed\xdb?q\xcb-\xd0\x90\x19\xf9\xf1\x1b\xbbO\x1e\xfa2\xe6\x07\x04q\xce\x02u\xa1\xbf\xaf\xd8D\xc8\xd7\xad\x9f\x93&amp;M\x8a\xc9\xd6\xcf+Q\x99\x91999N\xa7Sm\x04\x95\x97\x97\xafX\xb1B\x1d\x86\xb7\xf6\xab3\x16,\x00-G=\xf6\x15\x08\x04\xe6\xcc\x99C)U\xad\x9fww\xebvg\x97.\xae\x18m\xfd\xbc\x12\x8d\xb1j\xbf\xff\xe9\xfe\xfd\xbb$&amp;\n\x90\x8c1=$6\xae\xdaBY,\xbf\tB\x80-\xc1\xbau\xc3\xa7gN]Pg\xbff\xb3y\xd1\xa2EjD~k\xbf\xba\x96\xa32#SRR\xb2\xb2\xb2\xd4\x80 \xce\xf9\xf2\xe5\xcb\xd5\x91\x18\x9e\x06\xb7$,\x00-G\x9d\xfd\xae_\xbf\xbe\xa8\xa8H-\xff\xcd\x9c\xab\x9eH\x03\xfd\xfa\t!\x84PB\x82B$\xc7\xc5\xcdJO\x97D\xaa)\xa1\xfb\xb6\x1c*\xddY\x16\x97`\x8d\xc9\xd3`\xd5\xfaYU\xe9\xfe`\xf5V\xb5\xef\x01\x00\x0f&gt;\xf8\xe0\x88\x11#bf\xecO\xe3i\x9a\xe6\xf1x\xa6O\x9f\x9e\x9a\x9a\xaan\x02\xdcn\xf7\xc2\x85\x0b\xf1\x99\x80\x16f\xac\xaf]+R\xcb\xff\xea\xea\xeay\xf3\xe61\xc6\xa8\x94 \xe5\xcf\xfb\xf5\xeb\xdf\xb1clL\xfd\xbcZ\x1ac\x17\xea\xea\x1e\xef\xd3\xe7\xb6\xe4d\x01\xc0)#\x94\xbc\xf3\xda\xe6\x80?\xc4y\x0c~-%Hk\xbce\xe3\xaa\x8f}5~\xc6\x99\xd0ERRRnnnMMMK6\xfe\xab\x157\x00\x88\x8b\xa8\xe8\xf6\x16{\r\x8a\xae\xebv\xbb}\xf1\xe2\xc5\x84\x105 h\xed\xda\xb5;v\xec\xd04\r7\x82ZL\x0c\xfe\xd2"\x93Z\xfegggWVVr\xc6t!\xda\xdb\xed\xd3\xd3\xd2\xbc\xb12\xf5\xf3\x1aHB4\xc6\xe6fd0J%\x00c\xec\xd4\xd1\xd3[\xde\xfc\xd4\x1es7\x01\xaa\xf1\xff\xc8\xde\xe3;\xffQ\xacZ?\xa5\x943f\xccHMMm\x99\xb1?*\x98W\xcd\xe1\xb1X,\t\t\tN\xa73)))))\xc9\xe1p\xd8\xedvuK\xda\x92W^\xb5\xea\x1f?~\xfc\xc8\x91#\xd5\xeck!Dfff \x10\xc0\xd3\xe0\x16\x83otKP\xdd\x0e\xff\xfa\xd7\xbf\xfa\xf6\xed+\x01(!:\xc0\x92\x11#\x9e\xea\xd7\xef\xbc\xcf\x17\xd5\x99_\xd7I\x07hg\xb7\xffl\xd3\xa6\xbf\xff\xeb_\x1ag\x02\xa4-\xde\xb2\xe0\xadYq\x0e\x9b\x1e\x8a\x85\x81\xf8\x8a\x04iK\xb0\xbe\xf2\xc4\x1f\xcaJN\xaa\x15n\xf7\xee\xdd\x0b\n\n\xd4z\xbcY\xff\x98juo\xb1X\xe2\xe2\xe2\xa4\x94.\x97\xab\xb2\xb2\xf2\xf4\xe9\xd3n\xb7\xbb\xae\xae\x8es\x1e\x1f\x1f\x9f\x9c\x9c|\xd3M7\xb5k\xd7N\x08QSS\xa3\xa2\xbb\x9a\xef%]\xfc\xda\xe2\xe2\xe2JKK\x87\x0e\x1d\xaa\xeb:cL\xd7\xf55k\xd6L\x992E\xb5K\xb4\xc0k08,\x00-A}\x9b\xc7\x8e\x1d\x9b\x9f\x9fo\xd6\xb4\xa0\xae\xdf\x96\x9c\xfc\xee\x03\x0f\xf8B!\x03n\xfe\\L\x12bf\xec\x8c\xcf7\xea\x7f\xfe\xc7\x1d\x080F\x85\x80\xe1\x0ffLy\xf1\x01\xaf\xcb\xc7bb/H\x08\x88w\xd8w\xbd[\xfc\xa7\x9c\xbf3\xce(\xa1B\x88\xb7\xdez\xeb\xbe\xfb\xeek\x81\xcc/\xbb\xddn2\x99N\x9c8\xf1\xf1\xc7\x1f\xff\xf3\x9f\xff,..\xae\xa8\xa8\xf0\xf9|\x17\xff5&amp;\x93)%%E\xf5#\x8d\x1a5*\x10\x08\x04\x83\xc1\x969\x96\xd0u\xbd}\xfb\xf6\xcf&lt;\xf3\xcc\xf2\xe5\xcbM&amp;\x93\x1a\x88\xfd\xd9g\x9f9\x9d\xce\x16\xabCF\x86\x05\xa0\xd9\xa9\xab\x7f~~\xfe\xd8\xb1c9\xe7DJ"\xe5\x1b?\xf9\xc9\xa8.]bu\xee\xdbU\xd1\x01\xda\xdb\xed\x0bw\xedZZX\xa81&amp;\x88d\x94&gt;\xff\xb7\xe9)=:\xf9\xeb\x82,\xca\xfb\x82\xa4\xdaf\xa5t\xe1#\xaf\x9d\xad\xa8RO?\x8d\x1c9\xf2\xc3\x0f?\xf4x&lt;\xcdz\x91U\xf7\x16\xa5\xa5\xa5\x7f\xfa\xd3\x9f\xde{\xef\xbd\xf3\xe7\xcf\x87\xff+\xc6X\xf8\x1f\r\x00\x17\x9f\xbbN\x980a\xe9\xd2\xa5\xed\xda\xb5\xab\xad\xadm\x815\xb8\x8a\n\xa8\xae\xae\x1e8p\xe0\xf9\xf3\xe79\xe7\xa1Ph\xfe\xfc\xf9/\xbf\xfc2\xde\x04\xb4\x00,\x00\xcd+|\xe6\xd6\xb7o\xdf\x7f\x1d=j\xd2\xb4\xa0\xae?\xd8\xa3\xc7\x9f\xee\xba\xcb\xe0\x9b?aR=\x1cK\xe9\x88\xf5\xeb\x8f\xbb\xdd\x9a\xc6u]\xf4\x1a\xd8\xed\x99UO\xf8\xbd\x81ho\x0c\x15\x02\x12\xdb\xc4\xfd\xef\xca\xcd\xef\xfda\x0b\xe7LJ\xc2\x18\xdb\xb5k\xd7-\xb7\xdcR[[\xdb|\x05\x00\x00\xe2\xe3\xe3w\xef\xde=r\xe4H\xf5\x9fp\xce\xd5\xf5\xf4\xdb{\xfd\x9aV\xff\x0c\xb6\xfa\xae\xf6\xe9\xd3\xe7\xbd\xf7\xdek\xdf\xbe} \x10h\x81\xfb\x00u\x13\xf0\x9b\xdf\xfc\xe6\x17\xbf\xf8\x85z%\x9c\xf3\xd2\xd2\xd2\xd4\xd4T55\xab\xb9_\x80\x91\xe1\x9b\xdb\xbc\xd4\xd9\xaf\nA\xe5\x9c\xebB$\x9a\xcd\xb332\xea\x0c\xbf\xf9\x13F\t\xd1\xa5L0\x9b\xe7dd\x10B$\x00e\xf4H\xc1\xb1\x92\xadG\xec\t\xd6\xa8\x8e\x8b\x91R\x9a-\xa63\'/lys\x0f\xa5\x94R\x06\x00S\xa6L\x190`@s\xb7~RJ}&gt;_ZZZ\xbf~\xfdL&amp;\x93\xc5b\x01\x80`0\x18\x0c\x06\x85\x10V\xab\xb5m\xdb\xb6\xc9\xc9\xc9m\xdb\xb6U;\xefj\x1a\x0f\x00\x98L\xa6C\x87\x0e\xfd\xbf\xff\xf7\xff\xd4\xdf\xa4\xf9^a\x98J\x8a\x9f4iRZZ\x9aZ\xf5\xab\x88l&lt;\nn\x01X\x00\x9a\x91:\xfb\xad\xac\xac\xcc\xce\xceV\xdb\x99 \xe5\x13}\xfb\xf6\xef\xd0\xc1\x8b\x05\xe0"\x1a\xa5.\xbf\xff\xd1\xde\xbdoON\x16 9e\x84\x90\xbf\xaf\xd8T\xe7\x0br\xce\xa2\xf7\x1a\x00 \xadv\xf3;\xafm\xae\xf5\xd4q\xce\x00\xc0\xe9t\xe6\xe4\xe4\xb4\xc0\xee\x8a\x1a\xbd\x99\x94\x944s\xe6\xccP(\x14\x08\x04\xa4\x94\xb7\xdezkVV\xd6\xbb\xef\xbe\xfb\xe9\xa7\x9f\x16\x17\x17\x17\x14\x14\x14\x15\x15\xed\xde\xbd{\xc5\x8a\x15=z\xf4P\x8b\x95P(d2\x99&gt;\xf9\xe4\x93\xb5k\xd7:\x9d\xce\x96\xe9\x0b\x12B\xc4\xc7\xc7\xe7\xe6\xe6\xaan%\xce\xf9\x86\r\x1b\xf2\xf3\xf3q@Ps\xc3\x1a\xdb\x8c\xd4W\xf9\x89\'\x9eX\xb3f\x8dY\xd3B\xba~Sb\xe2\xe6\t\x13\x0c5\xf8\xa1\x91@\xca8\x93\xa9\xa0\xb2\xf2\xfew\xde\x01))\xa3B\xc0O~&gt;\xf2\xc1Y\xa3=U\xb5\xd1\xf8d\x00\x80\xb4\'XKw\x96\xfdz\xd6_\t!\x942!D^^\xde\xdc\xb9s[f\xf0\x83\xdaK\xf1\xfb\xfd\xa3G\x8f\xee\xd5\xab\xd7\xf4\xe9\xd3\x07\x0e\x1c\x98\x90\x90\x10\n\x85B\xa1\x90Z\xf2SJ5M\xb3\xd9l\xe7\xcf\x9f\x7f\xec\xb1\xc7&gt;\xfa\xe8#\x95\xd7\x08\x00\x83\x06\r\xfa\xe7?\xff\xd9b\x13\xaa\x85\x10\x0e\x87\xe3\xa1\x87\x1ez\xf7\xddwM&amp;\x93\xae\xeb?\xf8\xc1\x0fJKK\xd5\xeb\xc1\xd3\xe0f\x82\x05\xa0\xb9\xa8\xe5\x7fqq\xb1jq\xa3R\xea\x00\xbf\xf9\xf1\x8f\'\xf6\xee}\xa1\xae\x0ew\xff\xbfM\xb5\x84\xce\xfa\xe7?\xff\xfa\xd9g\x9c3u\x01}a\xdd\x0cG\xbb\xf8hl\t\x95 \xcd6\xd3\x92\x9f\xff\xf1\xf3\x92S\xaa\xf5\xb3_\xbf~;v\xec\xd0u\xbd\xe5^\x83\x94\x8c1\x9f\xcf\xd7\xae];JiMM\x8d\xea\xb8\xbf\xf8\x92*\xa5\xd4u\xdd\xe1p|\xf5\xd5W\x03\x07\x0e\xac\xae\xaeV\x05 ..\xae\xb0\xb00%%\xa5e\xa6\xd4\x01\x80\xddn/++\x1b&gt;|\xb8\xda\x1f\xd3u\xfd\xb5\xd7^\x9b9s&amp;\x9e\x067\x1f\xbc\x0c5\x17\xb5\xbc\x9a3gN \x10\xe0\x94\xea\x00\xb7\'\'?\xd2\xabW\x95\xdf\x8fW\xff\xcbR\x99\x91\xbf\x1c8\xd0a\xb1\x80\x00\xc6Y\xad\xa7\xee\x9d\xdf|d\x8d\xb3F\xdd\x848! &gt;\xc9\xbe\xf3\x9d\xe2\xcfKN1\xceT/\xc0\xcb/\xbfl\xb3\xd9ZrO#|)\xaf\xa9\xa9Q\xe365M\xe3\x9c\x87\x97\xd5j(\x85\xd9l\xf6x&lt;7\xdf|\xf3\xc8\x91#U\xcd\xa0\x94\xd6\xd6\xd6~\xf9\xe5\x97fs\x0b%6\xab)\xa1\xfd\xfa\xf5\x9b6m\x9aZ&lt;QJ\xb3\xb3\xb3\xab\xab\xab12\xac\xf9\xe0\x95\xa8Y\x84\xf71\xb7m\xdb\xa6i\x9a.\x84\x99\xf3\xec\xc1\x83\x05@\x94\xadc[\x90\xca\x8c\xbc!!\xe1\x99\x8c\x0cI\x88\x1a\x10T\xf4Q\xe9\x91\xbd\xc7\xa2kJ\xa8\x94D\xd3\xb8\xebl\xcd\xa65\xdb)\xa5\x9c2!\xc4}\xf7\xdd7v\xec\xd8\x16h\xfc\xbf\x84z\xc2\x961\xf6\xdd\xff\\u\xc1\xed\xd2\xa5K\xf8\xdf\x12B\xea\xea\xeaZ\xf2$V\xd34\xb7\xdb\x9d\x99\x99\xd9\xb5kW\x15\x15P]]\xad\xce\xcfp@P3\xc1\x02\xd0\xf4\xd4\x0fFu2\x10B\x18! \xe5\xbd\xdd\xbb\x0fKI1\xe6\xd8\x9f\xc6\xe3\x8cy\x02\x81\'\xfa\xf6\xed\xe6t\n\x00\xce\x98\x1e\x12o\xff:\x9fqF\xa2\xe6\xfaO@@\x9c\xd3\xb6\xf9\xbfw\x9e\xfb\xb2\x9a1&amp;\x00\xccfsvv\xb6\xda~i\xf9\xd7\xd3\xf8\x7fh0\x18T\xff\x8f\xfa\x0e\xb7pB=\xa54\x18\x0c&amp;\'\'?\xfb\xec\xb3\xea\x9e)\xdcA\xa7f\xe7\xb5\xd8+1\x0e,\x00MOe~-Y\xb2\xa4\xac\xac\xcc\xa4i!!\x9cV\xeb\xfcA\x83j\x0c&lt;\xf6\xa7\x91TV\x8c\xdddzi\xc8\x10B\x88\xda\x08*+9\xb9{\xe3\xbex\xa7-*\x06\x04\x01Hk\x9c\xf9\xd4\xe1\xd3[7\xec\xa5\x8c\xaa\xd5\xeb\xcc\x993\xd3\xd3\xd3#y\xea\xa7\xea\x1a:z\xf4\xa8\xfa\xb7\xea\xf9\xac\xf6\xed\xdb\xb7\xf0\xa8jM\xd3.\\\xb80u\xeaT\x95\x19\xa9\x9e\x9b\x9b5k\x16\xb6\x846\x93\x08\xfd:F/\xd5KW^^\x9e\x97\x97\xc7\x18SO\x82\xfd\xaco\xdf\xeeN\xa7\x11\x12\x1f\xaf\x1f\xa7\xd4\x13\x08\xdc\xd5\xb5\xeb\xb0\x94\x14\x90\x92\x11B(y\xf7w\x1f\xbb/x5\x8dG\xc5E\x80q\xf6\xcek\x9b\xeb\xbc~\x95\xf8\xd8\xa1C\x87\xcc\xccL\xaf\xd7\x1b\xb1\'\x99B\x88\xb8\xb8\xb8\xc3\x87\x0f\xef\xdc\xb9S]j\xd5v\xd0\xcd7\xdf\xdcb3!\xc2T\xedy\xfe\xf9\xe7U&gt;\x8c\xa6i\xf9\xf9\xf9\xe1\x00\xa5\x96|%F\x80\x05\xa0\x89\xa9\x1f\xcf\xc2\x85\x0b=\x1e\x8f\xc6yH\x88nN\xe7\xac\xf4\xf4j\xbf\x1f\x97\xff\x8d\'\xa4\\0t\xa8\x99s\x00\xc9\x19;\xffU\xf5\xe6\xbf\xed\x8cw\xda#\xfc\xb90\x10\x10\x97h-\xddY\xb6o\xeb\xe1p\xe2cNNN\xe7\xce\x9d[f\xea\xe75P7\xac\x9a\xa6\xfd\xf2\x97\xbfTM\x9f\xaa\x06\xdc\x7f\xff\xfdm\xda\xb4\t\x85B-\xfcz8\xe7\xd5\xd5\xd5\xf7\xdcs\xcf\xc3\x0f?\xacN/(\xa5*B\x15\xef\x03\x9a\x1c^\x92\x9a\x92:\xfb\xdd\xbe}\xfb\xda\xb5k5\xce\x85\xae\x13B^\x1a2$\xdel\xc6\xc6\xff\xc6c\x94z\x83\xc1\xf4\x8e\x1d\x7f\xde\xaf\x9fJ\xcb\xa1\x8cn\xdd\xb0\xf7\xc4\xa1/\xad\xf6\x16jJ\xb96\x8c3\xbf/\xf8\xcek\x9b\t\xfd:\xf1\xf1\xc9\'\x9f\x8c\xd8\xc4G\xf5\x8dMHH\x98&gt;}\xfa\x87\x1f~\xa8\xfam\x84\x10\xed\xdb\xb7\x9f9sf\x0bg\x15\x84q\xce\xbd^onnnRRR(\x14\xd24\xad\x</t>
        </is>
      </c>
    </row>
    <row r="421">
      <c r="A421" s="1" t="n">
        <v>419</v>
      </c>
      <c r="B421" t="inlineStr">
        <is>
          <t>rectangle_height_number</t>
        </is>
      </c>
      <c r="C421" t="inlineStr">
        <is>
          <t>What is the missing number of the part denoted with a question mark?</t>
        </is>
      </c>
      <c r="D421" t="inlineStr">
        <is>
          <t>[1, 2, 3, 4]</t>
        </is>
      </c>
      <c r="E421" t="inlineStr">
        <is>
          <t>1</t>
        </is>
      </c>
      <c r="F421" t="inlineStr">
        <is>
          <t>There are 7 rectangles in the image with varying lengths and numbers inside them. The numbers from left to right are [2, 1, 3, 1, 3, 2, '?']. The lengths from left to right are ['medium', 'short', 'long', 'short', 'long', 'medium', 'short'].</t>
        </is>
      </c>
      <c r="G421" t="inlineStr">
        <is>
          <t>We observe that the short rectangles are denoted as 1, the medium rectangles are denoted as 2, and the long rectangles are denoted as 3. Hence, the pattern is that the number in each rectangle corresponds to its length.</t>
        </is>
      </c>
      <c r="H421" t="inlineStr">
        <is>
          <t>Based on the pattern that the number in each rectangle corresponds to its length, the missing number of the rectangle with a question mark should be 1.</t>
        </is>
      </c>
      <c r="I421" t="inlineStr">
        <is>
          <t>b'\x89PNG\r\n\x1a\n\x00\x00\x00\rIHDR\x00\x00\x02\x00\x00\x00\x02\x00\x08\x02\x00\x00\x00{\x1aC\xad\x00\x00G\xb3IDATx\x9c\xed\xddy|T\xd5\xdd?\xf0\xef9\xe7N2\x93ef\xb2\xb1\xe3\x82D\xc0"\xfb\x1eADY\xac-bE\\\x00\x17\x96\xb8\xfb\x84\xb6\xdaZm\x01\xadu\x81\xd6\xda\xda\xd6\xb2#\x157\xb0\xb6\xda\n\x82\x0b\xe0\xc2\xe6\x02"a\x13D!\x10\xb2\xce\x96df\xee=\xe7\xf7\xc7\x85\x94\x9f\x0b\x04B2\xf7\xce\xfd\xbc_\xcf\xeb\xf5\xd0$NN\xbes\xce\xfd\x9c{\xee\xb9w\x98R\x8a\x00\x00\xc0yx\xa2\x1b\x00\x00\x00\x89\x81\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JKt\x03\xc0\x06\x94R\xa7\xf1_1\xc6\xcexK\x9c\t\xf5\x87&amp;\x82\x00\x80\xef\xa0\x94\x92R*\xa5\x18c\x8c1\xceO\xe7L\xf1\x8c\xbc\x883\xa1\xfe\xd0&lt;\xd8\xe9M. )\x99\x87\x0c"\x12B\x1c\xff\xf5@  \xa5d\xac\xa1\xbd\xc5\x9c{\xfa\xfd\xfe\xe3\xbfh\x1e\x8c8\xe7\x98\x99~\x1f\xd4\x1f\x9a\x19\x02\x00\x88\x88\x94R\x86ah\xda\xd13\xc2P(\xb4q\xe3\xc6\r\x1b\xd6\x7f\xfc\xf1\'\x95\x95\x95\xc5\xc5\xc5\xba\xa17\xfc\xd5\x181E\xaa\xe3y\x1d\xfd~\x7f\x9f&gt;}z\xf5\xea\xd5\xaf_\xbf\xb6m\xdb\x9a\xdf\xd5u\x9ds\x8e\t\xe9\xf1P\x7fH\x08\x04\x00\x90a\x18\xe6\x943\x16\x8b\xadX\xb1\xe2\xd9g\x9f\xdd\xbcy\xf3\xfe\xfd\xfb\xcf\xe0\xaf\xc8\xca\xca\xea\xd3\xa7\xcf\xb8q\xe3F\x8f\x1e\xdd\xa2E\x0b"\xd2u]\x08\x81\xd9(\xa1\xfe\x908\x08\x00G3\xdf}\xc6X \x10\x98;w\xee\x92%K\xb6n\xddZ\xff\xdd\x8c\xcc\x8cvg\xb5\xcdk\x99\xd7!\xff\xdc\xecl\xbf\xae\x1b\r9^(R\x9c\xf1x&lt;\xbe\xfd\xb3\xe2\xea\xaa\xc0\xfe\xbd_UUV\xd5\x7f\xb7u\x9b\xd6\xe3o\x18?e\xca\x94N\x9d:\x11\x91\x94\xd2\xc9SQ\xd4\x1f\x12\x0b\x01\xe0\\\xf5\x13\xcf\x85\x0b\x17&gt;\xf1\xc4\x13;v\xec0\xbf\xde\xae}\xdbAC\x07\x0e\x1b9\xf4\x82n]Z\xb6\xcaK\xcf\xc8\x10B\x08\xc1O\xad\xa3(\x15\x8f\xeb\xd1\xbah\xf9\x91\xf2];v\xaf{\xfb\xfd\xb5\xab\xd7\xed\xd8\xbe\xcb\xfcfvv\xf6\xddw\xdf=m\xda4\x9f\xcf\xa7\xebz\xfd\xd2\x87\xa3\xa0\xfe\x90p\x08\x00\x872\x8f&gt;%%%\x93&amp;MZ\xb9r\xa5\xf9\xc5\xce\x17t\x9at\xe7M\xa3F\x8f\xcck\x91\xa3\x94\xaa\xab\x8b\xc6cqiHE\xea\xd4\xfb\t\xe3\x8c1\xce\\.W\xaa;U\xd3\xb4P0\xb8\xfe\xbd\x8ds\xff\xb4`\xed\xdb\xef\x99?\xd1\xa9S\xa7\xf9\xf3\xe7\x17\x14\x14\x98W8\x1d\xb5\x1c\x81\xfa\x83\x15 \x00\x9c\xc8\x9c\xf4\xad\\\xb9r\xd2\xe4I%\x07K\x88\xa8C~\x87\xdb\xa7M\xfd\xf1\xd5W\xf8\xb2|\xe1`8\x1e\x8f\x13\xd1\x19\xd91\xa2\x94\x92R\x91RB\x13\xe9\x19\xe9R\x1akV\xbf\xf7\xcc\x93s\xde_\xf3!\x11\xa5\xa6\xa6&lt;\xf6\xd8\xe3EEE\x8e:\x06\xa1\xfe`\x11\x08\x00\xc71\x8f&gt;s\xe7\xce-,,4\xbfrS\xe1\x84\x9f\xfffZ^\xcb\xbc@U\xc0\xd0\r.\x9aj\xa7\xa0a\x18\x8c1\xaf/\xd3\xd0\x8d\x05\x7f{v\xf6\xc3O\x86Ca"\x9a:u\xea\x9c9s\x0c\xc3p\xc2&amp;E\xd4\x1f\xac\x03\x01\xe0,\xe6\xcaC\xfd\xd1\xc7\x9f\xe5\xfb\xed\x1ff\\3ql\xb0:\x18\x8b\xc5\x9ag-\xd8&lt;\x0c\xe5\xe4\xe5l\xfe\xf0\xa3\x9f\xdf\xfe\x8b\xed\x9f\xed\xa0c\xc7\xa0\xa4\x9f\x87\xa2\xfe`)\x08\x00\x07\xf9\xc6\xd1\'\xafe\xde\x9c\xa5\x7f\x19|I\xc1\xe1C\xa5\x9a\xa65\xf3\xb0\x8f\xc7\xe3\xfe,\x7fEY\xc5\xcdc\xa7~\xb2\xe9S:n\x1e\xfa\x8d\xdb\xa0\x92\x06\xea\x0fV\x83\x00p\ns`\xaf^\xbdz\xf8\xf0\xe1D\x94\x9d\x93\xfd\xef5\xcb\xce\xe9pNuU\xb5\xcb\xe5JH\x93t\xddHu\xa7\x08!n\xf8\xd1\x8d\x1f\xae\xdb@D3f\xcc\x98&gt;}zR\xeeKA\xfd\xc1\x82\x10\x00\x8e`n\xf7.--\xed\xde\xa3\xfb\x91\xd2#^\x9fw\xd1\xf2\xb9}\x07\xf6\tT\x054W"\x87\xbaa\x18\xa9\xee\xd4P04a\xf4-\xdb\xb6|\xce\x18[\xb9r\xe5\xf0\xe1\xc3\x93l\x1e\x8a\xfa\x835\xe1\x1e\x10G0\x9f40q\xe2\xc4\xd2\xc3\xa5D\xf4\xf0\x1f\xa6\x0f\xbe\xa4\xa0\xba\xaa:\xb1G\x1f"\x12B\xd4\xd5\xd6\xe5\xe6\xe5&lt;\xbd\xe8\x8f\xfe,\x9f"5\xf1\xc6\x89\x87\x0f\x1ff\x8c\x99O\xc5I\x0e\xa8?X\x13\x02 \xf9\x99\xb3\xb9\xa5K\x97\xaeZ\xb5\x8a\x88\xae\xbfy\xdcu7]s\xf8Pi\xa2V\x1e\xbeA\xd3\xb4\xea\xaa@\x97\xae\x9df&lt;\xf1kRTz\xb8\xf4\xfe\xfb\xef\xe7\x9c\'\xcd\xb9)\xea\x0f\x96\x85%\xa0$\xa7\x94RJUWW\xf7\xef\xdf\x7f\xef\xde\xbdg\x9d\xd3\xfe\xf5u\xffLMM5\xb7\x82$\xbau\xffc\xe8\x86?\xc7?\xf9\x9a[\xdf\xf8\xf7\xca\xd4\xd4\xd4u\xeb\xd6\xf5\xe9\xd3\xc7|ze\xa2\x9b\xd6(\xa8?X\x19\xde\xdd$gn\xee^\xb8p\xe1\x9e={\xa4\x94\xb7M\x9b\x9a\xd727\x16\x8bY\xea\xe8CD\x8c\xb3x,&gt;\xedWw\xa7\xa6\xa6F\xa3\xd1\xe9\xd3\xa77\xfc\xe9\xc7V\x86\xfa\x83\x95!\x00\x92\x99RJ\x08Q[[\xbbp\xe1B\xc6\xd8y\xf9\x1d\xae\xba\xf6\xca\xea\xca\x80\x05\xf7xp\xce\xc3\xa1p\xb7^\x17^q\xd5("Z\xbbvmqq\xb1\x10\xc2\xd6+\xd1\xa8?X\x1c\x02 \x99\x99\xf7\xf5\xac^\xbd\xfa\xf3\xcf?WJM\xbdg\xb2\xcf\xef\xd5\xf5Sx\xb2|s\xe2\x9cG\xa3\xb1\xc2\xff\x9b\x92\x96\xe6\x89D"\xf3\xe6\xcd#"[\x1f\x80P\x7f\xb08\x04@\xf2[\xb4h\x11c\xace\xeb\x96?\x1c32\x14\x0c[v{\x1f\xe7&lt;\x12\x8et\xeb\xd5u\xc0\xe0\xfe\x8c\xb1e\xcb\x96\xd5\xd4\xd4h\x9af\xf7\x85\x08\xd4\x1f,\x0b\x01\x90\xb4\xcc\xf5\x87@ \xb0q\xd3F\xa5\xd4\xe0K\n\xf2Z\xe4\xc6\xe3q\xab\xad&gt;\x1fO)\xc5\x18\x1f\xf1\xa3\xe1J\xa9\x83%\x07\xb7l\xd9B\xb6\x9d\x84\xa2\xfe`}\x08\x80\xa4e\x8e\xdb\xcd\x9b7\x1f\xf8\xfa\x00\x11\r\x1b5\xd4\xfa\x139!D]M\xed\xa0\x8b\x07dx3\x0c\xddxc\xc5\x1bt\xecSSl\x07\xf5\x07\xebC\x00$-s\xdcn\xdc\xb4\x91\x88\xd22\xd2.\xe8\xd6%Z\x1b\xb5\xf8\xae&gt;\xc6X4\x1ak\xd7\xbe\xcd\xb9\x1d\xce!\xa2\xcd\x9b6\x13\x91\xc5\xdb\xfc}P\x7f\xb0&gt;\xbc\xb5I\xcb\\j\xf8h\xf3GDt\xd6\xd9\xed[\xb7ii\xf1\xf5\x07\x93\x94\xd2\x93\xe6\xb9\xe0\xc2\xceDT\\\\\x1c\x0e\x87mzS\x12\xea\x0f\xd6\x87\x00HZ\xe6&gt;\xee\xb2\xb22"\xca\xc9\xcdN\xcfH7\x0c#\xd1\x8d:9\xa5\x14\x17\xa2U\x9bVDT\x1d\xa8\xae\xad\xadMt\x8bN\x13\xea\x0f\xd6\x87\x00HN\xe6=\x9c\x81@`\xd7\xae]D\x94\xdf\xb9\xa3\xb0\xc9v\x0e\xc6\x98\xa1\xeb\x1d;\x9fGD\xc1@\xb0\xb8\xb8\x98lx\x1d\x12\xf5\x07[@\x00$3\xa5T\\\x8f\x13QVv\x96\x8dN\xe4\x95RY\xd9YD$\xa5\xb4\xec\xae\xf9\x86@\xfd\xc1\xe2\x10\x00I\xce\\t\xb6\xdd0\xaeo\xb0\xf5\x17\xcdO\x0c\xf5\x07+C\x008\x82\xed\x86\xb1\xed\x1a|b\xb6\xfbsl\xd7`8=\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94\x96\xe8\x064\x88R\xea4\xfe+\xc6\xd8\x19o\t\x00\x9c*\x8c_\xcb\xb2h\x00(\xa5\xa4\x94J)\xc6\x18c\x8c\xf3\xd39S9#/\x02\x00\xa7\n\xe3\xd7.\xac\x15\x00\xe6[NDB\x08!D\xfd\xd7\x03\x81\x80\x94\x921\xd6\xc0\xa9\x849w\xf0\xfb\xfd\xc7\xbf\x88\xd9\x998\xe7\x98Y\x004\x05\x8c_\xdb\xb1J\x00(\xa5\x0c\xc3\xd04\xcd|\xcbC\xa1\xd0\xc6\x8d\x1b7lX\xff\xf1\xc7\x9fTVV\x16\x17\x17\xeb\x86\xde\xf0Wc\xc4\x14\xa9\x8e\xe7u\xf4\xfb\xfd}\xfa\xf4\xe9\xd5\xabW\xbf~\xfd\xda\xb6mk~W\xd7u\xce9&amp;\x14\x00g\n\xc6\xafMY"\x00\x0c\xc3\x10Bh\x9a\x16\x8b\xc5V\xacX\xf1\xec\xb3\xcfn\xde\xbcy\xff\xfe\xfd\x8d|\xd9\xf2\xb2r"Z\xb1b\x05\x11eee\xf5\xe9\xd3g\xdc\xb8q\xa3G\x8fn\xd1\xa2\x05\x11\xe9\xba.\x84\xc0l\x02\xa0\x910~\xed+\xc1\x01`\x9e\x12\n!\x02\x81\xc0\xdc\xb9s\x97,Y\xb2u\xeb\xd6\xfa\xeffdf\xb4;\xabm^\xcb\xbc\x0e\xf9\xe7fg\xfbu\xddh\xc8\xfb\xadHq\xc6\xe3\xf1\xf8\xf6\xcf\x8a\xab\xab\x02\xfb\xf7~UUYUUU\xb5j\xd5\xaaU\xabV\xfdf\xfao\xc6\xdf0~\xca\x94)\x9d:u"")%\xa6\x12\x00\xa7\x07\xe3\xd7\xee\x12\x19\x00\xe6\xc4\x81\x88\x16.\\\xf8\xc4\x13O\xec\xd8\xb1\xc3\xfcz\xbb\xf6m\x07\r\x1d8l\xe4\xd0\x0b\xbaui\xd9*/=#C\x08!\x04?\xb5\x9d\x04J\xc5\xe3z\xb4.Z~\xa4|\xd7\x8e\xdd\xeb\xde~\x7f\xed\xeau;\xb6\xef:Trh\xf6\xec\xd9\x0b\x16,\xb8\xfb\xee\xbb\xa7M\x9b\xe6\xf3\xf9t]\xd74K\x9c\t\x01\xd8\x08\xc6o\x12HX\xe1\xcc\xdeSRR2i\xd2\xa4\x95+W\x9a_\xec|A\xa7Iw\xde4j\xf4\xc8\xbc\x169J\xa9\xba\xbah&lt;\x16\x0f\x05B\x8a\xd4\xa9\xef$c\x9c1\xc6Yn\x8b\xdc\xb6g\xb5\x1d\xfe\xc3\xcbB\xc1\xe0\xfa\xf76\xce\xfd\xd3\x82\xb5o\xbfWYY9s\xe6\xcc\x17^xa\xfe\xfc\xf9\x05\x05\x05\xe6\x15*\x9cN\x024\x10\xc6orHL\x00\x98\xa1\xbdr\xe5\xcaI\x93\'\x95\x1c,!\xa2\x0e\xf9\x1dn\x9f6\xf5\xc7W_\xe1\xcb\xf2\x85\x83\xe1\xaa\xcaj"2\xaf\xf8s\xd1\xa8S\xbcx&lt;\x1e\x8d\xc6H)\xa1\x89KF\x0c\xbd\xf8\xb2\xc1kV\xbf\xf7\xcc\x93s\xde_\xf3\xe1\xce\x9d;/\xbdt\xd8c\x8f=^TTd\xee^@\x1f\x028)\x8c\xdf\xa4\x91\x80\xe53\xb3\xf7\xcc\x9d;w\xd4\xa8Qf\xef\xb9\xa9p\xc2\xbf\xdeyy\xe2\xd4\xf1\x8c\xb1\xaa\xf2*srq\xa6\xae\xf00\xc6\x84\xe0B\x13D\x14\x0c\x04#\xe1\x9aa#/~\xfe\xf5gg&lt;\xf1\xeb\x8c\xcc\x8ch46m\xda\xb4\xc2\xc2B\xce\xb9\xb9\xcf\xac\xf1\xbf\x11 \x89a\xfc&amp;\x93\xe6\x0e\x00s\xaf\xd8\xdc\xb9s\x0b\x0b\x0b\x89\xc8\x9f\xe5{z\xe1\x93O\xfc\xf5Q\xb7\xdb]QVADBk\xc2+\xfbB\x08\xcey\xa0:\x18\x89\xd4\xdc\xf1\xb3[_z\xe3\xb9\x0b.\xecLDf{\x84\x10J\x9d\xc6\xb9*\x80S`\xfc&amp;\x99f\r\x00sjP\xdf{\xf2Z\xe6-\\6\xf7\xba\x9b\xc6\x95\x95\x96\x99\x1d\xaby\x9aav\xa3#\x87\x8ft\xebu\xe1\xf3\xaf/\xe9\xd9\xb7\x07\x1d\xebC\xe6&lt;\xa2y\x9a\x01`/\x18\xbf\xc9\xa7\xf9\x02\xc0\xec=\xabW\xaf6{OvN\xf6?\xdfz\xb1\xef\xc0&gt;\x87\x0f\x95\xba\\\xae\xe6_\xbcs\xb9\\\x81\xea`zf\xfa+\xab_\x1c8\xb8?\x11\xcd\x9d;w\xe6\xcc\x99B\x08]?\x85\x9bV\x00\x9c\x00\xe37)5S\x00H)\x85\x10\xa5\xa5\xa5\x13&amp;N`\x8c\xf9\xfc\xbe\xf9/=sN\x87s\x02U\x01\x97\xcb\xd5&lt;m\xf86M\x13\xb1hLJ\xf9\xb7\x7f\xfc\xb9k\xf7\x1f\x10\xd1\xcc\x993W\xadZ\xa5i\x9aa\x18\x89j\x15\x80\xd5`\xfc&amp;\xabf\n\x00\xf3N\xf1\x89\x13\'\x96\x1e.%\xa2\x87\xff0}\xf0%\x05\xd5U\xd5\x9a+\xc1\x1bx\x85\x10u\xb5u\xb9y9O/\xfa\xa3?\xcb\xa7HM\xbcq\xe2\xe1\xc3\x87\x19c8\x97\x04\xa8\x87\xf1\x9b\x94\x9a#\x00\xcc\x93\xc7\xa5K\x97\xaeZ\xb5\x8a\x88\xae\xbfy\xdcu7]c\x9e96\xc3o?)M\xd3\xaa\xab\x02]\xbav\x9a\xf1\xc4\xafIQ\xe9\xe1\xd2\xfb\xef\xbf\x9fs\x8e\xabI\x00&amp;\x97\xcb\x85\xf1\x9b\x94\x9a&lt;\x00\xcc\xa7\xb9VVV&gt;\xf4\xd0C\x9c\xf3s:\x9c\xfd\xab\xdf\xfe"P\x15\xb4\xd4\xcd{.\x97\xab\xa2\xacr\xdc\x8dc/\x1f=\x92\x88\x9e\x7f\xfe\xf9M\x9b6\xe1\x82\x12\x80y\x18\xad\xa8\xa8\xc0\xf8MJM\x1e\x00\x86ap\xce\x17.\\\xb8g\xcf\x1e)\xe5m\xd3\xa6\xe6\xb5\xcc\x8d\xc5bV\xbbe\x83q\x16\x8f\xc5\xa7\xfd\xea\xee\xd4\xd4\xd4h4:}\xfa\xf4\x86?\xbd\x16 Y\x99\x17T\xe7\xcf\x9f\x8f\xf1\x9b\x94\x9a6\x00\x94RB\x88\xda\xda\xda\x85\x0b\x172\xc6\xce\xcb\xefp\xd5\xb5WVW\x06,5}0q\xce\xc3\xa1p\xb7^\x17^q\xd5("Z\xbbvmqq\xb1\x10\x02\x93\x08p2\x97\xcb%\xa5\xc4\xf8MVM\x1b\x00\xe63:V\xaf^\xfd\xf9\xe7\x9f+\xa5\xa6\xde3\xd9\xe7\xf7Zv\x93\x16\xe7&lt;\x1a\x8d\x15\xfe\xdf\x94\xb44O$\x12\x997o\x1e\x11\xa1\x03\x81\x93y\xbd\xdeu\xeb\xd6\xed\xd8\xb1\x03\xe37)5\xc7E\xe0E\x8b\x161\xc6Z\xb6n\xf9\xc31#C\xc1\xf0\xf1\x9f\xf2c)\x9c\xf3H8\xd2\xadW\xd7\x01\x83\xfb3\xc6\x96-[VSS\xa3i\x1aN$\xc1\xb1\x18c\xe6\xf4\x1f\xe37)5a\x00\x98\xeb?\x81@`\xe3\xa6\x8dJ\xa9\xc1\x97\x14\xe4\xb5\xc8\x8d\xc7\xe3V[=&lt;\x9eR\x8a1&gt;\xe2G\xc3\x95R\x07K\x0en\xd9\xb2\x850\x89\x00\x07;x\xf0\xe0\xa6M\x9b0~\x93U\x13\x06\x80Y\xf7\xcd\x9b7\x1f\xf8\xfa\x00\x11\r\x1b5\xd4\xfaA,\x84\xa8\xab\xa9\x1dt\xf1\x80\x0co\x86\xa1\x1bo\xacx\x83\x8em\x84\x00p\x1aM\xd3&gt;\xfc\xf0\xc3]\xbbv\x11\xc6o\x92j\xda3\x00"\xda\xb8i#\x11\xa5e\xa4]\xd0\xadK\xb46j\xf1\x8f\xefa\x8cE\xa3\xb1v\xed\xdb\x9c\xdb\xe1\x1c"\xda\xbci3\x11Y\xbc\xcd\x00M$%%e\xf3\xe6\xcd\xba\xae\xbb=n\x8c\xdf\xa4\xd4\x84\xa51O\x15?\xda\xfc\x11\x11\x9duv\xfb\xd6mZZ\xfc\xfc\xd1$\xa5\xf4\xa4y\xcc\xa7\x0c\x16\x17\x17\x87\xc3a\xdcT\x02\xce\x14\x8b\xc56o\xdeLD\xed\xcfj\x87\xf1\x9b\x94\x9a6\x00\x94ReeeD\x94\x93\x9b\x9d\x9e\x91n\x8b\x07t(\xa5\xb8\x10\xad\xda\xb4"\xa2\xea@ummm\xa2[\x04\x90\x18R\xca\xaa\xaa*"\xcam\x81\xf1\x9b\x9c\x9a*\x00\x94R\x9c\xf3@ `. \xe6w\xee(lr9\x9e1f\xe8z\xc7\xce\xe7\x11Q0\x10,..&amp;\\G\x02\xa72\xb7\xfc\x9f\xdf\xe5|\x8c\xdf\xa4\xd4\xe47\x82\xc5\xf58\x11eeg\xd9\xe8DL)\x95\x95\x9dEDRJ\xcb\xeez\x06h6\x18\xbf\xc9\xaa\xc9/\x8f\x98\x8b\x86\xb6{\x1b\xea\x1bl\xfdEO\x80\xa6\x86\xf1\x9b\xac\x9a\xe9\xfa\xb8\xed\xde\x06\xdb5\x18\xa0\xe9\xd8n8\xd8\xae\xc1\x89\x82\rR\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d1\rp\x04\xa5\xd4i\xfcW\x8c\xb13\xde\x12gB\xfd\xa11\x92\xb8\xff \x00\x9a\x84RJJ\xa9\x94b\x8c1\xc68?\x9d3\xad3\xf2"\xce\x84\xfaCc8\xa7\xff \x00\xce$\xf3-\'"!\x84\x10\xa2\xfe\xeb\x81@@J\xc9\x18k\xe0T\xc2\x9c;\xf8\xfd\xfe\xe3_\xc4\xecL\x9cs[\xcc,\x12\x02\xf5\x87\xc6p`\xffA\x00\x9c\x19J)\xc304M3\xdf\xf2P(\xb4q\xe3\xc6\r\x1b\xd6\x7f\xfc\xf1\'\x95\x95\x95\xc5\xc5\xc5\xba\xa17\xfc\xd5\x181E\xaa\xe3y\x1d\xfd~\x7f\x9f&gt;}z\xf5\xea\xd5\xaf_\xbf\xb6m\xdb\x9a\xdf\xd5u\x9dsn\xcd\tE\xa2\xa0\xfe\xd0\x18\x8e\xed?\x08\x803\xc00\x0c!\x84\xa6i\xb1Xl\xc5\x8a\x15\xcf&gt;\xfb\xec\xe6\xcd\x9b\xf7\xef\xdf\xdf\xc8\x97-/+\'\xa2\x15+V\x10QVVV\x9f&gt;}\xc6\x8d\x1b7z\xf4\xe8\x16-Z\x10\x91\xae\xebB\x08K\xcd&amp;\x12\x05\xf5\x87\xc6pr\xffA\x004\x8ayJ(\x84\x08\x04\x02s\xe7\xce]\xb2d\xc9\xd6\xad[\xeb\xbf\x9b\x91\x99\xd1\xee\xac\xb6y-\xf3:\xe4\x9f\x9b\x9d\xed\xd7u\xa3!\xef\xb7"\xc5\x19\x8f\xc7\xe3\xdb?+\xae\xae\n\xec\xdf\xfbUUeUUU\xd5\xaaU\xabV\xadZ\xf5\x9b\xe9\xbf\x19\x7f\xc3\xf8)S\xa6t\xea\xd4\x89\x88\xa4\x94\x16\x99J$\x04\xea\x0f\x8d\x81\xfe\x83\x008}\xe6\xc4\x81\x88\x16.\\\xf8\xc4\x13O\xec\xd8\xb1\xc3\xfcz\xbb\xf6m\x07\r\x1d8l\xe4\xd0\x0b\xbaui\xd9*/=#C\x08!\x04?\xb5\x9d\x04J\xc5\xe3z\xb4.Z~\xa4|\xd7\x8e\xdd\xeb\xde~\x7f\xed\xeau;\xb6\xef:Trh\xf6\xec\xd9\x0b\x16,\xb8\xfb\xee\xbb\xa7M\x9b\xe6\xf3\xf9t]\xd74\'\xbe\x8f\xa8?4\x06\xfa\x0f!\x00N\x9b\xd9{JJJ&amp;M\x9a\xb4r\xe5J\xf3\x8b\x9d/\xe84\xe9\xce\x9bF\x8d\x1e\x99\xd7"G)UW\x17\x8d\xc7\xe2\xa1@H\x91:\xf5\x9dd\x8c3\xc68\xcbm\x91\xdb\xf6\xac\xb6\xc3\x7fxY(\x18\\\xff\xde\xc6\xb9\x7fZ\xb0\xf6\xed\xf7*++g\xce\x9c\xf9\xc2\x0b/\xcc\x9f?\xbf\xa0\xa0\xc0\xbcB\x95\xf0\xd3\xc9\xe6\x84\xfaCc\xa0\xff\x98\x10\x00\xa7\xc3\x0c\xed\x95+WN\x9a&lt;\xa9\xe4`\t\x11u\xc8\xefp\xfb\xb4\xa9?\xbe\xfa\n_\x96/\x1c\x0cWUV\x13\x91y\xc5\x9f\x8bF\x9d\xe2\xc5\xe3\xf1h4FJ\tM\\2b\xe8\xc5\x97\r^\xb3\xfa\xbdg\x9e\x9c\xf3\xfe\x9a\x0fw\xee\xdcy\xe9\xa5\xc3\x1e{\xec\xf1\xa2\xa2"s\xf7\x82C\x8eA\xa8?4\x06\xfaO=,_\x9e2\xb3\xf7\xcc\x9d;w\xd4\xa8Qf\xef\xb9\xa9p\xc2\xbf\xdeyy\xe2\xd4\xf1\x8c\xb1\xaa\xf2*srq\xa6\xae\xf00\xc6\x84\xe0B\x13D\x14\x0c\x04#\xe1\x9aa#/~\xfe\xf5gg&lt;\xf1\xeb\x8c\xcc\x8ch46m\xda\xb4\xc2\xc2B\xce\xb9\xb9\xcf\xac\xf1\xbf\xd1\xe2P\x7fh\x0c\xf4\x9f\xe3!\x00N\x8d\xb9Wl\xee\xdc\xb9\x85\x85\x85D\xe4\xcf\xf2=\xbd\xf0\xc9\'\xfe\xfa\xa8\xdb\xed\xae(\xab "\xa15\xe1\x95}!\x04\xe7&lt;P\x1d\x8cDj\xee\xf8\xd9\xad/\xbd\xf1\xdc\x05\x17v&amp;"\xb3=B\x08\xa5N\xe3\\\xd5NP\x7fh\x0c\xf4\x9fo@\x00\x9c\x02sjP\xdf{\xf2Z\xe6-\\6\xf7\xba\x9b\xc6\x95\x95\x96\x99\x1d\xaby\x9aav\xa3#\x87\x8ft\xebu\xe1\xf3\xaf/\xe9\xd9\xb7\x07\x1d\xebC\xe6&lt;\xa2y\x9a\xd1\xfcP\x7fh\x0c\xf4\x9foC\x004\x94\xd9{V\xaf^m\xf6\x9e\xec\x9c\xec\x7f\xbe\xf5b\xdf\x81}\x0e\x1f*u\xb9\\\xcd\xbfx\xe7r\xb9\x02\xd5\xc1\xf4\xcc\xf4WV\xbf8pp\x7f"\x9a;w\xee\xcc\x993\x85\x10\xba~\n7\xad\xd8\x05\xea\x0f\x8d\x81\xfe\xf3\x9d\x10\x00\r"\xa5\x14B\x94\x96\x96N\x988\x811\xe6\xf3\xfb\xe6\xbf\xf4\xcc9\x1d\xce\tT\x05\\.W\xa2Z\xa5i"\x16\x8dI)\xff\xf6\x8f?w\xed\xfe\x03"\x9a9s\xe6\xaaU\xab4M3\x0c#Q\xadj\n\xa8?4\x06\xfa\xcf\xf7A\x004\x94a\x18\x13\'N,=\\JD\x0f\xffa\xfa\xe0K\n\xaa\xab\xaa5W\x82\xb7Q\t!\xeaj\xebr\xf3r\x9e^\xf4G\x7f\x96O\x91\x9ax\xe3\xc4\xc3\x87\x0f\'\xdfv\x14\xd4\x1f\x1a\xc3v\xfd\xa7y\xd6\x82\x10\x00\r\xe2r\xb9\x96.]\xbaj\xd5*"\xba\xfe\xe6q\xd7\xddt\x8dy\xe6\x98\xe8v\x11\x11i\x9aV]\x15\xe8\xd2\xb5\xd3\x8c\'~M\x8aJ\x0f\x97\xde\x7f\xff\xfd\xc7?\x85*\t\xa0\xfe\xd0\x18\xb6\xeb?\x9c\xf3\xe6\xb9\x1a\x8c\x008\t\xf3m\xa8\xa8\xa8x\xe8\xa1\x878\xe7\xe7t8\xfbW\xbf\xfdE\xa0*h\xa9\x9b?].WEY\xe5\xb8\x1b\xc7^&gt;z$\x11=\xff\xfc\xf3\x1b7n\xac\x7f\xb4\xa1\xad\xa1\xfe\xd0\x186\xed?\x9b6mj\x9e\x0b\xc2\x08\x80\x930/\xc8\xcc\x9f?\x7f\xcf\x9e=R\xca\xdb\xa6M\xcdk\x99\x1b\x8b\xc5\xacv\x8e\xcf8\x8b\xc7\xe2\xd3~uwjjj4\x1a\x9d&gt;}\xfa\xd1\xa7\xd7\xda|S"\xea\x0f\x8da\xfb\xfe\xd3\xc4\x10\x00\'\xe1r\xb9\xa4\x94\x0b\x17.d\x8c\x9d\x97\xdf\xe1\xaak\xaf\xac\xae\x0cXj\xfa`\xe2\x9c\x87C\xe1n\xbd.\xbc\xe2\xaaQD\xb4v\xed\xda\xdd\xbbwgdd\xd8}\x12\x8a\xfaCc\xd8\xb7\xff\x14\x17\x17\x0b!\x9a\xba\xff \x00N\xc2\xeb\xf5\xae[\xb7n\xc7\x8e\x1dJ\xa9\xa9\xf7L\xf6\xf9\xbd\x96\xdd\xe4\xc79\x8fFc\x85\xff7%-\xcdSSS3\x7f\xfe|\xb7\xdbm\xf7\x03\x10\xea\x0f\x8da\xd3\xfe\x13\x89D\xe6\xcd\x9bGD\x08\x80\x04c\x8c\x99\xd3\x87\x96\xad[\xfep\xcc\xc8P0l\xd9\xeb{\x9c\xf3H8\xd2\xadW\xd7\x01\x83\xfb3\xc6^^\xf6riiijjJ\xa2\xdb\xd5(\xa8?4\x86}\xfb\xcf\xb2e\xcbjjj4Mk\xd2\x85 \x04\xc0I\x1c&lt;xp\xd3\xa6MJ\xa9\xc1\x97\x14\xe4\xb5\xc8\x8d\xc7\xe3V[=&lt;\x9eR\x8a1&gt;\xe2G\xc3\x95R_\x7f\xf5\xd5G\x1f}\xe4IKKt\xa3\x1a\x05\xf5\x87\xc6\xb0o\xff9Xrp\xcb\x96-\xd4\xc4\'\x01\x08\x80\x13\xd14\xed\xc3\x0f?\xdc\xb5k\x17\x11\r\x1b5\xd4\xfa\xd7\xf3\x84\x10u5\xb5\x83.\x1e\x90\x91\x91\x11\x8f\xeb+V\xacHI\xb1\xf1\x0c\x14\xf5\x87\xc6\xb0q\xff\xf1f\x18\xba\xf1\xc6\x8a7\xe8\xd8F\xa6&amp;\x82\x008\x91\x94\x94\x94\xcd\x9b7\xeb\xba\xee\xf6\xb8/\xe8\xd6%Z\x1b\xb5\xf8\xc7?1\xc6\xa2\xd1X\xbb\xf6m\xce9\xefl"\xda\xb4y\x93\x1e\xd7\x89\xc8\xa6\x9bQP\x7fh\x0c\xfb\xf6\x9fs;\x9cCD\x9b7m&amp;\xa2&amp;m\xb3\xa5\xcb\x91p\xb1Xl\xf3\xe6\xcdD\xd4\xfe\xacv\xad\xdb\xb4\xb4\xf8\xf9\xa3IJ\xe9I\xf3\x98O\x19,\xde^\\ZZJD6=\xfe\xa0\xfe\xd0\x18\xb6\xef?\xc5\xc5\xe1p\xb8Io\nC\x00\x9c\x88\x94\xb2\xaa\xaa\x8a\x88r[d\xa7g\xa4\xdb\xe2\x01/J).D\xab6\xad\x88(\x14\n\xd5\xd5\xd5%\xbaE\xa7\x0f\xf5\x87\xc6\xb0{\xff\xa9\x0eT\xd7\xd6\xd66\xe9\xafC\x00\x9c\x84\xb9e\xf8\xfc.\xe7\x8b&amp;\xbe\x1c\x7f\xa60\xc6\x0c]\xcf\xef\xdc\xd1\xfc\xb7\xf5\xa7&lt;\'\x86\xfaCc\xd8\xb4\xfft\xec|\x1e\x11\x05\x03\xc1\xe2\xe2bj\xca\xeb\xc0\x08\x80\x06\xc9\xca\xcej\xb6\xa7s4\x9eR*+\'\x8b\x9a\xf8\xf2QsB\xfd\xa11\xec\xd7\x7f\xb2\xb3\x88HJ\xd9\xd4w- \x00\x1a\xc4\xb27\x8f|\x1f\xdb5\xf8\xc4l\xf7\xe7\xd8\xae\xc1\xc9\xcdvoG}\x83\x9b\xfa\x0c\x12\x01\xd0 \xb6;\x91\xb7]\x83O\xccv\x7f\x8e\xed\x1a\x9c\xdcl\xf7v4[\x83\x11\x00\x00\x00\x0e\x85\x00\x00\x00p(\x04\x00\x00\x80C!\x00\x00\x00\x1c\n\x01\x00\x00\xe0P\x08\x00\x00\x00\x87B\x00\x00\x008\x14\x02\x00\x00\xc0\xa1\x10\x00\x00\x00\x0e\x85\x00\x00\x00p(\x04\x00\x00\x80C!\x00\x00\x00\x1c\n\x01\x00\x00\xe0P\x08\x00\x00\x00\x87B\x00\x00\x008\x14\x02\x00\x00\xc0\xa1\x10\x00\x00\x00\x0e\xa5%\xba\x01\xa7\xe9\x1b\x1f\xefi\xbbO\xfc\xb1\xb5o\x7f\xb6*\xea\xdf\x9c\x92\xa0\xfev\x1f\xbfvo\x7f=;\x05\x80RJJID\x82\x0bM\xd38\xe7\x8c1\xa5\x94!\rC7\xa4!\x19c\\\xd8\xe9\x9cF\x1aR*i\xfe\x9b\x11\x13\x9aHl{N\xe0h\xf1\x15q\xce\x85&amp;8\xe7\x8c3F$\x95\x92\x864\x0c\xc3|k\xcc7%\xd1\x8dm(\xd4\xbf9\xd9}\xfcJ)\x95T\xc4\x98\x10\xfcX\xfbI)\x92R\x1a\x86a\x18\x06\x11\t.\xc8\xa2\xe5\xffn\xf6\x08\x00\xb3\xeb\xa4\xa4\xa4\xa4\xa5\xa71F\x91HM(\x10\xaa\xa9\xa9\xd5\xe3qW\x8a+--\xdd\xe7\xcf\xf4\xa4y\xf4\xb8\x1e\x0eG\x94TV\xeeF&amp;\xa5HJ\xc3\xeb\xcdt\xa5\xa6\x90"b\xa4\xa4\x0c\x06B\xdf\x9e\xdc%\x9c\xd9\xefSR]\x9e\xb4L!x]]4\x1c\x0c\xd7Dj\xea\xea\xa2J\xa9\xd4\xd4\x14O\x9a\'\xd3\x97\xe9I\xf3HC\xd6Dj\xe2\xf1\xb8\x10\xd6=\x92\x9aP\xff\xe6d\xeb\xf1\xab\x94\x92\x86\x14\x9aH\xcfHOII1t=\x12\xa9\t\x06\x82u\xb5u\xf1x\\\xd34O\x9a\xc7\xeb\xf3z}^)e8\x146\x0c\xc3j\xf5?\x01\x1b\x04\x80\xa1\x1b\xee4\xb7\xc7\xe3)9P\xf2\xdfWW\xbc\xf7\xee\xfb\xc5\x9f\xed&lt;\\r\xb8\xa6\xa6\xc60\xa4\x10"#3\xa3M\xbb\xd6=\xfbt\xbf\xf4\xf2a\x03\x07\xf7w\xa5\xb8B\xc1\x90\x95\xdf\x03)%g,;\'\xfb\xf5W\xfe\xfb\xe9G[8\xe7J\xaa\xf4\x8c\xb4\tS\xc6\xa7\xa6\xa6\x98\xb3$+0\xbb\xbe\'\xdd\xe3\xf1\xb8\x0f\x95\x94\xbe\xb5\xe2\x9d\x0f\xd6n\xd8\xbe\xb5\xf8p\xc9\xe1@u \x1e\xd7I)\xa1i\x19\x99\x19\xad\xda\xb4\xfcA\xb7.\x83\x87]t\xd1\xd0A9y9\x81\xea\x00Y\xf8\xbc\x18\xf5oN\xb6\x1e\xbfR\xca\xd4\xd4\xd4\xb4tO0\x10\xfah\xc3\xc7\xeb\xd7m\xfc\xf4\xa3-\xfb\xf7~U~\xa4\xbc\xb6\xb6N\x1a\x06\xe3&lt;-\xcd\xd3\xaam\xab\xae\xdd.\xb8\xf4\xf2aC.\xbd\xc8\xeb\xf3\x06\x03A\x8b\xb4\xff\xa4,\x1d\x00RJ\xc6Xvn\xd6\xee\x1d_&lt;;\xe7\x1f\xffZ\xf6\xfa\x91\xc3G\xbe\xfdc\x91p\xa4\xf4P\xe9\'\x9b&gt;]\xf0\xb7\xc5}\x07\xf6\xfe\xe9\x03EC\x87\x0f\xae\xae\npn\xa1yD=]7&lt;\x1e7\x17\xfc\x91\x07\x1e\xfb\xf3\xac\xbf\xd6\x7f=55u\xdc\x8d\xd7\xb8\xdd\xa9J)+\x0c])\xa5\xcb\xe5J\xf7\xa7\x17o\xdb\xf1\xc2\xe2\x97^\x7f\xe5\xbf%\x07\x0e}\xe7O\x86C\xe1\xc3%\x87?\xdd\xbc\xe5\xb9\x05/\x9cs\xde\xd9\x85wO\x1e?\xf9\xfaX4\xa6\xeb\xba\x05\xdf\x02\xd4\xbf\xd9\xd8}\xfc*\xa9\xd2\xd2=\x07\xbf*y\xf5\xa5\xd7^\x7f\xe5?\xdb?\xdb\xf1\x9d?V\x13\xa9)/\xab\xd8\xf6\xe9\xe7/&lt;\xfb\xf2\x0f\xba_p\xefo~:\xe2\x8a\xcb\x02\xd5\x89o\x7fCX7\x00\x94Ri\xe9i\x86n\xfc\xf9\x89\xbf&gt;=\xfb\x19sR#\x840\x97\xde\xa4T&amp;\xc6\x18\xe7\\)\xa5HI)7}\xf8\xd1\xf5?\x9a\xf8\xcb\x99\xf7\xde}\xdf\x1d\xc1@\xd0j\xef\x81\xae\xeb\xfe,_\xc9\x81\xc3\xf7\xdey\xff\xbbo\xae\xe1\x9c\xd7\xaf$f\xe7fY\xe1\xb8cRJ\xb9=\xee`u\xf0\xf1\x19\xb3\x9f[\xf0BM\xa4\x86\x88\xb8\xe0B\x08FL\x1eCD\x9cs!8\x11\x93J*\xa9\xbe\xfcb\xff\xaf\x8a~\xf3\xfe\xbb\x1f\xfca\xce,\xcd\xa5\x19\xbaa\x9d?\x8aP\xff\xe6\xfd\x13l=~\rCz}\x19/&gt;\xbb\xec\xa1_\xfe\xcel&lt;\x11i.\x8d3n6UIED\x8c\xb1\xfa\x8b1J\xaa\xcf\xb7l\xbf\xf9\xea)\x0f&lt;\xf2\xcb;~vk\xb0*h\xa9\xb5\xac\xefd\xd1\x00PJi\x9a\xb6w\xf7\xde\x07\xa7\xcdx\x7f\xcd\x87D$4A\x8a\x94R\xf1x\xfc\x1b?l^~1O\xe4\x85\x10J\xa9\xc7\xa6\xcf\xd24q\xe7\xcfo\xab\xaa\xa8\xb6\xc8\x95=%\x95R*7/\xe7\xddUk\x7fv\xdb/\x0e|uP\xd3\x84aH]\xd7\x8f^\n\xd3\x8dD\xb7\xf1(%U\xaa;u\xdf\x9e/\'\x8c\xb9\xa5\xe4\xeb\x12"\x12\x9a`\xc4\x0c\xc3\x88\x1b\xff+&gt;\xe7\x9cH\xd5\x1f\x89\x18g\xa4\x88q&amp;\x84\xf8\xcf\xab+\xe2q}\xce\xf3\x7f\xb5\xd4\x1f\x85\xfa7\xdf\x9f\x90\x14\xe3W)\xcak\x91\x17\xa8\x0e\xb8\\."\x92R\xeaq\xfd;~\xce :\xb6\xe0f\x1e\xf1\x1fy\xe0\xb1\xbc\x16\xb9\xe3&amp;\x8e\xad\xae\xaa\xb6\xf8Z\x90E\x03\x80\x884\x97\xf6\xf3\xdb\xef\xffh\xc3\xc7.\x97K7tR\xca0$\x11\xe5w\xeex\xd1%\x05?\xe8\xd6%\xafe\x9e\xcb\xa5\x05\x03\xa1\xcf\xb7l\x7f\xfd\x9f\xff\xdd\xb7\xe7K\xc6\x99a\x18\xe6\x18x\xf47\xb3\xfa\x15\xf4\xed\xd1\xbb[$R\x93\xf0\xf3\x00\xc30RRR&lt;i\x9e\xa7g?\xf3\xbb\x07\x1f7\x0cCh\xc20\xa4\x05/9\x12\x11c,\x1e\x8f\xb7h\x95\xd7\xa2e\xee\xa1\x03\x874M\xd3u\xddlj~\xe7\x8e\x83/)\xe8\xde\xa7[\x9b\xb6\xad\xd3\xd2\xd3\x88(\x18\x08\xee*\xde\xfd\xc6\xbf\xdf\\\xbfn\x03\x11\x91"]\xea.\x97\xf6\xe6\x7fV/\xfe\xfb\x92\xc2{\xa6TUV%|\x0c\xa0\xfe\xcd\xffW\xd8}\xfc\n\xc1\xc3\xa1\xf0\xa5\x97_2x\xd8E\xeb\xde~\xcf\xfcbn^N\xdfA}\xba\xf7\xeevN\x87\xb3}~\xaf\x10"\x12\xa9\xf9b\xd7\xde\xb7\xdex\xe7\xc3u\xeb\x89H\x19\xca\xdc\xdd\xf4\xd0/\x1f\xb9\xe8\x92A\xfel\xbf\x1e\xd7\xadsf\xf9m\x16\r\x00\xb3\xbb\xff\xe6\xd1\xfb\xc7_yKmM\xad\x92\xca \xd5\xb3o\x8f;~z\xeb\xc5\x97\r\xf6\xfa\xbcRIiH"\xc5\x18\xbf\xea\xda\xd1w\xdfw\xfb\xef\x1f~\xea\xef\x7f\x9a\xc79\x97R\x92 \xc30\xfe\xf4\xc4_\x16/\x9f\x97\xf01\xae\xc7u\xaf?3P\x1d\xfa\xd9m\xbf\xf8\xd7\xcb\xaf\x11#!\x8495KIM\x89Ec\tn\xdf\xb712\x0c\xc3\xeb\xf3&gt;5\xff\x0f?\xbe\xf8\'\xc1\xea \x11\r\x1b9t\xd2\x1d7\xf7\x1b\xd4\xc7\xdc\xed`\x18\x864$\x11q\xc1\x87\x0e\xbfx\xd2\x9d7?\xbf\xf0\xc5\x07\xa7\xcd0\x0fU\x86!\x19c\x7f\x7fj\xde\xd5\xd7_\x95\xeaN5\x0c\x99\xc0!\x80\xfa7\x7f\xfd\x93c\xfc\x9a\x7f\xc5-\xb7M\\\xf7\xf6{\x03\x87\x0c\x18{\xc3U\x17_6\xb8u\xdb\xd6B\x08\xc30\x94\x92J\x11gL\x8c\x1eq[\xd1\xd4\x97\xff\xb1\xfc\xfe{\x1e\x8c\xc6bJ)\xceyeE\xd5?_\xfc\xd7\xdd\xf7\xdeQY^e\x91E\x88\xefd\xd1%*\xceyM\xa4f\xc0\xe0\x01\x8f&gt;\xf5\xb0a\x18\x1e\x8f{\xfa\xe3\x0f,_\xf9\xfc\x15W\x8dRJU\x94WVWV\x07\x03\xa1P \x1c\xa8\x0e\x94\x97U(E\x8f&lt;\xf5\xd0\xf8I\xd7K)\x85\xe0\xe6\xd5\xa7uo\xbf\xbf{\xc7\x17\x1e\x8f[&amp;\xae\x13)\xa5r\xf2r&gt;\xfb\xe4\xf3\x9f\x0c\x1f\xf7\xaf\x97_\x13B\x08.\xccs\xde\xfb\x1f\xbe/\xbfSG:z.o-\x9c\xf3P0\xd4\xe9\x82\xf3\x1fx\xf8\x17\x9d\xbbvZ\xb4|\xee\xb3\xff\\0t\xf8\x10\xa5TeyeuUu8\x14\xae\xa9\xa9\xa9\xa9\xa9\t\x87\xc2\x95\x15\x95\xa1\xea\xd0\xd4;&amp;\xfd\xea\xb7\xbf\x90R2\xce\xa4\x94\xc4X\xc9\x81C\x9b\xd7\x7f\xecI\xf3\xa8\xc4\xed\xabA\xfd\x13R\xff\xe4\x18\xbfB\x88H$\xd2\xaf\xa0\xef+\xab_\\\xfa\xda\xe2\x1bn\xb9\xce\x9f\xe5\x0fT\x07*\xcb+\x03\xd5\x81P \x1c\x0e\x85\x03\x81PEyU\xa0:p\xf3\xd4\x1b\xef\x9b\xf13%\x15\xe7\x8c\x88\x18ckV\xad\x8b\xc7\xe2\x8c[w\xfaO\x96\r\x00"\x12BT\x94W\xfe\xe4\xfa1\xbf~\xf4W\x8b_\x99\x7f\xf7}w\xc6\xe2\xf1\xea\xaa\x00\x11i\x9a\x10B\x08\xc1\xcd\xcbb\x9a\xa6IC\x06\xaa\x02\xf7\xdcw\x87\xd7\x97i\x9ei2\xce\xa2u\xd1\xad\x9f|\x96\xeaNM\xd4\x01H)\xe5Jq-]\xf4\xe2\xd8\x11\xd7\xed\xda\xbe\xdb&lt;\x137\x0c#55\xf5\xcf\x0b\x9f\xbc}ZauUuB\x1a\xd6\x10\x9a\xa6\x05\xaa\x02W]w\xe5+\xab^\x1c\xfe\xc3\xcbB\xc1P0\x10$"\xa1\x99\xa5\xff\x1fM\xd3\xb8\xe0\xa5G\x8e\xdcp\xcb\xb5gw8[\x1a\x92s.8c\x8cm\xdfV\xac\xb9\xb4D\r`\xd4?\x81\xf5O\x82\xf1KDJ\xaa\x94\x94\x94&gt;\xfd{G\xeb\xa2U\x15U\xba\xae\x0b!\x8e\xbe\x05\x82\x9bW\xe0\xcd?\xa7\xac\xbc\xec\'\xd7\x8f\xc9\xc9\xcb1\xdb\xaf\x94\xda\xbf\xef\xab@uP\xd3\x845W\x1aM\xd6\r\x00"\x12\x82\x07\x03\xc1\xdb\x8a\xa6\xf6/\xe8[z\xe8\x08c\xec\xfbV3\xb9\xe0\xd1h\xb4M\xfb6\xdd{u#\xa2\xa3{;\x88\xf6\xef\xfd\xca\xbc\xac\xd4\xac\xed&amp;""i\xc8\x8c\xcc\x8c\xb7\xdex\xe7\xa7\x85\xf7\xd6\xd6\xd6q\xce\xcdS\xfbvg\xb5]\xfa\xfa\xb3\xd7\xddxM\xe9\xa1\xd2h4FD\x8a\xac\xdb?\xcc\xaby\xe6\x9e\xb6\x13,%3\xc6\xcc\xbf\xb7W\xdf\xeet\xec\x82\x989]%\x95\x98[#Q\xff\xc4\xd6\x9fl&gt;~\xeb)\xa5"\x91\x08cLh\xe2\xfbV\xf3\x19cRJ\x9f\xcfw\xf6\xb9\xed\x89\xc8\xacx8\x14\xae\xab\x8b2\xeb\x9d_\x1e\xcf\xd2\x8d#"\xcey\xa0:PSS\xab5`\x1dM\xd3D\xdb\xb3\xda\x10\x99o\x00#\xa2p(L\xe6\x8d\x9e\xcd\x8e\x0b\x1e\tG\x86\\z\xd1\xc5\x97\x0eVJ\tM\x18\xbaQ0t\xe0+\xab_\xea7\xa8OEy%c\xfc\xe8\xa6\x02\xeb\x1e\x7f\x88\x88\xa4\x94\r\xbc\x8a\xc8\x18\xf3g\xf9\x89\xfeW\xef\x04^\xfeB\xfd\xc9\x02\xf7\x82\xd9w\xfc\x1e\xaf!\x8b\x84J\x111b\x8c\xd3\xb1\xe62\x0b?\x96\xa3\x9e\xd5\x03\x80\x8e\xed\x1dn\xe0\x0f\x7f\xe3\'5\x97\x8b\x88\x125\xc4\xa5T\xa9\xee\xd4\'\xe7\xcej\xdb\xbem&lt;\x16\xbf\xe5\xf6\x9b\x96\xfcsA^\x8b\x9c`u\xd0\xe5r)%\xads\xd3\xe9\t4\xb4\x133RJ\x85\x82!\xf3\x7f)"\xc6(\xafE.\xb1\x84\x1d`Q\xff\xc4\xd6\xdfd\xdf\xf1{\n\x14\t\xc1k"5\xa5\x87J\xc9\x0c\x03"\x9f\xdf\xebIsKC\xb2D\x07\xd8\tXt\x17\xd0\xe9\x91RUVT\x11\x99g\xf5\x8a\x88r\xf3r\x94R\x89z\x038g\xb5\x91\xdaVmZ&gt;\xf1\x97\xdf}\xb1\xeb\x8b[\xffoJ\xa0*hH\xc3\xdc\x15\xa0\x14\xd9\xa0g7\x18\xe7\xbc\xb6\xa6v\xdb\x96\xedD\xa4\xa42\xf7Pt\xb9\xb0\x8b\x1e\xd7y\x82\xae\x83\xa1\xfe\x89\xad\xff\xa9\xb2\xda\xf8m8\xc30\xbc\x99\xdeu\xef\xbc\x7f\xf0\xeb\x92\xfa\x8b\xc0\x1d:\x9e\xeb\xf5yC\xc1\x90\x05w\x19\xd4K\x9e\x00\x10BD\xc2\x91/v\xee%"\xf3&amp;C"\xeax~\x07]7(q\'bB\x13\x81\xea\xe0\xa0\x8b\x07\x0c\x1d&gt;\xa4\xb2\xa2\xaa\xfe\xbe\xc7D\xb5\xa7\x89\xc4b\xf1\xbc\x169o\xbe\xbez\xe7\xf6]\xe6\xb6\x07\xa5\xa8\xdd\xd9\xedz\xf5\xebQ\x13\xa9I\xe0F\x08\xd4?\xb1\xf5o8k\x8e\xdf\x86\x90R\nM\xe8q\xfd\xf7\x0f\xffQ)e\xae\x02)\xa5\x86_q\x99\x10BIe\xe5u\x16\x0b7\xedTH)\xdd\x1e\xf7\xae\xed\xbb\xf6\xee\xd9\xc7\x183\xbbPVNV\x97\x0b;\xd7\xd5\xd5%v\x06\xc49\xaf\xab\xad3\xaf\xe3Y\x7fM\xf0\x04\x94::2\xeb\x99\x1b\xd2u\xdd\xc8\xc9\xcd.9ph\xe6/\x1f!R\x8c\x98y\xe1\xae\xf0\x9e\xc9\xd99\xd9\xba\xae\'v\x06\x87\xfa[\x7f\x06m\xe5\xf1{b\xe6\xbe\xd5\xcc\xcc\x8c_\xde\xf3\xc0\xe6\xf5\x1f\x99\x93}\xc30\xce=\xef\x9c\xd1c\x7f\x14\n\x86x\xa2\xef\x82&lt;\xb1d\t\x00C\xba\xdd\xa9/,Yf\x18\x06\xe7\xdc\xbc\xf2&gt;\xf4\xb2!m\xdb\xb7\x89Ec\t\x1f\xf6\'\xde\xc2a\x17\x9c\xb3\xfa\xad\x87B\x08\xcd\xa5y\xd2&lt;Y\xd9~\x7f\x96\xef\x83\xb5\xeb\xaf\xfd\xe1\x84/v\xed\xe5\\p\xce\xe3\xf1\xf8\xf0+.\xbdq\xea\xf8@u\xc0\n\x7f8\xeaoq\x16\x1f\xbf\xdf\xc7\xbc\xc3\xdc\x95\x92r\xcf\x94\x9f\xbd\xb0\xf8e!D\xfd\x8e\xb2\x87\xff0\xc3\xeb\xcb\xd4u\xdd\xaam?*\x19\x96\x80\xcc\rp[&gt;\xfel\xd9s\xaf\x98\xfb\xb1\xcc3\xfd\x89So\x88[\xfb&gt;l{\xd1u\xbd~G\x864d]]\xf4H\xe9\x91\xe2\xcfv\xac|m\xd5\x9b\xffYMD\x9aK3\xf7\xd5\x8c\x1a=\xe2\x8fsg\x7f\xfb\xa9/\xd0\x18\xc9Z\x7f\x9b\x8e_]\xd73\xbd\x99U\x15U\xf7L\xfe\xe9\x9a\xd5\xeb\xea\xb7\xabJ)\x1f\xf9\xe3C\x97\x8e\x1aj\x9d\x07\x91\x9d@2\x04\x00c\xc48\x9bq\xdf\xc3u\xb5u\xe6i\xbea\x18W^\xf3\xa3\x01\x17\xf5\xab\xae\xb2\xc7\x0c\xc8\xca\xcc\xad\xe8\xa1`\xe8\x96\xb1\x85\x81\xea\x00\xe3L)\xa5\xebF8\x14\x0eT\x05\x8e\xdfH\xa3\xc7\xf5\xd6m[\xdf&gt;m\xea\x8d\x85\x13\xe2\xf1\xb8\x1e\xb7\xe2\xe3\xa0m\'\xe9\xebo\xc7\xf1\xab\xeb\x86?\xcb\xff\xf9\x96\xed\xb7\xdfx\xf7\x17\xbb\xf6\x9as\x7f)%\xe7\xfc\xf1\xbf&lt;r\xe3\xd4\t\x95\x15\x95\xd6?\xfaS\x12\x04\x80\xae\xeby-\xf2~\xf7\xe0c\x1f\xacY/\x840\x1f\x8a\xeb\xcf\xf6\xffb\xe6\xbdu\xb5Q\xcbN\x1fl\x86\x91\x94r\xd7\x8e\xdd\xe6s\x89\x8f\'\x84 F\x82\x8b!\x97\r\x1e{\xc3\x98Q\xa3G\xfa2}\x87\x0e\x1d"v\xf4\x01\x90p\x06$o\xfd\xed8~\r\xdd\xf0\xfb\xbd\xeb\xd7m\x98|\xddm\xd5\x95G\x9f\xf7)\r\xe9\xcf\xf2\xfdq\xee\xecQW\x8e\xac,\xaf\xb4fn}\x9b\xbd\x03@\x8f\xeb\xb9-r^x\xf6\xa5?&gt;\xf6\xb4\x10BJ\xc9\x057tc\xe6\xac_\x9f{\xde\xd9\xb68\x05\xb3\x91\xb4\xf44sA\xf6\xd8.\x9a\xa3\xeb\x11\xe6\xc5\xc8\xbd\xbb\xf7\xbe\xf2\xfc\xbfvl\xdf5\xf4\xd2!\xbd\x07\xf4\xd2u\xbd\xb6\xa6\xd6.\xc3\xc0\x16\x92\xaf\xfev\x1c\xbfR\xca\xf4\xcc\xf4m[\xb7\xdfrMa\xfd\'\x7f\x19\x86\xd1\xf9\x07\x9d\xfe\xb2\xf8\xa9.];W\x94Uh\x9am\x8e\xab68C\xfc&gt;z\\\xcf\xce\xcdz{\xe5\xbb\xf7\xde~?\xe7\xcc\xbca\xd2\xd0\x8d\xc9w\xde2n\xe2Xk\xf6\x1e\xfbRJ\x85\x83a]\xd7\xe3\xf1\xb8~\x94q\xf4\xff\x19R\xd7\x8d\xbd\xbb\xf7\xbd\xf9\x9f\xd5\x7f\xfc\xdd\x9f\x7f2\xfc\xda\xc2\x1b\xee\xf8\xf2\x8b\xfd^\x9f\xd7|\xec\x1a4^\xf2\xd5\xdf\x96\xe3W\x11\xe7&lt;Z\x17-\x9a\xf2\xf3` (4\xa1H\x19\x861\xe8\xe2\x81/\xaf\\\x9a\xdf\xf9\xbc\xaa\x8a*\x1b\x1d\xfd\xc9\xbeg\x00z\\\xf7g\xfb?\xda\xf0\xc9m\x13\xee\x8aF\xa3\x9c3!\xb8\xae\xeb\xa3F\x8f\x98\xfe\xf8\x03\x01\xab.\x1d\xda\x91\xf9\x9c\x99\xb4\xf4\xb4\x05/\xff=\x1e\xd7\x19\x91"\xd2u=\x12\x8a\x94\x1d)\xdf\xbf\xef\xabm\x9fn\xdb\xfa\xc96s\xc5\x99s\xae\xeb\xfa\x1b\xffZ\xf9\xe1\xba\r\x7fY\xf4\xd4\xd0\xcb\x06\x07\xec\xf3\xf9\xa8\xd6\x94\x94\xf5\xb7\xe9\xf85\xa4\x91\x95\x9d\xb5\xf0o\x8b\x8b\xb7\xed\x10\x9aPRI)\x07\x0e\x19\xb0x\xf9&lt;!D8\x18\xd1\\6;\xa2\xda\xac\xb9&amp;]\xd7}Y\xbe\xe2m;n\xb9\xa60P\x1d4?\xd7O\xd7\x8d\x01\x17\xf5\xfb\xf3\x82?D\xeb\xa2J)[\xdc\xfcb\x17\xe6u\xc8!\x97^t\xdc\x9a,3\xb7j\x10\xa9\xda\x9a\xba\xbd{\xf6\xbd\xf8\xec\xcb\x0b\xfe\xba\xd8\xfc\x80-!xueu\xe1\rw\xbc\xfa\xf6\xcb\xf9\x9d;\xd6\xd6\xd4\xda\xe2j\xa4e%Y\xfd\xed;~\x19c\xb1X\xec\xdf\xcb^g\x8c1\xc6\xa4\x92m\xda\xb5\xfe\xcb\xa2?j.\xad\xb6\xa6\xd6\x8a\xa7,\'c\xa1n\xd1@\xba\xae{\xbd\xde/v}q\xe3U\x93\xcaJ\xcb8\xe7\x8c3]7\xba\xf7\xee6\xef\x85g\xb8\x10\t\xff,\xec\xa4\xa4\x94\n\x05\xc2\x81\xea\xe0\xb1\xff\x0bTWUW\x96WV\x96WE\xeb\xa2\x1d\xf2\xcf}\xe4\x8f\x0f-Z67\xd3\x9b\xc9\x183\x0c\xa9iZ$\x1cy\xe8\x97\x8f\xe0\xbd8#\x92\xa6\xfe\xf6\x1d\xbf\xe6\xd3\xc5\xcb\x8f\x94\xef\xde\xb1G)e~\xc2\xe5\x94\xbb&amp;\xb5;\xabm$\x1c\xb1\xe6)\xcbIY\xb1\xd0\'\xa0\xeb\xba\xd7\x9b\xf9\xe5\xbe\xfd\x13\xae\xbc\xa5\xe4\xc0!!\x04\xe3\xcc\xd0\x8d\xae\xdd\x7f\xb0x\xf9\xbc\xf4\x8c\xf4h]\xd4\x9a\xbd\'\t\x98Oo\xff\xffhBh\x82qVW[w\xb8\xe4\xf0\x0f\xaf\x1c\xf5\xab\xdf\xdeg~&amp;\x89a\xe8\x9c\xf3\xf7\xde\xf9\xe0\xd3M[\xd2\xd2\xd3l\xf1\xd85\x8bK\x82\xfa\xdbz\xfc*\xa54\xa1U\x96W\x06\x03!"2\x0cC\x081pp\xff\x9a\x88\xd5/\xb6\x9f\x80Ek\xfd\x9dt\xdd\xc8\xcc\xcc\xf8\xfa\xab\x03\x13\xaf\xbc\xe5\xeb\xfd\x07\xcc\rp\x86n\\\xd8\xa3\xeb\x92W\x17\xf8\xb2|\xb5\xb56~\'l\x8ds\xeer\xb9\xca\xca\xca\xaf\xbc\xe6\xc7m\xdb\xb7\x91\x86d\x8c\x99;\xd6\xd7\xbf\xbf\xc1\xedN\x95\xd2\xf2\x1b\x12\xed\xcc\x16\xf5O\x82\xf1\xcb8\xab\xad\x8d\x9a\x87~\xc6X\x867#;7\xdb0\x0cknWm\x08\xdb\x04\x80\xa1\x1b\x19\x99\xe9%\x07\x0fO\xb8\xf2\x96/\xf7\xee\xaf\xef==zw\xff\xc7\xbf\x17\xf9\xb3\xfd\xd6\xdf\xf4\x96\xdc\xcc\xfbw\xbc&gt;o\x97\xae\x9d\x89\x8e&gt;\x18\x9d\x88\xf6\xed\xf9RJe\xdb\x01b\x1b\x16\xaf\x7fr\x8c_Fd\x18\xc6\xd1\xcfd\x962Z\x1b57\x02%\xba]\xa7\xcf\x1e\x17\x81\r\xc3H\xcbH;r\xf8\xc8\xc41\xb7\xec\xdd\xbd\xaf\xbe\xf7\xf4\xec\xdbc\xf1+\xf32\xbd\x99\xb6\xe8=N\xc09\xcb\xc8\xcc8\xfa?\x14\x11Q8\x1cI\xe0G\xfa9\x8d5\xeb\x9f\x1c\xe3\x971\x16\x8d\xc6\xce\xe9p\xd6\xe2W\xe6\x9b{\xb1\\.--\xcdc\x9eo%\xbau\xa7\xc9\x06\x01`\x18FZZZEY\xc5\xc41\x93v\xef\xd8S\xdf{z\xf5\xeb\xb9x\xf9\xbc\x8c\xcc\x0c[\xf4\x1eg`R\xaap(|\xfc\x97RSR,\xfe8\xdf$b\xc5\xfa\'\xcd\xf85\x9fS\x94\x91\x99q\xd9\xe5\x97\x98_QJ\xd5Djm\xfdtq\xab\x07\x80a\x18\x9e4OuU\xf5\x8dWM\xda\xf1\xf9\xce\xfa\xde\xd3\xbb\x7f\xcf\xc5\xcb\xe7\xa7g\xa4[\x7f\xdd\xd09\x84\xe0\xe1P\xe4\x8b]G\x1f\xe9\xce9c\x8c\xb5l\xddB\x08n\xe71b\x1b\x16\xac\x7f\xf2\x8d_i\xc8\xaa\xca\x80yR\xc58s\x1d\xfd\xcc2\xbb\xb2t\x00\x18\x86\xe1\xf1x\x82\x81\xd0\xc4\xab&amp;}\xbe\xb5\xd8\xdcfk\xe8F\x9f\x01\xbd\x17-\x9f\x9b\x9e\x9ef\xbb\xdec/\xe6\xd5\xad\x06\xee\xca\xd0u\xdd\xe7\xf7\xad{\xfb\xbd/\xf7\xee7o\xec$\xe2J\xa9\x0b\xba]`\x18\x12\xe7\x00\xa7\xc1\xee\xf5O\xca\xf1+\x95\xcc\xf4f\xa4\xbaS\x19\xb1x&lt;\x16\x0eE\xc8\x02\x9f\xbd|\xda\xac\x1b\x00\x86a\xb8\xdd\xeep8r\xf3O&amp;\x7f\xf6\xc96!\x844\xa4R\xaag\xdf\x1e\xf3_\xfa{jjj8\x14\x11\x9a\xd0\xf5\xef\xbd\xd9\x9d\x1d\xfbdT\xdbu2\x8b\xf0g\xf9b\xb1xmM\xad\x92\x8aq\xf3\xde\x97\xef\xe8\xe8J)C7R\xdd\xa9\xba\xae\xff\xfe\xb7O)\xa58\xe7\x8c\x91R</t>
        </is>
      </c>
    </row>
    <row r="422">
      <c r="A422" s="1" t="n">
        <v>420</v>
      </c>
      <c r="B422" t="inlineStr">
        <is>
          <t>circle_size_number</t>
        </is>
      </c>
      <c r="C422" t="inlineStr">
        <is>
          <t>What is the missing number of the part denoted with a question mark?</t>
        </is>
      </c>
      <c r="D422" t="inlineStr">
        <is>
          <t>[5, 1, 3, 6]</t>
        </is>
      </c>
      <c r="E422" t="inlineStr">
        <is>
          <t>1</t>
        </is>
      </c>
      <c r="F422" t="inlineStr">
        <is>
          <t>There are 6 numbered circles with varying sizes arranged in a ring with number ['?', 4, 5, 5, 4, 1] in a clockwise order.</t>
        </is>
      </c>
      <c r="G422" t="inlineStr">
        <is>
          <t>We observe that the size of the circle is related to the number in the circle. The circle with the largest value 5 seems to be the biggest and the circle with the smallest value 1 seems to be the smallest. Thus, the pattern is that the larger the number the larger the circle.</t>
        </is>
      </c>
      <c r="H422" t="inlineStr">
        <is>
          <t>Based on the pattern that the larger the number the larger the circle, the missing number of the circle denoted with a question mark should be 1.</t>
        </is>
      </c>
      <c r="I422" t="inlineStr">
        <is>
          <t>b'\x89PNG\r\n\x1a\n\x00\x00\x00\rIHDR\x00\x00\x02\x00\x00\x00\x02\x00\x08\x02\x00\x00\x00{\x1aC\xad\x00\x00\x9doIDATx\x9c\xed\xbdw\\\x93\xe7\xf7\xff\x7fg\x13\x02!\t\x04D\xdc\x8a\xc8\x92\x8d\x03\x9c\xd5:p\xa0\xd6YW\xb5\xce:\xaa\xad\xad\xf6\xed\xe8\xb0\xdaZ[\xeb\x1e\xd5ZG\xdd\x0bG\x9d\xc5\t\x82\xcaT@qk\x15\x19IHB\xf6=~\x7f\x9c\x9f\xf9\xf2q\xb4\xa8$\xf7\x9d\xe4z\xfe\xf1y\xf4\xe3;\xc0\x95\xfb\xba\xee\xf3:\xd79\xe7:\x17\x8b\xa2(\x0c\x81@ \x10\xae\x07\x9b\xee\x01 \x10\x08\x04\x82\x1e\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82\x04\x00\x81@ \\\x14$\x00\x08\x04\x02\xe1\xa2 \x01@ \x10\x08\x17\x05\t\x00\x02\x81@\xb8(H\x00\x10\x08\x04\xc2EA\x02\x80@ \x10.\n\x12\x00\x04\x02\x81pQ\x90\x00 \x10\x08\x84\x8b\xc2\xa5{\x00\x08:\xa1(\n\xc30\x92$\xad\xff\x8da\x18\x9b\xfdj\xb7\x00&gt;\x86a\x18\x8b\xc5\xb2~\x0c\xfe\x1b\x81@8",\xebk\x8fp\x11H\x92\xa4(\x8a\xa2(6\x9b\xfd:[\xffF\xbf\r\x84\x81\xcdf\xb3X,\xa4\x07\x08\x84\x03\x81\x04\xc0%\xb0\x1a}.\xf7\xff\xec\xf9p\x1cW\xa9T\x85\x85\x85\x95\x95\x95999J\xa5\x92$\xc9\x9c\x9c\x1c\x82 ^\xfe%\xc1\xc1\xc1b\xb1\x98\xcb\xe5\xb6m\xdbV(\x14FEEyzzzxxT\xff\x0cA\x10\xb5%-\x08\x04\xc2\xd6 \x01pf(\x8a"\x08\xe2\x05s|\xe7\xce\x9d\xf4\xf4\xf4\xcc\xcc\xcc\x9c\x9c\x1c\xadV\xab\xd7\xeb=&lt;&lt;\xf8|~\xd3\xa6M%\x12\t\x86a\xad[\xb7\xe6\xf1x/,\x0c\x0e\x87\x93\x9d\x9d\xadV\xabq\x1c\xbfq\xe3\x06\x8e\xe3\x1a\x8d\x86\xc3\xe1H\xa5\xd2\x16-ZDEE\xb5k\xd7.&lt;&lt;\x9c\xc7\xe3Y\x7f\x04\xc7q\xa4\x04\x08\x04\x93A\x02\xe0\x84P\x14E\x92$\x8b\xc5\xb2\x1a\xdf\x07\x0f\x1e\x9c?\x7f\xfe\xdc\xb9s\xf9\xf9\xf9UUU\x12\x89$444666&lt;&lt;&lt;  @.\x97\x8bD"\xeb\x87_\xb7$\xac\xe1\x1d\x82 p\x1c/))Q*\x95\xf9\xf9\xf9YYY7n\xdc\xa8\xa8\xa8`\xb3\xd9\x81\x81\x81\x89\x89\x89\x1d;v\x8c\x8c\x8c\xac&gt;\x18\x08\x10\xd9\xf6k#\x10\x887\x04\t\x80S\x01\xd6\x96\xc3\xe1\xc0\xff{\xff\xfe\xfdC\x87\x0e\x1d;v\xec\xf6\xed\xdb\r\x1a4HLLLHH\x88\x8a\x8a\xf2\xf7\xf7\x07so2\x99,\x16\x8b\xc5b\xb1\xc6\x88\xb0\xd7\xe7u_\xc8\x12\xf3\xf9|.\x97\xeb\xe6\xe6\x06\x9fW*\x95\x05\x05\x05\xe9\xe9\xe9\xe9\xe9\xe9yyyr\xb9\xfc\xfd\xf7\xdf\x1f0`@tt4\xfc\x14A\x10\xd55\t\x81@\xd0\x0e\x12\x00\'\x01,8\x98~\x93\xc9\xb4\x7f\xff\xfe\r\x1b6&lt;~\xfc8,,\xacW\xaf^\x9d;wn\xd4\xa8\x11\x87\xc3\xc1q\\\xaf\xd7\x83\xc5gU\xe3-\xfe\xa2\xb5\x82\x88\xa2(\x16\x8b\xc5\xe5r\x85B\xa1@ \xc00\xec\xd9\xb3g\x99\x99\x99\x07\x0f\x1e\xcc\xcc\xcc\xe4\xf3\xf9#F\x8c\x186lX\xdd\xbau\xb1\x97$\n\x81@\xd0\x08\x12\x00\x87\xa7\xba\xe9\x7f\xf0\xe0\xc1\x8a\x15+N\x9c8\xe1\xe5\xe5\xd5\xbf\x7f\xff\xbe}\xfb6o\xde\x9c\xa2(\x9dNg2\x99\xac\xa1\x18\x1bEc\xa0"\x88\xc5b\xf1x&lt;\x91H\xc4\xe5r\xcb\xcb\xcb\x8f\x1e=\xbao\xdf\xbe[\xb7n\xc5\xc4\xc4|\xf6\xd9g\xf1\xf1\xf1/\x8c\x19\x81@\xd0\x05\x12\x00\x07\xa6\xba7\x9d\x9b\x9b\xbbp\xe1\xc2\xdc\xdc\xdc\xc8\xc8\xc8)S\xa6$$$\xf0x\xbc\xaa\xaa*\x83\xc1\x00\x81\x17{\x86\xe0!\x9aD\x92$\x9f\xcf\x17\x8b\xc5,\x16\xab\xb0\xb0p\xed\xda\xb5g\xce\x9c\x91J\xa5s\xe6\xcc\xe9\xdd\xbb7\xf6\xfc`\x01\n\n!\x10t\x81\x04\xc0Q\xc1q\x1cj:\xc1\xf4gdd\xf4\xef\xdf\x7f\xfa\xf4\xe9M\x9b65\x99LUUU\xa0\r\xf4\xa6^A\x060\x0cswwwwwW(\x14\x9b7o^\xbf~\xbd\\.\xb7\xca\x00\x8e\xe3\xb4\x8f\x13\x81pM\x90\x008\x1e\xd6\xf0}ii\xe9\x0f?\xfc\xb0w\xef\xde~\xfd\xfa\xcd\x9c9\xb3q\xe3\xc6\xe0\xf23\xb0\xf8\x12\nRy&lt;\x9eD"\xa9\xac\xac\xdc\xb4i\xd3\xda\xb5k\x83\x83\x83\xbf\xfb\xee;\xa8\x17"\x08\x02E\x84\x10\x08;\xc3,3\x81\xf8O\xa0\xb8\x9e\xc5b\xadZ\xb5*&amp;&amp;\xa6\xb4\xb44--m\xe5\xca\x95r\xb9\xbc\xbc\xbc\xdcl6s\xb9\\\xa6Y\x7f\x0c\xc3 KLQTyy9\x86a\x9f}\xf6YvvvtttRR\xd2\xcc\x993\xb5Z-$\xa8\x91;\xf2\xd6\xc0f\x8b \x08(\xd2}%\xf0\xbfB\x02\x86\xee\xf1"\x18\x01\xda\x018\x0c\xd6\xfe\r\x85\x85\x85\xa3G\x8f&amp;\x08b\xf5\xea\xd5\xad[\xb7\x06\xaf\xdf\xb1\xa2(8\x8e\xc3n\xe0\xd1\xa3G\xb3g\xcf\xbet\xe9\xd2\xf2\xe5\xcb\xfb\xf5\xeb\x87\xa1\xad@\x8d\x01\x8b\x0f%XoW_\x0b\xc7\xb6\xdf\xfa\xc7\x11N\x00\x12\x00\xc7\xc0j\x16\x17.\\\xf8\xfb\xef\xbfO\x9a4i\xfa\xf4\xe9\x18\x86\xa9\xd5j\xc72\xfdV ($\x14\n=&lt;&lt;\x0e\x1e&lt;8o\xde\xbc\xe8\xe8\xe8U\xabV\x89\xc5bkz\x03\xf1\x02V\xa3\xffr\x94O\xa9T\xaaT\xaa\xeb\xd7\xaf\xb3\xd9\xec{\xf7\xee\xdd\xbbw\x8f\xcdf[\xdfn\x8a\xa2d2YLL\x0cI\x92\r\x1a4\xa8W\xaf\x9e\\.\x7f\xe1\x97\xe38n\xffz\x01\x04\xbd \x01p\x00\xc0 \x96\x94\x94$\'\'\x0b\x85\xc2\xdf~\xfb-00P\xa1P`\x8e_B\x032\xe0\xed\xed\xad\xd7\xebg\xcd\x9au\xf4\xe8\xd1m\xdb\xb6u\xec\xd8\x11:X Kd\x05Jl\xab\xebbYY\xd9\xb5k\xd7233o\xdc\xb8\xf1\xe4\xc9\x93\xf2\xf2r\x0e\x87#\x91Hp\x1c\xaf[\xb7n\xfd\xfa\xf5-\x16\x0b&lt;@\xe8\x01UYYY\\\\\xcc\xe5r\xab\xaa\xaaL&amp;\x93D"\xf1\xf6\xf6\x0e\x0f\x0fOHH\x88\x8c\x8cl\xd2\xa4\x89\xf57C\'(\xf4\xfc]\x01$\x00\x8c\xc6\x1a\xf69|\xf8\xf0\xc7\x1f\x7f\xfc\xf1\xc7\x1f\x7f\xff\xfd\xf7\x06\x83\xa1\xaa\xaa\xaaz\xd7\x1dG\x07\x14N*\x95\xee\xde\xbd{\xca\x94)S\xa7N\x9d?\x7f&gt;\x86\xc2A/5\xd2 I\xf2\xd2\xa5K\'O\x9eLMM---uss\x8b\x8a\x8a\n\x0b\x0b\x0b\x0c\x0c\x0c\r\r\xf5\xf4\xf4\xf4\xf7\xf7\x7f\xb9\xe5\x9f\x15H )\x14\n\x8dFs\xeb\xd6\xad\xfb\xf7\xefggg\xe7\xe6\xe6VTT\xc8d\xb2\xe8\xe8\xe8\xbe}\xfbv\xec\xd8Q,\x16\xc3\xe7\x91\x0c;=H\x00\x98\x0b\xbc\xf9\x18\x86\xcd\x981c\xd7\xae]\xbf\xff\xfe{\x8f\x1e=\x9c\xc3\xf1\x7f\x19\x8a\xa2p\x1c\xf7\xf5\xf5\xbd{\xf7\xee\xc0\x81\x03\xbd\xbd\xbd\xf7\xed\xdb\xe7\xe5\xe5\xe5\xb2\x1a\xf0\xc2\x91\xe9\xcc\xcc\xcc\xdf~\xfb\xed\xfc\xf9\xf3,\x16+..\xaec\xc7\x8e\x1d;v\xac[\xb7\xaeH$\xc20\x8c$I\x83\xc1@\x10\x84\xc5b\xc1\x9e\xfb\r/\xffN\x08\n\xf1x&lt;\x0e\x87\xe3\xe6\xe6\x06:a6\x9bKJJ\xb2\xb3\xb3O\x9d:\x95\x96\x96\xa6V\xab\xa3\xa3\xa3G\x8e\x1c\xd9\xbbwo\xf8\x00\xea\xe1\xe1\xc4 \x01`(`\xf8\xaa\xaa\xaaF\x8e\x1cYZZ\xbao\xdf&gt;___\x85B\xe1L\x8e\xff\xcb\xe08.\x12\x89\x04\x02\xc1\xa4I\x93.\\\xb8\x90\x92\x92\x12\x14\x14\xe4j)\x01\x08\x8b\xc1W\xd6h4\x9b7o\xde\xbe}\xbb^\xaf\x8f\x8d\x8d\xfd\xe0\x83\x0f\xda\xb5k\'\x91H\xe0t\xb7\xd9l\x06\xeb\x8c\xbd\xc9\xfd&lt;\xf0\xcaS\xcfa\xb3\xd9|&gt;_(\x14r\xb9\\\xa3\xd1\x98\x9d\x9d}\xf0\xe0\xc1\xd4\xd4T\x93\xc9\xd4\xb5k\xd7\xe9\xd3\xa77j\xd4\x08C2\xe0\xa4 \x01`"`\xfd+++\xe3\xe3\xe3CBB\x0e\x1d:\xa4\xd5j\x8dF\xa3+\xd8A88\xe6\xed\xed\xbdx\xf1\xe2\x85\x0b\x17\x9e9s\xa6M\x9b6.\xa2\x01\xd5\xbd\xfe\'O\x9e,]\xba4%%\xa5A\x83\x06\x13&amp;L\xe8\xd1\xa3\x07\xc4\xf7\xab\xaa\xaa \xb8_\x8b\xc1\x19\xeb\xc9m\x0e\x87\x03\x02l4\x1a322V\xadZ\x05g\xcb\xe7\xcc\x99\x13\x13\x13\x83\xa1\xa0\x90\xd3\x81\x04\x80q\x80\xf5/..NJJ\x1a&gt;|\xf8\x82\x05\x0b\x9c5\xec\xf3:\xac\xe1\xa0c\xc7\x8e\x8d\x1e=\xfa\xf7\xdf\x7f\xef\xdd\xbb\xb7\xd3k\x805\xd8UZZ\xfa\xd3O?\x9d&lt;y2((h\xc6\x8c\x19\t\t\t\x04Ah\xb5Z\x8b\xc5b\x87#~\x90m\xe6p8pK\xc4\xdd\xbbw\x97/_~\xf6\xec\xd9\x90\x90\x909s\xe6\xa0S{N\x86\xab\xd8\x14G\x01\xfa"\\\xbbv-44t\xcc\x981\x0b\x16,(//w\xb5\xad7\xb4\x93+++KJJ\xda\xb3gO\xdf\xbe}W\xaf^\xcd\xe5r!\xc0\xed|@\xcc\x07\x8e\xc2-Z\xb4(::\xba\xa4\xa4\xe4\xd0\xa1C\xfb\xf6\xed\x8b\x89\x89\xa9\xa8\xa8P\xa9T\x90\xda\xb5\xc32`\xb3\xd9\\.\x97\xc5bi\xb5\xda\xf2\xf2r??\xbf\x15+V\\\xb8p!((())i\xcc\x981\xa5\xa5\xa5\x1c\x0e\xc7\xda\xe4\x03\xe1\xd0\xb8\x90Ya&gt;\x10\xf9\xbdv\xedZ\xabV\xad\x16/^&lt;g\xce\x9c\xb2\xb22x\x1b\xe9\x1e\x1a\r\x80\x06t\xea\xd4\xe9\xfc\xf9\xf3S\xa6LY\xbdz5\x8f\xc7s&gt;\r\x80\xc6\x1e\x1c\x0e\xe7\xf0\xe1\xc3\xc1\xc1\xc1\x17.\\\xd8\xbf\x7f\xff\x9f\x7f\xfeY\xa7N\x9d\xf2\xf2r\x9dN\xc7\xe1phq\xb7A\t\xccf3\xb8 \xdf~\xfbmZZ\x9aP(\x8c\x8e\x8e\xfe\xe1\x87\x1f\xc0)y\xe5\xd5\xa1\x08\x07\x02\x85\x80\x98\x02\xf8\x807n\xdc\x88\x88\x88\xf8\xf1\xc7\x1f?\xff\xfc\xf3\xb2\xb22\xe7N\xf9\xd6\x04\x8b\xc5\xe2\xeb\xeb{\xf1\xe2\xc5\xf6\xed\xdbo\xd8\xb0a\xdc\xb8q\x16\x8b\xc5i\x1e\x0b\xc4\xb5\xb4Z\xed\xb4i\xd3\xce\x9c9\xf3\xd3O?\r\x1e&lt;\xd8l6\xc3u\x9b\xcc\x11\xfe\xea\xa7\xf6222\xa6L\x99\xc2\xe1p\xb6l\xd9\xd2\xa2E\x0b\x94\x15ph\xd0\x0e\x80\x11@\xd4U\xa9Tv\xef\xde}\xe1\xc2\x85\xc8\xfa[\x81}@\xbbv\xedRSS?\xfd\xf4\xd3K\x97.\xf1x&lt;\'p&lt;\xad\xa5&gt;\xe7\xce\x9d\x0b\r\r5\x9b\xcdYYY\x83\x07\x0fV(\x14UUUL\xdb\xf6A+\'\xd8\rDGGgdd\xf4\xec\xd9\xb3S\xa7N+V\xac\x00\xa1r\x82\x19qM\xd0\x0e\x80~\xa0\x06C\xa3\xd1\xb4j\xd5j\xf8\xf0\xe1\xf3\xe6\xcdC\xd6\xff\x05`\x1fp\xe6\xcc\x99A\x83\x06\x1d?~\xbcU\xabV\x0e\x9d\x87\xb4\x9e\xf0\xf8\xf6\xdboW\xae\\\xb9r\xe5\xca!C\x86h4\x1a\x93\xc9\xc4\xfcD7\xd4\x83z{{\xe7\xe6\xe6\x0e\x1b6,$$\xe4\x8f?\xfe\xf0\xf0\xf0p\xe8\x19qY\x90\x00\xd0\x8c\xd5\x13\xec\xd8\xb1\xa3\x8f\x8f\xcf\xbe}\xfb\x90\xf5\x7f%f\xb3\xd9\xcf\xcfo\xdd\xbau\xb3g\xcf\xbew\xef\x9eT*\xc5jV\xf6\xce4\xc0P\xaa\xd5\xea\x81\x03\x07VTT\xec\xdd\xbb\xb7i\xd3\xa6\xd0\xc8\xc1\x81\xbe\x8e\xc5b\x81cz\x1f\x7f\xfc\xf1\xb5k\xd7v\xec\xd8\x11\x1b\x1b\xeb\xf4\x95Z\xce\x07\n\x01\xd1\x0cX\xff1c\xc6p\xb9\xdc\xbd{\xf7VTT\xa0W\xe8\x95\xf0\xf9\xfc\xb2\xb2\xb2\x89\x13\'\xce\x981#11\xd1\xda\x16\x8d\xeeq\xbd\x19`\xfdKJJ\xe2\xe3\xe3\xa5R\xe9\xb5k\xd7 \xd9\xcb\xb4\x98\xcf\x7f\xc2\xe3\xf1\xb4Z\xad\xc9d\xda\xb1c\xc7\xb8q\xe3\xbau\xebv\xee\xdc9.\x97\x8b\xe38\xddCC\xbc\x01H\x00\xe8\x04\xac\xff\xb6m\xdb\x8e\x1f?\xbew\xef\xde\xaa\xaa*\xdb]\xd8\xeb\x04\xf0x\xbc\x8a\x8a\x8a\x05\x0b\x16\xd4\xaf_\x7f\xec\xd8\xb1\x1c\x0e\xc7\xb1B\xcfP\xe3\x9b\x99\x99\xd9\xacY\xb3\xd1\xa3G\xef\xde\xbd[\xa5R9\xee\xf9&gt;(\x06-++\x9b5k\xd6\xde\xbd{{\xf6\xec\xb9|\xf9r\'\xae\xd6uJP\x08\x886 \x10|\xfb\xf6\xed\xe8\xe8\xe8\xe3\xc7\x8f\xc7\xc7\xc7\xab\xd5j\x07\xb5\x05v\x03\xae\x92\'\x08"44t\xc9\x92%#F\x8cp\x94\xd03\x84G.]\xba\x94\x9c\x9c\xbcz\xf5\xea\xc1\x83\x07;\\\xd8\xe7uX,\x16oo\xef\xc2\xc2\xc2^\xbdzM\x9b6\xed\xb3\xcf&gt;s\xa6J-\xe7\x06\t\x00=X#\x18aaa\xa3F\x8d\x82\x92\x7f\xf4\xce\xd4\x04\x1c\xc7\xbd\xbc\xbc\xae\\\xb9\xd2\xa3G\x8f\xac\xac\xac\xc0\xc0@hhC\xf7\xb8\xfe\rP\xa9K\x97.\xf5\xe9\xd3g\xf7\xee\xdd]\xbbvu\xb2\xe9\xc6q\\*\x95\x96\x97\x97\xb7n\xddz\xea\xd4\xa9\x9f\x7f\xfe9\xca\x078\x04H\x00\xe8\x01^\x8f\x993g\x16\x14\x14\x9c&lt;y\x12\xa2\xc0t\x0f\xcaa\x80\xa2\xa0\xef\xbf\xff&gt;%%\xe5\xca\x95+\x0c\xb75`\xfd322\x92\x92\x92v\xed\xda\xd5\xb5k\xd7\xd2\xd2R&gt;\x9fO\xf7\xb8j\x19\x1c\xc7=&lt;&lt;*++[\xb7n=s\xe6\xcc\xe9\xd3\xa7\xa3}\x00\xf3A\x02@\x03\x10\xfc\xc9\xc8\xc8\x180`@nn\xae@ \x80\xcb\x98\xe8\x1e\x97#\x81\xe3\xb8\\.\xef\xd0\xa1C\x8f\x1e=f\xcf\x9e\xcd\xd8@\x10\xcc\xf5\xdd\xbbw\x83\x82\x82RRR\x92\x92\x92\x9c\xcc\xf7\xaf\x0e\x8e\xe3\x9e\x9e\x9e*\x95\xaaY\xb3fk\xd7\xae\x1d9r$\xc3\xb5\x19\x81\x04\xc0\xde@\xf0\x87$\xc9\x90\x90\x90\xf9\xf3\xe7\x0f\x1f&gt;\x1cU\xfe\xbc\x05$I\n\x04\x82\x92\x92\x92\xd6\xad[_\xbat)((\x08c^\xbf&lt;8\xe1QYY\xd9\xa6M\x9b\xd1\xa3G\xbbB\xa0\x0fbA\x17/^\x1c8p\xe0\x91#G\xda\xb4ic=\xf4\x80` H\x00\xec\r\xf8\xaa\xb3g\xcfNKK\xbbp\xe1\x82B\xa1`\xa6\xeb\xca|`\x130w\xee\xdc\xd3\xa7Ogff2p\x13\x00\xfeoTTTLL\xcc\xc6\x8d\x1b\x9d\xde\xfa\x03\x10\xa0\xdb\xb5k\xd7\xa8Q\xa3\x1e?~,\x97\xcb\x99\x9f\xa4qY\x90\x00\xd8\x15h\xa0X\\\\\xdc\xbe}\xfb\xb4\xb4\xb4\xbau\xeb\x1a\x8dF\xf4n\xbc5$I\x8a\xc5\xe2\xa8\xa8\xa8\xcf&gt;\xfb\xec\xa3\x8f&gt;b\x94\x06\x80\xf5\x9f1cFFFFZZ\x9aR\xa9t\x9d\x9e9\xa0\x01_~\xf9\xe5\xdf\x7f\xff}\xed\xda5\x14\x08b,H\x00\xec\nX\xa8\xbe}\xfb\x06\x04\x04\xacY\xb3\xc6E\\B\xdbA\x10\x84T*=x\xf0\xe0\x8c\x193\xee\xde\xbd\x0b\xc7\xa9\x98`da\xa2\x8f\x1e=:r\xe4\xc8\x82\x82\x02\x0f\x0f\x0f\xb3\xd9\xecRJO\x92\xa4L&amp;KHHh\xd5\xaa\xd5\xb2e\xcb\x90\x060\x13$\x00\xf6\x03\x8c\xc2\xc9\x93\'\xc7\x8e\x1d[PP\xf0\xba\x8b[\x11o\x04\x04\x82\xbaw\xef\xde\xb2e\xcb%K\x960a\x13\x00\xfb\xbc\xf2\xf2\xf2\x16-Z\xec\xd8\xb1\xe3\xfd\xf7\xdfW*\x95\xaef\xfeH\x92\xe4\xf3\xf9UUUaaa\xdb\xb6m\xeb\xd9\xb3\'\x13\xa6\x06\xf1\x02H\x00\xec\x07d\xc3\xa2\xa3\xa3\x07\x0e\x1c8g\xce\x1cT\xfaY+\x90$)\x12\x89\xb2\xb3\xb3{\xf6\xecy\xfb\xf6m\x1f\x1f\x1f\x8c\xee\x1eA`\xe9\xde\x7f\xff\xfd\xc6\x8d\x1b\xaf_\xbf\xdee\xf7y\xa0\xcd\xbbw\xef\x9e6m\xda\xdd\xbbw\x85B\xa1\xeb\x04\xc1\x1c\x05$\x00v\x02\x8c\xc2\x89\x13\'\xc6\x8c\x19STT\x84\xdc\xffZ\x04\x0cM\xb7n\xddBBB\x96-[F\xaf\xa7\t\x7f}\xcb\x96-\xf3\xe6\xcd+**2\x9b\xcd\x14E\xb9\xac\xd5\x83d@\xbf~\xfdD"\xd1\xf6\xed\xdb\xd1&amp;\x80i \x01\xb0\x13p\xf1Stt\xf4\xe0\xc1\x83g\xcf\x9e\x8d\xdc\xffZ\x046\x01999IIIEEE\xbe\xbe\xbe\x18M\x9b\x00\xd0u\xa5R\xd9\xacY\xb3}\xfb\xf6u\xe8\xd0A\xadV\xbb\xb2\xc9\x83\xd6\x1df\xb3\xb9E\x8b\x16;w\xee|\xff\xfd\xf7\x91\x060\n\x17\xcaJ\xd1\x08\xdc\x9a\x94\x96\x96\xa6P(&amp;N\x9cXYY\x89\xac\x7f-\xc2f\xb3\xb5Zm\x9b6m\xe2\xe3\xe3\xd7\xacYC\xe3\xfd$\x10\xe5\xfb\xe6\x9bo\xde{\xef\xbd.]\xbaTVV\xba\xb8\xb1c\xb1Xf\xb3Y.\x97\x7f\xfd\xf5\xd7s\xe6\xccA\xd7\x083\r$\x00\xf6\xe3\xa7\x9f~\x1a4h\x90D"A\xed\x12k\x1d\x16\x8b\x85\xe3\xf8\xd4\xa9S\xb7n\xddj4\x1a\xa1Q\xa5\x9d\xc7\x00\xd6\xbf\xa0\xa0`\xeb\xd6\xad\xbf\xfc\xf2\x8bV\xabuq\xeb\x0fp\xb9\xdc\x8a\x8a\x8a)S\xa6\x18\x8d\xc6\xb5k\xd7:\\\x0fW\xe7\x06\t\x80\xcd\x81]\xf0\xe3\xc7\x8f\xaf\\\xb92~\xfc\xf8\xaa\xaa*d\x17j\x1d\xb8b\xa5K\x97.\x9e\x9e\x9e\x87\x0e\x1db\xb1X\xf6w6!\xd6\xff\xd5W_\r\x1f&gt;\xbca\xc3\x86F\xa3\xd1eC\xff/C\x10\xc47\xdf|\xb3d\xc9\x12\x93\xc9\xc4b\xa1\xc83S@\x02`s\xc0\xdf\xf9\xed\xb7\xdf\xe2\xe2\xe2\x9a7on0\x18\x90]\xb0\x05\xd0\x1cb\xe4\xc8\x91k\xd7\xae\xc5\xec\x9e\x03\x00\xf7?//\xef\xe6\xcd\x9b\xdf}\xf7\x1d\n\xfeT\x87\xc3\xe1\xa8T\xaa\x0f&gt;\xf8 44t\xc3\x86\rl6\x1b\xc5\x82\x18\x02\x12\x00\x9b\xc3\xe1p,\x16\xcb\x8e\x1d;&gt;\xfe\xf8c\xd4\xf4\xcdvp8\x1c\x8dF3t\xe8\xd0\xdb\xb7o\x17\x16\x16\xda\xd9\xca\x80\xfb?w\xee\xdc\xa4\xa4$\x99Lf6\x9b\xd1DW\x07bt\x93\'O^\xbat)\x9c~G\x9b\x00&amp;\x80\x04\xc0\xb6\xc0\r\xdaiii\x04A\xb4o\xdf\x1e\xc5\x85m\x07\x8b\xc52\x99L\x01\x01\x01\xd1\xd1\xd1\x7f\xfe\xf9\'\xf6\xfc@\x96\x1d I\x92\xc3\xe1\x14\x17\x17_\xbe|y\xf2\xe4\xc9UUU(\xc9\xff\x02\x10\xa3\xeb\xda\xb5\xab\x97\x97\xd7\xb6m\xdbhL\xd4#\xaa\x83\x04\xc0\xb6\x80\x9b\xb3}\xfb\xf6\xe4\xe4d\x89D\x82nL\xb5)\xe0f~\xfc\xf1\xc7\xc7\x8f\x1f\xb7g\x13J\x98\xe5\x15+Vt\xeb\xd6\xadY\xb3f(\xca\xf7J F7m\xda\xb4u\xeb\xd6\xa1\xf6p\x0c\x01\xcd\x81m\xe1p8&amp;\x93)===99\xd9d2\xa1EoS8\x1cNUUU\xfb\xf6\xedu:\xdd\x8d\x1b7\xec\x13\x05\x02[\xa6V\xab\x0f\x1c80q\xe2D\xd4\xdd\xefup\xb9\xdc\xca\xca\xca~\xfd\xfa\x95\x97\x97_\xb8p\x81\xcdf\xa3M\x00\xed\xa0\x95jC \xfes\xf1\xe2E\x0c\xc3\xe2\xe3\xe3u:\x9d\xa3\x9b\x06\xe6\x1f`\xb6X,2\x99,22r\xc7\x8e\x1d\x98]\xa2@p\xc4\xef\xd8\xb1c\x8d\x1b7NLL\xac\xaa\xaab\xd4,3j\xca\xe0\xf6\xe0\x0f&gt;\xf8`\xeb\xd6\xad\xd8\xf3\x9d\x13\x82F\x18\xb4R\x9d\x0fX\xdf\x87\x0f\x1f\x8e\x8a\x8a\x12\n\x85\x8e\xee\xefP\x14\xc5\xe3\xf1x&lt;\x1e\xa3\x0c\xdc\x0b@\x01\xe8{\xef\xbd\x97\x9a\x9aj\x9f8\x03D{\xd6\xae]\x9b\x94\x94\xc4\xb4\x02G\x82 \xb8\\.s\xa6\x8c\xcdf\x9bL\xa6\xfe\xfd\xfb\x1f?~\\\xa3\xd1p\xb9\\F=.\x17\x84\x11\xcb\xc2Y\x81R\x87\xabW\xaf&amp;%%\x81\x9fH\xf7\x88\xde\t\x1e\x8f\xa7P(\x14\n\x05\x93c\xdcl6[\xaf\xd7w\xee\xdcY\xa1P\x94\x97\x97\xdb\xba\xda\x044\xe6\xc9\x93\'\xb7n\xddJNN\xd6\xeb\xf5\x0cI\xf2\xc3\xc5s^^^Z\xadV\xa1P0\xe4P\x02\x9b\xcd\xd6\xe9tqqqb\xb1\xf8\xc4\x89\x13\x98\x1d\x13\xf5\x88W\x82\x04\xc0V\x80i(///--\x8d\x8d\x8d\xd5\xeb\xf5\x0c\xf1\xc2\xde\x02\xb8\xe7\xef\xc7\x1f\x7f\x8c\x8c\x8c\x8c\x8c\x8c\xdc\xbau\xab\x97\x97\x173\x13\xdaP\x0b\xd4\xa0A\x03\xa9T\x9a\x91\x91\x81\xd9\xd8\xc4\xc0\xae\xee\xe0\xc1\x83\x8d\x1b7n\xd1\xa2\x85^\xafg\x82\x9d\x05\xc7_"\x91\xacY\xb3&amp;&gt;&gt;&gt;22r\xdf\xbe}b\xb1\x98\tSF\x10\x84@ \xe8\xd1\xa3\x07\xc4\xe8\x10\xf4\xe2\xa8&amp;\x89\xf9\x80\xdd\xc9\xc8\xc8\xf0\xf6\xf6n\xdc\xb81\x1c\x80\xa4{Po\x03X\xff\xbf\xfe\xfa\xeb\xfb\xef\xbfW\xab\xd5j\xb5\x9a\xc9;\x00\xecy\'\xfa\x98\x98\x98\xd4\xd4T\xcc\xc6\x81fx\x0e\xa7O\x9f\xee\xdd\xbb7Cj\xdb-\x16\x8bX,6\x18\x0c\xa3F\x8d\xfa\xf4\xd3O\x9f&gt;}\xca\xa8)c\xb3\xd9f\xb3999\xb9\xa8\xa8\x08%\xcci\x07=}[\x01\xb6\xe0\xcc\x993aaa&lt;\x1e\xcfA\xb7\xba$I\xba\xb9\xb9\x95\x96\x96N\x9e&lt;\x99\xc3\xe1H$\x12\x16\x8b\xc5\x90(\xc7\xeb\x80@|\x9b6m._\xbel\xd34\x004\xf9\xa8\xaa\xaa\xca\xc9\xc9\xe9\xd4\xa9\x13\xedU^$I\x12\x04\xe1\xeb\xeb\x9b\x99\x99\xf9\xde{\xef\xfd\xf9\xe7\x9f\xee\xee\xeeL\x9b2\x88\xd1EDD\x98\xcd\xe6k\xd7\xae\xd1\xd2\xb4\x03a\x05\t\x80\xad\x00[p\xed\xda\xb5\xa8\xa8(\x8c\xee+J\xde\x1a\x8a\xa2\xdc\xdd\xdd\xa7O\x9f\xfe\xf0\xe1\xc3Q\xa3F\xb5l\xd9\x92\xf9\xdd\xedY,\x96\xd1h\x0c\x0f\x0f\xff\xe7\x9f\x7f\xd4j\xb5\xed\x1cs\xf8\xb5\xd9\xd9\xd9p/1\xbdU^\x04A\xf0\xf9|\x89D\xb2l\xd9\xb2\xee\xdd\xbb\x17\x14\x144h\xd0`\xc7\x8e\x1dR\xa9\x94iSf\xb1X$\x12I||\xfc\xe9\xd3\xa71\x94\x06\xa0\x15$\x006\x01\x1cO\x9dN\xf7\xe4\xc9\x93\xa8\xa8(\x07\x8d\xffX,\x16\x1f\x1f\x9f\xd5\xabW\xef\xdf\xbf\xdf\xcf\xcfo\xce\x9c9Z\xad\x96\xeeA\xfd7Pj\xd2\xa4I\x13&gt;\x9f_XX\x88\xd9,\n\x04\x96\xeb\xdc\xb9s\x01\x01\x01B\xa1\x90FCf\xb1X\xbc\xbc\xbc\xaa\xaa\xaa\x86\x0f\x1f&gt;s\xe6L\xbd^\x9f\x90\x90\x90\x9a\x9a\x9a\x98\x98\xa8R\xa90F\x16\\\x86\x87\x87_\xbat\tsX\xdf\xc89@\x02`\x13\xe0}{\xf2\xe4\x89@ h\xd6\xac\x19Cj0\xde\x08\x82 \xbc\xbc\xbc\xae\\\xb92w\xee\\\x0c\xc3\xe6\xcd\x9b\xd7\xa0A\x03\xb5Z\x8d1\xd2\x9a\xbc\x00\x8e\xe3\x12\x89\xa4I\x93&amp;EEE\x98\xcd\x06\x0cs\x9a\x9b\x9b\xdb\xbe}{\xba\n@\xc1\xbb\xf7\xf5\xf5\xbdt\xe9R\xe7\xce\x9dw\xef\xde\x8da\xd8\xa4I\x93\x8e\x1e=Z\xbf~\xfd\x8a\x8a\n\x06\x06\xd9!\r\xd0\xbe}\xfb\x92\x92\x12\xda\xe3f.\x0ez\xf46\x01l\xc1\xed\xdb\xb7\xdd\xdd\xdd\xe5r\xb9\xc3\xf5\x80\xa3(\x8a\xcb\xe5\x1a\x0c\x86I\x93&amp;i\xb5\xda\x9e={N\x980\xa1\xa2\xa2\x82\xf9\xa6\x1f\x00\xb3\xd8\xb0a\xc3\x1b7n`6\x13\x000dw\xef\xde\x8d\x8a\x8a\xc2q\xdc\xfe\x86\x0c\xbe&amp;\x8e\xe3K\x96,IJJ\xbay\xf3\xa6D"\xd9\xb4i\xd3\xea\xd5\xab)\x8a2\x18\x0c\xcc,\xb4g\xb1X\x06\x83!00\xd0b\xb1&lt;|\xf8\x10\xa5\x01h\x04\t\x80\r\xb9}\xfbv\xfd\xfa\xf5\x19R\x1c\xf2F\x10\x04!\x91H\xbe\xfa\xea\xab\xec\xec\xec\xfa\xf5\xeb\xafZ\xb5\xcab\xb1@\x8e\x91\xee\xa1\xd5\x08\xf0\xc7\x9b6m\xfa\xf8\xf1c\xcc6A\x060\xbe\x1a\x8dF\xadV\x07\x06\x06\xd2\xb2\xc9\xa3(\xca\xcd\xcd\xed\xfe\xfd\xfb_~\xf9\xa5\xc1`\x88\x8d\x8d=s\xe6\xccG\x1f}TQQ\x01\xfd\xe9\xec&lt;\x9e\x1a\x02\xa2%\x97\xcb===o\xdd\xba\x859\xc2\x9e\xd2YA\x02`\x13`A\xdf\xbbw\xcf\xcf\xcf\xcf\xe1\x04\x00\xc7qoo\xef]\xbbv\xad[\xb7\x8e\xc3\xe1\xacX\xb1\xa2~\xfd\xfaPG\xe8@\x9e\x1a\x8b\xc5j\xd4\xa8\xd1\xa3G\x8f0\x9b\t\x00\x86a\x85\x85\x85b\xb1\xb8N\x9d:\x16\x8b\xc5\xfe\x02\x00y\xa6\xe8\xe8\xe8\x1f~\xf8a\xd8\xb0a\xa7O\x9f\x0e\x0b\x0b\xab\xa8\xa8\xe0r\xb9\x0c\xdfqB\x01U```NN\x0e\x86\x04\x80&gt;P\xd3Z\x9b\x00\xaf_IIIDD\x04\xd3j0\xfe\x1d\x92$\xdd\xdd\xdd\xef\xde\xbd;c\xc6\x0c\x8a\xa2\xa6O\x9f\x9e\x9c\x9c\\VV\xe6\xe6\xe6\x06\x87K\xe9\x1e`\x8d\x80\xabh\xfd\xfd\xfd\r\x06\x83N\xa7sww\xaf\xf5Y\x00\x9bUZZ*\x14\nE"\x91R\xa9\xa4\xc5\xe3\x86[\x10&gt;\xf9\xe4\x13.\x97k6\x9b\xb5Z\xadCt\xa2\x86\xe9\x90\xcb\xe5O\x9f&gt;\xa5{,.\r\xda\x01\xd8\x04\xb05\xf7\xef\xdf\x0f\x0c\x0c\xa4{,o\x0c\x97\xcb\xfd\xe4\x93O\x9e={\xd6\xa6M\x9bo\xbe\xf9F\xa5R16\x98\xf0:\xe0&lt;p\xe3\xc6\x8d5\x1aMUU\x95\xedv\x00\x19\x19\x19\xa1\xa1\xa1\xb4\xb7\x002\x9b\xcd:\x9d\x0e\xc7qG\x99)xb\xb1\xb1\xb1\x90\xa4Ay`\xba@\xcf\xdd\x86\xf0\xf9|\xe6\x9c\xc0\xac\t\x10\xfcY\xb2d\xc9\xe9\xd3\xa7e2\x19\x84\x80\x1c\xb4\x8b\x11dh\xd9l6\x8f\xc7\xb3\xdd_\x81-\x11\xed\xcf\x87\xc5b\xb1\xd9l\xda\x87\xf1F\xc0\x98\x99\xd0\x9d\xc2\x95A\x02P\xfb\xc0\xf6\xb6\xb2\xb2R\xa1P\x84\x87\x87;\x8a\x06@\xe9djj\xea\xa2E\x8b0\x0c\xfb\xf1\xc7\x1f\xc3\xc3\xc3\xb5Z\xad#zg\x10\x02\n\x08\x08\xf0\xf4\xf4\xbc~\xfd:f\x83(3\xcciee\xa5\xb7\xb7w\xed\xfefW\x00\xf2\xc0\x12\x89\xc4l6\xd3\x92&gt;A\x00\x8e\xf7n;\x04`\x80L&amp;\x93T*u\x88\x1aP\x8a\xa2\x04\x02\x81R\xa9\x9c4i\x92\xd1h\x1c9r\xe4\xd8\xb1c\x15\n\x85M\xddg\x9b\x02\xc9\x0c&gt;\x9f\xafT*1\x9b\t@AAAtt\xb4c\xa5y\x98\x00\x9c\xd6\x0e\r\rU*\x95*\x95\x8a\xf6\x18\x9a\xcb\xe2\x00\xf9"\x07\x85\xc5b\x81\x9b\xe3\x10\xa6\x81$I\x0f\x0f\x8f\xc9\x93\'\x17\x17\x17\x87\x84\x84,]\xbaT\xa3\xd18\xa2\xef_\x1d\x92$\xe1@\x83\xed\xfe\x04\x87\xc3AA\x8c\xb7\x06nLr\x88\x17\xc4Yq\xec7\x9c\xf98\xc4\xe2\x86\x96\x0f\x1b7n\x84\xf6ak\xd7\xae\xf5\xf2\xf22\x9b\xcd\x0e1\xf8\xff\xc4\xd6\xf7\x018\xc7S\xa2\x05\xf4\xe8h\x07\t\x80\xabC\x10\x84\xa7\xa7g^^\xde\x97_~\x89a\xd8\xbcy\xf3\xda\xb7o\xafV\xab\x1d\xa2\x9a\x10\x81@\xbc\x0bH\x00\\\x1a8\x8fC\x10\xc4\xa4I\x93*++{\xf6\xec\xf9\xd9g\x9f)\x14\nd\xfd\x11\x08W\x00\xbd\xe7\xb6\x85\xe1\xa9-\x82 \xe4r\xf9g\x9f}v\xf9\xf2\xe5z\xf5\xea\xad^\xbd\xdad2\xd1=\xa8Z\x03\x1e\xbeM\xe3\x0c(\x04\xf4.\xa0GG;h\x07`+H\x92$I\x92\xc7\xe31V\x03p\x1c\x97\xc9d\x87\x0e\x1dZ\xbe|y\xf5\x96\x0f\x8e\x9e\xfb\x05`s\xc3b\xb1,\x16\x8b\xed\xfe\n\x8f\xc7\xb3\xe9\xefwb`jP\x12\x98^\x9c\xe1Ug\x1aP\xd3\xe6\xe9\xe9)\x16\x8b\x1f&lt;x \x10\x08\x18\xa8\x01$I\n\x85\xc2\x7f\xfe\xf9g\xfa\xf4\xe9\x04AL\x9f&gt;\xbd_\xbf~J\xa5\xd29\x82?\x14E\xc1\x15\xf6z\xbd\xbeq\xe3\xc6\x98\r\x9cM8\x02\x16\x19\x19\x99\x91\x91\x81\xaa\x18\xdf\x14X~\xb9\xb9\xb9r\xb9\xdc\xdb\xdb\xdbA\x0f\x1b:\x01H\x00l\x02\\\xa4\xe5\xe9\xe9\xf9\xe0\xc1\x03&gt;\x9f\xcfL\xeb \x10\x08\xa6N\x9d\xfa\xe8\xd1#\xc7m\xf9\xf0/p\xb9\\\x10\x80F\x8d\x1aa\xb6\x8c60sr\x99\x0f\xa8&amp;2\xfd\xf4\xe2\x0c\xee\x1ec\xb1X,B\xa1\x90\x81\x06\x02\x9a\xf1.]\xba\xf4\xc8\x91#\x9e\x9e\x9e\xabV\xad\xc20\x0c\x1a\'\xbc\xf2\xf3\xf0\x15\xac\x05\xef$I\xe28^\xbd\xfe\x9d\xcdf3-p\x04W\xc3c\x18f6\x9bm\xf7W\xe4ryQQ\x11\xb2bo\x87B\xa1\x90\xc9dt\x8f\xc2\xa5A\x02`\x13\xc0b\x86\x87\x87gee\r\x192\x84Q\x1a\x00W}\xa5\xa5\xa5-X\xb0@(\x14\xfe\xf1\xc7\x1f\xd1\xd1\xd18\x8e{xx\xbc\xeeG \xd5\xc9\xe7\xf3\xc1\xca\x8bD".\x97+\x97\xcb\xad\xf1"\x93\xc9\xa4\xd3\xe9\x98c\x04)\x8a\x12\n\x857n\xdc\xf0\xf6\xf6\x96\xc9d$I\xd6\xba&gt;\xc1\x97\x8d\x8c\x8cLII\xc1P&gt;\xf3\r\x81\x15u\xfd\xfa\xf5\xe6\xcd\x9bc\x18f\x8b\tB\xd4\x04$\x006\x01,\xbe\xa7\xa7\'\xdc\xc8\xca\x1c\xe0d\xacF\xa3\x992e\x8a\xc1`\x08\x08\x08\xc8\xce\xceNOO\xffO\xfb\x05\x17\xed\xc2\x95\x90G\x8f\x1eU\xab\xd5z\xbd\x1e\xfay\x91$\x19\x15\x15\xd5\xaf_?\xe6t=\xb2~M.\x97\xcb\xe3\xf1l\xd1\xc5\x1a\xbei\xfd\xfa\xf5\x8dF#\xe4N\x18%\xf3\x0c\x07\xe2?%%%\x9d;w\xa6{,.\r\x12\x00\x9b`u\x0f\xb7n\xdd\xca\xa8\xf8\x00\xf4\xfc\xb9{\xf7nnn.\x86a\xff\xfc\xf3\xcf\xf7\xdf\x7f\xff\xa6\xbf\xe4\xdc\xb9s\xe7\xce\x9d\xab\xfe/\xbdz\xf5\x1a6l\x98N\xa7cH\x16\x01l\xf1\xf5\xeb\xd7[\xb4h\x81\xd9&amp;L\x0fs\xda\xb4iS\xa3\xd1\xf8\xec\xd9\xb3\xc6\x8d\x1b\x9bL&amp;\xe6L4\xc3\x81^\xad\x0f\x1f&gt;\x0c\x0b\x0b\xc3\xd0\xfe\x89&gt;\x90\x00\xd8\x90\x80\x80\x00\x95Je\xb1X\x98\xb3\xbde\xb1X\x04Axxxt\xe9\xd2\x05\x0cV\rM6\xf45\xca\xcc\xcc4\x99L\xcd\x9a5k\xd2\xa4\t\xf4\x8a\x80sdm\xda\xb4aZ\xeb\x08p0\xfd\xfd\xfd1\x9b\t\x00I\x92\x9e\x9e\x9e\xde\xde\xdeEEE!!!\x06\x83\x81!\xfa\xc7p\xa0F\xeb\xe9\xd3\xa7:\x9d.$$\x04C\xf7\x01\xd0\x07\x12\x00\x9b\x00\x0b:44T\xadV?}\xfa\xd4\xc7\xc7\x87!=o\xa1\xf8\xda\xcf\xcf\xef\xe8\xd1\xa35\x1f\x0fDT\xd4ju\xcb\x96-\x9f&lt;y2n\xdc\xb8/\xbe\xf8B\xaf\xd7[s\x00\x16\x8b\xa5\xaa\xaa\x8a9\xaf1\x04\xa6n\xdd\xba\x95\x94\x94\x84\xd9\xcc\xc1$I\x92\xcb\xe5\xb6h\xd1\xe2\xea\xd5\xab\x03\x07\x0eD!\xa0\x1a\x02\x19\x9a\x82\x82\x02\x0f\x0f\x0f???t\x98\x8eF\x90\x00\xd8\x04\x08qz{{s8\x9c[\xb7n\xd5\xaf_\x9fQ\x0e2EQUUUo\xf4y.\x97[UU\x056\xced2\x91$Y\xfd\xf6AF\x1d\xe7\x81\xd1\x96\x97\x97\x97\x94\x94@\x08\xc8\xa6c\x8b\x8d\x8d\xdd\xb7o\x1f\xb2b5\x07\x84\xf3\xe2\xc5\x8b\x8d\x1a5\xe2r\xb9\x04A\xa0\x9d\x13]0\xc5es&gt;H\x92tssk\xd4\xa8QVV\x16\x97\xcbe\xdam\xba\xec\xb7\x02~\x16r\xbf\xd5a\x94\xed\xa3(\xca\xcd\xcd\xed\xf6\xed\xdb\x18\x86\xc1\x95\x9c6\x1a\x1e&lt;\x90\x8e\x1d;\x96\x96\x96:\xcd\x19:;\x00\xeeQ~~&gt;d\x80\xd1\xce\x89F\x90\x00\xd8\nX\xd6\t\t\tyyyt\x8f\xc5\xb5\x80Dwnnn``\xa0\xbb\xbb;4\x9d\xb7\xc5\x1fb\xb3\xd9\x14E\x05\x07\x07\x93$\x99\x99\x99\xe9\xe1\xe1\xc14\x99g \x14E\xf1\xf9\xfc\xd2\xd2\xd2\xeb\xd7\xaf\xbf\xf7\xde{\x18J\x00\xd0\nz\xf4\xb6\x02\x96\xf5{\xef\xbdWTT\xa4\xd7\xeb\xd1&amp;\xd7n\x80\xf4^\xbat\xa9]\xbbv\x98\x8d\x1dL\x82 \xf8|~bb\xe2\xe9\xd3\xa7\x19\xb8\xcfc pS\xdb\xe5\xcb\x97\xbd\xbd\xbdCBB(\x8aB\x02@#\xe8\xd1\xdb\nk%\xa8\xc1`\xb8y\xf3&amp;3\x8f\x04;%\x1c\x0eG\xa7\xd3\x15\x14\x14@\x84\xc1\xa6\xf6\x05f\xb9{\xf7\xee\'N\x9c0\x99LH\xe6\xff\x13\xc8\xd0\xec\xdf\xbf?66\x96\xcdf\x13\x04A\xf7\x88\\\x1a$\x00\xb6\x02\n.\xc5bq\xe3\xc6\x8d/_\xbe\xec\xe6\xe6\xe6\x04\xee!\x87\xc3\x81\x16\x9bt\x0f\xe4\xb5@\x85Iqq\xb1\xc9d\x8a\x8c\x8c\xc4l\x9c\x01\x06u\xe9\xd9\xb3\xa7J\xa5\xbav\xed\x9aH$b\xda,3m\xcax&lt;^ee\xe5\xf9\xf3\xe7G\x8e\x1c\x89\xa1\x13\x00t\x83\x04\xc0\x86X\xd3\x00\xc7\x8e\x1ds\x82\x85NQ\x94F\xa3!\x08\x82\xc9w\x06\x10\x04!\x14\nO\x9c8Q\xaf^=\xb1Xl\xbb\x04\x00`\x95\xf9\xc4\xc4\xc4}\xfb\xf6\t\x04\x02F\t\x00EQj\xb5\x9a \x08\x86\x14\xa1\xc1\x19\x94\xf3\xe7\xcf\x0b\x85\xc26m\xda@\xcbn\xba\x07\xe5\xd2 \x01\xb0!\xe0\x1e&amp;\'\'\xdf\xbe}\xdb\xd1\xabD`\xe7\xde\xa9S\xa7v\xed\xda5n\xdc\x98\xe1\x97\xdd_\xb8p\xa1o\xdf\xbe\x98\x1d+L&gt;\xf9\xe4\x933g\xce0*\n\x04\xe9\xd6\xae]\xbb\xb6k\xd7\xaeA\x83\x06L8\x89\x02\xabh\xcf\x9e=\x03\x07\x0e\xe4\xf3\xf9(\xfeC;\xa8\x8f\xb9m\x01\x7f0..\xee\x7f\xff\xfb_\x9f&gt;}*++\x99c \xde\x02www\x16\x8be6\x9b\x19\xe2Q\xbe\x00\x1c1U\xa9T\x9d:u:{\xf6l\x83\x06\r\xecS\x9eOQ\x94\xc5b\t\x0e\x0e^\xb4h\xd1\x80\x01\x03\x983\xcb,\x16K(\x14\xb2X,\x93\xc9D\xbb\x00\x80 \x95\x95\x95\xb5n\xdd\xfa\xfc\xf9\xf3P=\x852\xc0\xf4\x82\x9e\xbem\x81%\xde\xad[\xb7\xfd\xfb\xf7;A\xbf\xb0\xaa\xaa*\xadV\xcbL\xeb\x8fa\x18I\x92\x1e\x1e\x1e\xc7\x8f\x1f\xaf_\xbf~\x83\x06\r\xec\xd6\x85\tj\x81&amp;M\x9a\xb4a\xc3\x06F\xcd2\x9c\xf8\xd3j\xb5\xb4[\x7f\xecy\xfcg\xdb\xb6m\xb1\xb1\xb1\xc1\xc1\xc1\x04A \xebO;h\x02l\x0b,\xf1a\xc3\x86\x9d9s\xe6\xc9\x93\'\xcc\xbc\x1d\xac\xe60\xf0\xd8\xd7\x0bP\x14\xb5i\xd3\xa6\xfe\xfd\xfbc\xcf\xb7_v\x80\xc3\xe1P\x145j\xd4\xa8\xbc\xbc\xbcK\x97.yzz2\'\x13\xc0\x9c)\xe3\xf1xJ\xa5r\xc3\x86\r\xd3\xa6Ms\xe8\xb7\xc0\x99@\x02`[\xa0)Mhhh\xc3\x86\r\x8f\x1d;\x86\xce\n\xd9\x0e\xb8\x85\xad\xa0\xa0\xe0\xe9\xd3\xa7\x83\x06\r\xc20\xccnq\x18h\x0c\'\x97\xcb?\xfc\xf0\xc35k\xd6\xb8\xb9\xb9\xa1\xe8\xf6\x0b\xe08.\x91H\x0e\x1c8\xe0\xef\xef\xdf\xbd{w\x94\xfee\x08H\x00l\x0e\x04"\xc6\x8e\x1d\xfb\xc7\x1f\x7f\xa0=\xaf\xed \x08\xc2\xdd\xdd\xfd\x8f?\xfeh\xd3\xa6M\x9d:ul]\xff\xf3\x02p*x\xce\x9c9\x99\x99\x99EEE"\x91\x089\xb9\xd5\xe1p8F\xa3q\xcd\x9a5\xdf|\xf3\r\x86\xda?0\x06d\x8fl\x0e\xc4\x07\x86\x0e\x1d\xfa\xe0\xc1\x83\x8b\x17/\xa2M\x80\x8d\x80[\xe0\xf7\xee\xdd;u\xeaT\xfb\xdb\x17\xd8\x04\xd4\xa9S\xa7w\xef\xde\xd3\xa7O\x17\x89Dh\x13`\x05\xc7q\x99L\xf6\xeb\xaf\xbfR\x14\x95\x94\x94D\x92$r\xff\x19\x02\x12\x00\x9b\x03\xa6A,\x16\xf7\xef\xdf\x7f\xdd\xbau\xceq"\x8ci\xe08\xee\xe5\xe5u\xf0\xe0A\xb9\\\xde\xae];Z"\x0c\x10\xee\x9b;wnnnnzz:\xa32\x01\xf4\x02\xbd\xc4W\xadZ\xf5\xc3\x0f?`\xc8\xfdg\x12H\x00\xec\x01\xc4"\xa6M\x9bv\xf2\xe4\xc9\xfb\xf7\xef\xa3\xb6\x10\xb5\x0e4\x15X\xb9r\xe5\xc4\x89\x13Aq\xed?\x06hr\xe9\xe3\xe33\x7f\xfe\xfc\xc9\x93\'\xbb\xb9\xb9\xa1Y\xc60\xccb\xb1H\xa5\xd2\xaf\xbe\xfa*&amp;&amp;\xa6[\xb7n\xa8\xf93\xa3@\x02`\x0f\xc0&lt;5o\xde\xbcm\xdb\xb6?\xfc\xf0\x83\x87\x87\x07\x8a\x0f\xd4"\x04AH$\x92\xfd\xfb\xf7+\x95\xca\x11#F\xd0\x98`\x84\x89\x1e?~\xbcN\xa7[\xb9r\xa5\x8f\x8f\x0f\x8e\xe3\xb4\x8c\x84!\xc0\xde7\'\'g\xdb\xb6mK\x96,a\xd4\xf5\xa8\x08\x0c\x1d\x04\xb3\x1b\xb0\xf4\x0b\x0b\x0b\x13\x13\x13\xb3\xb3\xb3\x99sG\x98\x13@\x92\xa4\x97\x97WTT\xd4\xc4\x89\x13?\xf9\xe4\x13z}L8\xf9\x91\x99\x99\xd9\xa5K\x97\xbc\xbc&lt;___\x93\xc9\xe4\xb2\xc9\x7f\x92$%\x12IDD\xc4\x88\x11#\xbe\xfc\xf2K\xe4\xfe3\r\x17]\x97\xf6\xc7Z\x0f\xda\xbe}\xfbE\x8b\x16yzz\xba\xb8oX[\x10\x04!\x95J\xc1\xfd\x1f7n\x1c\xed\x87K\xd9l6\x8e\xe3\xadZ\xb5\x1a7n\xdc\xc8\x91#]9\xe7o\xb1X\xbc\xbd\xbd\x17,X \x10\x08\xbe\xfc\xf2K\x1c\xc7\x91\xf5g\x1ah\x07`?`\x13p\xeb\xd6\xad\x8e\x1d;\x9e?\x7f&gt;  \x80\xb1Gj\x1d\x08\x92$E"Q\xabV\xadf\xcc\x981z\xf4h&amp;\xf8\x98\x14E\x91$IQT\xcb\x96-G\x8c\x181g\xce\x9c\xb2\xb22&gt;\x9f\xefR\xef\x1a\xa4\xe5\xaf\\\xb9\x92\x94\x94t\xf5\xea\xd5\xc0\xc0@\xd4\xfa\x9f\x81\xa0\xf9\xb0\x1f\x10 n\xd1\xa2\xc5\xd0\xa1C\xa7N\x9d\x8a2\x01\xef\x0e\x8e\xe3\xde\xde\xde\xcb\x97/g\xb1X\x0c\xb1\xfe\xd8\xf3\x1b\x92\xb9\\nJJ\xca\xa2E\x8b\xd2\xd2\xd2d2\x99\xc5b\xa1{\\\xf6\x83$I\x81@\xa0\xd3\xe9\x06\x0e\x1c\xb8j\xd5\xaa\xe6\xcd\x9b\xd3\xbe3C\xbc\x12\xb4\x03\xb0+\xe0\x1bj4\x9a\x88\x88\x88\x8d\x1b7v\xea\xd4I\xadV3\xc1f9"\xd0Z\xd2`0DGG\xef\xdd\xbb\x17\xda\x0b3\xc7\xca\x80\x1am\xdb\xb6m\xd6\xacYyyyB\xa1\xd0b\xb10gx6\x85 \x08\x1f\x1f\x9f.]\xba\xd4\xaf_\x7f\xf3\xe6\xcd8\x8e;t+\\\'\x06\t\x80\xbd\x01\xbb\xb0u\xeb\xd6\xb9s\xe7\x16\x15\x15\x99\xcdf\xbaG\xe4\xa8\xe08.\x97\xcb\xfb\xf7\xef\xef\xee\xee\xbe}\xfbv\x86\xb8\xff\xd5\x01\xc37z\xf4\xe8\xc2\xc2\xc2+W\xae(\x14\n\xd8\x1c\xd0=.\xdbb\xb1X|}}\xbf\xf8\xe2\x8b\x83\x07\x0f\xde\xbe}\x1b\x9a\xbe9\xfd\xb7vP\x90\x00\xd0\x00\xd8\x85n\xdd\xba\xc5\xc4\xc4,Z\xb4\xa8\xac\xac\x8c\xc7\xe3\xd1=(\x07\x83 \x08//\xaf\xd4\xd4\xd4\x8f?\xfe\xb8\xa0\xa0@$\x121\xd0\xcaP\x14E\x10\x04\x97\xcb\xed\xdb\xb7/I\x92G\x8e\x1c)//wn_\xd8l6\xfb\xf9\xf9\xfd\xf4\xd3O+W\xae\xcc\xcb\xcb\xf3\xf2\xf2r\x05\xcds\\\x90\x00\xd0\x00\x94\x85\x94\x96\x96FEE\x1d;v,,,L\xab\xd52\xcd{e2\xd0\xe5\x9f\xcf\xe7\xb7l\xd9\xf2\xd7_\x7f\xed\xdd\xbb7\x03\xdd\x7f\x80\xa2(\x8a\xa2L&amp;SXX\xd8\x87\x1f~\xf8\xed\xb7\xdf:\xb1\xde\x83\xef\x7f\xea\xd4\xa9~\xfd\xfa\xa5\xa5\xa5EFF2v^\x10\x80KD$\x99\x064\x0e\xf3\xf7\xf7\xff\xe1\x87\x1f&gt;\xf8\xe0\x03h\x8d\x82\x94\xb8\xe6@\xe9\xe7\xa8Q\xa3\xda\xb4i\xd3\xbbwo&amp;\xd7\x17\x82\xf3+\x14\n\xaf]\xbb\xb6s\xe7\xceo\xbf\xfd\xd6\xd7\xd7\xd7b\xb18\xdft\x9b\xcdf__\xdf\xd3\xa7O\x0f\x192\xe4\xf4\xe9\xd3\xc8\xfa;\x04h\x07@\x1b\x10\x08\xea\xdf\xbf?\\\x92\xe7\xf4\xc1\x81\xda\x02\xdc\xcc\xb5k\xd7.^\xbc\xb8\xa0\xa0\xc0\xdd\xdd\x9d\x81\xc1\x9f\x17\x80\x1a\x18\x95J\x15\x1f\x1f?|\xf8\xf0\x05\x0b\x16TTT0\x7f\xd85\x07&amp;\xe5\xf4\xe9\xd3\x83\x07\x0f&gt;|\xf8pbb"J\xfc:\x04H\x00h\x03*\x82\x8cFcpp\xf0W_}5q\xe2D\'\x0e\x0e\xd4\x16p\xab\xd4\xad[\xb7\x12\x12\x12.^\xbc\x18\x15\x15\xe5(\xf5\x85\xe0\x0e\xabT\xaa6m\xdat\xe8\xd0a\xed\xda\xb5pQ\x97\xa3\xfb\xc8\xb0\x8c}||\xd6\xad[\xf7\xbf\xff\xfd\xef\xf0\xe1\xc3\t\t\t\xc8\xfa;\nH\x00\xe8\x04\x8cWNNNbbbZZZXX\x98J\xa5Bo\xce\xeb\x80&amp;?\x02\x81\xa0E\x8b\x16\x9f\x7f\xfe\xf9\x94)S\x1c\xcb\xd0\x80\x06\xa8\xd5\xeaN\x9d:\xd5\xabWo\xef\xde\xbd8\x8e\xeb\xf5z\x07\xfa\n/\x00)n\x89D\xf2\xfd\xf7\xdf/_\xbe\xfc\xf0\xe1\xc3\xad[\xb7v\xacIqq\x90\x00\xd0\x0c\x18\x85\xb5k\xd7.Y\xb2$==]$\x12\xb9N\xb5\xf8\x1b\x01\x9e\xa6T*\xed\xdb\xb7\xafX,\xde\xb1c\x87#\x1a\x1a\xeb~e\xe0\xc0\x81\xd9\xd9\xd9g\xce\x9ci\xdc\xb8qYY\x19\x97\xcbu\xb8p\x90\xc5b\x11\x8b\xc5\x18\x86\r\x1e&lt;\xf8\xe6\xcd\x9b\x19\x19\x19R\xa9\xd4\x11\'\xc5\x95A\x86\x86f8\x1c\x8e\xc5b\x994iR\x9f&gt;}:t\xe8 \x16\x8b\xa1k\x10\xdd\xe3b\x1c8\x8e\xfb\xf8\xf8L\x980\xe1\xe1\xc3\x87`\xfd\x1d1x\x02\x93K\x92\xe4\xde\xbd{\xc7\x8c\x19\x13\x1f\x1f\xbf{\xf7n___\x16\x8b\xe5@\xc7\xc2I\x92\xc4q\xdc\xd7\xd7\xf7\xe6\xcd\x9bQQQ\x02\x81 ++K*\x95\xc2\x86\x80\xee\xd1!\xde\x00\xb4\x03`\x04\xe07\r\x1e&lt;X\xa7\xd3\x1d=zT\xa9T2\xeaP+\xed@\x8eq\xd1\xa2E\xdb\xb6mKKK\x93H$\x0e]]\x0e\xbb\x19\x0e\x87s\xee\xdc\xb9\xe1\xc3\x87\xf7\xee\xdd{\xe9\xd2\xa5\x02\x81@\xa9T2\x7f+`\xb1XD"\x91H$Z\xbbv\xed\x82\x05\x0b\xfe\xf7\xbf\xffM\x9f&gt;\x1d\xab\xb6\xb9A8\x10H\x00\x18\x81\xd5"t\xec\xd8Q$\x12\x1d;v\x0ci\x80\x15\xb0\xfe?\xfc\xf0\xc3\x8f?\xfex\xf7\xee]\x99L\xe6\x1c\xb6\x06T_\xa5R\r\x1b6\xec\xf1\xe3\xc7\xcb\x97/\x7f\xef\xbd\xf74\x1a\x8d\xc9db\xa6\x1f\r\xd7,{{{\xdf\xbd{w\xc2\x84\teee\xbf\xff\xfe{ll,:\xeb\xeb\xb88\xfc[\xe4\x1c\x80?\x0b\x87Eo\xdd\xba\x95\x9c\x9c,\x93\xc9\xe8\xba\xd9\x8aQ\x80\xf5_\xbat\xe9\xff\xfe\xf7\xbf3g\xce\xc8d207t\x8f\xab\x16\xe0r\xb9p\xa0\xe1\xf8\xf1\xe3\x9f}\xf6\xd9\xf0\xe1\xc3\'N\x9c\xa8\xd3\xe9\xe4r9\x86a\x8c\x8a\x08\x91$I\x10\x84L&amp;\xf3\xf0\xf0X\xbatiBBBxxxnnnll,\xc4\xe2\x90\xf5wP\xd0\x0e\x80A\x80c\xab\xd1h\xa2\xa2\xa2\xc2\xc2\xc2RRRT*\x95sx\xbbo\x01EQ\x10h^\xb2d\xc9\x9c9s233\xc1\xd9t\xc4\xd0\xff\xbf`\xdd\xfc\x95\x94\x94L\x9d:\xf5\xfa\xf5\xeb\xe3\xc6\x8d\x1b7n\x9cX,\xae\xac\xac\xa4\xdd\xbc\x82\xd7/\x16\x8b9\x1c\xce\x81\x03\x07~\xf9\xe5\x17\x8a\xa2@\x030\x14\xf6q|\x90\x000\x0b\xab\x06\xb4j\xd5\xaaY\xb3fG\x8e\x1c\xd1h4f\xb3\xd9\xc9\xac\xde\x7fb\xad._\xbcx\xf1\xf7\xdf\x7f\x7f\xee\xdc9p6\x99\x19\x1byw\xac\xc2v\xe1\xc2\x85/\xbf\xfc\xd2h4\xce\x9e=\xbbg\xcf\x9e\x9e\x9e\x9e\x10\x14b\xb3\xd9\xf64\xb5\xd6.F^^^8\x8egff.Z\xb4\xe8\xee\xdd\xbb\xb3g\xcf\x1e3f\x0c\xf6&lt;~e\xb7\xf1 l\x04\x12\x00\xc6\x01\x1a@Q\xd4\x80\x01\x03t:\xdd\xae]\xbb\xa0\xb5\xba\xeb\xbco`\r\xbd\xbc\xbc\xe6\xcc\x99s\xe8\xd0\xa1s\xe7\xce\xf9\xfb\xfb;\x9f\xef\xff\x02\xd6\xad\x00\x86a\x87\x0f\x1f^\xb6lYII\xc9\x981c\x86\x0f\x1f^\xb7n]\x93\xc9\xa4\xd3\xe9 \xfce;%\x00\xbb\xcfb\xb1\x84B\xa1H$\xd2j\xb5\x7f\xfd\xf5\xd7\xb2e\xcb\x0c\x06\xc3\xd8\xb1c\'O\x9e\xcc\xe5r!,\x89\x1c\x7f\xe7\x00\t\x00\x13\x81\xbb\xc3X,\xd6\xa0A\x83\xae]\xbb\x96\x96\x96\xe6\xe7\xe7WQQ\xe1\n\xe7\x84q\x1cwwwwww\xef\xdb\xb7\xef\xad[\xb7\xae\\\xb9\xe2\xe5\xe5\xe5\xf4\xd6\xdfJu\xf3z\xf8\xf0\xe1\xe5\xcb\x97\xdf\xbf\x7f\xbf{\xf7\xee\xc3\x87\x0f\x8f\x8e\x8evss\xb3*\x01\x8b\xc5\xaa\x95\xd4\xab\xf5\xfe26\x9b-\x14\n\xdd\xdd\xdd)\x8a*,,&lt;x\xf0\xe0\xf6\xed\xdb===G\x8e\x1c9a\xc2\x04&gt;\x9f\x8fU\xdb\xa9 \x9c\x03$\x00\x0c\xc5\xea\x0f\xfe\xf2\xcb/?\xfc\xf0\xc3\x96-[z\xf4\xe8\xa1P(0\xa7v\xbe \xe5{\xef\xde\xbd\xe4\xe4\xe4\xa0\xa0\xa0={\xf6@&amp;\xdc\x89\xbf\xf2+\xa9^W\x93\x9d\x9d\xbdn\xdd\xba\xb4\xb446\x9b\xdd\xbd{\xf7\xe4\xe4\xe4\xa8\xa8(0\xd3\x06\x83\xc1h4\x82\xf9f=\x07~\xc3+\x85\x01^v\xea9\x18\x86\xb1\xd9l\x81@\x00\xfd\x94p\x1c\xbfu\xeb\xd6\xb1c\xc7\x0e\x1f&gt;\xfc\xec\xd9\xb3\x88\x88\x88\x91#G\xf6\xed\xdb\xf7\xe5!!\x9c\x06$\x00\x8c\x06\x1c\xae\xc3\x87\x0f\x7f\xfc\xf1\xc7\x1f\x7f\xfc\xf1\xf7\xdf\x7f\xaf\xd3\xe9\x0c\x06\x83\xf3\x85\x83\xc0\xbe\xc8d\xb2\xdd\xbbwO\x992e\xea\xd4\xa9\xf3\xe7\xcf\x07;\xe5j\xd6\xdf\x8a\xd5</t>
        </is>
      </c>
    </row>
    <row r="423">
      <c r="A423" s="1" t="n">
        <v>421</v>
      </c>
      <c r="B423" t="inlineStr">
        <is>
          <t>color_size_circle</t>
        </is>
      </c>
      <c r="C423" t="inlineStr">
        <is>
          <t>What is the missing color of the part denoted with a question mark?</t>
        </is>
      </c>
      <c r="D423" t="inlineStr">
        <is>
          <t>['dark yellow', 'light yellow', 'dark red', 'dark purple']</t>
        </is>
      </c>
      <c r="E423" t="inlineStr">
        <is>
          <t>dark yellow</t>
        </is>
      </c>
      <c r="F423" t="inlineStr">
        <is>
          <t>There are circles of various sizes and colors in the image. The circles are ['small', 'medium', 'large', 'extra large'] size, and their colors are ['?', 'medium yellow', 'light yellow', 'very light yellow'].</t>
        </is>
      </c>
      <c r="G423" t="inlineStr">
        <is>
          <t>We observe that the largest circle is very light yellow color, and the smaller circles change color from light yellow to medium yellow. Hence, the pattern is that the circles become darker as they become smaller.</t>
        </is>
      </c>
      <c r="H423" t="inlineStr">
        <is>
          <t>Based on the pattern that the circles become darker as they become smaller, the missing color of the smallest circle denoted with a question mark should be dark yellow.</t>
        </is>
      </c>
      <c r="I423" t="inlineStr">
        <is>
          <t>b'\x89PNG\r\n\x1a\n\x00\x00\x00\rIHDR\x00\x00\x02\x00\x00\x00\x02\x00\x08\x02\x00\x00\x00{\x1aC\xad\x00\x00\xea\x98IDATx\x9c\xec\x9dwx\x15\xc5\xfa\xc7\xdf\x99\xd9\xddSRO\x1a-\xb4\x00\xa1\x87\xde\xbb4A\xb1!6\x9a\r,W\xbd\xe8\xd5k/\\\xfb\xb5\xc0\xcfvU\x14\x04\x1b`\x17\x05i\x82\xf4\xdeC\t%\xf4\x92vr\x92\x93Sv\xa7\xfc\xfe\x98p\x8c\x80^\xf5\n\x99\x93\xec\xe7\xf1\xf1\xc9\x1eB\xd8\xec\xce\xbc\xdf\x99\xb7\r\x12B\x80\x8d\x8d\x8d\x8dM\xf5\x03W\xf6\r\xd8\xd8\xd8\xd8\xd8T\x0e\xb6\x00\xd8\xd8\xd8\xd8TSl\x01\xb0\xb1\xb1\xb1\xa9\xa6\xd8\x02`cccSM\xb1\x05\xc0\xc6\xc6\xc6\xa6\x9ab\x0b\x80\x8d\x8d\x8dM5\xc5\x16\x00\x1b\x1b\x1b\x9bj\x8a-\x006666\xd5\x14[\x00llll\xaa)\xb6\x00\xd8\xd8\xd8\xd8TSl\x01\xb0\xb1\xb1\xb1\xa9\xa6\xd8\x02`cccSM\xb1\x05\xc0\xc6\xc6\xc6\xa6\x9ab\x0b\x80\x8d\x8d\x8dM5\xc5\x16\x00\x1b\x1b\x1b\x9bj\x8a-\x006666\xd5\x14[\x00llll\xaa)\xb6\x00\xd8\xd8\xd8\xd8TSl\x01\xb0\xb1\xb1\xb1\xa9\xa6\xd8\x02`cccSM\xb1\x05\xc0\xc6\xc6\xc6\xa6\x9ab\x0b\x80\x8d\x8d\x8dM5\xc5\x16\x00\x1b\x1b\x1b\x9bj\x8a-\x006666\xd5\x14[\x00llll\xaa)\xb6\x00\xd8\xd8\xd8\xd8TSl\x01\xb0\xb1\xb1\xb1\xa9\xa6\xd8\x02`cccSM\xb1\x05\xc0\xc6\xc6\xc6\xa6\x9ab\x0b\x80\x8d\x8d\x8dM5\xc5\x16\x00\x1b\x1b\x1b\x9bj\x8a-\x006666\xd5\x14[\x00llll\xaa)\xb6\x00\xd8\xd8\xd8\xd8TSl\x01\xb0\xb1\xb1\xb1\xa9\xa6\xd8\x02`cccSM\xb1\x05\xc0\xc6\xc6\xc6\xa6\x9ab\x0b\x80\x8d\x8d\x8dM5\xc5\x16\x00\x1b\x1b\x1b\x9bj\x8a-\x006666\xd5\x14[\x00llll\xaa)\xb6\x00\xd8\xd8\xd8\xd8TSl\x01\xb0\xb1\xb1\xb1\xa9\xa6\xd8\x02`cccSM\xb1\x05\xc0\xc6\xc6\xc6\xa6\x9ab\x0b\x80\x8d\x8d\x8dM5\xc5\x16\x00\x1b\x1b\x1b\x9bj\x8aV\xd97`cs\x81\x10B\xfc\xce\xefD\x08\x9d\xd7;\xb1\xb1Q\x04[\x00l\xa2\x98\x88M\xe7\x9c\x9f\xf1\tB\xa8\xa2\x1d?\xe3\xf2\xbf\xfe\xd8\x8ajQ\xf12\xf2C0\xc6g|bc\x13u\xa0\xdf\xbf,\xb2\xb1\xa9,\xe4(\x95V^~-\rz\xc4\n\xff\x1e\xbc^/B\xffe\xc0\xcbo\xf0x&lt;\xbf\xff\xc7r\xce#\n!\xc5@\xde\x95-\x0c6\xeac\x0b\x80\x8dr\x88\n\x00\x00B\x88\x10r\xce\xefd\x8c\x95\x94\x94p\xce\xb3\xb3\xb3\x19c\x94\xd2u\xeb\xd6Y\x96\x85\x10:t\xe8\xd0\xc1\x83\x07#\x16\xdf\xef\xf7\xef\xdb\xb7\xefw\xde@\xe3\xc6\x8dccc\xe1\xb4\x1e4h\xd0\xa0~\xfd\xfaB\x08]\xd7;w\xee\xaci\x1a!\xa4e\xcb\x96\x18\xe3\xf8\xf8\xf8\xdf\xb8\xb7\x8aZ\xf5\x87\xb6 66\x17\x06[\x00l*\x1f!Ddu\x8f1&gt;{]\xcf\x18+--\xdd\xbbw\xaf\xdf\xef\xdf\xbau\xab\xcf\xe7\xdb\xbaukqq\xf1\xa9S\xa7N\x9c8!\x84(..\xbe\xc0\xf7\x9c\x98\x98\x88\x10\xaaU\xabV\x8d\x1a5\x12\x13\x13\xdb\xb4i\x93\x90\x90\xd0\xa6M\x9b\xd8\xd8\xd8&amp;M\x9a\xc4\xc5\xc5\x9d-\x0c\x9cs\xceyd\x97`\xeb\x81M\xa5c\x0b\x80M%Pq\x8d\x7f\xb6\xc5\x0f\x06\x83\x05\x05\x05\xfb\xf6\xed\xdb\xb6m[~~\xfe\xfa\xf5\xeb\x8f\x1c9r\xf2\xe4I\xaf\xd7[Y7\xfc\x87\xf0x&lt;5k\xd6\xac[\xb7n\xa7N\x9dRSS\xb3\xb2\xb2\x1a7n\x9c\x92\x92\xe2r\xb9*~[D\x0f\xec\xfd\x81Mea\x0b\x80\xcd\x05B.\xf3\x85\x10g\xbbt|&gt;_NN\xce\xd1\xa3G7m\xda\xb4n\xdd\xba]\xbbv\x15\x16\x16\x06\x02\x81\xdf\xff\xc3\xdd.\xa7\xc3\xe5\x10\x8c7iT7.!NP\x96\x98\x18\xd7\xa6MS\xc1\xb84\xab\x9aF:uh\xa5\xebD\x08\x81\xe0\xdc\xa6V\x80@\x08Y\x16[\xbfq\x07\xa5\x0c\x00\x04\x00"x\xeb\xd6=\xc5\xc5\xa5H#\xa5\xbe\xd2\xbd\xfb\x8f \x82\xc3\xc1p \x18\xfa\x03\xb7\xe7v\'\'\'7o\xde\xbcs\xe7\xce\xed\xdb\xb7OOO\xcf\xcc\xccLHH\xa8\xf8=\xd2e$\x03\x1b\xb6\x18\xd8\\\x18l\x01\xb09\x8f\xfc\x9a\xd1g\x8c\xe5\xe4\xe4\xec\xde\xbd{\xd3\xa6M\xabW\xaf\xde\xbaukAA\xc1\x7f\xfdi\x1a!q\xf1\xb1\xb5\xd2\x92j\xd4NkP;\xad~\xc3\xba\xf11\xce\xb6m\x9b\t\xca\x9a4\xaa\x17\x97\x10+\x18\xf3\xa4x\xc0\xe9\x00!\x00c\x00\x1d\xa0\xe2\xf0\xa6\xbf\xfb\xc6+f\xc7!\x00\x0b8\x07\x84 \x14\xf6\x16x\x11!\xa5&gt;\xff\xde\xfd\x87\x91F\xb6l\xd9]R\x16:\x94{\xe4\xe0\xf1\xbcS\xc7\xf3N\xe4\x15\x95\x96\xf8)c\xff\xf5\x1fHIIi\xd3\xa6M\xb7n\xdd\xda\xb7o\xdf\xacY\xb3\xcc\xcc\xcc3\x9e\x8f-\x066\x17\x00[\x00l\xfez\xa4\xd1\x07\x80\x8aF-\x10\x08\xec\xd8\xb1c\xd5\xaaU\xdb\xb6m[\xbbvmNN\x0e\xa5?[\xe4\xb3\xf3s\x12\xe2c\xeb\xd4N\xabY+\xadu\xb3\x86\r\x1b\xd5m\xdd\xa2Q\xad\xd4\xa4\x9a\xb5k\xc4\xbb\x9d$!\x0e\x10\x02\xd0\x008\x00\x03\x00\x08\x9b\xc09\x00\x12\x96%\xb8\x00\x04B\x80\x10\x1c\xa0b&amp;(\xc0\xaf\xac\xfd\x7f\xc9\x197"\x10\xc2\x08\x01\x08@\x18!]\x07\x10\x8018\x0c\x00\x00 \x00\x18\x80\x82\x10\xccWZ\x12\x08\x9d&lt;~\xeaD~\xd1\xf6\x9d\xfbs\xf7\x1f\xd9\xbe;\xf7\xe4\x89\xbcc\xc7\xf3|%\xfe\x8a?\xf1\x8c_V\xd3\xb4\xcc\xcc\xcc.]\xbadeeu\xef\xde\xbdU\xabVn\xb7;\xf2\xa7\x8c1\xf9W\xfeP\xca\x93\x8d\xcd\xef\xc1\x16\x00\x9b\xbf\x86\xc8b\xbf\xa2O\x9f1\xb6i\xd3\xa6\x95+W._\xbe|\xc3\x86\r\x87\x0f\x1f\x8e|?Bp\xc6\xd0KI\xf1\xb4l\xd6\xb0]\x9bfYYM\x1b5\xac\xdb\xbcq\xbd\xe4\xa4\x04\x1c\x1f\x0b\x08\x03 \x00\x06\x94\x82E\x81qN\x99\x00\x99#T\xee:\x8f\xb8\xd0\xcf\xf7zY\xce\x17!"_\x08\x00\x81\x10B\x80\xb0F\x80`\xd05\xd04\x00\x02 @p^\xe2/,\xf2\xed\xdawx\x7f\xee\x91m\xdb\xf6l\xde\xba;{wnA\xc1/\x82\x19g&lt;\x8az\xf5\xeau\xec\xd8\xb1W\xaf^=z\xf4h\xdf\xbe}DD#1\x03{[`\xf3Wa\x0b\x80\xcd\xffD\xc4\xeek\xda\xcfn\x93\xa3G\x8f\xae[\xb7\xee\xbb\xef\xbe[\xbbv\xed\xce\x9d;#\x9f\x9f\xb1\xf2MJJh\xdd\xa2q\xbb6M\xdb\xb4i\xda\xa2Y\xe3\xccF\xe9\x89iI\xa09\x00\x04\x08\x06a\x13(\xe3\x94\xf1\x9f\x93)!b\xee/\xe0\xaf\xf8{\x89HBD\x1e0BX#\xa0\x11p\x18\x80\x08\x00\x02\x1a.\xce+\xca\xd9\x7ft\xe7\xee}[\xb7\xee\xd9\xbcu\xcf\xf6\x9d\xfb\x8a\x8a|\x91\x1fr\xc6#j\xd1\xa2E\x97.].\xbd\xf4\xd2\xce\x9d;\xa7\xa7\xa7G&gt;\xa7\x94\xdaJ`\xf3\xbfc\x0b\x80\xcd\x9f\xe1l\xbb/\x17\xfb?\xfd\xf4\xd3\x0f?\xfc\xb0~\xfd\xfa\x92\x92\x12\xf9\xf9\x19\x16\xad^\xddZ\x1d\xda\xb7\xe8\xdd\xb3}\xbb\xac\xa6\xad\x9b5L\xaaS\x03\x88\x01 \x80Q\x08\x9b\xdc\xa22\x1f\x14!\x841R\xd5\xd4\xff\x01\xa4(\xc8Z1\x00\xc0\x18c]\x03\x87\x01D\x03@\xc0\xcc\xa2c\xa7\xb6\xef\xce\xdd\xbcm\xcf\xb2\x15\x9b6n\xday\xf8\xc8\x89\xc8\xdf\xad\xf8\xe8\xe2\xe3\xe3;u\xeat\xf1\xc5\x17\xf7\xe9\xd3\xa7\xe2\xb6\xc0V\x02\x9b\xff\x05[\x00l\xfe\x00\xe7\xb4\xfbk\xd7\xae\xfd\xea\xab\xaf\xe6\xce\x9d[q\xb1_\x91z\xf5jul\xdf\xa2W\x8f\xf6=\xbad\xb5l\xde\xc8\x9d\xe2\x01  (\x84Ln\x9a\x9c\x0b\x00@\x18\xe1\xea\x91\n)\x84\xe0B\x08.\xf5\x00a\xc3\x00\xa7\x01H\x03`\x81\x02o\xf6\xae\xfd+\xd7n[\xber\xd3\x86M;\x0f\x1f&gt;q\xce\x9f\xd0\xa2E\x8b\xa1C\x87^y\xe5\x95]\xbat\xb1\x95\xc0\xe6\x7f\xc1\x16\x00\x9b\xdf\x85t@\xff\xb6\xdd\xff\xc5\x8a5.\xa6S\xc7V\x17\x0f\xe8\xd6\xa7w\xc7\x96M\x1b\xbaS\x93\x00\x080\x0bBaf\xd1\xd3).\xd5\xc2\xe2\xff6B\x94\xef\x0f\x10BD\xd7\xc0\xe9\x00\xa2\x03\xb0@~Q\xf6\x9e\xdc\x9f\x96m\xf8a\xd1\xea\xf5\x1bv\x94\x94\x96\xc9\xef\xaf\xf8\x90\x7fM\t\xceYLgcs6\xb6\x00\xd8\xfc\x16r\xc9\x1fYW\xfeW\xbb\xdf\xa2yF\x97NY\x97\x0e\xe9\xdd\xb9C\x8b\xf4F\xf5\x00k\xc0-\x08\x9e6\xfa\xd5f\x99\xff\xe7\x88l\x0e\xca\xc5\xc0\xe5\x00\xac\x03\xa7G\xf7\x1f^\xb7q\xe7w\xf3\x96\xad]\xbfm\xe7\xae\x03\xf2\x9b\x7f[\t\xcexq66\xe7\xc4\x16\x00\x9bs#\xb3\x0f#\xeb\xca\x9d;w\xce\x9d;\xf7\xc3\x0f?\xdc\xb6m\x9b\xfc\x04c\x1c\xe9\xc1\xd9\xa2y\xc6\xd0\x8b{]9\xec\xa2.\x1d[\x92\xb88\x00\x01\xe10\x0f\x859\xb7\x8d\xfe\x9f$"\x06\x18#\xect\x80\xc3\x01\x80Xi\xe9\xda\r\xd9_\xcd\xf9q\xee\x0f\xcb#JP\xf1Edee\x8d\x1e=z\xe8\xd0\xa1-Z\xb4\x90\x9f\x9c\xf1\x1eml*b\x0b\x80\xcd/8c\xe5XRR\xf2\xcd7\xdf|\xf8\xe1\x87K\x96,\x91i\xfb\x15\xcdM\xf7\xaem\xae\xbc\xbc\x7f\x9f\x9e\xed\xdbg5%\xf1\x89\xc0M(\x0b\x96\xe7\xadc\x8cm\xa3\xff\x17\xc1\x85\x10\x9c\x83\xb4\xe31.\xc0\x06+)\xde\xb4m\xcfO+6}\xf5\xcd\xe2Uk\xb6\xcao\x8b\xbc\x1aM\xd3\xfa\xf5\xeb7z\xf4\xe8\xcb/\xbf&lt;&gt;&gt;\x1e\xec\r\x81\xcd\xaf`\x0b\x80M92\xba\x1bY*\xaeZ\xb5\xea\x83\x0f&gt;\x987o\xde\xd1\xa3G\xe1\xec\xf5\xfe\xe0^W^vQ\xf7\x1e\xed\xc0p\x02\xb3 \x18\xa4\x16C\x18a\x8cm\x03s\xfe\x10\xf25q\xa1\xe9\x04\\. :\x98\xa1U+7\x7f\xf5\xed\x8fs\xe7\x9fcO\x90\x9e\x9e&gt;d\xc8\x90\x1bo\xbc\xb1{\xf7\xee\xf2\x8f\x18cvM\x99M\x04[\x00l~\xe1%\x88,\xf9\x17.\\(\xff\x14a,\x97\x9f\xe9uj\x0c\x19\xdc\xf3\xc6\xd1\x97w\xee\xd0B\x8b\x8b\x07n\t\x7f\x801\x8e1*\xaf\x95\xb5\xb9P\xc8:g\xce\x05!\x18\xc5\xba\x01\xeb\xb4\xb4d\xdd\xc6\x9d\x1f|\xf8\xcd\xbc\xf9+\x8e\x1e;\x05\x15^\x1c\x00\x0c\x1c8\xb0\xe2\x86\xc0\xf6\x0b\xd9Hl\x01\xa8\xbe\x9c\xe1\x16\xd8\xbd{\xf7\xacY\xb3\xde{\xef=\xb9\xe4\xd74"\x1b\xa29\x1c\xc6\xe0\x81\xdd\xaf\xber\xc0\x15\x97\xf4\x8b\xab\x91\x02\x9cBY\x90R\x86\x10"\xc4^HV&gt;\x8c\xc9\xc4\\\xe9\x1d\xd2JO\x15|\xfd\xfd\x92\xcf\xbfZ4\x7f\xe1\xaap\xd8\x84\n\xaf2==\xfd\xd6[o\xbd\xf6\xdak\x9b5k\x06\xb6_\xc8\xc6\x16\x80\xea\x89\x9c\xf9\x91\x05\xe0\xc2\x85\x0b?\xfa\xe8\xa3Y\xb3f\x85\xc3a\xa8\xe0@h\xd6\xb4\xc1u#\x86\\{\xcd\xc5\xcdZe\x02\xc2\x10(c\xa6\x05\x800\xb1\xfd&lt;\xca!\x008\xe3\x00\x82\x18:\xb8c@\xf0\xdd;rf\xcd\xfea\xe6g\xf3v\xef9\x08\x15^\xab\xc3\xe1\xb8\xf6\xdakG\x8d\x1a5p\xe0@\xf9w\x19c\xb6\x0cTOl\x01\xa8^T4\xfd\xa6i\xfe\xf0\xc3\x0fo\xbc\xf1\x86\xf4\xf6\x10\x8cYy\xa4\x11_\xd4\xb7\xcb]w^7\xb8_W\x87\xc7\x03V\x98\x97\x05\x84}\x86I\x94 _1\x02\xc01n\xd0\x1da\xafw\xfe\x925o\xbc5\xf3\xc7\xa5k\x19\xe3P\xe1E\x0f\x1c8\xf0\xae\xbb\xee\xba\xf8\xe2\x8b\r\xc3\x00[\x06\xaa%\xb6\x00T\x17\xce0\xfd\x1f\x7f\xfc\xf1\xab\xaf\xbe\xbac\xc7\x0e\x00\xd04Mf\xf8\xd4HK\x1a=\xea\xb2\xd1\xd7\r\xcdj\xd7\x024\r\xfce\xcc\xa22\xb4[\xc9wo\xf3\xc7\x91\xe1b\xa2k\x10\x1b\x03\x94n\xdb\xbc\xf3\xc3\x99s?\xfc\xe8\xdbSyEP\xe1\xa5\xb7j\xd5\xea\xbe\xfb\xee\x1b9r\xa4-\x03\xd5\x10[\x00\xaa&gt;\xbf\xc7\xf4\xb7j\xd1x\xec\xe8\xcbG_?\xb4F\xfd\xfa@\x83\xa2,\xc8\x85\xc0\x98\xd8v \xda\x11\x028g\x18!\x14\xe3\x02\xcdu\xea\xd0\xa1\x0f?\x9d;\xfd\xc3ov\xec\xdc\x07\xb6\x0cT{l\x01\xa8\xca\xfc\x86\xe9\xd7u\xcd\xb2(\x00\x0c\x1c\xd0m\xf4\r\x97^{\xe5 #1\x11\x82~\x1a\n\xdb\x8d\x04\xaa$\xe5\xcd&lt;\x9c\x0ep\xc5\x9a\xc5\xc5\xb3\xbeZ\xf0\xe1\'\xdf-\\\xb4\x1a*\x0c\x06[\x06\xaa\x1b\xb6\x00TY\x18c\xe74\xfd\x91`\xe0\xc0\xfe\xdd\x1e\xb8\xef\xc6\x81\x83{\x00\xd1\xc1\xef\xa7\x96E\x08\xb1g{\xd5F\x08\xc1\x18\xd3t\x1dbc\x81Y\x0b\xe7\xaf|\xe9\xd5\x0f\x16.^\r\x15\x06\xc6\xd92`\'\x8cVUl\x01\xa8\x82D\x8a}\xce2\xfd\x84s\xe60\xf4k\xaf\xbex\xd4\r\x97\x0e\xbc\xb8\x07\x10\xc2}\xa5\x82\x0bLloO5B\x08\xe0\x8c!\x8cpB\x1c0\xb6\xf0\x87\x95\x1f}\xf2\xdd\xac\xcf\x7f\x08\x9b\x96\x1c$\xf0K\x198\xa3H\xd0\xa6\xca`\x0b@\x95\xa2\xe2D\x9d9s\xe6\xb3\xcf&gt;{\xda\xe1\xa3[\x96e\xe8\xda\xa8\xeb/\xbd\xf7\x9e\xd1\xad:\xb4\x02\xc1D\x89\x9f\xdb\xb3\xbaz\xc3\x18\xc3\x08\xa1\xf8X@d\xc7\xc6\x1d\x93^\xfb\xf0\xa3O\xbf3-*\x07\x0c\x00\xb4j\xd5\xea\xd1G\x1f\xbd\xee\xba\xeb\xc0\xae"\xae\x8a\xd8\x02PE\xa8\xe8\xee_\xbcx\xf1\x8b/\xbe(\x93;#3\xf9\xfa\x11\x17?\xf2\xf0m\xad\xda\xb5\x00\xcbd\xfe\x00\xd8e\\6\xa7a\x8c\x83\x10$\xd6\r\xba\xb1c\xf3\xce\xe7\x9e\x7f\xe7\xd3\xcf~\x80\n\x83g\xe0\xc0\x81\x0f&gt;\xf8`\xff\xfe\xfd\xc1\x0e\x0cT-l\x01\xa8\nD\xbc\xb4;v\xec\x984i\xd2\xd4\xa9S\xa1\xe2\xec\x95\xbe\xfe!\xbd\x80qVZf\xa7u\xda\x9c\x93\xf2\xb4\xd1\xb8\x18 x\xe1\xbc\xe5\x91\xd8@d \xdd|\xf3\xcd\xf7\xde{o\xabV\xad\xc0\x0e\x0cT\x15l\x01\x88nd\xd4\x0ec\xec\xf3\xf9^~\xf9\xe5\x7f\xff\xfb\xdf\xa6iFr\xfb\xbavj\xfd\xaf\x89w\x0f\x1c\xd4\x1d\x08\xe1\xc5\xa5\x80\xc06\xfd6\xbf\r\xe7\x1c\x04\xe0\xc48`l\xe1\x82UO&lt;\xf9\xfa\x9a\xf5\xdb\xe1t\xc2\xa8a\x18\xff\xfc\xe7?\xef\xbf\xff\xfe\x84\x84\x84\xc8\xd8\xab\xec[\xb6\xf9\xf3\xd8\x02\x10\xadT\xf4\xf9\xcc\x9c9\xf3\xc9\'\x9f\xcc\xc9\xc9!\x84\xc8&gt;_\xadZ4\xba\xef\x9e1\xa3n\xb8T\x8f\x8b\xe1\xbe\x12;\x82g\xf3\x87(w\xf7\'\xc4[\xa5e\x1f}\xf2\xdd\xab\xaf\xcd\xd8\xb1s?\x00\xc8\x01\x96\x99\x999q\xe2\xc4H`\xc0\xf6\x08E/\xb6\x00D%\x15}&gt;\xff\xfc\xe7?\xe7\xcd\x9b\x07\xa7\xb7\xeai)\x9e\xbb\xef\x1a\xf9\xcf\xfbn4\xe2\xe2\xa1\xb4\xc4\xde\xaa\xdb\xfci\xca\x07O\\\xbcYZ\xf2\xefW?x\xfd\x8d\x8f\xf3\n\xbc\x11\x8f\xd0\x90!C\xfe\xfd\xef\x7f\xdb\x1e\xa1\xa8\xc6\x16\x80(#\xb2\xf0\xaf\xe8\xf3\xf9\xd9K;\xe6\xf2\xa7\x9f\xbc\xabvF\x03\xf0\xfb\x98\xc5\xb0F\xec\x85\x99\xcd\xff\x82\x00\xe0\x94\x11\x9d@l\xc2\xf1\x03\x07\x1f\x9f\xf8\xc6\xd4\x19\xdf@$\xaf\xac\x82G\xc8\xde\nD#\xb6\x00D\x13\x94Ry,\xfb\xbcy\xf3&amp;L\x98P\xd1\xe7\xd3\xa5S\xabg\x9f\x9e\xd0\x7fpo\x08\x05h0D\x88f\xcfD\x9b\xbf\n!\x801\xaa\xb9\x9c\xe0t/\x9e\xbf\xec\xd1\xc7\'\xaf]\xbf\x03*x\x84&amp;O\x9e&lt;d\xc8\x10\xa80Dm\xa2\x02[\x00\xa2\x83\xc8\xc2\xff\xf8\xf1\xe3\xff\xf8\xc7?f\xce\x9c\t\x15|&gt;\x8f=r\xdb\xed\xe3\xaf\xd5c\x9c\xd4[B\x88\xbd\n\xb39/\x08!\x18\xe3\x9a\'\xde*\x0b\xbd\xfd\xee\xacg\x9e{\xa7\xa2G\xe8\xba\xeb\xae{\xe5\x95Wj\xd7\xaemo\x05\xa2\x08[\x00\xa2\x80\xc8\xaaj\xe6\xcc\x99\xff\xf8\xc7?\x8e\x1f?n\x18\xbaiV\xf4\xf9\xd4\xb7\xdd\xfd6\x17\x86H`\xe0\xf8\x81C\x11\x8f\x90\x1c\x90\xb5k\xd7~\xe5\x95Wdp\xd8\xde\nD\x05\xb6\x00(\xcd9\x17\xfe2!/\xb3q\xbd\xd7^}x\xf0\xb0\x01\x10*c\xc1\xb0\xdd\xcb\xc1\xe6\x82!;I\x10\x97\x03\x9c1\xf3\xe7,\xba\xe7\xbe\xe7s\xf6\x1d\x8e$\x1f\xdb[\x81(\xc2\x16\x00u\x89\xac\xe8+,\xfc\r\xd34u\x8d&lt;x\xff-\xf7\xdf76!5\x99z}\xb6\xcf\xc7\xa6R8\xed\x11J\xf0\xe5\x17\xbe\xfc\xea\xf4\x17_~\xdf\xa2L\x0e\xd1\x8a[\x01{c\xaa2\xb6\x00\xa8Hy\xcbFM+,,\xbc\xeb\xae\xbb*.\xfc\xbbtl\xf5\x7f\x93\x1e\xee\xd2\xb3\x0b\x94\x950\xd3"\x9a=\xb5l*\x13F\x191t\x88\x89_\xbbb\xed\xdf\xef}~\xed\x86\x1d\x15\xb7\x02o\xbc\xf1Frr2\xa5\xd4n4\xab&amp;\xb6\x00(\x87&lt;\xa7\x1b\x00\xe6\xcf\x9f\x7f\xcf=\xf7\xe4\xe4\xe4\xc8U\x95F\xf0c\x0f\x8d\x7f\xf4\x91\xf1\x9a\xd3A}\xa5\xf6\x8c\xb2Q\x84\xf2\xf5JB\x1c\r\x85\x9f}\xee\xddg^x\x972.\x07mff\xe6k\xaf\xbd6x\xf0`\xa80\xb0m\xd4\xc1\x16\x00\xb5\x90\xa13J\xe9\x03\x0f&lt;0y\xf2d8\x1d^;\xbd\xf0\xef\x0c\xa5&gt;{Om\xa3 \xa7\x83\xc3\tkW\xac\x93[\x81H\xaa\xc2\x84\t\x13^z\xe9%9\xb0\xed\xc8\xb0R\xd8\x02\xa0\n\x11\xb7\xcf\xde\xbd{o\xba\xe9\xa6\x95+W\xfe&lt;\x7f\xee\x1a\xf9\xd2\x8b\xf7k\x0e\x83\x96\xd8\x0b\x7f\x1bu)\x1f\xc3\xf1q4l&gt;\xf0\xe0\xcb\x93\xdf\xf8\x18N\xaf`z\xf4\xe81m\xda\xb4&amp;M\x9a\xd8\xee \xa5\xb0\x05@\t"\xbb\xe3\xd9\xb3g\xdfy\xe7\x9d\x85\x85\x85\x0e\x87#\x1c\x0e\xd7\xaa\x91&lt;m\xca\xd3\x83\x87\r\xb0\xb3&lt;m\xa2\x85H\x9e\xe8\xfc9\x8bn\x1a\xf7\xf8\x89S\xe5\x83999\xf9\xad\xb7\xde\xba\xe6\x9ak\xc0v\x07)\x83\xfd\x0e*\x1fJ)\xc6\x98Rz\xef\xbd\xf7^{\xed\xb5\x85\x85\x85D#\xe1p\xf8\x9a\xab\x06n\\\xfb\xd9\xe0a\x17Q\xaf\xd7\xee\xe6f\x13-\x10B\x84\x10\xd4\xeb\x1d&lt;\xec\xa2\x8dk?\xbb\xe6\xaa\x81\xe1p\x98h\xa4\xb0\xb0\xf0\xdak\xaf\xbd\xf7\xde{#\x03\xbe\xb2\xef\xd4\xc6\xde\x01T6\xd2+Z\xc1\xedS\x1e\xef}\xe9\xb9\xfb&amp;\xdc\x7f3X\x16\x0b\x84\xecT\x1f\x9bh\x84QF\xdcN\xd0\xf5\xc9/O}\xe0\x91W#\x91\xe1\x8a\xee ;$P\xb9\xd8\x02PiD\x8a\xbc"n\x1f\xa7\xd3\x11\n\x85\x9b4\xaa;m\xca3=\xfaug&gt;/\xb2\xfb\xad\xdbD3\x9cs\x01@\x12&lt;+\x97\xac\xbai\xdcc{\xf7\x1f\x91\x83&lt;\xe2\x0e\xb2\x8b\xc5*\x17\xdb\xb8T\x0e\xb2\xdf:!d\xe2\xc4\x89\xe5n\x1fBB\xa1\xf05W\r\\\xbd\xfc\x93\x1e};So!\xc1\xd8\xb6\xfe6Q\r\xc6\x98`L\xbd\x85=\xfav^\xbd\xfc\x93k\xae\x1a\x18\n\x85\t)w\x07M\x9c8Q\x06\x84eCC\x9b\x0b\x8f\xbd\x03\xa8\x04\xe4\xce\xd7\xeb\xf5\xde~\xfb\xed\xb3g\xcf\x96\xed\xb44B^z\xee\xde\t\xf7\xdf\x0ca\x93\x85\xc2\xb6\xdb\xc7\xa6*\xc1(#N\x078\x8c\xc9/O}\xe0\x91I\x9419\xec\xaf\xb9\xe6\x9a\xb7\xdf~\xdb\xe3\xf1\xd8\xee\xa0J\xc1\x16\x80\x0b\x8d\xcc\x91\xd8\xbbw\xef\xc8\x91#\xd7\xaf_\xeft:C\xa1P\xad\x1a\xc9\x9f}\xfaJ\x8f~=\x98\xcf\x8b\x01\x90\xbd\xf0\xb7\xa9r\x08\xcey\xb9;h\xe5\x88\xeb\xffq\xe2T\xa1\x1c\xfc\x9d:u\xfa\xf8\xe3\x8f\x9b4ib\xe7\xb9]xl\x01\xb8\xa0\xc8e\xce\xca\x95+/\xbb\xec\xb2\xa2\xa2"\x99\x1e\xd7\xa3k\x9b\xcff\xbeZ\xab^-Z\\b/\x82l\xaa6\x94R-1\xfe\xc4\xe1\x13#\xae\xbbo\xe5\x9a\xadr\n$%%}\xfb\xed\xb7=z\xf4\xb0\xf7\x01\x17\x18{\xa5y\x81\x88\xd4yM\x992\xa5o\xdf\xbeEEE\xba\xa1\x87\xc3\xe1\xdbn\x19\xbe\xf4\xc7\x19\xb5j\xa4\xb0\xe2R{\xe8\xdbTy4Mc\xc5\xa5\xb5j\xa4,\xfdq\xc6m\xb7\x0c\x0f\x87\xc3\xba\xa1\x17\x15\x15\xf5\xed\xdbw\xca\x94)\x9a\xa61\xc6\xecU\xe9\x05\xc3\xde\x01\\\x08"e/\xf7\xde{\xef\xe4\xc9\x93\t!\x8cs\x10\xe2\xed\xd7\x1e\xbd\xed\xee1\xa2\xd4/8\xb3\xe3\xbd\x7f\tr&lt;s!@\xfc|)\xff\x04\x00a\xfc\xdf\xb3M8\x17\xf2\x9b\xe5ey\x82\n\x02\x8c\xd0\xcf\x976\xff\x1b\x9cs\x84\t\x8a\x8b}\xe7\xf5\x19\xb7\xdf\xf3, D0f\x8cM\x980a\xd2\xa4I`W\x8a](l\x018\xef\xc8\xa1L)\xbd\xf3\xce;\xa7L\x99"S\xa1=\tq\x9f~\xf4\xef\xc1\x97^\xc4|&gt;\x8c\x90mV\xfe(B\x08!@\xfe\x0f\x84@\x08!@\x08#\xa4\xeb\x00\x02\x1c\x06\x94\x9b\x0fr\xda\x94#\x00\x0e\xdc\xfa\xef?\x1a\xeb\x00\x18\xa4\x80\x80\x00`\x00\x00\x9cC\xd8\x04@\xc2\xb2\x04?\xfd/\xcb\x7f\xb4\xfc\xdf\xb6\xdf\xe0\x1fC\x08\xc1\x85 \t\t\xf3\xbf\xfb\xf1\xfaQ\xff\xf4\xfaJ\xe5\xd4\x187n\xdc[o\xbd\xa5i\x9a\xad\x01\x17\x00[\x00\xce/2\xae\xe5\xf5z\x87\r\x1b\xb6r\xe5J\x19\xf5j\x92Q\xf7\xe3\x19/v\xea\xd1\x99\x16\x15h\xba\xed\xf6\xf9\xef\x08\x00\xc1\x85DZ[\xac\xeb@08\x0c\x00\x0c@\x00(\x08\x0e!\xd3[P\x84\x08\xd9\xbb\xf7Pii\x19\xd2\xc8\xd6\xad{|\xbeR\x00\x00B\x8a\x8b\x8a\xb7\xee\xd8\x8b\xd0\xaf\x8ey\xf9GmZ5ILJ\x04\xc6\x00 !!\xaeM\x9b\xa6\x82\xb2\xb8\xb8\x98&amp;M\xea\x0b\xc6&lt;)I\xe04\x00a\x00\r\x80\x01p\x08\x9b\xc08\xb7,qZ\x14\x10B\x08\xdb\x82\xf0\xbb\xa0\x16\xd5\x92R\xd6\xaf\\7r\xcc\x83{\x0f\x1c\x91\x13\xa4G\x8f\x1es\xe6\xcc\xf1x&lt;vX\xf8|c\x0b\xc0yD\x0e\xdf\x13\'N\\~\xf9\xe5\x91\x84\x9f\xce\xed[\xcc\xfb\xfe\xdd\xa4\xb4$Z\\b[\xff\xdf\x80W\xb0\xf8\x84\x100tp\x18\x00\x1a\x00\x07j\xfa\n\xbc\xbe\xa2\x92\xfd\x87O\x1c\xcc=z\xf8x\xfe\xa1\x83G\x0e\x1e;UVR\x96\xb3\xff0B\xd8\xeb\xf5\xfd\xe5\xf7\xe3\xf1$\x08\xc13\x1b\xd5\x8b\x89\x8fiP\xa7F\xfd\x06u\xeb\xd5Nm\xd00\xbdQ\xbdZ\tI\xf1\t)\x1e\xd0\xa4\x1aQ\x08\x9b`Z\x8c\xb1\x88\x1e\xfc\x1e\xd7S\xb5\x85ZTK\x8c/\xca+\x1ar\xc9\xf8u\x9bvFR\x83\xbe\xf9\xe6\x9bZ\xb5j\xd9\x1ap^\xb1\x05\xe0|!\xf3\x19\xd6\xaf_\x7f\xf9\xe5\x97\x9f8qB\x16@\xde&lt;\xea\xb2\xc9\xaf=\x16\xe7v\xd8\r\x1e\xceF\x08\x10B\x96\x8e\x02!\x189\x8c\xd3\x16\x9f\xb1R\xff\xf1\xe3y\xbbv\x1fX\xbfe\xcf\xfe}\x87\xf6\xe7\x1e\xdd\x95s\xd0\xef\x0f\x04\x83\xa1\xca\xbekp\xb9\x9c\xb1\xb1\xee\xe6\x99\r\x1a5Lo\xd4\xb8~\xa7\xb6M\x9b7\xcb\xa8];\x8d\xc4\xc5\x96oM\xc2\xa6\x08\x9b\x8cq\x00\xc0\xd8\xde\x1d\x9c\x03\xd94\xa24\x10\x9ep\xcf3S?\xfaVN\x96Z\xb5j}\xf3\xcd7\x9d:u\xb2S\x83\xce\x1f\xb6\x00\x9c\x17"\xd6\x7f\xf0\xe0\xc1^\xaf\xb7\xdc\xb9y\xe3\x95\xefN}\x0e\x82!nZ\x98\xd8\xce\xcdr\xb8\x10\x82s!@\xd3\t8\x1c\xa0\x1b\x00\x08\xc2\xc1#\xb9\xc7v\xed9\xb0n\xf3\xaeM[\xf6\xec\xce9p\xe8\xd0\xf1@\xe0\xf7\x9a{\xb7\xcbp8u\xc1E\xad\xb4\x84\x9a\xb5&lt;\xd2\x9f\x93\x18\xef\xcejU\x17\x18\x87_3\xc0B\x00\xc1\xdbv\x1c).\t\x00\x00\x10r\xf2\x84\xf7D\x9e\x0fa\x14\x0eY\x81\xa0\xf9{\xffu\xb7\xb3~\xfd\xda\xcd23\xda\xb7m\xda\xb9]\xf3\xe6M3\xea6\xac\x03\x0e\x17\x80\x00\xcb\x84p\x98Z\x0c!@\x18\xdbR\x10\x813\x8e\r\x1d\\\xce\xf17?2\xe5\x83\xaf\xcaCe\x1e\xcf\xfc\xf9\xf3m\r8\x7f\xd8\x02\xf0\xd7\x13I\xf6\x1f6l\x98\xd7\xeb\x95\x15\x8f\x93^\xfc\xc7\x84\x7f\xdc\xcc\x02Ad\x87\xb6\xe4\xa9\xe2\x82\x0b.0F\xd8\xe9\x00\x87\x03\x80\xb0\x12\xdf\x9e\xfd\x87\xd7m\xd8\xbeu\xfb\xdeUk\xb6\xec\xc8\xde\xf7_-~B\x9c+!\xde\xd5(#-1\xd6\x95\xd5\xaanB\x8c\xb3m\xebz\x9c\xf1&amp;\r\xd3\xe2\xe2]\x82\xf1\xf88\x97\x16\xef\x02.\x00\x000\x02C\x03\xf1s\x86\xcf\xd9\xf7\x05\x08\x81I#\xdfOK\x82%\xa5ADpiIpon\x1e&amp;x\xcb\xf6\xc3\xbe\xb2\xd0\xb6\x1dG\x8a\xfd\xc1\xfd\x07\xf2|%A_i\xf0\xb7o\xd2\xedv\xb6j\xd9\xb8{\xd7\xb6mZ7\xe9\xdc\xb1u\xd3F\xf5H|\x02\x00\x83p\x98\x87\xc2\x9c\x0b\x84\x11\xb6\xb7\x05\xb2q\x10\xc6\xc4\xed\x9a\xfc\xca\xd4{\x1f|EN\x1c\x8f\xc73g\xce\x1c\xbbD\xe0&lt;a\x0b\xc0_\x8c\x1c\xa6S\xa6L\xb9\xf3\xce;\x19\xa3\x9a\xa6[\x96\xf5\xee\xeb\x8f\x8d\xbb\xebf\xe6+\xa8\xe6\t?\x02\x803.\x84\xd0t\x02n\x17`\x1d8=z\xe0\xf0\xba\r\xd9\xcbWn\x9e\xbfxuN\xce\xc1\xdfh\x0b\x93\x10\xef\xca\xcc\xa8Q7=\xa9u\xf3\xf4\xac\xcc\xda)\xa9\xf1\xcd\x1b\xd5\x88\x89q\xb8\x93b\x01!04\xe0\x02(\x03\x000i\xf9J\x9fqF\x99\\\xf2\xcb\x88\xc2\x7f\xbdI\x14yGB\x10\x8d\x00\xc1rg\x00\x86\x06\x00\xa0\x11\xc0\x08L\nB\x04\x8a\xfcee\xe1]\xfbO\x15\xe4\x97l\xcb9\xbe}\xd7\xd1#G\x8br\x0e\x9c\xf2\x95\xfc\xaa$\x10B23\x1b\x0c\xee\xdf\xadW\x8fv\x9d;\xb6L\xcf\xa8\x07X\x03nA H-\x86\x10\xc2\xa4Z\x87\x0bN\xa7\x06\xa5Lyc\xea\xf8\xbb\x9f\xd1u\x9dR\x8b\x10\xed\xad\xb7\xde\x1a7n\x9c\xad\x01\x7f9\xb6\x00\xfc\x95D\xac\xff\xf8\xf1\xe3\t\xc12\x8c\xf9\xee\x1b\x8f\x8f\xfb\xdbX\xab\xa8@\xd7\xb4_]zVi~\xb6\xfb\x1a\x81\x18\x17`\x83\x95\x14o\xda\xb6\xe7\xa7e\x1b~X\xb4z\xfd\x86\x1d%\xa5e\xf2;\x11\x82\x8a\xe3\xd1\xedv\xb4lZ\xbbe\xb3\xdamZ\xd6k\xdb2\xbde\xe3\x9a\xa95\x12\xc0i\x80\x86\x81q`\x02LK\x9ax\x99\x98\xf9s\xd6\xfe\xcf\xeb\xe9\xffIp\x85\x90\xb7_\x9e\x86\x14\xf9DjD\xb9&lt;\x18:\x10\x04\x04\x03\xe5\x102\xf3O\xf9\xb2\xf7\x9d\xdc\x92}tk\xf6\xe1\xec\xdd\xc7\xb3\xf7\x1c\x0f\x04\xc2\x91\x1fX\xf1\x17\x8c\x8f\x8b\xe9\xd4\xb1\xd5\xc5\x03\xba\xf5\xe9\xdd\xb1}VS\x12\x9f\x08\xdc\x84\xb2 \xa5\xd5[\t\x04X\x94\xeaI)S\xde\x9c&gt;\xfe\xae\xa7e\x08\x9d1\xfe\xee\xbb\xef\xda\x1a\xf0\x97c\x0b\xc0_FE\xeb_\xbe{-O\xf6\xefG\x8b}Z\xb5\xccd\xe0\x9c\x0b.H\xb9\xdd\xd7Yi\xc9\xda\r\xd9_\xcd\xf9q\xee\x0f\xcbw\xee:p\xce\xbf\x92\xe4\x89i\xdb\xb2n\xaf\xaeM\xbawl\xd4\xacq\xcdz\xf5S\xc1i\x00F`1\x08[\xdc\xa2RV\xa5]\xc7\x18Ubm\x96\x14\x03^.\x0cB\x9a*\xack\xe0\xd0A\'\xc0\x05\x84\xcc\xc3\x87\xf2w\xef;\xb9j\xc3\xfe\xe5k\xf6n\xc9&gt;R\xe4-;\xe7\x8fj\xd1&lt;c\xe8\xc5\xbd\xae\x1cvQ\x97\x8e-I\\&lt;p\x0b\xca\x82\x8c2\x84Q\xf5t\x18R\xc6\xb4\xc4\x84\xf9\xdf-\x91%\x02rB\xd9\x1a\xf0\x97c\x0b\xc0_\xc39\xad\xff\xfc\xef\xdf\xee\xd4\xa3K5L\xf6\x17B0\xc6\t\xc6\xc8\xed\x04\xddQn\xf7\xbf\xfdq\xee\xfc\x9f\xed~\xc5|\xfc\xb8Xg\xa7v\r{un\xdc\xabK\x93\xb6\xad\xea&amp;\xd7J\x04\x87\x0e\x94A\x98\xf2\xb0\xc5\xb9\xcc\xaf\x97)4\xaa/\x8b\xcbC\xda\xa7o\x18;tph\xa0\x11\x08[\x85\'\x8a\xb7\xec8\xb2|\xed\xde\xe5\xeb\xf6\xad\xdf\x9c[\xea/\x8fpT|\x14-\x9ag\x0c\x1d\xdc\xeb\xca\xcbN+\x81\x15\x16\x81\x10\xe3\x9c\x90j\xd74\xfft\x89\xc0\xda\xc1\x97\xdcnk\xc0y\xc2\x16\x80\xbf\x80_\xb7\xfe\x1d\xad\xa2"]\xd7+\xfb\x06/\x1c\xe5K~\xa7\x01\xae\x180\xc3;w\xed\xfb\xec\xf3\x05\xb3\xbf\x98\x1f\xb1\xfb\x18#\xb9d\x06\x80z\xe9\xc9\xfd{5\xbbtp\xdbNY\xf5\xebf\xa4\x81\xae\x01e\x10\xb2\x98I9\xe7\xb2\x9c*\xdac\xa3\\z\xb5\x85\xc0\x18\x13C\x03\xa7\x0e\x1a\x01\x8b\x1e9\x90\xb7~\xdb\xa1\xef\xe6oY\xbc|\xf7\xe1\xa3\x85\xf2\x9b+&gt;\x9c\x16\xcd3\xae\x19&gt;x\xc4\xd5\x83Z4o\x0c\x86\x03\x82e,dV\xb7\r\x81eYzR\xd2\xfa\x95\x1bl\r8O\xd8\x02\xf0\xbf\xf2\x1b\xd6\x9f\x16y\xab\xc9\xda_\x08\xe0\x8ca\x8cP\x8c\x0b4\xc7\xa9\x83G\xe6.Z\xf5\xe9\xcc\xb9K~ZG)\x833L[\xd3\xdaC\x06d]5\xa4m\x9b\x96ucR\xe2\x00\x00\x82\x16\x0b\x9b\x9cG\xcd2\xff\xcf\x11\xd9\x1c`\x0c\xc4a\x80K\x07\x80\xb2\x82\xd2\xad\xd9G\xbe\x9c\xb7e\xde\xa2m;\xf7\x1c\x97\xdf\x19y\\\x9aF\xfa\xf5\xe9|\xfduC\x87\x0e\xe8^\xa3A]\xa0aQ\x16\xe4\\`B\xaa\xe8C:\x13jQ-\xc9ck\xc0y\xc2\x16\x80\xff\t\xdb\xfa\x0b!8\xe3D\xd7 6\x16,k\xdb\x96]o\xbc3\xf3\xdb9KO\xe5\x15\x02\x00F\x88\x8b3\xed~\xe7v\r\xb5\xc4\x180)\x84Lj1\x00\xa8\x02+\xfd?\x8a\xdc\x19\x00\x80\xa6\x13p\x1a`h\xb4\xb8l\xdd\xe6\xdc3\x95\xe0\xf4\x03\xac\x91\x96|\xd9\xb0\xbew\xddv]V\xdb\xe6\xa0\xeb\xe0\xf73\x8b\xe2\xea\xe1\x17\xb25\xe0\xfca\x0b\xc0\x9fG\x0e\xbe\xf7\xde{o\xdc\xb8q\x86\xae\x9b\xd5\xcc\xfas\xce9\xe7\x9a\xd3\t.w\xd8[&lt;\xeb\xeb\x85\x1f}\xfc\xdd\x8fK\xd7\x9e.y\xc5\x9cs\x00H\xaf\xed\xb9\xee\x8a\xceW\x0em\xf7\xb3\xdd\x0f\x84-\x19\xde\xacvf\xff\x1cDJ"t\x8d\x80\xdb\x11Q\x82\xaf\xe6n\x9e\xf9\xf5\xba\xa3\xc7\xbdP\xe1a\x12\x82/\xea\xdbe\xd4\xc8K\xaf\xbdb\xa0\xc3\x93\x08\xc1\x00\r\x85p58:\xf4\x0c\r\x90\xd3m\xca\x94)\xb7\xdez\xab\xad\x01\xff\x0b\xb6\x00\xfcI\xe4\xb0[\xb3fM\xf7\xee\xdd\t!\x94\xd2\xeac\xfd9\xe7B\x08\x12\xe3\x06\xddu\xea\xc8\x91\xff\xbc;{\xd6\xec\x1fv\xe7\xe4B\x05\xdf\x85\xc3\xd0\x06_\xd4\xea\xe6\x1bz\xf6\xeb\xde4\xbe\x96\xe7\x17v\xdf\xee\x8cs.\xc4\xe9\x08JD\tJNx\x97\xac\xda3\xf5\x93\x15\xf3\x7f\xdc\x116)Tx\xbc\xcd2\x1b^{\xcd\xc5w\x8c\xbf\xa6F\xdd\xba`\x05YY\x00\xa1*\x1e\x1e8C\x03\xe4\xc9\x01\xabV\xad\xea\xda\xb5\xab\xad\x01\x7f\x1a[\x00\xfe\x0c\xb2A\xd5\xfa\xf5\xeb/\xbe\xf8\xe2\x92\x12\x1f\x00J\x88s\xcf\xfb\xf6?\x9dzVq\xeb_\xc1\xf4;vl\xd8:\xfd\x93\xef?\xfc\xf8\xdbSyE\x00\xa0iD\xba\xfb\x9b5\xa9u\xed\x95\x9d\xaf\xbb\xa2s\xb3\x96\xe9\x80\x10\x94\x85-\xd3\xb2\xed\xfe\xef\xe7g%0t\x88q\x80\x10\xbb\xb3\x8f\xce\xfcz\xdd\xac\xaf\xd6\xed\xde{\x02*&lt;\xea\x1aiI\xa3G^6\xf6\x86KZul\x03V\xb8\xca\xcb@\xb9\x06\xac\xd80\xe4\xb2;|\xa5\x01\x00\x11\x1f\x9f\xf0\xc3\x0f?t\xea\xd4\xc9\xee\x19\xf7\xe7\xb0\x05\xe0\x0f\x13\xb1\xfe\xb2\xcf\x8f\xaek\x96E\x17~\xfb\x9f\x01\xc3\x06ZE\xf9U5\xe7\xa7\x82\xe97vl\xdc1\xe9\xb5\x0f?\x9a\xf9\xbdiZP\xc1A1\xb0o\xcbQ\xd7t\xbbfXGgR,\x04M\x1a\x08\x03T\xe5\xa0\xee\xf9F\x06\x8d\x01@s;\xc0e\x84\x8a\xfc\xb3\xe7l\xf8h\xf6\xea\x85K\xb3\xa1\xc2c7\x0c}\xd4u\x97\xdc{\xcf\xe8V\x1dZ\x81eVm\x19\xb0,KOJ]4g\xe1\xc0\xcb\xee\x90S/\xd2/\xc8\xd6\x80?\x81-\x00\x7f\x0cyHE~~~\xcb\x96-\xf3\xf3\xf3\xcb\xe3Q\xaf?6\xee\xaeQ\xd4[\\%\xf7\xa1B\x08\xce\xf9/M\xffw\xa6I\t\xc1\x8c\t\x00a\x18\xda\xc8\xab\xbb\xde:\xaaw\xf7\xce\x8d\xc1\xa9CI\x80Z\x1ca\xbb\x07\xf2_\x06\xe7Bp\xa1\xe9\x18\xe2\xdd\x10\xb2V\xad\xdb\xf7\xdeG\xcb&gt;\xfe|\x8diR\x00D\x08b\x8c\x1b\x866\xea\xbaK+\xca\x00\xc6U3DL)\xd5&lt;\x89S\xde\xf8H\xf6\x8a\xb0,+555;;;55\xd5&gt;C\xe6\x8fb\x0b\xc0\x1f@.\xb8\x8a\x8b\x8b\x87\x0c\x19\xb2n\xdd:\xa7\xc3\x11\n\x87\xdf}\xfd\xb1qw\xdd\xc8\x8a\x0b\xab\xde\xea\xa3\xfc\x1cc\xa7\x13\\\xce\x1d\x1b\xb3\x7fi\xfa9\x00\xd4H\x8d\xbf\xfd\xa6~\xd7]\xd9\xb9Y\xab\xba\xc08/\r1.\x88f\x1b\xfe\xf3\x82\x00`\x94\x13\x8cp\x9c\x13\x08\xde\xbd\xe3\xc8\xcc\xaf\xd6\xbd=m\xc9\xa9\xfc\x12\x00\x90/\xa5\x82\x0c\xb4\x84`\x88\x86B\x84\x90\xaa\'\x03\x8c1\x92\x98&lt;\xe5\x8d\x0f\xc6\xdf\xfd\x8c\x9c\x86\x9d;w\x9e7o^bb"\x00\xd8\x1a\xf0\xfb\xb1\x05\xe0\xf7r\xfap\x12\xd4\xa3G\x8f\xd5\xabW\xcb\x96\xe5\x93\x9e\xbfo\xc2Cw[E\xa7\xf4*\xe7\xf7g\x94\x12\xc3\x80\x98\xd8\xbc\xa3\xc7\x9fy\xee\x9dw\xde\xfb\xcc\xb4\xce4\xfdw\xdc\xd8\xb7F\xfd\xd4ro\x0f\x02bO\xbc\x0b\x02\xe3\x1cD\xb9_\xe8\xd4\xa1\xfc\xff|\xb0\xf4L\x19\xd0\xb5\xdbn\x1d\xf1\xd8#\xb7\xa5\xa5\xd7\x862?3MR\xe5\xf6\xa6\x96E\xf5\xa4\x1a\x93_x\xfd\xde\x87_\x95\x93\xb1[\xb7n+W\xae\x94\x93\xb4\xeai\xdey\xc2\x16\x80\xdfE\xf9ZX\xd3\xc6\x8f\x1f?e\xca\x14\x97\xcb\x19\x0c\x86\xc6\x8d\xbd\xe2\xdd\xf7\x9f\xa3~?\xa9Z\xe9\x8c\x9cq@\x08\'$\xfa\xf2\xf2&amp;\xbd\xfe\xd1\xdb\xef\xce:\x95Wtn\xd3\xef\x0fY!\x13c;\xbe[\tp.8\xe7\xba\xd3\x80X\xe79e\xa0FZ\xd2\xed\xe3\xaf\xbd\xf7\xeeQ\tii\xdcW\x0cBT\xa5S(\x84\x00&amp;\xb8\x16\x1b;\xfe\x96G\xa6L\xff\xba|J\x8e\x1b\xf7\xee\xbb\xefRJ\xab\xe4\xbe\xe7|`\x0b\xc0\xefB\xe6\x99\xdd{\xef\xbd\x93\'O\x96G\xd6\x8d\xbd\xfe\x92\x0f&gt;y\x85\x95\xfa\xf1\xe9\xc6dU\x80\xf2\xaa\xae\x84X\xb0\xd8\xb4\xe9_\xbf\xf8\xd2\xfb{\xf6\x1d\x02\x00L0g\xbcFJ\xfc\xed7\xff\xc2\xf4W\xc3\x065\xaa!\xdb.\xfdB\x06\xa6.9UP"_\x19\x004m\\\xff\xc1\x07n\xb9i\xec\x15\xa0\x13\xe6\xf3W\xa5\xda1!\x04G\x88\xc4\xc5\xdex\xc3?\xa6\x7f\xfa\xbd\x9c\x98\x13&amp;L\x984i\x92\x9d\x18\xfa;\xb1\x05\xe0\xbfS\xb1\xdcW:\x1c;\xb5k\xbe\xf4\xc7\xe9NC\x07\xcb\xaa2\x0eGF\x99\xec\xe1\xb3v\xc5\xbaG\x1f\x7fm\xf1\xd2u\x00 \x13-\x0c\x9d\xfc\xf3\xee!w\x8d\x1bP\xa3^\x8am\xfa\x15\xe4\x172p\xb8\xe0\x8d)\x8b\xfe\xfd\xfa&lt;\xd3b\xf2\xf5\x01@\xff\xbe\x9d\x9f}\xfa\x9e.=;\xcb\x9eBU\xe68R\xce9\xe8z\xc8\xb4\xfa^4v\xfd\xe6]\xe5a9\xbbH\xf8wc\x0b\xc0\x7fA\xe6\x96U,\xf8jX\xbf\xf6\xc6\xb5\xb3=\tq&lt;\x14\xae\x1a{j\x19\xdc\xc6\t\ty\xc7N&gt;\xf3\xec\xdbo\xbf;\xdbb\xcc\xe1\xd0\xc3a\x0b\x00n\xba\xbe\xe7}w\x0ej\xd5&gt;\xc36\xfd\x8aSQ\x06vl:\xf0\xea[\x0b\xa6}\xba\x02\x00\xe4\xab\xd4\t\xb9}\xfc5\x8f=z{Z\x9d\x9a\xdc\xe7\x83\xaa\x12,\xe5\x8cc\xa7\xc3\xeb+\xed\xd0\xe5\x9a\xdcC\xc7+\x16\x88\xd9\x89\xa1\xff\x15[\x00~\x0b\x99U\x96\x9b\x9b\xdb\xb1cG\x9f\xcf\x87\x10J\x88\x8f\xf9\xe1\xdb\xfft\xec\xd6\x86\xf9\xfcUc\x19\xc5(%1n\xd0\xb4\x99\x1f\x7f\xfb\x8f\x07_9~"?\xe2\xee\xef\xdf\xab\xf9\xc3\xf7^\xd2\x7fP\x1b\x08[\xd4\x1f\xaaJ\xde\x83*\x8c\xf4\xe3i\xb1Np\xe8\x8b\x17l}~\xd2\xf7\x8b\x97\xef\x82\xd3\x81\x81\xda\xb5R_y\xf1\x1f\xd7\x8d\xbc\x0c(ee\x81\xaa\x11\x1cf\x94\x91\x84\xd8\r\xab\xb7^|\xd9\x1d\xbe\x922!DBB\xc2\x86\r\x1b\x1a6lh\'\x86\xfe6\xb6\x00\xfc*\xf2\xc9\x14\x17\x17\x0f\x1a4h\xc3\x86\r\x0e\xc3\x08\x9b\xa6,\xf8\xaa\x1a-\xfe9\xe7\x00\x08\'$\xe6\xec\xd85\xe1\xfe\x7f\xcf\x9b\xbf\x02NW\x99\xd6\xae\x99\xf8\xf4\xc3W\xde&lt;\xb2\x17\xe8\xc4*.\xb3\xc3\xbcQGy\x8881\x06,6\xf5\xe3\xe5\x8f?\xff\xd5\xf1\x93\xc5\x91\x12\xe2!\x83{N~\xf9\x9f\x99\xad\x9as_1\x80\xa8\x02&amp;R\x1e\x1e \x0b\xc4\xe4T\xed\xd8\xb1\xe3\x82\x05\x0bdb\xa8\xbdp\xf95\xa2\xfe\xc5\x9f?\x18c\x08\xa1\xf1\xe3\xc7o\xd8\xb0\xc1\xe9t\x84M\xf3\xed\xc9\x0f\x0f\x18vQ\xd5\xb0\xfe\x94R\xecva\xb7\xeb\xf5I\xefw\xee~\xfd\xbc\xf9+\x0cy\xe6\xad\x10w\x8f\xeb\xbf\xf9\xa7\x897\xdfz\x11\x0f\x9a\xd4\x17\xd04b[\xff\xa8\x03c\xa4i\x84\xfa\x02&lt;h\xde|\xebE\x9b\x7f\x9ax\xf7\xb8\xfe\xf2\x0c3\xc3\xd0\xe6\xcd_\xd1\xb9\xfb\xf5\xafOz_\x8e\x01Jie\xdf\xef\xff\x8a\xa6k\xb4\xa8`\xc0\xb0\x8b\xde\x9e\xfcp\xd84\x9dN\xc7\x86\r\x1b\xc6\x8f\x1f\x8f\x10\xfa\x8dS\xa6m\xec\x1d\xc0\xb9\x91\x11\xa4\x89\x13\'&gt;\xf5\xd4S.\xa73\x18\n\xddv\xe3\x95oO{\x91\xf9\x8a\xa3=\xdb]\xb6\x17\xc0\t\x9e\x9c\xec]\xf7Lx~\xfe\xa2\xd5\x08\x01 ,8\xef\xd2\xbe\xe1\xe4\x17Fv\xed\xd1\x0c\xfcA+diU\xc2\xc7eC)\xd3\x9d:\xc4\xba\xd6\xac\xdc=\xe1\xa1\x8f\xd7n\xcaE\x18\x83\xe0B\xc0\xe0\x01\xdd^\x9b\xfcpf\xcb\xe6\xdc\xe7E\x00(\xca\xc76\xe3\x9c$$\xde~\xd3\x83\xef|\xf0\x95\x9c\xb6O=\xf5\xd4\x93O&gt;i\x07\x84\x7f\r[\x00\xce\x81\x8c\x1d}\xf1\xc5\x17W_}\xb5\xc3a\x84\xc3f\xb7N\xadW.\xfb\x88[V\xb4\'}2\xca\x88\xdb\t\x9a\xf6\xfak\x1f&gt;\xfe\xe4\xeb\xbe\xd22\x19!L\x88s=\xfd\xc8\x95\xb7\xdf\xd4Ow\xe8\xb4$`\xbb\xfb\xab\x18\xe5\x81\x81x\xb7\x15\xb6\xde\x9e\xb6\xe4\xf1\xe7\xbe\xf2\x95\x06O\xbf\xfa\x98\xa7\'\xde}\xf7=\xa3\x81R\x16\x08EudK&amp;\x86b]\xef\xd1{\xd4\xea\xf5\xdb\xe5\xe4\xfd\xfc\xf3\xcf\x87\x0f\x1fn\x07\x84\xcf\x89-\x00g"\x0f#\x94\x81\xdf\x92\x92\x12!DJr\xc2\xf6\r_\xa4\xa6%\x8bp8\xaa\xbd\xa5\xb2\x89\xca\xf1C\xc7\xef\xbd\xef\xf9\xd9_.D\x08\x01B\x82\xf3\xc1}[\xbe\xf6\xc2\xc8\xcc\xacz\xc2[\xc6\x19\xaf\x1a\xa9M6g#_.\xf2\xc4\xe4l;|\xcfC\x1f\xcf_\x9a\x8d0\x965\xee\xd7\\5p\xd2\xab\x0f\xd7\xae_;\xda[Zq\xce\x91\xc3\x91\x9fW\xd8\xba\xe3\xf0\x82B\x1fB(&gt;&gt;^\x06\x84\xe5\xc1\x9c\x95}\x83ja\x0b\xc0/\x90\x8d\xcf\x00\xa0g\xcf\x9ek\xd6\xac1t\x9dq\xb6|\xc1\xfb\xdd\xfava\xbe\xd2\xe8]\x1cq\xce\x01!\x1c\x9f8\x7f\xce\xc2\x9b\xc6=~\xe2T\xa1\xd3a\x84\xc2f\\\x8c\xe3\xd9\xc7\xae\xbe\xfb\xb6\x01 \x84\xe5\x0f\xd9&gt;\x9f\xea\x00\xa5L\x8fu\x02B\xaf\xbf\xb3\xe8\xd1g&gt;/-\x0b\xcb\xc1P\xabF\xf2\xb4)O\x0f\x1e6\x90\x97\x14C4\xdbJF\x19I\x88[\xbdtm\xafA\xb7\x10LL\xcb\xea\xda\xb5\xeb\x8a\x15+\x00\xa0\xaa6\xc8\xfb\xd3D\xeb;&gt;O\xc8}\xe2\xfd\xf7\xdf\xbff\xcd\x1a\xa7\xc3aZ\xd6\xcb\xcfL\xe8vQ/\xea+\x89^\xeb\xcf(\xc3N\x07v;\'&gt;\xf6\xf2\xc5\x97\xddy\xe2T\xa1\xa1k\xa1\xb0\xd9\xa5}\xc3\xa5\xdf=|\xf7\x84\xa1\xac,\xcc\x02a\xdb\xfaW\x134\x8d\xb0@\x98\x95\x85\xef\x9e0t\xe9w\x0fwi\xdf0\x146\r];q\xaa\xf0\xe2\xcb\xee\x9c\xf8\xd8\xcb\xd8\xed\xc4N\x07\xa3\xd1\x1a;%\x1a\xa1\xbe\x92n\x17\xf5z\xf9\x99\t\xa6e9\x1d\x8e5k\xd6\xdc\x7f\xff\xfd\x84\x10; |\x06\xf6\x0e\xe0g*\xba\xfeeI\xe1\xd5\x97]\xf4\xd9Wo\xd2\xd2R-jWC\x942\xcd\x93p\xe2\xd0\xd1\x9bny|\xfe\xe2\xd5\x91\xd2\xd0\'\xef\x1f\xf6\xd8\xfd\x97i\x86f\x95\x045\xdd6\xfd\xd5\x11j1=\xdeEM\xfa\xcc\xcb\xdfN|y\x0e\x9c.\xfc\x1e\xdc\xbf\xdb\xb4\xf7\x9f\xaeU?\x9dz}\xd1\xbb,\xa0\x9ckqq#\xae\xfc\xdb\xe7\xdf\xfe(\xa7\xb3\x1d\x0c8\x1b[\x00\xca\xa9\xe8\xfa/--\xe5\x9c7\xa8Wk\xc3\x9aY\tq1\xc8\xa2(\n\xf3 \x05\x17\x02\x01\x8eO\x98?gQ\xb9\xdb\xc7i\x84Bf\xad\xb4\x84i\xaf\xdf&lt;xXG\xe1\xf5\xdb\x1e\xffj\xce\xe9\xa8@\xec\xfc9\x1bn\xba{\xea\x89&lt;_\xf9 )w\x07\r\xe0%&gt;$ Z\xc7\xbf\xae\xf9J\xcb:v\xbd\xf6\xe0\xe1\x13\x18\xe3\xb8\xb88;\x18p\x06\xf6S\x008\xdd\xea\x99s&gt;r\xe4H\xaf\xd7+\xcf\xb0\xfad\xeas\x9e\xb4d\x116\xa3q\xf4s\xc6\x91\xae\xe1\x98\x98\xc9\xff~G\xba}t]\x0b\x85\xcc\xc1}[lX\xfc\xc4\xe0\xa1\xed\xac|\x9f\x10`[\xffj\x0e&amp;X\x08\xb0\xf2}\x83\x87\xb6\xdb\xb0\xf8\x89\xc1}[\x84B\xa6~\xda\x1d4\xf9\xdf\xef\xe0\x98\x18\xa4k\xb2\xaf\\t\x810\x12a\xd3\x93\x96\xfc\xc9\xd4\xe7\x10\x02\x8c\x90\xd7\xeb\x1d9r\xa4&lt;\xdb\xce^\xf8J\xec\xf9\x0f\xf0+\xae\xff.\xfd\xba\xd3b_4\xba\xfe\x19e\xd8\xed*\r[\xb7\xdc\xf4\xd0\xbd\x0f\xbe"\xcf*\xb0,\xfa\xe4\xfd\x97\xfd\xf0\xc5\x03\xb5k&amp;\xd2"\xbf\xa6\x11;\x18f\x03\x00\x08\x81\xa6\x11Z\xe4\xaf]3\xf1\x87/\x1ex\xf2\xfe\xcb\xa4\x93P\xd7\xb5{\x1f|\xe5\x96\x9b\x1e*\r[\xd8\xed\x8a\xc6\x90\x00\xd1\x08-\xf6u\xe9\xd7\xdd\x0e\x06\xfc\x1a\xb6\x0b\xa8\xdc\xfa/^\xbcx\xc0\x80\x01\x0e\x87#\x1c\x0e_}\xf9E\x9f}\x19\xad\xae\x7fJ\xa9\x96\x10w\xe2\xe8\xa9+\xae\xbck\xdd\xa6\x9drG\x9f\x94\xe8\xfe\xe4\x9d\xdb\x06\x0f\xeb\xc8\x8aJA\x80]\xd9ks6\x9c\x0b@@\x92\xe2\xe6\xcf\xd9p\xc3m\xef\x14\x15\x07\xe4\xe0\xe9\xdc\xbe\xc5\xd7_\xbdQ+\xbd\x06\xf5\x95Fc\x86hy0\xe0\xaa\xbf}\xfe\xcd\x8fr\x82/Z\xb4\xa8\x7f\xff\xfev0\x00l\x01\x90\x9b\xc1\xe2\xe2\xe2\xce\x9d;\xe7\xe6\xe6\x02@jJ\xe2\xf6\xf5_\xa4\xa4%Ec\xd6?\xa5T\xf3\xa4\xac_\xb1\xe6\xf2\xab\xff\x1eq\xfawj\xdb\xe0\xe3)\xb77iV\xc7**\x8d\xde\x98\x9e\xcd\x85\x81R\xa6\'\xc5\xed\xdd}l\xe4\xb8\xb7\xd7o9\x18\t\t|\xf3\xf9\xffu\xea\xd9\x95z\x0b\xa2N\x03de@A^Q\xebN\xc3\xf3\x0b\x8a\x01\xa0a\xc3\x86\xeb\xd6\xadKLL\xb4\xcf\x0e\x8b2\x03\xf7\x97\xc3\x18\xc3\x18\xdfq\xc7\x1d\xfb\xf7\xef\xd7u\x8ds\xfe\xe1\x94gR\xeb\xd5\xe2\xc1P\x94Y\x7fyf\x99\'e\xea\xbb\x1f\xf7\x1f2\xfe\xc4\xa9B\xc3\xd0C!\xf3\xe6\xebz,\xfa\xf6\xa1&amp;\x8dj\xd8\xd6\xdf\xe6\xf7\xa0i\xc4**m\xd2\xa8\xc6\xa2o\x1f\xba\xf9\xba\x1e\xa1\x90i\x18\xfa\x89S\x85\xfd\x87\x8c\x9f\xfa\xee\xc7\x9a\'\x851\x06Q\xb5j\xc4\x18\xf3`(\xb5^\xad\x0f\xa7&lt;\xc39\xd7um\xff\xfe\xfdw\xdcq\x07\xc6\xd8v\x04E\x95\x8d\xfb\xab\x91\xa7&lt;\xce\x9e={\xf6\xec\xd9\x0e\xc3\x08\x87\xcd\tw\\7\xf0\xb2\x01\xd4\x1be\xae\x7f!\x04\x03 \x89\x89\xef\xbc&gt;\xed\x96\xdb\x9e\xf4\x97\x05\x11B\xa6i\xbd\xfa\xafk\xdf\x7f{|\xbcA\xa8]\xe4e\xf3\xbb\xd14B\xfd\xa1x\x83\xbc\xff\xf6\xf8W\xffu\xadiZ\x08!\x7fY\xf0\x96\xdb\x9e|\xe7\xf5i$1\x91\x9d\xee\x95\x1b-\x10\x8dP\xafo\xe0e\x03&amp;\xdcq]8l:\x0cC\xcezyx@e\xdf]eR}]@\xb2\xe2\xb7\xa0\xa0\xa0u\xeb\xd6E\x85\x85\x94\xb1vm\x9a\xae_=\x0b(\x8d\xae\x86?\x9cs\x810\x89u\xdf&gt;\xfe\xf1w\xde\xff\xc20t\xd3\xa2qnc\xf2s7\xdc|\xdb@\x9a\xef\xc3\x80\xa21\x91\xc9\xa6r\x11\\p\x10Zj\xc2\xd4w\x16Nx\xe4\x93\xd2\x80i\xe8\x9aiZ\xb7\xdd2\xfc\xedw\x9ff\xfe\x00\x12\xd1\xd4j_\xb6\t\x02M\xeb\xd4\xed\xda\xcd[\xf7h\x84$%\'o\xdf\xbe=%%\x05\xaa\xca\xd98\x7f\x82j\xfak\xc3\xe9\xc3^\xee\xbe\xfb\xee\xbc\xbc&lt;\x8c\xb1\xaek\xef\xbf\xf9\x04\xd1u`&lt;\x9a\xac?\xe3\xd8\xd0I|\xec\xf8[\x1ey\xe7\xfd/\x1c\x0e\xdd4\xad\xa4x\xd7\xa2/\x1f\xb8y\xfc\x00\xf3d1\xc1\xd8\xb6\xfe6\x7f\x02\x84\x11\xc1\xd8&lt;Y|\xf3\xf8\x01\x8b\xbe| )\xdee\x9a\x96\xc3\xa1\xbf\xf3\xfe\x17\xe3oy\x84\xc4\xc7bC\x8f\xa2\xf4P\x84\x100Nt\xfd\xfd7\x9f\xd0u\rc\x9c\x97\x97w\xf7\xddwc\x8c\xe5Z\xb0zRM\x05@:\x7f&gt;\xfb\xec\xb3\</t>
        </is>
      </c>
    </row>
    <row r="424">
      <c r="A424" s="1" t="n">
        <v>422</v>
      </c>
      <c r="B424" t="inlineStr">
        <is>
          <t>color_overlap_squares</t>
        </is>
      </c>
      <c r="C424" t="inlineStr">
        <is>
          <t>What is the missing color of the part denoted with a question mark?</t>
        </is>
      </c>
      <c r="D424" t="inlineStr">
        <is>
          <t>['red', 'yellow', 'blue', 'green']</t>
        </is>
      </c>
      <c r="E424" t="inlineStr">
        <is>
          <t>red</t>
        </is>
      </c>
      <c r="F424" t="inlineStr">
        <is>
          <t>There are 3 squares which overlap each other in the image. The color of the squares are ['?', 'yellow', 'blue']. The part where the first and second squares overlap is orange. The part where the second and third squares overlap is green.</t>
        </is>
      </c>
      <c r="G424" t="inlineStr">
        <is>
          <t>We observe that the yellow and blue squares overlap to form green. Hence, the pattern is that the color of the part where two squares overlap is determined by mixing the two colors.</t>
        </is>
      </c>
      <c r="H424" t="inlineStr">
        <is>
          <t>Based on the pattern that the color of the part where two squares overlap is determined by mixing the two colors, the missing color of the part which overlaps with yellow to form orange should be red.</t>
        </is>
      </c>
      <c r="I424" t="inlineStr">
        <is>
          <t>b'\x89PNG\r\n\x1a\n\x00\x00\x00\rIHDR\x00\x00\x02\x00\x00\x00\x02\x00\x08\x02\x00\x00\x00{\x1aC\xad\x00\x00!;IDATx\x9c\xed\xdd}\x90]e\x81\xe7\xf1\xe7\xbc\xdc{\xbbo7I7\xd9\xc4\x9a\x9dhYH9U*\x1bX\x08(Z!3@\x85PZf\xcba\xdd\x1d\xb3YKMB\t\x86\xd9\xb2DQ\xf6\x0fF\x0cSc\xcd\x14\x89\x82$)\\L`\x17\x9dr\xdd\xb1\xa6Bekd$\xeaJL\x02\xf2\x16\x17g\xc6q#\x96\x1bB\xe8$\xfdr\xfb\xde{\xcey\xe6\x8f\x07\x9a\xa6\xd3\xdd\xb9/\xcf9\xe7y\xf9~\xfe\xb0\x98\x18+g\xc8s~\xdf\xbe/\xdd7\x90R\n\x00\x80\x7f\xc2\xb2/\x00\x00P\x0e\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93\xa6\xa9\x94\xb2\xec\xab@q\x02\xfe\xbe\x01\x08!\xa4\x94A\x10\xcc\xfe\x078\x8fG\x00\x80\xef\xa4\x94j\xf4\xb7o\xdf~\xe2\xc4\x89 \x08\xb2,+\xfb\xa2P\x04\x02\x00xMJ\x99eY\x10\x047\xdf|\xf3\x97\xbe\xf4\xa5\x0f\x7f\xf8\xc3ccca\x18\xd2\x00\x1f\x10\x00\xc0_j\xfd\xa3(\xda\xb2e\xcb\xae]\xbb\x06\x07\xeb\x87\x0e\x1dZ\xb7n\x1d\r\xf0\x04\x01\x00&lt;5{\xfd\xf7\xec\xd9S\xad\xd6\x1a\x8d\xa98\x8e\x0f\x1f&gt;L\x03&lt;A\x00\x00\x1f\x9d\xbb\xfe\xadVs\xe5\xbb\xaeJ\xd2\x94\x06\xf8\x83\x00\x00\xde\x99\xb3\xfe\xb5\x81\xc1V\xab\xf9\xee\xb57\xfd\xa7\xbf&lt;p\xdd\xe6\xaf$IR\xad\xd6h\x80\x0f\x08\x00\xe0\x97s\xd7\xbf9\xddx\xcf\x1f}\xf4\xc6\xff\xf2\xb5\xc9\xd3/_\xfe\xe1\xad\xd7m\xd9\xdej5i\x80\x0f\x08\x00\xe0\x91\x85\xd6\x7f\xfdm;Z\x8d\t!\xc4\xd4\xe9\x93Wl\xb8\x99\x06x\x82\x00\x00\xbeX|\xfd\xa5\xcc\x82 \x0c\xa3xr\xece\x1a\xe0\t\x02\x00x\xa1\x93\xf5W\xbf\x93\x06\xf8\x83\x00\x00\xee\xeb|\xfd\x15\x1a\xe0\t\x02\x008\xae\xdb\xf5Wh\x80\x0f\x08\x00\xe0\xb2\xde\xd6_\xa1\x01\xce#\x00\x80\xb3\xfaY\x7f\x85\x06\xb8\x8d\x00\x00n\xea\x7f\xfd\x15\x1a\xe00\x02\x008H\xd7\xfa+4\xc0U\x04\x00p\x8d\xde\xf5Wh\x80\x93\x08\x00\xe0\x94&lt;\xd6_\xa1\x01\xee!\x00\x80;\xf2[\x7f\x85\x068\x86\x00\x00\x8e\xc8{\xfd\x15\x1a\xe0\x12\x02\x00\xb8\xa0\x98\xf5Wh\x803\x08\x00`\xbd"\xd7_\xa1\x01n \x00\x80\xdd\x8a_\x7f\x85\x068\x80\x00\x00\x16+k\xfd\x15\x1a`;\x02\x00\xd8\xaa\xdc\xf5Wh\x80\xd5\x08\x00`%\x13\xd6_\xa1\x01\xf6"\x00\x80}\xccY\x7f\x85\x06X\x8a\x00\x00\x961m\xfd\x15\x1a`#\x02\x00\xd8\xc4\xcc\xf5Wh\x80u\x08\x00`\r\x93\xd7_\xa1\x01v!\x00\x80\x1d\xcc_\x7f\x85\x06X\xc4\x88\x13\x03`q\xb6\xac\xbfB\x03la\xd0\xa1\x010/\xbb\xd6_\xa1\x01V0\xee\xdc\x00\x98\xcd\xc6\xf5Wh\x80\xf9\x0c=:\x00\x84\xcd\xeb\xaf\xd0\x00\xc3\x19}z\x00\x9f\xd9\xbe\xfe\n\r0\x99\x05\x07\x08\xf0\x90\x1b\xeb\xaf\xd0\x00cYs\x86\x00\x7f\xb8\xb4\xfe\n\r0\x93e\xc7\x08p\x9e{\xeb\xaf\xd0\x00\x03Yy\x92\x00W\xb9\xba\xfe\n\r0\x8d\xc5\x87\tp\x8c\xdb\xeb\xaf\xd0\x00\xa3X\x7f\x9e\x007\xf8\xb0\xfe\n\r0\x87#G\n\xb0\x9a?\xeb\xaf\xd0\x00C8u\xaa\x00\x1b\xf9\xb6\xfe\n\r0\x81\x83\x07\x0b\xb0\x88\x9f\xeb\xaf\xd0\x80\xd29{\xb6\x00\xf3\xf9\xbc\xfe\n\r(\x97\xe3\xc7\x0b0\x16\xeb\xaf\xd0\x80\x12yq\xc2\x00\xd3\xb0\xfe\xb3\xd1\x80\xb2xt\xc8\x00C\xb0\xfe\xe7\xa2\x01\xa5\xf0\xee\x9c\x01\xe5b\xfd\x17B\x03\x8a\xe7\xe9Q\x03J\xc1\xfa/\x8e\x06\x14\xcc\xeb\xd3\x06\x14\x89\xf5\xef\x04\r(\x12\x07\x0e(\x02\xeb\xdf9\x1aP\x18\xce\x1c\x90;\xd6\xbf[4\xa0\x18\x1c; _\xac\x7foh@\x018y@\x8eX\xff~\xd0\x80\xbcq\xf8\x80\xbc\xb0\xfe\xfd\xa3\x01\xb9\xe2\xfc\x01\xb9`\xfdu\xa1\x01\xf9\xe1\x08\x02\xfa\xb1\xfez\xd1\x80\x9cp\n\x01\xcdX\xff&lt;\xd0\x80&lt;p\x10\x01\x9dX\xff\xfc\xd0\x00\xed8\x8b\x806\xac\x7f\xdeh\x80^\x1cG@\x0f\xd6\xbf\x184@#N$\xa0\x01\xeb_$\x1a\xa0\x0b\x87\x12\xe8\x17\xeb_&lt;\x1a\xa0\x05\xe7\x12\xe8\x0b\xeb_\x16\x1a\xd0?\x8e&amp;\xd0;\xd6\xbf\\4\xa0O\x9cN\xa0G\xac\xbf\th@?8\xa0@/X\x7fs\xd0\x80\x9eqF\x81\xae\xb1\xfe\xa6\xa1\x01\xbd\xe1\x98\x02\xdda\xfd\xcdD\x03z\xc0I\x05\xba\xc0\xfa\x9b\x8c\x06t\x8b\xc3\nt\x8a\xf57\x1f\r\xe8\n\xe7\x15\xe8\x08\xebo\x0b\x1a\xd09\x8e,p~\xac\xbf]h@\x878\xb5\xc0y\xb0\xfe6\xa2\x01\x9d\xe0\xe0\x02\x8ba\xfd\xedE\x03\xce\x8b\xb3\x0b,\x88\xf5\xb7\x1d\rX\x1c\xc7\x17\x98\x1f\xeb\xef\x06\x1a\xb0\x08N00\x0f\xd6\xdf%4`!\x1cb`.\xd6\xdf=4`^\x9cc\xe0MX\x7fW\xd1\x80sq\x94\x817\xb0\xfen\xa3\x01sp\x9a\x81\xd7\xb0\xfe&gt;\xa0\x01\xb3q\xa0\x01!X\x7f\x9f\xd0\x80\x19\x9ci\x80\xf5\xf7\x0e\rP8\xd6\xf0\x1d\xeb\xef\'\x1a \x08\x00&lt;\xc7\xfa\xfb\x8c\x06p\xb8\xe1/\xd6\x1f\x9e7\x80\xf3\rO\xb1\xfeP|n\x00G\x1c&gt;b\xfd1\x9b\xb7\r\xe0\x94\xc3;\xac?\xce\xe5g\x038\xe8\xf0\x0b\xeb\x8f\x85x\xd8\x00\xce:&lt;\xc2\xfacq\xbe5\x80\xe3\x0e_\xb0\xfe\xe8\x84W\r\xe0\xc4\xc3\x0b\xac?:\xe7O\x038\xf4p\x1f\xeb\x8fny\xd2\x00\xce=\x1c\xc7\xfa\xa37&gt;4\x80\xa3\x0f\x97\xb1\xfe\xe8\x87\xf3\r\xe0\xf4\xc3Y\xac?\xfa\xe7v\x03\xb8\x01\xe0&amp;\xd6\x1f\xba8\xdc\x00\xee\x018\x88\xf5\x87^\xae6\x80\xdb\x00\xaea\xfd\x91\x07\'\x1b\xc0\x9d\x00\xa7\xb0\xfe\xc8\x8f{\r\xe0f\x80;X\x7f\xe4\xcd\xb1\x06p?\xc0\x11\xac?\x8a\xe1R\x03\xb8%\xe0\x02\xd6\x1fEr\xa6\x01\xdc\x15\xb0\x1e\xeb\x8f\xe2\xb9\xd1\x00n\x0c\xd8\x8d\xf5GY\x1ch\x00\xf7\x06,\xc6\xfa\xa3\\\xb67\x80\xdb\x03\xb6b\xfda\x02\xab\x1b\xc0\x1d\x02+\xb1\xfe0\x87\xbd\r\xe0&amp;\x81}X\x7f\x98\xc6\xd2\x06p\x9f\xc02\xac?\xccdc\x03\xb8U`\x13\xd6\x1f&amp;\xb3\xae\x01\xdc-\xb0\x06\xeb\x0f\xf3\xd9\xd5\x00n\x18\xd8\x81\xf5\x87-,j\x00\xf7\x0c,\xc0\xfa\xc3.\xb64\x80\xdb\x06\xa6c\xfda#+\x1a\xc0\x9d\x03\xa3\xb1\xfe\xb0\x97\xf9\r\xe0\xe6\x81\xb9X\x7f\xd8\xce\xf0\x06p\xff\xc0P\xac?\xdc`r\x03\xb8\x85`"\xd6\x1f.1\xb6\x01\xdcE0\x0e\xeb\x0f\xf7\x98\xd9\x00n$\x98\x85\xf5\x87\xab\x0cl\x00\xf7\x12\x0c\xb2\xc0\xfa\xff{\xd6\x1fn0\xad\x01\x81\x94\xb2\xe0?\x12%*\xfd]\x07\x8b\x90R\x06A\x10\x86\xa1Z\xffj\xb5\xdaj\xb5\xde\xfd\x877\xad\xbfmGkjB\xca,\x08C\xc1i\xcdU Hl\x01\xb24\x19\x1a]q\xe4\x7f=\xf0w\xbb\xbf\x18\xc7q\x92$\xabW\xaf&gt;p\xe0\xc0\xe8\xe8\xa8\xba\x0b\n\xbb\x12\x02\x00\xb3\xbc\xbe\xfe\xb5v\xd2\xbe\xf4\x86\xff\xfc\xa6\xf5G~\xa4\x10\x81\x90Y\x9a\xb4\x9ae_\x8a\x17\xb24\xa9\x8f,?\xfa7\xbb\x9e\xd8{\xb7\xc8\x92v\xab\xf5\xde\xf7\xbe\xf7\xdb\xdf\xfe\xf6\xca\x95+\x83 (\xac\x01\x04\xc0\x17\xea+\x8b\xcf~\xf6\xb3O?\xfdt\x14Ei\x9a\x96}Es\x05Ap\xe6\xcc\x99\xa3G\x8f\xaa\xcb\x0b\xc2\xe8\xad\xef~\xaf\x94Rfi\x10\x84\x92/\xfe\xf3\x14\x84\x91\xcc\xd2\xe5o\x7f\xd7\x1f}\xf2\xaevs\xba\xc8/B\xfd$e&amp;\xa4\x18\x1a]\xb1\xef\xb3\xeb^:vhp\xb0\xdehL}\xf9\xcb_\xbe\xf3\xce;\xd34\x8d\xa2\xa8\x98\xcb\x88\x8b\xf9cP:\x15\x80\x9f\xfc\xe4\'\x87\x0e\x1d*\xfbZ\x16S\xab\xc6i\x96\xc5Q\x98\xa4\xe9\xf1\xe7~R\xf6\xe5\xf8%i6\x820\x16R\n\x02\x90\'\xf5jV\xb5&gt;\xfc\xfd\xbf\xd8\xfc\xd2\xb1C\xd5j\xad\xd1\x98\xda\xbau\xeb\x1dw\xdc\xa1^\x03+\xecJ\x08\x80_\x86\x87\x87\xa3(\x8a\xa2\xa8\xd5j\x95}-\xf3k\xb6\x12\xf5\x0fA \x82 \x94"\x10BJ\x83_\xbapC\x18We\x96V\x06\x86\x04\x8f\xb4r\xf6\xda\xfa\x0f\x0e?\xb6\xe3\xb6\x17\xfe\xfe\xaf\xab\xd5Z\xab\xd5\xdc\xbcy\xf3\x03\x0f&lt;P\xfc\xf31\x04\xc0/Y\x96\xa5i*\xa5\\{\xd5\xbf^\xbb\xe6\xad\xd9T;\x0c\xcd\xfaZOJ!\xe2\xf0\xd4\xa9\xc6\xd7\xf7=/\x84\x0c\x02)\x82`\xcdMW\x8e\xfc\xab\x0b\xa6\xa7ZQ\x14J!\x03a\xd65\xdb+\x93\xb26X9\xf6\xd3\x7f\xfa\xc7\x9f\x1f\x972\x93\x92\xd0\xe6k\xf6\xfa?\xff\xf8\xb7\xd5\xfb\xdc6o\xde\xbc{\xf7\xee4M\xc30,\xf8\xc97\x02\xe0\xa3,\xcbn\\\xf3\xd6\xcfm\xbfF\xbc&lt;%b\xf3^\\\x95R\xd4\xe2\x7f\xf3\x07\x17n\xb9\xf3`\x14\x85Y&amp;O\x1e?\xf5\'\x9f\xff`\xfd\x82\x81f\xa3\x1dF!_\xa5\xea\x92\xa6\xd9\xd2e\xc3\xff}\xfb\xdf\xfe\xc3\xd3\xbf.\xfbZ\xdcg\xda\xfa\x0b\x02\xe0\xad\x89\xa9v\xf2\xf2T\xf2\xcaTl`\x00\x84\xc8\xa4\xd8\xbc\xf5R!\xc4\x96;\x0f\xc6qx\xec\xd0?\xfd\xd9\x7f\xb8\xefO\xef\xffx\xfd\x82\x81fC=\x0e\x80\x06Y\x9a\t)\x9a\rC\x9f\x0ft\x89\x81\xeb/\x08\x80\xb7\xc20\x88\xe3P\xc4\xa1\x99\x01\x10B$/O\xcd4\xa0R\x8d~\xfb\x8f\'\xbe\xb6m\xef\x9f\xde\xf7F\x03\xca\xbe@GDq\x18\x18\xf64\xa0{\xcc\\\x7f\xc1w\x02\xc3Xq\x1c\xaa\x06\xec\xbe{M\xbb\x95V\xaa\xd1\xf1\xff\xfb\xbb{oyhj|\xba6X\xcdR\x9e\xad\x86\x1d\x8c]\x7fA\x00`2\x1a\x00\xdb\x99\xbc\xfe\x82\x00\xc0p4\x00\xf62|\xfd\x05\x01\x80\xf9h\x00ld\xfe\xfa\x0b\x02\x00+\xd0\x00\xd8\xc5\x8a\xf5\x17\x04\x00\xb6\xa0\x01\xb0\x85-\xeb/\x08\x00,B\x03`&gt;\x8b\xd6_\x10\x00\xd8\x85\x06\xc0dv\xad\xbf \x00\xb0\x0e\r\x80\x99\xac[\x7fA\x00`#\x1a\x00\xd3\xd8\xb8\xfe\x82\x00\xc0R4\x00\xe6\xb0t\xfd\x05\x01\x80\xbdh\x00L`\xef\xfa\x0b\x02\x00\xab\xd1\x00\x94\xcb\xea\xf5\x17\x04\x00\xb6\xa3\x01(\x8b\xed\xeb/\x08\x00\x1c@\x03P&lt;\x07\xd6_\x10\x00\xb8\x81\x06\xa0Hn\xac\xbf \x00p\x06\r@1\x9cY\x7fA\x00\xe0\x12\x1a\x80\xbc\xb9\xb4\xfe\x82\x00\xc014\x00\xf9ql\xfd\x05\x01\x80{h\x00\xf2\xe0\xde\xfa\x0b\x02\x00\'\xd1\x00\xe8\xe5\xe4\xfa\x0b\x02\x00W\xd1\x00\xe8\xe2\xea\xfa\x0b\x02\x00\x87\xd1\x00\xf4\xcf\xe1\xf5\x17\x04\x00n\xa3\x01\xe8\x87\xdb\xeb/\x08\x00\x9cG\x03\xd0\x1b\xe7\xd7_\x10\x00\xf8\x80\x06\xa0[&gt;\xac\xbf \x00\xf0\x04\r@\xe7&lt;Y\x7fA\x00\xe0\x0f\x1a\x80N\xf8\xb3\xfe\x82\x00\xc0+4\x00\x8b\xf3j\xfd\x05\x01\x80oh\x00\x16\xe2\xdb\xfa\x0b\x02\x00\x0f\xd1\x00\x9c\xcb\xc3\xf5\x17\x04\x00~\xa2\x01\x98\xcd\xcf\xf5\x17\x04\x00\xde\xa2\x01P\xbc]\x7fA\x00\xe03\x1a\x00\x9f\xd7_\x10\x00x\x8e\x06\xf8\xcc\xf3\xf5\x17\x04\x00\xa0\x01~b\xfd\x05\x01\x00\x04\r\xf0\x0f\xeb\xaf\x10\x00@\x08\x1a\xe0\x13\xd6\x7f\x06\x01\x00^C\x03|\xc0\xfa\xcfF\x00\x807\xd0\x00\xb7\xb1\xfes\x10\x00\xe0Mh\x80\xabX\xffs\x11\x00`.\x1a\xe0\x1e\xd6\x7f^\x04\x00\x98\x07\rp\t\xeb\xbf\x10\x02\x00\xcc\x8f\x06\xb8\x81\xf5_\x04\x01\xf0\x8b\x94\xb2\xecK\xb0\t\r\xb0\x1d\xeb\xbf8\x02\xe0\x0b)\xa5\x942\x8e\xe3\xb2/\xc424\xc0^\xac\xffy\x11\x00/H)\x83 \x08\x82\xe0\xf4\xe9\xd3\xbe\x1f\xf9\xee\xd1\x00\x1b\xb1\xfe\x9d \x00\xee\x93RfY\x16\x86\xe1\x96-[\x8e\x1c9R\xa9\xc6B\x08\x9e\n\xea\n\r\xb0\x0b\xeb\xdf!\x02\xe08\xb5\xfeQ\x14m\xd9\xb2e\xcf\x9e=Q\x14eY&amp;\x84\xa8\xc4aF\x04\xbaA\x03l\xc1\xfaw\x8e\x00\xb8l\xce\xfaW\xab\xd54M\xd5\x7f\xf5\xf2\xa9FX\x8bi@Wh\x80\xf9X\xff\xae\x10\x00g\xcdY\xffZ\xad\xd6j\xb5\xc20L\x92,\x0c\x83\xfb\xff\xc7\xb1=_?Z}\xcbp\x920[]\xa0\x01&amp;c\xfd\xbbE\x00\xdc4g\xfd\x07\x07\x07\x9b\xcd\xe6\xcd7\xdf\xbcf\xcd\x1a!D\x10\x84i*\xb7\xfc\xd7\x83{v=\x1d\xaf\xa8\xd3\x80\xae\xd0\x003\xb1\xfe= \x00\x0e:w\xfd\x1b\x8d\xc6\xc6\x8d\x1b\xbf\xf1\x8do\xcc\xfa&gt;\x00Y\x89\xc3-w\x1e\xdc\xb3\xeb\xe74\xa0[4\xc04\xac\x7fo\x08\x80k\xe6]\xffM\x9b6=\xf8\xe0\x83\xcdf3I\x92\xd7\x7f\x9bh\'\x19\r\xe8\x19\r0\x07\xeb\xdf3\x02\xe0\x94E\xd6\x7f||\\\x08\x11\x86\xa1\x10"M\xd3[&gt;\xb4\xea\xdaU+\xdbIV\xabF4\xa074\xc0\x04\xac\x7f?\x08\x80;\x16_\xff,\xcbf\xdf\t\xbfwa\xfdo\xbe\xfa\xc7\xab.Z\xdel\xa54\xa0g4\xa0\\\xac\x7f\x9f\x08\x80#\xce\xbb\xfe\xeak\xff\x19\xe3\x8d\xf6\xd0P\xf5\xc0\xf6\r\xff\xf6\xe2\x154\xa0\x1f4\xa0,\xac\x7f\xff\x08\x80\x0b\xba]\x7f!D\x1c\x85r:\x19\x1d\xae\x1d\xf8\xf3\x7fG\x03\xfaD\x03\x8a\xc7\xfakA\x00\xac\xd7\xc3\xfa+A\x18LM\'\xa3C4@\x03\x1aP$\xd6_\x17\x02`\xb7\x9e\xd7_\x89\xa2\xa0A\x034\xa1\x01\xc5`\xfd5"\x00\x16\xebs\xfd\x15\x1a\xa0\x11\r\xc8\x1b\xeb\xaf\x17\x01\xb0\x95\x96\xf5Wh\x80F4 ?\xac\xbfv\x04\xc0J\x1a\xd7_\xa1\x01\x1a\xd1\x80&lt;\xb0\xfey \x00\xf6\xd1\xbe\xfe\n\r\xd0\x88\x06\xe8\xc5\xfa\xe7\x84\x00X&amp;\xa7\xf5Wh\x80F4@\x17\xd6??\x04\xc0&amp;\xb9\xae\xbfB\x034\xa2\x01\xfdc\xfdsE\x00\xacQ\xc0\xfa+4@#\x1a\xd0\x0f\xd6?o\x04\xc0\x0e\x85\xad\xbfB\x034\xa2\x01\xbda\xfd\x0b@\x00,P\xf0\xfa+4@#\x1a\xd0-\xd6\xbf\x18\x04\xc0t\xa5\xac\xbfB\x034\xa2\x01\x9dc\xfd\x0bC\x00\x8cV\xe2\xfa+4@#\x1a\xd0\t\xd6\xbfH\x04\xc0\\\xa5\xaf\xbfB\x034\xa2\x01\x8bc\xfd\x0bF\x00\x0ce\xc8\xfa+4@#\x1a\xb0\x10\xd6\xbfx\x04\xc0DF\xad\xbfB\x034\xa2\x01\xe7b\xfdKA\x00\x8cc\xe0\xfa+4@#\x1a0\x1b\xeb_\x16\x02`\x16c\xd7_\xa1\x01\x1a\xd1\x00\x85\xf5/\x11\x010\x88\xe1\xeb\xaf\xd0\x00\x8dh\x00\xeb_\xae\xf2\x07\x05\x8a\x15\xeb\xaf\xd0\x00\x8d|n\x00\xeb_:S6\xc5s\x16\xad\xbfB\x034\xf2\xb3\x01\xac\xbf\t\xcc\x9a\x15?Y\xb7\xfe\n\r\xd0\xc8\xb7\x06\xb0\xfe\x860qY\xbcb\xe9\xfa+4@#\x7f\x1a\xc0\xfa\x9b\xc3\xdcq\xf1\x81\xd5\xeb\xaf\xd0\x00\x8d|h\x00\xebo\x14\xd3\xf7\xc5a\x0e\xac\xbfB\x034r\xbb\x01\xac\xbfi\xec\x98\x18\xf78\xb3\xfe\n\r\xd0\xc8\xd5\x06\xb0\xfe\x06\xb2ie\x9c\xe1\xd8\xfa+4@#\xf7\x1a\xc0\xfa\x9b\xc9\xbe\xa1\xb1\x9d\x93\xeb\xaf\xd0\x00\x8d\\j\x00\xebo,[\xb7\xc6R\x0e\xaf\xbfB\x034r\xa3\x01\xac\xbf\xc9\xec\x9e\x1b\xbb8\xbf\xfe\n\r\xd0\xc8\xf6\x06\xb0\xfe\x86saq\xac\xe0\xc9\xfa+4@#{\x1b\xc0\xfa\x9b\xcf\x9d\xd11\x99W\xeb\xaf\xd0\x00\x8dll\x00\xebo\x05\xd7v\xc7@\x1e\xae\xbfB\x034\xb2\xab\x01\xac\xbf-\xdc\x9c\x1esx\xbb\xfe\n\r\xd0\xc8\x96\x06\xb0\xfe\x16qy}J\xe7\xf9\xfa+4@#\xf3\x1b\xc0\xfa\xdb\xc5\xfd\x01*\x0b\xeb?\x83\x06hdr\x03X\x7f\xeb\xf8\xb2A\x05c\xfd\xe7\xa0\x01\x1a\x99\xd9\x00\xd6\xdfF~\xcdP1X\xffy\xd1\x00\x8dLk\x00\xebo)\x1f\x97(W\xac\xff"h\x80F\xe64\x80\xf5\xb7\x97\xbfc\x94\x07\xd6\xff\xbch\x80F&amp;4\x80\xf5\xb7\x9a\xef{\xa4\x11\xeb\xdf!\x1a\xa0Q\xb9\r`\xfdm\xc7$\xe9\xc1\xfaw\x85\x06hTV\x03X\x7f\x07\xb0J\x1a\xb0\xfe=\xa0\x01\x1a\x15\xdf\x00\xd6\xdf\r\x0cS\xbfX\xff\x9e\xd1\x00\x8d\x8al\x00\xeb\xef\x0c\xb6\xa9/\xac\x7f\x9fh\x80F\xc54\x80\xf5w\t\xf3\xd4;\xd6_\x0b\x1a\xa0Q\xde\r`\xfd\x1d\xc3B\xf5\x88\xf5\xd7\x88\x06h\x94_\x03X\x7f\xf70R\xbd`\xfd\xb5\xa3\x01\x1a\xe5\xd1\x00\xd6\xdfI\xecT\xd7X\xff\x9c\xd0\x00\x8d\xf46\x80\xf5w\x15S\xd5\x1d\xd6?W4@#]\r`\xfd\x1d\xc6Zu\x81\xf5/\x00\r\xd0\xa8\xff\x06\xb0\xfenc\xb0:\xc5\xfa\x17\x86\x06h\xd4O\x03X\x7f\xe7\xb1Y\x1da\xfd\x0bF\x034Z\xac\x01\x03\x0b6\x80\xf5\xf7\x01\xb3u~\xac\x7f)h\x80F\x0b7\xa0Q\x1b\xa8\xa6\xe74\x80\xf5\xf7\x04\xcbu\x1e\xac\x7f\x89h\x80F\xf36`\xc7\xad{\xa7&amp;\xa6\x07\xea\xd5\xd9\xbf\x93\xf5\xf7\x07\xe3\xb5\x18\xd6\xbft4@\xa3s\x1b\xf0\xd2?\xfc\xff\xbf\xba\xf9\xbf\x9d95&gt;\xf3{X\x7f\xaf\xb0_\x0bb\xfd\rA\x034\x9a\xd3\x808\x0e_&lt;\xf2\xcf?\xfc\xce\xcf\x820\x12BH)\x03\x11V\x07\x87\xf7\xb3\xfe~`\xc2\xe6\xc7\xfa\x1b\x85\x06h4\xbb\x01I\x92\xc5q8\xb3\xeaa\x18U\xeb\xc3\xfbw\xdc\xf6\x02\xeb\xef\x07Vl\x1e\xac\xbf\x81h\x80Fs\x1a \xc4k\xd3\x1e\x04\xc1\xfe{\xb7\x1d\xfb\xe1_\xb3\xfe\x9e`\xc8\xe6b\xfd\x8dE\x034z\xbd\x01\x97\xed\xfe\xf2\x9a(\n\x84\xc8\x84\x10\xbfy\xfe\xff\xfc\xfc\xb1\x87*\xd5*\xeb\xef\t\xb6\xecMX\x7f\xc3\xd1\x00\x8d\xe28l\x9d\x98\xd8|\xeb\xe5\x9f\xfe\x8f\xef\xca2\x19\xc7\xa1\x94\xb2R\xad\xb6[-\xd6\xdf\x13\xcc\xd9\x1bX\x7f+\xd0\x00\x8d\xc2 \xc8\x9a\xc9\x8ae\x83\xea\xff\x8c\xa2\x88\xf5\xf7\n\x8b\xf6\x1a\xd6\xdf"4@\xa30\x08\xdaI&amp;\x84\x08\xc30MS\xd6\xdf+\x8c\x9a\x10\xac\xbf\x85h\x80Fj\xe7\xdb\xad\xe4\x8a+\xae\xd8\xbd{\xb7:\xf0\xac\xbf\x0f\xd85\xd6\xdfV4@/)\xc4\xc8\xc8\x88\x94RJ\xc9\xfa{\xc2\xf7ic\xfd\xadF\x03\xf4J\x92$\x08\x02\xd6\xdf\x1f^\xaf\x1b\xeb\xef\x00\x1a\xa0\x11\xd3\xef\x1b\x7f\x07\x8e\xf5w\x06\r\x00z\xe3\xe9\xc6\xb1\xfe\x8e\xa1\x01@\x0f|\x9c9\xd6\xdfI4\x00\xe8\x96wK\xc7\xfa;\x8c\x06\x00]\xf1k\xecX\x7f\xe7\xd1\x00\xa0s\x1e\xed\x1d\xeb\xef\t\x1a\x00t\xc8\x97\xc9c\xfd\xbdB\x03\x80Nx\xb1z\xac\xbf\x87h\x00p^\xee\x0f\x1f\xeb\xef-\x1a\x00,\xce\xf1\xedc\xfd=G\x03\x80E\xb8&lt;\x7f\xac?\x04\r\x00\x16\xe6\xec\x02\xb2\xfe\x98A\x03\x80y\xb99\x82\xac?\xe6\xa0\x01\xc0\xb9\x1c\xdcA\xd6\x1f\xf3\xa2\x01\xc0\x1c\xaeM!\xeb\x8fE\xd0\x00`6\xa7\xd6\x90\xf5\xc7y\xd1\x00`\x86;\x83\xc8\xfa\xa3C4\x00P\x1c\xd9D\xd6\x1f]\xa1\x01\x80p#\x00\xac?z@\x03\x00\xeb\x97\x91\xf5G\xcfh\x00&lt;g\xf78\xb2\xfe\xe8\x13\r\x80\xcf,\xdeG\xd6\x1fZ\xd0\x00x\xcb\xd6\x89d\xfd\xa1\x11\r\x80\x9f\xac\\I\xd6\x1f\xda\xd1\x00x\xc8\xbe\xa1d\xfd\x91\x13\x1a\x00\xdfX\xb6\x95\xac?rE\x03\xe0\x15\x9b\xe6\x92\xf5G\x01h\x00\xfca\xcdb\xb2\xfe(\x0c\r\x80\'\xec\x18M\xd6\x1f\x05\xa3\x01\xf0\x81\x05\xbb\xc9\xfa\xa3\x144\x00\xce3}:Y\x7f\x94\x88\x06\xc0mF\xaf\'\xeb\x8f\xd2\xd1\x008\xcc\xdc\x01e\xfda\x08\x1a\x00W\x19\xba\xa1\xac?\x8cB\x03\xe0$\x13g\x94\xf5\x87\x81h\x00\xdcc\xdc\x92\xb2\xfe0\x16\r\x80c\xcc\x1aS\xd6\x1f\x86\xa3\x01p\x89A{\xca\xfa\xc3\n4\x00\xce0eRY\x7fX\x84\x06\xc0\rF\xac*\xeb\x0f\xeb\xd0\x008\xa0\xfcae\xfda)\x1a\x00\xdb\x95\xbc\xad\xac?\xacF\x03`\xb52\xe7\x95\xf5\x87\x03h\x00\xecU\xda\xc2\xb2\xfep\x06\r\x80\xa5\xe2R\xfeT\xd6\xbftY&amp;\x934KR\xb6I\x9b\xf1\xc9\xd6\xf0@\xe5o\xef\xdep\xc3\x1d\xff\xf3\xd9\x7f~\xa5\x12\x87[\xee&lt;(\x84\xd8\xbc\xf5\xd2\xd6\x89\xa90(\xfb\xfa\xe6\x93$\x99H\xb2,\x93e_\x08\xcaQB\x00X\x7f\x13\x0c\rV\xe2\xd1\xa1Q!D\xc4\xbfmM\x02!R\xf9{\xa3\xf5\xa7\x1f\xf8\xd8\xfa;\xbe\xf7w?\xff\xcd\x1b\r\xb8\xe5r\xd1LD`\\\x04\xe2$\x13+\xea\xc3\xf5J\xd9\x17\x82r\x14\x1d\x00\xd6\xdf\x04a\x18\xfe\xef\xa3\xff/\xf9\xda\xe3\xcd\xe9vh\xde*YK\n\x11\xa4iV\xafW/\xfe\xfd\x91\xc7\x9fy)\xcdd\x10\x88-w\x1e|\xf6\xc5W\x97-\x1b\x14If\xda\xbf\xec,\x93a\xbd\xf2\xc3\x83\xbf\t\xc30\xcbx8\xe8\x9dB\x03 \xa5\x14B\xcc\xac\x7f\xadVc\xfd\x0b\x16\x86a\x14EQ\x14\x1d|\xee\xb7\x07\x9f\xfbm\xd9\x97\xe3\xb2(\x8a\x82 \x08\x02\x91e\xe9\xd7\xf7=_\xf6\xe5\x9cG\xb5ZM\xd3\x94\x1b\xd07E\x07@Jy\xcb-\xb7\xa8\xf5o6\x9b\x1b7nd\xfd\x0b\x13\x04\xc1\xc4\xc4D\x9a\xa6i\x9a\x96}-\xee\x9b\xfd/9\x8eB\x11\x88(\x0c\x9b\xad\xa4\xc4KZD\xab\xd5\x12BLLL\x94}!(Tq\x01H\xd34\x8a\xa2\xbb\xef\xbe{\xd7\xae]\xf5z}jj\xea\x03\x1f\xf8\xc0\xbe}\xfbN\x9d:%\x84`\xfd\xf3\x16\x04A\x92$W]uU\xbd^\xe7\xf1~\x01\xb2,\x8b\xe38\x08\x82\x1f\xfd\xe8GI\x9aFQ\xd4l%\x97_~\xf9\xd2\xa5K\xd5Ca\xa3DQ\x94\xa6\xe9e\x97]&amp;\x84\x08L{\xa2\n\xb9\t\n;\x8b\xea\xcb\xff\x97^z\xe9\xa3\x1f\xfd\xe8\x93O&gt;Y\xadV+\x95\xca\xf6\xed\xdb\xb7m\xdbv\xf2\xe4\xc98.\xe7\xfdH\xbe\x19\x18\x18\x88\xa2\xa8\xec\xabp_\x96eA\x10\xd4j\xb5O\x7f\xfa\xd3\xbbv\xed\xaaT*\xcdfs\xf3\xe6\xcd\xbbw\xef.\xfb\xd2\x807\x14\x17\x00!\x84\x942\x08\x82\xb1\xb1\xb1u\xeb\xd6\x1d&gt;|X}\xd1\xb1c\xc7\x0e\x1aP\x18\xbe\xf0/\x80z&gt;\xf3\x82\x0b.\xf8\xc4\'&gt;\xf1\xc8#\x8fT\xab\xd5V\xab\xa5\xd6?\xcb2u\x17\x94}\x8d\x0b\xe2\xb1\xb8W\n\r\x80x\xfd\xde\x98i\x80z%\x80\x06\xc0\x193\xeb\xff\xc9O~r\xef\xde\xbd\xea}nj\xfd\xd5\xab\xac&amp;\xaf?|St\xed\xd5\xb3\xcf\xa3\xa3\xa3\x07\x0e\x1cX\xbdzu\xb3\xd9\xac\xd5j\xb7\xddv\xdb\xce\x9d;\x97/_\x9e$\x86\xbeD\x06t\x82\xf5\x87]Jx\xb8G\x03\xe0$\xd6\x1f\xd6)\xe7\xf9&gt;\x1a\x00\xc7\xb0\xfe\xb0Qi/\xf8\xd0\x008\x83\xf5\x87\xa5\xca|\xc5\x9f\x06\xc0\x01\xac?\xecU\xf2[\xbeh\x00\xac\xc6\xfa\xc3j\xe5\xbf\xe7\x97\x06\xc0R\xac?lW~\x00\x04\r\x80\x85X\x7f8\xc0\x88\x00\x08\x1a\x00\xab\xb0\xfep\x83)\x01\x104\x00\x96`\xfd\xe1\x0c\x83\x02 h\x00\x8c\xc7\xfa\xc3%f\x05@\xd0\x00\x18\x8c\xf5\x87c\x8c\x0b\x80\xa0\x010\x12\xeb\x0f\xf7\x98\x18\x00A\x03`\x18\xd6\x1fN*\xfa\xc7Aw\xc5\xe1\x9f\x1d=\xe7_;\xf3a2\xd6\x1f\xae2:\x00\xc2\xad\x06dY\xa6&gt;(J},\xbb\x1a\x0e)e\x96e3\x9f\xd3\xcb\x9a\x98\x86\xf5\x87\xc3L\x0f\x80\xb0\xbf\x01R\xca4M\xe38\xae\xd7\xeb\xd5j5M\xd3\x89\x89\x89\xf1\xf1\xf1F\xa3\xd1j\xb5*\x95J\xbd^_\xbat\xe9\xf0\xf0p\x96e\xe3\xe3\xe3\xea\xc3\x93\xcb\xbej\x08\xc1\xfa\xc3u\x16\x04@\xd8\xdc\x80,\xcbj\xb5\xda\xd0\xd0\xd0\x993g\x9ey\xe6\x99\x83\x07\x0f\x1e9r\xe4W\xbf\xfa\xd5\x89\x13\'\x1a\x8d\x86\x1a\x91z\xbd\xber\xe5\xcaU\xabV\xddx\xe3\x8d\xd7]w\xdd\xf0\xf0\xf0\x993gh@\xe9X\x7f8\xcf\x8e\x00\x08;\x1b\x90e\xd9\xd0\xd0\xd0\xf1\xe3\xc7\x1f}\xf4\xd1\xef~\xf7\xbb\xcf&gt;\xfb\xecy\xff\'\xabV\xad\xba\xeb\xae\xbb&gt;\xf4\xa1\x0f\x8d\x8d\x8d\xf1\xe9\xac%b\xfd\xe1\x03k\x02 lk@\x9a\xa6K\x97.\xfd\xd6\xb7\xbeu\xfb\xed\xb7\x8f\x8d\x8d\xa9_\xacT*j8\xd4\xeb\x01B\x88 \x08\xd4\xd0\xab\x17\x03\xd4/\xdes\xcf=\x9f\xfb\xdc\xe7\xc6\xc6\xc6x\x1cP\n\xd6\x1f\x9e\xb0\xe9kL\xeb\xde\x1b*\xa5|\xcb[\xde266V\xa9T*\x95J\x14E\xedv\xbb\xd5j\xb5Z\xad$I\xd4\xdc\xa7i\xdan\xb7\xdb\xedv\x9a\xa6RJ\xf5\xfa\xf0\x1dw\xdc\xb1w\xef\xde\xd1\xd1Q\xf5\xca0\x8a\xc4\xfa\xc3\x1f6=\x02P,z\x1c\x90e\xd9\xd2\xa5Ko\xb8\xe1\x86\x1f\xfc\xe0\x07\xeaWV\xacXq\xf5\xd5W_q\xc5\x15\xefx\xc7;FFF\xa2(\x9a\x9c\x9c\xfc\xe5/\x7f\xb9\x7f\xff\xfe\'\x9exB\xfd\x9e0\x0c\xa5\x94\xcb\x96-;r\xe4\xc8\x85\x17^\xd8n\xb7Y\x9c\xc2\xb0\xfe\xf0\x8a}\x01\x10\xf64 M\xd3\x91\x91\x91\xef\x7f\xff\xfb\x1f\xf9\xc8G\xae\xb9\xe6\x9a\x8d\x1b7^w\xddu+W\xae\x8c\xe38M\xd3,\xcb\xa4\x94a\x18FQ\x94$\xc9\xde\xbd{?\xf3\x99\xcf4\x9bM\xf5\x8bi\x9a\xdes\xcf=_\xf8\xc2\x17\x8c\xfa\xff\xc8m\xac?|ce\x00\x84=\r\x08\x82\xa0\xd5j\x1d;v\xec\xca+\xaf\x1c\x1c\x1c\x9c\x98\x98P\x13\xaf\xa6D}\x1f\x80\xfa+X\xbe|\xf9W\xbf\xfa\xd5\xdbo\xbf]=\xef\x9fe\xd9\xda\xb5k\x1f{\xec\xb1\x89\x89\t^\r.\x00\xeb\x0f\x0f\xd9\x1a\x00aU\x03\x06\x07\x07\'\'\'\xd5\x1b\xfc\xe7\xdd\x11\xf5U\xff\xe4\xe4\xe4e\x97]v\xf2\xe4\xc9(\x8a\xd24}\xfb\xdb\xdf\xfe\xe4\x93O\x0e\x0c\x0c\xa4i\xca\xfa\xe4\x8a\xf5\x87\x9f,\xfe\xd2\xd2\x96\xd7\x84\xa5\x94\x13\x13\x13A\x10\xc4q\xbc\xd0\x8e\x04A\xa0\x9e/\xba\xe8\xa2\x8b\xc4\xeb?\x19\xe2\xec\xd9\xb3\xd3\xd3\xd3|\xf9\x9f7\xd6\x1f\xde\xb2{\\li@\x87#\x1e\x04\xc1\xec\xadaz\n\xc0\xfa\xc3gv\x07@\xd8\xd3\x80\xc5\xa97\x80NNN\xfe\xeew\xbf\x9b\xf9\xc5\x91\x91\x91z\xbd\xce;A\xf3\xc3\xfa\xc3s\xd6\x07@8\xd1\x804M\x87\x87\x87\x9fz\xea\xa9\xe3\xc7\x8f\xab\xb7\x81\x06A\xf0\xcew\xbes\xe9\xd2\xa5I\x920Cy`\xfd\x01\x17\x02 ,o@\x96e\x95J\xa5\xddn\xdfu\xd7]3\xaf\xc9K)?\xf8\xc1\x0fFQd\xef\xab\xf4&amp;c\xfd\x01a\xf5\xbb\x80\xcee\xcb\xfb\x82fS\xd7\xbcd\xc9\x92O}\xeaS\x0f=\xf4\x90z\xb5 \xcb\xb2\x8b/\xbe\xf8\xa7?\xfdi\x1c\xc7\xea\'H\x97}\x99Na\xfd\x01\xc5\x91G\x00\x8au\x8f\x03\x92$\xa9\xd5j\xb5Z\xed\xe3\x1f\xff\xf8C\x0f=4\xfb\'\xff\xdc{\xef\xbd&lt;\xff\x93\x07\xd6\x1f\x98\xe1T\x00\x84U\rH\x92d\xc9\x92%g\xcf\x9e\xdd\xb0a\xc3\xc3\x0f?&lt;\xf3lO\x96e;w\xee\\\xbf~\xfd\xe9\xd3\xa7\xf9apz\xb1\xfe\xc0lN=\x054\xc3\xfc\xe7\x82\x92$\x19\x1d\x1d}\xe6\x99g&gt;\xf6\xb1\x8f\xbd\xf8\xe2\x8bj\xe8\xd5\x06\xddw\xdf}[\xb7n=u\xea\x14\xeb\xaf\x17\xeb\x0f\xcc\xe1f\x00\x84\xd9\rP\xeb\x7f\xf0\xe0\xc1\x9bn\xba\xe9\xd5W_\x9dY\xff\xd1\xd1\xd1o~\xf3\x9b\x1b6l(\xfd\n\xdd\xc3\xfa\x03\xe7r6\x00\xc2\xd4\x06\xa8O\x89y\xfe\xf9\xe7\xaf\xbf\xfe\xfa\x99\'y\xd24}\xcf{\xde\xb3o\xdf\xbeK.\xb9\xe4\xd5W_e\xfd\xf5b\xfd\x81y\xb9\x1c\x00a^\x03\xd4\x1b\xfc\x83 X\xb3f\xcds\xcf=\x17\xc7\xb1\xfa\xc4\xe0\xb5k\xd7&gt;\xfa\xe8\xa3###g\xce\x9c\xa9T*\x05_\x95\xdbX\x7f`!\xae\xbd\x08&lt;\x87i\xaf\t\xab\x8f\t{\xf8\xe1\x87\xd5\xfa\xab\x0f\x84\xb9\xe6\x9ak\xbe\xf7\xbd\xef\r\r\r\x9d={\x96\xf5\xd7\x8b\xf5\x07\x16\xe1x\x00\x84a\r\x08\xc3\xb0\xddn\x7f\xe7;\xdfQ\x8f\x03\xa4\x94+W\xae\xdc\xbbwo\xb5Z\x9d\x9e\x9e\xe6\x99\x1f\xbdX\x7f`q\xee\x07@\x18\xd3\x00)e\xb5Z=q\xe2\xc4/~\xf1\x0b\xf9\xbam\xdb\xb6\xbd\xedmo\x9b\x98\x98\xe0=?z\xb1\xfe\xc0yy\x11\x00aF\x03\xd4O|{\xe5\x95W\xce\x9c9#\x84P\x1f\x0f\xb0f\xcd\x9aF\xa3\xc1\xfa\xeb\xc5\xfa\x03\x9d\xf0%\x00\xc2\x8c\x06\x84a\xd8h4f&gt;\x19f\xc9\x92%\xea\x8ff\x8f4b\xfd\x81\x0ey\x14\x00aF\x03\xd4\xa7\x01\xab\xff\x9c\x9e\x9e\xe6k\x7f\xbdX\x7f\xa0s\x8e\xbf\rt^e\xbd7T=\x054&gt;&gt;\xfe\xd4SO\xa9_\xa9T*\xabW\xafVo\x06\xcd\xe9\x0f\xf5\n\xeb\x0ft\xc5\xc7\x00\x88R\xbf? \x0c\xc3\xa1\xa1!\xf5\xcfR\xca\xc9\xc9I?\xff\n\xb4c\xfd\x81ny\x1a\x00Q\xea\xe3\x80$I\xb2,\x13B\x84a\xc8\x1b\xff\xb5`\xfd\x81\x1e\xf8\x1b\x00QR\x03\xd4\x8f\x82\x18\x18\x18\x10B\xb4\xdb\xed\xf1\xf1q\xf1\xfa\xa7\xc0\xa37\xac?\xd0\x1b\xaf\x03 \no\x80\x94rhh\xe8g?\xfb\xd9\x13O&lt;1==}\xe5\x95W^\x7f\xfd\xf5\xcdf\x93O}\xe9\x19\xeb\x0f\xf4\xcc\xf7\x00\x88\x02\x1b\xa0~\x0e\xc4\xce\x9d;?\xff\xf9\xcf\xcf|\xd4\xfb\xa6M\x9b\xee\xbf\xff\xfef\xb3\xc9N\xf5\x80\xf5\x07\xfaA\x00\x84(\xa4\x01R\xca8\x8eO\x9f&gt;}\xc9%\x97\xa8\x9f\xf9\xa3\xbe\x138M\xd3\xfd\xfb\xf7_{\xed\xb5\xe3\xe3\xe3\xea\xf3 \xd1!\xd6\x1f\xe8\x13\x8b#D!\xdf\x1f \xa5\xac\xd5j\xbf\xfe\xf5\xaf\xc7\xc7\xc7\x83 h\xb7\xdb\xea\xfb\xbf\xc20|\xe1\x85\x17*\x95\x8azY\x18\x1db\xfd\x81\xfe\x11\x80\xd7\x14\xf3=b\xf3~\x8d\xcf\x17\xfe\xddb\xfd\x01-\x98\x9e7\xe4\xda\x80 \x08\xa6\xa7\xa7/\xba\xe8\xa2e\xcb\x96\xa9\x9f\n\xa7~\x1ct\x96e\x97^zi\xab\xd5"\x03\x1db\xfd\x01]\x18\x9d7\xc9\xaf\x01\xeai\x9f\xe5\xcb\x97\x7f\xe5+_\xa9V\xab\xadVK}7\xc0\xad\xb7\xdez\xf5\xd5WOLL\x10\x80N\xb0\xfe\x80F\xbc\x08&lt;\x8f\xfc^\x13\x96R\x0e\x0f\x0f\x1f=z\xf4\xf1\xc7\x1fo4\x1a\xef{\xdf\xfb\xae\xbd\xf6\xda\xe9\xe9i\xfe\x16:\xc1\xfa\x03z\x11\x80\xf9\xe5\xd7\x80,\xcb\xea\xf5\xfa\xe0\xe0\xa0\x10\xa2\xd5j\xf1\xe6\x9f\x0e\xb1\xfe\x80v\x04`A\xb96@\xbd\xe7\'\x08\x02~\x1ah\'X\x7f \x0f\x04`1\xa6}\xa6\xbc\x9fX\x7f \'&lt;\xf9\xb0\x18\x13&gt;?\xc0s\xac?\x90\x1f\x02p\x1e4\xa0D\xac?\x90+\x02p~4\xa0\x14\xac?\x907\x02\xd0\x11\x1aP0\xd6\x1f(\x00\x01\xe8\x14\r(\x0c\xeb\x0f\x14\x83\x00t\x81\x06\x14\x80\xf5\x07\nC\x00\xbaC\x03r\xc5\xfa\x03E"\x00]\xa3\x019a\xfd\x81\x82\x11\x80^\xd0\x00\xedX\x7f\xa0x\x04\xa0G4@#\xd6\x1f(\x05\x01\xe8\x1d\r\xd0\x82\xf5\x07\xcaB\x00\xfaB\x03\xfa\xc4\xfa\x03%"\x00\xfd\xa2\x01=c\xfd\x81r\x11\x00\rh@\x0fX\x7f\xa0t\x04@\x0f\x1a\xd0\x15\xd6\x1f0\x01\x01\xd0\x86\x06t\x88\xf5\x07\x0cA\x00t\xa2\x01\xe7\xc5\xfa\x03\xe6 \x00\x9a\xd1\x80E\xb0\xfe\x80Q\x08\x80~4`^\xac?`\x1a\x02\x90\x0b\x1a0\x07\xeb\x0f\x18\x88\x00\xe4\x85\x06\xcc`\xfd\x013\x11\x80\x1c\xd1\x00\xc1\xfa\x03\x06#\x00\xf9\xf2\xbc\x01\xac?`2\x02\x90;o\x1b\xc0\xfa\x03\x86#\x00E\xf0\xb0\x01\xac?`&gt;\x02P\x10\xaf\x1a\xc0\xfa\x03V \x00\xc5\xf1\xa4\x01\xac?`\x0b\x02P(\xe7\x1b\xc0\xfa\x03\x16!\x00Es\xb8\x01\xac?`\x17\x02P\x02\'\x1b\xc0\xfa\x03\xd6!\x00\xe5p\xac\x01\xac?`#\x02P\x1ag\x1a\xc0\xfa\x03\x96"\x00er\xa0\x01\xac?`/\x02P2\xab\x1b\xc0\xfa\x03V#\x00\xe5\xb3\xb4\x01\xac?`;\x02`\x04\xeb\x1a\xc0\xfa\x03\x0e \x00\xa6\xb0\xa8\x01\xac?\xe0\x06\x02`\x10+\x1a\xc0\xfa\x03\xce \x00f1\xbc\x01\xac?\xe0\x12\x02`\x1cc\x1b\xc0\xfa\x03\x8e!\x00&amp;2\xb0\x01\xac?\xe0\x1e\x02`(\xa3\x1a\xc0\xfa\x03N"\x00\xe62\xa4\x01\xac?\xe0*\x02`\xb4\xd2\x1b\xc0\xfa\x03\x0e#\x00\xa6+\xb1\x01\xac?\xe06\x02`\x81R\x1a\xc0\xfa\x03\xce#\x00v(\xb8\x01\xac?\xe0\x03\x02`\x8d\xc2\x1a\xc0\xfa\x03\x9e \x006)\xa0\x01\xac?\xe0\x0f\x02`\x99\\\x1b\xc0\xfa\x03^!\x00\xf6\xc9\xa9\x01\xac?\xe0\x1b\x02`%\xed\r`\xfd\x01\x0f\x11\x00[il\x00\xeb\x0f\xf8\x89\x00XLK\x03X\x7f\xc0[\x04\xc0n}6\x80\xf5\x07|F\x00\xac\xd7s\x03X\x7f\xc0s\x04\xc0\x05=4\x80\xf5\x07@\x00\x1c\xd1U\x03X\x7f\x00\x82\x00\xb8\xa4\xc3\x06\xb0\xfe\x00\x94@JY\xf65@\'\xb5\xefccc\xeb\xd6\xad;|\xf8p\xadVk6\x9b;v\xec\xd8\xb6m\xdb\xc9\x93\'\xc30d\xfd\x01(&lt;\x02p\xcd\xe2\x8f\x03\x84\x10\xac?\x00\x85G\x00nZ\xe8q\xc0\xad\xb7\xde\xbai\xd3\xa6G\x1ey\x84\xf5\x07@\x00\x9c5\xa7\x01q\x1c\xa7i\xfa\xfe\xf7\xbf\xff\xc7?\xfe\xb1\xea\x01\xeb\x0fx\x8e\x00\xb8\xec\xdc\x06$I\xc2\xfa\x03Px\r\xc0es^\x0fH\x92\xa4^\xaf\xb3\xfe\x00\x14\x1e\x01\xb8o\xe6q\xc0\xfa\xf5\xeb\x0f\x1d:\xb4u\xeb\xd6\x07\x1ex\x80\xf5\x07@\x00\xbc\xa0\x1ap\xe2\xc4\x89\x07\x1f|\xf0\x8b_\xfc\xa2\xfaKg\xfd\x01\xcf\x11\x00_H)\xd5\xe2\xcf\xfc\x03\x00\xcf\xf1\x1a\x80/\x82 \x90R\xa6i\xca\xfa\x03Px\x04\x00\x00\x9e\xe2\x11\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fe\x05\xbb8\x7f\xdev\x02\xb6\x94\x00\x00\x00\x00IEND\xaeB`\x82'</t>
        </is>
      </c>
    </row>
    <row r="425">
      <c r="A425" s="1" t="n">
        <v>423</v>
      </c>
      <c r="B425" t="inlineStr">
        <is>
          <t>color_grid</t>
        </is>
      </c>
      <c r="C425" t="inlineStr">
        <is>
          <t>What is the color of the missing part denoted with a question mark?</t>
        </is>
      </c>
      <c r="D425" t="inlineStr">
        <is>
          <t>['purple', 'green', 'orange', 'blue']</t>
        </is>
      </c>
      <c r="E425" t="inlineStr">
        <is>
          <t>blue</t>
        </is>
      </c>
      <c r="F425" t="inlineStr">
        <is>
          <t>There are circles with different colors arranged with a grid formation in the image. The colors in the first row are ['yellow', 'blue', 'yellow'], the colors in the second row are ['blue', 'purple', '?'], and the colors in the third row are ['yellow', 'blue', 'yellow'].</t>
        </is>
      </c>
      <c r="G425" t="inlineStr">
        <is>
          <t>We observe that the circles at the corners are yellow, while the circles directly adjacent to the center are blue. Only the center circle is purple. Hence, the pattern is that the circles alternate in color depending on if they are at the corner or adjacent to the center.</t>
        </is>
      </c>
      <c r="H425" t="inlineStr">
        <is>
          <t>Based on the pattern that the circles alternate in color depending on if they are at the corner or adjacent to the center, the missing color of the part that is adjacent to the center should be blue.</t>
        </is>
      </c>
      <c r="I425" t="inlineStr">
        <is>
          <t>b'\x89PNG\r\n\x1a\n\x00\x00\x00\rIHDR\x00\x00\x02\x00\x00\x00\x02\x00\x08\x02\x00\x00\x00{\x1aC\xad\x00\x00r\xaeIDATx\x9c\xed\xddy|\x14U\xba?\xfe\xe7\x9c\xaa\xea-Kg_\x08\xb2\x04\x92\x00Y@L@\x01Q\x04Q\xdc\x1dTp\x94\xc1\xa0\x80_u\x1c\xf0:\xfe\xf4\x8ew\xc6\xcb\x8c\x1b\xa2rgFGA\xd1QQ\xc4\r\x15\x85\x80(\xa3 "\x12 \x01\x02\x01\x02a\xc9F\xb6N\xd2\x9d^\xaa\xce\xf9\xfdQ\xd0\xc6$\x84 \xe9\xa4S\xe7y\xcf\xeb\xe5\xcb!m\xe8~\xfaS\xf5\x9c:u\xaa\x8ap\xce\x01!\x84\x90xhO\xbf\x01\x84\x10B=\x03\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n\x1b\x00B\x08\tJ\xee\xe97 "\xcey\xbb\x7fN\x08\xe9\xe6w\x82P\xf7\xc3\xfc\x07\x0fl\x00\x81\xc5[\x00\x00J\xa9\xff\x9fm1\xc6\xfc\xff$-t\xe3\xfbE\xa8+a\xfe\x83\x1c9S7F\xbf\x9a\x1ew\xc6\x18!D\x92\xa4\xb6/`\x8c9\x1c\x0eBN\x15_\xff\x17\x8b\xc5b\xb5Z\xdb}\xb1\xfe\xab(\xa5\xb81\xa0\xe0\x87\xf9\xefE\xb0\x01t\x19=\xf4\x9csY\xfe\xf9\xb8J\xd3\xb4\xb2\xb2\xb2\x83\x07\x0f\x16\x16\x14TWWo\xfbi\x9b\xaa\xaa\x95\x15\x15\x15\x15\xe5\xfe\r\x00\x08\x01\xceCCC\x07\x0fN\xe1\xc033\xb3bbb\xb3\xb3\xb3/\xb8\xe0\x82\xfe\xfd\xfb\xdbl\xb6\x96\xbf\r\x00pK@A\x08\xf3\xdf\x1ba\x03\xe8\x02\x9csM\xd3\xfc\xb9\xd74\xad\xb8\xb88//o\xd3\xa6\xef\x8a\x8b\xf7\x97\x96\x96644\xfd\x8a_k6\xc9}\xfa$\xa5\xa5\r\xb9\xf8\x92K&amp;O\x9e&lt;|\xf8p\xff\xc6\xa0\xaa*\xa5\xf4L\x87\xd2\x08u\'\xcc\x7f\xef\x85\r\xe0\xbc\xe8C\x12\xfd8W\xd3\xb4\xad[\xb7\xaeZ\xf5\xc9\x9a5k\x0e\x14\x17{\xbc\xbe\x96\xaf\x0c\x0b\xb5\x84\xd8\x94a\xc9v*Q{\xa8\x9254\x8ak\\\x1f\xc7p\x0eD\xa1\xa5G\x1b\x8e\x969\x89D\x0f\x1eq44yk\xea\\\xad\xfe\xae\x81\x03\xfbO\x98p\xc5\x8d7\xdet\xf9\xe5\x97\x87\x87\x87\xc3\xe91\x17\x0e\x88PO\xc1\xfc\xf7v\xd8\x00~%M\xd3\xfc\xc9;~\xfc\xf8\x8a\x15+\x96/\x7fg\xe7\xce]?\xbf\x82\xd0\x01}\xc3.\xca\x88\x199,&amp;;=z\xe8\xa0\xc8\xf0p\x93=\xca\n\x94\x00\x010I\xd0\xb2\xf0\x04@e\xa01 \xa4\xb9\xd6\xedt\xf9\xf6\x94\xd4\xef\xd8W[\xb8\xbff\xdb\xae\x93\x07\x8e4\xb8\xdd^\xffk\xfb\xf7\xbf\xe0\xb6\xdb\xa6\xddy\xe7\x8c\xac\xac,\xff\x9biw\xb2\x15\xa1\x00\xc1\xfc\x1b\x036\x80s\xa6Ot\xea\x81\xfb\xfe\xfb\xef_\x7f\xfd\xf5O&gt;\xfe\xa8\xae\xde\xa1\xff4\xd2n\xcd\xce\x8c\xb9j\\\xdf\xf1\xa3\xfb\xa4\x0f\x8a\xb0E[A\xa6\xa02\xf0j\xa01\xe6c\x00\xc0\x018k]v\xffz\x07*S\xa0\x04\xcc\x12\xc8\x148h\r\x9e\xe2R\xc7\xd6\x9dU\xab7\x1e\xdb^p\xf2\xc8\xf1S\x7f\x91\xc9$_~\xf9\x15\xf7\xddw\xdf\x94)SL&amp;\x93&gt;\x1a\xc2\xcd\x00\x05\x1a\xe6\xdfH\xb0\x01\x9c\x83\x96s\x9d\x1b6lX\xb8\xf0\xd9u\xeb\xd6\x9f\xfe!\x1d\x97\x9dp\xe3\x95\xfd\xa7_7\xb8o\xbfp\x90)\xf84\xf0h\x9a\x8fq\xce\t!\x84\x02\xe9\xdcBg\xceA\xdf@8\xe7\x04\x88$\x110K`\x96\x81\xf1\xc6\x9a\xe6U\xeb\x0f\x7f\x9cwd\xfd\xa6\x13N\x97G\x7f}Vf\xc6\xbc\xf9\x0f\xe5\xe6\xe6\xc2/\xc7e\x08u-\xcc\xbf\xf1`\x03\xe8,}\xb6\x11\x00\x8a\x8b\x8b\x9f}\xf6\xd97\xdfX\xa6\x0fb\xac\x16\xd3oo\x184k\xda\x901#\x13\xc0*\x83\xcb\xc7&lt;\x1a\xe3\x9c\x10B\xbbb\x11\xb3&gt;\\b\x1c\x08\x80\xa4P\x08Q\x80\xc3\xbe\xa2\x9a\xf7W\x1f\\\xf2^QY\xe5\xa9\xd3k\x93&amp;Mz\xf4\xd1G\'N\x9c\x08xD\x8c\x02\x00\xf3oH\xd8\x00:EUUY\x96\xbd^\xef\xc2\x85\x0b_|\xe1\xf9\xda\xbaz\x00\x88\x8a\xb0\xce\x9a6d\xe6\x8d)\x19\x17\xc6\x83\xca\xb8\xd3\xabi\\\x92\x02x\xe9\n\xe7\xc0\x18\'\x00\xd4&amp;\x83U\xa9&lt;R\xff\xf6g\x07\x97\xad\xd8Wt\xa8\x16\x00\x08\x81\xdc\xdcY\x7f\xfd\xeb_\xfb\xf4\xe9\x83C!\xd4\x850\xffF\x85\r\xe0,\xf4\xeb\x12)\xa5\x9b7o\xbe\xf7\xde{w\xef\xde\r\x00V\xb3r\xfb\x8d\x83\x1e\x99{aZV\x1c8\xbd\x9aK%\x04(\xed\xbe\xb41\xc6\x19\xe3\xb2Y\x06\xbb\xc9Q\xe6\\\xfcF\xc1\xab\xcb\x8b\xcaO6\x01@B|\xdc_\xff\xf6\xe4=\xf7\xdc\x038\x14B\xe7\r\xf3ol\xd8\x00:\xe2\x0f\xd0\x13O&lt;\xf1\xcc3O{&lt;^\x00\x984\xa6\xef\xdf\xfe8j\xf4\x98\xbe\xe0\xf2\xa9.\x1f\xa5\xa4;\xa3\xdf\x12\xe7\xa0iL6I`7\x97\x1d\xaa\xff\x9f\x17~|\xf3\xc3\x03\x8ck\x000}\xfa\xf4\x7f\xfe\xf3\x9f\xd1\xd1\xd1\xfa\xd8\xadG\xde\x1e\xea\xed0\xff\x86\x87\r\xe0\x8c\xf4\xf4\x97\x97\x97\xe7\xe6\xe6\xe6\xe5\xe5\x01@d\xb8\xe5\x7f\x1f\xca\xfe\xfd\xac,\x00\xd0\x1a\xbd\xa4\xe7\xa2\xdf\xd2\xa9\xcd\xc0"C\xa8)om\xc9\x1f\x9e\xd8\xb4\xffp=\x00\xa4\xa6\xa6.[\xb6l\xec\xd8\xb18\x0eB\xbf\x02\xe6_\x04\xd8\x00\xda\xa7\x0f\x1c6o\xde|\xdbm\xb7\x95\x95\x95\x01\xc0\xb8\x8b\x12^_tE\xea\xb0\x18V\xdb\x0c\x1c\xa8\xd4\xf3\xd1o\x89s\xaei\\\x8e\xb08\xea\xdd\x0f/\xd8\xfc\xda\xfb\xfb\x00\xb8\xd9\xa4\xfc\xdf\xdf\xff1w\xee\\\x9c\x12E\xe7\x04\xf3/\x08l\x00\xed\xd0\xd3\xbft\xe9\xd2\xfb\xef\xbf\xdf\xe7\xf3\x01\xd0y\xb9\xe9\xcf\xfdi\xac\xacP\xb5\xc9+\xcb\xc1{\x01\xba\xa62\xc9$A\xa8\xe9\xb5\x7f\x17\xfe\xf1\xc9-\xf5\x8d\x1e\x00\x98;w\xee+\xaf\xbc\x82\xdb\x00\xea$\xcc\xbf8\xb0\x01\xb4\xe6O\xff\x9c9s\x00\xc0\x1ej~\xe1\xcfcf\xe5f\xf1\xdaf\xcex0\x1c\xf3v\x8cs\xce\x18H1\xd6\x1f\xbf?1\xe3\x0f_\x15\x97:\x00`\xf6\xec\xd9K\x96,\xc1m\x00\x9d\x15\xe6_(\xd8\x00~\xa1U\xfa\xa3\xed\x965o^\x933\xb6\xafz\xd2%I\xb4\x17%G\xf51\xd9n\xae\xadi\x9e2\xe3\xf3\x1f\x0bO\x02n\x03\xa8\x130\xff\xa2\t\xde\xa3\xb9\xee\xd7*\xfd\xa32c\xb7|65\';Q=\xe9\x92\xe5\xde\x94~\x00\x90\x15\xaa5x\xa2\xc2\xcd_\xad\xbci\xd6\xd44\x00\xd0?\x97$I\xfa\xa5\xfc=\xfd\x06Q\xd0\xc1\xfc\x0b\x08\x8f\x00Ni\x9b\xfe\xb5\xef\xdc\x10\x19e\xd1\x1a&lt;R\x10Ozv\x8ci\x9c\x9a(X\x959\xf3\xbfZ\xbar\x1f\x9c\x1e\x07\xe9O\xd8\xc0q\x10\xf2\xc3\xfc\x8b\t\x1b\x00\xc0\xe9\x15o\xfe\xf4\xe7d\xc4\xe6-\xbf!2\xdc\xa4\xb9|\xbd7\xfd:\xc68\xa7D\n5\xcd\x99\xf7\xd5\xd2\x0f~\xde\x06pm\x1c\xf2\xc3\xfc\x0b\x0b\x1b\xc0\xa9\xf4o\xd9\xb2e\xdc\xb8\xb1\x8c\xf1(\xbb\xf9\xa7\xcfn\x19\x98\x1c\xd1\xab\xc7&gt;-q\xc6\xb9D\x89B\xc7\xde\xf4\xd1\x96]U\x00\xf0\xe2\x8b/\xce\x9b7\x0f\xaf\x91A\x80\xf9\x17\x9b\xe8\r@?\x18\xac\xaa\xaa\x1a\x9e\x95UYU\x15bS\xbeY~}NN\xa2\xe60H\xfau\x8cqP\xa4z\xa7o\xc2\xad\x9f\x14\x14\xd7\x01\xf0u\xeb\xd6]y\xe5\x958\x0e\x12\x1c\xe6_\xf0\xfc\x1b\xe7;\xfeu\xf4[\x9d\xcc\x981\xa3\xb2\xaa\n\x00^\xfa\xf3\xd8\x9c\xb1}\xd5zC\xa5\x1f\x00(%\xdc\xa3FE[\xdeY&lt;)\xcan\x02\x80\xdf\xcd\x98QYYI)\xd5+\x80\xc4\x84\xf9\x17&lt;\xff\x86\xfa\x9a\xcf\x95~\x0c\xb8`\xc1\x82\xf5\xeb\xd7\x03\xc0\xbc\xdfe\xcc\xbcg\xb8\xef\xa4KV\x0cX\x16I\xa6j\xbd\'3;a\xc9\xdf\xc6\x03@Ee\xe5\x8c\x193~~07\x12\x0f\xe6\x1f\xf3/\xee\xe7\xd7\xefo\xfe\xc3\x0f?\x8c\x1f?\xde\xe7\xf3]&lt;&lt;n\xd3\xc7\xbf\xe1*\x938\x18xu\x80\xaa29\xd66\xff\xe1\xaf\x17\xbf\xb5\x1bNO\x86\xe2\x81\xb0\x800\xff\x80\xf9\x17\xb6\x01\xe8\x0f\x90\xd34-33\xa3\xb8\xf8@X\xa8i\xe7\xe7\xb7$\'G0\xa7/\xd8nr\xd2\xb58\x07F\x00\x14:\xea\xba\x0f\xf3\xf7\xd6\xc8\x12\xdd\xbdgOjj*\xe7\\\x7f\xdc\x07\x12\x01\xe6\x1f\xf3\xaf\x13\xf13\x03\x80\xfe\xf8\xd0E\x8b\x16\x15\x17\x1f\x00\x80g\x1e\xcaI\x1e\x16\xa36z\x8d\x9d~\x00 \x04@\xe3\x92"\xbd\xf6\xd4x\xb3I\xd2\x98\xf6\xe0\x83\x0f\xe2\x81\xb0h0\xff\x98\x7f\x9d\x88\r@?\xf8=t\xe8\xd0\xc2\x85\x0b\x01`|N\xe2}\xb3Gh\xb5\xcd\x86\x9c\xfalK\x92\x88\xda\xe0\xb9p\xcc\x05\x0f\xcf\xca\xe4\x1c\xd6\xad[\xf7\xc1\x07\x1fH\x92\xa4iZO\xbf5\xd4\x1d0\xff\x98\x7f?!\xbe\xf2V\xf4\xa7T/X\xb0\xc0\xe1pX\xcc\xf2\x8b\x8f]\x02\x00D\xa4\x11\x80$Q\xcd\xe1~\xe4\xfe\x91)\x03"(%\x8f?\xfe\xb8\xd7\xeb\x15y\x1c$\x14\xcc?\xe6\xdfO\xb8\x06\xa0\x9f\xf0\xf9\xf6\xdbo\x97/_\x0e\x00\xd3\xa6$\x8f\x1c\xd7Wk\xf0\x18\xfe\xe0\xb7%B\x80{\xb5\xf0\xb8\x90\xc7\xef\x1d\xc1\x18/..^\xb4h\x11.\x89\x13\x01\xe6\x1f0\xff-\x08\xd7\xf4\xf4\xefx\xd2\xa4\x89\xdf|\xb31:\xc2\xf2\xc3G7\'\'G\x80[\r\xfe\xfb\xdcv-\x0e\xc0\x01|\x84\x8c\xbf\xe5\x93m\x85\'\xa3\xa2\xa2\xf6\xee\xdd\x1b\x1b\x1b\x0b\x00x\x8f\x14\x03\xc3\xfc\xeb0\xff:\xb1\x8e\x00\xf4\x9b\xc1\xe6\xe7\xe7o\xdc\xb8\x11\x00r\xa7\xa6\x0e\x1e\x1e\xc7\x9c&gt;\xd1\xd2\x0f\x00\x04\x80\xab\xcc\x1cn\xfa\xdf\x07Fr\xcekjj\xdey\xe7\x1dB\x88\x983\xa1\x82\xc0\xfc\xfba\xfeub5\x00\xdd\xcb/\xbf\xc49X\xcc\xf2\xac\xa9i\xbc\xc9\xe0\xeb\xde:@e\xca\x1c\x9e\xf1\x97^0dP$!d\xd9\xb2\xd7\x9b\x9b\x9b%I\x12\xed\xa0P4\x98\x7f\x1d\xe6\x1f\x84j\x00\x9cs\xfd!\xd7\x1f~\xf0\x01\x00\xdc~\xdd\xe0\xa1#\x13\x98\xcb+\xe0\xf0G\xa7\x0f\x82l\x91\xd6\xc7f\x0f\xe7\x9c\xef\xd9\xb3w\xc3\x86\r\x84\x10\xc3\xcf\x84\xf2\xd3\xf4[\xc3\x0b\xb2\xc1c\xfe[\x116\xff-\t\xd4\x00\xf4\x83\xbb\xf7\xde{\xaf\xb1\xc9)I\xf4\xbe\xe9C\xb9\x8f\x01\x08\x9a~\x1d\x95(o\xf4L\xbdfP\xdf\x840B\xc8\xd2%K\xc0\xa0s\xa0\xfa\xee^UUM\xd3\xc8i\xfa\xc3\xa1\xf4\xe5\x1f\xfa\x8f\x0c\xdc\x0c0\xffm\x89\x93\xff3\x11\xa8\x01H\x92\xe4\xf5z\xff\xfd\xe6\x1b\x84\x90QYq#\xb3\x13\xb8\xd3+\x89z\xfc\xab#\x044\xaf\x16\x12\x17r\xfbu\xc9\x9c\xf3\r\x1b6\x1c8p\xc0`\xcb!\xf4\x9d\xbb\xbe\xbb\x97eY\xbf\xe8\xbf\xb1\xb1\xb1\xb2\xb2\xf2\xd8\xb1c\x15\x15\x15\x8d\x8d\x8d\x84\x10\xfdG\x06\x9e\x05\xc6\xfc\xb7%B\xfe;&amp;J\x03\xd0\xc7};\xf2w\x14\xee\xde\xc39\x9f:y\x00\xb5)L3\xecp\xaf\xf3\x08!\xe0\xd3\xa6^9\x90R\xeat\xb9V\xadZ\x05\xa7\xd7\x8a\x18\x80\xbe\xe6]\xbf\xed{~~\xfe\xf3\xcf?\x7f\xcb-\xb7\x8c\x181"%%%%%e\xc8\x90!\xfa\xbf\xe4\xe4\xe4\xcc\x9d;w\xf5\xea\xd5\xfa*I\xe3\xf5\x00\xcc\xff\x99\x18;\xffg%J\x03\xd0\x0f\xed?\xfe\xf8#\xceyT\x84\xf5\xb7\xd7\x0f\x06\xa7O\x92D\xf9\xf8\x1d\x90$\xc2\x9c\xde\x9cQ\x89cF&amp;\x10B&gt;]\xf5\x89~\xa5hO\xbf\xaf.\xa0\xef\xfd\xcb\xca\xca\x9e}\xf6\xd9\x0b/\xbc\xf0\xa2\x8b.z\xf8\xe1\x87?\xfa\xe8\xa3]\xbbvUVV666\xba\\\xae\xa6\xa6\xa6\xca\xca\xca\x9f~\xfai\xc9\x92%\xd7_\x7f\xfd\xe8\xd1\xa3\xd7\xad[g\xbc\x1e\x80\xf9?\x13\x03\xe7\xbf3D\xf9\x9c\x92$\xf9\xbc\xde\xd5_\xac\x06\x80\x11C\xa3\x13\x07\xd8\x99G\x15i\xae\xaf#L\xe3\xd4\xa6L\xba$\x91s\xbe=?\xff\xe0\xc1\x83\x068\n\xd6\xc7\xbc\xcb\x97/\xcf\xcc\xcc|\xf4\xd1Gw\xee\xdc\t\x00\x8a\xa2\x98\xcdf\x93\xc9\xa4O\xf8PJ%IR\x14EQ\x14\xfdO\xb6o\xdf~\xd5UW-^\xbc\xd8`=\x00\xf3\xdf\x01C\xe6\xbf\x93\x84h\x00\xfac\x8f\x0e\x95\x94\x94\x1c:\x04\x00W_\x9a\x042e\x0c\x8f\x7fO!\x84\x80W\x9b&lt;\xb6\xaf,Q\xb7\xdb\xb3y\xf3f0\xcaQp\xdf\xbe}kkkM&amp;\x93\xa2(\x92$\xf9|&gt;\x8f\xc7\xe3\xf5z\xf5S\xbe\xfa\x1d1}&gt;\x9f\xcf\xe7\xd3\xff\xaf$I\x92$\xcd\x9f?\x7f\xe5\xca\x95\x86\xe9\x01\x98\xff\x8e\x198\xffg%J\x03\x00\x80\xb5k\xd6\xb8=^Y\xa2\x13/N\x02\x1f\x13\xea\\\x7f\xc7(%\xe0V\x87\xa7\xc7$%\x84\x01\xc0\xe7\x9f}\x06\xbd\x7f-\x84$I\x8c\xb1\xcb.\xbb\xec\xea\xab\xaf\xf6z\xbd\xfa.&gt;&gt;&gt;\xfe\xd6[o}\xfe\xf9\xe7?\xff\xfc\xf3\xef\xbe\xfbn\xcb\x96-\xeb\xd7\xaf_\xbcx\xf1\x15W\\\xa1\xaf\x07\xd5\x17\x02\x11B\x1ex\xe0\x81\x9a\x9a\x1aJ\xa9\x01\xd6\x05a\xfe;f\xc8\xfcw\x92\x10\xcfD\xd6\xbf\xcbM\x9b7\x03@R|X\xda`\x11\xaf}\xef\x00!\xa0\xf9\x98-\xcazQzT\xe9\t\xc7\x8e\x1d\xf9.\x97\xcbf\xb3\xe9\xbb\xc2\x9e~w\xbf\x9e\xbeO\x9f?\x7f\xfe\xda\xb5k\'N\x9cx\xd7]wM\x992%::\xba\xd5\xcb&amp;M\x9a\xf4\x87?\xfca\xc5\x8a\x15\xb3f\xcd\xf2x&lt;\xfaz\xf9\x93\'O._\xbe\xfc\xc1\x07\x1f4\xc0\xa3\xc31\xff\x1d3j\xfe;C\x88#\x00J\xa9\xd7\xeb\xddW\xb4\x17\x00r\xb2bB\xa2m\x9a\x8f\x19\xfd\x9b=7\x9cs\x90\xe8\xe5\xa3\x12\x01@_\x1f\t\xa7\xcf\x1c\xf6^\xfa\xb2\xce\xcb/\xbf|\xfb\xf6\xed_}\xf5\xd5\x9dw\xde\x19\x1d\x1d\xadi\x9a&gt;\xff\xe3\xa7\xaa\xaa\xaa\xaa\xd3\xa7O\x7f\xee\xb9\xe7\xf4\x13\x80\xfa\x96\xff\xc5\x17_\x00\x80\x01\xce\x07b\xfe\xcf\xca\x90\xf9\xef\x8c^\x1f\xee\xb3\xd2\'@\xcb\xcb\xcb\x8f\x1e-\x05\x80\x8b\xd2\xa3A6\xc2q}\xd7"\x84\x80\xca.\x1c\x16C)iv{\n\n\n\xc0(\x1b\x80\xc9d\x1a9r\xa4\x7fzG\x92$\xfd|\xaf\x9f,\xcb\x94RM\xd3rss\xe3\xe3\xe3\xf5y\x7f\xce\xf9\xc1\x83\x07\xbd^oo\x9f\x05\xc2\xfcw\x86\x81\xf3\xdf1\xe37\x00\xfd[&lt;|\xf8pc\x93\x0b\x00F\x0c\x89\x06\r\'@[\xa3\x94\x80WM\x1bh\x8f\x08\xb3\x02\xc0\xbe\xa2"0\xd0\x06\xa0\xef\x04\xf5\x03\x82v_@)\xa5\x94\xdal\xb6\xc1\x83\x07\xc3\xe99\x13\x87\xc3\xd1\xdc\xdc\xdc\xado4\x000\xff\x9da\xec\xfcw@\x94\x06PXP\x00\x00\xf60Kzj$x4\xdc\x00Z!\x04\xb8\x97E\xc6\x85\xa4\x0c\x0c\x07\x80\xc2\xdd\x85`\xa0\xf3`\x9d\x99\xc6\xd1s\xd2\xf2#\xeb7\x8a\x08\xe0\xdb\xea\x16\x98\xff\xce0v\xfe;`\xfc\x06\xa0\xab\xa8\xa8\x00\x00\x9bU\xb1\x87\x9bA\xe3\x02|\xb3\xe7\x8cs.\x9b\xe5\xe8\x083\x00TVV\x8ap\x06\xccO\x7f&amp;\xb8\xcf\xe7;q\xe2\x84\xff\x0f###m6[\x0f\xbe\xab.\x84\xf9?+1\xf3o\xfc\x06\xa0\x8f\xfe\xf2w\xe4\x03\xc0\x90A\xf6\xd0(+\xf3i\x02|\xb3\xe7\x8c1\x0e2\xbd(=\x06\x00\x8a\xf7\xef\xaf\xaf\xaf\xef\xed\xd3\xdf\x9d\xa7/\x94\xdc\xb6m\xdb\x91#G\xf4\xc0\x10B\x86\x0c\x19"\xcb\xb2~AYO\xbf\xc1_\x0f\xf3\xdfIb\xe6\xdf\xf8\r@w\xea\x00_\x9f\xecCgB@/\x0fc\x9a~\xd34\x11\xf8/\xf9y\xf4\xd1G\xf5\x9c\xe8\xebG\xa7N\x9d\nF\x99\x08\xc6\xfcw\x8ax\xf97~\x03 \x84\xb8\xdd\xee\xb2\x13\'\x00 2\xdc\x04D\xa8\xc7_\x9f#\xce#\xedf\x00p:]\xfad\x881v\x7f\x1d\xd0\xf7\xfe\x92$\xddw\xdf}\xdf}\xf7\x9d&gt;\xef\xafiZZZ\xda\xad\xb7\xde\xaa\xaf\x1a\xea\xe9\xf7x^0\xff\xe7@\xbc\xfc\x1b\xbc\x01\xe8\x13y.\x97\xeb\xf8\xf1c\x00p\xe1\xd0hP(\xc7\x8b\xe0\xdbC\x08\x01\x8d_8$\x1a\x00\x9c\xae\xe6\xe3\xc7\x8f\x83\xd17\x00\xfd\x11\x89\x84\x90\xd9\xb3g\xff\xeb_\xff\xf2\xef\xeb\t!\xaf\xbe\xfa\xaa\xd5j\xd5\x97\x0f\xf5\xec\x9b&lt;\x1f\x98\xff\xce\x130\xff \xce\x95\xc0\x8a\xa2\x00\x80\x8a\xd1?\x1b\x7f\x89\xf4\x8a\x19\x98~\xe7\xe7\xba\xba\xba\x193f|\xf1\xc5\x17\xb2,\xebG\x03\x9a\xa6-]\xba\xf4\xb2\xcb.\xd3_\xd0\xd3o\xb3\x0b`\xfe;O\x9c\xfc\xeb\x84h\x00\xd0b\x0e\x14u\xcc_"c\x8f}\xf4\x9d{QQ\xd1-\xb7\xdc\xb2w\xef^Y\x96\xf5G\x86I\x92\xf4\xe6\x9bo\xce\x9c9\xd3\x00w\x80h\t\xf3\xdfI\x82\xe4\xdf\xcf8\x11G\xa8\x93\xf4\x1d\xfd\x0f?\xfcp\xfd\xf5\xd7WWW\xeb{\x7fM\xd3bbb\xdey\xe7\x9d\xab\xae\xba\xca`{\x7f\x84\xceD\x94\x94\xeb3\xb9b4\xf5\xf3\xe2/Q\xaf\x9e\xfb\xee\x80~\xb7\x9f\xa2\xa2\xa2k\xaf\xbd\xb6\xb6\xb6V\x9f\xe4\xd14m\xc4\x88\x11+V\xacHKK3\xe4\xde\x1f\xf3\xdfI\x86\xcf\x7f+F\x0bz\xbb\xf4\xa7\xc2\x02\x80I1\xf8I\xef\xf3\xe7/\x91^1\x83\xd1\x8f\xeb=\x1e\xcf\x1dw\xdcQ[[\xab\x8f\xfdUU\x9d&lt;y\xf2\xca\x95+\xedv\xbb!\xf7\xfe\x98\xff\xce3v\xfe\xdb2~ 8\xe7\x8a\xa2\xd8\xed\x11\x00p\xf0h\x03\xde\x08\xa5#\x94\x1c&lt;\xda\x00\x00\x8a\xa2\xd8\xedv0\xdc8H_\xf6\xf3\xee\xbb\xef\xee\xd8\xb1C?\xeb\xabi\xda\xa4I\x93&gt;\xfb\xec3\xbb\xdd\xaei\x9a!\xf7\xfe\x98\xff\xce2z\xfe\xdb2x\x03 \x84p\xce\xc3\xc2\xc2R\xd3\xd2\x00\xe0\xd0\xb1FP\xf1:\xf8\xf6q\xce\x81\x92C\xc7\x1a\x00 2"&lt;55\x15\x0c\xb7\x01\xe8\x97\xc5\xbe\xfd\xf6\xdb\x84\x10=\x1b\xfd\xfa\xf5[\xb9r\xa5\xd9l6\xcc\x9a\x9f\x960\xff\x9d\'B\xfe\xdb2x\x03\xf0\xf3z\xbd\x00`1K\x80WBv\xc8j&gt;5\'n\x8c\xa7!\xb6\xa4\xdf\xf0\xa7\xb1\xb1q\xcf\x9e=\xfe+~\x1fy\xe4\x91\xc8\xc8H\x9f\xcfg\xbc\xbd\x7fK\x98\xffN2p\xfe\xdbe\xfc\x06\xa0/\xee\x1e&gt;|8\x00\x14\x1fnh\xaau\x11\x99\xe2\xd9\xb0\xb6\xf4[\xa2\xef\xd8W\x0b\x00\x83SR\xc2\xc3\xc3\rv?,}\xa7_YYYWW\x07\x00\xaa\xaaJ\x924q\xe2D\x03\\\xee\xdb\x01\xcc\x7f\'\x19&gt;\xff\xed2~\x03\xd0%&amp;$\x02@}\x83\xc7\xe5\xf4\x11\xc9\xe0_\xea\xafC(0\x95UV7\x03@ll\x9c~\x82\xb4\xa7\xdfT\xd7knn\xd6\x97\x81\x12B\xecv{\\\\\x9c&gt;\x1d\xd4\xd3\xef+\xb00\xffg%H\xfe[1~\x03\xd0\xb7\xed\xcc\xac,\x00p4\xba\x8bK\x1c`\x92\x19^\x12\xf9K\x9c\x03\x95\xa5\xc6\x1a\xd7\xa1\xd2F\x00\xc8H\xcf\x80\x16wI3\x12\xff\x93 \x19cn\xb7\xdb\xc0c\x7f\x1d\xe6\xbf3\xc4\xc9\x7f+F[\xf3\xd0\x96\xbe\x01\x0c\x180\xc0b1\xbb\xdd\x9e\x9d\xfbj\xc6M\x1c\xc09\xc7\xeb"[\xe2\x9c\x13\xb3Tr\xa4\xe1d\xad\x0b\x00\xf4s\x86\x06\xa3\'a\xf0\xe0\xc1_\x7f\xfd\xb5\xfe\'\x8a\xa2\x84\x84\x84\x80\xa1\xcf\xf5a\xfe;C\x84\xfc\xb7K\xa0\x06\xd0\'1\xa1\xe4p\xe9\x8e\xa2\x1a\xe0\xb8\x10\xa25\xc68\x95iaq\xadO\xd5\x14E\x1e1b\x04\x18\xe2y\xe8-\xe9I\x08\r\r\x9d0aBO\xbf\x97\xee\x83\xf9\xef\x0c\x11\xf2\xdf.\xe3\x7fBB\x08c\xccj\xb5\xa6\xa6\r\x05\x80\x1fv\x9e\xf46x\xa8l\xfc\x0f~N\xf4=\xc2\xc6m\xe5\x00\x10\x1d\x15\x95\x9c\x9c\x0c\x06\x1d\x17s\xce}&gt;\x9f\xc7\xe3\xf1x&lt;\xfa\xda\x18c\xc3\xfcw\x868\xf9oE\x88\x1c\xe8sy999\x00Pr\xccq\xe4p=1\xcb\x02\xcc\xef\x9d\x03*S_\x83g\xeb\xaej\x00\x18:lXXXXo\xbf\x13\xf2\x99\xe8\x17F\x99\xcdf\xb3\xd9l2\x99D8\xd1\x87\xf9?+q\xf2\xdf\x8a\x10\r@\xff"\xa7L\x99"\xcb\x92\xdb\xa3n\xce\xaf\x04\x93$\xc2\x19\x9eNb\x0c\x88Y&gt;t\xa8\xae\xe4\x98\x03\x00\xae\x99r\r\xa5\xd4\x90\xf5\xd1/\x05\xd8\xb9s\xe7\xf3\xcf?\xff\xe4\x93O~\xfd\xf5\xd7"l\xe4\x98\xff\x8e\x89\x93\xff\xb6\x84h\x00\xfa\\\xde\xf0\xe1\xc3\xfb$&amp;\x02\xc0\xe7\x1b\x8f\x82\x00+|;\x8f1\xc6\xcdr\xde\xa6\x13n\x8f*Qz\xc5\xc4\x89`\xc4\xe3_}L\xf7\xd2K/egg?\xfc\xf0\xc3\x8f?\xfe\xf8\xc4\x89\x13g\xcf\x9e\xcd\x183\xf6\xd6\x8e\xf9\xef\x98 \xf9o\x97\x10\r@\x7f\xc8\x9f\xcdf\xbbb\xe2$\x00\xf8\xa9\xb0\xa6\xe9\xa4K2\xe1\xe50\xa7PB\x08c\xdf\xfcXN\x08\xa4\xa5\xa5\xa6\xa7\xa7\x1b\xef\xda(}\xec\xefp8\x1e\x7f\xfcqM\xd3L&amp;\x93,\xcb\x92$\xbd\xf6\xdak[\xb6l\xa1\x94\x1a\xf8\xcaO\xcc\x7f\xc7D\xc8\xff\x99\x08\xd1\x00\xfcn\xbd\xe5\x16\x008V\xde\xf0\xe9\xba\xc3\x10b\xd2p54\x00c@m\xca\x81\xdd\'\xbf\xda|\x82s\xb8\xf6\xba\xeb\xf5\x1b\xe3\xf4\xf4\xfb\xeab\xfa\\\xff\xe1\xc3\x87\x1d\x0e\x07!\xc4\xeb\xf5\xaa\xaaJ\x08\xa1\x94\xee\xda\xb5\x0b\xc4x\x00\x08\xe6\xbf-A\xf2\x7f&amp;\xa24\x00\xfd(\xf8\xd2\xf1\xe3\xfb&amp;\xf5!\x04V|Y\x02\x8c\x8b\xf2\xe1;\xc4\x18\x03\xab\xfc\xe9\x86Rg\xb3W\x92\xa4\xa9S\xa7\x82q\x8f\x7f\xdb\x1d\xd6\t\xb1\xda\x0f\xf3\x7f\x06B\xe5\xbf-Q2@\x08QU5,,l\xfa\xf4\xdb9\x87o\xb6\x96\x97\x14U\x13\x9bb\xe8\xb9\xdfN\x91d\xaa6x\xde\xfe\xf4 !$\';;\'\'G\xbfSBO\xbf\xaf.\xa6\xdf\x17s\xe0\xc0\x81\xb1\xb1\xb1\x9cs\x93\xc9\xa4(\x8a&gt;\xfb\x9f\x9d\x9d\rFo\x03\x98\xff3\x11$\xffgb\xe4\xd0\xb7\xa2o\xe1w\xe5\xe6\x9a\x14\xd9\xe9\xf2\xbe\xb5\xea\x00\xb1\xc9\\\xec-@\xd38\t5}\xf7\xfd\xf1\xc2\xfd5\x9c\xf3Yw\xdfm\xd4\xf5\x0f\xfar\xf8\xd0\xd0\xd0E\x8b\x16\x99L&amp;\xaf\xd7\xeb\xf3\xf9\x18c\x0f=\xf4Pvv\xb6\xfe\x98\xb0\x9e~\x8f\x81\x85\xf9oK\x9c\xfc\x9f\t\x11a\xea\xd3O\xdf\xce\xaf\xbc\xf2\xca\r\x1b6\xc4DYw\x7fyKl\x8c\r|L\x98\x03\xbe\xd6\x18\xe3\xdc\xaaL\xbe\xfd\xd3\xaf\xb7\x9cH\x88\x8f/\xdc\xbd;::\x1a\x8c{\x08\xac\xdf\xdfq\xcf\x9e=yyy\xcd\xcd\xcd\x97^z\xe9\xf8\xf1\xe3E\xb8\xe9\xa3\x0e\xf3\xdf\x8ah\xf9o\xcb\xe0\xa3\x9eV\xf4n7\x7f\xfe|\xce\xf9\xc9\x1a\xd7;\x9f\x14\x93p\xb3\xa6\n\xd4\xf0[\xd24N\xc3\xcc\xbb\xb6\x97\x7f\xf3C\x19\x00\xdcq\xe7\x9d111\x9a\xa6\x198\xfd\xfaq@zz\xfaC\x0f=\xf4\xa7?\xfdI\xa8\xbd?`\xfe\x7fI\xc0\xfc\xb7%V\x03\xa0\x94r\xce\'L\x980dH\x1a\xa5d\xc9\xca}\x8e\xb2&amp;j\x96D:\nj\x85/\\V\x00\x00\x16\xb3\xf9\xee\xbb\xef\xd6\xd7J\xf6\xf4[\n,\xfd\x18_UUUU\x85\xdb\xda1\xff\xad\t\x97\xffV\xc4\xfa\xb4\xfe\xfb\xa2&lt;\xf6\xd8\x7f3\xc6\xf7\x97\xd4/^\xba\x93\xda-\x9a&amp;\xdc H\xd3\xb8\x14a\xde\xf8u\xe9\xfb_\x1c\xe2\x9cO\xbf\xfd\xf6\xa1C\x87\x8a0\x15\x0e\x00\x94RY\x96\xf5\xeb\x00z\xfa\xbdt+\xcc\xbf\x9f\xc8\xf9oI\xacs\x00:}\x91\xef\xc4\x89\x13\xbf\xfd\xf6?1\x91\xb6\x82/\xa6\xc6\xc5\x85\x80\x8f\t\xf5\xb0&lt;\x8dqbU&amp;N[\xf5\x9f\x1f\xcb\xa3\xa3\xa2\nw\xef\x8e\x8f\x8f\x17p\x04$ \xcc?`\xfeO\x13\xeb\xd3\xfaI\x92\xb4`\xc1\x02J\xa5\x93\xb5\xae\xc7\x16n\xa5a&amp;&amp;\xd2 HU\x99\x14e}\xfb\xbd\xbd\x1b\xb7\x96q\xce\xe7?\xf4PBB\x82\x80\xc3\x1faa\xfe1\xff:\x11\x8f\x00\x00@\xd34I\x92rs\xefz\xf3\xcd\x7fK\x12\xcd{}\xca\xc4\xc9\x03\xb5:\xb7$\xc0mr\x19\xe3`\x92\xaak\x9aG\\\xfbaeMsjJ\xca\xae\x82\x02Y\x96Ex2"\xd2a\xfe1\xff:A\x1b\x80\xbe\xd4\xb7\xaa\xaaj\xe8\xd0!\xf5\xf5\r\x83\xfb\x85\xef\\{\x9bE\xa1T3\xfe\xb32T\x8d\xc9Q\xd6i\xb9_\xac\\S\x02\x00yyy\x93\'O\xd6\xf7\x08=\xfd\xd6P7\xc1\xfcc\xfeu\xc6o\xf8\xed\xd2\x97C$$$&lt;\xff\xfc\x0b\x00\xfc\xe0Q\xc7\x83\x8f\x7f+\x85\x99\x0c\x7f6L\xf519\xc6\xf6\xc6\xb2\x02=\xfd\xb3rsEN\xbf\xb00\xff\x98\x7f\x9d\xa0G\x00:UUeY\x9e6m\xda\xca\x95+\x01`\xd9S\x97\xe5\xce\x1e\xa1V:e\xc5\x98}QS\x99d7\x17\xee\xaa\xba\xe4\xd6U\xaef\xdf\xc0\x81\xc9\x05\x05\x05V\xabU\xcc\x83_\x84\xf9\xc7\xfc\x0b\xdd\x008\xe7\x8c1\x87\xc3\x91\x93\x93s\xf8\xf0a\x9bU\xde\xf8\xee\r\xd9\xd9\t\x9a\xc3c\xbc\xc9P\xc68(\x92\xc3\xe5\xbb\xfc\x96O\n\x0e\xd4\xc9\x92\xb4i\xd3\xa6\xd1\xa3G\x8by\xee\x0b\x01\xe6\x1f\xf3/\xec\x14\x90N\xef\xfcQQQ\xef\xbe\xfb.!\xc4\xe9R\xa7=\xb0\xae\xae\xa6Y\xb2*L3T_\xe4\x1c\x18\x00\xb5)s\x1e\xfe\xba\xa0\xb8\x168\x7f\xee\xb9\xe7F\x8f\x1e\xad\xaa\xaa\xc8\xe9\x17\x1c\xe6\x1f\xf3/\xf4\x87\x07\x00J\xa9\xaa\xaa\xa3G\x8f\xfe\xd7\xbf\xfe\x05\xc0K\x8e7]u\xc7\xe7.\x8f\n&amp;\xca\x0ct\xb7t\x8dq9\xd2r\xef\xfc\xaf&gt;\\w\x18\x00f\xce\x9c9o\xde&lt;}\x06\xa0\xa7\xdf\x1a\xeaI\x98\xff\x9e~k=L\xf4\x06\x00\x00\xb2,\xab\xaa:g\xce\x9c\xb9s\xe7\x02\xf0m\xbbO\xde\xff\xd8\x7f\xa8M\xe1\x84pCl\x03&gt;\x95\xc9\xb1\xb6W_\xdd\xf1\xea\xfbE\x00\x90\x93\x93\xf3\xf2\xcb/\x0bu\xcf[\xd4\x01\xcc\xbf\xc8\xb0\x01\x00\x00H\x92\xa4\xaa\xea+\xaf\xbc2{\xf6l\x00xsU\xf1\x9c?|%\x85\x99@\xea\xe5\xe3 \x0e\x9a\xc6\x95\xb8\x90\xa5\xaf\xee\xb8\xf7/\x9b\x01 \'\'\'//\xcff\xb3\x81H\xb7&lt;D\x1d\xc3\xfc\x0b\x0b\x1b\x00\x00\x00!D\x92$M\xd3\x96,Y\xa2o\x03K?\xd87g\xfeW\x9aB\xa9"\xf5\xd2\xdb%2\xc65\x0eR\x94\xe5\xd5W\xf2\xe7&lt;\xfe\x1d\x00\x1f5*\'///22R\xf0\x13_\xa8\x15\xcc\xbf\xb0\x84^\x05\xd4\x8a\xbe(B\x92\xa49s\xe6,]\xba\x14\x00\xc6\x8e\x8c\xff\xfc\x8dk#\xa3\xadj\xbd\xa7w\xad\x8d\xd3T&amp;\x99e\xb0\xca\xf7&gt;\xfc\xf5\xab\xef\xed\x05\x80Q\xa3r\xd6\xae\xc5\xf4\xa33\xc2\xfc\x0b\x08\x0b\xf13\xfd\x11\xe1-\xc7A\x9b\xf3\xab&amp;N\xfftG\xc1I9\xce\xa6\xaa\xac\xb7\xf4J\xd5\xc7$\xbb\xb9\xce\xe9\x9dv\xcf\x97\x98~\xd4I\x98\x7f\x01\xe1\x11@km\xc7A\xd1v\xcb\xcbO^z\xdb\xadCy\xbd\x9bi\\\x92\x82w\xea\x903\xce8\x97\xa2m;\xb6W\xdc\xf3\xf0\xd7\xf9{\xab\x01`\xd4\xa8Qk\xd7\xae\xc5\xf4\xa3\xce\xc0\xfc\x0b\x05\xcb\xd1\x9a&gt;\x0eb\x8c-Y\xb2\xe4\xc5\x17_\x04\x80\x1a\x87{\xda\x03_\xcd\x7ft\xa3&amp;S)\xcc\x14\xb4C!Ue\xc4$IQ\xd6\xd7\xde(\xb8\xe2\xb6O\xf5\xf4\xcf\x9a5\xeb\xab\xaf\xbe\xc2\xf4\xa3N\xc2\xfc\x0b\x05\x8f\x00\xda\xc79\xd7o\x0e\x9e\x97\x97w\xf7\xacY\'\xca\xca\x00\xe0\xe2\x11\xf1\x8b\x9f\x187zL\x128&lt;\xaaW\x93\x83\xe6jIM\xe3\x84\x00\x8d\xb2\x96\x1dq\xfc\xd7_7\xafX}\x08\x80\x9b\xcd\xa6g\x9eyv\xde\xbcyp\xfaa\xb0=\xfd6Q\xaf\x81\xf9\x17\x046\x80\x8e\xe8\x97\x8a\x94\x97\x97\xe7\xe6\xe6\xe6\xe5\xe5\x01\x80\xc5$\xffq\xce\xf0\xff\x9a3\xc2\x1e\x1f\x02\xf5nMcT\xea\xc9\x07ih\x1a\'\x00\xd4n\x06\x9f\xf6\xc6\xca}\x7f~~\xdb\xf1\xca&amp;\x00HKK}\xfd\xf5ec\xc7\x8ee\x8c\x89|\xab\x13t&gt;0\xff\x86\x87\r\xe0,\xfcw\n\\\xbcx\xf1c\x8f=\xeav{\x00`\xe8\xa0\xc8?\xde;\xe2\xce\x1bS\x94034x4\x8dQJ\xbb3c\x1c\x80\xe9\xa3\x9e0\x13pX\xbf\xf1\xe8s\xaf\xecX\xbf\xf9\xb8\xfe\xd3{\xee\xb9g\xd1\xa2Ev\xbb\x1d\xafuD\xe7\t\xf3ol\xd8\x00\xce\xce?\x88\xd8\xbd{\xf7#\x8f&lt;\xb2f\xcd\x1a\xfd\xcf/\xb90\xe1\xd1\xfbG^5&amp;\xc9\x1ce\x81F\xaf\xea\xd5\x08%\x81\x1e\x0f1\xc6\x19\xe3\xb2L!\xd4\x04&gt;mK~\xe5?\xde(|\xef\xf3\x83\x00\x1c\x00233\x9e}v\xe1\x94)S\xa0\xc5\xa6\x8b\xd0\xf9\xc0\xfc\x1b\x186\x80\xce\xf2\xe7i\xc5\x8a\x15O=\xf5da\xe1n\xfd\xcf\xb3\x86\xc4\xcc\x9b\x959\xf5\xea\xe4\xf08\x1b\xf8\x18wz5\x8d\x13Jh\xd7\x1dw\xf2\xd3\xcb\x1b(\x10j\x93\xc1"k\x8d\xde\xaf\x7f({~\xe9\xae\xbco\x8f\x030\x00HL\x88\xbf\xef\xfe\x07\x1ey\xe4\x11\x93\xc9\x84\x87\xbd\xa8\xcba\xfe\r\t\x1b\xc09\xd0\x9f\xa3D)\xf5z\xbd\x0b\x17.|\xf9\xa5\x7f\x96WT\xea?\xea\x9f\x14~\xdb5\xc97M\x1e0&amp;;\x11l\nx5p\xab\x9a\x8fq\xe0\x84\x10J\xce\xf9\xbas\xce\x81q\xce9\x10\x00I"`\x96\xc0"\x83\xc6\xf7\xed\xa9^\xbd\xb1\xf4\xddO\x0f\xed\xd8sR\x1f\xf5X\xad\xe6\xdbo\xbfc\xc1\x82\x05III\x80\x03\x1f\x140\x98\x7f\xe3\xc1\x06p\xce\xfc\t\xab\xac\xac|\xfb\xed\xb7\xdf~\xfb\xad\x82\x82\xc2\xd3?\xa4\xe3r\x12&amp;\x8dI\x9a&lt;&amp;ixz\x8c-\xd2\x02\x12\x01\x95\x81G\xe3&gt;\xc69?ug\x15\x02\x04Zo\x0f\x1c\x008\x87S7\xe9\x05\xaaP0I\xa0H\x00\xa05x\x8a\x0f;\xd6}\x7f\xfc?[\xcb\xf3\xbe;\xe1ry\xf4\xff\xa4Ob\xc2o\xef\xb8s\xe6\xcc\x99\x19\x19\x19\x00\xa0\xaa\xaa$I8\xf0A\x01\x85\xf97\x12l\x00\xbf\x86\xffb\x19\x00\xf0z\xbdk\xd7\xae}\xe3\x8de\xeb\xd6\xe5\xb9\\\xee\xd3/\xa1\x03\xfb\x85\x8fL\x8f\xbe4;\xe1\xc2\xa1\xd1\xc3\x92#bbm`\x96@\xa1\x00\x048\x07\x95A\xcb\xa4r\x0e\x12\x05}\xfeTe\xa0\xb2\xfa\x9a\xe6\xe2R\xc7\x9e\x83u\x9b~\xaa\xd8VP]\\R\xef\xf1\xf8\xfc/\x1f7n\xec\xcc\x993\xaf\xbf\xfe\x86\xf8\xf8x\x00\xd04\x8dR\x8a\xd1G\xdd\x03\xf3o\x18\xd8\x00~=\xce\xb9\xa6i\xfee\x06\xfb\xf6\xed[\xbdz\xf5\xa7\x9f\xae\xda\xb6\xed\xc7\x96a\x05\x80\xe8H[\xca\x00{\x84\xdd\x9c3,ZV\xa8=T\xc9\x1a\x1a\xcd5\xae\x07\x96\x03\'\xb2Tz\xb4\xa1\xb4\xac\x89\xc8\xb4p_MM\x9dg\xdfaGy\xa5S\x9f\xdf\xf4\xcb\xccH\xbf\xfa\xea)7\xdd|\xf3\x981c\xf4?\xd1\x9fh\x81k\x9cQ\xf7\xc3\xfc\x1b\x006\x80\xf3\xa5\x8f\x86\xf4\xeb\'\xf5?)**\xda\xbau\xeb\xea\xd5\x9f\xe7\xe7o/++k\xb51\x9c\xab\x84\x84\xb8\xcc\x8c\xcc\xab\xae\x9e2~\xfc\xf8\x91#G\xea\xc3.\xfd/\xc5Q\x0f\xeaq\x98\xff^\r\x1b@\x97a\x8c\xe9\xc7\xc5\xfeP\xba\\\xae\xd2\xd2\xd2}\xfb\xf6\x15\x16\x16\x14\x16\x16\xd6\xd4T\x17\x15\x15i\xaa\xda\xd0\xd0\xe0\xf1\xaam\x7fCll4p&gt;h\xf0\xe0\xc8\xc8\xa8\xec\x8b\xb2\x93\x07\rJOOOII\x89\x88\x88\xf0\xbfFUU\xfd\xe6\xbd\xdd\xf3\xa1\x10\xea$\xcc\x7fo\x84\r\xa0\xeb\xe9[B\xbb1u8\x1c\x8c\xb1\x8a\x8a\x8a\x8a\x8a\n\xa2\x9f\xf8:-444%%\x85s\x1e\x19\x19y\xa6_\x88C\x1e\x14\xfc0\xff\xbd\x086\x80\x00\xe2-\xe8\x0b\x93;3Y\xa9\x1f\xde\xf2\xd3+"0\xf4\xa8\x97\xc2\xfc\x07?l\x00\xddJ\xaf\xb6\xbeI\xb4\xfd\xa9\xbey`\xdc\x91Qa\xfe\x83\r6\x00\x84\x10\x12\x14.\x9fB\x08!Aa\x03@\x08!Aa\x03@\x08!Aa\x03@\x08!Aa\x03@\x08!Aa\x03@\x08!Aa\x03@\x08!Aa\x03@\x08!Aa\x03@\x08!Aa\x03@\x08!Aa\x03@\x08!Aa\x03@\x08!Aa\x03@\x08!Aa\x03@\x08!Aa\x03@\x08!Aa\x03@\x08!Aa\x03@\x08!Aa\x03@\x08!Aa\x03@\x08!A\xc9=\xfd\x06Dt\xa6\xe70\xe3\xe3\xb0\xbb\x07\xd6\xbfga\xfd\x83\x076\x80\xc0\xe2-\x00\x00\xa5\xd4\xff\xcf\xb6\x18c\xfe\x7f\x92\x16\xba\xf1\xfd\x1a\r\xd6\xbfga\xfd\x83\x1c9S7F\xbf\x9a\x1ew\xc6\x18!D\x92\xa4\xb6/`\x8c9\x1c\x0eBN\x15_\xff\x17\x8b\xc5b\xb5Z\xdb}\xb1\xfe\xab(\xa5\xb81t\x06\xd6\xbfga\xfd{\x11l\x00]F\x0f=\xe7\\\x96\x7f&gt;\xae\xd24\xad\xac\xac\xec\xe0\xc1\x83\x05\x05\x05\xd5\xd5\xd5\xdb\xb6\xfd\xa4\xaajEeEyyE\xab\r ,4tp\xca`\xe0\x90\x99\x95\x19\x1b\x13\x93\x9d\x9d}\xc1\x05\x17\xf4\xef\xdf\xdff\xb3\xb5\xfcm\x00\x80[B\xbb\xce\xa1\xfe\x15\x15\x15\x15\x15\x04\x08\x87\x9f\xc3\x1f\x1a\x1a\x9a2x0\x07\xc8\xca\xcc\x8c\x89\xc5\xfa\x9f3\xcc\x7fo\x84\r\xa0\x0bp\xce5M\xf3\xe7^\xd3\xb4\xe2\xe2\xe2\xbc\xbc\xbc\xef6m\xda\xbf\xbf\xb8\xb4\xb4\xb4\xa9\xb1\xe1W\xfcZE1\xf5I\xea3$-\xed\x92K.\x99&lt;y\xf2\xf0\xe1\xc3\xfd\x1b\x83\xaa\xaa\x94\xd23\x1dJ\x8b\xe6L\xf5\xdf\xf4\xdd\xa6\xfd\xfb\xf7\x1f)-mjj\xfc\x15\xbfVQL}\xfa\xf4\x192\x04\xeb\x7f\x16\x98\xff\xde\x0b\x1b\xc0y\xd1\x87$\xfaq\xae\xa6i[\xb7n\xfd\xe4\x93Uk\xd6\xae).&gt;\xe0\xf3zZ\xbe\xd2b\x0bU,\xb6\xc8&gt;\x83\xa8$)\x96\xd0\xd8\x01\xc3\x18\xd3\xf4a\x0c\xe7\\\x92\x15G\xe5\xd1\xc6\x9a2J\xa5\xfa\xf2\xc3\xde\xe6&amp;gC]\xab\xbf\xab\xff\x80\x81W\\1\xe1\xa6\x1bo\xbc\xfc\xf2\xcb\xc3\xc3\xc3\xe1\xf4\x98K\xe4\x01Q\xfb\xf5_\xb3\xa6\xb8\xb8\xd8\xe7\xf3\xb6|\xa5\xd5\x12b6\xdb\xe2\xa2\xfaQ*\x99M\xb6\xa4\x84\x14\xc64\x80S\xdf\x80D\xe5\xea\xfa\x13\xf5\rU\x94\xd0\x93\xb5\xc7\xdd\x9e\xa6&amp;\xa7\xa3\xd5\xdf5\xa0\xff\x80\tW\\q\xd3MX\xff\x9fa\xfe{;l\x00\xbf\x92\xa6i\xfe\xe4\x1d?~|\xc5\x8a\x15\xef\xbc\xb3|\xd7\xae\x9d\xfe\x17PJ\xc2c/\x88K\xce\x88\x1d\x98\x1e7 =\xaa\xef`\xb3-\xcc\x1a\x1eM(%\x84H\xb2\x89\x03\xf7\xef\x80\x08\x10\xa6\xa9L\xd3\x08!\xae\x86Z\x9f\xc7UWv\xa8\xbat_u\xe9\xbe\xcaC\xbb\xea\xcb\x0f{=n\xffo\xbe\xa0_\xffi\xb7\xdd6c\xc6\x9dYYY\xfe7\xd3\xeed\xab\x81u\xa6\xfeQ\x11}\xfa&amp;\xa6\xf5\x8dOMJH\x8d\x8f\x19`\xb5\x84\x86\x86DPB\x01\x88,+\xd02\xf8\x04\x98\xa6iL#\x844\xb9\xea\xbc\xde\xe6\xaa\x9a\xa3e\x95\x07\xcb\xaa\x0e\x1d-\xdb{\xb2\xf6\x98\xb7\xc5\xee\xac_\xbf~\xb7\xdd6\r\xeb\x8f\xf97\x00l\x00\xe7L\x9f\xe8\xd4\x03\xf7\xfd\xf7\xdf\xbf\xfe\xfa\xeb\x1f}\xfc\xb1\xa3\xbe^\xff\xa9-,".9\xb3_\xd6\xa5}\xd3/\x8eJ\x1ad\r\x8f\xa6\x92\xcc4U\xf3y\x19\xd3\x98\xe6\xd3\xf7;\x9c\xb3V\xbf\x96\x10\xa2o\x0fT\x96\t\xa1\xb2b\xa6\xb2\xcc9\xf78\x1b\xea+\x8eT\x1c\xd8y8\xff\x9b\xaa\x92\x82\xfa\xcac\xfa\xebe\xc5t\xc5\x84\xcb\xef\xbb\xef\xbe)S\xa6\x98L&amp;}4$\xc2f\xd0N\xfd?\xfa\xd8\xe1\xa8\xd7\x7f\x1ab\x0b\xbf qHZ\xf2\xa8A\xfd/\x8c\x8f\x19\x10\x16\x12)QIc\x9a\xaaz\x19g\x9a\xa6\x02p\x0e\xa7\xfe\xe1\xa7\xef\x8a\xf4\xdd\x19\xa52%T\x96M\x92$s\xce\x9b\xdd\x8d\xd5\xb5\xc7\x8f\x9c\xd8\xb3\xf7\xe0\xf7\xc7\xcb\xf7U\xd7\x96\xe9\xff\x89\xa2\x98&amp;`\xfd1\xff\xbd\x1c6\x80s\xd0r\xaes\xc3\x86\r\xcf.\\\xb8~\xdd:\xfdG\x94@\x9f!9\xc99\x93\xd3\xc6\\gO\xe8/I\x8a\xa6\xfaT\xaf\x9bi&gt;\xce9!\x04\x08%\x00\xd0\x99cU~j\x0f\xc59\x07\x02\x94J\xb2\xc9,)f\xce\x98\xcbQsh[\xde\xc1\x1f\xf3\x8e\x15|\xe7iv\xe9/\xcf\xcc\xcc\x9c?\x7f~nn.\xfcr\\f&lt;\xad\xeb\xff\xec\xc2\xf5\xebO\xd5\x9f\x10H\xee7&lt;#u\xfc\x85\xe9\x93b\xa3\x92(\x955\xcd\xe7S\xbd\xfa\x1e__U\x08\xfa\xff:\xf5\xf7\x00\x07\x0e\xa7V.J\x8al\x92e\x13\xe7\xbc\xd1Y[\xb8\xef\xbb\x82\xfd\x1b\x8bK~t{\x9a\xf5W\x8b[\x7f\xcc\x7f\xef\x87\r\xa0\xb3\xf4\xd9F\x00(..~\xf6\xd9g\x97-{\x03\x80\x03\x80\xc9lI\x1dwc\xc6\xc4\xe9}R/R,6\x9f\xdb\xa9z=z\xe8\t!\x9dJ\xfc\xd9p\xce8\xe7\x04\x80\xca\x8a\xc9\x12\xca9;YZT\xbc\xf9\xf3\xc2\xf5\xcb\x1bk+\xf5\xd7L\x9a4\xe9\xd1G\x1f\x9d8q"\x18\xf4\x88\xf8\x8c\xf57Y.J\xbf\xf2\xe2\x917\x0c\xec\x9bi2Y=\xdefUmQ\xffN\xed\xf1\xcfB_\xd6\x08@$I\xb6\x98m\x9c\xf3\x13\x95\x07v\xec\xf9\xea\xfb\xed\x9f\xd47T\xeb\xaf\x11\xb7\xfe\x98\xff\xde\x0c\x1b@\xa7\xa8\xaa*\xcb\xb2\xd7\xeb]\xb8p\xe1\xf3/\xbcP_W\x07\x00\xd6\xb0\x88\x8c\x89\xd3\x87\\zs\x9f\xd4\x91\x9a\xe6\xf36;9\xd3\x08\x95\x028\x00\xe1\x9cqF\x00\x14\xb3M6[\xeb\xcb\x0f\xef\xdb\xf4\xd9\xee\r\xef\xd6\x1c?\x04\x00\x00d\xd6\xac\xdc\xbf\xfe\xf5\xaf}\xfa\xf41\xd8P\xa8e\xfd_x\xfe\x85\xba\xfa:\x00\x08\xb1\x85_|\xe1\r\xd9\x99W\x0f\xe8\x9b\xa11\xd5\xe3qq\xce\x08\t\xe8\xa7\xe6\x8c1\x00b2Y\xcc\x8a\xa5\xaa\xf6X~\xe1\xfa-;&gt;\xad8yD\xff\xf1\xacY\xb3\x0c_\x7f\xcc\xbf\x91`\x038\x0b\xfd\xbaDJ\xe9\xe6\xcd\x9b\xef\xbd\xf7\xde\xdd\xbbw\x03\x80b2\xa7\x8d\xbb)\xe7\xa6\xff\x17?x\xb8\xaf\xb9\xc9\xebq\x11 \xa4\x1b\x17\xa5q\xce8c\xb2\xc9l\x0e\xb17V\x97\xe5\x7f\xf1z\xe1\xba\xe5MuU\x00\x10\x1f\x1f\xff\xb7\xbf\xfd\xed\x9e{\xee\x01C\x0c\x85\xda\xad\xbf\xc9d\x1e\x99&gt;y\xd2\xd8\x19\xfd\xfa\x0c\xf3x\x9d\x1eo3\x10BIw\xd6\x9fs\xced\xd9d\xb3\x84\xd55Tn\xfc\xe1\xfd\xef\xb7\x7f\xech\xac\x011\xea\x8f\xf97\x0cl\x00\x1d\xf1\x07\xe8\x89\'\x9ex\xfa\xe9g\xf4\xa5 \xfd2\xc7\x8e\xbb\xe3\x91\x0b2\xc6\xfa&lt;.\x9f\xdbE(%\xdd\xb8\xeb\xf9\x05\xce\x19\xd3$\xd9d\t\xb5\xd7\x9e8\xf4\xfd\x8aE{7~\xc0\x18\x07\x80\xe9\xd3\xa7\xff\xf3\x9f\xff\x8c\x8e\x8e\xd6\xc7n=\xf3\xf6\xce\xdb/\xeb\xff\xb4\xd7\xeb\x05\x80\xb4\xe4\x9ck\xaf\xb87m`\x8e\xc7\xd7\xec\xf1\xb8h\xcf\xd5\x9fs\xce\xb8&amp;K&amp;\x9b5\xac\xb2\xba\xf4\x8bo^\xdd\xb6\xebK}\x8fi\xc4\xfac\xfe\r\x08\x1b\xc0\x19\xe9\xe9///\xcf\xcd\xcd\xcd\xcb\xcb\x03\x00KH\xf8%\xd3\x1f\x1ey\xdd\xdd\x04\xc0\xe3j\xec\xc9\xe8\xb7\xc49c\x9al\xb2\x98\xac\xa1\x07\xb6\xae\xd9\xf8\xfa\x9fk\xcb\x0e\x03@jj\xea\xb2e\xcb\xc6\x8e\x1d\xdbK\xc7Am\xebo\xb3\x86]s\xf9\x9c\xcb/\x9e\x0e\x00\xcd\x1e\'%$\x18\xea\xcf\x813\xa6\x99d\x8b\xd9l\xdbU\xb4\xf1\xa35\xcfW\xd5\x1c\x05#\xd6\x1f\xf3o&lt;\xd8\x00\xda\xa7\x0f\x1c6o\xde|\xdbm\xb7\x95\x95\x95\x01@\x9f\xb4\x8b\xae\xfe\xfd\x0b\xb1\x03\xd2\x9b\x1bk\x81sB\x83+R\x9cs\xce4Kh\x84\xbb\xa9\xfe\x9beO\xec\xd9\xb0\x82\x03\x98L\xe6\xbf\xff\xfd\xff\xe6\xce\x9d\xdb\xeb\xa6D\xdb\xd6\x7f\xe0\x05Yw\xde\xf4?I\t\xa9N\x97\x83\x03\xef\xce\t\x9f\xce\xe0\x9c3\xceB\xac\xe1\xae\xe6\x86\x0f\xd7\xbc\xf0\xc3\x8e\xcf\x00\xc0d2\xfd\xfd\xef\x7f7F\xfd1\xff\x86\x84\r\xa0\x1dz\xfa\x97.]z\xff\xfd\xf7\xfb|&gt;B`\xc45\xb3.\xbf\xeb\xcfT\x92\xbd\xcdMT\n\xde#J\xa6\xa9\x92b2YCw~\xf9\xe6\xb7o\xfd\xd5\xedl\x04\x80\xb9s\xe7\xbe\xf2\xca+\xbdh\x1bh[\xff\xf1\xa3\xa6\xdd|\xd5\x1f$*\xbb\xbdN\x89\x06q\xfd\x99&amp;\xcb\x8a\xd9\x14\xf2\xed\x8f+W\xad\xfb{\xb3\xbb\t\x0cQ\x7f\xcc\xbfQa\x03h\xcd\x9f\xfe9s\xe6\x00\x80\xd9\x16zY\xee_F^{wsC\xad\xbe\xc8\xa1\xa7\xdf\xe0Y\xe8wb\x0c\x89\x88=Z\xb8\xf9\xcb\xc5\x0f\xd4W\x94\x02\xc0\xec\xd9\xb3\x97,Y\xd2+\xb6\x81V\xf5\xb7ZBn\xbej\xfe\xe5\xa3\xa75\xb9\xea\x19g\xc16\xf0oK??\x1c\x16\x1a]\\\xb2\xed\xad\x8f\xff|\xb2\xf68\xf4\xe6\xfac\xfe\x8d\r\x1b\xc0/\xb4J\xbf%\xd4\xfe\x9b\xc7\xdf\xee\x979\xceY_E\xa9\xd4%\x8b\x9a\xbb\x07S}\xe6\xd0\x88fG\xf5\x87\x0b\xee\xa8&lt;T\x00\xbdd\x1bhU\x7f\x9b5\xfc\xff\xdd\xb1859\xbb\xa1\xa9F\xa2R\x97,\xea\xef\x1e\x9a\xa6\xda\xaca\x8d\xce\xba\x97\xde~\xf0XY\x11\xf4\xce\xfac\xfe\r\x0f\x1b\xc0\xcfZ\xa5?~P\xe6\xb5\x0f\xbd\x1c\x954\xd8\xd3TOe\xa5\xa7\xdf\xdd9c\x9a\xaa\x98\xad\xaa\xcf\xf3\xd5\xab\xff\xbdw\xe3\x87\x10\xf4\xdb@\xab\xfa_\xd0gH\xee-O\xc6\xc7\x0cp57HA&lt;\xedp&amp;\x8ci&amp;\xc5\xe2S=\xef\xaf~\xf6\xc7]_Bo\xab?\xe6_\x04\xd8\x00Ni\x9b\xfe[\xfe\xb2\xc2\x1a\x1e\xe9q6\x04\xf3\xa4g\xc78\xd3$\xd9$[lk\x16?\xb8\xfb\xeb\xf7\xe1\xf46\xa0?a#\xa8\xb6\x81\xb6{\xff\x07~\xf7\xcfP[\x84\xcb\xdd$\x05\xfd\xb4\xc3\x990\xcedI1)\x96\xb7&gt;\xfe\xcb\x0f;&gt;\x87\xdeS\x7f\xcc\xbf \xb0\x01\x00\x9c^\xf1\xf6s\xfa\x933ny\xe2}sH\xb8\xcf\xed\xec\xbd\xe9\xd7q\xc6\x08\xa5&amp;k\xe8\x97\x8b\x1f\xdc\xf3\xcdJh1\x0e\n\x9e\xb5q\xad\xea\x7fA\xe2\x90\x07f\xfe\xd3j\t\xf3x\x9b{\xef\xde_\xa7_\x9cl1\x87\xfc\xfb\xa3?o\xdd\xb9\x1azC\xfd1\xff\xe2\xc0\x06p*\xfd[\xb6l\x19;v\x1c\xe7\xcc\x12b\xbfc\xe1\x17\x91I\xc9\xbdz\xec\xd3\x12\xe7\x8cR\x89\xca\xa6w\xff\xbf\xeb*\x0e\xee\x02\x80\x17_|q\xde\xbcyAr\x8dL\xab\xfa\xdb\xaca\x0f\xcf~3&gt;\xa6\x7f\xaf\x1e\xfb\xb7\xa4\xd7_\x92\x94EKs\x8f\x9e\xd8\x0b\xc1]\x7f\xcc\xbfPDo\x00\xfa\xc1`UUUVVVUU\x95b\xb6\xdd\xfa\xc4{}\x86\x8e\xf28\x1d\xc6H\xbf\x8e3&amp;)\x8a\xb7\xd9\xf5\xfe\x9fn\xae9V\xcc\x01\xd6\xad[w\xe5\x95W\xf6\xf88\xa8U\xfdM&amp;\xeb\x03\xbf\xfb\xe7\xa0~#\\\xeeFc\xec\xfdu\x9c3IR&lt;^\xd7\xe2es\xcaO\x96\x00\x0f\xd2\xfac\xfeE\x13\xec\x8b\xea\x02M\xbfp\x7f\xc6\x8c\x19UUU\x000\xe1\xee\'\xfa\r\xbf\xd4\xd3To\xa4\xf4\x03\x00\xa1T\xf5zl\xf6\xa8k\xe6\xfd\xc3\x1cj\x07\x80\x193fTVVRJ\xf5\n\xf4\x94V\xf5\x9fz\xf5Ci\xc9\xa3\\\xee\x06#\xed\xfd\x01\x80\x10\xaa\xaa\xdeP[\xe4\xef~\xb3\xc0f\t\x87`\xad?\xe6_4B7\x00\xfd\x18p\xc1\x82\x05\xeb\xd7\xaf\x07\x80\x11Sf\x8e\xbc~\xb6\xb3\xb6\xb27\xaey8+*\xc9\xee\xc6\x</t>
        </is>
      </c>
    </row>
    <row r="426">
      <c r="A426" s="1" t="n">
        <v>424</v>
      </c>
      <c r="B426" t="inlineStr">
        <is>
          <t>shape_reflect</t>
        </is>
      </c>
      <c r="C426" t="inlineStr">
        <is>
          <t>What is the missing shape denoted by a question mark?</t>
        </is>
      </c>
      <c r="D426" t="inlineStr">
        <is>
          <t>['square', 'triangle', 'hexagon', 'pentagon']</t>
        </is>
      </c>
      <c r="E426" t="inlineStr">
        <is>
          <t>square</t>
        </is>
      </c>
      <c r="F426" t="inlineStr">
        <is>
          <t>There are six shapes in the image separated by a line. In the top part there are ['hexagon', 'square', 'pentagon']. In the bottom part there are ['hexagon', '?', 'pentagon'].</t>
        </is>
      </c>
      <c r="G426" t="inlineStr">
        <is>
          <t>We observe that the hexagon is reflected across the line as a hexagon. Similarly, the pentagon is reflected as a pentagon. Hence, the pattern is that each shape in the top part is reflected in the bottom part.</t>
        </is>
      </c>
      <c r="H426" t="inlineStr">
        <is>
          <t>Based on the pattern that each shape in the top part is reflected in the bottom part, the missing shape which is reflected from a square part should be a square.</t>
        </is>
      </c>
      <c r="I426" t="inlineStr">
        <is>
          <t>b'\x89PNG\r\n\x1a\n\x00\x00\x00\rIHDR\x00\x00\x02\x00\x00\x00\x02\x00\x08\x02\x00\x00\x00{\x1aC\xad\x00\x00X\x14IDATx\x9c\xed\xddw|T\xc5\xfa?\xf0\xe7\xec\xd9\xdd\xf4\n$\xa1X\x00\t\xa8t\xc2%\xf4\x1a\xaa(\x8a\x94X\x80\x84&amp;\xbd\x08D\xe9\xa1\x07\x10\x90\x80\x82@\x82\x95\xa2pmH\t\xa04I4\xf4\xd0\x9b\x05B\x12\xd26}wO\xf9\xfd1\x97\xfd\xe6\x87\x80\x94d\xdb|\xde\xaf\xfb\xc7u\x13\xb2\xb3\xbbg\xe73\xe7\x999s\x04UU\t\x00\x00\xf8\xa3\xb1u\x03\x00\x00\xc06\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80-\xc9\xb2\xac(\x8a\xad[\x01`\x1b\x8a\xa2\xe0\xf8\xb7-\x04\x80m(\x8a"\xcb\xb2(\x8a\x1a\x8dF\x92$UUm\xdd"\x00\xab\x92eY\xa3\xd1h4\x1aY\x96m\xdd\x16~!\x00\xacMUUI\x924\x1a\x8d(\x8a{\xf7\xeeMII\xd1j\xb5\x82 \xe0k\x00\x9c`_\x01Q\x14\xff\xf8\xe3\x8f\xa4\xa4$Q\x14q*`+\x08\x00\xab\x92eY\x10\x04\xadV{\xe9\xd2\xa5!C\x86\x84\x85\x85\xb5n\xdd:::\xda`0\xb0\xaf\x01b\x00\x9c\x9b\xa2(\xec+\xb0u\xeb\xd6\x16-Z\xb4l\xd5r\xce\x9c9\xecT@\x92$[\xb7\x8e;\x02\x8a\x0f\xd6\xc1\x068\x1a\x8d\xc6`0,_\xbe&lt;666;;\xdb\xf2\xd3\xe7\x9f\x7f~\xf2\xe4\xc9\x11\x11\x11t\xe7\xd4X\x10\x04\x9b\xb5\x15\xa0|H\x92\xa4\xd5j\xf3\xf3\xf3\xa7M\x9b\x16\x1b\x1bky\xbck\xd7\xaeqqq\x95+Wfg\x068\xf8\xadG\x85r\xa6(\n\xab\xf2\xab\xaa\xbai\xd3\xa6:u\xeaX\xde\xfc\xbeo\xf5\xee\xfb\xf6\xeb\x96\xff\x0c\x0b\x0b\xdb\xbbw/\xfbM\xb3\xd9\xac(\x8a\xedZ\rP\x96,\xdf\x82c\xc7\x8e5\ti\xc2\x0e\xf8V\xed[\x84G\xf4c\xff\xbfj\xb5\xaa[\xb6la\xbf,\xcb\xb2M\x1b\xcb\x11\x04@9*\xdd\xf5\'&amp;&amp;v\xee\xdc\xd9\xd2\xd7\xb7l\xdb\xfc\xcb\xef7\xa6\x99\xfeJ3\xfd\xf5\xe5\xf7\x1b[\xb5k\xc1\x1e\x17\x04!22\xf2\xe6\xcd\x9b\xec_Y\xfe9\x80\xe3\xb2\x1c\xc6+W\xae\xf4\xf5\xf3%"\x81\x84\xb1Q\xa3.g\x9eM3\xff\xb5(v\x9e\x8f\xaf\x0f;\xfe\xc7\x8c\x19\x93\x97\x97\xa7\xaa\xaa\xd9l\xb6i\x93y\x81\x00(/\x96\x83\xfe\xc6\x8d\x1b\x91\x91\x91.\xae.\xec\x10\x0f\xaa\x12\x14\xb3j\xfe\x1fy\x97n\x16_;\x9bz\xe2l\xea\x89\x9b\xc5\xd7\xae\x1b..Y\xbd\xf0\xb9\xe0\x9a\xecw*W\xae&lt;w\xee\\\xa3\xd1\xa8\xaa\xaa,\xcb\x18\x10\x81\x83R\x14\x85u\xe57o\xde\xec\xd7\xef\x7f\x83\xfd\xea\xcf=\xfb\xe9\xf6\r\xe9\xe6\xbf.f\x9c9\x9bz\xe2\x96\xf1\xcf\x9f\x8f\xef\x0e\tm\xcc~\xda\xa4I\x93c\xc7\x8e\xa9\xaa*I\x12N\x82\xcb\x1b\xe6\x00\xca\x9e\xa5\xdco2\x99\xd6\xae]\xbb`\xc1\x82\xb4\xb44"rqu\x19::r\xd0;oW{\xbajn\xb6AQ\x15Q\x14\xe9\xce\xcc\xb0\x7f\x05\xbf\xb4[\xe9\x1b\xd7|\x16\xff\xf1\xe7\xb99\xb9DT\xbf~\xfd\xf7\xdf\x7f\xbf\x7f\xff\xfe\x84\x89\x01p@\x8a\xa2h4\x1a"\xda\xbd{\xf7\x90!Cn\xdc\xb8AD=zu\x9b\xbf":\xa0r@Nf\x8e\xa8\x15\x05A\x90$\xc9\xd3\xcb\xd3d2\xc5.\xfe(v\xf1G\xaa\xaa\xfa\xfa\xf9\xce\x89\x9e3f\xcc\x18"b\xab\xa5m\xfcJ\x9c\x17\x02\xa0,\xa9\xaa*\xcb\xb2V\xab%\xa2\x9d;wFEE\x9d9s\x86\xfd\xa8g\xef\x1ec\xa6\x8c\xac\xd7\xa8nQAQII\t\xfb\x9d\xd2$I\xd2\xeb\xf5&gt;~&gt;gO\x9d]\xbe \xf6\xfbo~d\x8fw\xee\xdcy\xce\x9c9\xcd\x9a5#\xc4\x008\x0e6\xdf+I\xd2\x94)SV\xacX\xa1\xaa\xaa\xb7\x8f\xf7\xc4i\xe3\x06\x8f\x1ad2\x9a\xee\xfa\n(\xb2\xa2\x115~\xfe\xbe?}\xb7+j\xf4\xb4\xf4[\x19D\xd4\xaf_\xbfe\xcb\x96U\xa9R\x053\xc3\xe5\x07\x01Pf\xd8\x11OD)))\x0b\x16,\xd8\xb4i\x13{\xbc\xf6\x0b\xc1Q\xd1\x93\xba\xbc\xd4I\x92\xe4\x82\xfc\x82\x07\x1c\xca\xaa\xaa\xca\x92\xec\xe1\xe5!\x8a\xe2\x81\xbd\x07\x97\xcd\xfb\xf0\xf8\xef\'\x89\xc8\xd5\xd5\xf5\x8d7\xde\x983gN\xd5\xaaU\tc"\xb0o\xaa\xaa*\x8a"\x8a\xe2\xf1\xe3\xc7G\x8d\x1a\x95\x98\x98HD\rC\x1a\xcc_\x1e\xfd\x9f\x16!\xb732\x05A`g\x06w\xfd+Y\x96\xfd\xfc}o\xfcu3z\xca\xfc\x1d\xdf\xee$\xa2j\xd5\xaa\xad_\xbf\xbeK\x97.T\xea|\x02\xca\x10\x02\xa0\x0cX\x06\xe6\x19\x19\x19\xb1\xb1\xb1\x1f|\xf0Aqq1\x11U\x0c\xa88\xea\xddw\xde\x1a\x1c\xee\xe6\xee\x96o\xc8\'\x81\x1e\xe6\x08fuO\x1f?\x9f\xc2\xfc\xc2o\xb7|\xbf|a\xec\xad\x9b\xb7\x88(\xa8r\xd0\xd4\xf7\xa7\x0e\x1f&gt;\\\xaf\xd7[\xaaL\xe5\xfd\xd2\x00\x1e\x89et\x12\x1b\x1b;s\xd6\xcc\xdc\x9c\\\x81\x84A#\x06L\x9f\x1f\xa5\xd3\xe9\xf2\xf3\n\xb4\xba\xbb\xcf}K\x93$\xc9\xcd\xddM\xa7\xd3mX\xbdq\xd9\xfc\x0f\xf3\x0cy\x82 \xcc\x9a5k\xda\xb4iZ\xad\x16C\x9f2\x87\x00x"\xac\xb3f\x07e||\xfc\xcc\x993Y\xa1S\xef\xe2\xf2J\x9f\x97&amp;N\x1bW\xbd\xe63\x86\xdc\xbc\xc78p\xd9?\xf1\xf1\xf5\xbe\xf1\xd7\xcd\x8dk?_\x1f\x1b_RRBD\xf5\xea\xd7\x8bY\x14\xd3\xad[7BE\x08\xec\x89\xa5\xfe\x99\x95\x955j\xd4\xa8-[\xb6\x10Q`\xe5\xc0\x98U\xf3\xba\xf6\xec\xfc\xf0\xdf\x02\xf6\x9d\xaa\x14P\xf1\xb7_\x93\xa7M\x98u2\xf9\x14\x11\xb5j\xddj\xc3\xfa\r\xc1\xc1\xc18\xe6\xcb\x16\x02\xe01\x95.\xf7\xef\xdb\xb7o\xd1\xa2E{\xf7\xeee?j\xdd\xa1\xe5\x84\xa9c[\xb6kQ\x90Wp\xcfr\xff\xc3\x93$\xc9\xd5\xd5\xd5\xc3\xd3\xe3\xd4\xb1S\x8bf-\xfdy\xcf\x01\xf6x\xf7\xee\xddcbb\xea\xd6\xad\xcb~\x07\x15R\xb0\xad\xd2\xf3\xbd\xe3\xc6\x8f\xbbx\xe1"\x11\xf5\xe8\xd5m\xd6\xe2i\xd5\x9e\xae\x9a\x93\x9d\xfb\xa8\x87\xa8d\x96\xbc\xbc=\xcdf\xf3\xfci1q\x1f\x7fJD\xfe\xfe\xfe111C\x86\x0c!TA\xcb\x0e\x02\xe0qX\x8e\xbfK\x97.\xc5\xc4\xc4\xc4\xc7\xc7\xb3\xb7\xb1\xc6s\xd5\'L\x1d\xf3j\xff^\x8a,\xe7?\xb0\xdc\xff\xf0X\xd2xzyj4B\xc2O\xfbcf}p\xf1\xdcE"rss\x1b:t\xe8\xb4i\xd3\x02\x02\x02\x08_\t\xb0\x1dv\xecI\x924\x7f\xfe\xfc\xe8\xe8hUU\xbd\xbd\xbd\'N\x1f7x\xd4 \xb3\xd9\\\\T\xfcxc \xf6g}\xfd|\xb6~\xb1m\xde\xd4E\xe9\xb7\xd2\x89(&lt;&lt;&lt;66\xb6B\x85\n\x96)7x\x12\x08\x80GSz\x89\xe7\xe2\xc5\x8b\x97-[\x96\x93\x93CD\xbe~&gt;\x83\xde\x19\x101b@@P@NV\xce=\xa7\xb9\x9e\xfcy\xbd\xbc\xbd\x8a\x8b\x8a\xbf\xd8\xb0\xe9\xe3ek3\xd2o\x13\xd1SO=\x15\x1d\x1d\xfd\xd6[o\xe9t:\xe7\x98\x18`\xcb\x93m\xdd\x8ar!\x08\x82\x93\x9d\xa8Y\xe6{/]\xba4x\xc8\xe0\xc3\x87\x0e\x13Q\xdd\x06/\xc6\xac\x9e\xdf\xb4yH\xe6}\xe6{\x1f\xe9\xef\xcb\xb2\xec_\xd1\xff\xafk\x7fM\x1a\xf9\xfe\xa1\xfd\x87\x89\xa8v\xed\xda\x1b6lh\xd9\xb2\xa5s\x1c\xf0\xb6\x85\x00xX\x96c\x9d\x886o\xde\xbc`\xc1\x02\xb6\xc4S\x10\x84\xd7\xdfx\xf5\x9d\t\xc3\xea5\xaak\xc81\x98Lf\xad\xb6\xbcF\xe2\xb2,\x8bZ\xd1\xdb\xdb+\xf5\xc6\xad\xd8\xc5\x1fm\xfe\xf4k61\xd0\xbcy\xf3\xe8\xe8\xe8\xb0\xb00BE\x08\xac\xc5r\xd2\xb9~\xfd\xfa\xa8\xa8(\xb6\xb7\xd5\xc0aoM\x99\xfd\xae\xb7\x8f\xb7!\xd7\xa0\xd3\xe9\xca\xe4\x89$Irss\xd3\xea\xb4\x9f|\xb8~\xf1\x9ce&amp;\xa3\xc9\xc5\xd5\xe5\xfd\xf7\xde\x9f5k\x16\x95Z}\x07\x8f\x01\x01\xf0\xefJw\xfdIII3f\xccHHH`?j\x14\xd2`\xf2\xac\x89\x1d\xba\xb4+..)*(b\x17\xb6\x94skH\x92eWW\x177\x0f\xb73\xc7\xcf\x94\x9e\x18\x08\x7f#|\xea\xfbS-\x13\x03\x0e\xf7\xad`u\xe4\x93\'ON\x9c8\x91\r\xeb\x9c#\xc6\xd8WLQ\x94e\xcb\x965l\xd8\xd09\x963\xb2\x03,++k\xcc\x981l\xc5s`\xe5\xc0\xe9\x0b\xde\xeb\xfb\xf6\xeby\xb9\x06\xb3Y*\xdb\x82$\x1b\xec\xfbW\xf4?\xb8\xefP\xd4\xa8i\xd7\xae\\\'\xa2\xae]\xbb\xae\\\xb9\xb2V\xadZ\x18\xf4&lt;6\x04\xc0\xbf\xb0\x0cs222\xe6\xcd\x9b\xf7\xc9\'\x9f\x18\x8dF"\xaa\\%h\xfc\xd41\xaf\xf6{\xc5\xc3\xd3#7\'\x97\xedgk\xb5V\xa9\xaa\xaa\xc8\x8a\x87\xa7\xbb\xa8\xd5n\xdf\xf4\xedG\x1f\xac\xbd\xc0&amp;\x06\xdc\xdd&amp;\xbd;i\xf4\xe8\xd1\x01\x01\x01\xa5s\xcb!\xb0\xb7:!!\xa1\xf4\xa6I\xced\xcf\x9e=aaa\x8e&gt;[c)\xbc\xec\xde\xbd{\xfc\xf8q\x17.\\$\xa2\xd6\x1dZ-\xfdh\xe1\xd35\x9e\xce\xce\xcc.\xbf\xbeX\x92$o\x1f\xef&lt;C\xde\x9c\xf7\x16l\xf9\xeck"\xaaT\xa9\xd2\xaaU\xab\xfa\xf6\xedK\x98\x06{,\x08\x80\xfb\xba\xdf\x8e\x0e\xae\xae\xaeCFG\xb0\x1d\x1d\x1eo\x89g\xd9\xb6\xd0\xc7\xd7\'?/\xff\x93\x95\xeb?[\xf7\xd5\xedR\x13\x03\x96\xcd\xa5\xcb|B\xa2\x9c\xb0w\xf2\x97_~\xe9\xd4\xa9\x93F\xa3\xa9\xfdb\xb0\xbf\xbf\x9f$I\x8e;\xb2SUU\xab\xd5fg\xe7\\&lt;{IQ\x94\xbd{\xf7\xb6k\xd7\xce\xa1\xfb)\xcb\x99ett4\x9b\xef\xd5\xeb\xf5SfM\x1c6n\x88d\x96\x8a\x8b\x1fs\xbe\xf7\xe1\xc9\xb2\xac\xd7\xeb\xdd\xdc]\xb7}\xf5\xed\xec)\xf3\xb2\xb3\xb2\x89h\xcc\x981\xf3\xe7\xcf\xf7\xf2\xf2r\xc4\x13_\xdbB\x00\xdc\xc3\x03vth\x17\xd6\xe6\xfd9\x93\x1b4iPXP\xf8\x84K&lt;\xcb\x8a,\xc9\xa2V\xf4\xf5\xf7\xbdv\xf9\xfa\xf2\xf9\x1f~\xf7\xf5\x8f\xec\x1c%,,,**\xaac\xc7\x8e\xe4 \x13\x03\xacg\xfc\xf9\xe7\x9f;t\xe8@D\x9b\x7f\xfa\xa2K\xb7N\x86&lt;\x83Xns*\xe5M\x96d\x1fo\x9f\xdd;\xf7\xf6\xef\xfe\x16\x11\xed\xdf\xbf\xbf}\xfb\xf6\x0e\x1a\x00\x96\x13\xca\xcb\x97/\x8f\x1d;v\xd7\xae]DT\xb7\xc1\x8b\xf3WD7k\xd947\xc7\xa0\xaa\xaau\xc6\x19\xac%\xfe\x15\xfd\xcf\x9f\xb90i\xc4{\xc7\x92\x8e\x13Q\x93\x90&amp;\xabW\xadn\xd6\xac\x19f\x86\x1f\x89\xed\xfb/{\xc3\x06\x11Z\xad\xf6\xee\x1d\x1d\x9e\x0f\x8e\x9a3)\xac{\x07EQ\xb32\xb3DQ\xb4\x87\xde\x9f\x88D\xadH*efd\x06\x04V\x8a\xdd\xb8&lt;&lt;\xa2\xdf\xd2\xb9\xcb\x8f\xfcr4!!a\xef\xbe\xbd\x11\x83"\xa2\xa2\xa2\x82\x83\x83\xc9\xd1\xce\x91\x8b\x8bJ\n\x8a\n\n\n\n\x1d\xa8\xcdwa\x93\xf6\xc5E%\xb6n\xc8\x93bG\x8e(\x8a\x9b7o\x1e7n\\FF\x06\xdd\x99\xef\xf5\xf1\xf5\xc9\xca\xccf\xb75\xb5Nc\x04A\x10E1+#\xabF\xad\xea[~\xfa|\xe5\xe2\x8fbc&gt;:\x96|\xacm\xdb\xb6\x8b\x16-\x1a?~&lt;9\xda\xa1nC\xc8\xc9\xff#\xcb\xb2\xa2(Z\xad\xd6`0\xcc\x981\xe3?\xff\xf9\x0f\xeb\xfd+\x06T\x9c\x153\xfd\xc7C\xff\xed\xdc\xa3SA~aQa\x915\x0f\xf7\x87"\x90V\xab5\x9b\xcd\x99\x19Y!\xa1\x8d\xbf\xf8n\xe3\xe2\xd5\x0b\x9f\x0b\xae\xa9*j\\\\\\\xf3\x16\xcdK\xdfu\xd2Qn\xbe\xaa\xd1\x08\x1a\'aO\x87\xca\xa3c\xa7\x8f\x06\x83a\xe8\xd0\xa1\xe1\xe1\xe1\x19\x19\x19\xfe\x15\xfcW\xc5/_\xfc\xd1B\xbd^\x97g\xc8\xb3\xc9HH\xab\xd3\x16\x15\x14\xc9\xb22m~\xd4\xc6\xed\xeb\xab?\xf7\xac\xd1h\x9c0aB\xff\xfe\xfdSSS\xd9u\t(o\xfc+\x04\x00\xd1\x9d\x9a\x8f(\x8a\x1a\x8d&amp;&gt;&gt;&gt;44t\xde\xbcy\xc5\xc5\xc5z\xbd\xbe\xcf[\xbd\x7f8\xb0}\xc4\x84\xa1\x8a\xa2\xe4\x19\xf2\xd8\x17\xda\xd6\xed\xbd7v\xab\xd5\x82\xbc\xc2\x92\xe2\x92\x81\xc3\xde\xdc\xb6w\xf3\x84\xf7\xc7\xf8\xfa\xf9fge\xcf\x9e=\xbby\xf3\xe6\x9b7of\xedg7\x18\xb0u{\xc1\xde\xb1\xe1\x82V\xab=r\xe4Hhh\xe8\xfa\xf5\xeb\x89\xa8u\x87V\xdb\xf6lz\xfd\xad\xde\x99\x19\x99\xb2l\xcbU\x06\x1aQ\xa3\xaajfzVX\x8f\x8e\xff\xdd\xbb\xb5{\xaf\xaeD\xb4e\xcb\x96f\xcd\x9a\xed\xde\xbd\x9b\x8d\xd2\x1ce\xb8c+v\xda\x97Y\x8d\xaa\xaal\x9aQ\x14\xc5}\xfb\xf6\x85\x85\x85EFF^\xb8p\x81\x88Z\xb4m\xbee\xe7\x17\xab6.\x0f\x08\xac\x94\x95\x99MD\x0eqR\xa9\x115\x1a\x8d&amp;\xf3v\x96\xbb\xbb\xfb\xfb\xf3\xa2\xb6%l\xee\xf3Vo\x8d\xa09\x7f\xfe|xxx\x97.]\x92\x92\x92\xd8|\x00\x86H\xf0\x00\x92$\xb1\xe1Bttt\xc7N\x1d/\\\xb8\xa0\xd7\xeb\xc7E\x8d\xfe\xe2\xbb\xb8\xea\xb5\xaag\xdd\xce\xb2\x87\xf3`A\x10\xb4:mNV\x8e\x97\xb7\xd7\xda/W\xcf^&lt;\xc3\xdb\xc7\xfb\xc6\x8d\x1b\xdd\xbau\x9b8q"{\t\xb2,\xdb\xb6\x91\xf6\x8c\xeb\x00`+d\xb4Zmjj\xea\xe0\xc1\x83;\x85ub\xfb\xf9\xd4\xacUc\xf1\xea\x85_~\xbf1$\xb4qfF\x96\xd9l\xb6\x93r\xff\xc3c[\'\xdeN\xbb]\xa3V\xf5\xd8\xb8e\x9f\x7f\x17\xd7\xb2]\x0b"\xda\xb3gO\xbbv\xed\x06\x0f\x1e|\xf3\xe6M\xf6\x05\xc6\xd7\x03\xee\xc2FEZ\xad\xf6\xf2\xe5\xcb\xdd\xbau\x9b={\xb6\xb1\xc4X\xe3\xb9\xea_\xfe\xb0q\xda\x82\xf7\x8a\n\x8b\x1f{w\x87r\xa2\xd5jM&amp;S~^\xfe\xa8w\x87o\xfa\xf1\xb3\x86!\rTU]\xbe|y\xfb\x0e\xed/]\xba$\x8a"Ny\xef\x87\xeb\x00\x10E\xd1d2\xcd\x9b7\xafI\x93&amp;qqq\xa4\x92\x8f\xaf\xcf\xf8\xf7\xc7l\xdf\xb7e\xe0\xb07K\x8aK\n\xf2\n\xeda\x98\xf3x\xd8\xe0\xa8\xa4\xb8$+3\xbb]X\x9b/\xbf\xdf\xb8x\xd5\x82\xcaU+\x97\x94\x94\xc4\xc5\xc55m\xdat\xde\xbcy&amp;\x93\xc9!Nk\xc0j,\xa3\xa2\xad[\xb7\xb6l\xd9\x92\xad\xf6\xe97\xa0\xcf\x0f\x07\xb7\x87\xb6jv;\xed\xb6}VA5\x1a\x8d(\x8a\x19i\xb7\xeb5|q\xdb\x9eM\x91#\x06\x12\xd1\xe1C\x87\x9b7o\xbe~\xfdzv\xca\x8b\xb1\xce?\xd9\xdd\x07i\x1d\xecV\xa5\x9b7on\xdc\xb8\xf1\x8c\x193\xd8\x02\xff\x9e\xbd{|\xbb\x7f\xeb\xd4yQ\xee\xee\xee\x99\xb7\xb34\x1a\x8dFt\xf8\xf7G\xa3\xd1h\xb5ZCn^IQ\xc9\x80ao\xfep`\xdb\xe8\xc9#\\]]o\xdd\xba5c\xc6\x8c&amp;\x8d\x9bl\xde\xbc\xd9l6\xa3T\ntg\xbe7??\x7f\xec\xd8\xb1\xfd\xfa\xf5\xbb}\xfbv\x85\x8a\xfe+7,[\xb66\xc6\xc5\xc5%?/\xff\xc1\xbb\xf9\xdb\x9cV\xa7-((\x94$y\xe1\xca\xb9\xb1\xf1\xcb\x03+\x07fgg\x0f\x1d:\xf4\x8d7\xde\xc8\xca\xcab3\xc3\xb6n\xa3}q\xf8\x0e\xee1\xb0-\xc5\x13\x13\x13\xc3\xc3\xc3\xcf\x9e=KD\rC\x1a|\xf1\xdd\xc6\x8f&gt;[Y\xfd\xb9\xea\xb7\xd3n[.\x02p\x1a\xa2(\n\x1a!+3\xdb\xcf\xdfo\xda\xfc\xf7\xbe?\xb0\xad\xe7k=DQL9\x9b\x12\x1e\x1e\x9e\x98\x98\x88R)\xe7,\xf3\xbdIII\xed;\xb4\x8f\x8d\x8d%\xa2\xd6\x1dZ}\xbd{S\xbf\x01\xaf\x1br\xf3X6\xd8\xba\x99\xffN\x14EUU3og\xbd\xfe\xe6k\xdf\xff\xfcM\xeb\x0e\xad\x88h\xd3\xa6M\xadZ\xb5&lt;r\xe4\x88V\xabu\xa0\x85pV\xc0c\x000f\xb3\x99\x9d6\x8e\x9d2\xea\xdb}[\xdb\x85\xb5\xc9\xcf\xcb/.*\xd6\xea\x1c\xb5\xe6\xf3\xaf\xd8R\xd1\xec\xcc\xec\xe0\xe7km\xf8z\xcd\xac\xc5\xd3\xd9\xc2\'\xb3\xd9l\xeb\xa6\x81-Y\xe6{W\xacX\xd1\xb6m\xdbc\xc9\xc7\x04\x12\xc6F\x8d\xfa\xe2\xbb\xf8\x1a\xb5\xaag\xde\xce\xb2\xff\xab\x08Kc%\xac\xec\xcc\xecJ\x81\x95\xbe\xfc~\xe3\xf4\xf9\xef\xe9\xf5\xfa\x0b\x17.v\xec\xd41::\x9a\xbdR\x9c\n0\xfc\x06\x00["&amp;\xcbr\xab\x0e-\xf5\xae\xfa\x9c\xac\x1c\xd6\x1b\xda\xba]\xe5\xeb\x7fKE\xf3\x0bLFSp\x9dZ\xec\xd2\x07\x07\xfanC\xd9\xb2\xcc\xf7\xa6\xa6\xa6v\xeb\xd6m\xc2\x84\tF\xa3\xb1\xfas\xd57n_?m~Tq\x91\xdd\xcd\xf7&gt;&lt;\xadVk4\x1a\x8b\n\x8bFO\x1e\xf1\xf5\xee\xaf\xea6x\xd1Xb\x9c={v\xb7n\xdd._\xbe\xccVI`f\xd8\xc9\xfb\xbb\x87QXP\xa8\xc8\x8a\xe3\xee7\xf0\x184\x1a\x8d \x08\xc5\xc5\x0e\x7f\x85*&lt;\t\x96\xfdl\xbe\xb7Y\xb3\xff\xb0\xf9\xde\x9e\xbd{l\xdf\xbb\xb9s\x8f\x8e\x99\xe9Y\x8e\xb2\x8b\xd4\xfd\xb0\xe3&lt;+3\xbbI\xb3F[w}\xd9o@\x1f"\xda\xb5kW\xabV\xad6o\xde\x8c\x99aB\x00\xd0\x9d\xa3\xc4\xd6\xad\xb0\x01G\xbfB\x15\x9e\x04+\xfbX\xe6{o\xdc\xb8\xe9\xe3\xeb\xb3(v\xde\xbaM\x1fyyyeg\xe5\xd8\xf9|\xef\xc3\xd3j\xb5y\xb9\xf9:\xbdn\xd9\xda\x98\x95\x1b\x96U\xa8\xe8\x9f\x91\x91\x11\x1e\x1e&gt;t\xe8\xd0\xfc\xfc|\xceg\x86\x11\x00\x00|\xb1\xecux\xfc\xf8q\xcb|oHh\xe3o\xf7o\x1d8\xec\xed\xec\xac\x1c\xc9\xecl{j\x8aZQ\x96dCn^\xbf\x01\xaf\x7f\xbd{\x13\x9b\x19^\xbf~}\xfb\x0e\xed\x93\x92\x92x\x9e\x19F\x00\x00p\x84-\xf3\x17E166\xb6c\xa7\x8e\x96\xf9\xdeM;&gt;\xafQ\xabFvV6[0f\xebf\x96=\xf6\xaa3og\xd5\xa8U\xfd\x8b\xef\xe2\xc7F\x8d""\xb6\x85\xdc\x8a\x15+,[\xa4\xd8\xba\x99\xd6\x86\x00\x00\xe0\x05\xdb\xf0*55\xb5\x7f\xff\xfec\xc7\x8e\xcd\xcd\xc9\xad\xfe\xdc\xb3l\xbeW\x91\x95\xa2\x82"\'\x1b\xf8\xff\x93V\xabe3\xdb\xd3\xe6G}\xba}C\xf5\xe7\xaa\xb3-\xe4\xbau\xeb\xc6\xb6\x90\xe3-\x03\x10\x00\x00\\PUU\x14\xc5\xdd\xbbw7m\xdat\xcb\x96-D\xd4\xbdW\xb7\xff\xee\xdd\x1a\xd6\xa3cfz\x96\xaa\xaaNp\xd9\xe3\xc3`s~\x99\xe9Y\x9d{t\xdc\xbews\xcf\xde=\x88h\xd7\xae]M\x9b6\xdd\xbd{7\xbb\x8c\xc0\xd6m\xb4\x1e.&gt;r\x00\xce\xb1\x05?\xd1\xd1\xd1]\xbbvMMM\xad\x14PiV\xcc\xb4\xb5_\xae\xf2\xf2\xf6\xca\xc9\xcaq\xe2k_\xeeG\xab\xd3fg\xe5xyy\xad\xdb\xf4\xd1\xc2\x0f\xe7V\n\xa8\x98\x9a\x9a\xda\xb5k\xd7\xe8\xe8h\xae\xf6\x10E\x00\x008?\xd6\xa3\xb1\xfa\x86 \x08\x93f\x8c\x9f4eB\x9e!\xcfd29}\xd9\xe7~\xb4Z\xadd\x962og\x8d\x1c\xfb\xce\xa4\x19\x13X\x04\xb2\xb7\x08\x01\x00\x00\xce\x83-\xe7\x1f8p\xa0\xab\xab\xab\xaa\xaa\xc7\x92\x8e\xe7\x95\xe4\x11\xf7\xb7N\x144\x82 \x08\x05%\xf9\xc7\x92\x8e\xab\xaa\xea\xea\xea:p\xe0@\xe2\xe9m\xe1\xe5u\x02\xf0L\xa3\xd1(\x8aR\xbdz\xf5F\x8d\x1a\x11\xd1/\t\x07o\xa7g\xba\xb8\xb8pU\xef\xfe\'UU]\\\\n\xa7g\xfe\x92p\x90\x88\x1a5jT\xbdzuEQ\x10\x00\x00\xe0TX\xbf\xf6\xdak\xaf\x11QF\xfa\xed\xa4#\xbf\xbb{\xb8\xf1S\xeb\xb8\'EQ\xdc=\xdc\x92\x8e\xfc\x9e\x91~\x9b\x88^{\xed5\x96\x94\xb6n\x97\xf5 \x00\x00\xb8\xc0F\xb5/\xbf\xfc\xb2\x8b\x8b\x0b\x11\xed\xfea\x0fo\x13\xbf\xf7$\x08\xc2\xee\x1f\xf6\x10\x91\x8b\x8b\xcb\xcb/\xbfL&lt;\xd5\x7f\x08\x01\x00\xc0\t6\xb6}\xee\xb9\xe7BBB\x88\xe8\xe8\xa1\xa4\xcc\x8cL\x9dN\xc7m\x15HUU\x9dN\x97\x99\x91y\xf4P\x12\x11\x85\x84\x84&lt;\xf7\xdcs\\\xd5\x7f\x08\x01\x00\xc0\x0f\xd6\xbb\x85\x85\x85\x11QF\xfa\xeds)\x17]\xdd\\\xb9\xaax\x94\xa6(\x8a\xab\x9b\xeb\xb9\x94\x8b\xac\xfe\x13\x16\x16\xc6[\xfd\x87\x10\x00\x00\xfc`5\x9f\xcea\x9d5\x1a\x8d,\xc9\t?\xee\xd5\xbbp}\x06\xa0w\xd1%\xfc\xb8W\x96d\x8dF\xd39\xac3\xddy\x8b\xf8\x81\x00\x00\xe0\x05\xbb\xcc\xb5IH\x93\xe0\xe0`"\xfay\xcf\x81\xdc\xec\\\x9dNg\xebv\xd9\x86N\xa7\xcb\xcd\xce\xfdy\xcf\x01"\n\x0e\x0en\x12\xd2\x84],m\xebvY\x15\x02\x00\x80#\xb2,\xeb\xf5\xfa\x9e={\x12\xd1\xf5\xab\x7f\x9cL&gt;\xed\xee\xee\xc6\xdb\x068D$\xcb\xb2\xbb\xbb\xdb\xc9\xe4\xd3\xd7\xaf\xfeAD={\xf6\xd4\xeb\xf5\x1c\xbe\x0f\x08\x00\x00\x8e\xb0\x12G\xef\xde\xbdY\xbd;a\xc7&gt;\x1d\x97U UUu.\xba\x84\x1d\xfb\xd8\xbcH\xef\xde\xbd\x89\xbf\xfa\x0f!\x00\x00\xb8\xc2\xaa@\x8d\x1a5\xe2\xbc\ntW\xfd\xa7Q\xa3F\x1c\xd6\x7f\x08\x01\x00\xc0\x1bT\x81P\xff\xb1@\x00\x00\xf0\x05U \xd4\x7f,\x10\x00\x00|A\x15\x08\xf5\x1f\x0b\x04\x00\x00wx\xae\x02\xa1\xfeS\x1a\x02\x00\x80;&lt;W\x81P\xff)\r\x01\x00\xc0\x1d\x9e\xab@\xa8\xff\x94\x86\x00\x00\xe0\xd1?\xaa@g\xdc=\x9c\xbf\n$\xcb\xb2\xbb\x87\xdb\xc9\xe43\xa8\xff0\x08\x00\x00\x1e\xddU\x05\xda\xf3c\x82\x96\x83\x9dAUU\xd5\xeat{~L@\xfd\x87A\x00\x00\xf0\xe8\xae*\xd0\xefG\x93\x8b\x8b\x8a\x9c\xbe\x12"\x8abqQ\xd1\xefG\x93\t\xf5\x1f"B\x00\x00pKQ\x14\xbd^\xdf\xbcys"\xbax\xfe\xca\xc5\xb3\x97\xdd\x9czwhEQ\xdc\xdc\\/\x9e\xbd|\xf1\xfc\x15"j\xde\xbc\xb9^\xafw\xe2\xd7\xfb0\x10\x00\x00\\ce\x10cI\xc9\xfe\xdd\xbf8\xf7\xed\x01\xd8\r\x00\xf6\xef\xfe\xc5XRBw^8\xe7\x10\x00\x00\x9cb\xb7\xbej\xd3\xa6M\x95*U\x88(\xe1\xa7}\xc5\xc5\xc5N\\\x0f\x11E\xb1\xb8\xb88\xe1\xa7}DT\xa5J\x956m\xda\x10g7\x80\xfc\'\xae_&lt;\x00\xcf\x04A\x90e\xd9\xcb\xcb\xabs\xe7\xceDt\xf6\xf4\xf9\x0b)\x17\x9d\xb5\n\xc4\xea?\x17R.\x9e=}\x9e\x88:w\xee\xec\xe5\xe5%\xcb2\xcf3\xc0\x84\x00\x00\x80\xd7_\x7f\x9d\x88LF\xe3\xfe\xdd\x07\x9c\xb5\nt\xa7\xfes\xc0d4\xd2\x9d\x97\x0c\x08\x00\x00~\xf1S\x05B\xfd\xe7\x9ex\x7f\xfd\x00&lt;\xe3\xa4\n\x84\xfa\xcf\xfd \x00\x00\xc0\xc9\xab@\xa8\xff\xdc\x0f\x02\x00\x80k&lt;T\x81P\xff\xb9\x1f\xbc\x05\x00\\s\xfa*\x10\xea?\x0f\x80\x00\x00\x00"\xe7\xad\x02\xa1\xfe\xf3\x00\x08\x00\x00\xde9w\x15\x08\xf5\x9f\x07\xc0\xbb\x00\xc0\xbb\x7fV\x81\xce\x9d\xb9\xe0\x1cU V\xff9w\xe6\x02\xea?\xf7\x84\x00\x00\x80\xff\xe9\xd3\xa7\x8f \x08&amp;\xa3\xf1\xf0\xcf\xbf\xba\xba;I\x00\xb8\xba\xbb\x1e\xfe\xf9W\x93\xd1(\x08B\x9f&gt;}l\xdd"\xfb\x82\x00\x00\x80\xff\x95D\x9a7o\xee\xef\xefODI\x87~3\x9b%Ap\xf8\xfeA\x104f\xb3\x94t\xe87"\xf2\xf7\xf7g[\x9f\xa2\xfec\x817\x02\x00H\x10\x04EQ|}}CCC\x89\xe8\xb7\xa3\xc9\x7f^\xfd\xd3\xd5\xd5\xc5\xa1o\x11\xa3\xaa\xaa\xab\xab\xcb\x9fW\xff\xfc\xedh2\x11\x85\x86\x86\xfa\xfa\xfa*\x8a\x82\xfa\x8f\x05\x02\x80\x14Eq\xe8\xa3\xfc\xb1\xf1\xf9\xaa\xe1~X\xcf\xc8\x8a$\xf9y\xf9\x87\xf6\x1fq\xf4\x9bD\xb2\x1b@\x1e\xda\x7f$?/\x9f\xee\x14\xb8\x9c\xa0\xaeU\x86\x10\x00\xe4\xe1\xe9\xa1\x115\x0e}\xa0?*UU\x15E\xd1\xe9\xb9\xb8\t8&lt;$\xb6\xec\xa7K\x97.&gt;&gt;&gt;D\xb4\xfb\xc7\x04Y\x96\x1d\xba\n$\x08\x1aY\x96w\xff\x98@D&gt;&gt;&gt;]\xbat\xa1;/\x13\x18\x07\xfet\x9f\x90\xaa\xaa\x1a\x8dF\x14\xc5\xc3\xfb\x8f\x98\x8c&amp;?\x7f?I\x92x\x18\x1dH\x92\xac\xd7\xeb=\xdd=\xd3S\xd3\x05A\x10E\x11g\xc4@w\xaa@AAA\xad[\xb7&amp;\xa2\xe4\xc4\xe3\x7f8r\x15\x88\xd5\x7f\xfe\xb8\xfagr\xe2q"j\xdd\xbauPP\x10\xea?w\xe17\x00t:\x9d\xa2(\xb2,\xaf\\\xbc\xbaW\xfb&gt;\x07\xf7\x1d\xaaP\xd1\xdf\xd5\xcdU\x92$[7\xad\xbc\xb0\xb3\x1c\xff\n\xbey\x86\xbc\xf1\xc3\'\xcd\x98\x18\xcd\xd6\xff9\xf1K\x86G\xc2\x06@\xecR)G\xaf\x02\xddU\xffa/\x8a\x87\x11\xde#\xe11\x00DQT\x14%44t\xd3\xa6M/\xbe\xf8"\x11\x9d&lt;v\xfa\xcd\x97\x07\x8d\x89\x98p\xed\xf2\xf5J\x01\x15\x89H\x96\x1c\xf2\xa0\xbf\x1f\x16u&gt;\xbe&gt;\xa2(\xaeY\xb1\xbek\xf3\x9e\x9f~\xf2Eaa\xa1V\xab\x1d3fL\x93&amp;M\x14E\xc1\xd2\x08p\xa6*\x10\xea?\x0f\xc3!?\xda\'\xa7\xd1ht:]\xff\xfe\xfd\x8f\x1f?&gt;w\xee\\???UU\xbf\xfer\xfbk\x9d\xfa\xc6\xcc\xfe\x80\x88|\xfd}\x15Eq\x82\xf1\x82\xaa\xaa\x92$\xb9{\xb8{y{\xfd\xbc\xe7@\x9f.\xe1\xd1Q\xf3ngd\x12Q\xf7\xee\xdd\x8f\x1d;\xb6r\xe5J???\x8dF\x83Scp\x9a*\x10\xea?\x0f\x89\xd3\x00`dY\xd6\xeb\xf5\xd3\xa7OOLL\x8c\x8c\x8c\x14\x04\xc1\x90\x9b\xf7\xc1\xbc\x15/\xb7\xed\xfd\xcd\x97\xdb\xbd\xbc\xbd&lt;&lt;\xdceIv\xb8\xa3\xdfB\x92$Q+\xfaW\xf4\xbfx\xee\xd2\xc8\x01c\xdfze\xd0\x89\xe4SDT\xaf^\xbd\x9f~\xfai\xc7\x8e\x1du\xeb\xd6\x95e\x07~\x81P\xe6\x9c\xa3\n\x84\xfa\xcfC\xe2:\x00DQd\x03\xe4\xe0\xe0\xe0\r\x1b6$$$\xb0E\xd0\x17\xcf_\x1a;xb\xf8Ko\'\'\x1d\xf7\xaf\xe4\xaf\xd3i%G\xab\x08)\xb2\xa2(J\xc5J\x15\x8a\x8b\x8a\xe7O]\xd4\xb3\xedk?l\xdbADAAAs\xe7\xceMNN\xee\xd6\xad\x1b;\xc5\xc1$0\x94\xe6\x1cU \xd4\x7f\x1e\x92\x83}\xaeeN\x10\x04\xadV\xab(\x8a$I\x1d;v&lt;t\xe8P\\\\\\\xb5j\xd5\x88\xe8\xd0\xfe#\xfd\xbb\xbf\xfd\xde\xe8i\xb99\x06\xff\n\xbetg\x12\xd5\xce\xb1H\xf3\xf4\xf6pus\xfd\xec\x93/{u\xe8\xbbj\xe9\xc7\xc6\x12\xa3\x8b\xabKdddrr\xf2\xf4\xe9\xd3\xf5z\xbd,\xcb\x1a\x8d\x06u\x7f\xb8\x8b\x13T\x81P\xffyx\xf8\xfe\x13\x11i4\x1a\xadV+\xcb\xb2V\xab\x8d\x88\x888v\xec\xd8\xf4\xe9\xd3\xdd\xdc\xdcL&amp;\xd3\xc6\xb5\x9fwm\xf1\xf2\x9a\x15\xebEQ\xf4\xf1\xf5\x91e\xd9~O$U\x92$I\xa7\xd3U\x0c\xa8\x90\x9cx\xfc\xcd\x97\x07M\x1e\xf5\xfe\xb5\xcb\xd7\x88\xa8S\xa7N\x07~9\xb0a\xc3\x86\xaaU\xabJ\x92\xa4\xaa*FCp?\x8e^\x05B\xfd\xe7\xe1!\x00\xfe\x8f\xa5"\x14\x10\x100w\xee\xdc\xdf~\xfb\xad{\xf7nDt;\xfdvt\xd4\xbc&gt;]\xc2\x7f\xde\xf3\x8b\x97\xb7\x97\x9b\xbb\x9bd\x96\xecm@$\xcb2\tT1\xa0bF\xfa\xed\xd1\x83&amp;\xf4\xeb\xf6\xd6\xaf\x07\x8e\x12Q\x9d:u\xe2\xe2\xe2\x12\x12\x12\x9a5k\xc6\xca\xfdZ\xad\xd6!\x86B\x8a\xa2*N\xc2\xbe\x0e\x95\x7f\xe5\xe8U \xd4\x7f\x1e\x9e\xd6\xd6\r\xb0/\xac"\xc4.\x94\xad[\xb7\xee\x8e\x1d?\xed\xdc\xb93**\xea\xcc\x993\'\x92O\xbd\xf5JD\xcf\xde=&amp;N\x1b\xfbb\x83\x17\r9\x06\x93\xc9\xac\xd5\xda\xfe\xa8R\x14\x85\x88||\xbd\x0b\xf2\x0b\x17\xcf^\xfa\xd9\'_\xb2E&gt;nnn\xef\xbe\xfb\xee\xa4I\x93|||\xd8\xef8\xd6w\xc0\xcd\xdd\xd5\xd3\xddS\x96d\xd1\x0e\xde\xe4\xc7#K\xb2\xa7\xbb\xa7\x9b\xbb\xab\xad\x1b\xf2hJW\x81~\xfc\xf1\xc7\xe4\xc4\xe3\xd7\xae\xfcQ\xf5\xa9*&amp;\xa3\xc9\xfe\x87\x0e\xaa\xaa\xba\xba\xb9\\\xbb\xf2\xc7]\xf5\x1fT;\xef\t\x01p\x0f\xec\xfaX\xd6iv\xeb\xd6\xadc\xc7\x8e\x8b\x17/^\xbdzuZZ\xda\x0f\xdbv\x1c\xdcw8b\xc4\x80\x88\x11\x03\x02\x82\x02r\xb2r\x04A\xb0\xd5\xb1\xa5\xaa\xaa"+\x1e^\x1e\x1a\x8d\xb0\xfb\xc7\xbd\x8bf.\xb9t\xfe2\xfbQxx\xf8\xd4\xa9S\xeb\xd6\xadKD\x92$i\xb5\x0e\xf3A\xb37_\xa3\xd1\xcc\x9b\xba\xf0\xa3\xa5k$I\xb2\xffN\xe7~\xd8\xf9Vvv\x0e\xbb\xea\xd0\x81^\x08\xeb1{\xf7\xee\xfd\xe3\x8f?\xe6\xe7\xe5\x9f&gt;~\xe6\xb9\xe0\x1a%\xc5%\xf6?\x86P\x14\xc5\xcd\xcd\xf5\xf4\xf13\xac\xfe\xd3\xbbwo\xba\xf3rl\xdd4{\xe40\xfd\x82\xf5\xb1#\xc6\xb2T422r\xc6\x8c\x19q\xf1q\x86\\\xc3\x8a\x85\xb1\xdf\x7f\xfd\xe3\x84\xa9c^\xed\xdfK\x91\xe5\xfc\xfc\x02\xeb\xaf\xa5\x91$\xc9\xd5\xd5\xd5\xcd\xd7\xed\xcc\xf13\x0bg.\xf9%\xe1 {&lt;\xb4y\xe8\x9c\xe89aaa\xecwDQt\xa0\xde\x9f\x88\xccf\xb3,\xcb\xb2,\xa7\x9c&lt;k\xeb\xb6\x941\xb3\xd9l\xeb&amp;&lt;,v\xf0\xb7h\xd1\xc2\xc5\xc5\xc5h4\xee\xdf\xf5\xcbk\xe1\xbdl\xdd\xa8\x87&amp;\x08\xfbw\xfdBD...-Z\xb4 \xec\xff|\x7f\x82\xbd\xd5\xb2\xed\x90\xaa\xaal~\x98\x88\xf6\xed\xdb\xb7h\xd1\xa2\xbd{\xf7\xb2\x1f\xb5\xee\xd0r\xc2\xd4\xb1-\xdb\xb5(\xc8+())\xb1NW+\xcb\xb2(\x8a&gt;\xbe\xde7o\xdcZ\x19\xb3j\xf3\xa7_\x1bK\x8cD\x14\x14\x144u\xea\xd4w\xdey\x87\x8d7\xc9\xd1\x8e{6L;y\xf2\xe4\xc4\x89\x13Y\xcb\x1dh\xc8\xfc\x00\xec+\xa6(\xca\xb2e\xcb\x1a6l\xe8(\xa3Qv\x08\xb5j\xd5\xea\xe8\xd1\xa3\x81A\x01\xbb\x13\x7f\xf4\xf4\xf2\xb4\xf3\x132v\xcaU\x90_\xd0%\xf4\xa5\xf4\xb4\x8c\xe6\xcd\x9b\x1f&gt;|\x98\x1c\xed\x8b`M\x08\x80\x87\xc5&amp;\x06\xd8)p||\xfc\xcc\x993o\xdc\xb8ADz\x17\x97W\xfa\xbc4q\xda\xb8\xea5\x9f1\xe4\xe6\xb1\xde\xb9\x9c\xda\xa0(\x8a\xaa\xaa&gt;~&gt;\x85\xf9\x85\xff\xdd\xf2\xdd\x8a\x05\xb1\xb7R\xd3\x88\xc8\xcd\xcdu\xc8\x90\xa1\xd3\xa7O\x0f\x08\x08\xa0;\tQNm\x00N\xb0\xca\xe1\xd2\xa5K\'O\x9eLDk\xbe\\\xdd\xa3W\x97\x9c\xec\\{&gt;\xb4dY\xf6\xf3\xf7\xdd\xf1\xed\xeew\xde\x1cEDK\x96,\x994i\x92c\x95@\xad\x0c\x01\xf0h\xd8\xf2yA\x10222bcc?\xf8\xe0\x83\xe2\xe2b"\xaa\x18Pq\xd4\xbb\xef\xbc58\xdc\xcd\xdd-\xdf\x90OB\x19\x0f:TU\x95%\xd9\xc3\xcbC\x14\xc5\x03{\x0f~0\xef\xc3\x13\xbf\x9fd?\xea\xde\xbd{LL\x0c+\xf7[\x9aW\x86Ome\xaa\xaa:\xeb1)\x08\x82\x03}4\xecL\xe5\xd2\xa5K\xf5\xeb\xd77\x1a\x8d\xbd\xc3_\xfd\xe2\xab\xf8\x1c\x93\xdd\x07\x80\xde\xf7\xad7"\xb6m\xfa\xaf\x8b\x8b\xcb\xe9\xd3\xa7\x83\x83\x83\x1d\xe5\x94\xcb&amp;\x10\x00\x8f\xc32\xa6HIIY\xb0`\xc1\xa6M\x9b\xd8\xe3\xb5_\x08\x8e\x8a\x9e\xd4\xe5\xa5N\x92$\x17\x94\xdd\xc4\x80$Iz\xbd\xde\xc7\xcf\xe7\xec\xa9\xb3\xcb\xe6\xafd\xd7\xf4\x12Q\xbdz\xf5\xa6N\x9d\xda\xbf\x7f\x7fr\x8a\xae\x1f\xec\x8d\xa5\n\x94\x98\x98\xe8\xe7\xef\xf7Fd?\x8dF\xa3\xaa\xaa@\xf6x\x98\xa9\xa4\xb2\xf5K_\xc5m\xc9\xc9\xce\t\r\rE\xfd\xe7_!\x00\x1eS\xe9\x89\x01\xcbRQ\xf6\xa3\x9e\xbd{\x8c\x992\xb2^\xa3\xba\x05\xf9\x05&amp;\xa3\xe9IN?\x15Y!\x81\xfc+\xf8\xa5\xddJ\x8f\xff\xf8\xb3\xf8\x8f?3\xe4\x1a\x88(((h\xd4\xa8QS\xa6L\xd1\xeb\xf5\x8eX\xee\x07\x87\xc0\x06:K\x96,\x992e\x8a\xad\xdb\xf2\xc8\x16/^&lt;y\xf2d\xd4\x7f\x1e\x0c\x01\xf0D,\x9d\xaf\xc9dZ\xbbv\xed\x82\x05\x0b\xd2\xd2\xd2\x88\xc8\xc5\xd5e\xe8\xe8\xc8a\xe3\x06\x07\x06\x05dg\xe5\x90J\x1a\xf1\xd1:h\x160\xde&gt;^\x92$\x7f\xfd\xc5\xf6\xb5+\xd6]\xbd|\x8d\x88H\xa0\xc8\x88\xc8\xb9s\xe7V\xa9R\x85P\xee\x87\xf2\xc4\x8a\'\x97/_n\xd3\xa6\x8d\xc9d\x12EQ%{\xef.\x04\x12\xd8\xca\xbd\x83\x07\x0f\xd6\xaaU\x0b\xf5\x9f\x07C\x00\x94\x01K/|\xf3\xe6\xcd\x993g~\xf9\xd5\x97lYN\x8dZ5F\x8c\x1f\xfa\xfa[\xafi\xb5b\x9e!\xff\xe1+Bl\x89\xa7\xa7\xb7\xc7\xaf\x07\x12\x97\xccY\xce\xae\xe9%\xa2N\x9d:\xbd\xf7\xde{\x1d;v\xa4;K&lt;Q\xf3\x01+\xc8\xcb\xcb\x93eY\x10\x1c\xa0\xbb`\x8d\x14E\xd1\xdb\xdb\xdb\xd6mq\x00\x0e\xf0\x89:\x84\xd2k\x84\x92\x92\x92\xa6O\x9fnY*\xda\xa2m\xf3\xc93\'\xb4h\x1bZ\x90WXRR\xa2\x15\xb5\x0f\xa8\xa0Z\x96x^\xbf\xfa\xe7\xb2\xf9\x1f~\xb7\xf5\x07\x93\xc9DDu\xea\xd4\x992eJDD\x04\xa1\xdc\x0f\xd6\xa5\xaa\xaa#\x1el\x0e\xdal+C\x00\x94\xa5\xbb\x96\x8a.^\xbc\xf8\xc2\x85\x0bD\xa4\xd7\xeb_\xe9\xdbs\xe2\xb4q5jU\xcf\xcd\xce\xbdg\xdd\x86U\x93\xbc\xbc\xbd\x8a\x8b\x8a\xbf\xd8\xb0i\xf5\x07k2\xef\xb5\xa3\x03\xf6q\x03\xebs\xc4^\x02\xbd\xff\xc3@\x00\x94=\xcb\xc4\x80\xc1`X\xbat\xa9e\xa9h\xa5\x80\x8a\x03\x86\xbd9l\xec\x10O/\x8f&lt;C&gt;\xdd\x99\xb9e\xe5~O/O\x8dFH\xf8i\x7f\xcc\xcc\xa5\x17\xcf_b\x7f\xcaqwt\x00\x00\xfb\x87\x00(/\xf7[*\x1a\xfc|\xad\xf7\xe6L\x0e\xeb\xdeAQ\xd4\x82\xfcB"\xd5\xd5\xd5\xd5\xc3\xd3\xe3\xd4\xb1S\xa5wt\xa8W\xaf^LLL\xb7n\xdd\x08\xe5~\x00(\x1f\x08\x80rTz\xa9hBB\xc2\xccY3\x13\x8f&amp;\xb2\x1f\xb5\x0bk\xf3\xfe\x9c\xc9\xf5\x1b\xd7\x134\x9a\x1b\x7f\xde\xd8\xb8\xe6\xf3\xf5\xab\xe2KJJ\xe8\xce\x8e\x0e\xc3\x87\x0f\xc7\x12O\x00(W\x08\x80rg\xe9\xc4\xcdf\xf3\x9a5k\xfeo\xa9\xa8\x8b\xcb\x88\x89\xc3\xaa=]u\xc9\x9c\xe5\xe9\xb7\xd2\xd9#\xc3\x86\r\xc3\x8e\x0e\x00`\x1d\x08\x00+\xb1\xf4\xe6\x19\x19\x19\xf3\xe6\xcd\xfb\xe4\x93O\x8cFc\xe9_\x08\x0b\x0b\x9b;wn\xb3f\xcd\x08\xeb|\x00\xc0*\x10\x00\xd6s\xd7R\xd1\x193f$$$\x10vt\x00\x00\x1bA\x00X[\xe9\x18\xf8\xf4\xd3O\xaf_\xbf&gt;m\xda4\x07\xdd\xc0\x19\x00\x1c\x1a\x02\xc06\xd8\xfd\xa1,#}\x94\xfb\x01\xc0\xfa\x10\x00\xb6\xc4\xee\xd2\x8e%\x9e\x00`\x13\x08\x00\x00\x00N\xa1\xe2\x0c\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xd2\xda\xba\x01OJUU[7\x01\x008%\x08\x82\xad\x9b\xf0D\x04t\xa0\x00\x00|r\xec3\x00UU\xf3\xf2\xf2\x14E\x11\x04$\x19\x00X\x0f\xebs\xbc\xbc\xbc\xb4Z\x07\xeeE\x1d\xb5\xe9\xaa\xaa\n\x82`0\x18\x9a6mj0\x18\x10\x00\x00`M\x1a\x8dFQ\x94\xed\xdb\xb7\xb7j\xd5J\x96eQ\x14m\xdd\xa2\xc7\xe1\xa8\x01\xc0\xc8\xb2|\xe5\xca\x15[\xb7\x02\x008UXXh\xeb&amp;&lt;\x11G\r\x006\xf7\xe2\xe1\xe1\x11\x13\x13SRRb\xeb\xe6\x00\x00_X\xd5\xa1v\xed\xdaD\xa4\xd18\xearJTN\x00\x008\xe5\xa8g\x00\x16\x92$\xd9\xba\t\x00\xc0)Q\x14\x1dz%(\xce\x00\x00\x008\xe5\xa8\xa5+\x00\x00xB\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a5\xb5u\x03\xf8\xa5\xaa\xaa,\xcb\x82 \x88\xa2h\xeb\xb689UU\x15Ea\xffG\xab}\xd01/\xcb2\xfb?\x1a\x8d\x86\x88\x04A\xb0B\xf3\x00lEPU\xd5\xd6m\xe0\x91,\xcb\x96~_UUUUY\x8f\x03e\x82\xf5\xf8\xaa\xaa\n\x82\xa0\xd1h\x1e\xbb\x1f\x97e\xf9\xc9\xff\x08\x80\xddB\x00X\x1b\x1b\x8aj4\x1a\xb3\xd9&lt;\x7f\xfe\xfc\xea\xd5\xab\x0f\x1c8\x90\x88dYF/S&amp;X\x97]\xfa\x91\x9c\x9c\x9c\xabW\xaffgg\x9f;wn\xe4\xc8\x91z\xbd\xfe~\xff\xea\xf3\xcf?wss\x0b\x0c\x0c|\xfe\xf9\xe7\xfd\xfd\xfdK\xa7\xb2\xa2(\x08ip2\x08\x00\xeba\xc3R6\xf0\xdf\xbcy\xf3\x82\x05\x0b\xce\x9c9CD\x9d;w\x9e3gN\xb3f\xcd\x88H\x92$Q\x14\x11\x03OH\x96\xe5c\xc7\x8e\x1d=z\xf4\xcc\x993\xe7\xce\x9d\xbbz\xf5jFF\x06\xfb\xd1\x85\x0b\x17j\xd7\xae\xfd\xcf\xde\\UUI\x92\x9ez\xea\xa9\xf4\xf4t"\xaaP\xa1B\x95*U\x82\x83\x83\x1b5j\x14\x1a\x1a\xfa\x9f\xff\xfc\xc7\xcb\xcb\xcb\x06\xaf\x04\xa0\\\xa9P\xfe\x14E\x91$\x89\xfd\xff\xc4\xc4\xc4\xb0\xb0\xb0\xbb&gt;\x05WW\xd7\xc8\xc8\xc8\x1b7n\xb0\xdf\xb1\xfc2&lt;\x12I\x92\x14E\x89\x8b\x8b\xab[\xb7\xee=gV\xfc\xfc\xfcbbb\xd4\x7f\xbc\xc3\xec?\x0f\x1c8P\xa9R\xa5{~M\x9ey\xe6\x99\xf1\xe3\xc7\xabw*K\x00\xce\x01\x93\xc0\xe5\x8e\x95\xfbEQ\xcc\xc8\xc8\x987o\xde\'\x9f|b4\x1a\x89(\xa8r\xe0\xbb3\xc6\x13\xd1\xb2y\x1f\xdeJM\x8b\x8b\x8b\xdb\xb9s\xe7\xc8\x91#\xa7L\x99\xa2\xd7\xeb-\x95"\xdb6\xde\xb1\xa8\xaa*\x08\x82\xab\xabkJJ\n{\xa4z\xf5\xea\xb5k\xd7\x0e\t\ti\xdc\xb8q\x85\n\x15^x\xe1\x05\xf6\x96\xde\x15\x0f\xec?\x1b6lx\xf1\xe2EV,JNN&gt;~\xfc\xf8\xa5K\x97.]\xbad4\x1a\xff\xfc\xf3\xcf\xbc\xbc&lt;"\x92e\xf9\xc1\xd3\xc8\x00\x0e\x04%\xa0rd\xe9\xc4M&amp;\xd3\xda\xb5k\x17,X\x90\x96\x96FD\xae\xae\xaeCFG\x0c\x1a1\xa0\xdaSU\x88\xe8\xc6\xdf77\xae\xf9|}l|II\t\x11\xd5\xaf_\x7f\xd1\xa2E\xdd\xbau#L\x0c\xdc\x8b\xaa\xaa,S\xff\xf9\xb6\xb0\xc7\x13\x13\x13\xe7\xcd\x9b\xd7\xb9s\xe7\xd0\xd0\xd0\xbau\xeb\xba\xbb\xbb?\xf6s\xc9\xb2|\xf1\xe2\xc5\xe4\xe4\xe4\x84\x84\x84\x16-Z\x8c\x181\xa2\xf4\xec}i\xa8\xdd\x81#B\x00\x94\x0b\xd6I\xb1\xa1\xe2\xce\x9d;\xa3\xa2\xa2X\xb9\x9f\x88\xda\x85\xb5y\x7f\xce\xe4\x06M\x1a\x14\x16\x14\xb2\x1e\xdf\xd5\xd5\xd5\xdd\xd3\xfd\xcc\x89\x94UK&gt;\xfe\xfe\x9b\x1f\xd9\xafu\xef\xde=&amp;&amp;\xa6n\xdd\xba\x84\x18(\xe5~\xfdoi\x92$\x95\x1e\xa4+\x8a\xa2(\n{\xf7\x1e\xbc\xb8\x93}\x17,\x0bF\xefZ\xa1\xfb\x80\xa7\xb6\xcc(&lt;L\xf3\x00\xec\x07\x02\xa0\xecY:\xa0\x94\x94\x94\x05\x0b\x16l\xda\xb4\x89=^\xfb\xf9\xe0\xa89\x93\xc2\xbawP\x14\xb5 \xbf\xc02`di\xe1\xe9\xe5\xa9\xd1h\x0e\xec=\xb4l\xde\x8a\xe3\xbf\x9f$"77\xb7\xa1C\x87N\x9b6-  \x80\xb8\xef\\,\x99*\xcb\xf2\xe6\xcd\x9b_~\xf9e///\xf5\x1f\x0b~\x18K\xa7\xff\x84\xc1\xc9\xea\xa4\xecO=\xf8\xcd\xff\xec\xb3\xcf\xbat\xe9\x12\x18\x18\xc8\xfe\tjw\xe0\x10\x10\x00e\x89]\xd8\xa5\xd1h\x0c\x06\xc3\xd2\xa5K?\xf8\xe0\x83\xe2\xe2b"\xaa\x18Pq\xd4\xbb\xef\xbc58\xdc\xcd\xdd-?/\x9f\xeeU\xdcg\xb3\x8b&gt;\xbe&gt;\xc5E\xc5\x9f\xaf\xff\xea\xe3ek3\xd2o\x13Q\xe5\xca\x95\xdf\x7f\xff\xfd\xe1\xc3\x87\xf3&lt;1`\t\xbf}\xfb\xf6\xcd\x9c9\xf3\xd7_\x7f\xed\xd7\xaf\xdf\'\x9f|\xe2\xe9\xe9)\x08\x82\r\xcf\x8dX\xd2\xac\\\xb9\xf2\xddw\xdf\xadV\xad\xda\x9c9s"""\xe8\x1fg!\x8e\xcer}\x9c\x03\xe1y\xb4\xf4\xf0\x10\x00eC-\xb5\xc43&gt;&gt;~\xf1\xe2\xc5\x17.\\ "\xbd^\xffJ\xdf\x9e\x13\xa7\x8d\xab^\xf3\x19Cn\xde\xbf\x8e\xe2\xd9/x\xfbx\xa5\xde\xb8\x15\xbb\xf8\xa3\xcd\x9f~\xcd\xcaD\xf5\xea\xd7\x8bY\x14\xc3&amp;\x06x+7\xb3\xce4++k\xca\x94)\xf1\xf1\xf1\xec\x88\xadY\xb3\xe6\xd7_\x7f\xdd\xb0aC\x1b\x0e\xb7YK\xb2\xb3\xb3\xfb\xf6\xed\xbb\x7f\xff~\xf6`\xa7N\x9dbbb\x1a7n\x8c\xc2\x1d\xd8?\x04\xc0\x93*]\xee\xdf\xb7o\xdf\xa2E\x8b\xf6\xee\xdd\xcb~\xd4\xa2m\xf3\xc93\'\xb4h\x1bZ\x90WXRR\xf2\xf0CBI\x92]]]\xdc&lt;\xdc\xce\x1c?\xb3h\xd6\xd2\x9f\xf7\x1c`\x8f\x87\xbf\x11&gt;\xf5\xfd\xa9lb\x80\x87\x18\xb0\x94Sv\xef\xde=n\xdc\xb8\x8b\x17/\x12QPP\xd0\xd4\xa9SG\x8c\x18\xa1\xd5j\xefW\x02\xb2\xbe\xd23=\xbe\xbe\xbes\xe6\xcc\x193f\x0c9\xc5\xe5c\x8a\xa2\xfc\xfa\xeb\xaff\xb3\xd9\xd6\ry\x04:\x9d\xaeE\x8b\x16\x8e\xfe\xce[\x01\x02\xe0\x89XF\xf4\xa9\xa9\xa93f\xcc\x88\x8b\x8f#\x95\x88\xa8f\xad\x1a\xc3\xc7\x0f\xed\xf3\xd6kZ\xad\x98g\xc8\x7f\x8c\x9eZUUEV&lt;\xbc&lt;4\x1a!\xe1\xa7\xfd1\xb3\x96^&lt;w\x89\x88\xdc\xdc\xdd&amp;\xbd;i\xf4\xe8\xd1N?1`\xe9\xdc\xa3\xa3\xa3g\xcf\x9e\xcd\x1e\x0c\x0f\x0f_\xbati\x95*U\xe8^W\xfc\xda\nk\x89\xc9dZ\xb0`\xc1\xa2E\x8b\xd82\xdf\xbe}\xfb\xaeY\xb3\xc6\xcf\xcf\xcf~\xda\xf9\xa8\xd8\xd1\x95\x94\x94\x14\x1a\x1aj\xeb\xb6&lt;\xb2\xc4\xc4\xc4f\xcd\x9a9\xf1\x17\xa4L !\x1f\x13+\xfe\x8a\xa2h2\x99\xe6\xcd\x9b\xd7\xa4I\x93\xb8\xb88R\xc9\xc7\xd7g\xfc\xfbc\xb6\xef\xdb2p\xd8\x9b%\xc5%\x05y\x85Z\xad\xf61\xbe\xff\x82 \x88Z\xb1\xa8\xb0\xa8 \xbf\xb0\xcbK\x9d\xbe\xffe\xdb\xbb\x</t>
        </is>
      </c>
    </row>
    <row r="427">
      <c r="A427" s="1" t="n">
        <v>425</v>
      </c>
      <c r="B427" t="inlineStr">
        <is>
          <t>shape_reflect</t>
        </is>
      </c>
      <c r="C427" t="inlineStr">
        <is>
          <t>What is the missing shape denoted by a question mark?</t>
        </is>
      </c>
      <c r="D427" t="inlineStr">
        <is>
          <t>['pentagon', 'square', 'hexagon', 'triangle']</t>
        </is>
      </c>
      <c r="E427" t="inlineStr">
        <is>
          <t>triangle</t>
        </is>
      </c>
      <c r="F427" t="inlineStr">
        <is>
          <t>There are six shapes in the image separated by a line. In the top part there are ['triangle', 'pentagon', 'square']. In the bottom part there are ['?', 'pentagon', 'square'].</t>
        </is>
      </c>
      <c r="G427" t="inlineStr">
        <is>
          <t>We observe that the pentagon is reflected across the line as a pentagon. Similarly, the square is reflected as a square. Hence, the pattern is that each shape in the top part is reflected in the bottom part.</t>
        </is>
      </c>
      <c r="H427" t="inlineStr">
        <is>
          <t>Based on the pattern that each shape in the top part is reflected in the bottom part, the missing shape which is reflected from a triangle part should be a triangle.</t>
        </is>
      </c>
      <c r="I427" t="inlineStr">
        <is>
          <t>b'\x89PNG\r\n\x1a\n\x00\x00\x00\rIHDR\x00\x00\x02\x00\x00\x00\x02\x00\x08\x02\x00\x00\x00{\x1aC\xad\x00\x00J\x15IDATx\x9c\xed\xddy|\x8c\xd7\xfe\x07\xf0\xf3,\x93IBV"\xa8\xaa-h\xab\x1a\x117\xb1\x96\x10\xa1.\xb5\xabn\x96\x16E\xc5.\x14\xb1\xdcjQ\x97TtQZm]\xfbro\xaf\xf6V\xec\t\x8aJ\xd0R\x15!\xe5\xd7V%\xb2\xcdL$\x99\x99\xe7y\xce\xef\x8fSs][\x91d\xe6\x999\x9f\xf7\xeb\xfe\xd1\x1b$g&amp;\xcf\x9c\xcfy\xbe\xe7&lt;\xe7\x08\x94R\x02\x00\x00\xfc\x11]\xdd\x00\x00\x00p\r\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e0J\x94RM\xd3\\\xdd\n~i\x9a\x86\xf7\x1fx\x86\x00p%A\x10D\x11\xbf\x02\xd7PUU\x14EQ\x14UUuu[\x00\\\x03\xbd\x8fkPJ)\xa5W\xaf^={\xf6,\xee\x03\x9c\x8cR\xaa(\x8a$I\x97.]:v\xec\x98$I\xb8\x15\x00&gt;!\x00\\CUUA\x10\x16/^\xfc\xfc\xf3\xcf\x0b\x82@)uu\x8bx\xa1i\x9a \x08\xb2,o\xde\xbc\xb9M\x9b6m\xdb\xb5\x9d?\x7f&gt;\xbb\x15P\x14\xc5\xd5\xad\x03p*t=.\xc0\xfa\xa0K\x97.EDD\x14\x15\x15m\xdd\xba\xb5_\xbf~\xaa\xaaJ\x92\xe4\xea\xa6y8EQdY\xb6X,3g\xceLNNv|\xbd[\xb7n\x9f~\xfai\xadZ\xb5\xd8\x9d\x81 \x08.l$\x80\xd3\xe0\x0e\xc0\x05(\xa5\x82 L\x9b6\xad\xa8\xa8H\x92\xa4\x193f\xd8l6\xf6uW7\xcdcQJUU\x95e\xf9\xc4\x89\x13\x9db:\xb1\xde\xbf]\xa76\x83\x87\r"\x84\xec\xdc\xb9\xb3\xd5_Zm\xde\xbcY\x96eA\x10P\x0e\x02^Pp.EQ(\xa5\x07\x0e\x1c \x84\x88\xc2\x1f\x01\xbc`\xc1\x02\xc7\x1fA\x85s\xbc\xb1\xcb\x97/\x0f\x0c\n$\x84\x08D\x88O\x18\x9b\x95\xf7\xe3U\xfb\xff-L~+ 0\x80\xfd"\xc6\x8d\x1bg6\x9b)\xa5v\xbb\xdd\xa5M\x06p\x06\x94\x80\x9c\x8a\xbd\xe9v\xbb\xbdm\xdb\xb6\'O\x9e\xacR\xb5Jp\xb5\xa0\xcb?\xff\x9f\xbf\xbf\xff\x89\x13\'\x1a4h@)\xc5\xba\xa0\nDo\x0c\xfc\xaf\\\xb92i\xd2\xa4M\x9b6\x11B\xea7\xaa7w\xf1\xecn=c\x8b\nM\x8a\xa2\x04W\x0b&gt;\xf7\xe3\xb9\xa9cf\xa4\x1f=A\x08i\xd9\xb2\xe5\xc7\x1f\x7f\x1c\x11\x11\xc1\x96\t\xa1\x1c\x04\x1e\x0c}\x8dSi\x9a&amp;\x8a\xe2\xc6\x8d\x1b3224M\x1b\xf4\xca\x80U\x1b&gt;4\x18\x0cf\xb3y\xfe\xfc\xf9\x98\r\xaeX\x8e\xf9\xde\x94\x94\x94\xa8\xa8(\xd6\xfb\xf7\xe8\xdd\xfd\x9f{6\xc7\xf6\xe8\x9c\x97\x9bO)\x95e\xb9 \xbf\xa0AX\x83\r_\xaf\x8dO\x18+\x08BFFF\xe7.\x9d\x93\x93\x93\xd9d\x00\x16\x89\x82\x07C\x8f\xe3&lt;l\xf8o2\x99\x9ex\xe2\x89\xdc\xdc\\?\x7f\xbf\xdd\xdf}\xdd(\xac\xd1\xf0A#\xff\xb5\xf9\xdf\x92$\xed\xdb\xb7\xafC\x87\x0e\x98\r\xae\x10l\xbeWQ\x94i\xd3\xa6%%%QJ\xfd\x03\xfc\'\xcd\x1c\xff\xea\xd8\xa16\xab\xad\xac\xacL\x96e\xc7_\xd6TM\x94\xc4\xa0\xe0\xc0\xff|\xb93\xe1\x8d\x999\xbf\xe7\x12B\x06\r\x1a\xb4t\xe9\xd2\xda\xb5kcf\x18&lt;\x15\xee\x00\x9c\x87\r\xffg\'\xce\xbez\xf5\xaa\xa6i\xf1\xd3\xc6\xd4\xa9\xfbH^\xde\xb5\x84yS\x82\x82\x83TUMLL\xc4x\xb3\xfc\xe8M\xf3\xbd\xed\xdb\xb7_\xb6l\x19\xa54&lt;\xf2\xe9\r_}1v\xf2(\x8b\xd9b\xb3\xd9n\xee\xfd\t!\xa2$RJ\xaf\xe5\xe6u\xed\xd1eG\xea\xf6\x1e\xbd\xbb\x13B6m\xda\x14\x15\x15\x95\x92\x92\x82\x99a\xf0T\x08\x00\'a\xbd\x7fff\xe6\xca\x95+EQl\xf6\xf4\x93C_\x7f\xd9b.\xb6\xd9\xec\r\xc3\xea\x0f\x19\xf5\x12!$55u\xfd\xfa\xf5\x92$!\x06\x1e\x1a{\xc0B\x92\xa4\xe4\xe4\xe4\xce]:\x1f=zT \xc2\xb0\xd1C\xb6\xed\xda\xf0T\xf8\x93\xb9W\xafI\x92t\xc7Y\x16V,*,(\xaa^\xa3\xfaG\xebV\xcc]&lt;\xdb?\xc0\xff\xd7_\x7f\xed\xde\xbd\xfb\xbcy\xf3\x14E\xc13\xc3\xe0yP\x02r\x12V\xd8\x89\x8b\x8b\xdb\xb5k\x17!d\xed??\xed\xdc\xbdSa\x81I\x96%B\x88 \x08q\xd1\x7f\xbd\x94}\xb9a\xc3\x86\xe9\xe9\xe9~~~\x82 \xa0\xe6\xf0@\x1c\x03\xff\xfc\xfc\xfc\xb1c\xc7\xb2\x8a\x7fh\xad\xd0E+\xde\xea\xd6\xb3\xab\xa9\xc8|\x9f\xb55M\xd3(\xa5!5\xaa\x7f\xf7m\xfa\xcc\x89sN\xa5\x7fO\x08i\xd7\xbe\xdd\'\xab?i\xdc\xb81f\x86\xc1\x93\xe0\x0e\xc0\x19X\xd7\xb3k\xd7.\xd6\xfbw\xeb\x15\xd7)\xee\x99\xa2\xc2?z\x7fEQ\xaa\xfaW\x1d?\xfd\rB\xc8\x85\x0b\x17\x92\x92\x920\xd8|P7\xcf\xf7\xb6m\xd7\xd61\xdf\xbb#u[\xd7\x1e]\xf2\xf3\n(\xa5\xf79\xb3"\x8a\xa2$I\xb9W\xaf=\x15\xfe\xe4\xb6]\x1b\x86\x8f\x1eB\x089t\xf0P\xeb\xd6\xadW\xaf^\x8d\x99a\xf0$\xb8\x03\xa8tl\xeeW\xd3\xb4f\xcd\x9aeee\xc9\xb2\xfc\xd5\xc1\x7f6}\xa2\xf1\xf5\xeb%\x8eZ\x84\xa6j\xfeA\xfe};\x0f&lt;v\xf8x```zz:\x96\x84\xde?\x96\xaf\x8a\xa2,X\xb0`\xde\xbcy\x94R\x7f\x7f\xffI\xb3\xc6\xbf:v\xa8\xddn/-)\xbd\xa5\xe2\xff@\xdf60(`\xf3?\xb6\xbd\xf5\xe6\xc2\x9c\xdfs\x08!\x83\x07\x0fNNN\xaeV\xad\x1a\x9bd\xae\xe8\x97\x02\xe0T\xe8_*\x1d\xab\xfe\xaf\\\xb9233S\xd3\xb4a\xa3\x874\x8fx\xcab)\xfe\x9f\xce] \xaa\xa2&amp;\xcc\x9bb4\x1a\x8b\x8a\x8a\xd8\x92P\xcc:\xfe)V\xf6\x91$\xe9\xfc\xf9\xf3\x9db:\xcd\x9d;\x97R\xda\xec\xe9\'7\xfc\xe7\x8b1\x93GY\xcc\x16k\x99\xf5\xa1\xbbiI\x92(\xa5y\xd7\xf2\xfb\xbf\xd8\xf7\xdf\xfb\xb7\xb6\x8fiG\x08\xd9\xb0aC\xdb\xb6m\x0f\x1f&gt;,\xcb\xb2Gn!\xc7\x06+\x1e\t\x83\xdd\xdb\xe1\x0e\xa0ri\x9aF\x08\xc9\xcd\xcd}\xe2\xc9\'LE\xa6G\x1f\xab\xf3U\xda?\xbd}\xbdUE\xbd\xa5\x8e\xac(JHh\xf5\xd7_|c\xfb\xc6/%I\xda\xbf\x7f\x7f\xfb\xf6\xed\xb1$\xf4\x1e\x1co\xce\xea\xd5\xab\x13\x12\x12\n\n\n\x08!CF\xbe4m\xeed\xff\x00\x7fS\x91\xc9`0T\xc8\x0fR\x14\xc5\xc7\xc7G6\xc8\x1f\xbf\xb7z\xf1\xfc\xa56\xab\xcd\xe8m\x9c1}\xc6\x9c9s\xc8\x8d\xf5\xa6\x15\xf2\x83\x00\x9c\x0c\x01P\xb9X\'5l\xd8\xb0\xcf&gt;\xfb\x8c\x10\xb2(y\xc1\xd0\xd1\xaf\xe4\xe5\xe6\xdd\xdeePJ\r^\x86\xdc\xab\xd7\xba\xb7\xe9YThj\xd9\xb2\xe5\xe1\xc3\x87\r\x06\x03f\x83\xef\x88u\xbb\xf9\xf9\xf9\xe3\xc6\x8d\xdb\xb0a\x03!$\xb4V\xe8\xac\xb7\xa7\x0f|\xb9\xbf\xb9\xc8d\xb7+\x15\x1b\x9c,\xc8\x83\xab\x07\xa7\xed=\x980vf\xf6\x85\x9f\t!\xdd\xbau[\xbe|yXX\x98g&lt;(\xa0i\x9a(\x8a\xa7N\x9d\x9a4i\x12\xbb=u\xf7W\xc4\xb0.N\xd3\xb4\xa5K\x97\x86\x87\x87\xb3\x97\xe9\xeaF\xe9\x05\x02\xa0\x12i\x9a&amp;\x08\xc2\x89\x13\'\xda\xb6mk\xb5Z[\xb5\x8e\xdc\x92\xb2\xbe\xb4\xa4\xf4n\xd7\x9f\xa2(\xd5C\xaa\xadx\xf7\xc3\xbf\xbd\xf9\x0e!\xe4\xb3\xcf&gt;\x1b2d\x08n\x02n\xc1\xfabQ\x14SRR&amp;L\x18\x7f\xee\\&amp;!\xa4}L\xbb%\x1f\xbcS\xb7A\xdd\x82\xbc\x82\xca\xeb\x8b\x15E\xf1\x0f\xf07\x9b\xcc\xf3\xa7\xbf\xbd\xe9\x8b-\x84\x90\x90\x90\x90\x15+V\x0c\x1c8\x90\xdctG\xe2\xa6X\xfbw\xef\xde\xdd\xb5kWW\xb7\xa5R\xec\xda\xb5+66\xd6\xdd\x7fM\x15\x0b\x01P\x89\xd8\xa5\xd6\xb1c\xc7\xd4\xd4TI\x92&gt;\xdf\xfeI\xa7\xae\x1dLE\xe6{_\x7f\xa2$\xc6E\xff\xf5\xd2\xc5\xcb\xa1\xa1\xa1g\xce\x9c\t\x0c\x0c\xc4M\x80\x83\xa3\xde2o\xde&lt;6\xdf\xeb\xe5\xe55m\xce\xa4\x91\xe3_S\xecJi\xe9C\xce\xf7\xde?UU\xbd\xbc\xbc||\xbd\xb7\xad\xff\xd7\xdcio\x15\xe4\x17\x10B\xc6\x8d\x1b\xb7`\xc1\x02???\xb7.\x07\xb1\xcb\xf5\xc0\x81\x03]\xbat\x11E\xb1\xc9\x93\x8d\x83\x83\x83\x14Eq\xdfk\xef\x8f\xad&gt;\n\n3\x7f&lt;\xafi\xda\x9e={:v\xec\x88\x00\xb8\x99\xbb^\xac\xfa\xc7\xae\xb3\xad[\xb7\xa6\xa5\xa5\x11Bz\xf6}6\xf6\xd9\x98\xbck\xf9\xf7\xee TU\xad\xeaWe\xe6[\t\xaf\x0ez\xfd\xf7\xdf\x7f_\xbat\xe9[o\xbd\x85K\x96\xdc\x98\x9c\x94e9+++&gt;&gt;~\xe7\xce\x9d\x84\x90fO?\xb9 i^T\xdbVE\x85&amp;\xf6i\xaf\xecf\xb0\xe5F\xa6"\xf3\xc0W\xfa?\xd5\xa2\xd9\x94\xd1\xd33\x8e\x9dHNN\xfe\xf6\xc8\xb7\xef\xafx?**\xcaq\x83R\xd9-\xa9$l^]U\xd5Yo\xcf\x88\xeb\xde\xc5d6I\xb2\xbb^{\xaa\xa2\x06\xf8\x07\xa4|\xb3\xe7\xf9g_"\xd8n\xfdN\x10\x00\x95\x82]j&amp;\x93)!!\x81\x10\xe2\xe7Wu\\\xc2\xd8{\x14\x7f\x1c$I2\x9b,q=c\xdbuls8\xf5\xc8\x92%K\x86\x0c\x19\x12\x16\x16\xc6y\xe1\x92E\xa0$I\x1b7n\x1c?~|nn.\xb91\xdf\x1b\x10\x18\x90\x9fW\xc0vkpNc\xd8\x93\xc6\xf9\xb9\xf9\r\xc2\xeao\xfa\xcf\xda\xe5\x8b?H^\xf4AFz\xc63\xcf&lt;\xb3p\xe1\xc2\t\x13&amp;\x10\xf7/\x07\x11BJK\xca\x8aK\x8a\x8b\x8b\xaf\xbb\xef\x0bQUU\x92\xa5\xd2\x922W7D\xbf\xf8\xedS*\x15\xfb\xfc\'%%eggSJ_}c\xd8S-\x9a\xdd\xbc\xf0\xff\xcf\xfe\xb96\xeb\x9d\x19\xb2,[\xad\xd6Y\xb3f\x11\xbe\x07/l\x8a\xd5d2\x8d\x181b\xf0\xe0\xc1\xb9\xb9\xb9\xc1\xd5\x82W\xacY\xb6\xf8\x83w\xbc\xbc\x0cf\x93\xd9%U\x17\xd9 \x97\x14\x97\xa8\xaa6sA\xc2g\xdbW\xd7oT\xcfj\xb5N\x9c8\xf1\xf9\xe7\x9f\xbfr\xe5\n\xbbQp\xeb\xdf\x9a(\n\xa2\x87p\xd7\x12\x96\x13 \x00*\x9e\xa6i\x92$]\xbcx1))I\x10\x84z\r\xeb\x8d\x994\xaa0\xbf\xf0&gt;\xfb)Q\x14\x8b-\xd7\x9fn\xf9\xd4\xc0\x97\xfb\x13B6o\xde\xcc\xa6\x108|\xfa\x94-\xdf\x96e\xf9\xf0\xe1\xc3\xd1\xd1\xd1\xabW\xaf&amp;\x84\xb4\x8fi\xb7m\xd7\x86\xfe/\xf5\xcb\xcb\xcdSU\xcd\x85\xe3S\xb6\x85\\^N~l\x8f\xce\xff\xdc\xb3\xf9\xd9\xde\xdd\x08\xb6\x90\x03\xb7\x82\x00\xa8xl\xf1\xcf\xfc\xf9\xf3\x8b\x8a\x8a\x08!\x13\xa6\xbfQ\xd5\xbf\xea\x03\x1d8.IbIq\xe9\xa4Y\xf1\x81A\x01\x82 L\x9e2\xd9j\xb5\xf2vZ\x00\xdb\x7fM\x14\xc5y\xf3\xe6u\xee\xd2\xf9\xdc\xb9s^^^\xe3\x13\xde\xf8\xc7\x97\x9f\xd6\x0f\xab\x9f\x7f-\xdf\x99e\x9f\xbb\x11\x04A6\xc8\x85\xf9\x85~\xfe~+\xd7\xbd\x7f\xf3\x16r\x93&amp;M\xc2\x16r\xa0s\x08\x80\n\xc6\xf6#;x\xf0\xe0\xbau\xeb\x04Ah\xd5:r\xc0\xcb\xfdL\x05\xa6\x07*S\x08\x82PVVV\xbbN\xadqS\xc7PJ3\xd236n\xdc(\x8a"\'\xc3IJ)[N\x93\x95\x95\xd5\xbd{\xf7\xb9s\xe7Z\xcb\xac\r\x1a\xd5_\xb7\xe3\xb3\x99oO/\xb9^\xfa\xd0\xbb;T\x12Y\x96m6\x9b\xc5l\x19;y\xd4\x86\xaf\xbe\x08\x8f|\x9aR\xbal\xd9\xb2N1\x9d\xce\x9f?\xcf\xee\xde\xb8\nop\x17\x08\x80\x8aD)\x15\x04\xc1j\xb5N\x988\x81M\x03L\x9f?EUT\xf2\xe0\xe3TI\x96,&amp;\xcb+\xa3^j\x10V_\x14\xc5\x193f\x14\x16\x16\xf2p\x13\xc0\xf6s\x96ey\xf3\xe6\xcdm\xdb\xb6e\xab}\x06\xbd2`G\xda\xf6\xe8vQ\xd7\xae^c\xb7\x05\xaen\xe6\xadDl!\x07nHw\x1f$\xb7\xa6\xdd8\xf1\xf1D\xc6\tB\xc8\xa0W\x06\xb4\xed\xd8\xdab\xb6&lt;D\x87%\x10AQT__\x9f\x99o%h\x9a\xf6\xfb\xef\xbf\'&amp;&amp;z\xfcM\x00\x9b\xef\xb5X,\xf1\xf1\xf1\x83\x06\r\xbav\xedZ\xb5\xea\xc1\xcb?Y\xbat\xe5"\xa3\xd1h1[d\x83\x8e\x06\xfe\xb7\x93\rrq\xf1uEQ\xdfY\xfe\xb7\xe45\xcbBk\x85\x16\x14\x14\x8c\x181\xe2\x85\x17^\xc8\xcf\xcfg3\xc3\xaen#\xc0\x7f!\x00*\x0c\x1b\xfe\x17\x14\x14L\x9f&gt;]\x14\xc5\x80\xc0\x80I\xb3\xe2\x8b\xcd\x0f\xbf\x8aN\x92$S\x91\xb9\xdbsq\xdd{\xc5\x11B\xd8vr\x9e\x9a\x01\x8e\xf9\xdec\xc7\x8eu\x8a\xe9\x94\x9c\x9cL\x08i\x1f\xd3nK\xca\x86A\xaf\xf47\x15\x99Y6\xb8\xba\x99\x7f\xeen[\xc8\xb5k\xe7\xc9[\xc8\x81\x9bB\x00T\x186\xfc_\xbat\xa9\xe3\xc4\xc7\xdauj\x95\x95\x95\x95g\xa2R\x10\x04\xc5\xaeL\x9c\x19\xefe\xf4R\x14%&gt;&gt;\xde#\xab@\x8e\xf9\xde\xa4\xa4\xa4g\x9ey&amp;#=C B|\xc2\xd8\x7f|\xb9\xa6AX\xfd\xbck\xf9\xee\xb5\xd3\x0e+a\x15\xe4\x15\x84\x84\x86\xac\xfb\xf7g\xb3\x16L\xf7\xf2\xf2:w.\xb3s\x97\xce\xf3\xe6\xcdc\xaf\x14\xb7\x02\xa0\x07\x08\x80\x8a\xa1\xdd8\xf1\xf1\xdd%\xef\x8a\xa2\xd8\xa0Q\xfdWF\xbdd1Y\xca\xf9\x14\xa5(\x8a\xc5\x96\xe2\xe6\x11O\r\x1f=\x84R\xca\x8e\x94\xf1\xa4%\xa1\x8e\xf9\xde+W\xaet\xef\xde}\xe2\xc4\x89V\xab\xb5~\xa3\xfa\x9fm_=sABi\x89\xee\xe6{\xef\x1f{\x8c\xa3\xe4z\xc9\x1bSGoIY\xdf\xec\xe9\'\xade\xd6\xb9s\xe7v\xef\xde\x9d\x1d\x0b\x81\x99ap9\x04@\xc5`\xf5\x9f\xf8\xf8x\x9b\xd5\xa6i\xda\xcc\x05\t\xbe\xbe&gt;\x8a\xa2\n\x0f1\xff\xfb\xbf$I\xban\xb9&gt;b\xdc\xf0\x1a\xa1!\xa2(\xc4\x8f\x8fg\xdb\xb3x@\xdf\xa1\xdd8\xc6k\xf3\xe6\xcdQQ\x7fa\xf3\xbd=\xfb\xf5\xd8\xbegc\xd7\x1e\x9d\xf3r\xf2\x05A\xd0\xe1|\xef\xfd\x13EQ\x10\x84\xfc\xbc\x82\x96Q-6\xef\\7\xe8\x95\x01\x84\x90\x9d;w\xb6k\xd7n\xe3\xc6\x8d\x98\x19\x06\x97s\xe3O\x97~\xdc~\xe2c\xb7\xe7\xe2\xfet\xd3\xb7\xfb\xc4\x96\x84\xd6\xa9\xfb\xc8\xc47\xe35\x8df\x9e\xfb\xe3Xyw\xaf#\xb3\xb2\x8fc\xbe\xf7\xd7_\x7f\x0b\x08\x0cX\x98\xfc\xd6\xaa\r\x1f\xf8\xf9\xf9\x15\xe4\x17\xea|\xbe\xf7\xfe\xc9\xb2l.\xb2\x18\xbc\x0cKW.Z\xfe\xc9\xd2j\xd5\x83sss\x07\x0f\x1e&lt;b\xc4\x08\x8b\xc5\x82\x99ap!\x04@y\xb1\xb1\xbf\xa3@\xef\xe5\xe55if\xbcb\xaf\xc8=\x14eY.*4\xf5\x7f\xb1O\xb3\xf0\'\x05AHLL,,,\x14E\xd1Mo\x02\x1c\xa7\xb7\x9f8q\xc21\xdf\x1b\x19\x1d\xf1\xaf}\x9b\x87\x8c|\xb9 \xbfP\xb1\xbb\xf1\x9e\x9aw$\xc9\x92\xaa\xa8\xa6"\xf3\xa0W\xfaoI\xd9\xc0f\x86W\xaf^\xdd)\xa6\xd3\xb1c\xc703\x0c\xae\x82\x00(/\xed\xa6\x13\x1f)\xa5\xc3\xc7\x0ci\x1e\xf1T\xf1-\'&gt;\x96\x9b\xaa\xaaU\xaaV\x9d6g2\xa5\xb4\xa0\xa0 11\xd1M\xb7\x19`\xcb\xfc%IJNN\xee\xdc\xa5\xb3c\xbew\xc3\xd7k\x1b\x845(\xc8/\x90$I\xf0\xc4\xcd[\xd8\xab\xce\xbb\x96\xdf \xac\xfe?\xbe\\\x13\x9f0\x96\x10\xc2\xb6\x90KJJb3\xc3(\x07\x81\x93!\x00\xca\x85U\xb1\xaf^\xbd:{\xf6lQ\x14CjT\x1f1n\xf8uK\xc5o\xa0(IRQaQL\xdc3n\xbd$\x94\xd5\xca\xae\\\xb9\xf2\xfc\xf3\xcf\xc7\xc7\xc7\x17\x15\x16\xd5oT\x8f\xcd\xf7j\xaaVR\\\xe2a\x03\xff\xdb\xc9\xb2\xccf\xb6g.H\xf8|\xfb\'\xf5\x1b\xd5g[\xc8u\xef\xde\x9dm!\x87\x0c\x00gB\x00\x94\x0b\xa5\xd4\xf1\x98\xae\xa6i\x93fM\xa8S\xf7\x91r.\xfd\xbc\x1bA\x104Us\xdf%\xa1\x94RI\x92RRRZ\xb5j\xb5i\xd3&amp;B\xc8\xb3\xbd\xbb\xffs\xcf\xe6\xd8\x1e\x9d\xf3r\xf2)\xa5\xa2\xc4\xc5\xd5\xc8f\x86\xf3r\xf2\xbb\xf6\xe8\xbc}\xcf\xc6\x9e\xfdz\x10Bv\xee\xdc\xd9\xaaU\xab\x94\x94\x14\xf6\x18\x81\xab\xdb\x08\xbc\xe0\xe2#WIX\xf1\'##\x83\x9dI\xdb\xaau\xe4\x0b\xc3\x06\x16\xdc\xf7\xae\x9f\x0fJ\x14E\x0b[\x12\xfa\xfa\x1fKB\xb7l\xd9\xe2.cFv\xab4o\xde\xbcn\xdd\xba]\xb9r%\xa4F\xc8\x9cE3W\xae[\xe1\xe7\xefW\x98_(\x1b\\\xbf\xad\x9b\x93\xc9\x06\xb9 \xbf\xd0\xcf\xcfo\xd5\x86\x0f\xdey\xefo!5\xaa_\xb9r\xa5[\xb7n\xf3\xe6\xcds\xd3\xe2\x1e\xb8#\x04\xc0\xc3c\xd3\xbf\x93\'O\xb6Z\xad\x92$\x8d\x9f\xfe\x86,\xcb\x95:|\x93$\xc9b\xb6\x8c\x9d\xf2z\xbd\x06\x8f\t\x820k\xd6,\x9b\xcd\xe6\x16\xf7\x01\xacGcY%\x08\xc2\x94\xd9\x13\xa6L\x9bh6\x99m6\x9b\xc7\x97}\xeeF\x96e\xc5\xae\xe4]\xcb\x1f\x13\xff\xfa\x94\xd9\x13Y\x04\xb2\xb7\x08\x01\x00\xce\x81\x00xH\xac\x9c\xbde\xcb\x96\x9bO|,*4U\xeav\x05\x82 \xd8\xac\xb6\x1a\xb5j\x8c\x9e8\x92Rz\xfe\xfc\xf9%K\x96\xb8\xc5L\x00\x9b\x12\x1f2d\x88\xb7\xb77\xa54\xe3\xd8\ts\x99\x99\xb8\xf3\xd1\x89\x15B\x10\x05A\x10\x8a\xcb,\x19\xc7NPJ\xbd\xbd\xbd\x87\x0c\x19B\xb8\x7f[\xc0ip\x9d=\x0c6\xe2\xb6\xd9l3g\xcd$\x84\xf8\xf9\xdf\xef\x89\x8f\xe5\xc7\xf6\x18\x184d\xc0_\xdaD\x12B\xd8\xce\x13\xfa/\x1a\xb0\x94\xaa_\xbf~\x8b\x16-\x08!\x07v\xa7]\xcb\xc93\x1a\x8d\xfa\xbfw\xa9T\x94R\xa3\xd1x-\'\xef\xc0\xee4BH\x8b\x16-\xea\xd7\xaf\xcf\xf9\xf1\x9f\xe0L\xb8\xce\x1e\x06;\xf3k\xc9\x92%Y\xe7\xb3(\xa5\xaf\x8e}\xb0\x13\x1f\xcb\x89Rj0\xc8\xf1\toH\x92\x94\x9f\x9f?c\xc6\x0c\xb7x&amp;\x80\xf5k}\xfb\xf6%\x84\xe4\xe6\\;v\xf8\xb8o\x15\x1f\x9d\xe7Ve\xd34\xcd\xb7\x8a\xcf\xb1\xc3\xc7ss\xae\x11B\xfa\xf6\xed\xeb\x16\xf7s\xe01\x10\x00\x0f\x8cud\x17/^\\\xb4x\xd1\x8d\x13\x1fG\xde\xff\x89\x8f\xe5\'IRQ\xa1)\xf6\xd9\x18\xb6\x80d\xc3\x86\r\x19\x19\x19\xfa\xef8X:\xf6\xea\xd5\xcbh4\x12BRv\xec\xe2m\xe2\xf7\x8e\x04AH\xd9\xb1\x8b\x10b4\x1a{\xf5\xeaEP\xff\x01\'\xc2\xa5\xf6\xc0\xd8\xdc\xef\xfc\xf9\xf3\xcd&amp;3\xf9\xe3\xc4G?\'?\xcd/\x8abiI\xe9\xb8ic\xfc\x03\xfc\xadV\xeb\x94)S\xf4?\x15\xcc"\xaaQ\xa3F\x91\x91\x91\x84\x90#\x07\x8f\xe5\xe5\xe6\x19\x0c\x06\x9d7\xbb\xf2PJ\r\x06C^n\xde\x91\x83\xc7\x08!\x91\x91\x91\x8d\x1a5B\xfd\x07\x9c\t\x97\xda\x83as\xbfiii\xeb\xd6\xad#\x84&lt;\xdc\x89\x8f\xe5\'\x8abq\xf1\xf5\xe6\x11O\xbd2\xe2EBHjj\xea\xd6\xad[\xf5\xbf$\x94\xf5n\xb1\xb1\xb1\x84\x90\xdc\x9ckg\xcfdz\xfbx\xeb\xfc\xc6\xa5\xf2h\x9a\xe6\xed\xe3}\xf6L&amp;\xab\xff\xc4\xc6\xc6\xea\xff6\x0e&lt;\x0c\x02\xe0\x81i\x9a6;q\xb6\xaa\xaa^F\xaf\x87&gt;\xf1\xb1\xfcdY.*(\x1a9\xfe\xd5\xba\xf5\x1e\xa5\x94&amp;$$\x98L&amp;rc\x82Z\x9fX\xcd\xa7klWQ\x14UE\xdd\xfd\xd5\x1e/#\xd7w\x00^F\xc3\xee\xaf\xf6\xa8\x8a*\x8ab\xd7\xd8\xae\xe4\xc6[\x04\xe0\x1c\x08\x80\x07\xc0\x86\xffk\xd7\xaeMKM#\x84\xf4\xe8\xdd\xbd]\xa76\x0fw\xe2c\xf9\t\x82`\xb3\xd9j\x84\x86L\x9e5A\x10\x84\xec\xec\xec\xa4\xa4$\x9d\xdf\x04\xb0\xc7\\[F\xb6l\xdc\xb81!d\xff\xae\xd4\xa2\x82"\x83\xc1\xe0\xeav\xb9\x86\xc1`(*(\xda\xbf+\x95\x10\xd2\xb8q\xe3\x96\x91-\xd9\xc3\xd2\xaen\x17p\x04\x01p\xbfn?\xf1q\xda\xdc\xc9\x16s\xb1\x0b?\xb1\xb2,\x17\xe4\x17\xf6\x7f\xb1\x0f[\x12\x9a\x94\x94t\xf1\xe2EI\x92\xf4\\FPU\xd5\xcb\xcb\xabg\xcf\x9e\x84\x90\x9f/^:\x95\xfe\x83\xaf\xaf\x8f\x9eC\xab\x92\xa8\xaa\xea\xeb\xebs*\xfd\x87\x9f/^"\x84\xf4\xec\xd9\xd3\xcb\xcb\x8b\xc3\xf7\x01\\\x0b\x01p\xbfn?\xf1\xb1A\xa3ze\xa5\x95\xb2\xed\xcf\xfd\x13\x04AU\xb5\x84yS\x8cFcQQ\xd1\xfc\xf9\xf3u&gt;\x1b\xcc\xde\xae~\xfd\xfa\xb1z\xf7\xee\xaf\xf7\x1a\xb8\xac\x02QJ\rF\xc3\xee\xaf\xf7\xb2\xeb\xaa_\xbf~\x04\xf5\x1fp:\x04\xc0}a\x9f\xd2\xac\xac\xacw\x97\xbc+\x08\x02;\xf1\xb1\xa8\xd0\xd9s\xbf\xb7\x13E\xd1b\xb6\xb4\xeb\xd4\xa6G\x9fn\x84\x90u\xeb\xd6\xa5\xa5\xa5\xe9\xb9\x10\xc4\xaa@-Z\xb4\xe0\xbc\ntK\xfd\xa7E\x8b\x16\xa8\xff\x80\xf3!\x00\xee\x0b\xab\xff\xcc\x9c9\xd3f\xb5QJg.\x98\xae\x9f\xc2\x85$I\x16s\xf1\xd49\x93\x83\x82\x83TUMLL\xd4I\xc3\xee\x06U \xd4\x7f@\'\x10\x00\x7f\xceq\xe2\xe3\x96-[\x08!\xed:\xb6\x89\xeb\xd9\xc5l\xb2\xe8d\xbc&amp;\x08BYiY\xc3\xb0\xfaCF\xbdD\x08IMM]\xbf~\xbd\x9eo\x02P\x05B\xfd\x07t\x02\x01\xf0\'n&gt;\xf1Q\x14E//\xafY\xef\xccPU}\xcd\xb2J\x92TXP4f\xd2\xa8\xfa\r\xeb\xb1\x87\xd4L&amp;\x93n\'\x03P\x05B\xfd\x07t\x02\x01\xf0\'n&gt;\xf1Q\xd3\xb4\xe1c\x86\xb4\x88|\xba\xc2O|,\'\x16QU\xfd\xab\x8e\x9f\xfe\x06!\xe4\xc2\x85\x0b\xec\x94A\xdd\xde\x04\xf0\\\x05B\xfd\x07\xf4CG\xbd\x98\x0e\xb1\xe1\x7faa\xe1\xcd\'&gt;\x16W\xc2\x89\x8f\xe5\'\xcb\xb2\xa9\xc04\xe0\xe5~\x7fi\x13)\x08BRRRvv\xb6n\x97\x84\xf2\\\x05B\xfd\x07\xf4\x03\x01p/\xec#:;q\xf6\x1f\'&gt;\xce\x1c_y\'&gt;V\x00\x81\xa8\x8a\x9a0o\x8a,\xcbEEE\xd3\xa7OG\x15H\x87P\xff\x01\xfd@\x00\xdc\x95\xe3\xc4\xc7\x95+W\x12B\x9el\xfeD\xff\x17\xfb\xeaa\xe9\xe7\xdd\xb0%\xa1m;\xb6\x1e\xf8r\x7fB\xc8\x96-[RSSu;\x1b|[\x15\xe8\xb4o\x15\xcf\xaf\x02\xa9\xaa\xea[\xc5\xe7T\xfai\xd4\x7f@\x0f\x10\x00w\xe58\xf1QUTI\x92\xde|+\xc1\xb7\xaa\xaf\xce?\xab\x92$\x15\x9b\xafO\x9a\x15\x1f\x18\x14 \x08\xc2\xe4)\x93\xadV\xab&gt;\xef\x03n\xa9\x02\xed\xfaj\xb7\xcc\xc1\xce\xa0\x94R\xd9`\xd8\xf5\xd5n\xd4\x7f@\x0f\x10\x00wv\xf3\x89\x8f\x94\xd2\x9e}\x9f\xed\xd2\xbdSQA\x91\xceo\xd5\x05A(++\xab]\xa7\xd6\xb8\xa9c(\xa5\x19\xe9\x19\x1b7n\xd4\xe7\x1e\x93\xb7T\x81\x8e\x1fI/-)\xd1\xf9\xdb[~\x92$\x95\x96\x94\x1c?\x92NP\xff\x01\x1d@\x00\xdc\xc1-\'&gt;\xfa\x07\xf89\xed\xc4\xc7\xf2\x93d\xc9b\xb2\xbc2\xea\xa5\x06a\xf5EQ\x9c1cFAA\x81&gt;o\x024M\xf3\xf2\xf2j\xdd\xba5!$\xf3\xa7\x0b\x99?f\xf9x\xf4\xee\xd0\x9a\xa6\xf9\xf8xg\xfe\x98\x95\xf9\xd3\x05BH\xeb\xd6\xad\xbd\xbc\xbc&lt;\xf8\xf5\x82\xfe\xb9A\x8f\xe6|\xb7\x9c\xf8\xf8\xca\x88\x97\x9aG&lt;U\\|\xdd-\x02@ \x82\xa2\xa8\xbe\xbe&gt;3\xdfJ\xd04\xed\xf7\xdf\x7f_\xbat\xa9&gt;o\x02\x18V\x06\xb1\x96\x95\xedK9\xe0\xd9\xc7\x03\xb0\x03\x00\xf6\xa5\x1c\xb0\x96\x95\x91\x1b/\x1c\xc0\x85\xdc\xa0Gs\xb2\xff\x9e\xf8\xb8h\x91 \x08\x8f&gt;Vg\xe4\xf8W\x8b\n\x8at;\xf7{;I\x92\xcc&amp;K\\\xcf\xd8v\x1d\xdb\x08\x82\xb0d\xc9\x92\xac\xac,\x1d.\te\x81\xda\xa1C\x87\xda\xb5k\x13Bv\xffgoii\xa9\x07\xd7C$I*--\xdd\xfd\x9f\xbd\x84\x90\xda\xb5kw\xe8\xd0\x81\xe0\x00Hp)\\|\xb7\xfa\xef\x89\x8ff3!d\xca\xec\x895BCl6\x9b\xdb\xcd\xd4\xa9\xaa6\xeb\x9d\x19\xb2,[\xad\xd6Y\xb3f\x11\xfd\x9d\x15#\x08\x82\xaa\xaa~~~]\xbbv%\x84\xfc\xf8\xc3O\xe7\xcedzj\x15\x88\xd5\x7f\xce\x9d\xc9\xfc\xf1\x87\x9f\x08!]\xbbv\xf5\xf3\xf3SU\xd5\xed\xae+\xf0$\x08\x80\xffq\xfb\x89\x8f\xfd_\xecS\xe0\xc4\x03\xdf+\x8a(\x8a\xc5\x96\xebO\xb7|\x8a-\t\xdd\xbcy\xb3\x9e\x97\x84\xf6\xef\xdf\x9f\x10b\xb3Z\xf7\xa5\xa4zj\x15\xe8F\xfd\'\xd5f\xb5\x92\x1b/\x19\xc0\xb5\x10\x00\xb7RU\xf5\x7fN|T57\x1d\xa3I\x92XR\\:if|`P\x80(\x8a\x93\xa7LV\x14Eo\xb3\xc1\xfcT\x81P\xff\x01\x1d\xc2\xf5\xf7_\x8a\xa2H\x92\xb4~\xfdz=\x9c\xf8X~\x7f,\t}\xb4\xf6\xb8\xa9c4M\xcbH\xcfX\xb9r\xa5\xdef\x839\xa9\x02\xa1\xfe\x03\xfa\xe4\x96][e\xa0\x94\x8a\xa2h6\x9b\xe7\xcf\x9f/\x8ab`\x90\xebO|,?I\x96\xccE\xe6\xa1\xaf\xbf\xdc,\xfcIQ\x14\x13\x13\x13\x0b\x0b\x0bEQ\xd4\xd5M\x00\xe3\xd9U \xd4\x7f@\x9f\x10\x00\x7f`\x8b\x7f\x16-^t\xe1\xc2\x05M\xd3\xc6M\xd5\xc5\x89\x8f\xe5$\x10AUU\x1f_\x9fis&amp;k\x9aVPP\x90\x98\x98(\x08\x82\xae\xbaW\x1e\xaa@\xa8\xff\x80&gt;\xe1\x12$\xe4\xc6\xc2\xff\xac\xac\xac%K\x96\x88\xa2\xa8\x9f\x13\x1f\xcbO\x92\xa4\xa2BSL\xdc3\xdd{\xc5\x11B\xd8\xbe\xd6\xba*\x04y|\x15\x08\xf5\x1f\xd0-\x04\x00!7\xd6G\xb2\x13\x1f5M\xd3\xd5\x89\x8f\xe5\'\x08\x82\xa6j\x13g\xc6{\x19\xbd\xd8\xc96z\x9b\nf&lt;\xb5\n\x84\xfa\x0f\xe8\x16\x02\xe0\x8f\xa5\x9f\xa9\xa9\xa9\xfa&lt;\xf1\xb1\xfcDQ\xb4X\x8a\x9bG&lt;5|\xf4\x10J\xe9\xae]\xbbv\xed\xda\xa5\xab%\xa1\x9e]\x05B\xfd\x07t\x8b\xf7\xab\xd0q\xe2\xe3\xe4\xc9\x93EQ\x94eY\x87\'&gt;\x96\x9f$I\xd7-\xd7G\x8c\x1b^#4D\x14\x85\xf8\xf1\xf1\xbaZ\x12z{\x15\xe8\xec\xe9s\x9eQ\x05b\xf5\x9f\xb3\xa7\xcf\xa1\xfe\x03:\xc4{\x008N|\xcc\xc8\xc8\xd04m\xd0+\xfd\x9fn\xf9T\xb1\xc5=\xb6\xfd\xb9\x7flIh\x9d\xba\x8fL|3^\xd3h\xe6\xb9L\x1d.\t%\x84\x0c\x180@\x10\x04\x9b\xd5zh\xff\xb7\xde\xbe\x1e\x12\x00\xde\xbe\xde\x87\xf6\x7fk\xb3Z\x05A\x180`\x80\xab[\x04\xf0_\x1e\xd5\xcd=(\xb6\xf4\xf3\xe6\x13\x1f\'\xcf\x9aPR\\*I\x1e\xf8\xb6\xc8\xb2\\Th\xea\xffb\x9ff\xe1O\n\x82\xc0\x96\x84\xea\xe7&amp;\x80%n\xeb\xd6\xad\x83\x83\x83\t!\xc7\x0e~g\xb7+\x82\xe0\xf6\xbf\x08A\x10\xedv\xe5\xd8\xc1\xef\x08!\xc1\xc1\xc1l\xebS\x0f\x1b^\x80\xfb\xe2\xfaB\xd44M\x10\x04\xc7\x89\x8f\xe3\xa7\xbfQ\xb3v\xe8\xf5\xeb\xd7\xa9FU\x8f\xa3\xa9\x9a\xcdf\xf3\xf6\xf1\x992k\x02\xa5\x94-\t\xd5\xcfM\x00[\x9c\x1a\x18\x18\x18\x1d\x1dM\x08\xf9\xeeH\xfa\xe5\x8b\x97\xbd\xbd\x8d:\xc9\xa7\x87C)\xf5\xf66^\xbex\xf9\xbb#\xe9\x84\x90\xe8\xe8\xe8\xc0\xc0@v\xd5\xb9\xbai\x00\x84\x10\xe2\xf6\xcb\x1c\x1f\x1a+\xfedff\xae\\\xb9R\x10\x84V\xad#_\x1d;TS\xb5\xe0j\xc1\x1e\xfc\xf1TU\xadw\xbf^\xfd_\xfcf\xeb\xba\xed+W\xae\x1c:thDD\x04{+\\\xdd4\xa2i\x9a,\xcb\x03\x06\x0c\xf8\xfa\xeb\xaf-f\xcb\xc1}\x87\x87\xbe\xferii\xa9\xfb.\xc6UU\xd5\xb7\x8a\xcf\xc1}\x87-f\x0b\xb9Q\xe0RUU\x0f\xef6\x00\xe19\x00X\xfd\'&gt;&gt;^\xb1+\x84\x906\xcfD\x7f\x9bv\xd4Td\x96%\xc9\x8d\xc7\x9c\xf7$\x10\xa2j\x9ao\x15\xdf\x16\x91O\x7f\xb9y\x87\xddn\x9f&lt;y\xf2\x81\x03\x07tr\x13\xc0\x96\xfd\xc4\xc5\xc5\x05\x04\x04\x98L\xa6\x94\xafv\xbf&lt;\xe2\x05\xb7\xae\x02\t\x82\xa8\xaaj\xcaW\xbb\t!\x01\x01\x01qqq\xe4\xc6\xcb\x04\xd0\x03N\x03@UUI\x92\xb6o\xdf\xbe{\xf7n\x83\x97AS\xb5\xa4w\x92\x93\xdeIvu\xbb\x9cG\x92$//\xafC\x87\x0em\xdf\xbe\xbdo\xdf\xbe\xec\rqm\x93X\x15\xa8f\xcd\x9a\xed\xdb\xb7\xff\xea\xab\xaf\xd2\x8f\x9e\xb8t\xf1r\xadGj\xb9\xe3^\xdc\xe4F\xfd\xe7\xd2\xc5\xcb\xe9GO\x10B\xda\xb7o_\xb3fM\x9d\xdcl\x010&lt;^\x8bl\xeco2\x99\xdex\xe3\rJ\xa9\xddfWu\xb3"\xdeiTU\xb5\xd9l\xaa\xaa\xbe\xf1\xc6\x1b&amp;\x93I\'\x1b\x04\xb1{\x11\xf6\xa8\x14\xab\x02\xf9Vq\xd7\'\xf2n\xa9\xff\xb0\x17\xa5\x93\x9b-\x00\x86\xd3;\x006\xa2\\\xbbv-\xeb\xf8\xdcq\x80Y~\xec\x85\xb3.I\'\xcb\x81&lt;\xa9\n\x84\xfa\x0f\xe8\x1f\x8f\x01\xc0\xba\xfb\x80\x80\x80\xce\x9d;\xbb\xba-:\xa2\x87\x14\xf4\x98*\x10\xea?\xe0\x16x\x0c\x00\x86R\x8a\xfbqF\x14E\xfdt\xaf\xac\x97\xec\xdf\xbf\xffW_}\xe5\xbek\x81\xeeV\xffA\x00\x80\xae\xb8\xd3\x87\xaab\t\x82\x80\xfbq\x1d\xf2\x8c*\x10\xea?\xe0\x16\xdc\xecs\x05\x1e\xef\xe6*\x10!\x84U\x81\xdc\xeb\x89\xb0\xbb\xd5\x7f\xf4s\x9b\x05\xc0 \x00@w\xdc}-\x10\xd6\xff\x80\xbb\xe0\xb7\x04\x04\xba\xe5\xeeU \xcf\xa8\xffh\x1a\xd54\xcd\xado\\\xb4?\xb8\xcd\xbd\xa3\xf3!\x00@wn_\x0b\x94}\xe1\xd2#\x8f\xd6\xb6Y\xdd`-\x10\xa5\xd4\xdb\xc7\x98}\xe1\x92\xbb\xaf\xff\xf1\xf1\xf5\xae\xea[UUTIv\xb3\xe8rP\x15\xb5\xaaoU\x1f_oW7D\xbf\x10\x00\xa0G\xac\xc7\xec\xd7\xaf\x1f[\x0b\xf4\xc3\x89\xd3\x8d\x1a7(+-\xd3\xff8\x9a\x1d\x00\xf0\xc3\x89\xd3\xac\xfe\xd3\xaf_?\xe2V\xeb\x7f\xd8\xe2\x08Q\x14\xdfz\xf3\x9d\x0f\x96|\xc4\xce\x8dpu\xa3\x1e\x12\xa5T\x96\xe5\x82\x82B\x83\xc1\xe0\xd6\xb72\x95\x07\x01\x00z\xc4\xba\xcb6m\xda\x18\x8dF\xab\xd5\xbao\xe7\x81\xbe\x83{\xbb\xbaQ\xf7M\x10\xf6\xed&lt;@\x081\x1a\x8dm\xda\xb4!n\xb5\xff\xb3\xddng\xdb\xc7\x9e9\xf5\xa3\xab\xdbR\xc1\xecv\xbb\xab\x9b\xa0;\x08\x00\xd0#\xb6Ou\xa3F\x8d"""\x8e\x1c9rh\xff\xe1\x9c+9U\xfd\xaa\xea|@J)\xf5\xf2\xf2\xca\xb9\x92sh\xffaBHDDD\xa3F\x8d\xdce\xf8\xcf\xde\xd8\x90\x90\x90N\x9d:\xb1\x06\xeb\xf9\xad\xbe\x7fl\xfd\x98\xa6i!!!\xc4S^TEA\x00\x80N\xb1\xdd\xa1\xfb\xf6\xed{\xe4\xc8\x91\x9c\xab\xb9G\x0f\x1f\xef\xd1;\xae\xa4\xa0D\xcfU UU\xabT\xf5\xdd\xb3\xf3x\xce\xd5\\BH\xdf\xbe}EQT\x14\xc5-\x02\x8052&lt;&lt;|\xdf\xbe}\xaenK%r\x8b\xdf\x85\xd3 \x00@\xa7\xd8\x07\xb5W\xaf^\xb3f\xcd\xb2Z\xad\xbb\xbf\xda3\xe4\x85\x17%Y\xd6y\x00\x04y\x05\xee\xfej\x0f!\xc4h4\xf6\xea\xd5\x8b\xb8[\x8fC)u\xa3G.\x1e\x88 \x08\x18\xfe\xdfB\x17[\x80\x01\xdc\x11[;\xdf\xae]\xbb\xa3G\x8f\x06\x05\x07\xbd0|\xd0\x1f\x9b\xf7\x11=~\x8c)\xf9cs\xbd\xf5\x9fn*,(\x8c\x8e\x8e&gt;t\xe8\x10q\xb7\x00\x00\xae\xe0\x0e\x00\xf4\x8bU\x81\xfa\xf4\xe9s\xe4\xc8\x91\x82\xfc\x82\x15\xef~\xe8\xea\x16=\x80&gt;}\xfa\xb8Q\xfd\x07\xf8\x84;\x00\xd0/6}\x9a\x95\x95\xd5\xa1C\x07\x9b\xcd&amp;I\x12%z\xbf\\\x05"\xa8\xaa\xea\xe5\xe5\x95\x96\x96\x16\x16\x16\xe6.3\xc0\xc0\'\x04\x00\xb8\x01\xb3\xd9\xac\xaa\xaaN\x0e-\xb87\xd6HI\x92\xfc\xfd\xfd]\xdd\x16\x80?\xe1\x06\x9f(\xe0\x9c\x9b\x9e\xd8\xe3\xa6\xcd\x06\xae \x00\xc0\r\xb8\xe3U\x8a\xde\x1f\xf4\x0f\x01\x00\x00\xc0)LO\x01\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x92]\xdd\x80\xf2\xa2\x94\xba\xba\t\x00\xc0)A\x10\\\xdd\x84r\x11\xd0\x81\x02\x00\xf0\xc9\xbd\xef\x00(\xa5f\xb3Y\xd34A@\x92\x01\x80\xf3\xb0&gt;\xc7\xcf\xcfO\x96\xdd\xb8\x17u\xd7\xa6SJ\x05A0\x99L\xadZ\xb52\x99L\x08\x00\x00p&amp;Q\x145M\xdb\xbe}{\xbbv\xedTU\x95$\xc9\xd5-z\x18\xee\x1a\x00\x8c\xaa\xaa\x17.\\pu+\x00\x80S\xd7\xaf_wu\x13\xca\xc5]\x03\x80\xcd\xbdT\xa9Re\xd1\xa2Eeee\xaen\x0e\x00\xf0\x85U\x1d\x9a4iB\x08\x11Ew]N\x89\xca\t\x00\x00\xa7\xdc\xf5\x0e\xc0AQ\x14W7\x01\x008%I\x92[\xaf\x04\xc5\x1d\x00\x00\x00\xa7\xdc\xb5t\x05\x00\x00\xe5\x84\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b2\xab\x1b\xc0\x05J\xa9\xa6i\xec?d\xf9^\xef\xb9\xaa\xaa\xec?DQ$\x84\x08\x82\xe0\x84\xe6\x01\x00\x9f\x04J\xa9\xab\xdb\xe0\x81X\x8fO)\x15\x04A\x14\xc5\x87\xee\xc7UU-\xff7\x01\x00\xb8#\x04@\xc5c]\xf6\xcd_),,\xbcx\xf1bAA\xc1\xd9\xb3g\xc7\x8c\x19\xe3\xe5\xe5u\xb7\x7f\xb5v\xedZ\x1f\x1f\x9f\xd0\xd0\xd0\xc7\x1f\x7f&lt;88\x98\xdd\x070\x9a\xa6\xdd\xfc\x7f\x01\x00\xca\t\x01P)TU\xcd\xc8\xc88r\xe4\xc8\xe9\xd3\xa7\xcf\x9e={\xf1\xe2\xc5\xdc\xdc\\\xf6G\xe7\xce\x9dk\xd2\xa4\xc9\xed\xbd9\xa5TQ\x94G\x1f}4\'\'\x87\x10R\xadZ\xb5\xda\xb5k7n\xdc\xb8E\x8b\x16\xd1\xd1\xd1\x7f\xf9\xcb_\xfc\xfc\xfc\\\xf0J\x00\xc0s!\x00*\x92\xaa\xaa\xa2(~\xf6\xd9gK\x97.\xfd\xe9\xa7\x9f\x1c\x05}\x87\xa0\xa0\xa0\xe9\xd3\xa7O\x9b6MUUI\x92n\xfe\x87\x92$\xa5\xa5\xa5\xf5\xef\xdf\xff\xda\xb5k\xb7\x7f\xe7\xc7\x1e{\xacO\x9f&gt;\xcb\x96-\xbb\xfd\xf6\x02\x00\xe0\xe1`\x12\xb8"\xb1\xde\xd9\xdb\xdb\xfb\xcc\x993\xec+\xf5\xeb\xd7o\xd2\xa4IdddDDD\xb5j\xd5\x9ex\xe2\t6\xf0\xbf\xb9\xf7w\xfc\xdf\xf0\xf0\xf0\xcc\xccLV,JOO?q\xe2\xc4\xf9\xf3\xe7\xcf\x9f?o\xb5Z/_\xbel6\x9b\t!\xaa\xaa\xde{\x1a\x19\x00\xe0&gt;\xa1+y`\x94R6`\xbf}$\xce\xbeR\xbf~\xfd\x1e=zt\xed\xda5::\xbaY\xb3f\xbe\xbe\xbe\xf7\xf9\x9d\xfd\xfd\xfd\t!\x91\x91\x91\x84\x90\xae]\xbb\x12BTU\xcd\xcc\xccLOO\xdf\xbd{7\xfb\xfa\xdd\x86\xff\x8a\xa2\xdc\xb1I\x00\x00w\x83\x12\xd0\x83\xb9\xa5tsG\x8a\xa2\xdc&lt;H\xd74M\xd34\xd65\xdf{q\'\xfb]8\x16\x8c\n\x82p{\x99\xe8\x8e\xff\xd01\xa3p?\xcd\x03\x00`\xb0\xaa\xe4~\xb1IZI\x92TU]\xb7n\x9d\xc5b!7\xba\xec[\xc8\xb2\xaci\x9a\xa2(l\x11\xa7(\x8a\xb2,K\x92\xc4F\xe8\xf7\x18\xa4\xb3?e\x7f\x93\xfd\x13\xb6\x9c\x94}\xab{\xf4\xec\xa2(~\xf1\xc5\x17999\x8e\x7fR!/\x19\x00&lt;\x1b\x02\xe0\xbe\xa8\xaa*\x08\x82,\xcb{\xf7\xee\xed\xd0\xa1\xc3K/\xbd4b\xc4\x08\xb3\xd9L)\xbdc\x068:\xfdr\xd6d\xd8\x13\x00\xec[\xdd\xf1/\xb0xX\xbat\xe9\x90!C"##\xd7\xacY\xc3\xfe\x89\xa2(\xe5\xf9\xb9z\xa3\xba!W\xbfg\x00\x7f\x0e%\xa0?\xc7J:\xf9\xf9\xf9\xd3\xa6M[\xb3f\r{\xc7\x1a6l\xb8e\xcb\x96\xf0\xf0p6\xc6wI\xc3XK\n\n\n\x06\x0e\x1c\xb8o\xdf&gt;\xf6\xc5.]\xba,Z\xb4(""BUU&lt;&gt;\x06\x00\xf7\x80\x00\xb8\x176\xc0\x17E1%%e\xfc\xf8\xf1\x99\x99\x99\x84\x90\x9a5k\xbe\xf9\xe6\x9b\xa3G\x8f\x96eY?\x8b2\xbf\xf9\xe6\x9b\x84\x84\x84\xd3\xa7O\x13B\x02\x03\x03\xe7\xcf\x9f?n\xdc8\xe2\x11\x8f\x8fi\x9a\xf6\xed\xb7\xdf\xda\xedvW7\xe4\x01\x18\x0c\x866m\xda\xb8\xfb;\x0f\x9e\x8f\xc2]\xb0\xbd\x1c(\xa5s\xe7\xceu\xbc]\x83\x07\x0f\xfe\xed\xb7\xdfn\xf9\x0b.\xc7Zb\xb5Z\xe7\xcc\x99c4\x1aYS\x07\x0e\x1cXPP@\xf5\xd4\xce\x07\xa5(\n\xa5\xf4\xe8\xd1\xa3\xae\xf9l\x94\xcf\xd1\xa3G\x1d/\x01@\x9f0B\xb93z\xa3\xba\x12\x13\x13\xc3\x02 $$d\xc3\x86\r\xeb\xd7\xaf\xaf]\xbb6\xfbT\xebd\xecO\x08\x11\x04AUU//\xaf\xb9s\xe7\xa6\xa6\xa6\xb6l\xd9\x92\x10\xb2y\xf3\xe6\xc8\xc8\xc8\xf4\xf4trce\x91\xdba\xbf\x85m\xdb\xb6\xdd\xb2 J\xe7\xd8\xdc\xcf\xb6m\xdb\xc8]\x96\t\x00\xe8\x04\x9e\x03\xb8+J\xa9\xd1h\xf4\xf6\xf6&amp;\x84t\xe8\xd0a\xf5\xea\xd5aaa\xac\xb0\xae\xc3G\xb1\xd8\xfa\x1fUU\xa3\xa2\xa2\xf6\xef\xdf?y\xf2\xe4U\xabVY\xad\xd6\xea\xd5\xab\x13\xb7\xddUT\x92$\x9b\xcd\xb6c\xc7\x0eBH\x9d\xba\x8f\xbc\xb5l.\xd5t\xdd\xa1\n\x84\x08\xa20k\xe2\xdc\xff\xbb\xf4\xcb\x8e\x1d;\xdez\xeb-\x83\xc1\xe0\xeaF=0O\r-7\xfd\x14T*\xddud:!\x08\x02\xa5\xb4J\x95*\x8b\x17/\xaeW\xaf^rr\xb2$I\xb7,\xf0\xd7\x1b\xb6NIUU??\xbf\x8f?\xfe8,,,$$\xa4^\xbdz\xaa{&gt;\x1c\xc0\x9a}\xf2\xe4\xc9\xf3\xe7\xcfSJ\xbb\xf6\xe8\xd2\xe7\xb9\xde\xf9\xc5\xf9\xb2\xac\xdf\xd7\xa2(j\xb5\xaa\xd5\xd2\xf6\x1cZ\xb5\xe2\xd3\xf3\xe7\xcf\x9f&lt;y2**\xca\xed\xde\x7ft\x94\xfc\xd0ow\xe6rl\x06\xafY\xb3f\x1f|\xf0\x01!D\xd34=\xf7\xfe\x0e\xecV\x80\x102u\xeaTB\x08\xa5\xd4\xbdz\x1f\x07G\xfd\x87\xcdcwy6&amp;\xbf8\xdfb\xb6\xe8yf\x95\x95\xda\xba&lt;\x1b\xf3\xc9\x07\x9fi\x9a\xb6m\xdb\xb6\xa8\xa8(\xf7\x1aP+\x8ab\xb1X\xd8\x00\xc8\xd5m\xa90\xec\xe5\xf8\xf9\xf9\xb9\xc5G\xd8\x99&lt;\xea\xd7\\I\xd8s\xbcn7,r\xd3f;PJm6[xx\xf8\xb9s\xe7\x1a\x865\xf8\xcf\xe1\x7f\t\x82\xa8\xff\xcbU\x10\x04J\xb5g\xdb\xf6\xbe\x98\x95\xdd\xb4i\xd3S\xa7Nyyy\xb9\xc5o\x81\xdd\xa9\x1c&lt;x\xf0\xb9\xe7\x9ecW\x8e \n\x84\x12\xe2\x06m\xbf\x0bJ\x88@\xe8\x8d5\x10_~\xf9e\xfb\xf6\xed\xdd\xee\x86\xacR!\x0f\xff\x9c\x9e\x87\x9c\xf7\xe0\xa6\xcdf\xd8\xa7\xf4\xcc\x993\xe7\xcf\x9f\'\x84\xc4t\xeb\x14\x10\x14\x98\x7f-_\xff#8\xbb\xdd^-\xa4ZL\xb7N\x17\xb3\xb2\xcf\x9f?\x7f\xe6\xcc\x99\x96-[\xbaQ\xa7c\xb7\xdb\x0b\x0b\x0b]\xdd\x8aJ\xe1^+\x89\x9dC\xef\x1f\'\xa7\xa1\x94j\x9a\xe6.\x9f\xd2\xf2plL\xa4\xe7a)\x1b\xe9\x1f8p\x80\x15U\xdauj\xa3*\x8a\x9e\x1b\xec \x08\x82\xaa(\xed:\xb5Y\x95\xfc\x89\xa6i\x07\x0e\x1ch\xd9\xb2\xa5\xfeo\\\x1c\x84\x1bz\x0f\xec\xd5 \xac^Y\x99U\x14\xdcu$\xa1Q\xcd\xdb\xdb\x98\x9du\xe9_\x9b\xff\xad\xabe{\xfa\x81\x00\xf8\x83{-4,\x0f\xc7\x9d\x81\x9e?\x12\xa2(\xb2\x1a:!$\xb4f\x8d\xa7\xc2\x9f,-)s\x8b{\x1aQ\x14KK\xca\x9e\n\x7f2\xb4f\x8d\x9c\xab\xb9\xdb\xb6m\x9b8q\xa2[\xb4\xdc\x81\x15L^|up\xf7.]\x8b\xac&amp;I\xc7\xb3\xee\xf7\xa6*j\xa01\xe0\x9b=\xbb\xb6o\xfc\x97\xab\xdb\xa2S\xbc\x07\x00\xbb\xd6\t!\xbdz\xf5\x1a9rd\\\\\x9c\xbbTl\x1f\x02[\'z\xfe\xfc\xf9i\xd3\xa6\xfd\xfd\xef\x7f\xbf\xe3\xc1dz\xc0Zu\xfe\xfc\xf9\x13\'N\x10B\xdavlS\xbbN\xad\x82\xfcB\xb7HhA\x10l6[\xed:\xb5\xdavl\xb3}\xe3\xbfN\x9c8q\xe1\xc2\x85\xc6\x8d\x1b\xeb\xf3\xad\xbe\x07S\x91\xe9Z\xf15S\x91\xd9-\xde\xf6;RU\xd5\x1eh3\x15\x99\\\xdd\x10\xfd\xe2=\x00TU\x95ey\xd2\xa4I_\x7f\xfd\xf5\xd7_\x7f\xfd\xe1\x87\x1f\xbe\xfe\xfa\xebnT\xb1\xbd\x7f\xac\xf2s\xf2\xe4\xc9\xf6\xed\xdb[\xad\xd6\x82\x82\x82\x83\x07\x0f\x12]\xde\x07\xb0\xbe\xf2\xdf\xff\xfe\xb7\xd5j%\x84\xc4\xf5\x8cu\xbb\x07\xd94M\x8b\xeb\x19\xbb}\xe3\xbf\xacV\xeb\xbf\xff\xfd\xef)S\xa6\xb8]\x00\xb0-i\xef\xb1\x11\xa1\xfe\xb1\x85\xd1\xee\xdb~\'p\xa7+\xb2\xc2\xb1\xde\x7f\xeb\xd6\xad\xcb\x96-#\x84t\xed\xdau\xe8\xd0\xa1\x9e:\x13\xc0\x8a*\xadZ\xb5JHH \x84\x1c9rd\xca\x94)\x92$\xe9\xb0oeM\xdd\xbe};!$\xb4f\x8d\xa8\xb6\xadJ\xae\x97\xbaQ\xef)\x8ab\xc9\xf5\xd2\xa8\xb6\xadBk\xd6 \x84l\xdf\xbe\xdd\xedz\x7f\xe0\x04\xbf\x17%\x1b\x11_\xbdzu\xec\xd8\xb1\x84\x90\x9a5k~\xf1\xc5\x17\xec\xb9_O\xc5\xba\xfby\xf3\xe6\xc5\xc6\xc6\x12B\x92\x92\x92v\xef\xde\xcdN8pu\xd3\xfe\x8b\xf5\x95\x17.\\p\xd4\x7fBk\x87\xdal6\xbd\xdd\xa6\xdc\x03\xab\x02\x85\xd6\x0em\xdb\xb1\r!\x84U\x81X\xaa\xb9\xbai\x00\xff\x83\xdf\x00\xa0\x94\x8a\xa28t\xe8\xd0\xdc\xdc\\A\x10\xbe\xf8\xe2\x8b\xd0\xd0P\xb6\xd3\x83\xab\x9bV\xb9(\xa5k\xd7\xae\xadQ\xa3\x86 \x08\xaf\xbc\xf2Jaa\xa1\xae\x9e\xfaa\xbd\xe4\xcd\xf5\x1f\xea\x9e\xfd&amp;\xd5\xb4\xb8\x9e\xb1\x84\x10V\x05"n\xbb#\x13x0\x0f\xef\xec\xee\x86U\xf9\xb7n\xdd\x9a\x92\x92B\x08\x193fLll,;\xf0\xcb\xd5M\xab\\l\x1c\x1a\x1a\x1a\xbab\xc5\nJ\xe9\xd5\xabW</t>
        </is>
      </c>
    </row>
    <row r="428">
      <c r="A428" s="1" t="n">
        <v>426</v>
      </c>
      <c r="B428" t="inlineStr">
        <is>
          <t>shape_size_grid</t>
        </is>
      </c>
      <c r="C428" t="inlineStr">
        <is>
          <t>What is the size of the missing part denoted by a question mark?</t>
        </is>
      </c>
      <c r="D428" t="inlineStr">
        <is>
          <t>['large', 'small', 'medium']</t>
        </is>
      </c>
      <c r="E428" t="inlineStr">
        <is>
          <t>small</t>
        </is>
      </c>
      <c r="F428" t="inlineStr">
        <is>
          <t>There are 9 shapes arranged in a grid with different sizes in the image, of which there is 1 missing shape. The first row is ['small hexagon', '?', 'small pentagon'], the second row is ['medium hexagon', 'medium triangle', 'medium pentagon'], and the third row is ['large hexagon', 'large triangle', 'large pentagon'].</t>
        </is>
      </c>
      <c r="G428" t="inlineStr">
        <is>
          <t>We observe that the rows contain small shapes, medium shapes, and large shapes respectively. On the other hand, the columns contain hexagons, triangles, and pentagons respectively. Hence, the pattern is that the shapes within each column are the same, while each row progresses the size of the shapes.</t>
        </is>
      </c>
      <c r="H428" t="inlineStr">
        <is>
          <t>Based on the pattern that the shapes within each column are the same, while each row progresses the size of the shapes, the size of the missing triangle should be small.</t>
        </is>
      </c>
      <c r="I428" t="inlineStr">
        <is>
          <t>b'\x89PNG\r\n\x1a\n\x00\x00\x00\rIHDR\x00\x00\x02\x00\x00\x00\x02\x00\x08\x02\x00\x00\x00{\x1aC\xad\x00\x00{\xaaIDATx\x9c\xed\x9dyXU\xe5\xf6\xc7\xdf=\x9c\xc3x\x18\x1c\xb1\xc9\tl\x10-\xb1\t5\xc5~%\x96\xd7\xbc*\xa8\xe5\xd8\xa0\x96#\x8e`hBh\x8e i\x93]\xbbNWC\xb0\xd1\xbc\x89\x15\xe5\x80f\x05\x95i%\x88Z\xb7\x14\x11\x0e\xe7p\x0e\xe3\xd9\xef\xde\xbf?\x96\xe7\xed\x04\xa2\x0c\x07\xce\xb0\xd7\xe7\xb9O\x8fp\xf5\x9cw\xef\xfd\xee\xf5]\xefz\xd7\xbb\x16\xa7(\nA\x10\x04A\xd4\x07\xef\xe8\x01 \x08\x82 \x8e\x01\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c\x03\xa5\x94R\xea\xe8Q\xa8\x1a\xd1\xd1\x03@\x10Du(\x8a"\xcb\xb2 \x08\xf0gB\x08\xc7q\x8e\x1e\x94\x1a\xc1\x15\x00\x82 \xad\x8a,\xcb\x1c\xc7\t\x82\xf0\xd1G\x1f\xbd\xfa\xea\xab\x1c\xc7q\x1c\x87K\x01\x87\x80+\x80\x96\xc2\xbe\x13\x1a|%\x04qu(\xa5\x82 H\x92\xb4h\xd1\xa2\xd4\xd4TB\xc8\xf1\xe3\xc7SRRn\xba\xe9&amp;I\x92D\x11-R\xab\xc2\xc1\xfa\x0bA\xd4\x00D\x1e\x885\xec\xc0\xe08\x8e\xe7y\x8cB\xb4(,\xec\x93\x97\x97\xf7\xcc3\xcfdgg\xf3&lt;\xcf\xf3\xbc$I\x9d:u\xda\xbaukdd$&lt;\x1d\x9e\xc7\xc8D+\x81\x02`\x7f`\xa2ggg\xdbk\x11 \x08B\xff\xfe\xfd\xd1B5\rx\x1c\x8a\xa2\x08\x82p\xfd\x1b\xa8(\n\xa5\x14\xacR\xab\rO%\x80\xe3O\x08\xd9\xb2e\xcb\xc2\x85\x0b\x8dF\xa3(\x8a\x92$\x11B\xd8\x1f\x96/_\x9e\x90\x90@\x08\xc1\xa5@\xab\x81\x02`g`\xa2\xef\xdc\xb9s\xd2\xa4Iv\xfc\xd8\x1d;vL\x9c8\x91\xbdEHC`v\x9f\xfd\xe6\xca\x95+\xbf\xfd\xf6[aa\xe1\x95+W\xca\xcb\xcb)\xa5\x1a\x8d\xa6m\xdb\xb67\xdf|s\xf7\xee\xdd;u\xea\x04\x7f\rd\x00\xe5\xd6^\x80A7\x1a\x8d\x0b\x17.\xdc\xb2e\x0b!D\x10\x046\x99\xe1n\x13BdY\x8e\x8c\x8c\xdc\xb4iSHH\x88$I7\x14l\xa4\xf9\xa0\x00\xd8\x13EQ\x14E1\x99L}\xfb\xf6=\x7f\xfe&lt;\xcf\xf3\xb0\xa4m\x0e\xf0!]\xbbv\xcd\xc9\xc9\xd1\xe9t\xb0cf\x97\xd1\xba1\xf0 \xc0\xacTTT\x1c=z\xf4\xd3O?\xcd\xce\xce\xce\xcf\xcf7\x18\x0c\xd7\xfc\':\x9d.44t\xc4\x88\x11O=\xf5\xd4\xad\xb7\xdeJ\x08\x91e\x19\x97\x02\xcd\x84\x85t\xb2\xb3\xb3\x9fy\xe6\x99\xbc\xbc&lt;A\x10\xd8Ka\x9b\xff\xa3(\n,\x05\xda\xb6m\xfb\xc6\x1bo\x8c\x193\x86\xe0#h\x05\x14\xc4~X,\x16EQ`\x19\x0bkX\xc8vh2\xf0n\xc0G%$$\xb0\xaf@\x1a\xc2\x8f?\xfe\xb8`\xc1\x82n\xdd\xba\xd9Nx\xf6DD+\x82 \xd8Z\x99\x80\x80\x80\x97^z\xa9\xba\xbaZQ\x14J\xa9\xa3/\xc2\x85as5!!\x01\xe60\xb8\xfc\xbcp\xf5n\x8fz\xf2\x9fs\x16\xcf\x84?\xc3\xff\xc5\x96k\xb3g\xcf.++Sp\xc2\xb70(\x00v\x83R*\xcb\xf2\xd9\xb3g\xfd\xfd\xfd\xed\x1b@\x80-J\x7f\x7f\xff\xb3g\xcf\xca\xb2\x8cV\xe9:\xc0S\xf8\xe5\x97_\xa2\xa2\xa2X\x1c\x99\xe7yQ\x14\xe1\xa10 \xd6\xcfVT \x0c\xec\x9f\x0c\x180\xe0\xe2\xc5\x8b\x8au\xff\x00i\x14\xb2,\x83\xe1\xbex\xf1bdd${\n\x84\x10A\x14\x08!&gt;&gt;\xde\xab7\xad\xbcT}\xa1H\xfac\xdb\xde\x7f\xb5\xef\xd0\x8eY\x7fx\x10\x84\x90\xb0\xb0\xb0\x9c\x9c\x1cEQ$I\xc2\xa7\xd0B`\x08\xc8n@Ls\xf2\xe4\xc9;v\xec\x80u\xae\xa2(\xbe:\xdf\xbb\xfb\xf6\x96,\x96\xc6\xea\x81\xa2(\xa2F\xf3c\xceI\xb3\xc9\x0c\xd6\x8aR:i\xd2\xa4\xed\xdb\xb7\xe3N\xc0u\x80\x9bs\xe2\xc4\x89\x07\x1f|\x90\x10"\x8a\xa2,\xcb\x90x\x0e\xe6\x1e\xe4\xb3\xd6\xbf\x12\x04A\xb1&amp;\x08q\x1c\'\x8a\xa2\xc5b\xe9\xdd\xbb\xf7\xa1C\x87\xfc\xfc\xfc0\xec\xd6(\xe0ns\x1c\x97\x9e\x9e\x1e\x13\x13s\xe9\xd2%\x88\xed\xc0/eY\xbe;\xac\xd7+\xaf&amp;\xdd\x1b\x1eVR\xa4\x97\x15\xb9M\xdb\xc0?~\xffs\xf9\xa2\xa4O?\xcad\x7f\x07\xfe\x89N\xa7KIIy\xee\xb9\xe7\x88\xcd62bGP\x00\xec\x03\xcc\xce\xc3\x87\x0f?\xfc\xf0\xc3\xecGJ\xe9\x86\xb7\xd7M\x99:\xc9h2\nB\xe3B\x99\x94\xca\xfe:\xffm\xff\xda1o\xda"\xdb\x1d\xb3\xac\xac\xac\x81\x03\x07\xe2\xcbp\x1d p&lt;j\xd4\xa8\x0f?\xfc\x10\x94\xb8\xd69#ooo\x9dN\xe7\xed\xedM\x081\x99L\xc5\xc5\xc5\xf0{\xb8\xcf\xf0g\x8dFc\xb1X\xc6\x8e\x1d\x9b\x96\x96\x86w\xbb\xe1\xd4M\xf3g\xb3\x17\xee\xed\xd3/LZ\xbar\x89F#\x9aLfXoI\x92\xe4\xe5\xed\xa5\xd5j\xdf\xda\xf0\xf6+\xcb\xd6B\xaa\xa8\xed?\x197n\xdck\xaf\xbd\xd6\xb6m[\xcc\x0e\xb2;(\x00\xf6\x01f\xea\xc3\x0f?|\xf8\xf0a\x96\xdbp\x7f\xf8\xbd\x1f|\x99a\xd0\x1b\x9a\xb6\x91%\xcbr@\x9b\x80\x91\x83\xa3\xbf9\xfe\x1d\xfb\xcc\x81\x03\x07fee\x11&lt;\x1aV?L\x8c#""\xc0\x97\'\x84\xf8\xf8\xf8\x0c\x1a4(22\xb2o\xdf\xbe\x9d;w\xf6\xf7\xf7\xd7j\xb5\x84\x90\xca\xca\xca\xdf\x7f\xff\xfd\xc8\x91#[\xb7n\xcd\xc9\xc9\xb1\xdd\xb7\x07\'\xf4\x8b/\xbex\xf8\xe1\x87Q\x03n\x88bM\xf3\xcf\xcd\xcd\x9d1c\xc6\x89\x13\'Xn\x0f\x98\xf2\xf6\x1d\xda\xad{s\xd5\xd0\xe1C\x8c\x86\xb2Z\xf7\x13\xeey`\x9b\x80\x13\xd9\xdf.\x99\xb3\xec\xe7\x9f~a{\xc5\xb0\xf6\xed\xd1\xa3\xc7\xbf\xff\xfd\xef\xfe\xfd\xfb\xe3A\x01\xfb\x82\x02`\x07lS?a\xaeC\xd09\xed\xbf;\xef}\xb0\xaf\xd9dn\x9a\xed\xa0\x94\xfa\xea|\xbf\xfb:g\xdc\xe3\x13!\x0c\n\x1f\x8e)\xa17\x04\x16\x01\x0f&lt;\xf0\xc07\xdf|\x13\x16\x166a\xc2\x84\x91#Gv\xe9\xd2\xe5:\xff\x84R\xbab\xc5\x8a\x84\x84\x04\xe6x\x8a\xa2H)}\xe2\x89\'&gt;\xfc\xf0CLG\xb9&gt;\xb6i\xfe\xf3\xe7\xcf7\x99L \x9f&lt;\xcfC\xacy\xc0\xe0\xfe\xc9o\xae\xbe\xb5\xcb\xad\xa5\xfa\xd2\xfa\xf2;%I\xf2\x0f\xf0+3\x9a\x12\x16\xafH\xdf\xb9\x97XS\xe0\xe0\xa3DQ\\\xb7n]LL\x0c\xc1p\x90\xfd@\x01h.0\xbf!\xf5\xf3\xdc\xb9s\xac\xb0\xc9\xc8\xb1#6\xef~\xed\xca\xe5\xe2\xe6,Z%Ij\xdf\xb1\xdd\xf4\xa7f}\xb0\xe7#\x88S+\x8a\xd2\xad[7L\t\xbd&gt;` \xbe\xfa\xea\xabK\x97.\x8d\x1b7\x0e\xee\x12\xdb\x0c\xa8u\xdf\xc0u\x85=\xe1y\xf3\xe6\xa5\xa6\xa6\x82\x06p\x1c\xa7(J@@\xc0\xd9\xb3g\xdb\xb6m\xab(\n\xde\xedk\x02\xd6\xb9\xa4\xa4d\xd6\xacYiii\xe4\xefa\x1fA\x10\x96\xbc\xbch\xda\xdc\xe7$\x8bTYYy\xfd\xd7\x81JT\xa3\xd5\xf8\xea|\xb6\xbf\xfd\x9f\x15/\xae2\x9b\xca\x05Q\xa0\x12e+\xb3\xc8\xc8\xc8\xad[\xb7v\xea\xd4\t\x0f\n\xd8\x05\x14\x80\xe6\x02\xb3?11\x11r\xdd(\xa5\x84#\xfe\xfe~\x9f\x1e\xdb\xd7!\xa8\xbd\xa5\xa6\xd1\xdb\xbf\xb6(\x8a\xa2\xd1j\x8a\n\xaf&lt;\xd6o\xb8\xd1XF\x14\x02\x01\xd6\x84\x84\x84\xe5\xcb\x97cH\xb4\x81\x80+z}\x17\x1e\xecKYYYpppII\tX\x7f\xf8\xef\xe1\xc3\x87\x1fz\xe8!\xf4:\xeb\xc2\x022\x99\x99\x99s\xe6\xcc\xb1M\xf3\xe7y\x8eR\xb9K\xb7\xce\xeb\xde\\=\xf0\xff\x06\xe8\x8b\xf5\xa4a\xa1\x1b\xd0\xe3\xc06\x81\xbf\x9e\xfeu\xc1\xf3q\xb9\xdf|\xcfR*`)\xc0\xeaF\x10&lt;(\xd0l\xf0\xde5\x0b\x08\xcb\x9c;wn\xc3\x86\r,\xf8\xa3\xc8\xca\x94\xe9\x93\xba\x87t\xad\xaa\xacj\xa6\x87\xc2q\\UeU\xf7\x90\xaeS\xa6ORd\x05\xe2\xa1\x82 l\xd8\xb0\xe1\xdc\xb9s\xb6gj\x90\xba\xb0\x94Y\xc8\x01\xbd\xfe_\x86`E@@@\xff\xfe\xfd\x89\xd5T\xc1\x7f\xff\xf7\xbf\xff\x91:\xe5\x83\x10&amp;\xab\x89\x89\x89C\x87\x0e\xcd\xcb\xcb\x03\x07\x08T\x93Ry\xcc\xc4\xa8\xfdG?|p\xc0\xfd\xc5E\xc5\r/\xb0\x01i\xa0\xfa\x12}\xb7\xe0\xae\xe9\x07v=\xfd\xc2$x\x88\xe0\xfa\x08\x82p\xe9\xd2\xa5\xa1C\x87\xce\x9b7\x0f\x06\x00e$\x90\xa6\x81\x02\xd0,\xc0I\x8c\x8d\x8d5\x1a\x8d\x84\x10\xc8`\xeb\xd2\xad\xf3\x8c\x05\xd3K\xf5\x06\xbb8\x8c\x82 \x94\xea\r3\x16L\xef\xd2\xad3D0\x08!F\xa3166\x16\xde\xb4\xe6\x7f\x85\xbb\xc2\xf3|\xa3\xa2\x04\x10a\xeb\xdc\xb93\xb1\x1eO\x85\xff\x9aL\xa6\x96\x1b\xa4+\xa2(\n\xac&gt;\xf3\xf3\xf3\x87\x0e\x1d\x9a\x90\x90\xc0\xca\xbaA\xde\xad\xaf\xceg\xf5\xa6\x15\xafnY\xaf\xf5\xd0\x9a\xcaLMX\xa7\x8a\xa2XQ^I%\xbaz\xe3\x8aM[7\xb4\xef\xd0\x8eR\n\x02\x03\xdf\x95\x9a\x9a\x1a\x11\x11\x91\x9f\x9f\x0f\xbf\xc4\x17\xa1i\xa0\x004\x1dp\xc6\x0f\x1d:\xb4w\xef^\xdb\xa8q\xcc\x92\xd9\xbe~\xbe\x90\xf8\xdc\xfco\xe18N\x92$_?\xdf\x98%\xb3Ao\xe0{\xf7\xee\xdd{\xe8\xd0!\xdb\xccE\xa4\xf9\\SS1\xf2S\x0b8*\x91\x9e\x9e\x1e\x1e\x1e\x9e\x99\x99\tF_Q\x14\xd0\x80\xb0\xfb\xfb\xec;\xf4\xfe\xe4i\x13K\xf5\x06*5=n\xc6\x0b\xbc\xa2(\xc5WJ\xa2\xc6\x8f\xfa\xe4\xf0\x07\x03\x06\xf7g\xef\x14\xec\x0cggg\x87\x87\x87\xa7\xa5\xa5\xe1f@\x93A\x01h"`\x8b\xab\xab\xab\x17,X\x00V\x03lq\xff\x88~\xd1\x13F\x19K\x8dv\x8c\xce\x8b\xa2h,5FO\x18\xd5?\xa2\x1fX\x7f\xf8\xf6\x05\x0b\x16TWW\xe3:\xc0^\x80\x11\xb9x\xf1"\xb1\x06|\xe0\xbf\xed\xda\xb5#\xd8\xb2\x8a\x10b\r\xd0_\xbati\xee\xdc\xb9c\xc7\x8e-))a\x91\x19\xf8\xbf\xe6,\x9e\xb9\xe7\xd3\xfft\x0b\xe9\xa6/\xd17\xdf.\x83\xd2\xe8\x8b\xf5\xed\x83\xda\xef\xfax\xeb\xdc\xd8Y\xb0\x1b\xcc\xbe\xb4\xa4\xa4\xe4\xc9\'\x9f\x9c:u\xea\xa5K\x97@\x84\xecu\xa5*\x01\x05\xa0\x89\xc0\xeeSZZ\x1aK\x1e\x87X\xf3\xb2UK$\xa9E\\rI\xa2\xcbV-\x11E\x91e\xad\xe4\xe4\xe4\xa4\xa5\xa5\xd9\xa5\xe4\x1c\x02\x0eluu\xf5w\xdf}G\xac\xa6\x1fVu\xdd\xbbw\'(\x00\x84\x10k\xe5\xce\x03\x07\x0el\xdc\xb8Q\x14EX\x8f\xc2\x7f\xdbuh\xb7\xed\xbd\x7f\xc5\xbf\x12\'S\xb9\xc2\\a_\x07\xa8\xba\xaa\xba\xa2\xbc2\xfe\x95\xb8\xb4\xff\xfe\xa7s\xd7\xdb\xd8\x97r\x1c\xa7\xd1h\xb6l\xd9r\xe0\xc0\x01\xd8!\xb3\xd7\x97\xaa\x04\x14\x80\xa6\x00\x0e\xb8^\xaf\x8f\x8b\x8bc.\x89,\xcbc\'E\xdd\xdd\xb7\x97\xd9Tn\xf7\xcc\x04\x9e\xe7\xcd\xa6\xf2\xbb\xfb\xf6\x1a;)\x8a}\x1d\xcf\xf3qqqz\xbd\x1e\x17\x01\xcd\x07\xac\xc9\xde\xbd{\x7f\xff\xfdwv{9\x8e\xeb\xd2\xa5K\x8f\x1e=\x08\n\x00!\xc4\x1a\r{\xec\xb1\xc7\x02\x03\x03\xc1\xda\xc2T\x1f2\xec\x91O\xb3?\x1a2\xec\x91\xe2\xa2bEQ\xf8F\x9e{\xbf!\x10\xf7/*\xbc\x12\xfe\xd0\x03\x1f}\xf5\xde\x90a\x8f\xb0\xaf\x96$)  \xe0\xb1\xc7\x1e#\x18\xack&lt;(\x00M\x01\xacCJJJaa!\x0bJ\xfa\x07\xf8\xcd_:\xb7\xc2\\\xd9\xd8\xaa\x0f\rD\x10\xf8\ns\xe5\xfc\xa5s\xfd\x03\xfcX\xd5\x9a\xc2\xc2\xc2\x94\x94\x14\\\x044\x13\xd8`,**\x8a\x8b\x8bcj\nyA\xd1\xd1\xd1\x1e\x1e\x1e\xf6\xda\xd1qu \xcd!((\xa8_\xbf~\xb0f\x82\xbbtg\xe8\x1d\xdd\x82\xbb\x15_)\x81eA\x0b}\xbbF#\xeaK\xf4\xb7\xdcv\xd3\x9d\xa1w\xd8~{\xff\xfe\xfd\x83\x82\x82X\x8a\x04\xd2pP\x00\x1a\r8\xe0\xf9\xf9\xf9\xeb\xd6\xad\x03\xcb\x0b\xb3p\xce\xe2\x997\xdd\xd2\xa9\xaa\xaa\xb9\xa9\x9f\xf5\xc1q\\UU\xd5M\xb7t\x9a\xb3x&amp;\xcc~\xf8\xeau\xeb\xd6\xe5\xe7\xe7cJh\x93\x81m\x95\xf2\xf2\xf2\xd1\xa3G\xff\xf1\xc7\x1f`\xe3\xe0\xf6\xfa\xf9\xf9\xcd\x993G\xb1\xb6\x16@\x885\xf7?::\xda\xf6\xc7\x83\xfb?3\x1a\x0cP]\xa3E\xd1j\xb5e\x86\xb2\x83\xfb?c_\xcd\x06\x83\xf3\xbf\t\xe0\xb4n4\xe0\x1e\xc6\xc7\xc7\xd7\xd4\xd4X\x8b\x17\xd2\xae\xc1]&amp;M\x9f`2\x9a\xa0\xdam\x0b!\x88\x82\xc9h\x9a4}B\xd7\xe0.\xb2L\xe1\xdbkjj\xe2\xe3\xe3\t&amp;\xaa7\t\xb6\x97\xf8\xf8\xe3\x8f\x1f=z\x94\xe9(\xfca\xed\xda\xb57\xdf|3\x9e6\xb2\x05\xc2,\x8f&gt;\xfa\xa8\xb7\xb77\xe4_r\x1cW\x90w&gt;\xef\x97\xb3^^\x9e-j\x85eY\xf6\xf2\xf2\xcc\xfb\xe5lA\xdey\xebi\x03\xea\xed\xed\xfd\xe8\xa3\x8f\x12\x8c\xff4\t\x9c\xd6\x8d\x83\xa5~fdd\xb0\x14LE!KW.\xf1\xf6\xf6\x92$\xca\x91\x16\\\x84r\x84\x93$\xea\xed\xed\xb5t\xe5\x12\xb0\xf60\x9e\x8c\x8c\x0cL\tm\x02\x90\xb7~\xf6\xec\xd9\xc1\x83\x07\x1f&gt;|\xf8\xeaAnk)\xd0\xa9S\xa7N\x9f&gt;\x1d\x0f\x00\xd7\x02VH\x1d;v\xec\xd5\xab\x17\xb1\x1e\xb6\xa8\xa9\xa9\xc9\xca\xfc\xca\xb3\xe5\x05\xc0\xd3\xcb3+\xf3\xab\x9a\x9a\x1a\xd6\xc6\xa7W\xaf^\x1d;v\xc4\xf8O\xd3@\x01h\x04\xe0\xecX,\x16\xdb\xd4OY\x96\xfb\r\n\x8f\x1c\xfeH\x99\xd1\xd4\n\x96B\x10\x842\xa3)r\xf8#\xfd\x06\x85C0\x8a\xa5\x84Z,\x16\xdc\rn8\x10\xf7\xcf\xca\xcaz\xe8\xa1\x87~\xfa\xe9\'\xc8,d\xcd\x00&amp;N\x9c\xb8y\xf3f\xd6\xae\x16\xb1\x05&amp;^TT\x14\xb199q\xf0\x93\xcf*+*[\xf4\x15\x10\x04\xa1\xb2\xa2\xf2\xe0\'\x9f\x11\xeb\xcbH\x08\x89\x8a\x8a\xc2\xf8g\x93\xc1\xc9\xdd\x08 \x14\xf0\xce;\xef\xb0\xd4OpI^^\xffR\x0b\xa5~\xd6\x87$\xd1\x97\xd7\xbf\x04\x0e\x17K\t}\xe7\x9dwp7\xb8\x81\x80_\xff\xd6[oEFF\x16\x16\x16\xb22\x1ep\xecn\xf6\xec\xd9;v\xec\x80\xd0?\xfa\x95u\x01Q|\xe2\x89\'\xb4Z-\xb4`\xe38\xee\xf4\xc9_~=}\xa6\xe5\xa2@\x10\xff\xf9\xf5\xf4\x99\xd3\'\x7f\x81U\x08\xa5T\xab\xd5&gt;\xf1\xc4\x13\x04\x0bD7\x15\xbck\x8d\x00&lt;\x9d?\xff\xfc\x93\xfc=)\x10\x9av\xb5\xe6H8\x8e3\x9b\xcc\xb6?\xb2\x81\xe1\n\xe0\x86\x80\xf5OHHx\xe1\x85\x17\xc0\xee\xc3o@M\xd7\xae]\xbbq\xe3FV7\xd4\xd1\x83uF\xc0\xcf\x08\x0e\x0e\x0e\x0b\x0b\x03\x99\x14\x04\xc1b\xb1de\x1ej\xb9(\x905\xfes\xc8b\xb1@\xfcGQ\x94\xb0\xb0\xb0\xe0\xe0`\xdc\xa4i2x\xd7\x1a\x01\xc4[bbb\x82\x82\x82 m\x9c\xe7\xf9\xaa\xca\xaa\x95\xf1\xabE\x8dHZ\xcd\xf0*D\xd4\x88+\xe3WWUV\xb16\x87AAA111\x10\x95j\xadq\xb8$`\xebW\xacX\x91\x98\x98\x08\x87\x95X\xa3\x85\xb6m\xdb~\xfc\xf1\xc7\x8b\x16-b\xfd\x0b\x1d=X\xe7\x05l\xee\xe8\xd1\xa3IkE\x81\xae\x19\xff\x19=z4\xaez\x9b\x03\n@#\x80\x85g\xdb\xb6mW\xaf^\r\x8e\x0fX\x93o\x8f\xe7d\xec|\xcf\xbf\x8d\x7f+\x14&amp;\x94$\xc9\xbf\x8d\x7f\xc6\xce\xf7\xbe=\x9e\xf3W\xfdQEY\xbdzu\xdb\xb6mq+\xec\xfa\xc0\xf3\xfa\xe0\x83\x0f\x96-[\xc6\x8a\x88\xc1\x1fn\xbf\xfd\xf6#G\x8e\x0c\x1f&gt;\x1cv\x86\xf16^\x9f\xfa\xa3@y^\xde^v\xb7\xc8\xb2,{y{\xfdz:\x0f\xe3?\xf6\x05o\\\xe3\x00\x9b;q\xe2D\xd6\x98\x17|\x9f\xd4U\x9b\xcce\xe6V\xa8\xce/\x8a\xa2\xb9\xcc\x9c\xbaj\x13!\x84\x15 \x1a8p \xf6\x08\xbb!\xa0\xd9\xa5\xa5\xa53f\xcc\x00#\xc2\x8a\x0c\xf7\xed\xdb\xf7\xd0\xa1Cw\xdey\'\xb6Xh \xf5E\x81\xbe\xf84\xcb\xc3\xd3\xa3%\x04\xc0\xc3\xd3\xe3\x8bO\xb30\xfec_\xf0\xc65\x05\x9e\xe7\x93\x92\x92\xc0\xda\xca\xb2,\x88\xc2\x85s\xbf\xbd\x91\xb29\xb0m`\x8b.\x02$I\nl\x1b\xf8F\xca\xe6\x0b\xe7~\x13\xc4\xbf2\xd6\x93\x92\x92\xf0\x1d\xb8!\x10\xb5\xdb\xb2e\x0b\xec\xfa\x82\xe1\xa0\x94\xf6\xec\xd9\xf3\xc0\x81\x03\x1d;v\x84\xbc G\x0f\xd3e\xb8f\x14\xe8p\xd6QKMMK\x94B\xb1\xd4\xd4\x1c\xce:J0\xfecW\xd0j4\x1a\xe6t\x8f\x1f?\x1eL\x86Le\x9e\xe7\xb7\xbc\xb6\xf5\xa7\xefO\xf9\xf8x\xb7\xdc&amp;\x98\x8f\x8f\xf7O\xdf\x9f\xda\xf2\xdaV\x9e\xe7e*C\xecb\xfc\xf8\xf1l9\xd2\x12\xdf\xeb6\xc0r---\xcd\xb6\xdb\x97\xaf\xaf\xef{\xef\xbd\xd7\xae];8\x11\xe6\xe81\xba\x12,\n\xe4\xe1\xe1\x01Q B\xc8\xcf?\xfd\xfa\xfb\x85\xffyxx\xd81\x19AQ\x14\x0f\x0f\x8f\xdf/\xfc\xef\xe7\x9f~%\xd6&gt;?\x1e\x1e\x1e\x18\xffi&gt;x\xef\x9a\x02\xd8\x8e\x97^z\xc9\xcf\xcf\x8fu\xc53\x9b\xcc\x1b\xd7\xbc\xde\x12\x01P\x00\xc2\xa0\x1b\xd7\xbcn6\x99a\xd2C\xad\x82\x97^z\t\xdb\xd5\xde\x10\x08R\xff\xf9\xe7\x9f\xbf\xfc\xf2\x0b\x94S\x05=\x98={\xf6\xed\xb7\xdfn\xb1X\xd0\xf7o,\x10\x87\t\x0e\x0e\x0e\r\r\x85\x19(\x08\x82\xa9\xcct\xe4\x8blo\x1f/;\x9eI\xa4\x94z\xfbx\x1d\xf9"\xdbTf\x82\x12\xd3\x8a\xa2\x84\x86\x86\x06\x07\x07c\x95\x8ef\x82\xf7\xae)\xc0\xc2\xb3{\xf7\xee\xb1\xb1\xb1\xb6\xd5\xc9\xf7\xbd\xbf\xff\xb3\xfff\x05\x04\xfa\xdb\xfdD.\xa54 \xd0\xff\xb3\xfff\xed{\x7f?\xfb:Y\x96ccc\xbbw\xef\x8ea\xd0\x1b\x02\x0e\xe9\x85\x0b\x17*++A,a\xff\xfc\xc9\'\x9f\xc4\xbb\xd7d\xe0\x1e\x0e\x1e&lt;\x98\xd8x\xe2\x07\xf6\x1d\xa4\x94r\x9c\xddn)\xc7\xf1\x94\xd2\x03\xfb\x0e\xc2\x8f\xf0E\x83\x07\x0f\xc6\xfa\xcf\xcd\x07\xe7}\x13\x81\xc9\xb7p\xe1\xc2\x90\x90\x10v^T\xa6\xf2\xab\xab7\xb5D\xe5H8\xa0\xf4\xea\xeaM2\x95\xd9\xb7\x87\x84\x84,\\\xb8\x10O\xab6\x9c\xe2\xe2bB\x08\xe4\xce*\x8a\xd2\xa1C\x87\xae]\xbb6\xbc]-R\x0bv\x16\x97\x9d\x8b$\x84|{&lt;\xe7B\xc1o\x9e\x9e\xf6\x89\x02)\x8a\xe2\xe9\xe9q\xa1\xe0\xb7o\x8f\xe7\x10B\xd8\xc9Gv\x0e\xb9\xf9_\xa1fp\xde7\x11\x98yZ\xadv\xe5\xca\x95\xb6\x9d\x1a\xbf=\x9e\xb3{kz\x1b\xbb\xee\x06K\x92\xd4\xa6m\xe0\xee\xad\xe9,\xf5\x13\xec\xd7\xca\x95+\xa1\xfe"\xbe\x067\x04\x8cQuu\xb5hC\xc7\x8e\x1d\xbd\xbd\xbd\x1d=4\x17\x06\xc2h}\xfa\xf4\x81l\x1c\x88\x02\x95\x9b\xcb\x8fd\xd9-\nt5\xfe\x93\x95]n.\x87\xf8\x0fd\x1f\xf5\xe9\xd3\x07O\xbd4\x1f\x14\x80\xa6\x03\xb68::z\xc8\x90!\xec()\xc7q\xc9+R\xff\xf8\xfdOOOO\xfby@\x9e\x7f\xfc\xfeg\xf2\x8aT\x98\xfd\xf0\xbdC\x86\x0c\x89\x8e\x8e\xc6\xbd\xdfFQYY)IRuuuMM\x8d$IF\xa3\x11|\x7fT\xd0&amp;\x03\xf9\xf8#F\x8c -\x13\x05\xbaf\xfcg\xc4\x88\x11p\xfe\xa0\xf9\x9f\xafr\xb0vX\xb3\x00\x8b\x9f\x97\x97\x17\x1a\x1a\n\x8bS\xb0\xce\xcf\xc7LM\\\xb7\x0c\xfac4\xf3+$Ij\xd7\xbe\xed\xf2EIo\xa5\xfe\x8b\x9d\xfc\xe2y\xfe\xd4\xa9S=z\xf4\xc0M\xb0\x06\x02q\x83S\xa7N\xbd\xf7\xde{`\xee\x15E\xe9\xd8\xb1\xe3\xf3\xcf?\xef\xe8\xa1\xb96\xe0\x82\x9c8q\xa2_\xbf~\x84\x10EQ\x14E\xf1\xf1\xf59\xf8\xf5\'\x9dn\xee\x04%\xd3\x9b\xfc\xe1\x8a\xa2h\xb5\xdaK\x7f^\x1a\xf2\xe0?\xca\xcd\xe5\xecx\xf6\xb1c\xc7\x1ex\xe0\x01\xf4~\x9a\x0f\n@s\x81Y8k\xd6\xac\xd7_\x7f\x9d\x19hA\x14\xf6\x1dz\xff\xce\xd0;*\xca+\x9ac\xa0eY\xf6\xf6\xf1\xfe\xe5\xd4\xaf\xc3\x07\x8d\xa2\x12e\x023s\xe6\xcc\xd7^{\r_\x00\xc4\x19P\x14\xc5b\xb1\xf4\xea\xd5+//\x8f\xd5&amp;Y\xbdq\xc5\x94\x17&amp;\x96\\\xd17\xc7\x07\x92$\xa9m\xfb6\xdb\xde\xdc\x197g)\xeb;\xdf\xa3G\x8f\x9f~\xfaI\xa3\xd1\xe0\xba\xad\xf9\xa0\xf3\xd8\\ \x19.)))00\x106\x038\x8e\xb3\xd4X\x92\x96\xac\xb2KoHA\xe0\x93\x96\xac\xb2\xd4X\xe0\x93\x15E\t\x0c\x0cLJJB\xdf\xbf\t\xc8\xb2,\xfd\x1dG\x8f\xc8\x1d\xb8v\x14\xe8\xe3\x835\xd55\xd0\xb3\xa5\xc9(\x8aRS]s\xe0c\x8c\xff\xb4\x14hA\x9a\x0b\xc4\xe5\xc1(\xb3\xc3\xa5\x82 d\x7fu,s\xdf\xe7~\xfe\xba&amp;\xcfTJ\xa9\x9f\xbf.s\xdf\xe7\xd9_\x1dck\x0bY\x96Al\xb0\xecO\x13\xe0y^\x14E\xde\n\xe6\xfe\xdb\x85Z\xe7r!\x17(\xf7\xdb\x1f\x0c\xa5\xc6\x0e\x1d\xdb\xeb\xfct\xfe\x01~M\xf8\x9f\xceO\xd7\xa1c{C\xa91\xf7\xdb\x1f\x88M\xfe\x0f;{\xec\xd0\x8bv\x130\x04d\x07 \xee)\xcb\xf2\x83\x0f&gt;\x98\x9b\x9bk\r1\xcb]\xbaw9xb?\x84n\x1a;_\xaf\xd6W\x11\x85!\x0f\x0c\xbbPp\x01\xf6\xd3\xa0\xfe\xc9\xd7_\x7f\r\x0bm|\x07\x1aK\xad"\xcf\xf0\xe0p!\xd5|jE\x81\xc0\xaa,IZ|O\xdf\xde\xe5M\x8d\x82\xc2\xd1\xf7\x1frN\xaeZ\xb6\x96X=-\x8c\xff\xd8\x17\xf4\x80\xec\x00LMQ\x14\x93\x93\x93#""\xd8"\xe0\xfc\xd9\x0b;6\xffg\xc1\x92\x18\x83\xc9\xd0\xd8`=\xa54@\x17\x90\xbc*\xf5\xfc\xd9\x0b\xe0\xfeC\x96Qrr2T\x80@\xb3\xd5X\x98\xad\xff\xdf\xff\xfe\xa7\xd7\xeb\xdb\xb4is\xeb\xad\xb7\xb2\xb2\x10\x8e\x1e\x9dk#\xcb\xb2V\xab\xed\xdf\xbf?\x08\x00\xc4\xd6^Y\xba\xc6\x8e_\x01\xf3\xbf\x7f\xff\xfe\x10\xff\xc1\xdd/\xbb\x80+\x00\xbb\x01\x93r\xcc\x981\xd0.\x18\x16\xc2\x1e\x1e\xda\xb0\x07\xfaPIn\xac\x85Q\x14"\x88|\xee\x89\xef\xab\xabk\x88\xf5\xe4Wtttzz:\xce\xfe&amp;\x00V\xfe\xe4\xc9\x93\x0b\x17.&lt;v\xecXEE\x85\xb7\xb7\xf7C\x0f=\xb4n\xdd:V\xc9\xc0\xd1cta`N\xee\xdf\xbf\xff\x1f\xff\xf8\x07+\xd0f/\x1f\x85}\x9a,\xcb\x9f|\xf2\xc9\xb0a\xc3\xf0\x15\xb0\x17(\x00v\x03\x02\x94\xf9\xf9\xf9\xa1\xa1\xa1\xb0\x85e\xc7\x0f\x17\x04A\x10\x84S\xa7N\x85\x84\x84`\xe9\x82\xc6\x02\x93\xbc\xb0\xb0\xf0\x9e{\xee)**\xb2\xfd\xbf:t\xe8\xf0\xfd\xf7\xdfw\xea\xd4\tcA\xcd\x01\x14\xd4d2\xdd~\xfb\xedEEEv\xefM\xcdNn\x9f9sF\xa7\xd3\xa1`\xdb\x0b\x9c\xf1v\xa3Vy\x06\xf0P\xe0ld\x93\x81Y\x0e!\xa0Ze\'\x90\x86\x03g\xa7\xd3\xd3\xd3\x8b\x8a\x8a&lt;&lt;&lt;8+\x1e\x1e\x1eEEE\xbbw\xef\x86 \x9e\xa3\x87\xe9\xc2@\xea\xa7N\xa7{\xe4\x91G(\xa5\x92$5\'\xf9\xa7.\xf0\x81\x8f&lt;\xf2\x88N\xa7\x83\xa7\xe9\xe8+v\x13p\x0f\xc0\x9e\xc0*566v\xcf\x9e=\xe7\xcf\x9f\x17E\x11\xba\x8e4\xf9\x03A?l\x0b\xcf\xa1\xf5o2\xbf\xfc\xf2\x0b\xd8)\xf6D\xc0\x94\x9c:u\x8a`V\x89\x9d\x986m\xda\x1f\x7f\xfca\xf72\xfd\xf0\x81\xd3\xa6M\xb3\xe3g"\x04\x05\xc0\xbe\x80}\xf1\xf3\xf3[\xbe|\xf9\xa4I\x93\xec\xf2\x0e\xc0\x87,_\xbe\xdc\xcf\xcf\x0f\xfbU5\r0\xee\x16\x8b\xa5\xae\x18C\xfa\x8a#\x06\xe5n\xc0\x92w\xc0\x80\x01YYY\xad\xf0E\x88]@kbgDQT\x14\xe5\xa9\xa7\x9e\xea\xdc\xb9\xb3\xbd\xb6\x01\x04A\xe8\xdf\xbf?t\xaf\xb5\xcb\x07\xaa\r\xb0\xfb\x9d:u\xaa\x95;\x0b?\xde|\xf3\xcd\xec\xef \xcd\x042k[\xe8\xc31\xf5\xd9\xee\xe0&amp;0\xe2\xfe@\xe8\xec\x9bo\xbey\xe0\x81\x078\x8e\x83\xd0\x1c\x0b\x07\x1d;v,&lt;&lt;\x1c\xc3k\x88\n\xc1\x19\xdfR\xd8w\x13\xcc\xd1W\xe3\xda@\x04\xf9\xfe\xfb\xef\x87\x12\x1a\x16\x8b\x05\xf6\x15\t!\xaf\xbc\xf2\nZ\x7fD\xb5\xe0\n\x00Q\x0b`\xe5O\x9c8\xb1o\xdf\xbeK\x97.u\xea\xd4i\xc4\x88\x11\xf7\xddw\x1fZ\x7fD\xb5\xa0\x00 *\xa2\xae\xadG\xeb\x8f\xa8\x19\x14\x00D]@M18X\x84\xcd \x11\x95\x83\x02\x80 \x08\xa2R\xd0\xfdA\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A\x10D\xa5\xa0\x00 \x08\x82\xa8\x14\x14\x00\x04A\x10\x95\x82\x02\x80 \x08\xa2RP\x00\x10\x04AT\n\n\x00\x82 \x88JA\x01@\x10\x04Q)(\x00\x08\x82 *\x05\x05\x00Q/\x8a\xa2(\x8a\xe2\xe8Q\xa8\x17\xbc\xff\x0e\x07\x05\x00Q/\x1c\xc7q\x1c\xe7\xe8Q\xa8\x14EQ\xe0\xfe\xcb\xb2\xec\xe8\xb1\xa8\x17\x14\x00D\xa5(\x8aR]]m6\x9b\xd1\x0fm}$I\x02\xd3o2\x99x\x9e\x97$\xc9\xd1#R)(\x00\x88\x1a\x01\x03\xb4y\xf3\xe6\xc9\x93\'\xa3\x13\xda\x9a(\x8a"I\x92(\x8a\x97.]z\xe4\x91G\xee\xb9\xe7\x9ec\xc7\x8e\x89\xa2(\xcb2&gt;\x85\xd6\x87C\xdf\x07Q\x1b\xe0\xf2\x9b\xcd\xe6&gt;}\xfa\x9c;w.77\xf7\x9e{\xeeQ\x14\x85\xe7\xd1\x1fjYdY\x86\xb0Ozz\xfa\xbcy\xf3.^\xbcH\x08\x11Eq\xe9\xd2\xa5\xcb\x97/\'\x84\x8068z\x98*\x02g&lt;\xa2:dY\xe6y~\xed\xda\xb5\xe7\xce\x9d#\x84\xcc\x9b7\x8f\xe3\xd0\x13jq(\xa5&lt;\xcfSJ\xe7\xcd\x9b7v\xec\xd8\x8b\x17/\n\x82\x00\xf1\x9f\x84\x84\x84\xa1C\x87^\xbatI\x14EI\x92\xf0Y\xb4\x1a8\xef\x9b\x8e\xf3\xdc:\xdc\xc9l8`\xfd\xf3\xf3\xf3CCC!\x10D)MOO\x8f\x8e\x8e\xa6\x94\n\x82\xe0\xe8\x01\xba!\x8a\xa2\xc8\xb2,\x08Bnn\xee\x8c\x193N\x9c8\x01\x8b-\xf6\x06\t\x82 IR\xa7N\x9dRSS\xc7\x8c\x19C\xac\x8f\xc9\x91\x83V\x07(\x00\x88\xba\x00+?f\xcc\x98\x8c\x8c\x0cA\x10\xc06\x85\x84\x84\x9c:uJ\x14E\xcc\x0b\xb2;LV\xb7l\xd92\x7f\xfe|\x93\xc9\x04n&gt;\xcf\xf3\x10\xf4\xe7\x05^\xa6\xb2 \x08\x94RBHLL\xcc\xbau\xebDQD=n\x05P\x00\x9a\x02d\xb0\x19\x0c\x06\xe2\xe8u\x00X\xab\x80\x80\x00\x18\x92\x03G\xe2\x12\x80M9t\xe8PDD\x04\xb38\xf0\x87\x95+W\xbe\xf8\xe2\x8bht\xec\x0b\xc4\xf4KJJf\xcd\x9a\x95\x96\x96F\xacw\x1b\xfe\xab\xd1j|u\xbe\xa5%\xa5\xf0#\xcf\xf3\xb0 \xeb\xdf\xbf\xff\xbf\xff\xfd\xef\x1e=z\xb0_:\xfa:\xdc\x16\x14\x80F\x03\xd3w\xf5\xea\xd5k\xd6\xac\x01?\xc5\x81\x83\x81\xb5slll\\\\\x1c\x1a\xaf\xeb\x03{\xbf\x16\x8b\xa5\x7f\xff\xfe\xb9\xb9\xb9,\xf9\x07\xbc\xfe\x80\x80\x80\xd3\xa7Ow\xec\xd8\x11w\x83\xed\xc2U\xef\x9e\xe7\xb3\xb3\xb3\x9fy\xe6\x99\xbc\xbc&lt;A\x10\xd8/)\xa5w\xf5\xbas\xed\xeb\xaft\xec\xd4q\xde\xb4\x85G\xbf&lt;\xc6\xce\x04\xc0\xfa\xc0\xdf\xdf\x7f\xfd\xfa\xf5\xcf=\xf7\x1c\xb1YC \xf6GA\x1a\x03\xa5\x94Rz\xe9\xd2\xa56m\xda8\xfa\xd1\xfdE\x9b6m.]\xba\x04cs\xf4\x1dr^`wq\xdb\xb6m\x84\x100(\x1c\xc7q&lt;\xc7~\x9c&lt;y2\xfbkHs\xb0X,\xf0\x87\x84\x84\x04\xc8\xea\x81\xff\xf2\xc2Ue\x1d;1\xea\xe7K?\xfc\xcf|\xf6\xac\xfe\xe7\xdf\xcdg\x97\xae\x8c\x83G \x88\x02{\x1c\x84\x90\xe7\x9e{\xae\xac\xac\xcc\xf6\x03\x11\xfb\x82\x02\xd08\xc0:L\x992\x85\x10\xa2\xd1h8\x8e\xe3\x1d\n\xc7q\x1a\x8d\x86\x102e\xca\x14\x05\x8dW\xfd\xc8\xb2L)\xd5\xeb\xf5AAA\xd7\x8c*@F\xca\xa1C\x87\x14\xbc\x8d\xcd@\x96e0\xd6\x17/^\x8c\x8c\x8c\x84{\xcb\xf3&lt;\xd3\x00\xff\x00\xff\x8d\xffN\xf9\xb3\xf2\\~\xc9\xe9\x9f/\xfd\xf0K\xe1\xc9_\n\x7f\xbc,\xfd/#\xf3\xdd\xce]o#\x84\x08\x02\x0f\xab\x01\x90\x81\xb0\xb0\xb0\xaf\xbf\xfeZ\xb1\xfa^\x8e\xbe&gt;w\x03\x05\xa0\x11PJeY\xfe\xee\xbb\xef&lt;&lt;&lt;xg\x8a\x12\xf0&lt;\xef\xe1\xe1\xf1\xddw\xdf\x81\x99s\xf4}rF\xc0\xa6\xcf\x9c9\x93\xd8\xb8\xff&gt;\xbe&gt;\xb7u\xb9\x15\xfe\x0c\xbf\x1c8p\xa0$I(\x00M\x03^\x10EQ\xf6\xec\xd9\xd3\xa9S\'b5\xfa\xe0\'\x11B\xc2\xee\xef\xf3e\xee\xc1B\xcb\xef?_\xfa\xe1\xd7\xcb\'\xcf\x14\xfd\x04\xff;\xfd\xe7\xf7\x7fV\x9e\xfb\xfe\xc2\x89\x7f\x8cz\x9cMi\xf6\xa4DQ\xdc\xb0a\x03|\x05&gt;\x1a\xfb\x82{\x00\x8d\x00b\x91\x11\x11\x11\x87\x0e\x1db[\x88&lt;\xcf\xfb\xf9\xebdY&amp;\xa45\xb7\xaa\x14\x9e\xe7\xcb\x8c&amp;\x08\xaa\xc2`\x06\r\x1a\xf4\xd5W_a\xc0\xb4.p\xfe(///44\x14N\x9c\xc2\x1d{n\xd6\xd3c&amp;F=\xde\x7f\x84\xed/w\xec\xd81q\xe2D\xbc\x8d\x8d\x05\xee\x98$I\x8b\x16-JMM%\x7f\xdf\xef%\x84\xccY&lt;sN\xec\x0c\x8dVk.3\x8b\x9a\xda\xa7\xbd\xa8D\xb5\x1eZ\x1f\x9d\xcf\xf6\xcd;_\x8e{\xa5\xa2\xbc\x82%\x0b\x81\xa9\x1a3fLjjj\xa7N\x9d\xf0\xb0\x98\x1dA\x01h(0\x95\xf7\xee\xdd\x1b\x1d\x1d\xcd\x92\x16\x08!o\xec\xd8\xf8\xd0\xe0\xfef\x93\x99\xc57[\x01\x99\xca\xbe:\xdf#_f\xcf\x984\x87\x10\xc2\x8cWFFFTT\x14\x1a\xafZ\xc0\r\x89\x8c\x8c&lt;x\xf0 lEr\x1c\xd7\xa6]\x9b\xff\x1e\xfd(8\xa4\xfb\xd3c\xa6~\x94\xb1\x0fRB\x15E\xe9\xd6\xad[NN\x8eN\xa7\xc3\x94\xd0\x06\xa2\xd4\x93\xe6\xcf\xa6e\xfb\x0e\xed\xd6\xbd\xb9\xea\xf1\x11CK\xf5\x06\x99\xca\xf5\xbd)\x8a\xac\xc8\xb2\xdc\xb6}\x9b\x9c\x13\xb9\x0b_X\xf2\xf3O\xbf\xc0\xc3R\x14\x05\xc4\xa0S\xa7N[\xb7n\x8d\x8c\x8cd\x9b\xc9\xadz\x9d\xee\x08\n@\x83\x80)n6\x9b\xc3\xc2\xc2\xce\x9f?\x0f\xa6\x81R:r\xcc\x13o\xa7\xbd\tyl\xad&lt;$Ji`\xdb\xc0i\xe3^\xf8 \xfdcf\xbc\xbav\xed\x9a\x9b\x9b\xeb\xeb\xeb{\xcd0\xb7:\x01\xeb\x7f\xf0\xe0\xc1\xc8\xc8H[\x9ft\xd5\xabIS^\x98Tf(+-)\x1d\xdao\xb8\xd1XF\x94\xabYU\t\t\t\xcb\x97/GO\xb3!\\\'\xcd\x1f\xe6\xe4c#"\x13\xd7-\xbb\xe5\xb6\x9bK\xf5\x06A\x10n8-%\x8b\xe4\x17\xe0Wf,[\x9b\x90\xbc\xfd\xed\xff\x10\xebJ\x02&gt;\x96\x10\xb2|\xf9\xf2\x84\x84\x04\x82u#\xec\x01\n@\x83\x80\xa9\x96\x98\x98\x08Y\r\x94R\xc2\x11\x7f\x7f\xbf\x03\xc7\xf6\xb5\xef\xd8\xbe\xa6\xba\x06\x92IZ\x13EV\xb4\x1e\xda+\x97\xaf\xa0\xf1\xba\x0e`\x83$I\xea\xdd\xbbw^^\x1eX\x1fEQ\xee\xea}\xe7\x87_\xa4\xcb\xb2b\xb1X:tl\xff\xca\xd2\xb5\xa9\xab7\xb1\xc5\x81N\xa7\xcb\xc9\xc9\xe9\xd6\xad\x9b\x82)\xa1\xd7\xe5\xfai\xfe&lt;\xcf\xbf\x98\xb4\xf8\xf9y\xd3jjj*+*\x1b&gt;!)\xa5\x1a\x8d\xe8\x17\xe0\x9f\xb1so\xfc\xbc\x04\xa3\xc1\xc8D\x85\x10"\xcbrdd\xe4\xa6M\x9bBBB$Ij\x88\xa8 \xf5\x81\x93\xfb\xc6\xc0J\xb6\xa0\xa0`\xc3\x86\r&lt;\xcf\xc3\xccVde\xca\xf4I\xddB\xbaVUU\xf1\xd6\xbc\x85\xd6\x84\x17\xf8\xaa\xaa\xaan!]\xa7L\x9f\xa4\xc8\n\x1b\xd8\x86\r\x1b\n\n\nX\xce\xb5\xca\x81\x8a\x02\xeb\xd7\xaf?s\xe6\x0c\xb3\xef\x8a\xa2\xc4%,\xf4\xf1\xf5\xa5\x94j4\x9aR\xbda\xc6\x82\xe9]\xbau\xa6\x94\xc2\xbd5\x1a\x8d/\xbf\xfc2\x87\x05\x82\xea\x07vMDQ\xcc\xce\xce\xee\xd7\xaf_ZZ\x1a\x18b\x16\xf6\xb9\xab\xd7\x9d\x1f|\x91&gt;k\xd1\x0b\xa62SuUu\xa3\xdc\x11A\x10(\x95\x8b\x8b\x8a\xa3&amp;\x8c\xfe\xf0\x8b\xf4\x01\x83\xfb\xb3%\x05|ifffxxxzz:|,N\xf5&amp;\x83\x02pc\x14E\xe18\xee\xe5\x97_6\x1a\x8d` (\xa5]\xbau\x9e\xb1`:\xacj\x1d50A\x10\xd0x]\x070\xf7\x85\x85\x85\xc9\xc9\xc9 \x90`\x9b"\x87?:8r\x90\xa1\xf4\xea\xb3\x93$\xc9\xd7\xcf7f\xc9lB\x08&lt;\\A\x10v\xed\xdau\xf8\xf0a\xb6\x81\x89\xd8\x02\xe6\x98\xe7\xf9\xc4\xc4\xc4\x88\x88\x88\xbc\xbc&lt;X\x16s&lt;\xa7(\n\xa5t\xec\xc4\xa8\xbd\x07\xdf\xed\xfb@\x9f\x92b=\xfc\xcd\xc6~\x05\xc7q\xa2(\x96\\)\xe9\x1a\xd2u\xd7\xc7\xdb\xe6,\x9e\t\x9b\x01\xb0\xcc\x15\x04\xa1\xa4\xa4d\xec\xd8\xb1\xf3\xe6\xcdc5\xe6Z\xe2J\xdd\x1e\x14\x80\x1b\x00\xe6\xe0\xf0\xe1\xc3\xbbv\xed\x02s\xc0q\x1c!$f\xc9l_?_\xa8&amp;\xe6\xa8\xb1q\x1c\x87\xc6\xeb:@\x00g\xc9\x92%z\xbd\x9e\xb7V\x1f\xd3\xf9\xe9\xe2\x12\x17J\x12e\x0fN\x14E\xa3\xde\x18=q\xd4\xfd\xe1\xf7\xb2\x886\xa5t\xd9\xb2e*\xbf\x81uQl\xaa\xf9\x0f\x1d:4!!\x01\xc4\x00~)S\x19\xd2\xfcS\xde^\xab\xd1j\xca\x0c\xa6f\xc6!EQ\xac\xac\xa8\xac\xac\xa8\\\xfaJ\xdc\xb6\xf7\xfe\xd5\xbeC;\xa6\xe2\x1c\xc7\xf1&lt;\x9f\x9a\x9a:`\xc0\x80\xdc\xdc\\\xf8%:=\x8d\x05\x05\xe0\xc6\xd8\xda\x02\x98g\xf7\x87\xdf\x1b=q\x94Qotx\x9c\x1d\x8dW}@\xf0\'\'\'\xe7\xddw\xdf\x05\x0b\x05!\xa0\xc9\xd3&amp;\x84\xde\xd3\xd3l2\xff\xcd-\xe5\x08\x95\xe4\xb8\xa4EZ\xad\x16|XP\xfd\xdd\xbbw\xa3\x8e2 \xd2"\x8abzzz\xdf\xbe}333a\xfe\x83\xd0J\x92\x14v\x7f\x9f\x0f\xb32\xc6L\x8c2\x1a\xca\xa8D\xe1Xo3\x81t\x86+E\xc5C\x86=\xb2\xff\xe8\x87\x8f\x8d\x88d\x8b]\x08\x07\x9d8q"""b\xcb\x96-\x10\x83\xc2\x87\xd5(P\x00\xae\x07\x18\x82\xdd\xbbw3\x87ZQ\x14\xadV\x1b\x97\xb4\x88Jr\xab\xe6\xfd_\x074^\xd7\x02\x02w\x0b\x16,\xa8\xae\xae\x06o\x91R\xda\xb9\xebm\xd3\xe6&lt;k\xa8\xa3\xdc&lt;\xcf\x9b\xcaL\x03\x06\xf7\x1b6\xf21\x88b\xc3?OLL\x84\xb8\x1f\xba\x96\xb5\xaa\xf9_\xbat\x89Ec 4?g\xf1\xcc\xf4O\xff\xd3-\xa4kIQ\x89\xdd7fEQ,\xd5\x1b\xdauh\xf7\xafw\xdf\\\xba2\x8em6\xc0\x00L&amp;\xd3\xd4\xa9S\x9f|\xf2\xc9\x92\x92\x12\xf8\xa5\x1d\xbf\xda\xbdA\x01\xa8\x170\x01F\xa3111\x11L\x00\xb8\x90\xc3F&gt;6`p?S\x99\xc9I\xf2C\xd0x\xd5\x85\x1d\xda`G\xf6\xe0&gt;\xcc\x98?\xbd\xe3M\x1dkjj\xea\x9a\'A\x10Le\xe6\xc5\t\x0b\x02\x02\xfde\xe5j\xb8\xb9\xa0\xa0 55U\xe5!f\xe6U\xe4\xe6\xe6\x0e\x180\x00n\x88\xed\x9eJ\xfb\x0e\xed\xb6\xbd\xf7\xaf\xa5\xaf\xc4Q*W\x98+\xea\x1e\xf2\xb2\x0b\xa2(VWU\x9b\xcaL\xb3\x16\xbd\xf0\xc1\x17\xe9w\xf5\xba\x13\x06\x00;=\x82 \xa4\xa5\xa5\xf5\xeb\xd7/;;\x1b\x1bL6\x1c\xa70a\xce\t\xb8&lt;\xa9\xa9\xa9\x90T\xa3(\x8a\xac\xc8\x01\x81\xfe\x8b\x13\x16\x98\xca\xccNu\xd2\n\x8d\x97- xF\xa3166\x96)7\xa5\xf4\xbe\xf0\xbec\'G\xeb\x8b\xf5\xd7\x0c\xdcq\x1cWUY\xd5\xfd\xefYU\x82 l\xd8\xb0\xe1\xdc\xb9s\xaa\xcd\xaa\x02\xed\x14\x04a\xcb\x96-\x11\x11\x11\'N\x9c\x00\xf3J\xac{N\x8f\x8d\x88\xdc\x7f\xf4\xc3!\xc3\x1e\xb9RT\xac(J\x8b\x1e\x87\x04\xe1))\xd6\xf7}\xa0\xcf\xde\x83\xef\x8e\x99\x18\x05\x8br\x18\x89(\x8ayyy\x11\x11\x11\xb6\x12\xd5r\x83q\x0fP\x00\xae\r\xb8\xd2\xe7\xce\x9d\xdb\xb0a\x03KjVde\xca\xf3\x93\xba\x87t\xad\xaa\xacr\xe0\xdeo]\xfe2^\xcf\xa3\xf1\xba\xea\xfe\xa7\xa6\xa6\xda^;\xcf\xf3s\xe3fk4\xe2u\xd6C\xb6YU\xe0W\x92\xbf\x0bI\xeb]\x83s\xc0\xf2m\x9e|\xf2\xc9\xa9S\xa7\x9aL&amp;\x16u\x81\xfb\xb3te\xdc\xbf\xde}\xb3]\x87v\xa5z\x03\xb4\xd3i\x85Q\x89\xa2Xf0i4\x9aW\xb7\xac_\xbdi\x85\xaf\xceG\x96eA\x14\xd8v\xf4\xbcy\xf3\xa0\xc1$\x8cV\x85\x0f\xae\xe1\xa8qZ7\x040"\xd1\xd1\xd1{\xf7\xeee\xe7l\xbbt\xef\x9cy|\x1fT\xd0s*\x01 \xd6\x80\x15\xc7\x91\xc8\xf0\xe1\x17\n~c\xe9\xaaQQQ\x19\x19\x19\xea)\x0e\x01\x86\xe9\xdc\xb9s}\xfb\xf65\x99L\xb0?I)\x1d9\xf6\x89\xb7\xfe\xf3Z\xf1\x95\x92\xeb\xef\xdbK\x92\x14\xd860}\xc7\xde\x98\xa9\x0bm\xcf4}\xf5\xd5W\x83\x06\rR\xd5m$7\xaa\xe6\xbfjc\xd2\x03\xfd\xef+\xd5\x1b\x88#\xaa2\xc0\xc6C`\x9b\xc0_O\xff\xba\xe0\xf9\xb8\xdco\xbe\xaf\xafn\x04\xc1\x06\x93\xf5\x837\xe5\x1aPk\xdf(\xb0\xfe,\x82\xbct\xe5\x128=\xe4l\xd6\x9fX\xd7\xe3&gt;\xbe\xbeKW.a\x8b\xe2ZqpG\x8f\xb15\xa8uh\x83\x10\x02\x81\xbb\xd8\x84\x85\xe5\xe6\x8a\x1b\x9aoQ\x14\x8d\xa5\xc6\xe8\t\xa3\xfaG\xf4\x83\x1bXk3Y\r\x0eS+\xa4\xf97\x1f\x08L\xe9K\xf4\xdd\x82\xbb\xa6\x1f\xd8\xf5\xf4\x0b\x93 \x1c\xc4\xd6(\x90\xa8:o\xde&lt;\xb62h\xfdA:?(\x00\xb5\x81\x17\xbe\xba\xbaz\xc1\x82\x05\xb6\x11\xe4\xfe\x11\xfd"\x87?Rf,sZ\x1fP\x10\x842cY\xe4\xf0GTk\xbc\xea\x1e\xda\xb0=\xb3]YY\xd9@\xe5\x96$\xbal\xd5\x12Q\x14\xc1\xcd\x84t\xd2\xb4\xb44\xde\xda\xc6\xd6]i\xe54\xff\xe6#\x8abEy%\x95\xe8\xea\x8d+6m\xdd\x00\x07\x05@\xae@\x99RSS#""\xf2\xf3\xf3\xe1\x97n\xff\n4\x16\x14\x80\xda\xc0\x0b\x9f\x96\x96\x96\x93\x93\x03/&lt;,*\x97\xadZB\xa9\x0b\xbc\xfc\x94\xca\xea4^\x80,\xcb\xec\x0c\x04\x04+\x1a{f\x9b\xe7y\xb3\xa9\xfc\xee\xbe\xbd\xc6N\x8a\x82\xad \xb8\x8dqqqz\xbd\xde\x8du\xd4!i\xfe\xcd\x87\x17xEQ\x8a\xaf\x94D\x8d\x1f\xf5\xc9\xe1\x0f\xa0n\xc4\xd5\xc5\x9f\xb5XExx8+V\xa1\x92\xa5p\x03A\x01\xf8\x1b\xe02\xeb\xf5\xfa\xb8\xb88\xb0\x98\xf0\xfe\x8f\x9d\x14uw\xdf^fS\xb9\x93G\x12Uk\xbc\x88\xd5\xfd\xdf\xb9s\';\xb4\xd1\xe43\xdb\x82\xc0W\x98+\xe7/\x9d\xeb\x1f\xe0\xc72^\n\x0b\x0bSRR\xdcUG\x1d\x9b\xe6\xdfL\xa0n\x84\xbeX\xdf&gt;\xa8\xfd\xae\x8f\xb7\xce\x8d\x9du\xf5\xe5\x15\x85\xfa\xf6\xb1\x1d=dg\xc1\xa9\xcdY\xeb\x03\xe62%%\xa5\xb0\xb0\x909\x11\xfe\x01~\xf3\x97\xce\xad0W\n\xadX\xf1\xbf\xc9\xa8\xd0x\x91\xbf+\xb7mI\xb2\xfb\xc3\xef\x8d\x9e8\xba\xb1g\xb69\x8e\xab\xaa\xaa\xba\xe9\x96Ns\x16\xcf\x04\xff\x17&amp;\xc6\xbau\xeb\xf2\xf3\xf3\xdd,\xab\xcaI\xd2\xfc\x9b\x0f\x1c\x14\xa8(\xaf\x8c\x7f%.\xed\xbf\xff\xe9\xdc\xf56*QHZ\xb5\xcdd\xfd\xfe\xfb\xef1\x1c\xc4p\x01\x8b\xd6j\x80\xd5\xc8\xcf\xcf_\xb7n\x1d{\xe7\x15E\x99\xb3x\xe6M\xb7t\xaa\xaar\xae\xd4\xcf\xfaP\x95\xf1b\xd8*7\xabD/\x8ab\\\xd2"*\xd1&amp;\x9c\xd9\x16D\xc1d4M\x9a&gt;\xa1kp\x17Y\xbeZ{\xa0\xa6\xa6&amp;&gt;&gt;\x9eX\x8f\x1a\xb8\x01N\x95\xe6\xdf|@\xba\xae\x14^\t\x1f\xf8\xc0G_\xee}|\xc4PH\x03e\x07\x05rss\x07\r\x1a\xb4i\xd3&amp;\x0c\x07\x01\xee\x1c\x13h,\xe0\xf2\x8c\x193&amp;##\xc3\x9a\xfa)w\xe9\xde\xe5\xe0\x89\xfd\x8a,\xcb\x8a\xc29K\xf1\x87\x1b\xa0\x10\x85\xe78\x8e\xe7\x87&lt;0\xecB\xc1\x05\x8e\xe3a\xaeGGG\xa7\xa7\xa7\xbb_.#\xb8xg\xcf\x9e\r\r\r\x95$\x89\xb9\xff\xe3\x9f\x19\x97\xf2\xf6\xda\xe2\xa2\x1b\xa4~\xd6\x07\xa5\xd4?\xc0\xef\xc0\xc7\x9f=;v\xba[\xa6\x84\xb6P5\x7fg\x80J\xd4\xc3\xd3C\xeb\xa1}\xe7\xf5mk\x13\x93+\xca+\x04Q\xa0\x12e\x8b\xe01c\xc6\xbc\xf1\xc6\x1bm\xdb\xb6Uy\xe7\x0c\xa7\xd6\xf3\xd6\x84\xa5~\x82\xf5\xb7\xa6~\x92\xa5+\x97x{{I\x12u\x15\xebO\x08\xe1\x08\'I\xd4\xdb\xdbk\xe9\xca%\x8a\xf2W\x95\xd0\x8c\x8c\x0c\xb7L\t\x05\x17/&gt;&gt;\x1ej&lt;@\x08\x08\x02w\xe6\xb2\xf2&amp;\x9biA\x10\xca\x8c&amp;w\xcd\xaa\x82\x15RKT\xf3w\x06\x04Q\xa8\xa9\xa91\x95\x99f,\x98\xbe7\xf3\xdd\xbbz\xddI\xa5\xbf\x9e lt\xf7\xeb\xd7\x8fmt\xab\x16\x14\x00B\xac\x16D\x92\xa4zR?M.\xe7\xeb]\xc7x\xc1v\xa8K\x1b/[\xa8\xb5\xe3#Sn\xfb\x06\xee\xdc2\xabJQ\x14\x8b\xc5\xb2|\xf9r\xdb4\x7fb\xdd\x0fp\x864\xff\xe6\xc3\xf3\xbc \x08E\x85E\xbd\xfa\xf4\xdc{\xf0\xdd\xb1\xd6\xba\x11\xc4\xba\xf4\xc9\xcb\xcb\x1b:t\xe8\xf2\xe5\xcb-\x16\x8b\xdb\xbc\x0e\x8d\xc5%\x1f\xad\xdd\x81\x17{\xf3\xe6\xcd\xb6\xa9\x9f\x1a\xad\xc6UR?\xeb\x03\x8c\x97F\xab\xb15^\x9b7ovi\xe3e\x0bS\xee9s\xe6\x80\xaa\xc1\xa5u\r\xee2i\xfa\x04\x93\xd1\xd4\xccTEw\xcd\xaa\x82\xfb\x96\x9e\x9e.I\x92F\xa3a&gt;A@`\xc0\xc6w\x9c(\xcd\xbf\xf9h4\x1aS\x99Y\xa3\xd5\xa4\xbc\xbdv\xe3;)\x01\x81\x01l\xceh4\x1a\xb8\t\xc4\x8d6u\x1a\x0b\n\xc0\xd54\xe7\xd2\xd2\xd2e\xcb\x96\xd9\xa6~&gt;;cJ\x9f{\xef\xae]8\xdeu\xe0y\xdel2\xf7\xb9\xf7\xeeggL\xb15^\xcb\x96-</t>
        </is>
      </c>
    </row>
    <row r="429">
      <c r="A429" s="1" t="n">
        <v>427</v>
      </c>
      <c r="B429" t="inlineStr">
        <is>
          <t>color_number_hexagon</t>
        </is>
      </c>
      <c r="C429" t="inlineStr">
        <is>
          <t>What is the missing number of the part denoted with a question mark?</t>
        </is>
      </c>
      <c r="D429" t="inlineStr">
        <is>
          <t>['0', '9', '5', '6']</t>
        </is>
      </c>
      <c r="E429" t="inlineStr">
        <is>
          <t>5</t>
        </is>
      </c>
      <c r="F429" t="inlineStr">
        <is>
          <t>There is a hexagon split into six parts with the colors ['blue', 'yellow', 'red', 'red', 'blue', 'yellow'] in an anti-clockwise order. The parts are denoted with the numbers [8, 8, 4, '?', 1, 1] respectively.</t>
        </is>
      </c>
      <c r="G429" t="inlineStr">
        <is>
          <t>We observe that the numbers in the blue parts add up to 9. Similarly, the numbers in the red parts also add up to 9. Thus, the pattern is that the numbers in the parts of the same color add up to 9.</t>
        </is>
      </c>
      <c r="H429" t="inlineStr">
        <is>
          <t>Based on the pattern that the numbers in the parts of the same color add up to 9, the missing number of the red part should be 5.</t>
        </is>
      </c>
      <c r="I429" t="inlineStr">
        <is>
          <t>b'\x89PNG\r\n\x1a\n\x00\x00\x00\rIHDR\x00\x00\x02\x00\x00\x00\x02\x00\x08\x02\x00\x00\x00{\x1aC\xad\x00\x00\x90TIDATx\x9c\xed\xddy|\x94\xd5\xd5\x07\xf0\xbb&lt;3\x99=\x99\xb0\xd6\r\xd9[\xb4.P}\xb1\xb2U\x10\xa9T\x14\x0b\x8a\xe0\xd6Mlk\x15\xc1\x05\x84\xb0\xef\xca\xa2@\x15\xd0\x16\x15B\xd8\x03\x08\x95\xa0B\x02\x16D6\x17P\x96\xb0\x89%\x04\xb2\xcc$\x93\x99\xcc\xdcs\xef\xfb\xc7%c@E\x02d\xd6\xf3\xfd\xf0y?oq\x1b23\xcfy\xee\xbd\xe7\xf9\x1d\xaa\x94"\x08!\x84\x92\x0f\x8b\xf6\x0b@\x08!\x14\x1d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eD\xfb\x05\xa0hRJ)\xa5\xa2\xfd*P\xd4PJ)\xa5\xd1~\x15(j(~\xff\x93\x96\x10\xc20\xf0\x0e \xd9\t!8\xe7X\x06\x92\x13\x16\x80$%\xa5d\x8c}\xfd\xf5\xd7\x7f\xfb\xdb\xdf\x18cR\xcah\xbf"\x14Q\x86a\x08!\xfe\xfc\xe7?\xf7\xed\xdb7\xda\xaf\x05E\r\xde\x00&amp;\x1d]\xf2\xfd~\xff\x94)S\xd2\xd2\xd26l\xd8\x10\xedW\x84\xa2\xa6U\xabV\xdf~\xfbm\xb7n\xdd\xae\xbf\xfez\xa5\x14cx(\x98\\p\x05\x90t\x00\x80s\xfe\xf6\xdbo?\xfe\xf8\xe3\x94R\xcey\xf83\x80\xdf\xffd \x95"U\xef8\xe7&lt;\x18\x0c&gt;\xf2\xc8#\xef\xbc\xf3\x0en\t&amp;!,\x00\xc9E\x9f\xfaz&lt;\x9eV\xadZ\x9d&gt;}ZJ\x89\x9b?I\xcel6\x03\xc0\x86\r\x1b\xda\xb7o\xafo\x0e\xa2\xfd\x8aP\xe4`\xc1O.RJ\xceyFFFAA\x01\xe7\x9c\x10\xa5\xfb@\xa4\x94\xed\xba\xf7\xb9\xe3\xfe\xc7}e\x1e\xce\r\xbc+H&lt;\x94\x12)\xc1b\xb5\x1f\xfcr\xc7\xe2Y\xa3\x95\x94\x84HJ\xa9\x10BJ9`\xc0\x80\xff\xfe\xf7\xbf&amp;\x93I)\x85\x07\xc2\xc9\x03W\x00IDJI)\xdd\xbf\x7f\xff\xf5\xd7_/\xa5\x0c\xf7\x80R\xca\x94\x92\xee\xfa?\x9b\xb2b\xb7\xc3\x95\x16\x12AF)!x\x15H\x1c\x8a(B\xa8\x02\xb0\xbb\x9c#\x1e\xef\xfa\xd9\xc7\xeb\x19\xe3R\x02!\x84R\xc2\x18\x07\x80y\xf3\xe6=\xf6\xd8c\xb8\x08H*X\x00\x92\x88\xfen\xdfu\xd7]999&amp;\x93\x11\n\x89[o\xba\xf6\xc4)\xef\xf1\xff\x153n\x80\x10\x9d\xee{\xf4\x89\x91\xff,/-fx\tH8\x12\xc0\x91\xea\xce]9\x7f\xf6\xc8\xbf2\xc6\x95\x02\xb3\xc9\xe8\xd4\xb6\xf9\xba\xbc\xaf\xf4\xd9O\xfd\xfa\xf5\xf7\xec\xd9\x93\x96\x96\x86\x0f\x07$\x0f,\x00\xc9B_\xfdsrr\xee\xba\xeb.\xce9%D*\xb9s\xfd\xb0\xdc\x8f\xf7?3|\x91ap\x90\x8aQ6f~\xee5\xcd\xaf\x0f\xf8}x \x9cH\x14Q\x8cPB\xe9\xe0\x07\xdb\x9e\xfc\xe6\xb0\xc90BBt\xef\xfc\xcb\xf9o&gt;\xd9\xe2\x96\xc1\xa7\x8b\xca\r\xc3\x08\x85BC\x87\x0e\x1d;v,.\x02\x92\x07~\xc9\x93\x82\xde\xd8\x15B&lt;\xfd\xf4\xd3\x94\x12\xce\x99\x00\xe8\xdb\xf3\xd6\x1b\x7f\xfd\xf3\'\x1e\xef\xd4\xacq}!\x803\x06 \x16L{\x89q\x86\xb7\x7f\tF\x02\xd8S\xdd\xab\xe6M=\xf9\xcda\xce\r\x90`\x18|\xd2\xd0\xfb\xd3\xae\xa97qpO\xa5\x94R\x92s\xf6\xf2\xcb/\x1f8p\x00\x9f\x0bI\x1eX\x00\x92\x82~\xeck\xf6\xec\xd9\xfb\xf6\xed\xe3\xdc\x00\x01\xa9.\xeb\x88\xe7z\x80\xa7\xc2\x92j\x1f\xff\xe2}\x84\x10\xa5$c|\xcf\xb6\xdc\xed\x1b\xd6\xd8\x9c\xa9\x12 \xda\xaf\x1a]\x1eJ\xa9\x94\x14\xeb\x89\xa3\x07s\x16\xcd\xd1\xbb;R\xaa\xfe\x0f\xb7\xbf\xee\x96\xa6\xa1\xe3E\xfd\xfa\xb5k}C#}\xd7\x1f\x0c\x06\x87\x0e\x1dJ)n\x0c$\x0b,\x00\x89O\x9f\xfd\x16\x14\x14ddd\xe8\xef?H9\xe0\xcf\x9d\x9b\xdd\xdcX\x06B\xc2[\xd1\xbbo\xbb\x0e\xb7\xb5\x00\x90\x9cSBh\xe6\xf4\xa1\x81\x8ar\xce\xb9"x\x15H\x04RB\x8a\xcd\xbex\xe6(\x9f\xa7\x84s.%\xb8\xd3lc\x06\xf7\x94\x15A\xa5T\x8a\xdd25\xa3\x97RD\x82\xe4\x9c/Y\xb2$\'\'\x87s\x0ex\x07\x90\x04\xb0\x00$&gt;\xfd\x84\xe7\x90!CJJJL&amp;C\x08\xd1\xb8Q\xdd\x01\x7f\xef\x06%\xe5\xdc`T)%`\xea\x88\xde\x86\xc1\xf5m`\xc1\xb1\xfcU\xf3\xa6\xdaS\xdd\xb8\x08H\x00R\x82\xc3\xe5\xde\x99\xf7\xfe\x96uK\x19\xe3JI)\xd5\xe8A=\xdcW\xa5\xcb@\xd0d\xe2\xa2\xd4\xd7\xf1\xce\x1bzuo-\x00\x18c\x94\xd2\xa7\x9f~Z\x08\x81\xeb\x80d\x80\x05 \xc1\xe9\xcd\x9f\x1d;v,\\\xb8\x90s.\xa5T\x8aLz\xe9\xfe\xb4\x06i*((\xa5\x8c3(\x0b\xb4\xe9\xf0\x8b\xfe\x0f\xb7\x97RQJ(\xa59\x8b\xe6\x9c8z\xd0\x9cb\xc5K@\xbc\xa3\x84\n\x11\xca\x9e;QJ\xc9\x19\x93R\xb6\xbe\xa1\xd1\x93Ot\x01O\x85\xee\xf5\xa2\x94(\x80I\xc3{\xa7\xba\xac\x12\x80s\xbeo\xdf\xbe\xd9\xb3g\xe3I@2\xc0\x02\x90\xe0\xf4\xf1\xef\xa0A\x83*++9gB@\x87\xdbZ\xf4\xee\xd3N\x14\x97q\xe3L\xa7\x07\xe3T\x96\x05\xc6\x0c\xee\xe9N\xb3\xe9E\x80\xcfS\xb2x\xd6(\xab\xdd\xa9[\xc5Q\x9c\x02\x10Nw\x9d\x8d\xd9\xef\xec\xdb\xbd\x95s.\x15(E\xa6\x0e\xefeX\xcd\n@\xb7z2\xc6DY\xa0\xc9\x8d\x8d\x06\xfc\xb93H\xa9\xef\x00222JJJ\x18cx\x07\x90\xd8\xb0\x00$2}5_\xb2dInn\xaea\x18 \xc0l6\xa6\x8e\xe8\x1d\xfe\xf2k\x94R\x19\x08\xba\xafJ\x1f\xfd\\\x0f\xfdt\x18c\xec\x93\xf5\xd9{\xb6m\xb4\xd9\x9dx\x1b\x18\xa7\x94R&amp;\xc3\\\\xb\xf5\xbc\xa9\x94RF)\x80\xec\xf5\xbb6\x1d\xbb\xdc J}\xd5\x1b=\xb9\xc1\xa0\xa4|\xc0\xdf\xbb5\xbd\xb6\x1e\x080\x0c\xa3\xa4\xa4D\x9f\x18\xe1\xbb\x9f\xd8\xb0\x00$,}\xef\xa6\xfb:\x08!\x8cQ\x90\xf2\xa1{oi\xd3\xa1\x15\x94\xf9\xcfi\xf3g\x9c\x83\xc7\xff\xe4\x9f:\xb7h\xda@\x020\xc6D(\x985c\x04\xe3\x06\xc1{\xc0\xf8$A\xd8\xd3\xdck\xe7\xcf(&lt;~\x841\x0e\x12\xccfc\xfc\xe0\xfb\x88\x94\xe7&lt;\xe6E)\x95A\x91\xf63\xf7\xf0\x01\xdd\xa5RJ}\xd73\x86\x1bA\x89\r\x0b@\xc2\xd2\xb1?\xaf\xbc\xf2\xca\x81\x03\x07L&amp;\x93\x08\x89t\xb7}bF/Y\xe6\xa7\xfc\xdc\xf7]o\x04\x1b6\xf3\x8c1}\x94n\t\xe5|\xdf\xae-y\xab\x178\xddu\x00DT\xfe\x08\xe8\xa2I)\xadv\xe7\x91\xaf&gt;\xfb`\xf1\\\xc6\x18\xa5JJ\xf5\\\xff;\x9b\xdf\xdcX|\xaf\xfc\x13B\x0c\x83\x8b\xa2\xb2~\x0fw\xe8\xd0\xb6\xb9\x10`\x18\xbc\xea\xa9\x11&lt;\nNdX\x00\x12\x93&gt;\xfb\xcd\xcf\xcf\x9f4i\x12c\x8c\x10%\x95\x1a\xf8\x97.\r\x9b5\x94\x01\x1d\xf5s.\xce\x19x\xfd]\xefn}g\xc7V\x00\x92QJ(]\xfa\xc6\xb8\xd2S\x05&amp;\xc3\x8cW\x81x\xa3\x187\x16\xcd\x1cYQ\xeee\x8c\x01\xc8\x06\xf5]\x03\xff\xdeM\x96\x07\xd8\xf7\xca\x7f\xd5?\xa1\xb8\x89\x8f~\xfe^\xc6(\x00\x18\x06\xcf\xc9\xc9Y\xb2d\t\xb6\x84&amp;0,\x00\x89I\x9f\xfd\x8e\x1e=\xda\xeb\xf5\x1a\x06\x17!\xd1\xa2i\x83\xe7\x07t\x87\x12\xdf\x8f~\xff\xf5?\x07r\xc6\xd8&gt;f\xb3!%p\xceO}{t\xcd\xfc\x19\x8e4\xb7\xc4E@\xfc\x00\x00\x87\xcb\xbd{s\xce\xf6\r\xef1\xc6\xf5\xb9\xce\xc4!\xf7\xd7\xb9\xba\x8e\x0c\x04\x7f,\xe7\x87s&amp;J}\x1d\xbb\xdd\xf4\xf0\xef\xdb\x02H\xdd\x12:t\xe8\xd0`0\x88\xeb\x80D\x85\x05 \x01\xe9\xb3\xdf\xbc\xbc\xbc\x05\x0b\x16\xe8\xee~E\xc8\x8c1}\xcc\x0e\x8b\x028O\xce\x17c\x0c\xca\xfd-[7y\xae\xff\x9dR*J\x14e\xec\x83\xc5s\xf3\xf7\xee\xb2\xd8\x1cJ\xe1^p|\xe0\x9c\xfb}\xe5\x8bf\x8d$\x94rN\x01\xa0C\xdb\xe6\x8f&gt;\xdaQ\x14\x97\x87[\xbf~\x10\xe5L\xfa\x02\x932z\xa5\xbb\xed"$\x0c\xc38p\xe0\xc0+\xaf\xbc\x82\'\x01\x89\n\x0b@b\x02\x80\x8c\x8c\x0c\x00\xd0\xcb\xff;;\xb6\xeaz\xf7\xcd\xe0\xa9\xe0\xe7\xbb\xfd\'\x84\x10\xc6\x99,\x0f\x0c\xfc{\xb7\x06\xf5]\xbas\xbc\xa2\xdc\xbb\xf2\xcd\xc9)\x16\x1b^\x02\xe2\x02\x80p\xb8\xdc\x9b\xde\xcb&lt;\xfa\xf5\xe7\xba\xf1\x9fs6\xfa\xf9{\x99\xc1~\xf2&lt;\x9fQ*\xfd\xc1\x86\xcd\x1a\x0e\xfcK\x17\xa9\x14!\x8a1:e\xca\x94\x82\x82\x02\xec\x08JHX\x00\x12\x8d\x10\x82s\x9e\x99\x99\x99\x97\x97g\x98\x0c!\x84a\xf0\x19c\xfa(P\xe4\x02\xa2\x1d(\xa5\x10\x08\xd6\xb9\xba\xce\xc4\xc1=\xf5\xc8\x00\xc6\xf8\xd6\x9c\xe5;\xf2\xfe\xe3p\xb9\xf1\xb1\x80\x18\xa7\x942\x9b-\xa7N\x1c[6{&lt;\xa5\x8c1\n \xfb\xf6\xbc\xb5c\xb7\x9bD\xa9\xef\'\xcb?!\x84q\x06%\xe5\xcf\x0f\xe8\xde\xacq\xfdPH\x18\x86Q\\\\&lt;d\xc8\x10|&amp; !a\x01H(\xba\x85\xdf\xeb\xf5\x8e\x1a5\x8a1J\xc9\x99\xd8\xaf\x9677\x86\xf2\xc0\x05&amp;&lt;s\x83C\xa9\xef\xa1\x87no}C#)\x811*\xa5\xcc\x9e;\x11D\x08c\xe2c\x9c\x94`\xb5;\xd7\xce\x9f\xe9)*\xe4\x9c\x01@\xaa\xcb:|P\x0f\xe9\x0f\xd2\x0b{\xf7)\xa5J\x80\xd9i\xd5\x11\x81\xba\x97,33s\xe7\xce\x9d\xfaI\xf2\xda\xfd\x03\xa0\xc8\xc2\x02\x90Pt\xf3\xcf\xa4I\x93\xf2\xf3\xf39\xe7 \xc2\xb1_\x95\x8c_\xe8\xb5\x9b\x12\xa2@\x863\xc2\x94\x92\x9c\xf3}\xbb\xb7~\xb4\xe2mgj:\xb6\x84\xc6,)\xa5\xd5\xe6&lt;\xf8\xe5\xf6u\x0b_\xa7\xba\xf5K\xaa\x01\x7f\xee\xdc\xec\xe6k\xa1&lt;\xc0.8\xe4[\xdf\x01\xe8\x88@!\x80s\x16\x0c\x06\x07\x0c\x18\x00\x00\xb8\x08H0X\x00\x12\x87\xbeY\xd3\xa7v\x9c3\xa5\x94T\xdf\xc5~\xd5\xe8\xe6\xfdLC\xc8\x9d7\xf4\xea\xde\x1a@\xea\x11Q\xcb\xde\x18{\xea\xc47f\xb3\x05\xaf\x02\xb1\x89\x12\xc28[0\xed%\x11\nr\xc6\x00\xa0z\xea_\r\xffe\xd5"\x02\x05\x18\x86\xb1i\xd3\xa6\xcc\xccLl\tM0X\x00\x12\x87\xbe.\xeb\xbe=\xce9\xc0\xb9\xb1_5rVF\x98\x94\x9csO\xd1\xa9\xb5\xf3gZ\xec\x0e&lt;\t\x88A\x12\xc0\xe6L\xdd\xbea\xcd\x9em\xb9:\xf5\xf3\x9c\xd4\xbf\x1a\xfd\xdb\x18\xfb."P\x07\x041FG\x8d\x1a\xe5\xf1x\xb0%4\x91`\x01H\x10\xba\xf53777\xfc\xe4\x8eR\xea\x9c\xd8\xaf\x1a\xa9\x9e\x11&amp;\xa5$DQ\xc6\xd6-|\xfd\xd0\xde]\x18\x10\x14\x8387*\xfd\xbe\xcc\xe9C\t!\x9cS\x00\xf9\xfd\xd4\xbf\x1a\xa9\x1e\x11(\x04pn\xe4\xe7\xe7O\x9f&gt;\x9d1\x86\x8b\x80\x84\x81\x05 \x11\xe8\xc7\xbe*++\x07\r\x1aD)\xe5\x8c\xfdX\xecW\x8d\x9c\x95\x11\x06\x923.B\xc1e\xb3\xc7\xeb\xfd\xe5\xcb\xfbG@\x97\x02@X\x9d\xae\xf5\x8b\xe7\x16\x1c\xcb\xd7\x8b\xbf\x1fL\xfd\xab\x91\xefE\x04J\xce\xd9\xb4i\xd3\xf4\xf1\x12\xde\x01$\x06,\x00\x89@\x9f\xfdfee\xed\xd8\xb1C\xdf\xfe\xffX\xecW\x8dT\xcf\x08SJ\x11"\x19\xe3\xdb?Z\xbd{\xf3z\xbb3\rO\x83c\x84n\xfd,*\xf86\xfb\xad\xc9\x94R\xdd\xb5\xf5c\xa9\x7f5R="\x10\x04p\xce=\x1e\xcf\xe8\xd1\xa3\xf1\x99\x80\x84\x81\x05 \xee\xe9\xdb\xff\x92\x92\x92\xc1\x83\x073\xc6\xf4\xc4\xc7\xf3\xc4~\xd5\xc89\x19a\x9c3B\xe9\xa2Y#\x83\x01?\xe7\xc6\xe5\xfa#\xa0K\xa1$X\x1d\xcee\xb3\xc7\xf9\xbc\x1e\xce\xb9\x10p\x9e\xd4\xbf\x1a9\'"P\x07\x04-X\xb0`\xd3\xa6M\x86a\xe0FP\x02\xc0\x02\x10\xf7\xf4\xed\x7fFFFAA\x01\xe7\x0c\x04\xfct\xecW\x8dT\xcb\x08\x93\x12\x18cG\xbf\xfe&lt;g\xd1l\xbb3\x15\x17\x01Q\xa7S?\xf7l\xcb\xcd\xcd~Wo\xcd\xa9\x9fJ\xfd\xab\x91s"\x02)e\x000`\xc0\x80\xca\xcaJ&lt;\rN\x00X\x00\xe2\x9b\xbe\xfa\xeb\x19~\xe1\xd6\xcf\x9f\x8c\xfd\xaa\x91s2\xc28\xa3\x94\xb2\xec\xb7&amp;\x9f.8\x8e3#\xa3\x8e\x12\xc2\xb8\x915c\x04\x80\xe0\x8c\x81\x80\x0bK\xfd\xab\x91j\x11\x81\x00\x86a\xec\xdc\xb93++\x0b\x03\x82\x12\x00\x16\x80\xf8\xa6\xf7\x7f\xf4\x14o\xbd\xfc\xbf\xc0\xd8\xaf\x1a9+#L\x00\xe7\xcc\xe7\xf5,\x9b=&gt;\xc5jS\xf1\xd6\x12\xaa\x94\x92\x12$\x08\x00!AT\xfd?\xa0\xa4\x8c\xbb\xd17\x00\xc2\xeeJ\xcb[\xbd`\xdf\xae-\x8cs\xa5\xe4\x05\xa6\xfe\xd5H\xf5\x88\xc0\xaa\x96P6x\xf0\xe0\xe2\xe2b\\\x04\xc4;,\x00qL\xb7~\xe6\xe4\xe4\xe4\xe4\xe4p\xce%\xd4 \xf6\xabF\xaag\x84)\xa5tKhn\xf6\xbb\x87\xf6\xec\xb4\xd8\xe2\xa6%TJ\x90\x12\xb8a\xb29R\x9diuS\xdd\xf5\x9ciu\x9d\xee\xba\xa9\xeez\x8eTw\x8a\xcdN\x19\x93 \xe2%\xf4T\x11ep\xc3\xef+[&gt;g\x02!\x84SZ\xa3\xd4\xbf\x1a\xa9\x1e\x11\xa8O\x83\x0b\n\n\xa6N\x9d\x8a\x8b\x80x\x87\x05&lt;^\xe9\x90w)\xe5\xf5\xd7_\xbf\x7f\xff&gt;\x93\xc9\x14\x0c\x86\x1e\xe9\xd5\xf6\x9d\xb7\x9f\x12\xa7\xbd\x97\xf1\xf6\xff\xbb\xff\x1c\xa5@\xe9u\xb7\x0f;x\xb8\xd00\x0c!\xc4u\xb7v\x1c:\xfb=\x7fy\xd9\x05\xe6\xccD\x8b\xfeY\xd9\x1cNJY\xd1\xc9\xe3\xc7\x0f~\xf5\xbf#\xfbKN\x9d\xa8\x0cT0\xc6\xad\x0eW\xbd\x9f]se\x93\x96W4n\xe9J\xab\x1b\xac\xf4W\xfa/\xe6\xd1\xb9\x08\x03\x10\xa9\xe9\xf5\x16\xbe6|\xc5\x9cI\x9c\x1bJ\x01c\xec\xcb\x8fF\xb4\xb8\xeejYq\xa1\xb9O\x17N\x080\xd5u\xcd\x9b\xbd\xfe\x0f\x03\xdf6\x0c\xae\x94\xe2\xdc\xf8\xf2\xcb/\x9b5k\xa6\x13\xa8.\xef\x7f\x0eE\x06\x16\x80x\xa5o\xffg\xcd\x9a\xf5\xd4SO\x19\x86\xa1\xa4t8R\xb6\xaf\xcbh\xd2\xbc\xa1\xf2\x07/&lt;\xf8\xa5\x06\xffE\x01F\xbas\xc9\x82M\x0f&lt;9\x87s\xa6\x14\x95\x12\x06N\xcd\xba\xe5\x8e{|\xde\xd2\x98\xbdbJ\t&amp;s\x8a\xc9\x94\xf2\xf9\xd6\x8f6f\xbf\xfd\xd5\xf6M\x9e\xe2S?\xf8w6\xbc\xa6Y\x9b\x8eww\xba\xef\xd1\xab\x9b_\xe7\xf3\x96\x12Bb6\xfcN)e2\x99KN\x17\xbc\xd4\xb7]\x85\xb7\x94s.\x84\xf8\xfb\xe3\x9df\xce\xf8\x93(\xbe\x88\xe0\x87\x0b\xf8/\x12\xa2\x08\x11\x8c\xfe\xfa\xaeq\xbb\xbe8\xaao8z\xf7\xee\xbdx\xf1b\xfdQ\xbc\xec\xffE\x14\x01X\x00\xe2\x92^w\x17\x16\x16\xb6j\xd5\xaa\xb4\xb4\xd40x($F\x0c\xfc\xdd\xc8\xf1}C\x05\xa5\x86\xa9\xb6\xbe\x8dR*\x9ej\xebx\xd7\xd8\xbc-\xfbM&amp;#\x14\x82\x86\xd74\x99\x90\xf5_\xa2\x94$\x8a\x92\x98\xbb\\J\t)V\xbb\xb7\xf8\xd4\xfcW\x06o\xc9Y\xa6\x7f\x931\xc6\xb8Ai\xf8q6\xaa$\x08\x11\xd2\x7f\xd5bs\xdc\xfb\xa7\xe7\xeey\xfc\xd9`\xc0\xaf\x8fX\xa2\xf4\xda\xcf\x07@\xb8\xdcu_{\xe1\xd1\x8f\xff\xb3\xd80\x0c)!\xd5e\xcd\xdf:!\xd5m\'\xa1\x1a\x07?\\\xf0\x7fT\x1ai\xf6\xdcu\x9fu\xea=\xc5\xe0\\7\x86\xae[\xb7\xaek\xd7\xaeX\x03\xe2\x14.\xdc\xe2\x92^t\x0f\x192\xa4\xa4\xa4\xc4d2\x84\x10\x97\x10\xfbU\xc3\xffr8#\x0c\x80s^p,\x7f\xd5\xbc\xa9\xf6T\xb7\x8c\xbd\xaep%e\x8a\xc5V\\p|\\\xff\xee[r\x96Q\xc6\x18\xe7\x9c\x1bRJ\x11\n\x86\x82\x81P\xb02\x14\xac\x0c\x05\x03B\x84(\xa5\x8cs\xc6y\xa0\xa2|\xd1\x8c\x91sG?eN\xb1F\xfbO\xf0\xc3\xa4\x04\x87\xcb\xbd3\xef\xfd-\xeb\x96\xea\xd8\x1f)/2\xf5\xafF\xaaG\x04\n\x00=3R7 \xe0ip\x9c\xc2\xb7-\xfeH))\xa5;w\xee\xbc\xfd\xf6\xdb\x85\x10\x94\x12!`\xf1\xec\'z\xf7\xeb \x8a.\xff\xee\xff9@H\xa3\x9e\xf3\xa9\xbf\xbd9k\xdeF\xfd4\x90\xcd\x956&gt;ssZ\xdd\x86"T\x8bW\x9f\x9aS\x942B\xc8\x98?\xff\xf6\xd0\xde\x9d\xdc0\x81\x08Q\xc6\x94\x946\x87\xeb\xba[;]\xd3\xfcz{\xaa\x1bD\xa8\xb8\xe0\xdb\xfd\x9fm\xcd\xdf\xb3\x83T\xed\xf90n\x80\x08\xf5\xfe\xeb\xb0\xdf\xffuhyiq\xac\xedn))\xcdV\xdb\xd8?w\xdb\xb7{\xab\xc90\t\x08\xdd\xfc\xcbF\x9f\xac\xcf\xa0\x02\xa8"\xb5\xfa\x0eH)\x99-\xe5\xf0\xc1\x93\xad\xef\x1c]^^I\x19\x13B\xcc\x9c9\xf3\xef\x7f\xff;.\x02\xe2\x11\x16\x80\xf8\xa3\xbfi\x9d:u\xca\xcd\xcd5\x9bM\xc1`\xa8\xc3m-r\xdf\x1f&amp;&lt;\x174\xf2\xe9\x12)\xa5\x88\xc9\xf0\x94\xf8\x9a\xb6\x1dR\xea\xf1\xeb\xdd\xe7\xdb\xef~\xe0\x99\xc9\xf3=\xc5\x85\xb1\xf3x\xb0\x04\xe1L\xab\xbb\xf2\xdfS2\xa7\r\xad~\xf5o\xff\xbb\xbe\xbd\xfe:\xb4\xfe\x95\xd72\xce\xc3;&lt;\xc1\x80\xff\xcbm\x1b\xdf\x9e\xf4\\\xc1\xb1|\xfd;\x94R\xc3\x9c2!\xeb\xbf\xf5\xaeh\x14\n\x06t-\x89\x05\xfa\xecw]\xd6\xec\xb7\xc6&gt;\xcd9\'D\x01\xc8\x8dK\x07u\xecz\xa3(-\x8f\xc0%X\x84\xc0\xd40m\xe4K\x99\xa3\xa6\xbeg2\x19B@ZZZ~~~ZZ\x1a\x89\xe1S\x13\xf4\x83b\xe5c\x8d.\x90\xbe\xfa/Y\xb2$77\xd70\x0c\x10p\xe9\xb1_5\xf2\xbd\x8c0\xc5\x18\xfbd}\xf6\x9em\x1bc*%\x94q\xc3_Q\xb6\xf9\xbd\x85\x94R%\x811\xae\xa4\xfc\xcd}\x8f\xfdc\xd2\xbc\xb4\xba\r}\xde\x12o\xc9\xe9\xf2\xd2\xe2\xb2\x92\xd3\xde\x92\xd3\xc1@E\xeb\x0e\xbf\x1d\xfc\xcf\x95\xe9\xf5\xaf \x84\x10B\te\xc1\x80\x7f\xdb\x87+S\xac6\x153\x7f(\xa5\x94\xc90\x17\x17\x9eX=o*\xa5\x94QzYR\xffj\xe4\xac\x88@\x01\x86a\x94\x94\x94ddd`@P&lt;\xc2\x02\x10O\xf4r-\x18\x0c\x0e\x1d:\x94\x10\xc2\x18\x85\xcb\x14\xfbU#\xd53\xc2$\x00cL\x84\x82Y3F0n\xc4\xc8\xb3TJI\x93)\xe5\xd4\xb7GO\x1c=\xa0\x94R\x8aH\tvW\xda\xef\x9f|\xc9_^\x16\xaa\x0c0npn0\xce\xf5\xffC\x19/=}\xf2\xca\xc6-\x7f\xfb\xf0SJ)\xca(!\x8aPz\xe0\xf3m\x12\xa0vwUjB\x82\xb0\xa7\xb9\xd7\xce\x9fQx\xfc\x08c\x1c\xe4\xe5I\xfd\xab\x91\xea\x11\x81R)\xa5$cl\xf6\xec\xd9\xfb\xf6\xed\xc3\xc7\x02\xe2\x0e\x16\x80x\xa2\x07\xb3\xbc\xf2\xca+\x07\x0e\x1c0\x99L"$.W\xecW\x8d\x9c\x93\x11\xa6\x94d\x9c\xef\xdb\xb5%o\xf5\x02\xa7\xbbN,\x04\x04)E\x98ax\x8a\x0bC\xc1JJ)e\x94\x10rm\xcb\x1b\xdd\xf5~\x16\n\x06~pO\xdf0L\x95~_\xcb\x9bn\xa3\x94J\x00\xa2\x08Q\xaa\xf4tA\xec\xec\xff\xe8\xd8\x9f#_}\xf6\xc1\xe2\xb9\x8c1J\x95\x94\xear\xa5\xfe\xd5\xc89\x11\x81\x86\xc1\x85\x10O?\xfd4\x1e\x05\xc7\x9d\x98\xf8d\xa3\x0b\xa1c\x7f\xf2\xf3\xf3\'M\x9a\xc4\xf4\xc4\xd7\xcb\x1a\xfbU#\xe7d\x841J\t\xa5K\xdf\x18Wz\xaa\xc0d\x98c\xe1*@\xab\x9ae\xc3l\xce\xd4\xf3\xc5\xe3P\xa2\x94J\xb1\xda\xb9a:\xf3\xcf\x13"\x01\xa4\x8c\x9dNP\xc5\xb8\xb1h\xe6\xc8\x8ar/c\x0c@^\xe6\xd4\xbf\x9a\xbd\x96\xef"\x02uJhNNNx\x18Q\xa4_\x0c\xbaXX\x00\xe2\x86&gt;\xb1\x1c=z\xb4\xd7\xeb5\x0c.B\xa2\x16b\xbfj\xf8\x8a\xc2\x19a\x128\xe7\xa7\xbe=\xbaf\xfe\x0cG\x9a[F{\x11@\t\x91\x12l\x0e\x17e,\\\x8d\xcaJ\x8b@\xfc\xf8\xb5I\x11\xca\x98\xdf\xe7\x05\x11\n\xef\xf9\xd8\x9di&amp;\xb39\x16\xb65\x00\xc0\xe1r\xef\xde\x9c\xb3}\xc3{\x8cq}\xfaryS\xffj\xe4\x9c\x88@\xdd\x12\xaa\xc7\x91\xe2: \x8e`\x01\x88\x0f\xfa\xec7//o\xc1\x82\x05\xba\x07\xbf6b\xbfj\xa4zF\x98\x94\x8a\x12E\x19\xfb`\xf1\xdc\xfc\xbd\xbb,6Gt\x13u(\xa5\xa1P\xb0n\xc3\xabS\xeb\xd4\'\x84\x10\xa5\x08\xa1\xc7\xf6\x7fQt\xf2\xb8\xc9l\xf9\xc1C]\x000\xa7X\xf7\xed\xda\xa2\x94b\x8c\xeb\x87\xda\x1a\xb5\xbc\xc1d2\x93\x18H\x07\xe2\x9c\xfb}\xe5\x8bf\x8d$\x94rN\x01j%\xf5\xafF\xce\x8a\x08\x0c\t\xc30\x0e\x1c8\xf0\xca+\xaf\xe0I@\x1c\xc1\x02\x107\x00 ##\x03\x00\xf4\xf2\xbf\x96b\xbfj\xa4zF\x98\x94\x923VQ\xee]\xf9\xe6\xe4\x14\x8b-\xca\x97\x00J!\x14J\xab\xdb\xf0\xba[:\x12B\x08e\x8c\xb1\x8aro\xf6\x9b/\xdb\x9c.\x1d\xa2T\xfdo\x07!\xacvGQ\xc179\x8bfSJ\x95\x92J)B\xe9\xad\x9d{\x84\x82\xc1\xa8\x9f\x01\x00\x08\x87\xcb\xbd\xe9\xbd\xcc\xa3_\x7f\xce\x19\x93\xb2\xb6R\xffj\xa4zD\xa0T\x8a\x10\xc5\x18\x9d2eJAA\x01v\x04\xc5\x0b,\x00q@G=gff\xe6\xe5\xe5\x19&amp;C\x08a\x18|\xc6\x98&gt;\nTtg\xf3RJ!\x10\xacsu\x9d\x89\x83{J\xa9[B\xf9\xd6\x9c\xe5;\xf2\xfe\xe3p\xb9et\x93\xa2)\x15"xW\x9f\'\x19\xe7D)\xa5$e|\xc3\x8ay\x8bf\x8ct\xba\xeb\x98R, \x84\xce\xd3\x03!\xec\xae\xb4`e`\xe6\x90?\x16\x15\x1c\'\x942\xc6\xa5\x84\xdb\x7f\xfb`\xcb\xd6\xbf\xf6WD9\xeaNO|&lt;u\xe2\xd8\xb2\xd9\xe3)e\x8cQ\x00\xd9\xb7\xe7\xad\x1d\xbb\xdd$J#\xf1\xe4\xc7y0\xce\xa0\xa4\xfc\xf9\x01\xdd\x9b5\xae\x1f\n\t\xc30\x8a\x8b\x8b\x87\x0c\x19\xc2\xaa\xed\xbc\xa1X\x86\x05 \xd6\xe9F{\xaf\xd7;j\xd4(\xc6(%DJ\xd5\xff\xe1\xf6-on\x0c\xe5\x97?\xf4\xb1\xa6\xb8\xc1\xa1\xd4\xf7\xd0C\xb7\xb7\xbe\xa1\x91\x94\xa0\x07\xd2f\xcf\x9d\x08"\x14\xdd\xb3S\xc6X\xc0W\xde\xe2\xa6\xb6\xbf{l\x80\x94\xc0\xb8\xa1\x94\xa4\x8c-}}\xdc\xb4A}\x8b\n\x8e\xbb\xd2\xeb\x19&amp;\x93\xc9lu\xb9\xeb\xee\xdb\xbde\xf4\x1f\xbb\xee\xf94\x971\xc6\x18\x07\x11\xba\xb2\xc9/\x1e}~R\xa5\xbf"\xea\xb7\xffR\x82\xd5\xee\\;\x7f\xa6\xa7\xa8\x90s\x06\x00\xa9.\xeb\xf0A=\xa4?\x18\xf5\x10VJ\xa9\x12`vZ\xc7\xbfx\x1f\xa9\xeaR\xcb\xcc\xcc\xdc\xb9s\'\x0e\x8e\x8f\x0bX\x00b\x9dn\xfe\x994iR~~&gt;\xe7\x1c\x04\xb8\xd3lc\x06\xf7\x94\x15\x95\x8cG\xbf;\x85\x12\xa2@\xa6\xd8-S3z)E\x94\x92\x9c\xf3}\xbb\xb7~\xb4\xe2mgjzt[B\x19\xe7\x15\xde\xd2\x07\xfe\x96\xf1\xebn\xbd@\x84\x18cD\x11\xc6\xd8\xd6\x9c\xe5C\xfb\xb5\xcf\x9c6\xb4\xf4\xf4\xc9\x82c\x07\xdf\x18\xd1\x7f\xf4\x9f\xee:\xba\xff\x0b\xdd\xff\x03"tm\xcb\x1b^\x98\xb1\xd4\xe6p\x89P\x94\xcb\x98\x94\xd2js\x1e\xfcr\xfb\xba\x85\xaf\xeb\x89\x8fR\xaa\x01\x7f\xee\xdc\xec\xe6k\xa1&lt;P\x1b\x99\xaf5\xa5\xef\x00z\xf7m\xd7\xe1\xb6\x16zXP0\x18\x1c0`\x00\x00\xe0" \xf6\xe1y}L\xd3W\xff\x03\x07\x0e\\\x7f\xfd\xf5\x00\x82R*\x04\xcc\x18\xd3\xe7\xa9g\xbb\x8b\xa2\xb2h\x9d\xfe}\x1f\x804\\\xb6\xde\xfd^]\xbaf\xa7\x0e\x08r\xa5\xd7\x1d\xbf\xf0\xbf\x0e\x97[Du)\xa0\xd7O\x86)e\xc1\xb4\x97\xde\xcf\xfc\xa7\xfeM\xbd\xc3C\x08\xb1;\xd3D(X\x19\xa8 \x84\xe8\xa0\x08BH\xa7{\x1f\xe97p\xbc\xc5\xe6\xd0\xd3\x02\xa2\xf5\xca5%\xa5\xd5\xe1\x1c\xd7\xffw{\xb6\xe5\x1a\x86\x01 \xae\xbd\xa6\xee\xce\x8fF:mf\n2F\xfaS\xa5\x94\xccn\xd9\xb9\xed`\xdb\xdfMTR\xe9\x80\xa0w\xdey\xe7\x91G\x1e\xc1\x80\xa0\x18\x87+\x80\x98\xa6\xcb\xb3\xee\xae\xe3\x9c\x03\xc8\xd674z\xf2\x89.\xe0\x89\xad\x89%\xfa\xd1\xb0I\xc3{\xa7\xba\xacz\x1f\xc0Stj\xed\xfc\x99\x16\xbb#\xba\'\x01\xfa42\x14\x0c&lt;\xfa\xfc\xe4\xbf\x8d}\xf3g\xd7\xb6\xa0\x8c)%u\xf6\xa7\xaf\xac\xb42P\xc18\xa7\x94QJ\x7f\xd1\xa6\xdd\xf33\x96\xfee\xf8,\x939\xa52\xe0\x8f\xfa\xd5_\x02\xd8\x9c\xa9\xdb7\xac\xd9\xb3-W\xa7~*E&amp;\xbdt\x7fZ\x834\x15\xac\xad\xcc\xe7\x8b\xc0\x18\x83\xb2@\x9b\x0e\xbf\xe8\xffp\xfb\xaa\x99\x91t\xd4\xa8Q\x1e\x8f\x07[Bc\x1c\x16\x80\xd8\xa5\xef\x9erss\xc3\xcf\xd7(\xa5\xa6\x0e\xefeX\xcd\x11K\xfe\xb9@\x8c1Q\x16hrc\xa3\x01\x7f\xee,\xa5\xd43#\xd7-|\xfd\xd0\xde]Q\x0f\x08\xa2\x94\x82\x10\xa1`\xe5\x9d\x0f\xfe\xe9\xb7\xfd\xfen\x18&amp;\xa2\xfbB\x15\xe1\x86\x892&amp;\x01\x08Q\x84\xd0f\xbf\xbc\xa5\xd5\xaf:P\xc6\x84\x08\xc5\xc2\x8f\x97s\xa3\xd2\xef\xcb\x9c&gt;\x94\x10\xc29\x05\x90\x1dnk\xd1\xbbO;Q\x1cC\x8b?\x8dq*\xcb\x02c\x06\xf7t\xa7\xd9\x84\x00\xce\x8d\xfc\xfc\xfc\xe9\xd3\xa73\xc6\xf0\xb9\xb0X\x86\x05 F\xe9\xc7\xbe*++\x07\r\x1aD)\xe5\x8cE&gt;\xf6\xabF\xce\xca\x08\x03\xc9\x19\x17\xa1\xe0\xb2\xd9\xe3\xf5\xceu\x14_\x98\x94\xe0t\xd79qd\xff\xf0G:\xffk\xdc3"\x14$\x94RJ\xa5\x04\x10!%\xa5^KI\x10\xab\xe7M{\xf6\x9e_~\xb8\xec_\x16\x9b\xc3dJ\x89\xee\x84\x03\x00au\xba\xd6/\x9e[p,_/\xfe"\x9c\xfaW#\xdf\x8b\x08\x94\x9c\xb3i\xd3\xa6\xe9\x83+&lt;\r\x8eYX\x00b\x94\xde\xfd\xcf\xca\xca\xda\xb1c\x87\xbe\xfd\x8f|\xecW\x8dT\xcf\x08SJ\x11"\x19\xe3\xdb?Z\xbd{\xf3z\xbb3-Z\xa7\xc1J)\x87\xcb\xbd~\xd1\x9c\x11\x8fw\xf9b\xebG\x94R\xbd\xd7\xaf\x94\xfcy\xeb\xdb;\xdc\xd3\xcf\xeerK\x00\xa5\x94\x9e\x06Sz\xfa\xe4[c\x9f\x9e2\xe0AO\xf1)\xab\xdd\x11\xad\x1a\xa0[?\x8b\n\xbe\xcd~k2\xa5T\xf7VE&gt;\xf5\xafF\xaaG\x04\xea\xc1\xf1\x1e\x8fg\xf4\xe8\xd1\xf8L@,\xc3\x1d\xbaX\xa4\x1f\xf4\xf7x&lt;\xadZ\xb5*,,\xe4\x9c\x85B\xe2\xa5\x7f\xfcv\xdc\xc4~\xb51\xf0\xfd2\x02\xa9\xa8\xd5|\xc7\xef&amp;\xe4m=`2\x99BB4j\xf9\xcb\xd1\xf3&gt;\x8aJ\x01PR\xda\\\xa9Y\xaf\x8dX\xf9\xd6+\x84\x10\xdd\t\xaa\xa4\xbc\xa6\xc5/\x7f\xdf\x7f\xc8\xcd\xed\xbb\xa5X\xac\x05\xdf\x1c\xda\xf4\xde\xc2\xf5\x8b\xe6x\x8a\x0b)\xa5\x94RB\xa9\x04\xa8we\xa3\xe7\xa6/\xbe\xb2\xc9\xcf\x03\xbe\xf2\xc8\x1f\xb7H\x10\xae\xf4zo\x8cx\xf2\xa3e\xff\xd6\x87\xea\xee4\xdb\x9e\xdc\xd1\xf5\x1b\xa4\xaa\x90\x88p\xee\xd3\x85\x03\x90F\xaa-g\xcd\xce\xbb\xfa\xbe\xca9\xa3\x94*E6l\xd8\xd0\xbe}{&lt;\r\x8eM\xb1x+\x81\xf4\xed\x7fFFFAA\x01\xe7\x0c\x04D3\xf6\xabF\xaae\x84I\t\x8c\xb1\xa3_\x7f\x9e\xb3h\xb6\xdd\x99\x1a\xe1\x1a A\xd8S\xddk\xe7\xcf\\\xf9\xd6+\x9c\x1b\xfa\xecWIy\xf7\xc3\xff\x189\xef\x83[;\xdf\x17\n\x06\xbc\xa5Eiu\x1b\xf4\xfe[\xc6\xb8\xccM]\x1e\xf8\x8b\xd2\xc3\x15\xa5\xe4\x86q\xea\xdb\xa3/?\xdd\xbb\xe4T\x81\xc9b\x89p\xac\x85N\xfd\xdc\xb3-77\xfb]\xbd\x81\xa6\xa2\x97\xfaW#\xe7D\x04R\xca\x00`\xc0\x80\x01\x95\x95\x95x\x1a\x1c\x9bb\xfbj\x92\x94\xf4\xd5\x7f\xdf\xbe}\xb3g\xcf\xe6\x9c)\xa5dTc\xbfj\xe4\x9c\x8c0\xce(\xa5,\xfb\xad\xc9\xa7\x0b\x8e\x9bS\xac\x11\xbb\x04()Sl\x8e\xc3{we\xbd:\x9c1.\x95\xa4\x84*)\x1f\x1e4\xf1\x0f/M%J\xf9\xbc\xc5\x942\xce\r\x11\nyKN9\xd3\xea&lt;1|\xe6\x80\x97\xe7[l\x0e\xa5\x94\x04\xe0\x86q\xfa\xc4\xb1\xb7\xc6=m\x18\xa6\x08\x1faPB\x187\xb2f\x8c\x00\x10\x9c1\x10\x10\xed\xd4\xbf\x1a\xa9\x16\x11\x08`\x18\xc6\xce\x9d;\xb3\xb2\xb20 (6\xc5\xfe\xe7)\xe9\xe8\xe3_=k\x9bs.D\xf4c\xbfj\xe4\xac\x8c0\x01\x9c3\x9f\xd7\xb3l\xf6\xf8\x14\xabME\xaa%T)e\x98\xcc+\xff5%\x14\xac$\x94RB\xa5\x84.\xbd\xff|\xef\x9f\x9e+=uR)\xc5\xaaFWRJ97\x84\x08y\x8a\no\xbf\xfb\xc1\xa7\'\xbdm\x98\xcdz\x17\x88q\xbe{\xd3\xba\xdd\x9b\xd7Y\x1d\xae\x885\xb3\x02\x08\xbb+-o\xf5\x82}\xbb\xb60\xce\x95\x92QO\xfd\xab\x91\xea\x11\x81U-\xa1l\xf0\xe0\xc1\xc5\xc5\xc5\xb8\x08\x88AX\x00b\x8b\xde*\xcd\xc9\xc9\xc9\xc9\xc9\xe1\x9cK\x88\x89\xd8\xaf\x1a\xa9\x9e\x11\xa6\x94\xd2-\xa1\xb9\xd9\xef\x1e\xda\xb3\xd3b\x8bDK\xa8R\xca\x94\x92Rx\xfc\xc8g\xff]O\x08UJJ\t\xce\xb4\xba=\xff\xf2b\x85\xb7\x84q\xfe\xfd\xcb(\xa5\x94\x1b\xa6\x92S\'n\xedr\xdfo\xfb\xfe]II)#\x84RJ\xb7\xbc\xbf\x94q\x1e\x99E\x80"\xca\xe0\x86\xdfW\xb6|\xce\x04B\x08\xa74FR\xffj\xa4zD\xa0&gt;\r.((\x98:u*.\x02bP||\xa4\x92\x84\xbe\xf7\xaf\x1a\xaeD8g\x02 Fb\xbfj\xa4zF\x98\x10\xc0\x19\x03\x10\x0b\xa6\xbd\xc4x$\xb2\x0b\x94\x92&amp;\xb3\xe5\xdbC_\xf9\xcb\xbd\x94R\x1d\xe6s\xfd\xffu\xaa\xd3\xe0J= \xec\xc7\xfeA\xce\x8d\x8a2O\xc7\x1e\x0f\x9b\xcc)R\x82&gt;\x8b?\xb2\xff\x0b\x7f\xb972\xe7\xc0\x12\xc0\x9e\xea^5o\xea\xc9o\x0esn\x80\x84\x18I\xfd\xab\x91\xb3"\x02\xabZB_~\xf9\xe5\x03\x07\x0e`\r\x885qsMI\x06z\xf7_\x8fW\xe5\xdc\x00\x11C\xb1_5rNF\x98R\x921\xbeg[\xee\xf6\rkl\xce\xd4Z\xef\xadT\x84q^r\xea\x04!\x84V\x9d\x99^qms\xca\xd8\xf9/\xa2\x94Q\x10\xa1\xd4\xba\r\xd2\x1b\\I\xc8\x99\xa1`\xe5\xa5E\x81\n\x9f\x9e\xc1R\xbb\xafZ\xa9\x94\x14\xeb\x89\xa3\x07s\x16\xcd\xd1\xedH1\x95\xfaW#\xd5#\x02\xf5\xa2V\x0f\xb2\xc6]\xa0X\x13O\x9f\xaa\xc4&amp;\xa5\xa4\x94\x16\x14\x14ddd\xe8\xef?H\x19S\xb1_5R=#\x0c@rN\t\xa1\x99\xd3\x87\x06*\xca9\xe7\xaa\xf6\xefgE(t\xf6\xeb1_\xc8?\xa5\xcel\x07\x19\xdf\xfd\x8eTJ)R\xfb?~)!\xc5f_&lt;s\x94\xcfS\xc29\x972\xb6R\xffj\xe4\x9c\x88@\t\x92s\xbed\xc9\x12\xbd\xb1\x89\xcf\x06\xc7\x0e,\x00\xb1B\xc7\x96\r\x192\xa4\xa4\xa4\xc4d2\x84\x10\x8d\x1b\xd5\x1d\xf0\xf7nPR\xce\x8d8}\x9b\x94\x120uDo=\xc2\x8cs^p,\x7f\xd5\xbc\xa9\xf6Tw\xed/\x02\x94\xd5\xe1$\xe4\xbb\x8d\x93\xa2\xc2\xe3\x17\xf0\x0f\x11\xc6\x98\xbf\xbc\xac\xf4\xf4\xc9\xf0?ku\xb8\xcc\x16\x8b\xaa\xe5\xe7\xef\xa4\x04\x87\xcb\xbd3\xef\xfd-\xeb\x96\xea\xd8\x1f)\xd5\xe8A=\xdcW\xa5\xc7~\xeb\xd7\x0f:\xd3\x0fv\xe7\r\xbd\xba\xb7\x16\x00zf\xa4nm\xc0u@\xec\x88\xd3+K\xa2\xd1\x9b?;v\xecX\xb8p\xa1~t&gt;6c\xbfj\xa4zF\x98\x94\x8aRB)\xcdY4\xe7\xc4\xd1\x83\xb5\xdb\x12J)\x08Q\xefg\x8d\x08!JI\xa9$!\xe4\xcb\xad\x1b|\xdeR\xce\x8d\xf3\xfcw\x01\x84\xd5\xee\xfcz\xe7\xc7\x15e\x1e\xc6\x18\xa1\x84R\xda\xe0\xea\xc66\x87\x0b\x00Hm\xae\x02(\xa1B\x84\xb2\xe7N\xd4\x83\xd5\xa4\x8c\xd1\xd4\xbf\x1a9+"\x10\x80s\xae\x9b\x9b\xf1$ v`\x01\x88\t\xfa\xf8w\xd0\xa0A\x95\x95\x95\x9c3! fc\xbfj\xa4zF\x98^\x04\xf8&lt;%\x8bg\x8d\xb2\xda\x9d\xb5\xd7X\xc9\x18\rV\x06\xael\xf2\xf3:\r\xaf\xaa\xfa\x1d~\xf2\x9bC\xeb\x16\xbe\x9eZ\xa7\x81\x04\xd0\xd9\x0fU]U:\xbaF\x8aP\xc8jw\x96\x95\x9c^1w\x12\xa14\xfc\xd7~\xd9\xf6\x0en\x98ju,0\x80p\xba\xebl\xcc~g\xdf\xee\xad\x9cs\xa9@)\x12\x9b\xa9\x7f5R="P\xb7\x84RJ322JJJpdX\x8c\xc0\x02\x10}\xfa\xca\xb8d\xc9\x92\xdc\xdc\\\xc30@@,\xc7~\xd5\xc8\xf72\xc2\x14c\xec\x93\xf5\xd9{\xb6m\xac\xcd\x94P*D(\xb5N\xbd\xb6w\xde\xaf\x94b\x94I\t\x94\xb1%\xaf\x8f]\xfb\xeek.w\x1d\xbb+\xcdd2S\x9d\xf6L\x19\xe7\x86\xd9jK\xab[\xdfST8uP\xdf\xff\x1d\xd9O)!\x8a(\xa9\x9ciu\xdav\xfd}\xc0W^{\xd1\xd0J)\x93a..&lt;\xb1z\xdeTJ)\xa34\xc6S\xffj\xe4\xac\x88@\x01\x86a\x94\x94\x94\xe8S.\\\x04\xc4\x02,\x00Q\xa6\xef\x83t\x8f\x04!\x841\n1\x1f\xfbU#\xd53\xc2$\x00cL\x84\x82Y3F0n\xd4\xde\x93\rz\x1e\xe4\xdd\x0f?\x95Z\xa7&gt;\x80`\x8c+)%\xc0[\xe3\x9e\x99\xf8\xf7\x9e[\xd7//:\xf9m(TI\x08Q\x12\xfc&gt;\xef\x91\xafv/\xf9\xe7\x98a}\xdb\xed\xfd4\x8f2\xa6\x14\xd1\x0fa\xf5\xfe[F\xdd\x9f]\x1d\n\x06H\xad\x95b\t\xc2\x9e\xe6^;\x7fF\xe1\xf1#\x8cq\x90\xb1\x9e\xfaW#\xd5#\x02uKh\xb8\xcf\r7\x82b\x01\x9e\xc6D\x99\xbe\xfd\x1f?~\xfc\xd0\xa1CM&amp;\x13\x08\x91\x16\x0f\xb1_5rNF\x98"T\x02\xfcu\xcc\x9cN\xf7=\xea-9\xcd\xb9\xf1\xd3\xff\x8a\x9a\x93\x12l\x8e\xd4\xcf\xff\xfb\xc1+\x03z\x8bP\x88\x1b\x86&gt;y\xd6\x1f\xf8\x14\xab\xdd\x95^7\xc5bW\x12\xca\xbd\xa5\x9e\xa2\x93\xfa\x9f\xd2w\xfa\x8a(%\xe5\x9d\x0f\xfc\xe5\x0fC\xa6U\x94{k\xaf\x0cK)-V\xdb\x89\xa3\x07G&lt;vG\xa0\xa2\x9c1*\x04\xc4E\xea_\x8dT\x8f\x084\x9bM\xc1`\xa8k\xd7\xae\xeb\xd6\xad\xc3\x84\xb8\xa8\x8b\xfb\x1b\xcc\xb8\xa6\xcf~\xf3\xf3\xf3\'M\x9a\xc4\xf4\xc4\xd78\x89\xfd\xaa\x91s2\xc2\x18\xa5\x84\xd2\xa5o\x8c+=U`2\xcc\xb5t\x0b\xc2\x18\xaf(\xf3\xdc\xd8\xee\xceA\xd3\x97\xa47\xb8\x12\x84PJQ\xc6\x0c\x93\x99\x1b\xa6J\xbf\xef\xd4\xb7G\x8f\xe7\xef\xfd\xf6\xf0&gt;O\xd1IJ\xcf\xfc\xbe\x94\xa0\x0f\'\xee\x7fb\xf0\xe3\x83\xa7\x04*\xcak\xf9\x04^1n,\x9a9R\x97\x19\x00\x197\xa9\x7f5R-"\x10\x00\x0c\x83\xe7\xe4\xe4\x84\xc7\x1cE\xfb\xc5%\xb5\x04\xfa\x90\xc5!}\xf6;z\xf4h\xaf\xd7k\x18\\\x84D\\\xc5~\xd5H\xb5\x8c0\t\x9c\xf3S\xdf\x1e]3\x7f\x86#\xcd-k-%\x94q\xee\xf3\x94\xdc\xf8\xeb.\xa3\xde\xfe\xa8[\xdf\xbf:\xd3\xeaH\x00\x11\n\x82\x08\x9d\xf3w*%\xf5\xefSJo\xfc\xf5\x9d\x19s\xd6&gt;\xf0\xd4\x88@\x85O\xbfA\xb5\xf4\xf2\x00\xc0\xe1r\xef\xde\x9c\xb3}\xc3{\xfaA3\x15?\xa9\x7f5rND\xa0n\t\xd5\x83N\xb1%4\xba\xf0\xa7\x1f5z\xfd\x9b\x97\x97w\xc7\x1dwPJ\x94R\x00r]\xe63]\x7f\xd7&amp;\xbe\x82\x1f.\x10\x080\xea\xba\x86\x0e^0~\xc6\x7f\x0c\x83\x83TV\x9bc\xc4\xbc\x0f\xaeh\xd4&lt;X\xe9\xd7\x81\r\xb5A\x02\x98RRR\xac\xf6\xc2\xe3\x87\xbf\xf8d\xc3\xbe\x9d\x1f\x1f\xcf\xff\xba\xe4\xd4\x89@E9\x80\xa0\x84\x1a&amp;\xb3\xd3]\xb7\xc1\xd5\x8d\x9b\xdf\xf0\x7f7\xdc\xd6\xb9\xc9um(%\xfe\xf2\xb2\x08\xf4_R\xcaF\xfe\xb1\xcb\xd1}_\x98\x0c\x1e\n\x89\x0em\x9boX\xf3\x92\xac\xa8\x8cHdFDI\xa5\xa8\xd9(,\xf0\\\xd7qxii\x057\x8cP(4n\xdc\xb8\x97^z\t7\x82\xa2\x08\x0b@\xd4\xe8\xc5\xef\x1dw\xdc\x91\x97\x97\xa77F\xef\xec\xd8*g\xe5\x0bP\x16\x7f\xcf\xfd^\x08\xa5\x141\x19%%\xbe\xeb:d\x9c:]\xc6\x18\x17B\xfc\xba[\xaf\x01//\xf0\x94\x9c\xaa\xa5\x93\x80\xf0\x7fZI\xa9\xcb\x00Q\xa42\xe0\xf3\x97\x97U\x06*D\xb0\x92Pf\xb6X\xac6\xa7\xd5\xe12L\xa6Pee\xa5\xdf\xa7\x08\xa9\xed\xe3w\x00\x91\xea\xae\xf7\xfe\xc2\xd7\xff5~\x00\xe7\\?u\xf6\xe1\xe2\x81\x1d\xbb\xfcR\xc4O\xee[\x8d\x80\x00\xa3^\xea\xb8\x91\x8b\x87M^i2\x19\x00\x90\x96\xe6\xde\xb3gO\xfd\xfa\xf5I\xed\xff\xc0\xd1\x0f\xc2\x1fzt\xe8\xa8\xe7\xcc\xcc\xcc\xbc\xbc&lt;\xc3d\x08!\xe21\xf6\xabF\xce\xca\x08\x93\xba%\x94o\xcdY\xbe#\xef?\x0e\x97\xbbV\xf3\x96)\xa5\x8cs\x11\n\x95\x97\x16\x97{\x8aE(d\xb19\xd2\xea6\xacw\xe5\xb5\xf5\xae\xb8\xc6\x95V\x97\x1b\x86\xdfWVVr\xba\xd2\xef\xa3\x8c\xd5\xf6\xc5HO|&lt;u\xe2\xd8\xb2\xd9\xe3)e\x8cQ\x00\x19\x8f\xa9\x7f5R="0\x14\x12\x86a\x14\x17\x17\x0f\x192\x04\x9f\t\x88\xa2\xc4\xfc\xa8\xc58\xdd\x0e\xef\xf5zG\x8d\x1a\xc5\x18\xa5$\x8ec\xbfj\xa4zF\x98\x94\xa0G\xddf\xcf\x9d\xa87\xdfk\xfb\xbf\xae\xcb\x80\x8e\x83\x06\x10"\x14\x0c\x05+C\xc1J\xa1G\xc33\xc6\xb8\x11\x99\xd0=)\xc1jw\xae\x9d?\xd3ST\xc89\x03\x88\xd7\xd4\xbf\x1a9\'"PJ\xa9\xef\x81v\xee\xdc\x89\x83\xe3\xa3%a?m\xb1L7\xffL\x9a4)??\x9fs\x0e"\x8ec\xbfj\xe4\x9c\x8c0\xa5$\xe7|\xdf\xee\xad\x1f\xadx\xdb\x99\x9a\x1e\xc9\x99\x91\xf4l\xb5\xd7\xe6\xff}RJ\xab\xcdy\xf0\xcb\xed\xeb\x16\xbe\xae\'&gt;J\xa9\xe27\xf5\xafF\xaaG\x04\xeaaA\xc1`p\xc0\x80\x01\xa0\x9f\xcdF\x11\x87\x05 \xd2\xf4\x8d\xcf\x81\x03\x07^y\xe5\x95\xf0\xc4\xc7\xb8\x8e\xfd\xaa\x91\xea\x19a\x00R_\x7f\x97\xbd1\xf6\xd4\x89o\xccfK2\\\x05(!\x8c\xb3\x05\xd3^\x12\xa1 g\x0c\x00\xe2?\xf5\xafF\xaaE\x04\n0\x0cc\xd3\xa6M\x99\x99\x99\xd8\x12\x1a\x15\xc9\xf0\x81\x8b-\xfa\x1a\xa7{\xe08\xe7\x00\x89\x10\xfbU#ge\x84I\xc99\xf7\x14\x9dZ;\x7f\xa6\xc5\xee\x88\xd8\xe4\xc5h\x91\x006g\xea\xf6\rk\xf6l\xcb\xd5\xa9\x9f\t\x90\xfaW#\xd5#\x02\xabfF\xd2Q\xa3Fy&lt;\x1el\t\x8d&lt;,\x00\x11\xa5;\xderss\xc3O\xc1(\xa5\x12 \xf6\xabF\xaag\x84I)\xf5\xcc\xc8u\x0b_?\xb4wWm\x06\x04\xc5\x04\xce\x8dJ\xbf/s\xfaPB\x08\xe7\x14@&amp;F\xea_\x8dT\x8f\x08\x14\x0287\xf2\xf3\xf3\xa7O\x9f\xce\x18\xc3E@\x84a\x01\x88\x1c\xfdTQee\xe5\xa0A\x83(\xa5\x9c\xb1D\x8a\xfd\xaa\x91\xb32\xc2@r\xc6E(\xb8l\xf6x\xbd\'\x1e\xedWW[\x00\x84\xd5\xe9Z\xbfxn\xc1\xb1|\xbd\xf8K\x98\xd4\xbf\x1a\xf9^D\xa0\xe4\x9cM\x9b6M\x1f\x89%\xf6\x1d@\xac\xc1\x02\x109\xfa\xec7++k\xc7\x8e\x1d\xfa\xf6?\x91b\xbfj\xa4zF\x98R\x8a\x10\xc9\x18\xdf\xfe\xd1\xea\xdd\x9b\xd7\xdb\x9di\x91&lt;\r\x8e\x18\xdd\xfaYT\xf0m\xf6[\x93)\xa5\xba\x03*\x91R\xffj\xa4zD\xa0\x1e\x1c\xef\xf1xF\x8f\x1e\x8d)\xa1\x11\x96\\\x1f\xbb(\xd2\xb7\xff%%%\x83\x07\x0ff\x8c\xe9\x89\x8f\xcf\xf5\xbf\xb3\xf9\xcd\x8dE\xc4\xbf\xffJ)\x90:\x18_\x02H\x90RF|\xf3\xd50\xb8(*\xeb\xf7p\x87\x0em\x9b\xeb\x86\x10B\xe9\xa2Y#\x83\x01\x7f\xad&gt;\x14\x16-J\x82\xd5\xe1\\6{\x9c\xcf\xeb\xe1\x9c\x0b\x01\xe9n\xfb\xc4\x8c^\xb2\xccO\x13\xb4\xf1\xff&lt;\xf49\x90a3\xcf\x18\xd3G\x11\xa2\x03\x82\x16,X\xb0i\xd3&amp;\xc30p#(b\x92\xee\x93\x17-\xfa\xf6?##\xa3\xa0\xa0\x80s\x06\x02"\x1f\xfb%\xa5\x12B*E\x98\xd90\x1cV#\xcd~\xe6\x97\xd3\xcaSL\x94\x10\x012\xa2\xf7_\xd52\xc2\xa4\x04\xc6\xd8\xd1\xaf?\xcfY4\xdb\xeeLM\xb0E\x80\x94\xd2jw\xee\xd9\x96\x9b\x9b\xfd\xae\xde\xe6R1\x90\xfa\x07 \xa5T\xe1_\x11\xbe\x038\'"\x90R\x06\x00\x03\x06\x0c\xa8\xac\xac\xc4\xd3\xe0\x88\xc1\x1ft$\xe8\x81\xef\xfb\xf7\xef\xbf\xfe\xfa\xeb\x95\x92\x94R!\xe0\xdf\xd3\x1e\x7f\xfc\x89.\x91I\xfdUJI\xa9\x0c[\n\xb1\x9a\x88\xaf\xf2\xc4\xffJ\xbe\xf9\xb6\xb8\xb8\xd4\xe7\x0f\x84\xccf\xc3\xed\xb2]u\x85\xfb\xea+\xdd\xd4e#!\x80\xf2\x00!$2\r\xe9: \xe8\xb1\xc7g\xbd\xb3d\x8b\xc9d\x08!mN\xe7\xe4\xa5\xdb\x1d\xa9\xe9"\x948M\xb1JJ\x9b3u\xe4\x1f\xba\xec\xdb\xb5\xc50\x0c\x10\xa2y\xd3\x06_l\x1a\xc3\x15\xa1JF\xfe\x8f\xa9\x83\xe7\xb8\xd3z\xd6\x81K \xa4"\xbb\xfd"\xa5d6\xcb\xfe\xbd\xdf\xdc\xd0y4\x08I\x19\x13B\xcc\x9b7\xef\xb1\xc7\x1e\xc3\x80\xa0\xc8\xc0\x02\x10\t\xfa\xd3|\xd7]w\xe5\xe4\xe4\xe8\xd8\x9fH\xc6~I)\xb9a\x10\x87\xe5\xc0\x17G\x17f\x7f\xba\xf6\x83\xcf\xbf\xda\x7f\xc2[\x1e\xa8\xfe\xf7\xd8\xac\xe6\xa6\xd7\xd6\xbb\xa3\xdd/\xfa\xf4\xbc\xb5\xed\xaf[\x90\x10\x80?\x18\x81\xa5I\xf5\x8c\xb0\x92\xd2\n\xce\xb9\x10\xe2\x8e\xdf\xff\xe1\x89\x11\xff,/-b\t\xb1\x17\x04 \x9c\xa9\xe9\xb9\xab\xe6\xbf\x9e\xf1\x04\xe3\x9c\x92(\xa7\xfeI))c,\xcd\xbe\xe0\xdf\x1b\xfe\xb5\xf0cJ\x89"D)5c\xecC\xd7\xddp\r\xf8#\xba"\xa9\x1e\x11h2\x19\x00\xb2~\xfd\xfa{\xf6\xecIKK;\xf3\x8c\x1e\xaaMX\x00j\x9d\xbe\xfa\xe7\xe4\xe4\xdcu\xd7]\x9cs=m0b\xb1_\x12$\xb7\xa5\x94\x97\xf9\x87\x8d_1w~^\x85?\xa8\x7f\x9fs\xc6\x19#\x94\x10E\xa4\x94\x02\xbe\xbb\xf5\xeb\xd5\xe3W/\x8f|\xe0\xda&amp;\r\x847\x12\xa9d\xd53\xc2tJ(\xa3l\xcc\xfc\xdck\x9a_\x1f\xf0\xfb\xe2\xfdtT\x11\xa5\xa7\xcb\x0f~\xb0\xed\xc9o\x0e\x9b\x0c#$D\x14S\xff\x84\x00\x93\xdd"\x00^\x18\xbex\xda\xec\xf5\xd5\xff\xd2\xa6\x15\xcf\xb7\xbb\xe3:\xe1\xf5\xf3\x08\xfe\xcc\xcf\x8a\x08&lt;U\xa6SB\x87\x0e\x1d:v\xecX\\\x04D@|\x7f\xbbb\x9f&gt;\xfb\x15B&lt;\xfd\xf4\xd3\x94\x12\xce\x99\x00\x88X\xec\x97\x94\x8a\xdbR\xbe9^\xd4\xfew\x13_\x9d\xfbA\x85?hpf2\xe90\x1c\x19\x0c\x89`P\x04CB_\xfdM&amp;n\x18\x8cR\xbat\xd5\xf6_w\x1b\xb7m\xeb~\xc3e\x95P\xeb{\x02\xd53\xc2\x84\x00\xce\x18\x80X0\xed%\x96\x10\x99\xc8\x12\xc0\x9e\xea^5o\xea\xc9o\x0esn\x80\x84(\xa6\xfe\t\x01\xa6t\xe7\x91c\xa7\xef\xbc\xef\xe5i\xb3\xd7s\xae\xb3\x91\x98ap\xce\x99a\xb0\xc8\xb7\xe0\x9e\x15\x11X\xd5\x12\xfa\xf2\xcb/\x1f8p\x00gFF\x00\x16\x80\xda\xa5\xcf~\xf5\x10T\xce\r\x10\x91\x8b\xfdRJ\x11\x13++\xf3\xff\xae\xcf\xf4\xdd{\xbe1\x998\xa5D*\x15\n\x81R\xea\xba\x9f_y\</t>
        </is>
      </c>
    </row>
    <row r="430">
      <c r="A430" s="1" t="n">
        <v>428</v>
      </c>
      <c r="B430" t="inlineStr">
        <is>
          <t>circle_size_number</t>
        </is>
      </c>
      <c r="C430" t="inlineStr">
        <is>
          <t>What is the missing number of the part denoted with a question mark?</t>
        </is>
      </c>
      <c r="D430" t="inlineStr">
        <is>
          <t>[5, 3, 2, 4]</t>
        </is>
      </c>
      <c r="E430" t="inlineStr">
        <is>
          <t>3</t>
        </is>
      </c>
      <c r="F430" t="inlineStr">
        <is>
          <t>There are 6 numbered circles with varying sizes arranged in a ring with number [3, 2, 2, 5, '?', 5] in a clockwise order.</t>
        </is>
      </c>
      <c r="G430" t="inlineStr">
        <is>
          <t>We observe that the size of the circle is related to the number in the circle. The circle with the largest value 5 seems to be the biggest and the circle with the smallest value 2 seems to be the smallest. Thus, the pattern is that the larger the number the larger the circle.</t>
        </is>
      </c>
      <c r="H430" t="inlineStr">
        <is>
          <t>Based on the pattern that the larger the number the larger the circle, the missing number of the circle denoted with a question mark should be 3.</t>
        </is>
      </c>
      <c r="I430" t="inlineStr">
        <is>
          <t>b'\x89PNG\r\n\x1a\n\x00\x00\x00\rIHDR\x00\x00\x02\x00\x00\x00\x02\x00\x08\x02\x00\x00\x00{\x1aC\xad\x00\x00\xa1\xc8IDATx\x9c\xec\xbdw\\S\xe7\xfb\xff\x7fN6I\xc8\x82\x80\xb8\x07\x1b\x94\xa5\x88,[\x15\xb7\xb8G\xeb\xa8\xb5\xd6=[\xb5Z}k\x87\xd6\xd6j\xad\xa3\xceZW\xb5\xae\n\xe2\xde\x1bAd\x8a\x82(.\\\xac$$\x04Hr\xce\xc9\xef\x8f\xebk~|\xb4\xb5.rN\x92\xfb\xf9\xc7\xe7\xf1\xfe\xd8\x10n\xce}\xee\xebu]\xd7}\xdd\xd7\x8d\x9b\xcdf\x0c\x81@ \x10\x8e\x07\x8b\xee\x01 \x10\x08\x04\x82\x1e\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H\x00\x10\x08\x04\xc2AA\x02\x80@ \x10\x0e\n\x12\x00\x04\x02\x81pP\x90\x00 \x10\x08\x84\x83\x82\x04\x00\x81@ \x1c\x14$\x00\x08\x04\x02\xe1\xa0 \x01@ \x10\x08\x07\x05\t\x00\x02\x81@8(\x1c\xba\x07\x80@ \xde\x15\xb3\xd9\x8ca\x18EQ\xb5\xff\xdf\x97\xc1q\xdc\xf2?\x00\xeb\x0c\x0f\xc1X\xf0\x7f{W\x10\x08\x0431\xd7\x02\xec8\x8b\xf5\x96\xa1&lt;EQ \x1b\xf0%H\x12\x1c\r$\x00\x08\x84\r`6\x9b)\x8a\x02\x8b\xcff\xb3_\xf8\xaf*\x95\xcah4\xa6\xa7\xa7\x93$I\x10\xc4\xe5\xcb\x97\t\x82x\xf9\x1b\xc2\xc2\xc2\xe4r\xb9\xd9l\x0e\x0c\x0c\x94H$J\xa5\xf2\x85\xcf\x80\x1e 1p\x1c\x90\x00 \x10\xcc\x05\x8c&gt;\x86a\xb5\x8d\xbeN\xa7\xbb}\xfbvNNNfff^^^EEEYY\x99\xd9l\x96\xc9d \x0f\x81\x81\x81\x1c\x0e\xa7\xf6\xd26\x9b\xcdl6;??_\xa7\xd3\xb1\xd9\xec\x8a\x8a\n\x82 d2\x99P(\x0c\n\n\xf2\xf2\xf2\n\x0e\x0en\xd9\xb2\xa5\x8b\x8bK\xed_MQ\x14\x8b\xc5z\xeb\xf0\x02\xc1|\x90\x00 \x10\x8c\x03\xfc\xfd\xda\xb9\x1d\xbd^\x9f\x96\x96v\xee\xdc\xb9\xe4\xe4\xe4\xa2\xa2"6\x9b\xed\xee\xee\xee\xe9\xe9\xd9\xb2eKww\xf7\xc0\xc0@&gt;\x9f\xdf\xb0aC\xd0\x89\x97C\x04\xc0\xe2\xe0?y\xf2\xc4h4\xe6\xe5\xe5\x95\x96\x96fdd&lt;x\xf0\xe0\xc1\x83\x07z\xbd\xde\xcd\xcd\xadM\x9b6\x1d:t\x88\x8c\x8c\xb4\xc4\x070\x18\x14\x13\xd8%H\x00\x10\x08\x06\x016\x9a\xc3\xf9\x7f\xd5\x19\x0f\x1e&lt;8w\xee\xdc\xc1\x83\x07322\xa4R\xa9\xbf\xbf\x7fttt\xbbv\xed\x1a5jd\xf1\xd6)\x8a\xaa\xae\xae6\x9b\xcd\x06\x83\xc1\xf2/\xff\xf8\xe5\x96\x8d_.\x97\xcbb\xb1\x04\x02\x01\x9b\xcd\x86\x7f\xa9\xac\xac|\xfc\xf8\xf1\xb5k\xd7\xce\x9f?\x9f\x95\x95U\\\\\xdc\xa2E\x8b\xf8\xf8\xf8\x0f&gt;\xf8 88\x18~\x9c$I\xec\xdf\xd5\x05a\x8b \x01@ \x18\x01I\x92\x16\x97_\xab\xd5\x1e:th\xc3\x86\r\x05\x05\x05\x9e\x9e\x9e\xdd\xbbw\x8f\x8d\x8d\r\x0e\x0e\x16\n\x85\x18\x86UUU\x19\x8dF\x82 `K\x00\xc30\xf8\xa9\xd7\xf7\xd0a\xd5\xd7\xdeIf\xb3\xd9&lt;\x1eO(\x14\xe28N\x10D^^\xde\xe5\xcb\x97\x8f\x1e=\x9a\x99\x99)\x97\xcb\x87\x0f\x1f&gt;p\xe0\xc0&amp;M\x9a`( \xb0/\x90\x00 ^\xe4?\x8b\x08\x11\xef\x17\x92$-\xf6433s\xed\xda\xb5\xc7\x8f\x1f\xf7\xf0\xf0\xe8\xdf\xbf\x7f\x8f\x1e=|}}Y,VMMMUU\x95E$\xeab.,\xfb\xcc,\x16\xcb\xc9\xc9\t\xc4\xe6\xd1\xa3G\'O\x9e\xdc\xb7o_VVV\x9b6mF\x8d\x1a\x15\x1f\x1f\xff\xf2\xb0\x116\n\x12\x00\xc7\xa5v5!V+?\xf0o\x9b~\x96\xc4\x82\xa5p\x10\x95\x93\xbf#\xb5mhRR\xd2\x8a\x15+\xee\xdd\xbb\xd7\xb5k\xd7\x11#F\x84\x84\x84\xf0\xf9|\xbd^\x0f\xe9\x1d+o\xc6\x82\x18`\x18\xc6\xe3\xf1$\x12\t\x86ayyy\xfb\xf7\xef\xdf\xbe}\xbb\xb3\xb3\xf3\x88\x11#\xc6\x8e\x1d\xcb\xe3\xf10$\x036\x0e\x12\x00\xc7\xe2\xd5\xd5\x84@eeeuu5\x8e\xe3\x16a\x80\x1a\x12\x85B\xf1\x8f\x9f\xb7l-\xbeKA\xba\xa3ayb\x18\x86%&amp;&amp;\xaeX\xb1\xe2\xe9\xd3\xa7\xa3F\x8d\x1a6lX\xfd\xfa\xf5\r\x06Cee%EQ\x96\x1c=]X\x94\xc0\xc9\xc9I$\x12\xe9t\xba#G\x8e,_\xbe\xbc\xba\xbaz\xd4\xa8Q\xe3\xc6\x8d\xe3\xf3\xf9\x18\x86\x91$\x89\xf6\x06l\x11$\x00\x0e\x81\xc5F\xd7^\xa5$I\xde\xbd{7//\xef\xee\xdd\xbb\xf0?t:\x1d\x86aj\xb5\xdad2\xbd\xf0b\xb0X,\x17\x17\x17\x16\x8b\xc5f\xb3\x83\x82\x82\xdc\xdd\xdd\x83\x83\x83\x1b5j\xe4\xed\xed-\x16\x8b_\xfeE\xc8+\xfc7\xc0\xa4\xc2D\x1c&lt;x\xf0\x97_~!Ir\xc2\x84\t=z\xf4pvv\xd6j\xb5\x06\x83\x81\x81\xc5\x97f\xb3\x99$I\x0e\x87#\x95JI\x92LNN\xfe\xf5\xd7_\xef\xdd\xbb\xf7\xd9g\x9f\x8d\x1f?\x9e\xc3\xe1\x80N0m\xd8\x88W\x83\x04\xc0\x9e\x81E[\xdb\x8b\xac\xa8\xa8\xb8p\xe1\xc2\xf9\xf3\xe7srr\x9e&gt;}J\x10\x84X,\xaeW\xaf^\xc3\x86\r\x1b6l\xe8\xe9\xe9i4\x1a\xfd\xfd\xfd\xe5r9\x94|\x00\xb01\x98\x99\x99\x89a\x98J\xa5\xba~\xfd\xbaF\xa3\xb9{\xf7nUU\x95\xc9dR*\x95AAAm\xdb\xb6\x8d\x8d\x8dm\xda\xb4\xa9\xe5\xa7\x08\x82`\xa0!\xa3\x17\x8b\xa7\x9c\x95\x955i\xd2\xa4g\xcf\x9e-X\xb0\xe0\xa3\x8f&gt;b\xb1XP\x9bO\xbb\xcb\xff\x9f\xc0&gt;\x84\xb3\xb33\x8f\xc7\xbbx\xf1\xe2\xacY\xb3\xca\xcb\xcb\x7f\xfa\xe9\xa7\xbe}\xfbb\x18F\x10\x84\xa5\x84\t\xc1|\x90\x00\xd8!\x96\xb0\xdd\xe2\xefggg\x9f={\xf6\xe8\xd1\xa3\xf7\xef\xdf\xe7p8AAA111\x01\x01\x01\x9e\x9e\x9ennn\x96\x15\x0b\xce{MMMm\xeb\x0f\xe08\xee\xe4\xe4T;\xe3O\x92dEE\xc5\xfd\xfb\xf7sss/_\xbe\x9c\x96\x96VVV\xd6\xb0a\xc3\x0f?\xfc\xb0K\x97.\xd1\xd1\xd1`\xfaQ\xd1\x08\x00{-,\x16K\xab\xd5N\x9d:\xf5\xe4\xc9\x93\xd3\xa6M\x1b=z\xb4T*U\xa9T\x90d\xa3{\x8co\x00\x84zR\xa9\x94\xc5b\x1d8p\xe0\xbb\xef\xbe\x13\x89D\x7f\xfc\xf1\x87\xaf\xaf/\xfcW$\xfc6\x01\x12\x00\xbb\xa2vz\x01\xc3\xb0\xfb\xf7\xef\xff\xfe\xfb\xef\x07\x0f\x1eT\xab\xd5!!!\xdd\xbau\x8b\x88\x88\xf0\xf1\xf1qrr\xc20\xcc`0\x18\x0c\x06\xc8\xf6X\n\n\xb1Z\xbb\xc1/P\xbb\xd7\x18|\x86\xcdf\xf3\xf9|\x81@\x00!\xc2\xbd{\xf7\xd2\xd2\xd2\x8e\x1f?~\xf9\xf2e\x1c\xc7\xdb\xb7o?f\xcc\x98\xf0\xf0p\xf8)G\xde-\xb48\xfe\t\t\tS\xa7N\x8d\x89\x89Y\xbcxq\xe3\xc6\x8d5\x1a\rx\xfdt\x0f\xf0-\x81WB.\x97WUU-]\xba\xf4\xf7\xdf\x7f\x1f?~\xfc\x9c9sX,\x16\n\x05l\x02$\x00vBm\xd3OQTRR\xd2\x96-[\xae_\xbf\x1e\x10\x10\xd0\xa7O\x9f.]\xba4h\xd0\x00\xc3\xb0\xaa\xaa*p\xf0\xdfW\rO\xed\xdaA&gt;\x9f/\x12\x89p\x1c\xd7h4\x17/^\xfc\xfb\xef\xbfSRR\\\\\\&gt;\xfe\xf8\xe3a\xc3\x86I\xa5R\x0c\xc3l"\xcb\xf1~\x01S\xa8\xd5jG\x8d\x1a\x95\x9f\x9f\xbfp\xe1\xc2&gt;}\xfa\xc0N\xbb}\x98H\x907\xb9\\\x9e\x95\x955c\xc6\x8c\x92\x92\x92={\xf6\xf8\xfa\xfa:\xb2\xe4\xdb\nH\x00\xec\x01\x8b\x83i0\x18\xd6\xad[\xb7~\xfdz\'\'\xa7\xbe}\xfb\x0e\x192\xc4\xd3\xd3\xd3l6\xebt:\xa3\xd1\x88aX\x9d.H\x8b\x18p\xb9\\\xb1X\xcc\xe1pJKK\x93\x92\x92\xb6o\xdf\xfe\xf0\xe1\xc3\xde\xbd{\xcf\x981\x03t\xc8Ad\xc0\xa2\xca\xe7\xce\x9d\x1b&gt;|x||\xfcO?\xfd$\x14\n\xcb\xcb\xcb\xed\xef\xcf\x87\xfd$\'\'\xa7\xb5k\xd7~\xfb\xed\xb7s\xe6\xcc\x99:u*\x86\n\x84\x98\r\x12\x00\xdb\xc6\xe2d\x99L\xa6\xd5\xabWo\xdb\xb6M&amp;\x93\x8d\x1b7\xaeO\x9f&gt;|&gt;\xdfR\xd0i}G\x0cr\xc4PE\x8e\xe3\xf8\xe5\xcb\x97\x97/_~\xeb\xd6\xad\xb8\xb8\xb8\x993gzxx`\xf6\xbeah1|\xdf}\xf7\xdd\xaaU\xabV\xaf^=x\xf0`\xb5Zm\xc7\x7f5L\xbaR\xa9\xcc\xca\xca\xfa\xe8\xa3\x8f\x02\x02\x02\xb6n\xdd*\x12\x89\xec\xf8O\xb6u\x90\x00\xd8*\xb5s&gt;\xabV\xad\xfa\xed\xb7\xdf|}}\xbf\xfc\xf2\xcb\x98\x98\x18\xd8\x9e}\xa1\xfe\x87\xc6Ab\x18&amp;\x16\x8b\x05\x02\xc1\xed\xdb\xb7W\xadZu\xec\xd8\xb1^\xbdz\xcd\x9f?_*\x95\xdak\xed \x98\xbc\x8a\x8a\x8a\x01\x03\x06\x94\x97\x97\xef\xdd\xbb\xb7E\x8b\x16%%%\x1c\x0e\xc7\xce\x1c\xff\x971\x99LP*:z\xf4\xe8\xb4\xb4\xb4\x9d;w\xb6i\xd3\x06i\x003\xb1\xb7\x85\xe7 @\x12\x9f\xcdf\x1f9r$&amp;&amp;\xe6\xcf?\xff\\\xb4hQbbbxxxYY\x99Z\xad\xc6q\x9c\t\xb6\x06\x06\xc9f\xb3\xf5z}ii\xa9\x87\x87\xc7\xca\x95+w\xee\xdcy\xe7\xce\x9d\x88\x88\x88\xd5\xabWC\x9d\xe8\xcb\xcd\xebm\x1a0vyyy\xe1\xe1\xe1\xcd\x9a5KKK\xf3\xf0\xf0(--\xe5r\xb9\xb4\xcf\x88\x15\xe0r\xb9:\x9d\xce`0\xec\xdc\xb9\xf3\x8b/\xbe\xe8\xde\xbd{BB\x02\x87\xc31\x99Lt\x0f\r\xf1"(\x02\xb01,\xe7q\xa0\x9a\xf0\xd4\xa9Ss\xe6\xcc\x19?~&lt;EQ*\x95\x8a\xe1u\xf7f\xb3\x99 \x08ggg\'\'\xa7\x13\'N\xcc\x993\x87\xc7\xe3m\xda\xb4\xc9\xdf\xdf\xbf\xf6\xc9X\x9b\x06\xac\x7frrr\xaf^\xbd\xe6\xcc\x993c\xc6\x8c\xf2\xf2r\xcc\x1e\xa3\x9cW\x03s\xed\xe6\xe6v\xf6\xec\xd9\x81\x03\x07\xce\x9d;w\xfa\xf4\xe9h[\x98i8\xd6Ki\xeb\x80\x95\xe4p8\x07\x0e\x1c\x08\x0b\x0b\x83K\xa0&amp;L\x98P^^\xaeV\xab9\x1c\x0e\xc3\xad\x0c\x8e\xe3\\.\xb7\xaa\xaa\xaa\xb4\xb4\xf4\xc3\x0f?LMM\xed\xd2\xa5K\xcf\x9e=\x17/^\x0cv\xe1\xe5\xf3\x07\xb6\x05X\xffm\xdb\xb6\xf5\xea\xd5k\xd7\xae]P\x12\xc3pU\xae#`\xaeKJJbbb\xb2\xb3\xb3\x7f\xfb\xed\xb7\xe9\xd3\xa7\xb3\xd9lK\xef)\x04\x13@\x11\x80\xcd\x00\xc6\xc5l6\x8f\x1e=\xfa\xe8\xd1\xa3\x1b7n\xec\xd1\xa3GEE\x85\xd1h\xb4\xc5\xec*d\xb1\\\\\\\n\n\n\x86\x0c\x19\xc2\xe3\xf1\xf6\xef\xdf_\xbf~}\xdbM\x16\x9bL&amp;.\x97\xbbb\xc5\x8aY\xb3f\x1d;v\xec\xc3\x0f?,..\x86\x8ei\x8e\x0c\xc4|\x1a\x8d&amp;""\xa2M\x9b6{\xf7\xeeEq\x00sp8\xc7\xc4F\x01\xb3x\xeb\xd6\xadV\xadZ\x95\x96\x96\xe6\xe4\xe4t\xed\xda\xb5\xb4\xb4\x14\xd2At\x8f\xeem`\xb3\xd9,\x16\xab\xb4\xb4\xb4a\xc3\x86iii\x1d:t\x08\x0e\x0eNJJ\x82\xae26\xe7\x97\x80\xf5_\xbat)\x14;\xc5\xc4\xc4\x94\x96\x96"\xeb\x8fa\x18\x87\xc3\xa9\xac\xac\x14\x89D\x05\x05\x05:\x9d\xae_\xbf~l6\xdb\x16\xa7\xd8.A\x02\xc0t,I\xff\xad[\xb7\xc6\xc4\xc4\x0c\x1f&gt;&lt;))\x89\xc7\xe3\xa9T*&amp;l\xf3\xbe#\x1c\x0e\xa7\xba\xbaZ\xa3\xd1\xfc\xf0\xc3\x0f[\xb7n\x1d;v\xec\x97_~\t\xee\xe1\xbf]k\xc5@\xc0\xfa\xff\xfa\xeb\xaf\xabV\xad\xbar\xe5\x8a\x87\x87\x07d\xe4\xe8\x1e\x17S`\xb3\xd9F\xa3\xb1\xba\xba\xfa\xd8\xb1cUUU\x03\x07\x0ed\xb3\xd9$I"\r\xa0\x1d\x94\x02b4\x96Z\xcf\x85\x0b\x17\xaeX\xb1b\xf7\xee\xdd\x1d:t(--\xa5\xbd\xbe\xf3\xbdc2\x99\\]]\x9f={\xd6\xa5K\x17\x1f\x1f\x9f-[\xb6\x88\xc5b\x9bh)\x03\xc1\xd9\xda\xb5kg\xce\x9cy\xfb\xf6m\xb9\\\xae\xd3\xe9\x90\xf5\x7f\x19\xd8\xc1R(\x14m\xdb\xb6m\xdc\xb8\xf1\xde\xbd{m7\xddg70}u92\x16\xeb?p\xe0\xc0?\xfe\xf8#\'\'\'66\xd6^k\xc9\xb9\\nyy\xb9\xb3\xb3\xf3\xf5\xeb\xd7\t\x82\x08\r\r\xd5h4,\x16\x8b\xe1\xdb\xc2\x10\x9c]\xbati\xc6\x8c\x19\x87\x0e\x1dR*\x95\xc8\xfa\xff\x1b,\x16\x0b\x0e\xa5\x1f&lt;x\xf0\xca\x95+?\xff\xfc3\xaa\r\xa5\x1d$\x00\x0c\xc5b\xfd\xfb\xf5\xeb\xa7\xd3\xe9\xf2\xf2\xf2\x9c\x9d\x9d\xd5j5\x97\xcb\xa5{hu\x05\x87\xc31\x1a\x8d*\x95*11q\xe8\xd0\xa1m\xda\xb4Q\xab\xd5\x90+\xa0{h\xff\x0c\x1c\xb5\xcb\xcc\xcc\x8c\x8f\x8f?p\xe0\xc0\x07\x1f|\x802?\xaf\x86\xc5b\x19\x0c\x06\xb1X|\xed\xda\xb5U\xabV\xadY\xb3\x86\xcb\xe5\xda\xd9)\x10\xdb\x02\xbd\xacL\xa4\xb6\xf5\x87\xcc)4\x8b\xb7{\xe3\x02Nbii\xe9\x82\x05\x0bp\x1co\xd3\xa6MZZ\x1a\\N\xc0\xb4~2\xd0\x12\xb5\xbc\xbc&lt;&gt;&gt;~\xe1\xc2\x85\x9d:uB5?\xaf\x03\x9c\ntuu=x\xf0`tttpppdd\xa4M\xe4\xfa\xec\x12\xb4\x07\xc08^\xb0\xfeG\x8f\x1eU\xab\xd5\x8e\xb6BL&amp;\x93\x9b\x9b\xdbw\xdf}\xb7m\xdb6fj\x00\xe8qXX\xd8\x87\x1f~\xb8t\xe9\xd2\x92\x92\x12;\x0e\xce\xde;\xb0\xe5s\xe4\xc8\x91\x8f?\xfe\xb8\xa0\xa0\xc0\xdd\xdd\x1d\x1a\xca\xd2=.\x87\x03\t\x00\xb3\xb0\\\x1b\xe2\xc8\xd6\x1f\xb0h\xc0\xf6\xed\xdbSSS\x15\n\x05s\x9e\x03X\xff\xe9\xd3\xa7\xa7\xa6\xa6&amp;\'\'\x97\x97\x973d`6\x04\xcc\xef\xec\xd9\xb3O\x9e&lt;\x99\x9e\x9e\xee\x08\x01.\x03A\x02\xc0,`\x19\x0c\x1e&lt;X\xab\xd5:\xb2\xf5\x07\xc0F|\xfb\xed\xb7\xbbv\xed\xba|\xf9\xb2L&amp;cB\xbb\x08\x88E\x0e\x1d:4b\xc4\x88\x1b7n\x88\xc5b\xa3\xd1\xe8\xb0s\xf4.P\x14\xa5P(\xa2\xa2\xa2\xda\xb6m\xbb|\xf9r\xa4\x01\xd6\x07\t\x00\x83\x80r\xf2\xe9\xd3\xa7\x1f&gt;|\xb8\xa0\xa0\xc0\xc1\xad?\x00\x1a\xf0\xd9g\x9f]\xbbv-;;\x9b\xf6\x8b\x04\xa0\x96\xb1\xb4\xb4\xd4\xcb\xcbk\xd7\xae]\x9d;w\x86\x03\x19t\x8d\xc7\xa6\x81\x86\xe1\x95\x95\x95\x01\x01\x01\xdb\xb7o\xef\xd1\xa3\x07\xd3\x12}v\x0f\x12\x00\xa6\x00\xaf\xfe\x9a5k\x16-Z\x94\x9e\x9e.\x14\nM&amp;\x93\x83[\x7f\xec\xf9\x8e\x88B\xa1\xe8\xde\xbd\xbbT*\xdd\xbd{7\xbd~"(P\xe7\xce\x9dCBB\x96,Y\x82R\xff\xef\x08A\x10...G\x8e\x1c\x19?~|zz\xba\x8b\x8b\x0b\xea\x12aM\x90\x000\x02\xf0\xf4333\xa3\xa2\xa2N\x9e&lt;\xd9\xb6m[TPh\x01\xfcD\x92$\x03\x02\x02\xbe\xfe\xfa\xeb\x89\x13\'\xd2\xa5\x01\xf0{\xd7\xacY\xb3z\xf5\xea\xdc\xdc\\\xb5Z\x8d\x14\xfa\xdd\x81 o\xf4\xe8\xd1\xe5\xe5\xe5\t\t\t(\x11dM\x90\x00\xd0\x0f8\xb9555~~~_\x7f\xfd\xf5\xb8q\xe3JJJx&lt;\x1e\x9a\x1a\x0b$IJ$\x92\xfc\xfc\xfc\xc8\xc8\xc8\x8b\x17/\x86\x84\x84X?9\x06\xc9\x9f\x92\x92\x12??\xbf#G\x8e\x84\x84\x84\xe8t:\x94\xafxw\xa0\xa0\x96\xc3\xe1\xf8\xfa\xfa\xae_\xbf\xbeg\xcf\x9e(\x11d5\x90\x00\xd0\x0f\xb8&lt;\xfd\xfb\xf7g\xb3\xd9{\xf6\xecAY\x85\x7f\x04\xfc\xc4\xb5k\xd7\xfe\xf4\xd3O\xb9\xb9\xb9NNNV\xce\x15\x80U\xea\xda\xb5k\x93&amp;M\xd6\xaf__ZZ\x8a\x1c\xd5\xf7\x05I\x92r\xb9|\xcf\x9e=_~\xf9e^^\x9eX,F\x89 \xeb\x80\x04\x80f\xc0\xacl\xde\xbcy\xde\xbcyw\xee\xdc\xa9\xa9\xa9\x01\x87\x88\xeeq1\x11\xd0\x80&gt;}\xfa899\xfd\xf5\xd7_\xd6\xcc\x15\xc04\x1d?~|\xf8\xf0\xe1\x85\x85\x85$IB@`\x9d\xdf\xee\x08\x10\x04\xa1T*\xe3\xe2\xe2\x02\x03\x03QE\x90\xd5@\x02@\'\xd0\xf0\xb2\xb8\xb88$$d\xcf\x9e=m\xdb\xb6EY\x85W`6\x9b\xd9l\xb6\xc9d\n\x0b\x0b[\xb3f\x8d\xd5\x8aF\xe0p\x06A\x10\xc1\xc1\xc1s\xe6\xcc\x19:t\xa8J\xa5B\xd3\xf4~1\x9b\xcd&lt;\x1e\xef\xf1\xe3\xc7\xed\xdb\xb7?w\xee\x9c\xb7\xb77\xe6x\xd7\xa8Y\x1f\xf4|\xe9\x04\xce|\x8d\x181b\xc0\x80\x01\xb1\xb1\xb1\x15\x15\x15\xc8\xac\xbc\x02\x1c\xc7\x8dF\xa3\x8b\x8b\xcb\xaf\xbf\xfe\xfa\xe9\xa7\x9f\xeat:\x1c\xb7\x86\x07\x03\xfb\r\x1b6l0\x9b\xcdC\x87\x0e\x85\x0eEu\xfdK\x1d\r\x1c\xc7\xab\xaa\xaa|||z\xf6\xec9c\xc6\x0ch\nB\xf7\xa0\xec\x1f\x14\x01\xd0\x06x\xaf[\xb7n\x9d?\x7f~nn\xae\xc9dB)\x85\xd7\x01r\x05\xfd\xfa\xf5\x13\x89D\xdb\xb7o\xaf\xeb \x00\xdc\x7f\x83\xc1\x10\x14\x14\xb4b\xc5\x8a\x8e\x1d;j\xb5Z$\x00u\x81\xd9l\x86\xdbc"##\x93\x92\x92Z\xb6l\x89\xfaC\xd45\xe8\xe1\xd2\x03$\xfa\x8dF\xe3\xbcy\xf3~\xf9\xe5\x17\x91HdC\xf7\x9f\xd0\x0b\x9b\xcd\xd6\xe9t\xbf\xfe\xfa\xeb\xe1\xc3\x87sssY,V\x9d&gt;:\x8b\xfb\xdf\xa2E\x8bn\xdd\xba\xa1(\xad\xee\xc0q\xdc`0\xd4\xaf_\x7f\xcc\x981\xf3\xe7\xcf\xb7Nx\xe7\xe0\xa0GL\x0f\xe0\xb7\xce\x9a5+\'\'\xe7\xd8\xb1c\xa8\xa4\xe4\x8d\x80 \xe0\xc7\x1f\x7fLHHHMM\xad\xbb\x92P\x8b\xfb\x1f\x16\x16\xb6n\xdd\xba\xf0\xf0p\xbd^\x8f|\xd2:\x05\xc7q\x92$\xa3\xa2\xa2v\xef\xde\xdd\xaaU+\x14\x04\xd4)\xe8\xc9\xd2\x00\xbc\xd3\xa5\xa5\xa5\x1b6lX\xb0`AMM\rz\xc5\xdf\x08\x0e\x87\xa3V\xab\xc7\x8f\x1f\xff\xf0\xe1\xc3\xa3G\x8f\xd6\xdd\xbd1 -\x1b7n\x14\x8b\xc5\xb1\xb1\xb1\x95\x95\x95h\xa6\xea\x1a\x93\xc9\xe4\xe2\xe2\xd2\xbd{\xf7y\xf3\xe6\xa1 \xa0\xaeA\xcf\x97\x06\xc0\xfd\x9f6mZEE\xc5\xe6\xcd\x9b\x91\xfb\xff\x16\x90$\xe9\xe2\xe2\xb2u\xeb\xd6u\xeb\xd6\xa5\xa4\xa4\xd4Q\x10\x00g\xf4\xbc\xbd\xbd\x17.\\8p\xe0@\x8dF\x83\xf2?u\r\x94\x03={\xf6,"""99\xd9\xdb\xdb\x1bu\xc4\xaa;\xd0c\xb56\xe0\xfe?{\xf6\xec\xd0\xa1Cs\xe7\xce\xd5\xeb\xf5\xc8\xa6\xbc\x05l6[\xa5R\r\x1d:\x94$\xc9C\x87\x0e\xd5E\x10@\x92$\x8e\xe3\x87\x0f\x1f\xe6\xf1x\xfd\xfb\xf7G{\xbf\xd6\x01\xc7\xf1\xea\xeajOO\xcf.]\xba\xac\\\xb9\x12\xc30\xe4\xa4\xd6\x1dH\x00\xac\r\x1c Z\xbcxqxx\xb8\xa7\xa7\xa7^\xafG\xc5?o\x07EQ\x1c\x0eg\xcc\x981\xdf|\xf3\r\x86au\xf4\x18\x97.]:l\xd80hFT\x17\xdf\x8fx\x19\x16\x8bUSS3n\xdc\xb8\x84\x84\x04\x9dN\x87JB\xeb\x0e$\x00V\xc5\x92\xfd\xdf\xb1c\xc7\x84\t\x13jjj\x90S\xf9\xd6p8\x9c\x8a\x8a\x8a\xfe\xfd\xfb?}\xfa\xf4\xd8\xb1c\xef7\x08\x80K\xd9n\xde\xbcy\xe7\xce\x9dQ\xa3F!\xf7\xdf\x9a\xb0X\xac\xca\xca\xca\x98\x98\x98F\x8d\x1a\xfd\xf9\xe7\x9f\xb0-L\xf7\xa0\xec\x13$\x00V\x05\xb2\n[\xb6l\t\x0e\x0e\x8e\x8e\x8e\x06\xef\x86\xeeA\xd90&amp;\x93I\xa1P\x8c\x193\x06r\x05\xef\x11(-\xdd\xb9sghh\xa8\x87\x87\x87\xc1`@\x81\x9a\x951\x9b\xcd\xfd\xfa\xf5\xfb\xeb\xaf\xbf0t$\xb8\xce@\x8f\xd5\xaa@\xd1\xfa\xb6m\xdb&gt;\xfd\xf4S\x10\x03\xbaGd\xdb\xb0\xd9\xec\xca\xca\xca\xa1C\x87fgg\x17\x15\x15\xb1\xd9\xec\xf7\x95+\x80\x9e\x13{\xf6\xec\x193f\x0cA\x10h\xa6\xac\x0c\x04\x01C\x87\x0e\xbd{\xf7\xee\xcd\x9b7\xeb\xfa\xb4\x87\xc3\x82\x04\xc0z\x90$\xc9b\xb1.]\xbaTUU\xd5\xabW/\x94Uxw,\x1b\x86aaa\x1b6l\xc00\xec\xbd\xe4\n@\x9b/^\xbcX]]\r\xd5\x9fh\xa6\xac\x0c\x8e\xe3555\r\x1a4\x80\xcb\xc2\xb0\xe71\x19\xe2\xfd\x82\x04\xc0\xda\xac\\\xb9\xb2w\xef\xde\x12\x89\x84 \x08\xba\xc7b\x0f\xe08N\x10\xc4\xe8\xd1\xa3w\xed\xdae4\x1a\xdf\x8b\xa5\x860\xe2\xc0\x81\x03\xb1\xb1\xb12\x99\xccd2\xbd\xfbw"\xde\x148\x040`\xc0\x80S\xa7Na(\x0bT7\xa0gj%\xa0\x93\xa5V\xab\xbdt\xe9R\xbf~\xfd\x0c\x06\x03z\xa1\xdf\x0b\x90\x05\x8a\x8d\x8d\xad\xa9\xa9\xb9r\xe5\xca{\xd90\x84\x84\xc3\x95+W\x06\x0c\x18\x80\xf2?t\x01Y\xa0.]\xbaTTT&lt;|\xf8\x10\xd5\x02\xd5\x05\xc8\x06Y\t\x08`\x8f\x1c9"\x97\xcb[\xb7n\xcd\xcc\x8e\x02p\xee\x89$I\xe2\xffBQ\x14\x93\xd7\x9e\xc9d\x92\xc9d\xed\xdb\xb7\xdf\xb6m\x1b\xf6\xcee\xe3p\xec\xe8\xe6\xcd\x9b\x8f\x1e=j\xd7\xae]UU\x15\x03g\xeae\xcco\x0e\xddC\xfe\x0f\xa05P\xa3F\x8d\x94J\xe5\x81\x03\x07\xb0\xf7\x94\xdfC\xd4\xc6\x06\xdel\xfb\x00\xd6\xdb\xd1\xa3G\xbbt\xe9"\x10\x08\x18\xf5*\x9b\xcdf\x92$\xe1|\xb2X,V(\x14J\xa5R\xa9T\xba\xba\xba\xc2\xffuvvf\xb3\xd9\x04A0\xd3j@\x16\xa8\x7f\xff\xfeiiiP\xbe\xf9.\xdf\x06R}\xea\xd4\xa9\xa0\xa0 www\xa3\xd1\xc8\xfc\x08\x00\xc7q\xee\x1bb\x13\x87\xcf\xa1gb\xd7\xae]\xcf\x9c9\x83\xd5\xd9Q\x0fG\xc6\x06^\x02\xfb\x80\xcdf\x1b\x0c\x86\xb4\xb4\xb4\xb5k\xd7\x1a\x8dFF9\x95,\x16K"\x91\xb0X\xac\xe2\xe2\xe2\xcc\xcc\xcc\x82\x82\x82G\x8f\x1e\xe9t:\x82 \x84Ba\xfd\xfa\xf5\xfd\xfc\xfcZ\xb5j\xe5\xee\xee\xae\xd3\xe9\xdeW\x9e\xfd=\x02Y\xa0\xf6\xed\xdb\x1b\x0c\x86\xdc\xdc\xdcV\xadZ\xbdK\xf3\x00\xb02\xe7\xcf\x9f\x8f\x8e\x8e\xb6\x89^4\xa0\x7f\x1a\x8d\xe6\x8d~\x8a\xc5b9;;\xd7\xcd\x88\xde\x1b,\x16\xcbh4\xc6\xc6\xc6\xee\xdc\xb9\xd3`0\xf0x&lt;\xbaGdo \x01\xb0\x06`\x8f\xf2\xf2\xf2\x08\x82h\xd5\xaa\x15s\xb2\np0\x8d$\xc9\x83\x07\x0f&amp;$$\\\xbat\xe9\xde\xbd{\xff\xf8IOO\xcf\x81\x03\x07N\x9c8Q\xa9T2\xb0~\x89 \x08WW\xd7\x16-Z\x9c&gt;}\xfa\x1d\x05\x80\xc5b\x19\x0c\x86\xfc\xfc\xfci\xd3\xa61M\xaa_\x86$I\x99L\x96\x94\x944j\xd4\xa8\xd7\x9c\x14\xd8\xe1h\xda\xb4\xe9\xb1c\xc7\xb8\\.\x93\xef\xb6d\xb1XUUU-[\xb6$I2???((\x08\xf5\x05z\xbf \x01\xb0\x06\xf0\xd6&amp;$$4o\xde\\.\x97\x97\x95\x951\xc1\x80\xc2\xbetMMM\x9f&gt;}RRR\xe0\x1f9\x1cN\xf3\xe6\xcd\x1b6l(\x93\xc9X,\x96V\xab\xbd\x7f\xff~AA\xc1\x9d;w\x16/^\xbcw\xef\xdeM\x9b6\xb5k\xd7\x8eim\xf1\xc1O\x8f\x8e\x8eNJJ\x9a&gt;}\xfa[[4\x8bTS\x14\xd5\xb2eK\xe6H\xf5\xbf\x01\x93\xf8\xe4\xc9\x93\x8a\x8a\x8a7\xfaAFM\xdf+\x00i\xf7\xf2\xf2:s\xe6\x0c\x12\x80\xf7\x0e\x12\x00k\x00\xf6\xe8\xd2\xa5K\x1d;v\xc4\x18\xd3\xdc\n\xc7qh\xbd\xabT*1\x0c\xeb\xd4\xa9S\xcf\x9e=\xa3\xa3\xa3\x9b4i\x02I\x7f\x0c\xc3(\x8a\xd2j\xb57o\xde\xdc\xb0a\xc3\xce\x9d;\xef\xdc\xb9\x13\x1f\x1f\x7f\xea\xd4\xa9\x80\x80\x00F\x19Gp\xdbcbb\xd6\xad[WUU%\x14\n!}\xfc\xa6\xdf\x03S\x93\x91\x91\xe1\xe1\xe1!\x97\xcb\xcb\xcb\xcb\x99o(q\x1cW\xa9T8\x8e7k\xd6l\xd1\xa2E\xaf\xf3y\xb3\xd9,\x12\x89\xe0\xdc\x1cc\xdd\x7f\x00f\xa4e\xcb\x96\x19\x19\x19t\x8f\xc5\x0eA\x02`\r\xa0\xb9\xd5\xd3\xa7O\xa3\xa2\xa2\x18\x95U\x00\rX\xb0`\xc1\xd8\xb1c\xe3\xe2\xe2\xb8\\nMM\x8d\xc1`\xa8\xac\xac\x84\x85\x87\xe38\x87\xc3\t\x0f\x0f\x8f\x8d\x8d\xfd\xf0\xc3\x0f\'N\x9cXQQ1y\xf2\xe4\xd3\xa7O3\xcap\xb0X\xac\xea\xea\xea\x80\x80\x00\xa1Px\xfb\xf6\xed\xa0\xa0\xa0w\x11\x80\xb4\xb4\xb4\xc0\xc0@\x8c1R\xfd\x9f\x94\x97\x97\x9b\xcd\xe6\x86\r\x1b\x0e\x192\xc4d2\xbd\xce\x0bFQTee\xa5\x15\xc6\xf6\x8e\xe08NQThh\xe8\xe9\xd3\xa7\x91\xfb\xff\xdeA\x02P\xe7\xc0[\xfb\xe8\xd1#\xa3\xd1\xe8\xe5\xe5U]]\xcd\x1c\xd3\tv\xd3\xd7\xd7\xb7e\xcb\x96:\x9d\x0e\x86\x8a\xe3x\xede\x06\x96B\xab\xd5~\xf6\xd9g\xf7\xef\xdf_\xb8paJJ\xca\xa9S\xa7\x98v?"A\x10...\xf5\xea\xd5KOO\x07\x01x\x8b/\x81?\xfc\xc6\x8d\x1b\xc3\x87\x0f\xc7q\x9c93\xf5o\xc0\xb9\x87\xb2\xb22\x0c\xc3d2\x99\xc1`x\xfdK\x0b\x983w\xaf\x00^Q\x7f\x7f\xff\xf2\xf2r\x9dN\'\x95J\x99\x1f\xb5\xd8\x10HN\xeb\x1c\xb0D\x99\x99\x99\xae\xae\xae\xee\xee\xeeL;X\x04g\xee\xb5Z-\x8b\xc5\xe2p8 \x00/|\x80\xcdf\xc3)\xb61c\xc6\xb8\xbb\xbb\xe38~\xe2\xc4\t.\x97\xcb(\x07\x19\x06\x13\x18\x18\x98\x96\x96\x86\xbd\x95\xf3\x0e\x96E\xaf\xd7\xabT*ooo\x9bh\x00W[\x00\\]]\xb9\\.\xfb\xb5\xa1{\xec\xaf\x05\x04\xa9\xf5\xea\xd5\x13\x08\x04\x85\x85\x85\x98\xed\x84e6\x01\x12\x80:\x07\xde\xd7k\xd7\xaey{{3\xb3\xa7\x15\x8b\xc5\xfaOs\x00\x05y\xee\xee\xee!!!f\xb39??\x9fQ\xb9,\x0c\xc3\xc0a\x0f\x0e\x0e\xce\xcd\xcd\xc5\xde\xb6s\x004\x17\xd2\xe9t\r\x1b6\xb4\x95\x13\x00\x06\x83A\xadVc\x18\xe6\xe2\xe2b\x97\xc7eI\x92T(\x14\x02\x81\xa0\xa8\xa8\x08C\x02\xf0^a\xd0\x02\xb6W\xc0\x88&lt;{\xf6\xcc\xc3\xc3\x83\xf9\x06\xe5\xd5p8\x9c\xfa\xf5\xebc\x18\xa6\xd1h\x98v\x951\x94\xc3\xd7\xabW\xaf\xb2\xb2\xf2\xedl7X\x96\xdc\xdc\\\x99L\xe6\xe6\xe6\xc6\xb4X\xede\xa0\x8a\xb7\xba\xba\x1a\x0e\x01\xb8\xb8\xb8\xd8\xa5q\x84?\xca\xdb\xdb;++\x0bC\x02\xf0^a\xd0\x02\xb6W\xc0\x88\xdc\xbau\x0b\xf6\x15\x19nS\xfe\x13F\x19\xfd\xda@.\xcb\xc7\xc7G\xadVWVV\xbe\xc5\x19.\xf8&lt;\x9cr\x10\x89D\x0c\x8c\xd5^\x86\xcdfWUUA\x04\xe0\xea\xeaj\x97\xf9q\xd09gg\xe7\xf2\xf2r\xba\xc7bo0t1\xdb\x13\x90UP\xab\xd5r\xb9\x9c\xf9N\xe5\xab\xa1(J\xa5Ra\x18\xe6\xec\xec\xcc\xe3\xf1\x98f")\x8a\x82\x02\xd0\xb7\xcb\x15Xvk\xbc\xbd\xbdm\xe2\x0c\xb0\xa5\xc3\xa0^\xaf\xc70\xcc\xc5\xc5\x85i3\xf2^\x80\xb9h\xd5\xaa\xd5\xad[\xb70\x06\xbb \xb6\x08z\x94u\x0bxdZ\xad\xb6\xa6\xa6\xc6\xdf\xdf\x9fQ%@o\n\x9b\xcd\xd6\xe9tyyy8\x8e{zz\xf2\xf9|F\x99\x1b\xd8-\xf4\xf0\xf0P*\x95w\xee\xdc\xc1\xde6WPRR"\x93\xc9lB\x000\x0cc\xb3\xd9\x90\x8e\xc30L&amp;\x93\xd9\xf1-CJ\xa5\x12\x9c\x0f\xc4{\x04\t\x805\xe0\xf3\xf98\x8e3m\xd7\xf4\x8d \x08B,\x16_\xb9r\xe5\xd6\xad[f\xb3\xf9\x83\x0f&gt;`f\x0b\x01\x92$M&amp;\x93H$z\xebo\xe0\xf3\xf9F\xa3\xf1=\x0e\xa9\xee\x80\x08@\xadV\x9b\xcdf\x81@\x00\x02@\xf7\xa0\xea\x04\xd8\xeb\xe6r\xb9t\x0f\xc4\xde\xb0U{d+\x80\x17y\xef\xde=\xa1P\xe8\xe2\xe2b\xa3\x97\xc0@\x8bM\x82 \x16-ZDQ\x94\x8f\x8fO\xd7\xae]u:\x1d\xd3J\t\xc1 6j\xd4\x08r\x05o\n\xe8Ynnnhh\xa8\xad$\xd3Y,\x16d\xc6E"\x91\xb3\xb3\xb3\xd1h$\x9fC=\x07\xfa{\x93$i\x131\xcd\xcb@\x12500\xb0\xbc\xbc\\\xa3\xd1\xd8Jpf\x13\xa0\x83`u\xcb\x0b\x02\xa0R\xa9\x98f4\xff\x13\xf0\xf4\x15\n\xc5\x84\t\x13\x92\x93\x931\x0c\xfb\xf6\xdbo\xa5R\xe9\xeb\x1f8\xb2\x1a\xb0[h\x11\x8075\x13`\xf1\xd5j\xb5\x8b\x8bK\x9d\x8c\xef}\x03\x7f/\x1c\x02\x90J\xa5\n\x85B*\x95b\xcf\xfb{[\xfe|\xa8\xfa\'I\xb2\xaa\xaa\n\x0e7\xd8V$\n\xf5]r\xb9\xdc`0@}\x17\x12\x80\xf7\x05\x12\x00k\x00g\xa6l1?K\x92$\x8f\xc7\x13\x08\x04\x93&amp;MZ\xbbv-\x86a_|\xf1\xc5\x80\x01\x03\xd4j5\xd3\xac\xbf\x05\x93\xc9$\x16\x8b\xdf\xfa\xc79\x1c\x8em\x05j\xd0\x08H*\x95&gt;y\xf2\xe4\xf4\xe9\xd3\xf9\xf9\xf9\x0f\x1f&gt;,))\xd1\xeb\xf50}...M\x9a4i\xd5\xaaUxxx\x93&amp;M\x8cFcee\xa5M\xdc\x07`\x014\xc0&amp;\xcef\xdb\x16\xb6\xf4\x12\xd8.\x96\xbe:t\x0f\xe4\xcd \x08B"\x91TTT|\xf2\xc9\'\x89\x89\x89\x18\x86M\x9a4\xe9\xc7\x1f\x7fdT\x07\x88\x97yG\x0f\xd1V\x92?\xd8\xf3&gt;9w\xef\xde5\x9b\xcd\x05\x05\x05\xc1\xc1\xc1\xaf\x96.ww\xf7n\xdd\xbaM\x9c8144T\xadV\xdb\x96=\xb5\xa1\xa1\xda\x10H\x00\x10\xff\x0cA\x10\n\x85"==\xfd\xb3\xcf&gt;\x83\xb3\xb5\xdf\x7f\xff\xfd\x9c9s\xde\xb4\xed0\xa2\xee\x00\xbf8,,l\xef\xde\xbdz\xbd^.\x97{yy5o\xde\xbcA\x83\x062\x99L \x10@\x1f\xa7\'O\x9e\xdc\xb8q#;;\xbb\xb8\xb8x\xcb\x96-{\xf7\xee\xfd\xfa\xeb\xafg\xce\x9c\xa9\xd3\xe9lH\xed\x10u\x01\x12\x00\xc4?\x00\x8d\xd5\x12\x13\x13G\x8d\x1aUQQ\xa1T*W\xaf^=h\xd0\xa0\xf2\xf2r\xdbr\x1b\xed\x1b\xb86}\xfa\xf4\xe9AAAp\xd7\x90B\xa1prr\x82\xf8\xccb\xdc)\x8a\xaa\xae\xae.,,\xdc\xb3g\xcfo\xbf\xfd\xa6\xd1h\xe6\xce\x9d\xfb\xf8\xf1\xe3_\x7f\xfdU\xab\xd5\xa2\xd9td\x90\x00X\x03\xdbZc$I\xca\xe5\xf2\x83\x07\x0fBo\xe1\xe0\xe0\xe0\xed\xdb\xb7\xfb\xfb\xfb\x97\x96\x96\xdaJ\xe2\xf8]\x1e\xb8m\xed1\xe28\xae\xd3\xe9&gt;\xfc\xf0Ch9n4\x1akjj^\x18?\xec\xfa\xb6h\xd1b\xe1\xc2\x85\xfd\xfa\xf5\x1b:th~~\xfe\x9a5k\xbc\xbc\xbc\xa6L\x99R^^n\x13\xd3jC\x93bC\xd8R1\x80\xedbC\xfbW\x14E\t\x04\x82\xbbw\xef~\xf6\xd9g&amp;\x93\xa9M\x9b6G\x8e\x1c\xf1\xf2\xf2*++\xb3\t3\x81a\x18\x8b\xc5z\x97]\\\x93\xc9d[w\xcfB\x1cPQQa2\x99\xa0u+\xe7\xff\xc2f\xb3\xa1OFqqqPPPBBB\xbdz\xf5X,\xd67\xdf|SXX\xe8\xe4\xe4\xc4|\xdbj6\x9b\xe1\xf6JF\x9d=\xb4\x03\x90\x00\xd4-`\xf4[\xb6l\xa9\xd5j\x9f&lt;y\xc2\xb4\x16\xca/CQ\x94H$Z\xbe|yyy\xb9\x87\x87\xc7\x9f\x7f\xfe)\x97\xcb\xb5Z\xadM\x9c\xc1\x81\xfb\x8do\xdd\xba\xd5\xa6M\x1b\xec\xcd\xe3\x00\x98\x9a\xa6M\x9b\xde\xb9s\xc7&amp;\xd4\xda\x02\xf4s}\xf5\x98Y,\x16\x8f\xc7+++\xf3\xf5\xf5\xfd\xf6\xdbo)\x8a\xaa\xa8\xa8\xd8\xbe}\xbbX,f\xf8\xf11\xb3\xd9\xcc\xe7\xf3\x1f&lt;x \x91H\x9c\x9d\x9d\xd1\xbe\xc5{\x04\t@\xdd\x02o\xaaB\xa10\x99L\xd5\xd5\xd5\x0c\xaf\xbf6\x9b\xcd&lt;\x1e\xef\xd9\xb3gG\x8e\x1c\xc10l\xf2\xe4\xc9\xde\xde\xdeZ\xad\xd6V|\x7f\x0c\xc3\xccf3lZ\xbc\xdd\xcfb\x18\xd6\xb4i\xd3\x82\x82\x02\xccNs\x0e&lt;\x1eO\xadV\xf7\xef\xdf\xbfE\x8b\x168\x8e\x1f?~\\\xaf\xd73\xb9\xa6\x0b{\xfeZ\xde\xbbwO"\x91@\xaf\'\xbaGd?0\xda\x1e\xd9\r\xb6r\x0e\x13\\\xad\xbbw\xef\x16\x15\x15\xf1\xf9\xfc\x9e={\xea\xf5z\x1b\xb2\xfe\x18\x86A\x96\xe0]z9\xe8\xf5\xfaw\xe9$\xc1|\xe0PULL\x8c\xd9l.,,|\xfa\xf4)\x8f\xc7c\xf8\xcb\t\x97\x18C\xcb#\xc4{\x04\t@\xdd\x02;\x8a\n\x85B"\x91\xe4\xe4\xe4\x08\x85B&amp;\'1\xcdf3\x87\xc3y\xf6\xec\x99\xd9ln\xda\xb4\xa9\x87\x87\x87\xc9d\xa2{P\xaf\x0b\xf8\x89\x8f\x1f?.//o\xd5\xaa\x15\xf6\xe6) \xf8\xbc\xaf\xaf\xef\xc3\x87\x0fm\xf1\xd4\xde\xeb\x83\xe3\xb8\xaf\xaf/\x86a\x15\x15\x15%%%\x1c\x0e\x87\xe1\x02\x80aXAAA\xf3\xe6\xcd1;\x8d\xcc\xe8\x02\t@\x9d\x03V\xd5\xc5\xc5E\xa7\xd31\xdf\xa6\xb0X,\x9dN\xc7\xe1p\xea\xd5\xab\x07=\xf1\x99?f\x0bp;\x8a@ \x90\xcb\xe5\xd8\xdb\xd6\x025o\xde\xfc\xf1\xe3\xc7\xb6\xb2i\xff\x16\x80S\x02\x8f\x88 \x08\x9b\xc8L\xe28~\xff\xfe}\x0f\x0f\x0f\x0c\t\xc0{\x85\xd1\x13o\x1f\x80\xcb\xef\xe7\xe7\x97\x91\x91\xc1\xfc\x12C(+$\x08\xa2\xa6\xa6\xc6&amp;\x1cC\x0b\x14E999\xdd\xb8qC&amp;\x93I\xa5\xd2\xb7\x90.\xf8|\x83\x06\r\x8cF#\x14G\xda\xd0\x9f\xff\xa6\xc0k\tUC\x0c\xff3\xe1\xc0sqq1D\x00\xf6*\xcc\xb4`K\xe9]\x9b\xa6^\xbdzyyyt\x8f\xe2?\x00\x0f:$$\xe4\xab\xaf\xbej\xd1\xa2\x85M\xdc\x8a^\x1b\x1c\xc7\x8b\x8b\x8b\xe5r9\x94\x03\xbd\xc5\x8fc\x18\xd6\xb4i\xd3\xca\xcaJ\xb5Z]\xbf~}\x86\x97\xc7\xbc\x1d\xd0B\x0ez\x88\xdaD\x13ip\x9b\x8a\x8a\x8a\xbc\xbc\xbc\xe8\x1e\x8b\xbd\x81\x04\xa0\xce\x01\xb3\xd2\xae]\xbb\xc4\xc4D\x83\xc1\xc0\xe4\x8a\x0b\xa8\x16\x0f\t\t\x89\x8e\x8e&amp;\x08\xc2\xb6\x8e\x89\x82\x1b\x9b\x96\x96\x16\x12\x12\x82\xbdU\xa2\x00\x0c\x8dX,\x96\xcb\xe5w\xee\xdci\xde\xbc\xb9\xcdI\xe0\xeb\x00\x0e\xf5\xcd\x9b71\x0csww\xafW\xaf\x1e\x1c \xa0{\\\xff\x0c\x9c\x00(..\xd6\xeb\xf5 \x00\x8c\x1d\xaa-\x82R@u\x0e$X[\xb6l\xa9\xd3\xe9\x98\x7f\x14\x00n\xde(--\x85\xc6\xebt\x0f\xe7\r`\xb1X\x14E\xbd\xf5!\x00\x80\xa2(\x1e\x8f\xe7\xe6\xe6v\xe7\xce\x1d\xbbL\x01\x81=-))\xb9t\xe9\x12\x8e\xe3AAA\xae\xae\xae\xcc\x17\x80\'O\x9e`\x18\x06{\x00\x8c\x1d\xaa-\x82\x04\xa0\xce\x01\xbf\xd2\xcd\xcdM,\x16\xdf\xb8q\xc3&amp;\x0e^\xb2X,\xdbZf\x16?\xb1\xb4\xb4\x14"\x80\xb7\x1b?LMpppzz\xba\xd9lf\xfeL\xbd\xe9\x08M&amp;\x93T*\xdd\xbbw\xef\xc3\x87\x0f\xcdfs\xdf\xbe}\x19&gt;\xd1p\xd9Yvvv\xbdz\xf5\x9c\x9d\x9dm\xab*\x81\xf9 \x01\xb0\x06\x14Eq8\x9c\xa6M\x9b\x9e?\x7f\x9e\xc3\xe10\xbc\x12\x14\xc7qggg\x86W\xac\xbe\x80\xd9l\x16\n\x85\x99\x99\x99f\xb3\xb9q\xe3\xc6\x90\xe6~\x8b\xef\x01\xe3\xd2\xa6M\x9b[\xb7nQ\x14\xc5\xf0\xf2\x18\x0c\xc38\x1c\x0e\\\xfe\xf5:\x1f6\x1a\x8dr\xb9&lt;??\x7f\xd1\xa2E\x18\x86\x05\x04\x04\xf4\xee\xdd[\xab\xd529-\t/dfff`` \xf6|\xef\x1a\xf1\xbe`\xfa\xfbm\x1f\x80\x9b\xd6\xa9S\xa7+W\xae0\xd9\x85\x81\x8aU\xb3\xd9|\xe1\xc2\x85\xdc\xdc\\\'\'\'\xbaG\xf4\xba\x80\xc4\x9e?\x7f&gt;88\x98\xc7\xe3\xbd\xb5\x99\x80\xa9\t\r\r-++{\xf6\xec\x19\xc3\xf3uf\xb3Y\xa3\xd1\xc8d2(\xd8\xb5\x9c7|\x01\xf8O\x14E\xb9\xbb\xbb\x17\x15\x15\r\x192\xa4\xb8\xb8\x18\xc3\xb0\x9f\x7f\xfeY$\x121\x7f\x07\x98\xa2\xa8\xdc\xdc\xdc\xf0\xf0p\x0c\xe5\x7f\xde7H\x00\xac\x01xX={\xf6|\xf2\xe4\xc9\xb3g\xcf\x98|\xf0\x12\xc7\xf1\x91#G\xc6\xc5\xc5EEEm\xd9\xb2\x85\xf9\x8db\x00\xc8\xb3\xa5\xa4\xa4\xf4\xe9\xd3\xe7]\xbe\x87\xc5b\xc1!8\xb1X\x9c\x91\x91\xc1\xe4\xc6\x03\x10\xf4L\x992e\xfc\xf8\xf1\xa0\xd6J\xa5R*\x95\xf2\xf9|\x0e\x87\xc3b\xb1\xa0A\x10\x97\xcb\x15\x8b\xc5\xae\xae\xae\x02\x81`\xc7\x8e\x1d\x1d;v\xcc\xce\xce\xc60\xec\xe7\x9f\x7f\xee\xd2\xa5\x0b\xc3\xef\xf6\x81\xc3}O\x9f&gt;-**\xfa\xe0\x83\x0f\xb0\xe7;j\x88\xf7\x05z\x9a\xd6\x00\xbc\x98\xc6\x8d\x1b\xbb\xb8\xb8\xa4\xa6\xa623\xbb\x02u\xf4yyy\x07\x0f\x1ed\xb1X&amp;\x93i\xcb\x96-6q \x16:X\x14\x15\x15=}\xfa466\x16{73A\x92$\x9b\xcd\x0e\x0e\x0e\xbex\xf1"\x93\xf3u\x10\xae=|\xf8\xf0\xf7\xdf\x7f\x8f\x8a\x8a\xea\xda\xb5\xeb\x82\x05\x0b\x8e\x1d;v\xef\xde\xbd\xca\xcaJp\xf9a?\xff\xca\x95+K\x96,\xe9\xd4\xa9\xd3\xb0a\xc3\x1e&lt;x \x14\nW\xadZ\xf5\xc5\x17_0\xff\x86jKf\xcf\xd9\xd9\x192{\xcc\x7f\x1bm\x0bT\x06j% G\x11\x19\x19\xb9o\xdf\xbe\xbe}\xfb2\xd6\xaf\x04lk\x99Q\x14%\x16\x8bw\xed\xda%\x93\xc9\x9a6m\xfa\x8e\xb9{\xf8\xdb;t\xe8\xb0v\xedZ\x82 \x98\xecr\x9aL\xa6\t\x13&amp;,[\xb6,??\xff\xe2\xc5\x8b\x17/^\xc40\xcc\xc9\xc9I\xa1P8;;\xb3\xd9l\x83\xc1P^^\xaeV\xab-?\xd2\xad[\xb7\xff\xfd\xef\x7fm\xdb\xb6e\xbe\xf5\xc7\x9e\xaf\x9a\x93\'O\x06\x05\x05\xb1\xd9l\x82 l\xab3\x15\xf3a\xee\xcbmg\x80Y\xe9\xdd\xbb\xf7\xa5K\x974\x1a\r\x03\xbb+\xc3)0??\xbfn\xdd\xba\x91$\xc9b\xb1\x86\x0f\x1fn\x13\xa5\x90\xe0\x18\xee\xdf\xbf?..\x0e{\xe7}B\xb0\xf8\x1f|\xf0\xc1\x83\x07\x0f\x1e&lt;x\xc0\xe7\xf3\x99\xf9\x04`\xbeF\x8e\x1cy\xfe\xfc\xf9={\xf6|\xfe\xf9\xe7!!!R\xa9\xb4\xba\xba\xfa\xf1\xe3\xc7\xf9\xf9\xf97n\xdc\xb8s\xe7\x8eZ\xad\x16\x89D\xc1\xc1\xc1\x93\'O&gt;}\xfatBBBHHHyy9\xf3\xad?\xf6\xfcj\x87\xf3\xe7\xcfw\xed\xda\x15\xb35\xbf\xc4&amp;`zg\x02{\xc2l6\x13\x04\xe1\xe9\xe9\xb9j\xd5\xaa\xee\xdd\xbbk4\x1a\xa6-B(\xa64\x18\x0cW\xaf^\x95J\xa5!!!\x06\x83\x81\xeeA\xfd\x07\x90\t\xd1\xe9t!!!g\xcf\x9e\r\x08\x08x\xf7\xea\x1d\xf8\x86\x8e\x1d;\x0e\x192\xe4\xb3\xcf&gt;c\xb2\xb3L\x92$\x87\xc3\x11\x8b\xc5l6[\xab\xd5\x16\x17\x17\x17\x17\x17\xab\xd5\xea\xaa\xaa*\xb8\xdbG*\x95\xd6\xaf_\xbf~\xfd\xfa\x12\x89\xc4d2\xe9t:\xccF2\xe9P\x00ZXX8`\xc0\x80\x94\x94\x14\xb9\\\x8eR@\xef\x1d\x14OY\x0f\x92$\xb9\\n\x9f&gt;}v\xef\xde\x1d\x1f\x1f\xcf@\xe9\xc5q\xdcd2q8\x9c\xb8\xb88\x92$\xab\xaa\xaa\x98\xbf\xde,\xf9\x9f\xa6M\x9b\xfa\xfb\xfb\xbf\x97\xdaM\xf8\x92\x98\x98\x98\xbf\xff\xfe\xfb\xf3\xcf?g\xe0LY`\xb3\xd9\x14Ei4\x1a\x10\xc2\xfa\xf5\xeb7i\xd2\xc4r9\x0c\x94\x00\x99L&amp;\xa3\xd1XVV\x06;\xc3t\x0f\xf9u!IR(\x14\x1e&lt;x\xb0~\xfd\xfar\xb9\x1c\xf6f\xe8\x1e\x94\xbd\x81\x04\xc0z\xc0\xda\x1b?~|\xa7N\x9d\x1e?~\xec\xec\xec\x0cWE\xd2=\xae\xff\x03\xecWWTT\xc0E\xb2t\x0f\xe7u\xd9\xbcy\xf3g\x9f}\x86\xe38$\xaf\xde\xf1\xdb\xe0\x1b\xfa\xf7\xef\xbff\xcd\x1a\xc6\xce\x94\x05h\xe8\x06\xff\xdbh4\x1a\x0c\x86\xda\x8a\x85?\xc7\xe6\xb2\xe7\xf0*&amp;&amp;&amp;\x0e\x1d:\x14CM@\xeb\x06\x9bY\xe1v\x00\xf4*\xf0\xf5\xf5m\xd1\xa2\xc5_\x7f\xfd%\x91H\x98Ya\t\x06\xc5&amp;\xac?\xb8\xff\xd7\xae]{\xf4\xe8\xd1G\x1f}d6\x9b\xdf\x8b\x93\x083\x15\x18\x18\xd8\xacY\xb3#G\x8e\x88\xc5b\xc6\xd6\x02\xbd\x00\xc86\xbb\x166w\xa8\x1b\x80\xfa\x9f\x9b7o&gt;{\xf6l\xf0\xe0\xc1\xd8\xf3Zj\xc4\xfb\xc5\x06\x16\xb9=\x01^\xcc\xf8\xf1\xe3\xb7o\xdfn2\x99l\xc2\xc82\x19Hso\xd8\xb0!..\x0e\x04\xf5}\x19;8\xaf7|\xf8\xf0\x8d\x1b7\xbe\x97/D\xbc\x11\x90\xff\xd9\xb4iSHHH\xbdz\xf5l\xa2\x1c\xd9\x16A\x06\xc8\xaa\xc09\xa3&gt;}\xfa\xa8T\xaa\xfd\xfb\xf7K\xa5Rf\x06\x016\x81\xd9lvrr\xba{\xf7\xee\xfe\xfd\xfb\xa7O\x9f\x8e\xbd\xd7\xbdM\xe8\x92\xdf\xbf\x7f\xff\'O\x9e\xe4\xe7\xe73\xf9D\x98]\x025\xac\'N\x9c\x18=z4z\xf2u\x07\x12\x00\xab\x02iM\x81@0s\xe6\xcc\x8d\x1b7\xdaD\x91%c!IR,\x16o\xdb\xb6-66\xb6e\xcb\x96\xef%\xfbo\x01f\xca\xc3\xc3\xa3]\xbbv+W\xae\x14\n\x85H\xaa\xad\x06I\x92\x12\x89$11\xb1\xa6\xa6\xa6[\xb7n\x18\xca\xff\xd4\x19H\x00\xac\r\xe4\x97?\xff\xfc\xf3\xc7\x8f\x1f_\xbat\t\xee\xae\xa2{P6\t\x97\xcb\xd5h4;w\xee\xfc\xf6\xdbo\xeb\xa2@\x10\xdaK\xcc\x993\xe7\xe8\xd1\xa3*\x95\x8a\xc7\xe3\xbd\xdf\xefG\xfc\x1bP\xd1\xb4q\xe3\xc6\xf1\xe3\xc7C\xb7;\xbaGd\xb7 \x01\xb06`V\x9c\x9c\x9c&amp;L\x980o\xde&lt;\xe6_\xc8\xc7L\x08\x82\x90\xc9dK\x96,\t\x0c\x0c\x0c\n\n\xaa\x8b\xce\x9d\x90\xaf\x0b\r\rU*\x95\xeb\xd6\xad\x93H$\x04A\xbc\xdf_\x81x\x19\x8a\xa2\x9c\x9d\x9d/]\xba\x94\x95\x95\xf5\xc9\'\x9f\xbc\xaf\x8d}\xc4?\x82\x0e\x82\xd1\x00\xf4h$\x08\xa2I\x93&amp;\xbf\xfe\xfa\xeb\xc0\x81\x03\x99|\xd4\x88\x81@\x8f\xb0\xb2\xb2\xb2\xc0\xc0\xc0\xd4\xd4T\x7f\x7f\xff\xb7\xee\xff\xfcj\xa0\xf6\xfc\xd0\xa1C3f\xcc\xc8\xc9\xc9\xa9\xac\xacD[\x91u\x8d\xc9drss\xfb\xf8\xe3\x8f\x95J\xe5\x8a\x15+P\xf9\x7f\x9d\x82"\x00\x1a\x80 \x80\xc7\xe3-^\xbc\xf8\x87\x1f~`\xf2}L\xcc\x04\xb2\xff\xdf\x7f\xff}\xdf\xbe}\xdf\xcb\xd1\xdf\x7f\x03\x8eY\xf5\xec\xd9S\xa1P\xec\xd9\xb3\x07m\xda\xd75P\xfdYPPp\xf5\xea\xd59s\xe6\xd4\x91\xae#,\xa0\x87K\x0fl6\x9b$\xc9\x91#G\xe28\xbe|\xf9r\x17\x17\x17\x94^xMH\x92\x94J\xa5W\xae\\\xd9\xbbw\xef\x8a\x15+\xea\xfa\xda\x16\x08\x91\xe7\xcc\x99\xb3|\xf9r\x0c\xb5\xa3\xa9c\x08\x82\x10\x8b\xc5K\x97.\xed\xd1\xa3G\xbdz\xf5\x98|y\x86}\x80R@\xb4\x01/wjjj\xd7\xae]\xaf]\xbb\xe6\xee\xee\x8eB\x81\xd7\x01r\xc4\xad[\xb7\x1e6l\xd8\xacY\xb3\xac\x90"\x00\x8d\t\x0f\x0f\x1f6l\xd8\xa4I\x93\xca\xcb\xcbm\xeeT\xadM\x00\r\xc9o\xde\xbc\x19\x1f\x1f\x9f\x99\x99\xe9\xe6\xe6\x86!\xc5\xadc\x90\x00\xd0\t\x18\xafi\xd3\xa6\xe5\xe5\xe5\x1d?~\xbc\xb4\xb4\x14Y\x96W\x03\t\xe2\x1f\x7f\xfcq\xcf\x9e=\x19\x19\x19\xd6I\x10\xc3o9z\xf4\xe8\x88\x11#\xee\xdd\xbbg2\x99\xea\xfa7:&amp;\x04A(\x95\xcaN\x9d:\x05\x04\x04\xa0\xec\xbfu@\x02@\'\xd0\xab\x8b\xa2\xa8\x96-[N\x9d:u\xfc\xf8\xf1H\x03^\x01\xa4\xfe\xf3\xf2\xf2:v\xec\x98\x92\x92\xe2\xe5\xe5e\xb5\x1c1\x18\xa3\xae]\xbb\x86\x85\x85-Z\xb4\x08M\xd3{\x07j\xff\xcf\x9e=;v\xec\xd8\xcc\xccL\xa9T\n-\x8c\xe8\x1e\x97\x9d\x83\x04\x80f \xbd\x90\x9a\x9a\xda\xa1C\x87\x9c\x9c\x9cz\xf5\xea\xd5\xd4\xd4\xa0\x8d\xaf\x7f\x84\xa2(\x99L\xd6\xb2e\xcb\x11#F\xcc\x9e=\xdb\x9a\x1e"\xe4\xeb\xf2\xf3\xf3[\xb7n\x8d\xa6\xa9.\x80\xc9\xf5\xf3\xf3\x9b6m\xda\x84\t\x13\x90\xfbo\x1d\x90\x00\xd0\x0f\xbc\xeb\x0b\x17.\xdc\xb5kWVVVEE\x05\xb2,/\x03\xc9\x9f1c\xc6\x14\x16\x16\x9e&gt;}\xda\xfa\x97C\xc14}\xf9\xe5\x97iii\xe7\xcf\x9f\xb7\x95;Ul\x02H\xfe\xcc\x9b7\xef\xf8\xf1\xe3W\xaf^\xa5(\n=[\xeb\x80\x04\x80\x11\x809\xeb\xd0\xa1\x83\x97\x97\xd7\xfa\xf5\xeb\x8b\x8b\x8b\xd1\xb9\xd3\xda\x80\xf5\xdf\xbd{\xf7\xa4I\x93\n\n\nh\xc9\x0f@\xbe\xcel6\xfb\xf9\xf9\xcd\x9f?\x7f\xd8\xb0aeee(\x11\xf4\xeeP\x14\xc5\xe7\xf3\x9f&gt;}\xda\xae]\xbbK\x97.\xf9\xfa\xfa\xd6ue\x17\xc2\x02\x12\x00F\x00G\xc3***&lt;==\x17.\\8~\xfc\xf8\x92\x92\x12\x06^\x1bI\x0bp\xe87???$$\xe4\xfc\xf9\xf3QQQt\xe5\x07\xe0\xf7\x9e:uj\xc8\x90!\xb7n\xdd\xe2r\xb9L\xbe\'\xc0V\x00\xf7?&amp;&amp;&amp;::z\xf1\xe2\xc5\xe8\xe2_k\x82d\x96\x11\x80\x11\x91\xcb\xe5\x87\x0f\x1f\x9e;w\xee\xd9\xb3g\x15\n\x05:\x19\x80=o\xf8\xacR\xa9z\xf5\xea\xb5l\xd92\x1a\xad?\x86ap/y\xa7N\x9dF\x8c\x18</t>
        </is>
      </c>
    </row>
    <row r="431">
      <c r="A431" s="1" t="n">
        <v>429</v>
      </c>
      <c r="B431" t="inlineStr">
        <is>
          <t>size_grid</t>
        </is>
      </c>
      <c r="C431" t="inlineStr">
        <is>
          <t>What is the size of the missing part denoted with a question mark?</t>
        </is>
      </c>
      <c r="D431" t="inlineStr">
        <is>
          <t>['medium', 'large', 'small']</t>
        </is>
      </c>
      <c r="E431" t="inlineStr">
        <is>
          <t>small</t>
        </is>
      </c>
      <c r="F431" t="inlineStr">
        <is>
          <t>There are circles arranged in a grid formation with varying sizes in the image. The sizes in the first row are ['medium', 'small', 'medium'], the sizes in the second row are ['small', 'large', '?'], and the sizes in the third row are ['medium', 'small', 'medium'].</t>
        </is>
      </c>
      <c r="G431" t="inlineStr">
        <is>
          <t>We observe that the circles at the corners are medium size, while the circles directly adjacent to the center are small size. Only the center circle is large size. Hence, the pattern is that the circles alternate in size depending on if they are at the corner or adjacent to the center.</t>
        </is>
      </c>
      <c r="H431" t="inlineStr">
        <is>
          <t>Based on the pattern that the circles alternate in size depending on if they are at the corner or adjacent to the center, the size of the missing part that is adjacent to the center should be small.</t>
        </is>
      </c>
      <c r="I431" t="inlineStr">
        <is>
          <t>b'\x89PNG\r\n\x1a\n\x00\x00\x00\rIHDR\x00\x00\x02\x00\x00\x00\x02\x00\x08\x02\x00\x00\x00{\x1aC\xad\x00\x00I\x8cIDATx\x9c\xed\xddy|\x14E\xde?\xf0ou\xf7L2\xb9\'\x07\x87\xb8\xc8\x99\x80\x10 \x91\x08\x08"\x97`\x14VW\x11tQ1(\xe8\xcf3(\x1e\xec\xba\xab\xa8\xcf\xae\x02+\xee&gt;\xa2\x98(\x1ex\xf0\xe8\xe3.\x8a\xac\x04\x82(r(H\xc0\x04\x88\x84K\xae\x1c\x1c9\x98\x9c3]U\xbf?J\xe6\xc9\x82\x07\x81!s\xf4\xe7\xfd\xf2\xe5K\'\x93I\xa7\xf3\xed\xfaTWWW3)%\x01\x00\x80\xf5h\xfe\xde\x00\x00\x00\xf0\x0f\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xca\xf0\xf7\x06X\x8bl\xe6\x94/\xb1f\xfc\xb2m\x00\xe7\x1b\xea?\xd0\xb0\xd3\xff\x12\xe0sRJ!\x04\x11\xe9\xba\xfe\xabo\xe6\x9cK)5M\xd34\x9c\x9fA(@\xfd\x07,\x04\xc0\xf9%\x84\x90Rz\xeb\x9es~\xf8\xf0\xe1={\xf6\xec\xdf\xbf\xff\xc0\x81\xfd\x8c1)\x89H\xc6\xc59SSS\xdb\xb5k\xd7\xa9S\'\x87\xc3\xd1\xfc{5MC\x9f\x08\x82\x14\xea?\xc0!\x00\xce\x17!\x84\xf7|\xb6\xa2\xa2b\xdd\xbau\xcb\x96-\xdb\xb4i\xe3\xfe\xfd\x07N\x9c8\xf1\x93\xdf\x12\x16f\xef\xd0\xa1Czz\xfa5\xd7\x8c\x1d8p`\x8f\x1e=\xd4\xeb\x9c\xf33\xe9:\x01\x04\x0e\xd4\x7fP@\x00\xf8\x9e:\xe1U%[XX8\x7f\xfeK\x9f~\xba\xac\xb4\xb4\xf4\x94\xb7%%%\x90\x14\x92\x881\xad\xa6\xc6\xe5v\xbb\x9b\x7f522\xe2\xca+\xaf\xbc\xe7\x9e{G\x8c\x18\xa1\xeb\xba:\x83\xc6I1\x04&gt;\xd4\x7f\x10A\x00\xf8\x98\x10B\x95\xe9\xb6m\xdb\x1e{\xec\xb1\xfc\xfc|oe_\xd4\xf1\x82\xfe\xfd{\xa5\xf7M\xe9\xdf\xb7\x87\xd3\x19\xd3\xadkG\x12\x82\x88H7\xcaK+\xca\x8eV\x16\xed\xd8[XT\xb2i\xf3\xf6\xa2m%\xde\x0f\xec\xdb\xb7\xef_\xff\xfa\xd7\xcc\xccLBW\x08\x02\x1e\xea?\xb8 \x00|\xc94M\xc30\\.\xd7\x1f\xff\xf8\xc7\xd7^\xcbmhh$\xa2\x08G\xf8\x8d7\x8c\xbe\xfe\xbaQ\xc3\x86\xa4\xc7\xb4M$\xd2\x89L\x12\x82\x9a\xdcDjpS\x92\xcd \xc3 \xd2\x89$w\xb9\xbe\xd9\xbc}\xc9\xd2\xd5\xef\xbe\xbf\xac\xb4\xec\xa8\xfa\xe4\xcc\xcc\xcc\x17_|199Y\xfd\x08\xff\xfd\x8a\x00?\x0b\xf5\x1ft\x10\x00&gt;\xa3J\xb3\xa0\xa0`\xea\xd4\xa9\x05\x05\x05D\xe4\x08\x0f\xbbyb\xe6\xf4\xfbo\xed}Io"I\xf5\xf5\xdc\xed\x91\x92\x18c\xc4HkviK\xcd\x8b\x93R2F\xba\xaeS\xa4\x83\xb4\xb0\x8a\x83\x07\x17\xe4~\xf0j\xee\x87e\xe5\xc7\x88(11q\xfe\xfc\xf9\x13&amp;Lh&gt;\xba\n\x10 P\xff\xc1\x08\x01\xe0\x1b\xaa\xfa\x17.\\8}\xfatu\x8d\xeb\xaaQ\x97\xcd\x9d=\xa3WZ/\xf2\xb8ym=1:\xc3\xf9\x0c\x92H\n!\x840\xc2\xc3\xc9\x11q\xe4P\xd9\xb3\x7fY0\x7f\xc1b!%\x11egg\xcf\x9b7\x0f\xc7\xc0\xb9\xf0\xd6\xbc\x94R\xedC\xec\xc9s\x84\xfa\x0fR\x08\x00\x1fP\xd5\x9f\x9b\x9b;m\xda4"\n\xb3\xdb\x9e{\xe6\xc1\xec\x87\xb2\x88$w\xd51\x8d\x9d\xdd\xc5+)%\xe7\\\x1d\x06yK\xf3\xef\x98\xf6\xe7\xc3\xe5\xc7\x88h\xea\xd4\xa9999\x9cs\xcc\x90;s\xea\xe6#\xd5p\x9c&gt;\x8e\xacv5c\x0c\xbb\xf4,\xa0\xfe\x83\x17\x02\xe0\\\x9dR\xfd\xf1q\xd1\x9f\xfc\xf3\xa5\xc1\xc3/\x135\xd5$\xa5\xa6\x9f\xeb\xbc\x05)%\xe7\xc2p\xc6\x96\x1d(\xbd\xf6\xba\xfb6m\xd9A\'\x8f\x01\xd34u]\xc71\xf0\xcb~lG\xfes\xe0\xd8\xe5r\xd5\xd7\xd7\xbb\xddn\x9b\xcd\x16\x19\x19\x19\x1d\x1d\xed\xfd\x12\xae4\xb6\x08\xea?\xa8!\x00\xce\x89j,\xdez\xeb\xad\xdbo\xbf\x9d\x88.N\xe9\xfc\xce\xa29i\x19\xa9fe\x95a\xf3\xe5\xa5*\xd3c\x1a\xd1QUU5S\xa6\xfca\xc9\xb2/\x89\xe8\xae\xbb\xeeZ\xb0`\x01\xae\x89\xfd2\xef \x0f\x11\x15\x14\x14\xac^\xbdz\xc3\x86\r\xbbw\xef.//\xaf\xaf\xafW\xbd\xc8\xc8\xc8\xc8\xdf\xfc\xe67\xe9\xe9\xe9\xe3\xc6\x8d\xcb\xcc\xcc\xd4u\x1d\x19p\x86P\xff\xc1\x0e\x01p\xf6\xd4\x8c\xb7\xa2\xa2\xa2A\x83\x06\xd6\xd5\xd5\'8cV\xafX\x98\xda\xbf\x8fYy\xdc\xb0\xd9|\xfe\xe3\xb8\xc9\xf5HGc\xa3{\xe8\xb0[7m)&amp;\xa2\x85\x0b\x17fee\xa1\xb5\xfa9\xaa\xf5/--]\xb4h\xd1\xe2\xc5\x8b\xb7n\xdd\xfa\xab\xdfr\xc9%\x97\xfc\xe5/\x7f\x19=z4\xf6\xea\xafB\xfd\x87\x00\x04\xc0YR\x03\xca\xf5\xf5\xf5C\x86\x0c.,,2\x0c\xfd\xab\xbc\xd7\x07\x8e\x18dVV\x1av\x1b\x9d\x9f\x9d*8\xd7\xc2\xc3\xaajj\xfb\x0f\x9c\xb8o\x7fiDD\xc4\xfa\xf5\xeb\xfb\xf4\xe9\xe3\x9d|\r^\xaa]x\xf7\xddw\x1fx\xe0\x81\xca\xcaJ\xf5\xa2\xcdf\xd34M\xfd\xed\xd4U\x015\xeeO\'/\x12p\xce\x89h\xde\xbcy\xd9\xd9\xd9hY~\x01\xea?4`\xaf\x9d%u\xaf\xe3\xcc\x993\x0b\x0b\x8b\x88h\xce3\x0f\x0e\x1c1\xc4SYe\xd8\xceW\xf5\x13\x91\xa6\xeb\xbc\xa1\xc9\xd9&amp;\xe1\xbd\x85\xffe3\xf4\xba\xba\xba\xdbo\xbf]\xddh\x83 \xffI\x17^xaee\xa5\xddn\xb7\xd9l\xba\xae{&lt;\x9e\xa6\xa6&amp;\xb7\xdbm\x9a&amp;\xe7\\\x08\xc19\xf7x&lt;\x1e\x8fG\xfd\xaf\xae\xeb\xba\xaeO\x9f&gt;\xfd\x83\x0f&gt;PcA\xfe\xfe\r\x02\x14\xea?4\xe0\x0c\xe0l\xa8\x1e\xc7\xce\x9d;SSSM\xd3\x1c9,c\xe5\xca7\xcd\xdaZ\xa3U\xba!\xa6\xc74\xe2\x93f\xcd|\xee\xa9\xe7r\x89\xe8\xcd7\xdf\x9c&lt;y2\xba\xab\xa7S\x7f\xa6\xcc\xcc\xcc\xe5\xcb\x97\xabW\xda\xb6m;t\xe8\xd0\x81\x03\x07&amp;\'\'\xc7\xc5\xc5\x19\x86Q[[\xbb}\xfb\xf6O&gt;\xf9\xe4\xf3\xcf?W\xefQ\xa7\x08\x89\x89\x89\xc5\xc5\xc5\xf1\xf1\xf1\x84I\xa2\xa7A\xfd\x87\x0c\x04\xc0\xd9P\xb3\t333\xf3\xf2\xf2\xc2\xc3\xed\xdf\xad_\x9c\x9c\x9a,j\xeb\xcf}\xce\xc3\x99\x90R\n\xc6\x04\xd3\xfa\\r}\xc9\xee\x03m\xdb\xb6-,,LHH 4U\xffI]\xe3]\xb9r\xe5\x981cF\x8e\x1cy\xfb\xed\xb7gff\xaa\x1du\xba\xc5\x8b\x17O\x992\xa5\xa9\xa9I\xad^i\x9a\xe6\xdf\xff\xfe\xf7\x07\x1ex\x00\x97\x19O\x87\xfa\x0f\x19\x18\x02j1U\xfd\xc5\xc5\xc5\xabV\xad"\xa2\x89\xd7\x8fNN\xeb\xcd]u\xadS\xfdD\xc4\x18\x93&amp;\xb7EE\xcd\x9c~\xbb\x10\xa2\xac\xacl\xc9\x92%\x8c1\x8cW\x9cB\xcd\x11\x1c6l\xd8\xe6\xcd\x9b\xf3\xf3\xf3o\xb9\xe5\x96\x84\x84\x04\xce\xb9\x1a\xff\xf12M\xd34\xcd\x9bn\xbai\xce\x9c9\xaao\xab\xae\r,[\xb6\x8c\xb0\x00\xd9iP\xff\xa1\x04g\x00-\xa6N6\xa7M\x9b\x96\x9b\x9b\xebp\x84oY\xf7nr\xefdY\xdf\xd0\x9a-\x85$\x92\x8c&lt;\x82\xd2\x07\xdcX\xbc\xf3\x87^\xbd.\xde\xb2e+\xe6D\xff\x02u\xd1\xf2\xe7n\x1dR\xd7\x84\x9b\x9a\x9a\xbat\xe9RQQ\xa1F\xff\xbbt\xe9R\\\\l\xb7\xdb\x9b\xcf%\x05\xd4\x7f(A\xef\xa6e\xd4\xf8@EE\xc5\xc7\x1f\x7f\xcc\x18\x8d\xbfvDJZ\xaa\xa8\xado\xe5~"#\x12\x1e\x1e\x16\x13\xf3\xf0}\xb7H)w\xec(\xfe\xf2\xcb/\xd1\t\xfa9\xde\x1b\x80\x7f\xae\x81P\xcf\x9f\x8a\x88\x88\xe8\xd6\xad\x1b\x9d\x1cI\xa8\xa9\xa9ihhh\xd5\r\rx\xa8\xff\x10\x83\x00h\x19Ua\x1b6l8r\xe4\x88\x94t\xd3\rc\xa4\x14\xe4\x8f~\x87\xaek\xb2\xb1\xfe\x9a\xab.\x8f\x8b\x8d\x16B,]\xfa\ta.\xc4\xcf8\x93\xe6I\xed\xba\xe6\t\x81\x95\x06N\x87\xfa\x0f1\x08\x80\x96Q-\xc2\xa7\x9f~\xca\x18\xbb\xb0C\xdb!\x97\xa7\xb3\x86zM\xf3\xc3\x01\xc0\x18\x93\x8d\xee\xb6\x9d/\x1c:8\x9d\x88V\xad\xfa\xdc\xedvc"\xc4\xd9Q\x8f\x1e\xf4x&lt;\x87\x0f\x1f\xf6\xbe\xe8t:#""\xfc\xb8U\x01\x08\xf5\x1fb\x10\x00-\xa3i\x9a\xdb\xed^\xbf~\xbd\x94r\xd0\xa5\xa91m\x93\xb8\xdb\xe3\xaf~\xa2\x90\x924\xe3\xca\xe1\x97\x12\xd1\xee\xdd\xbb\xf6\xed\xdb\xc7\x18S\xcfN\x82\x16Q;m\xd3\xa6M?\xfc\xf0\x83:]`\x8c\xf5\xe8\xd1\xc30\x0c\xb5H\x9c\xbf70P\xa0\xfeC\x0c\x02\xa0\x05\xd4Prii\xe9\xa1C\x07\x89(\xbdo\x0f"\xdd\x8f\'\x9d\x8c1\x92f\xbf&gt;)\x9a\xa6566\x15\x16\x16\x12\xce\x82[\xce\xdbd&lt;\xfe\xf8\xe3j\xef\xa9\xbb\x82o\xb8\xe1\x06\xc2\xfel\x06\xf5\x1fz\x10\x00-\xa0j\xeb\xc0\x81\x03.W-\x11\xf5KM&amp;\xf2g\xf7P\xd3\x185\xb9\x93\xbb]\x14\x1b\x13MD%%;\t\x07@\x0b\xa9\xd6_\xd7\xf5{\xee\xb9\xe7\xab\xaf\xbeR\xe3\xfe\x9c\xf3\x94\x94\x94\x1bo\xbcQ]\xf3\xf4\xf76\x06\n\xd4\x7f\xe8A\x00\xb4\xd8\xbe}{\x89\xc8f\xb3%&amp;:Ip\xff\x0e\x0fH."\xa2#\xe2\xe2\xa2\x88h\xdf\xbe}\x84{aZ\xc2\xbb\xa6\xfc\xd4\xa9S_y\xe5\x15o[\xcf\x18{\xf5\xd5W\x1d\x0e\x87\xea\xf3\xfaw#\x03\r\xea?\x94 \x00Z@u.v\xef\xdeMD\xce\xb8\x98\xee];R\x93\xdb\x8f\x05\xc7\x18\x93\xa6\x19\x95\xe8\xec\xde\xb5#\x11\xed\xde\xbd\x87p\x00\x9c15\x9f\xbd\xaa\xaaj\xdc\xb8q\xaf\xbd\xf6\x9aa\x18\xea\xef\xcb9\xcf\xc9\xc9\xb9\xe2\x8a+\xb0\xba\xc0)P\xff\xa1\x07\xf7\xb8\xb7\x98\xddn\xa7\x937\x16\xf9{[\x88\x88\xe8\xe4\x96\xa8\r\x833\xa1\x1a\xf7\xe2\xe2\xe2\xf1\xe3\xc7\xef\xd8\xb1C\xb5\xfej\x813\xb5\xb6\x0cV\x80\xf89\xa8\xffP\x82\x12?{\x813\xda\x188[\x12\x14TC\xff\xf5\xd7_\x8f\x1b7\xee\xd8\xb1c\xaa\xf5\xe7\x9c\'&amp;&amp;\xbe\xf3\xce;c\xc6\x8cA\xeb\x7f&amp;\x02\xa7\xea\x02gK\x82\x0e\xaa\xbc\xc5L\xd3$"Mc6\xc3\xa0@\xa8&lt;M\xb3\x19\x06\x9d\xdc0\xf8ejA\x88\xe2\xe2\xe2k\xae\xb9\xa6\xb2\xb2R\r\xf2p\xce\xfb\xf5\xeb\xb7x\xf1\xe2\x94\x94\x14\xb4\xfe\xbf\x0c\xf5\x1fJp\r\xa0\xc5\x12\x12\x12\x89\xa8\xb6\xb6\xfe\xe0\xe1\n\xb2\xdb\xfc\xd8\xfb\x90R2]o\xa8v\x1d*=BD?\xb7\xce%x\xa9?VSS\xd3\xa4I\x93*++\x8d\x93\r\xc7\xe8\xd1\xa3\xbf\xf8\xe2\x0b\xb4\xfeg\x02\xf5\x1fJ\x10\x00-\xa0\xae/\xf5\xee\xdd\x9b\x88\xea\xea\x1b\xca\xca\x8f\x92a\xf8\xb7\x0f\xc4t\xad\xf1Dmi\xd91"\xea\xdd\xbb\x175\x9b\xd5\x0e\xa7S\xd3~\xde{\xef\xbd-[\xb6\x18\x86\xa1\x1e\x083j\xd4\xa8O&gt;\xf9$66\xf6\xf4g\xc7Cs\xa8\xff\xd0\x83\x00h\x01u\x00\xb4k\xd7\xd6\xe1\x08\'\xa2\x9d\xbb\xf6\x13\xe9\xfe\xed\x01Q\x98\xed\x87\x83e\xb5uuDt\xe1\x85\xbf\xf1\xd7\x96\x04\x0bu\x97\xef\xa2E\x8b\x18c\x8c1)e\xc7\x8e\x1d?\xf8\xe0\x83\xb0\xb00\xcc\xf9\xf9U\xa8\xff\xd0\x83\x00h\x01u\x00t\xee\xdc\xa5m\xdb\xb6D\xb4y\xeb\xf7D\xd2\x8f\xb3\xce\x84\x90\xa4\xd9\x8b\xb6\xedr\xbb=\x86a\xa4\xa7\xa7\x13\xd6\xaf\xffyj\xc1\x1f\x97\xcb\xb5}\xfbv\xef\x1d\xbf\x8f&gt;\xfa\xa8\xd3\xe9\xf4x&lt;h\xfd\x7f\x15\xea?\xf4`g\xb5\x80\xbaG\xd4\xe1p\xa4\xa5\xa53\xc66l,r\xbb\\\x9a\xe1\xb7\x86\x831"\x92\xab\xd7n&amp;\xa2\x0b.\xb8\xa0{\xf7\xee\x84y\xd0?O5\xfa\x15\x15\x15UUUDd\x9a\xa6\xae\xeb#G\x8e\xc4\xed\xbeg\x08\xf5\x1fz\x10\x00-\xa3\x1a\x91q\xe3\xc6J)Kv\xef\xdf\xb2\xb1\x88\x1c\x0e\xce\xfd0\xec(\xa5\xd4\xec\xb6\x13\x15G\xf2Wo$\xa2\xe1\xc3\x87EEEa\xe5\xb2_\xd5\xd0\xd0\xa0\xa6\x812\xc6bcc\xdb\xb4i\xa3\x86\x83\xfc\xbd]\xc1\x01\xf5\x1fb\x10\x00-\xa3N0/\xbf|hdd$\xe7\xfc\xa3\xa5\xab\x99\x1e\xe6\x97aP\xc1%\x8b\x88X\xfbU\xc1\xa1\xc3\x15D4z\xf4\x18\xc2\x84\xe83\xe0}\x12\xa4\x10\xa2\xb1\xb1\x11}\xff\x16A\xfd\x87\x18&lt;\x12\xb2\xc5\xd4\xd5\xc2q\xe3\xc6}\xfa\xe9\xa7\xed\xda&amp;l\xdb\xf4\xbf\xf1\x89q\xe41[\xb9\xeb!\x84\xd0"#\xaf\x1c\x9d\xb5\xea\x8bM\xed\xda\xb5+))\x89\x8a\x8a\xc2\xc3\x0b\x7f\x81\xda9\xb5\xb5\xb5\x9b6mR\xaf\xd8l\xb6\x81\x03\x07b\xe6O\x8b\xa0\xfeC\t\xce\x00\xceRvv\xb6\xc6Xy\xc5\xf1\x97^y\x9f9\xa2Z\xf9,\x98s\xc1\xa2\xa3\xbe\xc8\xfb*\x7f\xf5F)\xe5\xd4\xa9\xd3p\xfe\xfb\xab\xd4\xce\x89\x8a\x8a\x1a~\xd2\x90!C\xd0\xfa\x9f\x1d\xd4\x7fh\xc0\x19\xc0\xd9P+\x07\xf4\xed\xdb\xa7\xb8\xf8\xfb\xc4\x84\xb8\x9d\xdf-\x89u\xc6\xb0V\xec\x04q\xce\xf5\xd8\x98\x11\xc3n\xfd\xe2\xab\xcdv\xbb}\xc7\x8e\x1d]\xbatQ\xf7\xb8\xb6\xce\x06\x04/)\xa5i\x9aj\xb68c\x0c\x0b\xc8\x9c\x05\xd4\x7f\xc8\xc0\xfe:\x1bB\x08\xc30\xe6\xcd{QJy\xf4X\xd5\x9f\x9ezIk\xc5N\x107\xb9\x1e\xe7\xfc\xf0\xed%_|\xb5YJ9c\xc6\x8c.]\xba\xa8[\x9cZg\x03\x82\x9a\x94\xd2f\xb3\x85\x85\x85\x85\x85\x85\xd9\xedvt\x80\xce\x02\xea?d\xe0\x0c\xe0,\xa9\xee\xc6\x98\xd1\xa3W\xac\\\xc9\x18\xcb[\xf2\xd2\x95\xbf\x1diVV\x1b\xb6\xf3;\xa4 \x84`a\xf6#\xe5\xc7\xfb\\z\xe3\x91\xa3\x95m\xda$\x15\x17\x7f\xeft:\t\x13\xe0\xce\x80\x1a#\xde\xbau\xeb\xaaU\xab\x1a\x1b\x1b\x07\r\x1a4b\xc4\x08\x7foTPB\xfd\x87\x06\x04\xc0YR\x8f\n\xd9\xbbw\xef\xa5\x97fTVV\xb5k\x93\xf0\xdd\xa6\x0f\xdb\xb4O\xe2\xb5\xf5\xfay\x9b\x19-\x85\x14\x1a\xd3\xa3"G\x8f\x9c\xbcr\xf5F"\xfa\xf0\xc3\x0f\xc7\x8f\x1f\x8f\xbbX\xcf\x84j\xb3\xe6\xcf\x9f\xff\xe0\x83\x0fr\xce\xd5\x8bw\xdey\xe7\xab\xaf\xbeJ\xb8\x81\xa8\x85P\xff\xa1\x01E\x7f\x964M\x13Bt\xed\xda5\'\'\x97\x88\xca\x8f\x1c\x1f\xf7\xbb\xfb\xaa\xabN\xe8\x11\x0eo\xe3\xe2[\xde\xea\x9f\x965SU\x7fvv6\xaa\xff\x0c\xa9\xdb\x80kjj\x9ex\xe2\t\xce\xb9\xddn7\x0cC\xd7\xf5\xd7^{m\xc3\x86\r\x9a\xa6\x9d\xa7\xbfZ\xa8B\xfd\x87\x06\x04\xc0\xd9\xd3u\xdd4\xcd\x1bn\xb8!;;\x9b\x886\x16\xec\xc8\x9a\xf2\x07W\xa3[\x0f\x0f\xe7\xa6\x8f\x8f\x01\xc1\x85\xaa\xfe\xff\xfa\xf3?r\xdfZBD\x83\x06\r\x9a;w.\x86&gt;\xcf\x90:\xd3\xdd\xb7o_MM\rc\xcc\xedv\x9b\xa6\xc9\x18\xd34\xed\xbb\xef\xbe#L!o9\xd4\x7f\x08\xc0\xbe;\'\xea\x18\x987o\xde\xd4\xa9S\x89h\xc9\xb2/G\x8d\xb8\xad\xb2\xda\xa5\xc7\xc5\x98\x1e\xd3Wm\x8ai\x9aZx\x98\xea\xfb&lt;\xf1\xec+D\x94\x91\x91\xf1\xe9\xa7\x9fj\x9a\xa6\x1ei\xeb\x93\x9fb\x05?\xd9UD\x0br\xd6P\xff\xc1\x0e\xa5\x7fN\x18c\xba\xae\x0b!rrr\xd41\xb0\xb1`\xc7\xa0!\xbf_\xf7\xc5F#&gt;\x911f\x9a\xfc\\\x8e\x02\xce\xb9\xe0\xc2p\xc6\x97U\x1c\xbd\xea\xca,\xd5\xf7\xc9\xc8\xc8\xc8\xcb\xcb\x8b\x8f\x8f\xc7m/gN\xad\xfd\xd9\xb9s\xe7\xa4\xa4$)\xa5\xddn\xb7\xd9lB\x08!D\xff\xfe\xfd\t1pVP\xff\xc1\x0eE\x7f\xae\xd4J2\xeaI\xe2w\xddu\x17\x11\x95\xec90\xf2\xaa\xa9\xb3\x9e\x98\xebf\xccp\xc61\x8dL\x93\xb7\xa87\xa4\xe6Y\x0b!\xf4\xd8h-&amp;j\xf1\xa2\x7fe\x0c\xba9o\xd5\xd7D4x\xf0\xe0\xbc\xbc&lt;\xa7\xd3\x89Y\xcf-\xc2\x18\x13BDEE\xcd\x9d;\xd7n\xb7\xbb\xddn\x8f\xc7#\x84x\xe8\xa1\x87\xfa\xf7\xef\x8f\x9dy\xd6P\xffA\r\xb3\x80|\xc3\xfbH\xf1\xd7^{\xed\x91\x193\xaakj\x88(\xb5W\xb7\xe9\x0f\xdc:i\xe25\xf6\xd8\x18j\xac\x17\x8dn!%cL\xd3\x18\xfd\xe7\xac5\xf5W\x10RJ!\x19\x91n\xb7Qd\x04q\xber\xc5\xda\xb9/\xbc\xb9"\x7f\x83z[vv\xf6\x9c9s\xd4\x93LP\xfdgA\xf5\x19\xb7o\xdf\x9e\x97\x97\xd7\xd0\xd0p\xf9\xe5\x97\x0f\x1d:\x14\x1d\xc9s\x87\xfa\x0fR\x08\x00_R\x13\x12\n\n\n\xee\xbd\xf7\x9e\xaf\xbf\xfeF\xbd\xd8\xa7w\xf2\xfd\xf7\xdc|\xd5\x95\x83/\xecz!1\x83\xa4IMn\xe2BxLR\x87\x80$\xcd\xd0I\xd7\xc8n\'\xdd \xa2\x13\x15G\xbfXW\xf0\xf2\x82\xc5y+\xd7\xab\x0f\xe9\xd0\xa1\xc3\x0b/\xbc0a\xc2\x04:\xd9\x8a\xf9\xe5\x17\x0c\x01\xa7\xb4\x1d\xd8\x99&gt;\x84\xfa\x0f:\x08\x00\x1fS\xc7\x80i\x9ao\xbf\xfd\xf6SO&gt;y\xf0\xd0!\xf5\xba\xd3\x19{\xc5\xe5\x97\x0c\x1b\xda?-5\xf9\xe2\xe4N\x91\x91\x0eG\xa2\x93\xa4$I\xa4i\xbc\xc6u\xa2\xb6~\xf7\x0f\x87\xb7\x17\xefY\xbb~\xcb\xaa\xd5\x1b\x7f\xd8\x7fX}\xa3\xc3\xe1x\xf8\xe1\x87\xef\xbf\xff\xfe6m\xda\xa89\x0f\xa8\xfes\xa4\x86\xfe\xe9\xe4\x10\xb6\xbf7\'\xa4\xa0\xfe\x83\x0b\x02\xc0\xf7\xbc}\xcc#G\x8e|\xfc\xf1\xc7/\xbf\xfc\xf2\xd6\xad[\x9b\xbf!!&gt;.&amp;&amp;\xb2k\xd7\x8e$\x04I"C//=Rq\xb4\xf2\xe8\xd1*\xa2\xff\xfbs\\tQ\xc7\xac\xac)\x13\'N\xec\xd1\xa3\x07\x9d&lt;\xb4Z\xf7W\x01h1\xd4\x7f\x10A\x00\x9c\x17\xde!Q"\xe2\x9c\xafZ\xb5j\xf9\xf2\xcf\xf2\xf3W\x95\x94\xecljr\xff\xf2\xf7v\xe9\xd2y\xd8\xb0\xe1\xc3\x86\r\xbb\xf6\xdakcbb\xe8\xe4\xa3\xcc\xd1\xf1\x81`\x81\xfa\x0f\x16\x08\x80\xf3\xa8\xf9a@D\x9c\xf3\x92\x92\x92\xe2\xe2\xe2m\xdb\xb6\x1d8\xb0\x7f\xff\xfe\x03\xaa\xa6\xa5\x94qqq\xa9\xa9\xa9\x1d;v\xec\xd5\xabW\xaf^\xbd"""\xbc\xdf\xa2nV\xf2\xdb\xef\x00p\xb6P\xff\x81\x0f\x01p\xde\xa9\xc3@Jy\xe6K\xcfs\xce\xd5\x83j\xd1\xeb\x81`\x87\xfa\x0fd\x08\x80\xd6#\x9b9\xe59\xb4\xeaE"R\xfd\x1d\xd4=\x84\x1e\xd4\x7f\x00B\x00\x00\x00X\x14\x06\xd7\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10\x00\x00\x00\x16\x85\x00\x00\x00\xb0(\x04\x00\x00\x80E!\x00\x00\x00,\n\x01\x00\x00`Q\x08\x00\x00\x00\x8bB\x00\x00\x00X\x14\x02\x00\x00\xc0\xa2\x0c\x7fo\x00@k\x93R\xfe\xe4\xeb\x8c\xb1V\xde\x12\x00\xffB\x00@(\x93\xcd\x10\x91\xa6i\xde\x7f\x9fN\x08\xe1\xfd7k\xa6\x15\xb7\x17\xa0U\xb1\x9f\xeb\r\x01\x04)\xd5\xdc\x0b!\x18c\xba\xae\x9f\xfe\x06!DMM\rc?\x16\xbf\xfa\x8f\xf0\xf0p\x87\xc3\xf1\x93oV\x1f\xa5i\x1a\xc2\x00B\x0c\x02\x00B\x84j\xf4\xa5\x94\x86\xf1\x7f\xe7\xb5\x9c\xf3\xd2\xd2\xd2\xdd\xbbw\x17\x15\x15\x1e;vl\xd3\xa6oM\xd3\xac(//\xaf(g\xc4$\xa9\xe2gD2*2\xaa[\xf7nRRjjjbbb\xff\xfe\xfd\x7f\xf3\x9b\xdf\\t\xd1E\x11\x11\x11\xcd?\x8d\x88\x90\x04\x102\x10\x00\x10\xf4\xa4\x94\x9cso\xbb\xcf9/))\xc9\xcb\xcb[\xbbvmII\xc9\xfe\xfd?\x9c8\xe1:\x8b\x8f\r\x0b\xb3_p\xc1\x05)))\x03\x07\x0e\x1a=zt\xdf\xbe}\xbda`\x9a\xa6\xa6i?7\x94\x04\x10,\x10\x00\x10\xc4T\x97\\\x8d\xf3p\xce\xbf\xf9\xe6\x9b%K\x96|\xf6\xd9g\xbbv\x9545\xb9\x9b\xbf3::222\xe2\xe2\xe4N\x9a\xa1\xc7FG\xf6\xe9\x93,\xb9P\xddx)%3l\xfb\x7f8t\xe0P9\xd3\xf5\xdd\xbb\x0f\x9c8Q{\xbc\xb2\xfa\x94\x9f\xd5\xb9s\xa7\xe1\xc3G\\{\xed\xb5\xc3\x86\r\x8b\x89\x89\xa1\x93\xe7\x1c8!\x80\xe0\x85\x00\x80\xa0\xc49\xf7\xb6\xbc\x87\x0e\x1dZ\xbcx\xf1\xbb\xef\xbe\xbbu\xeb\xd6\xff{\x07c\x9d.\xeapIZ\xcf\xf4\xbe)\xfd\xfb\xf5\xe8\x99\xd2%&amp;6*6\xc9I\x9aN\x1a#\xb2\x115\xaf|Fd\x92\xe0\xc4X\xc3\xb1\xaa\xba\xba\x86\xed%?l),)\xda\xb6k\xd3\xe6\xed\xbbv\xefoll\xf2\xbe\xf5\xa2\x8b.\x9a0a\xc2-\xb7\xdc\xd2\xa7O\x1f\xef\xc6\xfc\xe4\xc5\x06\x80\x00\x87\x00\x80 \xa3\x06\xfaU\x83\xbb~\xfd\xfa\xd7_\x7f\xfd_\xff\xfagUU\xb5\xfa\xaa\xd3\x19\xd3?\xbd\xd7\x98\x91\x03\x87^\xde\xbfW\x8fN\x11\x89\xf1D\x06\x91IMn\xe2Bx&lt;D$%I)\x88\x9aw\xdb\xe5\x8f\x13~$i6\x83t\x8d\xc2\xec\xc4\x0c"\xc9O\xb8J\xf6\x1c\xfcfS\xe1\xa7yk7o\xde\xf1\xc3\xfe\xc3\xea\x1b\xecv\xfb\xb0a\xc3\xee\xb9\xe7\x9e\xcc\xccL\xbb\xdd\xae\xce\x06\x10\x03\x10\\\x10\x00\x104\x9a\x8f\xf5\xafZ\xb5j\xf6\xec\xd9+V\xac\xf0~u\xc8ei\xd7\x8e\x1b~\xd3\xf81\x17v\xb9\x904\x1b\t\x0f54q\x8f)\xa5\xf4\xce\xe7&lt;\x93\xb1\x1auD\x08!\xa5\x94\x8c\x91n\xe8\x14\x16F6;\x91pUT.Y\xb6\xfa\x9fK&gt;_\xf9\xf9\x86\xba\xba\x06\xf5\xfe&gt;\xa9\xa9\xd9\xd3\xa7gee\xd1\x7f\x9e\x97\x00\x04&gt;\x04\x00\x04\x075\xdaND%%%\xcf?\xff\xfc\x9bo\xbc!\xa4$"\x87#\xfc\xf7\x132\xa7\xdc\xfe\xbb\xcb\x06\xf5\xa50\x0755\x88\xc6&amp;!$\xd3\x98\xe6\x8bY\xfc\xeatAH\xc9\x88t\xbb\x8d""I\x8a\xef\xb7\x95\xfc\xcf\x87y9\xaf}XZvT\xbdm\xd4\xa8Q\x8f?\xfe\xf8\xc8\x91#\t#B\x10&lt;\x10\x00\x10\x04L\xd34\x0c\xc3\xedv\xcf\x9e={\xde\xbc\x17*+\xab\x88(\xde\x19;%\xebw\x93o\xbe\xa6w\xff\xbe$&lt;\xb2\xb6\x9es\xa1\xeb\xe7\xb1\x03\xfe\xe3\xed\x05DZ\xa4\x83l\x8e\x8a\xfd\x07\x16-\xfel\xe1\x1b\x1f\x15\xef\xdcGD\x8c\xb1\xac\xac\xacg\x9ey\xe6\x82\x0b.\xc0\xa9\x00\x04\x05\x04\x00\x044u_\xae\xa6i\xeb\xd6\xad\xbb\xfb\xee\xbb\xb7m\xdbFD\x8e\xb0\xb0\x9bo\xca|\xf4\xa1))}z\x91\xa7\x8e\xd750b\x9a\xdez\x932\x85\x10BH#\xdcN\x8e\x98\x9a#\xe5/\xbe\xf4\xce\xab\xb9\x1f\x96\x95\x1f#\xa2v\xed\xda&gt;\xf3\xcc\xb3w\xdey\'\xe1T\x00\x02\x1e\x02\x00\x02\x97\xb7\x01}\xea\xa9\xa7\x9e{\xee\xafjf\xe7\xa8\xe1\x03\x9e}\xfa\xfe\x01C\x06\x90\xbb\xc1\xac\xad\xd7t\xbf\xcd\xc7\x97Rr\x93\x1bav\x8a\x8c)\xdd\xbb\xefO\xb3\xe6\xbf\xb9\xe8c50u\xd3M7\xbd\xf4\xd2K\t\t\t\xea\xdc\xc5/\x9b\x07\xf0\xab\x10\x00\x10\xa0T\xeb_VV\x96\x95\x95\x95\x97\x97GD\xce\xb8\xe8Y\x7f\xbe\xf7\xfe\xfbn!\x8d\xf1\x13.\x16\x18\xb7b\xfdxi\xda\x11N\xe1\x91yK\xf3\x1f|\xf8\xb9\x9d\xbb\xf6\x13Qrr\xf2\xc2\x85\x0b\x07\x0f\x1e\x8c\xf3\x00\x08X\x08\x00\x08D\xaa\xe3\xbcn\xdd\xba\t\x13&amp;\x94\x96\x96\x12\xd1\x90A\xfd^\xcf}&amp;\xb9W\x0fQSMR\xb6\xe6\x80\xcf\x99\x90Rr.\x0cgl\xcd\xf1\xea\x193\x9e\x7f\xed\xcd\x7f\x11QX\x98\xfd\xef\x7f\xff\xc7]w\xdd\x85K\x02\x10\x98\x02\xeb(\x02\xa0\x93\xad\x7fnn\xee\xf0\xe1\xc3U\xeb\x9f}\xdf\xa4\xd5+\xdfHN\xeedV\x1d\xd7\xb4V\x1d\xee?C\x8c1\xc3\xd0yUM\xac\xc3\x9e\xfb\xc6s\xb9\xaf&lt;\x15\x17\x13\xd5\xd4\xe4\xbe\xfb\xee\xbb\xef\xbe\xfbn]\xd7\xd5\xed\x0b\xfe\xdeL\x80\xff\x803\x00\x08,\xde\xd6\x7f\xda\xb4iD\x14\x1b\x1d\xf9\xc2\xdcG\xa7L\xbbE\xba\xaa$\x17\x01\xd8\xf4\x9fBJ)\xb8\xd0\x9d\t\x1b\xd7~s\xeb\xed\x8f\x97\xec9HDS\xa7N\xcd\xc9\xc9\xc1y\x00\x04\x1a\x04\x00\x04\x90SZ\xff\x04g\xccg\x9f\xbc\x921d\x80YyL7\xf4 j:M\x8fi\xc4\xc5T\x1e\xa9\xcc\xbcf\xda\xc6\x82\x1d\x84\x0c\x80\x80\x14\xe8\xfd)\xb0\x8eSZ\xffK\xd3/\xde\xb0\xee\xfd\x8c\xcb\xd2\xcc\xcac\x86\xcd\x08\xaeF\xd3\xb0\x19\xbc\xc6\x15\xef\x8c\xce\xcf\x7fs\xca-\xbf%"\xf5{a,\x08\x02\n\xce\x00  \x9c\xde\xfa/\xffw\xae3)\x8e\xd7\xb8\xf4\xa0\x9dF)\xb8\xd0\xec6r\x84O\xcb\x9a\x99\xfb\xd6\x12:y\x1e\xa0\x9e0\x13\\\x91\x06!\t\x01\x00\xfe\xa7&amp;Jz[\xff\x8c\xb4\x9ey\x9f\xbd\xe6tF\xf3\xba\x06\xdd\x08\xee\t\x94B\x08\xa9izT\xe4)\x19\x80\xb9\xa1\x10\x08\x10\x00\xe0g\xaa)\xdc\xb0a\xc3\x90!C\x84\x10\xf1q1\xdf\xae\x7f\xbfsJ\'^S\x1b\xec\xad\xbf"\x85\x90\xba\xcel\xb6\xc1\x97\xff~\xc3\xa6mD4o\xde\xbc\xec\xecl\xdc#\x06~\x87\x00\x00\x7fR\x83!G\x8e\x1c\xe9\xdb\xb7OE\xc5\x91\xc8\x08\xc7\xea\xbc\xdc\x8c\xcb\xd2y\x8d+4Z\x7fE\x08A6[\xb5\xab~\xf8\x88\xdb\nw\xec!\xa2\x15+V\\y\xe5\x958\x0f\x00\xff\xc2E`\xf0\'\xb5\xd4\xcf\xad\xb7\xdeZQq\x84\x88\xe6\xbf\xf0X\xc6\x90\x81f\xf5\x89Pj\xfd\x89H\xd34\xd9\xe4\x8eOr\xbe\xf3\xe6s\xf1\xce\x18"\xba\xed\xb6[+**4MS{\x00\xc0/\x10\x00\xe07j\x0c\xe4\xe9\xa7\x9f^\xb9r%\x11e\xff\xbf\x9b&amp;\xdfu\xab\xa7\xf2\x98a\x0b\xc1\x81\x11\xdd\xd0\xcd\xea\x13\xa9\x19i9\xffx\x82\x88\xca\xcb+n\xbd\xf5V\xc6p\n\x0e\xfe\x84\xfa\x03\xffP\xeb\xfb\x7f\xfd\xf5\xd7C\x87\x0e\xf5x&lt;\x03\xfb\xf7^\xbb\xe6\x1d\xe91u\x92!&lt;=\xc64M\xc3\x990\xfd\x9e?\xbd\xf8\xcab:y1\x00\x03A\xe0/\x08\x00\xf0\x03\xb5\xb0&gt;\xe7&lt;55\xb5\xa4\xa4$::r\xeb\x86\xc5]\x92;\x89\xba\x86\xc0\xbf\xd7\xf7\\H)\x05cd\x18\x97\x0e\x9aX\xf0]\x89ah\xdb\xb6mONN\x96R\x06\xc2\xc2v`5\xa89\xf0\x03\xf5\xf8\xdc\xb9s\xe7\x96\x94\x94\x10\xd1sO\xde\xdb\xa5W\x0f\xd3U\x17\xda\xad?\x111\xc6\x88\x0b\xddf{m\xfe\x9f\xc3\xc2l\x9c\x8b\x07\x1ex\x00\x03A\xe0/!~\xbcA\x00R\x83?{\xf6\xec\x99={6\x11\r\x1d\x9cv\xcf\x83\x93yMUH\x0e\xfd\x9fN\xd75\xd3\xe5J\x1b&lt;`\xc6}\x93\xa4\x94+V\xac\xf8\xf0\xc3\x0fu]\xe7\x9c\xfb{\xd3\xc0r\xd0\xf5\x80\xd6\xa6\x86\xbc\'O\x9e\xfc\xf6\xdbo\x87\x87\x87\xad[\xf9z\xfa\xc0~\xa2\xb6&gt;\xe4\xbb\xff^RJ\xa1\xebu\xf5\x8d\xfd\x07\xdd\xb4g\xdf\xc1n\xdd\xba\x17\x15\x15\x19\x86\x81\xdb\x83\xa1\x95Y\xe5\x90\x83\x00\xa1Z\xff5k\xd6\xbc\xfb\xee\xbbD4\xf1w\xa3\xd2\x87\x0c\xe4\xaeZ\xeb\xb4\xfeD\xc4\x18\x93nOLR\xd2\x13\x8fL\x11B\x96\x94\x94\xcc\x9d;\x17SB\xa1\xf5\xe1\x0c\x00Z\x95j\xe3F\x8d\x1a\xb5z\xf5\xea\x84\xf8\xd8\xaf\xbf\\\xd4\xa5{\'jl\xd24k\xf5|%\x91$\xf2\x10\x1b:\xfc\xb6M\x05;\xe2\xe3\xe3w\xec\xd8\x91\x94\x94D\xea:\x01@\xab\xb0P\xb7\x0b\xfcN-\x86\\PP\xf0\xc5\x17_\x10Q\xd6\xa4q\xddz\xf7\x16u\xf5Vk\xfd\x89\x88\x11I\x93\x87EG\xcd\x9a9MJy\xfc\xf8\xf1w\xdey\x871\x86+\x01\xd0\x9a\x10\x00\xd0\xda^~\xf9e)ex\xb8}\xcam\xd7Jw\xadf\xd5)\xf0\x9a\xa1\x8bZ\xd7\xd0\x91\x83z\xa4tb\x8c-\\\xb8\xb0\xa1\xa1A\xd7u\x9c\x94C\xabA\x00\xf8\x8dl\xc6\xdf\xdb\xd2\x1a\xa4\x94\xea!\xef\xff\xfb\xbf\x1f\x12\xd1\xcd\xe3\xaf\xea\xd9\xbf\xaf\xa8o\xb0`\xf7_aD\xd2\xc3#\xe2\xe2fN\xbf]J\xb9}\xfb\xf6U\xabV1\xc6,r%\xc0j\xf5\x1f\x98\x10\x00\xadJ\x08a\x9a&amp;\xe7\xdc\xbb"\xbc"\xa5\xe4\x9c\x9b\xa6\x19\xc2\x07\xbf\x1a\xdcx\xff\xfd\xf7]\xaeZ]\xd7\xef\xb9s\xbc\x14\x1e"\x8b\xb6\xfe\x8a\xa6k\xb2\xbe\xf6\x86\xebG_\xd8\xa1-c,77\x87B\xfa\x1a\x80\x95\xeb?0!\x00Z\t\xe7\\\x8d\x80\x1b\x86\xa1\xeb\xba\xa6i555UUU\xd5\xd5\xd5\xd5\xd5\xd5\x8c1]\xd7\r\xc3\xd04M\x1d\x0c\xfe\xde^\xdf\xd3u\xdd\xedv\xbf\xf5\xe6\x9b\x8c\xb1K/\xe9\x95&gt;\xb0\xaf\xac\xad\xd7\xad4\xf9\xe7t\x8c1\xde\xe4\x89LJ\xbc\xf9\x86\xd1R\xcaU\xabV\xed\xda\xb5+$\xa7\x03\xa1\xfe\x03\x93%n\xbd\xf1/\xb5\xec\x81Z\xec\xe5\xd0\xa1C\xf9\xf9\xf9k\xd7~\xb5o\xdf\x0f\xc5\xc5;L\xd3d\xc4$Q\xb7n];t\xb8p\xf0\xe0\xc1c\xc6\x8c\xe9\xd9\xb3\xa7\x1a\x08\x0e\xa5\xe5\x01\xd4\xec\xcf-[\n\x8a\xb6m\x93R\xde\xf0\xdb\xe1ZX\x84Y\xdf\xa8\x85\xd6\xaa\x9fg\x811F\xc2s\xc3\xb5#\xff\xf6\xd2\xbbuu\xf5K\x96,y\xe4\x91G\xd4\xbdr\xfe\xde4\xdf@\xfd\x072L\x03=\xbf\xbc\xeb|\xadZ\xb5\xea\xed\xb7\xdf^\xbatiUU\xd5/\xbc?,,\xec\x8a+\xae\x984i\xd2m\xb7\xdd\xd6\xfc\xdb\x83\x9dZ\xf8\xf3\xb1\xc7\x1e\x9d={N\xbc3v\xdb\xc6\x0f\xda\xff\xa6\xadl\xf2\x84\xf0p\xc7\x99\x13RRX\xd8\x15\xc3o[\xf7\xf5w\x97\r\x1a\xb4\xe6\xab\xaf\x88(4\xda&gt;\xd4\x7f\x80C\x00\x9cG\xaa|KKK\xff\xf4\xa7?\xbd\xf1\xc6\x1b\xde]}Q\xc7\x0b\xbaw\xbf\xa8w\x8f\xce\xce\xf88\xe2\xdc\xe31\xbf-,9t\xa8|\xdb\xf6\xddD?\xbeg\xd4\xa8Q\xcf&gt;\xfb\xec\x80\x01\x03B\xe3\xf9\xb1RJ\xd3\xf4\xf4\xeb\x97\xb6c\xc7\x8e\x11Wd\xac\xfa\xfc-\xe1\xaa\r\x8d6\xee\xdc\x99&amp;7\x9c\xf1\xb3\xfe8\xe7\xa9\xbf\xe4\x84\x87\x87\x7f\xf7\xddw\xc9\xc9\xc9!p\x12\x80\xfa\x0f|\x18\x02:_T\x9f7//\xef\x8e;\xa6\x1c&gt;\\JD\x8e\xf0\xb0\xdfO\xbc\xfa\xe6\x9b\xae\xce\xe8\x9b\x12\xd3&gt;\x89H#\xd2\x7f\xacxi\x9a\xae\xda\x82m\xbb\x96\xe7\xad]\x90\xf3aY\xf9\xd1\xfc\xfc\xfc5k\xd6&lt;\xff\xfc\xf3\xd9\xd9\xd9jD8x\x8f\x81\x93\x8b\xff\xec\xdd\xbbw\x0f\x11]5\xea2\xd2\x0c!d\x90\xb7o&gt;\xc3\x18#\xe1\x1e=|\xe0\xb3\xcf\xbf\xde\xd8\xd8\xb8n\xdd\xba\x10\x08\x00\xd4\x7fP\xc0\x19\xc0yq\xcaS\xce\x89h\xcam\xd7=\xf4\xe0\xad\xbd\xd2{\x13\t\xaao\x10nSHu7(#"\x8d1M\xd7(\xc2A\xba\xbd\xe2\xe0\xa1\x05\xb9\x1f\xfe\xfd\x1f\x8b\xaaj\\t\xf2\x19\xe2A\xdd\x0fRm\xc1\x8b/\xce\x9b&gt;\xfd!C\xd7\xbfY\xfdV\xfa\xe04~\xa2\xce\xe2W\x80\xbd\xa4\x94L\xd7\xea\x1b\xdd\x17\xa7_\xbf\xff@\xd9\xef~w\xdd?\xff\xf9\xaf\xa0\x1e\xfd@\xfd\x07\x0b\x1c\x81\xbewJ\xf5\'8c\xff\xe7\x9d9\xaf\xbf5\xb7Wj2\xaf\xae\xe6\xd5.irM\xd7\x0cC7\x0c\xc30t\xc3\xd05]\x93D\xa2\xb6\xce\xac\xaal\x9b\x10\xf7\xe4\xd33\xf2W.L\xef\x93BD\xeas\x82zf\x88:n\xd7\xae[GD\x1d.h\x93\xd2\xa3354Zv\xfa\xff\xe9\x18c\xdc\xc3#\xe2\xe3.\xe9\xd7\x83\x88\xb6\x14l\xa9\xaf\xaf\x0f\xde;\xc2P\xffA\x04\x01\xe0c\xaa\xfa\xf3\xf3\xf3U\xf5\xc7\xc7E\x7f\xf6\xc9\xcb\x13&amp;]\xef\xa9&lt;&amp;\xea\x1bt]\xd7u\xed\';2\x8cH\xd34\xc3\xd0\xa5iz\x8eW\xa4\xf7\xef\x95\xbfraFZO"\xca\xcd\xcd\x9d5k\x96\xae\xeb\xa6i\xb6\xf6\xef\xe3\x0b\x9a\xa6\xb9\xdd\xee\xef\x8b\x8b\x89(\xe3\x92^\x91\x89\xf1\xdc\xc3\xd1\x9bkNJIL\x1f6\xe4\x12"\xaa8Rq\xf0\xe0\xc1\x1f_\x0c6\xa8\xff\xe0\x82\x00\xf0%u\xa2Z^^~\xeb\xad\xb7\x10Q\xbc3f\xf9\xd2\x05\x19C\xfa{\x8e\x1f\xb1\xd9\x8c3\x1c\xd2e\x8c\xd9\xec6^}\xc2\x19\x17\x9d\xb7\xfc\xb5\xfei=\x89h\xd6\xacY\xf9\xf9\xf9\x86a\x04\xdd\x14i\xb5O\xca\xca\xca\x0e\x1c8@D\x97\xf4\xebA\xcc\x08\xc6\xa6\xed\xbcb\x8c\x914\xd3\xfa\xf6\xd04\xad\xa1\xa1\xb1\xb0\xb0\x90\x820\x00P\xffA\x07\x01\xe0Kj\xe6\xf2\xcc\xc7\x1f//\xaf0\x0c=\xe7\x1f\x7f\xcc\x182\xd0s\xbc\xd2f\xb7\xb5\xf4\xa3t\xc3\xe0u\r\xce\xc4\xb8\x0f\xde\x99\x9b\x98\x10G$\xef\xbb\xef&gt;\xb7\xdb\x1dtO\x8fR[\xbbo\xdf&gt;\x97\xab\x96\x88\xfa\xf5I!B\xf7\xffT\x9a\xc6\xa8\xc9\x9d\xd2\xed\xa2\xb8\xd8h"\xfa\xfe\xfbb\n\xc2\x00@\xfd\x07\x1d\x04\x80\xcfxW\xba_\xf4\xce;D4iB\xe6\r\xb7\x8c\xf7T\x1e=\x8b\xeaWtC\xf7T\xb9:_\x9c2\xf7\xd9\x07\xa5\xa4\x9d;w\x06\xe3\xaa\xf1\xeap-**$\xa2\xd8\x98\xe8^=\xbbPS\x13\x02\xe0\x14\xea\t\x01\xce\x0b\x92\xbaw\xebHDEE\xdb(\xd8\xe6\xbd\xa0\xfe\x83\x11\x02\xc0\xc7\x16,X\xc09\x0f\x0b\xb3\xcf\x9c\x91%\xdc\xe7:\xd1\xc5\xb0\x1b\xdcU}\xd3\xef\xc7\xf5H\xfe\xbf\x05#\xd5\xed\xf2\xbe\xda\xe0\xd6Q^^ND\x11\x11\xe1\xb1\xb1\xd1\xc4yP\xb5l\xadDJi\x84\xd9\x13\xe2c\x89\xa8\xa2\xa2BJ\x19\\\x01\xa0\xa0\xfe\x83\x0b\x02\xc07\xbcK]\xfe{\xd92\xc6\xd8-\x133S\xd2z\xcb\xfa\x86s\x9c\xca\xcd\x88\xc8\xe4a1\xd1\x7fx8\x8b\x88\xf6\xec\xd9\xf3\xf9\xe7\x9f\x07\xd7\x82\x91j\x0f\x14\x14l!\xa2\x1e)\x9d\xa2\x92\x9c\xc2c\x06c\xd3v\xbe\t!\x89\x19\x97\xf4\xedAD%%;\xab\xab\xab\x83\xa8\xa5C\xfd\x07)\x04\x80o\xa8kS+W\xae\xac9qBJy\xdb\xcd\xd7H)|\xb2\xd4\xa5\xa6k\xb2\xa1\xfe\xda\xb1\xc3\xe2\x9d\xb1\xc4\xd8?\xff\xf9\xd1\xb9\x7ff\xebS\r\x19\x0b\x95\x15\x0e\xce\x1b\xa6f\xc7z\x17\xcf\t\x16\xa8\xff \x85\xa3\xd17T\x97\xf6\xf3\xcfW\x11Q\xa7\x8b.\xe8\xd3\xb7\x075\xf8f\xa5{5:\x1c\xd5&amp;q\xe8\xe04\x92r\xc3\xfa\r\x8d\x8d\x8dA\xd4\x8c2\xc6\x1a\x1b\x1bK\x0f\x1f&amp;"g\\\x0c\x11\x0b\x8e&gt;\xad\x7fHg\\\x0c\x11\xd5\xd5\xd5\x1d&gt;|\x98\x82\xe7:0\xea?Ha?\xfa\x86\x9a\x9c\xb0w\xef&gt;"\xea\xda\xe57q\xed\x13\xa5\xef\x06:\x84\x90\x9a\x11\x96\x96\x9aLD\xe5\x15\xe5.\x97+X\xe6B\xa8\x81\xec\xfa\xfa\xfaC\x87\x0f\x11QZ\x9fd\xd2lR\x04\xc1\x96\xb7&gt;\xc6\x18\x11O\xeb\x9bBDuu\xf5\x87\x0e\x1d\xa2\xa0\n\x00\xd4\x7f0B\x00\xf8\x80\x9a\xfdVSS\xb3{\xf7."J\xbd\xb8+I_\xde\xc6\xc9\x18#2{]\xdc\x8d\x88jjN\x14\x17\x17\xd3\xc9\xa7\xab\x07\x05\xc6\x98\xcdf#"\xd3\x0c\x9am\xf6\x17\xef.R{,(\xa0\xfe\x83\x17\x02\xc0g\xa4\x94\x1e\x8f\x87\x88\x12\xe3c\x89i\xbe\xee\xa0\xc8\xc4\x84X:\xf9L%\xdf~t+\xf8\xf1\x1a\x00.\xfd\xfe\x1a\xef.\n\xba\x1e.\xea?\x18!\x00|I\rMr~^\xfa&amp;\xde\x8f\xc5\x00(\x04&amp;\xd4\x7f\xd0\xc1\xae\xf4\x19\xef\xa3\xec&lt;\x1e\x93\xceC\xf7\xcd\xe3\xf9\xb1\xe3\x13\x8cw\xc3\xab\xe1\xe0\xa0\xeb\xd5\xb6&gt;\xef.\n\xba\x99\xb2\xa8\xff`\x84\x00\xf0\x01uI*&amp;&amp;\xa6K\x97\xaeD\xb4\xa5h\'1\xee\xc3\xd5.\xa5\x94D\xc6\xd6\xc2\x9dD\x14\x13\x13\xdd\xbd{w\n\xaa\x06BJir\x93\x88\xec\xc13\xae\xed/\xde]\x14D\x03\x1d\xa8\xff\xe0\x85\x00\xf0\r!\x84a\x18\x1d;v$\xa2\xfd\x07\xca\x1bkj\x99\xef\x16\xbbg\x8cH\xf2\x92=\x07\x88(\xde\x19\x9f\x98\x98H\xc1s\x00H)m6[lL,\x11\xed\xdew\x90$\x16\x02\xfa\x05\xda\xee}\x07\x89\xc8f\xb3\xc5\xc6\xc6R\xf0\xfc\x95Q\xffA\n\x01\xe0\x1b\xea\xcc}\xc8\x90!D\xb4\xe3\xfb\xbd\xc5E%\xe4pp_LT\x90Rj6\xa3\xb1\xaaz\xc5\xe7\xdf0\xc6\xd2\xd2\xd3"""8\x0f\x8efT\xf5\r\xa3\xa3\xa3\x93\x93S\x88h\xcf\xbe\xc3$\xcd`\xd8p?\x90R\x12i{\xf6\x1e""\xa73.99\x99\x82\xa7\x99C\xfd\x07)\x04\x80o\xa8\x0bSW]u\x95\xddn\x17B,\xfdl\r\xd3\xed\xe4\x8b\t\xefBH\xe6\x88\xf8z\xc3\xd6\xb2\xf2\xa3R\xcaq\xe3~KA8\x98\xeev\xbb\x89(&lt;\xdcN\x0c%\xf7K\x1c\xe1aD\xc49\x0f\xae\x91n\xd4\x7f\x90\xc2\xd1\xe8\x1bj\x91\xc2\x94\x94\x94!C\x860\xc6^\xca\xf9\xe0\xd8\xc1C,\xcc\xe6\x8bJ\x95$\xc43s^7M\xde&amp;)i\xec\xd8\xb1D\x14D\xeb\x04\xa8\xf9\xda}\xfb\xf6%\xa2\x92\xdd\x07k\x8fU1\x03\xcf\x03\xf8\t\xea\x91\x00[\x8aJ\x88\xa8[\xb7\xee111A\xb4\x1e\x1c\xea?H!\x00|F=\r\xe3\xce;\xef\x94R\x1e=V5\xff\x95\xf7\xb5\x888\xd3sN\x97\xf2\xb8\xc9\xf5\xb8\xd85+\xd7\xad^\xf3-\x11]{\xdduIII\xc1x\xfe\xdb\xbe};"\xaa\xaev\xd5\xbb\xea}8:\x1cJ\x98F\x82\x9b\x15G+\x89())\xc9\x08\xb6\x98D\xfd\x07#\x1c\x8a&gt;c\x18\x86\x10\xe2\xc6\x1bo\x1c:t(#z\xf1\x95\xf7\x8b6}ks\xc6\xf2\xb3\x9d\xce!\x84`a\xb6\xfa\xaa\x13\x0f&gt;&gt;\x971\x16\x1f\xef\x9c5k\x96\xba\xeb\xd2\xb7[~^\xa9c55\xb5\x0f\x11\xd5\x9cp\x95\xec\xdeOav\x81\xd5 \xfe\x93\x94R3\x0c\xd7\x91\xca={\x0e\x11Q\xef\xde\xbd(\xd8nvE\xfd\x07#\xecJ\x1f3\x0cc\xde\xbcy\xba\xa1WW\xbbn\xc9\xfaC\xd5\xd1*=2\x82\x9b-\x1e\xcf\x15BH\xa6i\x11\x11\xf7\xdc;kka\x89\x10\xe2\xe9\xa7\x9fi\xdf\xbe\xbd\xeag\x9d\x8f-?O\xd4\xd6v\xea\xd4)&lt;&lt;\\\x08\xb1\xb5\xb0\x04\x8f\x84&lt;\x9d\x94\x92\xc2\xc3\xf6\xee=x\xf4X%\x11\xa9k\xe6\xc1\x08\xf5\x1f\\\x10\x00\xbe\xa4i\x1a\xe7&lt;==}\xce\x9c\xb9DT\xb8}\xf7\x98\xcc;\xab\xaa\\zl\xb4\xc7\xe39\xf36\x8f\x9b\xa6f\xb3\xe9\xd1\x91\xd3n\x7f\xfc\xad\xf7\x97\x11\xd1\xf8\xf1\xe3\xef\xbd\xf7^\xd34\x83n\xf4\xd3\x1b\x00\x17\xb4oOD[\nw\x12I\x1c\xc2\xa7\x10B\x92f\x14m\xdf\xed1M\x9b\xcd\xd6\xaf_?\n\xc2[^Q\xffA\'\xc8*,\xf0\xe9\xba\xce9\xcf\xce\xce\x9e:u*\x11m\xdaR&lt;\xe6\xea\xa9\xbb\xbe\xdfg\x8bObD\xdc\xe4\xbf\xd0\xf9\x95\x928\xe7\x82\x0b\xdd\xe9t5y\xee\xb8\xed\xb1\xdc\xb7\x96\x10QFFFNNN\xd0\xad\x11\xaf\xa8\xc7w8\x1c\x8e\xe4\x94\x14"\xfazS\x91\xdb\xe5\xd2\x82\xf0\x179\xafT"~\xb1v3\x11%$\xc4w\xe9\xd2\x85\x82g\x0ehs\xa8\xff\xe0\x82\x00\xf0=5#"\'\'\xe7\xc7c\xa0`\xc7\xe0\xa1\x93\xde\xc8y\xcf-Hw:\x99a\xa8\x05\xad8\xe7\x9c\x0b\xf5\x8f\xfa?\xa61=.F\x8b\x8eX\xb9|\xcd\xf0\x11\x93\x17\xbe\xf3\t\x11edd\xe4\xe5\xe59\x9dN\n\xce\x16\x81N\x8eegdd\x10\xd1\xde}\x87\x7f\xd8\xb5\x9f9\xc2p\x19\xa09M\xd7=.\xd77\xdfn\'\xa2\x9e=/\x8e\x8e\x8e\x0e\xde\xb1\x0e\xd4\x7f\x10A\x00\xf8\x1ecLu{srr\x9e|\xf2)":z\xbcz\xca]\x7f\xee?\xf8\xe67r\xde?^uB\x8b\x8e4\x9c\x89z\\\xac\x1e\x17\xad\xfe1\x9c\xf1z\\l\xbd\xdb\xb3\xf2\xb35WeN\x1b\x9d9u\xf3\xd6b"\x9a0a\x82\xaa~!D\xd0\r\x08x\xa9\xe3633\xd30\x8c\xc6\xa6\xa6u\xdf|G\x86=\xb8\xaep\x9eWBH\xe6\x08\xdb\xb3\xf3\x87\xbd?\x1c&amp;\xa2\xab\xaf\xce\x0c\xeaG\x9f\xa3\xfe\x83\x08\x9e\xabp\xbeH)\xd5\x8c\x85\xbc\xbc\xbc\x193fl\xdb\xb6M\xbd\xde&amp;)\xfe\xb2\x81}\xfb\xf5\xeb\x99\x9a\xd2\xd9\x99\x10K\\x&lt;\xe6\xa6\xc2\x9d{\xf7\x1e\\\xbd\xe6\xdb}\xfb\x0e\xa9\xb7\xb5k\xd7\xf6\x0f\x7f\xf8\xe3\xfd\xf7\xdfOD\xc1^\xfd\xde\xc7\xc2\xf4\xec\xd1\xe3\xc0\xc1\x83\xbf\x1b7\xfc\x9f\x1f\xbf\xcckN\xe0\x8c^1M\xae;\x9d\xffx\xfe\xd5\xec\xc7\xff\xa6\xeb\xda\xc6\x8d\x9b\xd2\xd3\xd39\xe7A\xbd\x7fP\xffA\x01\x01p~\x99\xa6i\x18\x86\xdb\xed\x9e={\xf6\xfb\xef\xbf\xb7cG\xf1\xaf~K\xfb\xf6\xed\xc7\x8e\x1d\xfb\xe4\x93Ov\xe8\xd0A\x8d\x03\x84\xc0\x99\xafj\xce\xb2\xb2\xb2\xde|\xf3\xcd\xdf\\\xd8nG\xc1GQ\x91\x0eibB7\x11\x91\xe0\\\x8b\x8d\xb9n\xdc\xff\xfb\xe4\xdf_\xf6\xec\xd9\xa3\xa0`\x8b\xddn\x0f\x8d=\x83\xfa\x0fp\x08\x80\xf3\xce\xdb\x95kjjZ\xbe|\xf9\'\x9f|\xb2i\xd3\xc6\xb2\xb2\xb2c\xc7\x8e{\xdf\x13\x13\x13\x93\x98\x98\x90\x96\x96&gt;v\xec\xd8\xab\xaf\xbe\xbaM\x9b6\xcd\xbf1\x04\xa8\xdf\xe5\xdf\xff^v\xcd5c\x89\xe8\x9d\xdcg&amp;\xdd1\xc1\xac\xa91,\x7fS\x98\x10R\x8b\x08\xdb\xb5}O\xda\xe0\xdf\xd7\xd57&lt;\xf2\xc8#\xb3g\xcfV\xed\xa6\xbf7\xcd7P\xff\x81\x0c\x01\xd0\x1a\xa4\x94\xcd\xe70p\xce\xab\xaa\xaav\xec\xd8\xc19g\x8c\xa4\xa4n\xdd\xba%&amp;&amp;:\x1c\x0e\xef\x1b4M\x0b\xa5\x8e\x8f\x1a\x05r\xb9\\\x17_\xdc\xf3\xf0\xe1\xc3\xd7\x8c\xb9|\xe9\xbfsD\xcd\tL\x072Mn8\xe3\xe7\xfe\xd7K\x8f&lt;\xf1w]\xd7\xd7\xad[7`\xc0\x80\x10k\xfbP\xff\x01\x0b\x01\xd0z\xd4a@?\xbf\x92\t\xe7\\J\xa9\xebzH\x96\xbe\xea\xd5&gt;2c\xc6\xdc\xbf\xfd-2\xd2Q\xb8aq\xe7\x1e\x9de}\x93\x0f\x17\x8e\x0fF\x92$\xd7\xf4K\x06N,\xda\xbe{\xc0\x80K\xd7\xad[OAx\x07\xc0\x99\xb0x\xfd\x07\xa6\x10\xac\xb3\x80\xc5\x18\xd3u]\xd7uu}\x8c7#\x84P\xa5o\x18F\xa8V\xbfj\xd4n\xcf\xca\xb2\xdbluu\ro\xbf\xbf\x8c\xd</t>
        </is>
      </c>
    </row>
    <row r="432">
      <c r="A432" s="1" t="n">
        <v>430</v>
      </c>
      <c r="B432" t="inlineStr">
        <is>
          <t>triangle</t>
        </is>
      </c>
      <c r="C432" t="inlineStr">
        <is>
          <t>What is the missing number of the part denoted with a question mark?</t>
        </is>
      </c>
      <c r="D432" t="inlineStr">
        <is>
          <t>['1', '4', '0', '5']</t>
        </is>
      </c>
      <c r="E432" t="inlineStr">
        <is>
          <t>1</t>
        </is>
      </c>
      <c r="F432" t="inlineStr">
        <is>
          <t>There are three groups of numbers with a triangle arrangement in the image. The first group is [9, 7, 63], the second group is [6, 3, 18], and the third group is ['?', 2, 2].</t>
        </is>
      </c>
      <c r="G432" t="inlineStr">
        <is>
          <t>We observe that the number 63 is the product of 7 and 9. Similarly, the number 18 is the product of 3 and 6. Hence, the pattern is that the rightmost number in each group is the product of the other two numbers.</t>
        </is>
      </c>
      <c r="H432" t="inlineStr">
        <is>
          <t>Based on the pattern that the rightmost number in each group is the product of the other two numbers, the missing number of the group ['?', 2, 2] should be 1.</t>
        </is>
      </c>
      <c r="I432" t="inlineStr">
        <is>
          <t>b'\x89PNG\r\n\x1a\n\x00\x00\x00\rIHDR\x00\x00\x02\x00\x00\x00\x02\x00\x08\x02\x00\x00\x00{\x1aC\xad\x00\x00\xbbyIDATx\x9c\xec\x9dwx\x14\xd5\xd7\xc7\xcf\x9d\x99\x9d-)\xbb\x9bF\x0f\x84\x1e \x94@\xe8A:\x01\x0b(U\x8a\xd2\x04\x05Q\xb0P\x14i\xa2\x08\x82\xa0\x80\x05\xa4)M\xa4\n\n\xa1\x89\xd2\xc4\xd0\x13\x81@\x08\x10JH\xdf^g\xee}\xff\xb8\xb0o~\x14%\x9b\x106\xe4~\x1e\x1e\x1e\x98\x9d\x9d\xbd[\xe6|\xcf=\xf7\xdcs\x10!\x04\x18\x0c\x06\x83Q\xfa\xe0\x9e\xf4\x00\x18\x0c\x06\x83\xf1d`\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a\x02\xc0`0\x18\xa5\x14&amp;\x00\x0c\x06\x83QJ\x11\x9e\xf4\x00\x18\x8f\x1dB\x08\xfd\x9b\xfe\xc3\x03\xba\xcb\x13\x1a\x17\x83\xc1x\xc2\xa0{\x8c\x02\xe3\xe9\x80\x10\x821&amp;\x84 \x84x\x9e\x7f\xc439\x8ecz\xc0`\x94\x1e\x98\x00&lt;U\x10BdY\xe68\x8e\xe3\xfe?\xb8\'\xcb\xb2\xd9l\xbe}\xfbvzz:\x00\x02\xb8\xf3\x8dW\xaf^=  @\xa7\xd3\xe5\xbf\x82,\xcb\x00\xc0\x94\x80\xc1(\r0\x01xJ\xc0\x18c\x8c\x05\xe1NL/77\xf7\xf4\xe9\xd3\x07\x0f\x1e\xfc\xeb\xaf\xbfn\xdc\xb8q;#\xc3d2\xb9\x9c\xce\xfcO\t\x08\x0cT)\x95\xd5\xaaU\xabX\xb1b\xeb\xd6\xad[\xb6lY\xb7n]\x8dFC\x1f\x95$\x89\xe7y&amp;\x03\x0c\xc6S\x0c\x13\x80\x12\x0f\x8d\xe1\xd08\x8f\xd9l\xde\xbau\xeb\xa6\xcd\x9b\x8f\x1e9\x9a\x99\x99Q\xd0KEDD\xb4k\xd7\xae_\xbf~\xed\xdb\xb7\xa7\x17\xa4\xf3\t&amp;\x03\x0c\xc6S\t\x13\x80\x12L~\xd3\x9f\x94\x94\xb4j\xd5\xaa\r?\xff\x9cv\xed\x9a\xe7\x84\x80\xc0\xc0\xaa5"\xcb\x94\xafP\xbdV]??\xffZ\xf5\x1a`Y\xa2\xab\xbf\x92\xdb}.\xf1\xa4\xc3nO\xfe\xe7\xcc\xed[7\xaf\xa5^r\xe6\x9b\x1f4l\xd8p\xc0\x80\x01\x83\x06\r*S\xa6\x0c\x00\xc8\xb2\xfc\xef\x0b\t\x0c\x06\xa3$\xc2\x04\xa0\xa4\x821\xa6\x81\xfe\x9b7oN\x992e\xdd\xbauv\xbb\x9d&gt;T\xbebx\xf3\xd8\xf6\xcft\x8a\xab]\xafQ\x85JU\x94*Q\x10\x00\x13\x90\xa5\xff\xb9\x82\xa0\x00  I`\xb5\x98\xd3\xae\xa4$\x9e:\xf1{\xfc\xf6\xe3G\x0f\x1a\ry\xf4\x84\xb2e\xcb\x8d\x1e=j\xfc\xf8\xf1\xa2(b\x8cY\xca\x10\x83\xf1\x94\xc1\x04\xa0D"I\x92 \x08n\xb7\xfb\xdbo\xbf\xfd\xf4\xd3Oo\xdf\xbe\r\x00\xa2(\xc6\xb4z\xe6\xe5\xc1\xaf7n\xde:\xacl\x18\xc6\xe0t\xba\\N\xe7\x9d$\x1f\x80\xfc\xe6\x9b\x00x\x0er\xbc\xa0T*\x95*A\x92\xe0\xc6\xb5\xcb\x87\xf6\xef^\xbf\xf2\xbb\xf3Ig\xe8\x99QQQ\xb3g\xcf\xee\xda\xb5+\xb0\xa9\x00\x83\xf1t\xc1\x04\xa0\xe4A\xad\xff\xa5K\x97\x86\x0c\x19r\xf8\xf0az\xb0\xdb\x8b}G\xbc=\xbeV\x9d\xfa\x82B\xb0Ymn\xb7\x0b\xe0\xd1\xd3:\t\xc6\x84\x10\x8c\x00\x89*\x95F\xa34\x9bm\'\x8e\xfe\xf9\xd5g\xd3\xce\x9c8F\xcf\x18&gt;|\xf8\x17_|\x11\x10\x10@_\xfd\xb1\xbd9\x06\x83Q|0\x01(I\xd0\xcd\\\x1c\xc7m\xd8\xb0a\xf4\xe8\xd1\xd9\xd9\xd9\x00P?\xba\xe9\xdb\x93\xa6\xb7j\xd7\x85\x10b\xb3Z\xe8\t^\xc7j\x08!\x18\xcb\x1c\xc7\x07\x04\x06X-\x96\xed\x1b\xd7-\x9c=-\xf3\xf6-\x00\x88\x8e\x8e\xfe\xfe\xfb\xef\x1b5j\xc44\x80\xc1x:`\x02Pb\xf0X\xff\xe9\xd3\xa7O\x9b6\x8d\x1e|\xe3\x9d\x0f_\x7f\xe7C\x8d\x9f\xdah0\xd2\x9d\\E\xf5r4\xda\xa3\xd5\xf9_\xbfz\xed\x93\x0f\xdf\xd9\xbd}3\x00\x04\x05\x05}\xf3\xcd7}\xfa\xf4a\x1a\xc0`&lt;\x050\x01(\x19x\x12~F\x8c\x18\xb1t\xe9R\x00\x08-Sv\xe6\xfc\xa5\x9d\x9f\x7f\xce\x90gy|\xa1yIr\xab\xd5~\xa2\xa8\xf8~\xe1\xdc\xf9\x9fNv\xbb\\\x00\xb0d\xc9\x92\xd7^{\x8di\x00\x83Q\xd2a\x02P\x02\xa0\xfb{\x05A\xf0X\xff:\xf5\xa3\xbfY\xb3\xa5|\xc5pC\x9e\xe1qo\xd7\xc2\x18\x03@Pp\xe0\xa1\xdf\x0f\x8c~\xe5%\x93!\x0f\x98\x060\x18O\x05L\x00J\x00\xd4\xce\xbe\xfe\xfa\xeb\xdf}\xf7\x1d\x00\xd4\xa9\x1f\xbd|\xe3N\xad.\xc8b1\x0b\x82\xa2x\xc6\xe0v\xbbCB\xf5\x7f\x1f&gt;&lt;\xa2\xdfs&amp;\xa3\x01\x00V\xae\\\xf9\xea\xab\xaf2\r`0J.L\x00|\x1dja\x97,Y2r\xe4H\xb8k\xfd\x03\xb4:\xbb\xd5\xc6\x17\xaf\xe5\x95\xdcn}\x88\xfe\xf8\x91;\x1a\xe0\xe7\xe7w\xe0\xc0\x81&amp;M\x9axv$0\x18\x8c\x92\x05\x13\x00\x9f\x86\xda\xd6c\xc7\x8e\xb5l\xd9\x12c\\\xa3v\xdd\x1f\x7f\xd9\x1f\xa0\xd5\xd9m\xf6\'\x92\x8f/\xb9\xddA!\xfa\xbf\x0f\x1f\x1e\xd6\xbb\x8b\xcdj\x8d\x88\xa8z\xe2\xc4qZN\x8e\xed\x11c0J\x1c\xccq\xf3]\xa86\xe7\xe4\xe4\xf4\xef\xdf\x9f\x10\xa2\xd1\xf8}\xb6xePH\x88\xcdj{R\xbb\xb1\x04\x85"\';\xaf\xc53\xad\xc6O\xfb\x1c\x00\xae\\I\x1d1b\x04]\xa0~"\xe3a0\x18\x85\x81\t\x80\xefB\xdd\xffw\xdf}755\x95\x10\xf2\xfe\xf4\xcf\xa3\x9b61\xe4\x19\x9fl\xcc]\xa1Pdg\x18\x06\x8dx\xe3\x85\xde\x03\x01`\xe3\xc6\x8d?\xfe\xf8#\xcf\xf3\xb4\x8e4\x83\xc1(A\xb0\x10\x90\x8fB3;\x0f\x1e&lt;\xd8\xae];Y\x96;?\xf7\xd2\xb7k7\xe5f\x1b\x8a9\xee\xff@\x08!&lt;\xcf\xbb]\xae\x97\xda7\xbe\x91v5,,\xec\xdc\xb9sZ\xad\x96\x15\x0bb0J\x16l\x06\xe0\x8b\xd0\xfe\\N\xa7s\xdc\xb8q\xb2,\xeb\x82\x82?\xf8d\xbe\xd5\xea@\xbe\xb1\xd6\x8a\x10r\xbb\\Z\xbdn\xe2\xcc\xf9\x18\xe3\xdb\xb7oO\x992\x85\xe38\x16\x08b0J\x16&gt;aP\x18\xf7@\x83?\xeb\xd7\xaf?q\xe2\x04\x00\x0c\x186\xbar\xd5p\x87\xddQ\x98d\x1b\xba\x99\xc0\x03!\x852\xd6\xbc \x98\x0c\xa6\x0e]\x9fk\xd1\xa6\x03\x00|\xf7\xddw\x17.\\`\x1a\xc0`\x94,X\x08\xc8\x17\xa1\xc6\xbaA\x83\x06\x17.\\\x88\xa8Qk\xe3\x9e\xbf\x01\x01`\x02^\x05X\xb0,\x03BJ\x95J\x14E\xaa \x98\x80\xcb\xe9r:\x1c@\x08\xe7\xedz2\xc6X\xa3\xd1$\x9fKz\xb9[k\xbb\xcd:|\xf8\xf0\xa5K\x97\xb2r\xa1\x0cF\t\xe2\xc9\x07\x94\x19\xf7\xe0\x89\xfe_\xb8p\x01c\xdc\xbd\xf7 \x9d\xde?;\xcb\xe0\xdd\xda\xaf,\xcb\x01\x81ZB\xf0\xb5\xd4\x94\xd4K\x17r\xb22\t!A!\xa1\xd5jFV\xa9V\x03!\xcel2zg\xb29\x8e\xb3Z\xad\xf5\x1a6\x8ci\x19\xfb\xe7\xde]\xbf\xfc\xf2\xcb\xacY\xb3\x82\x83\x83i\xfc\xca\x8b\x0b2\x18\x8cb\x86\t\x80\x8f\xf2\xfd\xf7\xdfc\x8c\x83C\xc3\x9e\xef5\xc0bvxg\xa3\t\xc1Z\xbd\xf6\xd0\xfe\xbd+\xbe\xfe\xe2\xc4\xd1\x83V\xab\xc5\xf3\x90\xc6\xcf\xafI\x8b6C\xde\x18\xd7\xba}\'\xb3\xc9\x0c^%\xf2#\x00,\xe3\xfeCG\x1f\xda\xbf\'33s\xcb\x96-\xac&gt;\x04\x83Q\x82`! \xdf\x82\xba\xcf\xe9\xe9\xe9\xb5k\xd76\x99L\xdd\xfb\x0c\x9a\xff\xfd\x0f9\xd9\xde\xb8\xff\x84\x10?\x7f\xbf/gM\xfbz\xee\xc7\xffr\xda\xeb\xef|0\xee\x83\x8f\xadV\xab\xb7n;\xe2\x10z\xb1}\xf4\x95\x94\x8b\xcd\x9a5\xa3\xfd\t\xd8\xc6`\x06\xa3D\xc0nT\xdf\x82f\xd3\xef\xde\xbd\xdbd2\x01@\x87\xae/\xc8\xb27\x11\x15Y\x96\x03\xb5\x01\xdf|\xf1\xe9\xd7s?\xf6T\x8b\xabV+\xb2k\xf7\xde\xcf\xf7\xea\x1f\xd5\xa8\t=\x8d\x17\x84o\xbf\xf8\xf4\x8b\x99\x93\x03\xb5\x01\xde%\xf2K\x92;@\xab\x89\xed\xd0\x95\x10r\xfa\xf4\xe9\x94\x94\x14\xb6\x14\xcc`\x94\x14\x98\x00\xf8\x16\xd4R\xff\xf1\xc7\x1f\x00P\xb6|\xc5&amp;-\xda\xd8m\x05N\xfe\xc1\x18\xfb\xf9\xf9\x9d&gt;\x9e\xb0\xf0\xb3i\x82\xa0 \x84\xf8\x07\x04~\xfe\xed\x0f[\xf6\x1f\xffr\xe5\x86/\x96\xae\xf9i\xd7\xd1\xef7\xfcV\xbeb\xb8,I\n\x85\xf8\xdd\x82Y\xbf\xc7\xef\x0c\x0c\x0c\xc0\x05\xd7\x00\x0e!\xb7\x1bw\x88{\x81\xe7y\x87\xc3q\xe4\xc8Q\xb8[@\x94\xc1`\xf88L\x00|\x0b\x8e\xe3\xdcn\xf7\xb1c\xc7\x00\xa0n\x83\xc6\xa1e\xc2\\.WAg\x00\x84`\x85(\xfc\xf0\xddWw\x9dz4\xfb\xeb\x1f\xfa\r\x1e\xe4vK&amp;\x83\xd1h0\xdal\xd6\x0e]\xbb~\xb7~\x87V\xa7\xa7\xc6z\xe1\xeci.\xb7\xdb\x8b}\x06\x88\xe3\x1cvG\xad\xba\xf5\xc3\xca\x95\x07\x80?\xff\xfc\x13X] \x06\xa3\x84\xc0\x04\xc0\x87\xc0\x18#\x84RRR._N\x05\x80&amp;-by\x1e\xa0\x80\x8b4\x84\x10\x85\xa8\xcc\xbc\x9dq\xe4\x8f=\x08!Ir\xb7n\xdf\xb9\xcb\xf3/\xa4\xdf\xcc\xe38\xc4\xdf%\xf3vNT\xa3\xa8\xd7\xdf\xf9@\x96%^\x10\xce\x9e\xfc\xfb\xc4_\x87\xfd\xfc\xfd0.\xd8$\x00!\xe4v\xbb\xf5\xc1\xc1Q\rc\x00\xe0\xaf\xbf\x8e:\x1c\x85\xda\xaf\xc0`0\x8a\rv\xa3\xfa\x10tA\xfe\xea\xd5\xabN\xa7\x03\x00\xaa\xd5\x8c\x94\xa4\x02{\xd3\x84\x10\xa5\xa8\xbc\x96\x9a\x92\x9d\x99\xc1q&lt;\x00\xc4v\x88#@8\x84\x00\xfe\xffR\nQ4\x19\xec\xcf\xbe\xf4\xb2V\x1fD#?\x7f\xee\xf9M\xa1\xe0\x08.pR\x00!D\xa1\x80\xaa5j\x03@z\xfam\x93\xc9\x84\x10K.`0J\x00L\x00|\x08j4O\x9f&gt;\x03\x00\x81Zm\xa5*U\xdd\xde\xc4\x7f\x08/pY\x99\xb7\x01\x00q\x08\x00*\x86G`\xf9\xde*=\x08!\xb7\xdb\x15V\xb6\\\xdd\xfa\xd1\xf4u\xcf\x9eJp:d\x8e/\xf0O\x82CH\x92\xa0Fd=\x000\x99\x8c\xc9\xc9\xc9\xc0\x96\x01\x18\x8c\x92\x00\x13\x00\x9f\xc3j\xb5\x02\x00\xcf\x0b\xfe\xfe\x01\x18cov\xff"p:\xec\x00\x00\x04\x00@\xa9T=\xd0\x1d\'\x04\x04\x01U\x0c\xafB\xff{\xebz\x9a\xd9d\xe4y\xc1\x0b\xe7\x9d\x10\x08\xd4\xea\x00\x00cl\xb7\xdb\x0b&lt;`\x06\x83\xf1$`\x02\xe0C\xd0\xd0\xf9\x89\x13\xc7\x01\xa0R\x95\xaaZ}\xb0$I\xde,\xa8\x12P\xa95\x00wB&gt;V\xab\x99\xe3\x1e,\x01\x08!\xcfq\xa3!\xd7j5\xd3\xa8Q\x81\xa0\xb5\xe1*\x86G\x04\x04j\x01 !\xe18\xdc\x9d\xcd0\x18\x0c_\x86\t\x80\xcf\xe1v\xbb\x01\xc0? P\xa9Ry\x11HA\x08I\x12\x0e+S\x0e!D0\x06\x80\xe4\x7f\xce\xf2\xfc\x9d\x7f{ \x84p\x88\xb7Y\x9d\'\xff&gt;B\x8fH\x92\xdb\xe9p \x0e\xdd\x998\x14\xe4%1\xc6\x01\x81\x81\xa2(z\xc6\xcf`0|\x1f&amp;\x00&gt;\x07u\xf9\xb1,{\xe7D#\x84\\NG\x95j5\xcb\x94\xab@#H\xbfn^o2Y\x95*\x95\xe4v\xd3R\xa0\x92$\x11B\xc2\xca\x06\xfc\xb8t\xe1\xe5\xe4s\xb4\xce\x04!@\x08A\xe0e\x06\xa7g\xc0,\x07\x94\xc1()0\x01\xf09\xa8\x01\xf5:\x80BWwC\xc2\x82;=\xfb"!DT\x88WR\x92?\x9e\xf0\x16/\xf0\xc1\xa1z\xadN\xab\xd5i\x83Ctj\xb5z\xf1\xdc\xf9sgL\x84\xbb\xe1\x1a\x9e\xe7\x14\n\x91\x10\x0c^i\x80g\xc0L\x00\x18\x8c\x92\x02+\xda\xe5sH\x92\x04\x00\x82 p\x9c\x97\x96\x94C\x9c\xcd\xe6\x18\xfa\xe6\xbb\xbfn^\x9f\x9b\x93\xa5\x10\x95\x9b\xd6,\xff\xe7\xcc\xc9\xb8\xee=+V\xae\n\x84\\\xbf\x9az`\xf7\xafgN\x1c\x13EeTL\x8b\x13\x7f\x1d\x02\x00\xa5J\xadR\xabq\xc1\xd3@\x01\x80\x10"\x08\x02B\x9cg\xfc\x0c\x06\xc3\xf7a\x02\xe0CPO&lt;88\x18\x002\xd2o\x99\x8cFA\x10\xe8\xee\xb0\x02]\x07q\x9c\xd3\xe1,_\xb1\xd2\x17\xdf\xaf\x1d\xf3j/\xb3\xc9\xc8q\xdc\x85\xa4\xd3\x17\x92N\xdfs\xe6\xd4\xcf\x17\xe6dgS\x01\x08\xd4\xeaUj5\xc6rAe\x87\x10\xa2P(n\xa7\xdf\xb4\xd9,\x9e\xf13\x18\x0c\xdf\x87\x85\x80|\x08*\x00u\xeb\xd6\x03\x80\xec\xcc\xdbv\xab\xc5\xeb\xe6*&lt;\xcf\x9bM\xe6\x96m:\xae\xde\xfeG\xbb.\xcf\xdd\xdf\xf5%2\xaa\xe1\xbc%k\x87\x8e~-\xf9\x9f\xb3\xf4Hh\x99\xb2~\xfe\x01\xb2,\x178\xf1\x94\x10^\x10r\xb2\xb3\xec6\x1b\x00\xd4\xaf\x1f\x05,\x10\xc4`\x94\x04\xd8\x0c\xc0\xe7\xd0\xebu\x00\xe0r:\xb3\xb32\x82\xc3\xca\xb8].\xef\x1a\x81\xf1&lt;o2\x19kD\xd6\xfdf\xcd\xb6\x0bIg\xff9s"\xfdF\x9a,\xcb\xfa\xe0\x90\x9au\xa2\xeaG7\xf5\x0f\x08\xc8\xcc\xb0\xa7]I\xa1\xe7GT\xaf)\x8a\xbc\xd5\x82\x0b\xea\x16\x10\x00\x8e\x83\x8c\x9b\xd7\x01@\x14E\x7f\x7f\x7f`\x02\xc0`\x94\x04\x98\x00\xf8\x10\xd4h6h\xd0\x00\x00l6\xeb\xcd\xebi\xf5\x1aF\xdb\t\xf1\xda\x94\xf2&lt;O\xbd\xf2\x9au\xea\xd5k\xd8\x90\xa6\xf8\x13\x0c\x92D\xac\x16\x8b\xddf\xcb\xcaH\xbf|\xf1\x02\xad\xdcP\xafQ\x8cw\xafB\x08\xe1y\xb8z\xf9"\x00\x04\x04\x04\xd6\xa8Q\x03\x98\x000\x18%\x01\x16\x02\xf2!\xa8\xd1\x8c\x88\x88\x08\x08\x08\x04\x80sgN\xf0&lt;\xe0\xc2\xed\xa8\xe28\x8e\xe38\xbb\xcdf\xc83\xe6f\x19r\xb2\x0cy\xb9\x06\x8b\xd9,\xcb\x92\x9f\xbf&amp;\xe1\xe8A\x9b\xd5\x02\x00\xa2\xa8l\xdc\xb4\xb5\xc3\xe1\xa6\x0b\xb9\x05}\t\x87C&gt;\x97x\x1a\x00\xaaV\x8d\xf0\xf3\xf3c]!\x19\x8c\x12\x01\x13\x00\x1f\x82\xe38BH\xa5J\x95"##\x01\xe0\xe4\xdf\x87].R$\x9559\x8e\xe3y\x9e\x17\x04A\x10x^\xe08\x8eC\x9c$\xc9\x1b~XB-u\xa3\xa6-\xaa\xd7\xaa\xed\xb0\xdb\x0b\xfar\x84\x10Q\x14\xb33n\xd3\xb5\x84\xd6\xad[+\x14\n\xefz\xcb0\x18\x8cb\x86\t\x80o!\xcb2\xc7q-Z\xb4\x00\x80\xf3\x89\xa7o\\\xbb\xa2T\xaa\x8a\xb6\xac\x02\xc6\xd8\xedr\x85\x96\xd5\xae^\xfa\xf5\xa9\xbf\x8f\xd2\xe2?}_\x1d\xc9\x0b\xbc\x17/\x841V\xa9\x95\xa7\x8f\xff\x95\x97\x9b\r\x00\xb1\xb1m\x80\xc5\x7f\x18\x8c\x12\x02\x13\x00\xdf\x82\x9a\xce\x8e\x1d;\x00\x80\xd1\x90w\xf8\xc0\x1e\xb5F\xf4\xa2Q\x97\xe7j\x84\x10Y\x96dI\x92eI\x96eB\x88J\xad\x0e+\x17\xf4\xf3\x8fkgOyO\xa1\x10%\xc9\xdd\xa4yl\xdc\x0b/\x99Mf\xef\x92\x8e\x10\x87\xf6\xfe\xba\x95\x10\xa2\xd5j\x9b5k\nO\xb4\'0\xb9\x8f\'5\x12\x06\xc3\xf7a\x02\xe0[P\xd3\xf9\xcc3\xcfT\xa8P\x11!\xb4\x7f\xd76B\xc0\xbb, \x04\xc8\xedv\x89J\xa5&gt;H\x17\x14\xa2\xd3\x07\xe9\xb4:\xad(\x8a\xa9\x17\xcf\x7f\xf0\xd6\xe8wG\x0c\xc0\x04\xbb\xdd\xae@\xadn\xc6\xfco\xc1\xab\xf2m4\xfe\x93\x93\x99s\xf4\xd0~\x84P\x9b6m\xca\x97/\xef\xc5\xc6\x85\xc2\x801\xa6\xc5-dY\xa6/}\x0f\x9e\x13$I\xc2\x183I`0&lt;\xb0, \xdf\x02!$IR@@@\xbf~}\xe7\xcd\x9b\xf7\xf7\xe1?\xcf\x9e8Q\xbb^}{\x01\xa3\xf3\xb2,\xe9\x82\xb4\xdf}\xb18~\xfb\xa6\xda\xf5\x1ah\xfc\xfc\xb1,\xe7\xe5f_II\xbe\x90tV\x92\xdc&lt;/\xc8\x92\x14\xa8\xd3/Z\xb5\xa9z\xadH\x93\xd1\xe4\x85\xfb\x8feY\xa3\r\xd8\xb2~Uf\xfa-\x00\x181b\x04\x14W\x1dP:\x9b\xe1y\xfe\x9e\x8f\xc5n\xb7;\x1c\x8e;\xe54\x08\xe18N\xab\xd5\xde\xff\\\x00\xe08\x8e\x85\xaa\x18\xa5\x1c&amp;\x00&gt;\x07\xb5hC\x86\x0c\xf9\xea\xab\x85v\x9bu\xebO?\xcch\xfe\xa5\xd5b-X\\\x85\x00\xcf#\xa3!\xef\xec\xc9\xbf\xcf\x9e\xfc\xfb\xfe\xc7eYj\xd6\xba\xed\xe4Y_\xd6\xaa[\xdfd4\xf0\xbc7\xbf\x04\xc4q\x92\x847\xae^\x86\x10\xaaV\xadZ\x87\x0e\x1d\xa8\xcd\xf5\xe2R\x8f\x08!\x04cL\xd7\xb4\xe9\x91\xeb\xd7\xaf\x1f?~&lt;11\xf1\xec\xd9\xb3F\xa3\xf1\xf2\xe5\xcbf\xb3\x05! \x00@\x80\x17\xf8:\x91\x91*\x95\xaaI\x93&amp;U\xabVk\xd6\xaci\x8d\x1a5\x04\xe1\xce\x9b\x95e\x19!\xc4\x1aX2J-L\x00|\x0e\x8e\xe30\xc6u\xeb\xd6\x8d\x8dm\xfd\xfb\xef\xbf\xff\xba\xe5\xa7\xc1o\x8c\x0b-S\xd6\xedv\x17\xc8c\xc5\x18T*\xd5\xfd\xc7\x83C\xc3\x1a6i\xde\xbd\xcf\xa0\x0e]_@\x1cg2\x1a\xbd\xb3\xfe\xb2,\x07j\x03\xf7\xfe\xfa\xcb\xb9\xb3\xa7\x08!\x83\x06\rR\xab\xd5\x92$y\xcck\xd1BM?mh\x0c\x00G\x8e\x1c\xd9\xb2e\xcb\xa1C\x87\xce\x9d;g2\x99\xfe\xe5\x89\x19\xb7o\x03\xc0\xce\x9d;\x01@\xa9T\xd6\xa8Q3&amp;\xa6I\xf7\xee\xdd\xe3\xe2\xe2\x94J%0\x19`\x94bX\xefV_D\x96e\x9e\xe7\x0f\x1c8\xd0\xae];\x00x\xa1\xf7\x80/\x97\xaf\xce\xce2\x14\xc0\xb6\x12\xc2\xf1\xbc\xc9\x90w\xf9\xd2\x85\xdc\xec,\x8b\xd9\x04\x08\x05\x06\x06\x86\x96)_\xa9JD\x99r\x159\x0e\xcc&amp;s!\x1dv\x8e\xe3z\xb4mt%\xe5bHHHRRRhh(\r\xbb{}\xc1\x87A?\x10\x00\xc8\xc8\xc8\xf8\xe5\x97_V\xfd\xf0\xc3\xe1C\x87\xf2\x9f\xa0\xd3\x07\x85\x95-\x1fZ\xa6lHX\xb9\xf0*\x11n\xb7\x04\x00\xbc \x18\xf2r\xae\\J\xb6\x98M7\xd2\xae\xe4fg\xe5\x7fJ\x9d\xbau\xfb\xf4\xee\xdd\xb7o\xdf\xda\xb5k\x03\x80$I&lt;\xcf\xb3\xa0\x10\xa3T\xc1\x04\xc0G\xa1&amp;\xafO\x9f&gt;?\xff\xfc\xb3\xa8T\xae\xda\xb2?\xbai3\xb3\xb9 \xd5\x81\x08\xf0\x02\xafT\xa99\xee\xce*2! \xcb\xc4\xe5r\xba]NB\xc0\xebBC\x00 \xb9\xdd\xc1a\xfa\xef\xe6\xcf\x9b=\xe5=\x84\xd0\xdc\xb9s\xdfy\xe7\x1d\xba\xc4Z\x98\xcb\xde\x0f\xcd\xe4\xe18\xceh4\xce\x9f?\x7f\xc9\x92%\xe9\xe9\xe9\xf4!Q\xa9\xac\xd7\xb0q\xf3\xd8\xf6\r\x9b\xb4\xa8\x19Y/P\xab\xf3\x0f\x0cD\x08\x04\x05\x10r\xa7\xa45\xc6 K\xe0p8\x8c\x86\xdc\xebWS\xcf\x9e&lt;\x96p\xe4\xcf\xe3G\x0f\x1a\ry\xf4"\x1a\x8d\xa6_\xbf~\x13&amp;L\xa8Y\xb3&amp;\x00\xd0\xf8R\x11\x8e\x9f\xc1\xf0e\x98\x00\xf8(4\xa1\xe5\xca\x95+\x8d\x1a52\x99L\x91\xf5\x1a\xfe\xbc\xe7\x88\xdb-\x17h\x93-!\x84\x90\xff\xd9J\xec\xc9\x8d)\xd4\xd8dY\xed\xe7w5\xe5R\xef\xceM\xed6\x1b\xc6\xb8v\xed\xda\xef\xbf\xff\xfe+\xaf\xbcB\xcb\x97B\x11e\x82z\x1c\xff\xf5\xeb\xd7O\x9f&gt;\xfd\xc2\x85\x0b\xf4x\xad:Q/\xf4\x19\xd0\xaam\x97\x1a\x91u\xd4\x1aQr\x83\xd3\xe1\xa4\xd9\xae\xe4\x7fW\xa1\x11\x02\x84\x10\x878^\xa1\x10EQ\x149\xc9\riWS\x8e\x1d\xfa\xe3\xb7\xad?\x1d\xfe}\x0f=M\x1f\x14\xf4\xce\xb8q\xe3\xc7\x8f\x17E\xd1\xf3\xa2\x0c\xc6S\x0f\x13\x00\xdf\x85Z\xa2Y\xb3f}\xf0\xc1\x07\x00\xd0\x7f\xe8\xa8O\xbe\\\x9c\x9d\x99\'(\x14OpT\x84\x10\x04 (\x84\x97\x9fm\x93t\xea8\xcd\xa5\xa1y5-Z\xb4\x98&gt;}z\xa7N\x9d\xa0("*t9\xe1\xd6\xad[\xc3\x87\x0f\xa7\x11|\x00h\xd1\xa6\xfd\x80\xe1o6\x8fm\x1f\x1c\xa2\xb5\xdb$\x87\xc3.\xcb2\x87\x10\xa2\xcd\x13\x1e\xferw6\x05`\x8c\x10R\xaaTj?\xa5\xd3.\x9dJ8\xbcq\xcd\x8a\xad\xebW\xd1\x9b\xa0^\xbdz\xdf~\xfbm\xabV\xad&lt;\xe9\xa4^\x0f\x9e\xc1(\x110\x01\xf0i\xe8\xfad\\\\\xdc\x9e={\x00`\xee\xb7\xab{\x0f\x1a\x90\x91\x9e\xab\x10\xc5\'5$Ir\x97)\xab\x9f\xf8\xe6\xe8\xb5\xcb\xbf\x06\x80\x8f?\xfe\xb8[\xb7n\x13\'N\xa4#\x04\x80\xfe\xfd\xfbO\x9a4\xa9^\xbdzp\xd7\x88\x17\xf4%&lt;a\x9f\xf8\xf8\xf8\xa1\xc3\x86\xdd\xbay\x13\x00"\xaa\xd7\x1c\xf6\xe6{/\xbe\xfc\xaaR)\x9aMVIr\xd32G^\xbc\x05B\x08\x96e\xc4q\xfe\xfe\x01\x82\x02\x1d\xd8\x13\xbf\xf4\xcb\xd9\x7f\x1d\xfc\x1d\x00D\xa5r\xf6g\x9f\x8d\x1d;\x16X8\x88Q\n`\x02\xe0\xd3P\x1b\x94\x91\x91Q\xbf~\x83\xcc\xcc\x0c\xadN\xff\xdd\xba\xedMZ\xb6\xca\xcb~2\xf3\x00I\x92B\xc3t\xcb\x16/\x9a9q\x0c!\xd0\xb1c\xc7\xdd\xbbwSOy\xfd\xfa\xf5\xb3f\xcd:{\xf6,\x00h4\x9aw\xdf}\xf7\xddw\xdf\xd5j\xb5\x05]\x18\xf0X\xff\x05\x0b\x16\x8c\x1b7\x8e\x1e\xec?t\xd4\xd8\x0f\xa6\x87\x84\x85\xe4\xe5\x9a\x08\xc1&lt;\xcf{\xd7\xb7\xf2\x1e0\x96\t&amp;\x81:\x9d,K?.Y\xf4\xd5gS-f\x13\x00\x0c\x1d:t\xc1\x82\x05\x01\x01\x01L\x03\x18O7L\x00|\x1d\x1a\x08:z\xf4h\xeb\xd6\xad1\xc6\x81Z\xdd\x92\xf5;\x9a\xb4l\x95\x9b\x9d\xa7(N\r D\x92\xa4\xd02\xfa\xe5\x8b\x17\xcf\x98\xf0&amp;\x00DDD$$$\x04\x05\x05\xd1\x80\t\xc7q.\x97k\xce\x9c9_\x7f\xfd5]\xa7\x8d\x8c\x8c|\xff\xfd\xf7\x87\x0c\x19\x02\x8f\x9cj\xe9\xc9\xf5\x1c1b\xc4\xd2\xa5K\x01@\xab\x0f\x9a2\xfb\xab\x97^\x1e`2\xda\\.\xd7\xe3\xc81\xa5c\x0b\x0e\t&lt;q,\xe1\xc3\xb7_\xbb\x90t\x06\x00\x9a6m\xbak\xd7.\xbd^\xcf4\x80\xf1\x14\xc3\x04\xa0\x04@5`\xe9\xd2\xa5t\xab-\xd5\x80f\xb1\xad\xb22\x8aI\x030\xc6@Hh\x19\xed\xf7\x0b\xefX\xff\xa0\xa0\xa0\xf8\xf8\xf8&amp;M\x9ax\xec\xa3g\xed\xf4\xd6\xad[\x1f}\xf4\xd1\xca\x95+\xe9jp\xa7N\x9d&amp;L\x98\xd0\xa1C\x07\xf8\xaf\x85\x01\x8f\xef\xef\xb1\xfeu\xeaG\x7f\xb1du\x8d\xc8\xc8\xdc\x1c\xc3\xe3\xce\xd1\x94\xdc\xee\x00\xad\xd6j1\xcd\x18\xff\xd6\xb6\r?\x02@LLL||&lt;\xd3\x00\xc6S\x0c\x13\x80\x92\x01\r\xa6{4@\xab\xd3\xcf\xf9\xe6\x87\xce\xcf=\x97\x97k&amp;\x04s\xdcc\xccZ\x91$I\xa5R)U\xca\xa5_~\xfe\xf9\xf4\t\x00\x10\x14\x14\xb4k\xd7\xae\x98\x98\x98{\x12f\x08!\xb2,S\'}\xdf\xbe}\xb3g\xcf\xa6\x0b\x03\x1c\xc7\r\x1e&lt;\xd8\x93j\xf9\xb04\x1bz&lt;\xbf\xf5_\xbeq\xa7&gt;8\xc4d0\x16O\xbcK\x96%QT\xaa5\xea\xf1\xa3\x86lY\xb7\x12\xeej\x80N\xa7\x03V\xe2\x94\xf14\xc2\x04\xa0\xc4p\x8f\x06\x00\xc0\x1b\xef|\xf8\xd6\xc4\xe9\x04\x88\xd5l\xe6\x05\xa1\xc8-\x14\xc6\x18cY\x1f\xa4\xcf\xbc}{\xda{\xa3w\xef\xd8\x0c\x00\xc1\xc1\xc1;w\xee\x8c\x89\x89y\xd8\x02\xaf\'\x8c\x03\x00+V\xac\xf8\xfc\xf3\xcf\xcf\x9f?O\x9f8f\xcc\x98\xb1c\xc7\xd2\x85\x01\xf8\xdfTQz5O\xdc\x9fZ\xff\x00\xad\xcef\xb5=\xa6\xad\xc5\x0f\x04c\xccq\xc8\xcf\xdf\x7f\xc2\xe8\xa1T\x03z\xf5\xea\xf5\xf3\xcf??\xbe\x1d\xce\x0c\xc6\x13\x84\t@I\x82\x9a\xa1\xf8\xf8\xf8\x81\x03\x07fgg\x03@\xcbg:~\xf8\xe9\x82\xba\r\xea\x1a\r6\x97\xcbUTq\x12\x82\xb1\x8c\xb1F\xe3\xa7\xd6(\xf6\xfe\xb6\xe3\x93\x0f\xc6]KM\x01\x80\xa6M\x9b\xae^\xbd\xbaF\x8d\x1a\xff\x99,\xef\t\xfa\x1b\x8d\xc6\x05\x0b\x16,\\\xb80\'\'\x07\x00"##\xa7L\x99\xd2\xaf_?\xb8\xdb\xfc\x80f\x91\xf2&lt;\xbfg\xcf\x9e\xce\x9d;\x03@\x9d\xa8F\xcb7\xed\n\xd0\xea\xec6{\xf1\xa7\xe4\x13\x8c\x11\x87\xfc\xfd\x03\xc6\x8f\x1a\xbce\xfd*\x00\x986m\xda\xd4\xa9S\x99\x060\x9e&gt;\x98\x00\x940\xa8\xad\xbct\xe9\xd2\x90!C\x0e\x1f&gt;\x0c\x00Z\x9d~\xe0ko\x0e\x1c&gt;\xa6l\xf9P\xb3\xc9\xe1t:\n\x95\x1f\x891\x00\xa85\x1a??\xc5?g\x12\xbf_8o\xdb\x86\x1f\xe9\xc1\xe1\xc3\x87\xcf\x9b7/00\xf0\xd1\xb7Jy\xce\xbcx\xf1\xe2\x9c9sV\xacXA/\xd5\xb9s\xe7\x193f4k\xd6\x0c\x00\xdcn7\xcf\xf3\x99\x99\x99\r\x1b6\xca\xc8\xb8\x1d\xa8\xd3o\xd8u$\xa2zM\x93\xc9\xf4\xa4\x0c.\x9d\xc1(\x14\x8a~][%\x9e:\x8e\x10\x8a\x8f\x8f\xef\xd4\xa9\x13\xdb#\xc6x\xca`\x02P\xf2\xa0f\xc8\xedv\x8f\x1f?\xfe\x9bo\xbeq:\x9d\x00\x10Q\xbd\xd6\x90Qc\x9f\xe9\xd4\xadR\x95p\x97\x93\xd8mVY\x92\xe0n\xe2\xcd\xbfL\x0b\xee\xf6M\xc1\x00\xa0P(5~j\x84\xe0|RR\xfc\xb6\x9f\x7f\\\xba\x90\x96L(S\xa6\xcc\xcc\x993\x87\x0f\x1f\x0e\x05\xcf\x8e\xbfga\xe0\xa3\x8f&gt;:z\xf4(\x00\xa8T\xaa\xfe\xfd\xfb\xcf\x981\xa3B\x85\n\x00\x10\x17\x17\x17\x1f\x1f\x8f\x10\xfa\xfc\x9b\x1f_\xec? \'\xabxs\x9c\xeeC\x96e\x8dFs-5\xa5_\xd7VFC^\x992e\xcf\x9f?\xa7\xd5j\xd9\x061\xc6\xd3\x04\x13\x80\x12\x89\xc7\n\x1f;vl\xf2\xe4\xc9{\xf7\xee\xa5\xc7\xc3\xca\x96{\xaeg\xffv]\x9e\xab\xd7\xb0\x89V\xe7/\xcb\xe0t\xbah3\x14\xf8\xdf\xa2\x10\x08\x00q\x08\x01\x12\x14\nA\xa1\x10\x95\x02\x02\xc8\xb8\x9dy\xf2\xaf\x83{~\xdd\xba{\xfbf\xbb\xdd\x06\x00\x08\xa1!C\x86|\xfc\xf1\xc7\x9eN/\xde\x99?\x8c1\xc6X\x10\x04I\x92~\xfc\xf1\xc7\xa9S\xa7^\xbf~\x1d\x00\xca\x96-;a\xc2\x84\xd0\xd0\xd0\x81\x03\x07\x02@\x9fW^\x9b\xfd\xf5\x92\xec\xcc\x82\x94\xbd{lHn)8T\xf7\xf3\x8f?L\x18\xfd*\x00\xbc\xf9\xe6\x9b\x0b\x17.d\x93\x00\xc6\xd3\x04\x13\x80\x92J\xfe\xb5\xd6\xe5\xcb\x97/X\xb0 11\xd1\xf3h\xcd\xc8z-\xda\xb4o\xd8\xb4e\xdd\xa8h\xad&gt;H\x17\x14\x8c\x10\xe4w\xa9\t\x01\xb7\x1bdY\xca\xcb\xc9\xca\xce\xbc\x9dt\xfa\xf8\xc9cG\xff:\xb8\xff\xe6\xf5k\x9es:w\xee&lt;~\xfcx\x9a\xc1Y$\x86\xcfs\x91\xcc\xcc\xccE\x8b\x16\xcd\x9b7\xcff\xbb#3\x08\xa1\n\xe1U6\xedKP*Ut\xfd\xa0\x90\xafU$\xc8\xb2\xac\xd3kG\r\xec\xb9{\xc7f\x85Bq\xf4\xe8\xd1\xc6\x8d\x1b\xb3\xacP\xc6S\x03\x13\x80\x92\x8d\xc7+w\xb9\\\xbbv\xedZ\xbeb\xc5\x9e\xdd\xbb\xa9U\xa5\xf8\x07\x04\xea\x83\x82+U\xa9\xaa\xf1\xf3\xafU\xb7\xbe,\xcb@\x00\x10Hn\xe9B\xd2i\xa7\xd3q\xed\xf2E\x83!\xcf\xe5tz\x9eR\xae|\xf9\xe7\x9e{n\xf0\xab\xaf\xb6l\xd9\x12\xf2-\xd5\x16\xc9\x80\xf3G\x84\x92\x92\x92f\xcf\x9e\xbde\xcb\x16\xa7\xcb%\xb9\xdd\x1f\x7f\xb1d\xc0\xf0\xd7r\xb2\x0b\xee\xfe\x13R\xc0\xae\x99\x04\x1e\xad\xd1&amp;\xc6X\xa3Q_\xbap\xaeW\xc7f.\x97\xf3\x99g\xda\x1e8\xf0;\x13\x00\xc6S\x03\x13\x80\xa7\x81\xfc\xeeyrr\xf2\xf6\x1d;v\xc7\xc7\x9f9s&amp;33\xf3\xd1/\x12\x11\x11\x11\x1d\x1d\xfd\xdcs\xcfu\xeb\xd6-,,\x0c\xfew\x92Q\xb4\x10B$IR(\x14\x16\x8b\xa5Z\xb5jY\xd9\xd91\xcdcWn\xd9m\xb7;\x1e\xc5\xb6\x12B0\x96\xe9\xcc\x81\x8a\xd3\xdd\xba\xa7\xe4a["0\xc6\x84`\x00\xc4q\x1c\xad\x1cG0\xc6\x04\x13L\xd0\xbf\xae\x99K\x92\x14\x14\xac\xfbl\xf2\x84\xa5\x0b\xe7 \x84\xf6\xef\xdf\xdf\xb6m[\x16\x08b&lt;\x1d0\x01xJ\xa0\xc6:\x7f\xb9\x85\xdc\xdc\xdcS\xa7N\xfdu\xec\xd8\xe5\x94\xcb\xd7\xaf_\xcf\xc8\xb8\x9d\x9e~\x1b!0\x9b-\x92$\t\x02\xdf\xb0aC\xff\x80\x80\xa8z\xf5*W\xae\xdc\xb2e\xcb\xbau\xebj4\x1a\xfa\xdcbh\x92%I\x12\xc7q\xdf\x7f\xff\xfd\xc8\x91#\x01`\xe1\xca\x8d]{\xf44\xe4\x1a\xf8\x7fu\xff\xe9\xdbT\xa9\xd4*\x8d\x08\x04\xdc.\xd9\xe9t\xd09\x8aR\xa9\xe2\x05\xdef\xb5\xde\xf3\x14\x8ce\x00P\xab\xfd\x94*\x01cp\xb9\xdcN\x87\x83\x10\xa2P\x88*\x95\x8aW\x80\xcb\x89mV\xcb\xc3\x967h\xe3\xfb\xcc\xdb\xe9\xcf\xc7FY-\x96\xfe\xfd\xfb\xafY\xb3\x86\t\x00\xe3\xe9\x80\t\xc0\xd3\x06]n\xbd?\x13\x14cl0\x188\x8e{\xf1\xc5\x17\x0f\x1c8\xd0\xb6m\xdb\xdf\x7f\xff\xfd\x9e\xe7z:\xad\x17C\x08\x9e\xe6\x83\xb6l\xd9\xf2\xef\xbf\xff\xaeV3\xf2\xa7]\x879\xda\xc9\xe5\xe1\xc8\xb2\xacT\xaa\xd4\x1a\xe5\x95\x94\xcbG\xfe\xd8{\xf6\xc4\xb1\xab\xa9\x97,&amp;\xa3\xdb\xedV\x88\xa2F\xe3\xd7\xb8y\xeb\xb7&amp;\xcd\x90%\xe9\xff_E\x96\xfd\x02\x029\x0e]H:{\xf4\xcf}\x89\xa7\x12n\\\xbbb\xb1\x981\x96\xd5jMh\x99ru\x1b4n\xd3!\xaeaL\x0b\x97\xd3\xe1r\xb9\x1e\xa8y\xb2,ku\x81\xef\x8d|u\xdb\x86\x1f\x03\x03\x03/\\\xb8P\xae\\\xb9\x025f`0|\x93\'\x9fk\xc1(Z&lt;\xa6\x9f:\xcb\xd4NQw&gt;((\x08\x00hz\xa5B\xa1\xa0\xe1x\xfa,zB\xb1y\xb5\xd4\x83&gt;v\xec\xd8\xf1\xe3\xc7\t!/\xf4\x1e\x18\x14\xaa\xfb\xf7\xe4\x1fY\x92\x02u\xba[7\xae-Y0{\xc7\xa6\xf5&amp;c\xde\xfd\xe7\x18\xf2r\xde\x9a8=\xff\x11\xad^\xfb\xd7\xc1?V~3\xff\xe0\xbe]\xce|\xeb\x1c\x1e\x0e\xec\xfe\xf5\xeb\xb9\x1fw\xed\xd1\xe7\x83\x99_\xe8CB\x1c\x0f\x8aA!\x00\x8cI\xef\x81\xc3\xb6o\\k2\x99\xd6\xae]\xfb\xee\xbb\xefzV2\x18\x8c\x92\x0b[\xcbzjA\x08\xf1&lt;/\x08\x02\xcf\xf3\x1c\xc7QsOs\xfe\x81\xf6uA\x88\xe38A\x10\xe89\xc5\xe9\xcf\xd21l\xdc\xb8Q\x96eQ\xa9\x8c\xed\x10g\xb7I\xfc\xc3#N\xb2,k\xf5\xbaC\xbf\xef\xee\xdb\xa5\xd5\xda\xe5\xdf\xe4\xb7\xfe*\xb5\xc6? \xd0? \x10\xf2mw \x84\x00\x10\x8e\xe7&gt;\x1a7j\xd0\x0b\xed\xf6\xfe\xb6-\xbf\xf5\xe7y\xc1c\xbb\x11\xe2\x10B\xbfm\xf9ih\xaf8Cn\xaeBT\xdc?\'\xe6x\xdef\xb5\xd7i\x10]\xa5Zu\x00\xd8\xb4i\x13\r:\x15\xcdg\xc1`&lt;9\x98\x0bSZ(\x92f\x90E\x05\xcf\xf3\xb2,\xff\xf1\xc7\x1f\x00P\xb7At\xcd:\xf5\x1cv;z\x88I\x95e9@\x1bx\xf8\xf7\xbd\xaf\xbf\xfc\x82\xcb\xe5\xa4\xcf\x8dn\xda*\xae{\xaf\xc8z\r\x83B\xc3\x94*\x95,IY\x19\xb7\ry9\x92$\xd1\xb7\x891VkD\x97\xcb\xe91\xe8\xd1\xcdZ\xb5\xed\xfcl\x9d\xa8F\xba\xa0`\x84P^N\xf6\xe1\xdfw\xaf_\xf5\x9d\xddf\x13\x95\xca\x8b\xe7\x13gOy\x7f\xde\x92\x1fM.#B\xf7\xce\x84$\xc9\x1d\x1c\xa2{\xa6\xd3\xb3\xa9\x97\x92\x13\x13\x93n\xdf\xbe]\xa1B\x05\x16\x05b\x94t\x98\x000\x8a\x1b\xbaDq\xfb\xf6\xed\xe4\xe4d\x00h\x11\xdbA\xa3Q\xd8\xac\xd6\x07\x97\x96\xc3X\xa9T\xa6\xdf\xb8\xfe\xde\xc8\x81\xd4\xfa+Dq\xc6g_\xbd\xd4\x7f\xb0(\nn7\x91%\x89\x10\x0c\x08U\xaeZ\x03!d\xb3Z\xe8\x13\x11BN\x87k\xfa\xbc\xaf/$\x9eF\x1c\xf7\xde\xd4Y1-\x9fQ\xa9\x15\x92\x1b\xb0,\x13\x00\x9e\xe7:?\x1f\xd7\xbe[\xf77\x06t\xb7Y\xcc\x1c\xc7\xef\xfa\xe5\xe77\xde\xfd0\xbcJU\xa7\xd3y\x8fe\xe7\x10\x92$\xd2\xf2\x99\x8e+\xbf\x99o\xb1\x98\x13\x12\x8eW\xa8P\xe11\xa5H1\x18\xc5\x06\x9b\xc62\x8a\x1b\xea\x92\xff\xf5\xd7_&amp;\x93\x89\xe3\xb8\x861-\xdcn\xc2=\xc4\x95\xc6\x84\xa85\xaa/?\x9d\x92\x9d\x95\xa1P\x88\x1c\xc7/\xf8\xfe\xa7\x81\xaf\r\xb7Z\xacy9\x06\xab\xc5\xect\xda].\x97\xcb\xe9\xb4Z\xcc\x16\x93\xd1\xf3D\x84\x90,K\x84\x90\xc5\xab\xb7\xae\xd8\xbc\xa7u\xbb\x8e\x0e\xbb=/\xdb`1\x19m6\xab\xddf\xb5\x98L\xe97r\xdavz\xa6g\xff!\x18c^\xe0]N\xe7\xc5s\x89\xa2R\xa4\x0b\xd4\xf9A\x1c\xe7t8kF\xd6\x0b\x0e\t\x05\x80\xfd\xfb\xf7?\xb6\x8f\x87\xc1(&gt;\x98\x000\x8a\x1b*\x00II\xff\x00\x80\x7f@@\xf5Zu\\N\xd7\x03\xe3?\x04c\xb5Fs&gt;1q\xc7\xe6u&lt;\xcf\xbb\xdd\xaeao\xbe\xd7\xf5\xc5\xe7o\xdf\xca\xe5y\x9e\x17\x04\x8e\xe3h\x10\x9f\xaegp\xff\xeb\x8f#\xc4\xb9]\xee\xa0\x90P\x85Ba\xc83r\x1c\xc7\x0b\x02\xc7\xf3t\x9d\x9c\xe3y^\x10\xec6\xdc\xa0q\xd3\xbb\xe7#\xb3\xc9\xf8@%\xa2[\xed\xc2\xcaV\x08\x8f\xa8\x0e\x00\xe7\xcf\x9f\x03\xd6!\x80Q\xf2a\x02\xc0(n\xe8\xf2ib\xe2Y\x00([\xbe\x92N\x1fD\x03\xf7\xf7\x9f\x891V\xab\x15\xbb\xb6\xfd\xecv\xb90\xc6A\xc1\xa1\x03_\x1bc\xcc\xb3\xd3D\xa6\xbbe\xec\xfe-s\x14!$\xb9\xdd\xff\x12\xabA\x08I\x92\x0c\x00@\x80\x10\x12\xa0\xd5=\xecz\x84\x10\x85\xc8U\xaeV\x03\x00._\xbel6\x9b\xe9\x06\xb4\x82\xbcu\x06\xc3\xb7`\x02\xc0x2\x18\x0c\x06\x00\xd0\x07\x87\xf8\x05\x04z\xb2Q\xef\x81\xe3y\x9b\xd5\xf9\xe7\xbe]\x00@\x08\x89\xed\xd0\xa5\\\x85\xb2\x0e\xbb\x9d\x86h\x04A!(\x14&lt;\xcfc\x8ci\xb4\xe7\x81\x17y\xf8\xd27\x91%I\x14\xd1\xc9\xbf\x0f\x03\x00\xc6\xb2(*k\xd6\xae\xe7r\xba\x1f\x98\xe1C\x08\x11\x04([\xae"\x00\x18\x8d&amp;\xdf)X\xc4`x\r\x13\x00F\xb1B3g\xccfsjj*\x00\x94-_\x89\xe3\x1e\xec\xc5\x13\x8cE\xa5\xf2\xd6\x8d\xb4\x94\xe4\x7f\xa8\xa9m\xd6\xba\x9d$\xcb\x1a\x7f\x7f]\x90\x16\x012\x19\xf2\x0c\xb99\x0e\x87\xdd\xcf?@\x17\xa4\xe38\xee\xfe\xd8}\xfe\xd7\x95%\xe9\xff\xff\xc82\x00*[!\xf8\xd8\xe1c\xdb\x7f^\xa3P\x88\xb2,w\xe8\xd6\xa3Z\xedZ\x0e\xbb\xed\x81\x96\x1d!$IP\xa6|E\x00\xb0X\xcc)))p7\x9c\xc5`\x94PX\x16\x10\xa3\xb8A\x08\xb9\xddn\x83\xc1\x04\x00\xe1U\xaa*\x14\x0f\x0e\xa4`BDQ\xbc\x9az\xc9n\xb3\xd1@\x7f\xf5\xdau5\x1a\xfe\xd0_\x7fm\xfd\xe9\x873\'\x8eeg\xdc\x96$) 0\xb0J\xf5Z\xed\xe3\x9e\x7f\xbeW\x7f?\xff\x00\xab\xc5r\x7f\xb4\x87\x10"\x08\n\x7f}\x80\xe7\x88,\x83\xd9h\xdc\xf0\xc3\xea9S\xc7\xdb\xac\x16BHxD\xb5\x89\x1f\x7f\xee\xb4;\x11\xf7`\xbf\x1e\x01`\x0c\xe1U\xaa\x02\x80\xcb\xe5\xa23\x18&amp;\x00\x8c\x12\r\x13\x00\xc6\x13\x00!$\x08&lt;\x00\xb8\xdd\xee\x87\x9bP\xc2\xf3p\xe3\xea\x15\x00 \x04\x07j\xf5\x11\xd5j~&gt;m\xfa7\xf3&gt;u\xbb]\x9e\x93\x0cy9\xd7\xaf]9\xb8o\xd7\xfa\x15\xdf~\xbapy\xdd\x06\xd1\x16\xb3\xf9\x9eV\xf5\nQ\xbc}\xf3\xfa\xb2E\xebh\xd4\xden\xb3\xde\xbc~-\xe9\xd4\xf1kWR\xe89\xad\xdau\x9e&gt;\xf7\x9b\xd02e\xed6\xfb\xbf\xef\xf0r\xbb\xdd\xf4\x1fl\x1b0\xe3)\x80\xfd\x88\x19O\x86\xff\xf6\x9d\t \x0e23n\xd1\xff\x95\xadPq\xd9\xa2\xb9\xdf\xce\xff\x14\x00\x94*Ux\x95jj\x8d\x9f\xd9d\xb8z\xf9\x125\xf1\xc9\xe7\x12\x87\xf7\xe9\xba\xf6\xd7\x83\xe1\x11U\xf3Wt \x84(De\xfa\x8d\xb4/gM\xb9\xe7\x15\x14\xa2\x18\xdb\xbe\xcb+#\xde\xea\xf8lG\x8b\x19\x9b\x8cFQ\x14\x1f\xd1\xa9g\xbe?\xe3)\x80\xad\x010\x9e\x0c\xd4\x80\xfe\x9b\x1f\x8d\x80`0\xe6\xe5\x02\x00\xc7\xf1\xd7._\xfav\xfe\xa7\x1c\xc7\xbd:\xf2\xed\xcd\xfb\x12~\x8a?\xbaf\xc7\x1f\x1b\xf7&amp;l\xdc{,\xb6C\x9c\xdb\xe5\x12Ee^N\xf6\xc7\x13\xdf\xba?\x04\x84\x00\x1eh\xad\xdd.\xd7\xf9\xc4\xd3\x8b\xe7\xce\x9c5yj\xfa\xcd\x1bZ\x9d&gt;\x7f!\xb9\x07\xe2\x190\x13\x00\xc6S\x00\x9b\x010\x9e\x00\x08!jI\ry9\x18?\xac\xa0\x02"\x04\xec\xb4e\x18\x87\x9cN\x07\xcf\x0b\xb3\x16-\xef\xfb\xea \x8b\xc9\xe5r\xb9\xdcn7\xc7qu\x1b4\xf9n\xdd/\xafv\xef\x98p\xf4OAP\x1c9\xb0\xe7\xc4_G\x1a7oe\xb5X&lt;\xfd\x90].g\xb9\n\x95^\x1f\xf7\x01  \x988\x9d\x8e\x9c\xac\xcck\xa9\x17/$\x9dM\xbfy=\xfd\xe6\xf5\x84#\x7fl\\\xbd\xec\xd3\xaf\x96\xb5n\xdf\xd9l2\xf3\xfc\x83\x1d#\x84\xc0\x90\x9b\x03\x00\x08q,\x04\xc4x\n`?bF\xb1B\xab\xf4h\xb5\xda\xc8\xc8\xda\x19\x19\xb7S\x92\xcf\xd1\xe2=\x0f&lt;\x99\xdc\xad\x1a\xcd\xf3\xbc,I\x03\x86\x8dzy\xf0\xa0\xf4\x9b\xb9w\xb7\x80!\x000\x19\xf2tA\xfa\xd1\xe3\xa7\x0cy\xa9\x13 \x00\x80#\x7f\xecm\xd1&amp;\xd6\x821\xdc\x15\x00\xb7\xcbU\xb6B\xa5\t3&gt;\xa1N;!\x8018\x1d\xae\x1b\xd7R\xd7\xaf\\\xf2\xe3\xd2\x85\x1c\xc7g\xa4\xdf|\xf3\x95\x97\xd6\xed:\\3\xb2\xee\x03W\x020!\n\x05\xa4$\x9f\x03\x00\xbd^_\xa7N\x1d\xb8\xbb\xa7\x81\xc1(\xa1\xb0\x9f/\xe3\t\x80\x10R\xab\xd5\x00`\xb3Z\x9d\x8e\x87v\x01Cw\x8bW\xcb\x92$\x08\xc2K\xfd\x87\x98Lnj\xfd=\xe7(\x14\n\x9b\xd5\x1eY\xafa\x99\xf2\x15%\xb7\x1b\x00.\'\x9f\x93\xe5\xff\xd9\xa6K\xb7\x83eg\x19r\xb2\x0c9Y\x86\xbcl\x831\xcf\xe8r:+\x86G\xcc\\\xf0\xc5\xfb\xd3f\xbb]NQT\xda\xed\xb6\xc5\x9f\xcf\xa0\x85\xb2\x1f8fY&amp;f\x93\x11\x00DQT\xe4\xef\xb0\xcc`\x94L\x98\x000\x8a\x1b\xea\xd47h\xd0\x10\x00\xae_\xbdl\xc8\xcd\x16\x04\xe1\x016\x97\x10\x8e\x03\xad&gt;\x08\x00dYVk\xfctAA\x0f\xd8~\x85\x10\xc6\xb2\xc6\xdf?\xacL9z\xc0\x90\x97\x83\xe5{\xbb\x04\xd3\xa0\xd3\x9d\xda\xd7w\xcb_;\x9d\xce\xcct\xd3\xc0a\xa3\xab\xd6\xac\xedr9\x11B\tG\xfe\xbc}\xeb\x96\xa8T\xde?\x1e\x84\x90\xdb\x8d.]H\x02\x80\x1a5\xaa\x07\x06\x06\xd2\x16lE\xf6\xb90\x18\xc5\x0e\x13\x00\xc6\x93\xa1F\x8d\xea\x00`1\x9bo\xa4]U(\x1e\x94{\x83\x80\x10(_\xb12\x00p\x1c\xe7\xb0\xdb-f\x13\xcf\xf1\x0f\\\xd0\xcd\xbf\xdd\xf7?\xaaC\xe4\x83\xe38L\x88\xa8T\xd6\x8a\x8c\xa2\x171\x1b\rY\x19\xb7\xef\x17$B\x88 \x08\xc6\xbc\xec[\xd7\xaf\x01@\xd5\xaaUY\x1d\x08\xc6S\x00\x13\x00FqC\x038\xad[\xb7V*Un\xb7\xebt\xc2QQ\xf9\x80M\xbc\x08q\x92Dj\xd6\xa9\x07w\xbco\xd7\x95\x94\x8b\nQ\xc0\xf8\x1e\xb3K\x10\xe2\x9c\x0e\xbb\xa7KL\xa0N\xcf\xf3\xe8\xdf\xbbK\xde\x03\xa6\'\xdfm.\x8f\xe0^\xbf\x9e\x10\xa2T\xa9._&lt;\x7f\xebF\x1a\x00\xb4k\xd7\x0eX"\x10\xa3\xe4\xc3\x04\x80Q\xdc\xd0\xf6dU\xaaT\xa9Z\xb5*\x00\xfc}\xe4\x0fIz@"\x10B\xc8a\xb7\xd7\xaaS\xbfl\x85\x8aT\x1ev\xef\xd8,\x08\x88\xfc\xafT`L\x14\n!3\xfd\xd6\xad\xebi\x1c\xc7#\x84\xaaT\xab\xc9\xf3w\xac\xb3,\xcb\xffR\x1f\x02\xee\xb4\rp\xa6^&lt;\x0f\x00X\x965~\xfe\xba\xa0\x10I\xbe\xb78\x1d\xc6X\x14\xb9\xe3G\x0f\xd1\xbe\xc4\xcd\x9b7\x07\xb6\x02\xcc(\xf9\xb0_0\xe3\t\x801\x16E\xb1y\xf3f\x00p\xe2\xafCi\xa9\xa9*\x95\xea\x1e\x87\x9az\xfd!a\xc1\x1d\xbb\xf5 \x84\xf0\xbc\xb0\xfb\x97\x8d\'\xfe\xfa[\x1f\xacw\xb9\x9c\x18cB\x8b\xc0\xb9\xddZ\xbdr\xfb\xa6uN\xa7\x83\xe39BHL\x8b6\x92D\x00!\x8e\xe3tz\xadZ\xad\xc1\x18\xd3\xfa?\xf4Y\x04c\x8c\xb1,\xcb.\x97+$,\xf0\xe0\xbe])\xc9\xe7\x04A@\x08U\xab\x19Y\xb6|y\xb7\xcbu\x8f\x00\xf0&lt;o\xb7\xb9\xf6\xed\xda\x86\x10\xaaV\xadjDD\x04!\x84\t\x00\xa3\xa4\xc3~\xc1O3\xb4\x0f\xb0$I\xd2]\xf3G\xdb\xc4\xd3\x87&lt;\xc7i\xaf\xe0\xe2\x1f^\xcf\x9e=\x01\xc0l2\x1e=\xb8_\xe3\xa7\xc4\xf7\xd5\x04\xe5\x10\xe7p\xb8\xfa\x0f\x1d\xa5R\xa9\x11\x02\xa7\xcb5a\xf4\xabW/\xa7\x94)\x17\xac\xf1\xf3S\xaa5~\x01\x81\xe5*\x04\xff\xb6\xe5\xd7\x15\x8b\xe7\xf1\x82 KR\xf5Zu\x9a\xb6jc1[4\x1a\xbf\xd4K\x17\xe6L\x9d\x94\x9arA\xad\xd1\x04\x85\xe8\xb4:\xad\x9f\x9f\xbfR\xadV\xaa\xd5\x1a?\x7f\xadN\x1bV&amp;\xe8\xaf\x83G\xa7\xbf?\x8a\x00p\x1cO\x08\xe9\xdeg\x90J%b\xfc?#!\x18\xab\xd5\xea\x94\xe4\xf3\x17\x12O\x13B\xbau\xeb&amp;\x8a\xe2\xc3*\x982\x18%\x08\xb6\x0f\xe0i\x83\x10B\xad\xbc\xa7\xeb\xc9=\'\xd0\x1dL4\x1f&amp;\xffq*\x03\xf4Y\x8f{\x904\n\xd4\xbe}\xfb\x1a5j\xa4\xa4\xa4\xec\xd8\xb4\xb6g\xffW\xef\xef\t\x838\xcen\xb3\xd7\xac\x13\xf9\xe6\xf8\xa9sgL\x14E1\xf5\xd2\x85~q\xad\x87\xbe\xf9^\xe3\xe6\xadU*UnN\xd6\xbe\x9d\xbf\xac_\xf1\x9d,K&lt;/\x10B\xc6~8S\xe3\xe7g\xc8\xcb\xe38?\x87\xdd\xb6\xe4\xcb\xcfV~\xf3E\xfd\xc6\xcd\x1a7o\x1dY\xafa\xd9\xf2\x15\xfd\xfc\x03\x00\x81\xd5b\xb9\x99v\xe5\xd0\xfe\xf8_7\xff\xe4r9EQ\xe9r9\x1b6i\xdek\xe0\x10\x93\xf1\xderr\x18cQ)\xfc\xb6\xf5\'\xa7\xd3)\x8a\xe2\xe0\xc1\x83\x81\xc5\x7f\x18O\x05,\x93\xe1\xe9\x81\xfa\xfb\xf9\xcdzNN\xce?\xff\xfcs\xf9\xf2\xe5\xeb\xd7\xaf\xa7\xa5\xa5]\xbdv\x8dC\xe8\xd4\xa9Syyyz\xbd~\xd0\xa0AZ\xad\xae~\xfd\xa8\x8a\x15+\xd6\xad[W\xa3\xd1x\xaeC\xdb\xf6&gt;\xd6\x1cGI\x92\x04A\x982e\xca\xc7\x1f\x7f\x8c\x10\xfaq\xdb\x81\x98V\xad-&amp;3w\x7f-O\x8c5\xfe\xfe\xd3\xdf\x1f\xbdn\xc5\xb7\xf9\x8fS\xab\rw[\xcc\x03\xc0\x98\tS\xdf\x9a8\xcdh0"\x84\xfc\xfd\x03\x8e\xffuh\xc0sm\xee\xb9\x9aR\xa9\x02\x04.\xe7\x9df\xf1\x9ed\x9e\xa8F1\x8bVm\x0c\x0e+\xe3t8\xf3\x1bwB\x08\xcf\xf3\x0e\xbb\xfd\xb9\xd6\xf5\xb233\xda\xb5k\xb7o\xdf&gt;\xfa\xf9&lt;\x86O\x85\xc1(V\x98\x00&lt;\rP\x97\x9f\xfa\xad\x18\xe3c\xc7\x8e\xed\xde\xbd\xfb\xf0\xe1\xc3\xa7\xcf\x9c\xc9\xca\xcc|\x94+DDDD7n\x1c\xdb\xbau\xe7\xce\x9d###\xe9AY\x96\x1f\x9f\x0c\xb8\xddn\x85B\x91\x95\x95U\xa3F\r\xa3\xd1\xd8\xbd\xcf\xc0\xf9\xdf\xff\x98\x93m\xb8\xbf\xc4\x02m!\xa0\xd6hV}\xfb\xe5\xb7\xf3?\xcd\xcb\xc9\xbe\xffjae\xcb\xbf5iz\x9fA\xc3-f\x13B\x1c!D\xa1Pde\xdc\xfe\xe8\x9d\x91\t\x87\x0f\xb8\\\xae\xfb\x9f\xe2!8\xb4L\xef\x81\xc3^{k\xbcR\xad\xbe\x7fW\x9a$I\xc1!\xba\xd5K\xbf\x9b\xfa\xee\xeb\x04`\xed\xda\xb5/\xbf\xfc2U\xaf\xc2\x7f\x08\x0c\xc6\x93\x85\t@\xc9\x86z\xeb\xd4\xf4\xdf\xb8qc\xfd\xfa\xf5k\xd6\xac9}\xfat\xfes\x10\x82\xa0\xe0P\x95ZS\xb9ju\xba\x0c\x00\x00\xb2,_K\xbd$\xb9\xdd\x86\xbc\xdc\xfc\'+\x95\xca\xb6m\xdb\x0e\x180\xa0{\xf7\xee\x81\x81\x81\xf4\xcc\x87\xf5S\xf4\x0e:\x00\x8e\xe3\\.\xd7\x92%K\xa6M\x9bf\xb6X$IZ\xba\xfe\xb7\xd8\x0e\x1dMF\xf3\x03\x0b\xfa\x03!\x81\xba\xc0\xb4+W\xf7\xfc\xba\xe5\xef\xc3\x7f\xdc\xbaq\xcd\xe9ph\xfc\xfc+V\xae\xd2\xb4e\xdb\x8e\xcf\xf6(_\xb1\x82\xd1`\xca_\x04TP(\x14\nE\xca\x85s\'\x13\x8e\x9c?{\xeaZj\x8a\xd1\x90\xe7t\xd8\x01\x88\xa8TiuA\x11\xd5k6\x8ci\xd1&lt;\x</t>
        </is>
      </c>
    </row>
    <row r="433">
      <c r="A433" s="1" t="n">
        <v>431</v>
      </c>
      <c r="B433" t="inlineStr">
        <is>
          <t>size_cycle</t>
        </is>
      </c>
      <c r="C433" t="inlineStr">
        <is>
          <t>What is the size of the missing circle denoted with a question mark?</t>
        </is>
      </c>
      <c r="D433" t="inlineStr">
        <is>
          <t>['large', 'small', 'medium']</t>
        </is>
      </c>
      <c r="E433" t="inlineStr">
        <is>
          <t>small</t>
        </is>
      </c>
      <c r="F433" t="inlineStr">
        <is>
          <t>There are circles arranged in a spiral with three arms. The first arm has circles of sizes ['small', 'medium', 'large'], the second arm has circles of sizes ['small', 'medium', 'large'], and the third arm has circles of sizes ['?', 'medium', 'large'].</t>
        </is>
      </c>
      <c r="G433" t="inlineStr">
        <is>
          <t>We observe that the circles in each arm progress in size from small to medium to large. Thus, the pattern is that the circles in each arm get bigger as they progress away from the center of the spiral.</t>
        </is>
      </c>
      <c r="H433" t="inlineStr">
        <is>
          <t>Based on the pattern that the circles in each arm get bigger as they progress away from the center of the spiral, the size of the missing part that is closest to center should be small.</t>
        </is>
      </c>
      <c r="I433" t="inlineStr">
        <is>
          <t>b'\x89PNG\r\n\x1a\n\x00\x00\x00\rIHDR\x00\x00\x02\x00\x00\x00\x02\x00\x08\x02\x00\x00\x00{\x1aC\xad\x00\x00\x9bNIDATx\x9c\xec\xddg|TU\xda\x00\xf0\xe7\x9c{\xef\xcc\xa4N&amp;\xa1\x8btB\x0b\x9d$TE\x8a\x01\xd7\x02\xbbH\x11Y\x8a\x04X\x05\x17\x14\xec\xae\xb8bE\x85W\x90\x15\x82\x14\x11Ed\x05A\xc5\x10iBh\x01B\t-\x84"=\x90d\xd233\xf7\x9es\xde\x0f\x87\xccF@\xa4\xa4\xccd\x9e\xff\x07~s\x87d\xe6\xce\xe4\xde\xe79\xfd\x10!\x04 \x84\x10\xf2=\xb4\xa2O\x00!\x84P\xc5\xc0\x04\x80\x10B&gt;\n\x13\x00B\x08\xf9(L\x00\x08!\xe4\xa30\x01 \x84\x90\x8f\xc2\x04\x80\x10B&gt;\n\x13\x00B\x08\xf9(L\x00\x08!\xe4\xa30\x01 \x84\x90\x8f\xc2\x04\x80\x10B&gt;\n\x13\x00B\x08\xf9(L\x00\x08!\xe4\xa30\x01 \x84\x90\x8f\xc2\x04\x80\x10B&gt;\n\x13\x00B\x08\xf9(L\x00\x08!\xe4\xa30\x01 \x84\x90\x8f\xc2\x04\x80\x10B&gt;\n\x13\x00B\x08\xf9(L\x00\x08!\xe4\xa30\x01 \x84\x90\x8f\xc2\x04\x80\x10B&gt;\n\x13\x00B\x08\xf9(L\x00\x08!\xe4\xa30\x01 \x84\x90\x8f\xc2\x04\x80\x10B&gt;\n\x13\x00B\x08\xf9(L\x00\x08!\xe4\xa30\x01 \x84\x90\x8f\xc2\x04\x80\x10B&gt;\n\x13\x00B\x08\xf9(L\x00\x08!\xe4\xa30\x01 \x84\x90\x8fR+\xfa\x04\xd0\r\x08!\xae\x7f\x92\x10R\xfeg\x82\x10\xaa\xc40\x01T0!\x04\xe7\\&gt; \x84\xc8(O\xe9\rjf\xa2\x04\x00 \x84PJ1+ \x84\xee\x18\xb9aa\x13\x95)\x19\xf4\x85\x10\x94\xd2\x1b\xc6\xfa\x9c\x9c\x1c\xce9!\xc4\x1d\xeb\x85\x106\x9b\xed\x0e^\n!\x84\xfe\x08&amp;\x80\xf2\xc39\xe7\x9c_\x13\xa9srrRSS\xcf\x9e={\xf0\xe0\xc1\xdf~\xfb\xed\xf4\xe9\xd3\x9c\xf3C\x87\x0e1\xc6\xae\xf9\xf5\xc6\x8d\x1b\x07\x04\x04\xd8l\xb6V\xadZ\xd5\xa9S\xa7a\xc3\x86\xcd\x9a5\xabZ\xb5\xaa\xfb\x07\x84\x10\x8c1\xcc\x04\x08\xa1[\x84\t\xa0\xcc\xc9B\xbal\xb1\x91\xcfdff&amp;&amp;&amp;n\xdc\xb8199\xf9\xd0\xa1C\x19\x19\x19w\xf6\xca!!!\xe1\xe1\xe1-Z\xb4\xe8\xd6\xad[\xcf\x9e=\xeb\xd4\xa9S\xf2\x1d\xb1\x81\x08!ts\x98\x00\xca\x90,\x92\xab\xea\xd5\x8e\x96s\xe7\xce\xfd\xf2\xcb/+W\xaeLLL\xcc\xcc\xcc,\xdd\xf7\xf2\xf7\xf7o\xd3\xa6M\xff\xfe\xfd\x1fz\xe8\xa1\xe6\xcd\x9b\xcb\'\r\xc3\xc0\n\x01B\xe8\x8f`\x02(\x13%C\xbf\xcb\xe5\xfa\xf9\xe7\x9f?\xff\xfc\xf3\x8d\x1b7\xe6\xe5\xe5]\xff\xc3\x8a\xa2\x84\x86Z\x9b\x85\xd7mX\xff\xde\xba\xf5j\x0bCo\xdd2&lt;$\xd4*\x0cF\x08\x11 \x08!\xba\xcev\xedNa\x00\xd9Y\xd9\xfb\x0f\x9fH;q63\xc3^X\xe4\xb8\xfe\xd5TU\x8d\x8a\x8a\x1a1b\xc4\xa3\x8f&gt;Z\xbdzu\x00`\x8c\x95\xac\x7f \x84\x90\x84\t\xa0\x94\xc9\xe6\x17EQ\x00 ==}\xc9\x92%\x8b\x17/NII)\xfe\x7f\x02 \x00\xc0\xdf\xdf\xafE\xf3\x86]:\xb5\xe9\xd6\xa5m\xd3\xf0z\xf7\xd4\xa8f\xad\x12\x02\x9a\t@\x01\x10\x00L\xfe\xd8\xef\xa9\x00\x04\x80\x830\n3\xb333\xecGSOo\xdby\xe0\xd7\xc4\xbd\xfb\x0e\xa6fe\xe5\\}\x83\xe2\xae\xe3\xea\xd5\xab\x0f\x1b6l\xf8\xf0\xe1\x11\x11\x11\x00 \xbb\x07\xb0Q\x08!\xe4\x86\t\xa041\xc6\xdc\xa1\xff?\xff\xf9\xcfg\x9f}\x96\x9e\x9e\x0e\x00\x8a\xa2\xc8N\xdd\xe0\xa0\x80\xee\xf7G\xf6\x7f\xb4G\x8f\xfb\xa3\xea\xd4\xad\tf?\x00\x0e\xba\x0e\xba\xc1uC\x08.\x84(\x1e\xf1\x7fM\xa4\x96\x7f(\x01@(%TUAU\xc0l\x02P\x8193/f$\xee\xd8\xbfj\xcd\x86\x84\xf5;\xce\x9dO\x07\x00J\xa9\x1c]j2\x99\x9e|\xf2\xc9I\x93&amp;\xc94`\x18\x86\xbbI\n!\xe4\xe30\x01\x94\x0ew\xc1\xdf0\x8c\xff\xfc\xe7?o\xbf\xfd\xf65\xa1\xbfs\xc7\xd6#\x86=\xd67\xa6k\xed\x06\xb5\x81(\xe0t\x08\xa7\x8b1N\x08\x90b\xb7\xf5vB\\\x9d\x19@)\xa1&amp;\r\xfc\xfc\x00H^\xfa\x95\x8d[v\x7f\xbexU\xfc\xbaD\xa7K\x07\x00E\xa1\x8cq\x93\xc94v\xec\xd8\xd7^{\xadZ\xb5j\xc5\xbf\x85-B\x08\xf9:L\x00\xa5@\x0e\xb9\x01\x80\xf5\xeb\xd7\xbf\xfa\xea\xab;w\xee\x84\xe2\xd0o\xd2\xd4\'\x87&lt;\xfc\xd4\xc8\xbfv\xee\xd4\x1a\xcc\x16p:x\x91\x93\x0bA\x15JK\xaf5\xe6\xeal2\x01\x8aY\x03\x7f\x7f\x10\xe2hJ\xea7\xdf\xfe\xfc\x9f\xb9\xdf\xa4_\xce\x82\xe24P\xabV\xadi\xd3\xa6\x8d\x1c9\x12JTV\x10B&gt;\x0b\x13\xc0\xdd\x92\x8d*999\xaf\xbf\xfe\xfa\xacY\xb3\x00@\xd34]\xd7e\xe8\x9f\xf4\xec\xb0\x88\xf6\x11\xc0\r\x91_\xc8\x19\xa7J\xd9\xb6\xc2_\x1dr\n@\x03\xfc@\xf3K?{\xee\xb3\xb8\xe5\xff\xf9\xec\x9b\xf4+Y\xee\xbaHLL\xcc\'\x9f|\x12\x1e\x1e\x8e\xbd\x02\x08\xf98L\x00w\xce\xdd\xec\x93\x98\x988j\xd4\xa8\xd4\xd4T\x19\xfa\x01\xa0oL\xd7\x0f\xde\x9d\x14\xd16\x02t\x17+($@\xa8R\xaeM.\x9cs\xce\x85j1\x83\x9f\x7f\xfa\xb9\x0bo\xbf;\xef\xb3\xb9\xdf\xe8\x8c\x99\xcdf\xa7\xd3i\xb5Z?\xfc\xf0\xc3\xd1\xa3G\x03V\x05\x10\xf2a\x98\x00\xee\x90\xbb\xd9g\xe6\xcc\x99S\xa6L1\x0c\xc3d2\xb9\\\xae\xf0Fu\xde\xfc\xd7\xf8\xc1C\x1f\x06\xceX^!\xa1\x159\xfe\xf2\xeahT\x8b\x05\xfc\xfcwn\xdd\xf5\xea\xeb\x9f\xac\xdf\xb4\x8bP*{\x0fF\x8f\x1e\xfd\xf1\xc7\x1f\x07\x05\x05a\x0e@\xc87a\x02\xb8\x132b\xda\xed\xf6q\xe3\xc6-_\xbe\\Q\x14\xc69\x081\xe1\x1fC\xdezs\x82\xb5j\x18\xcf\xce\x01r\xe35\xdd\xca\x9f\x10\x823\xae\x04\x07\x02\x17\xb3f\x7f\xf9\xea\xbf&gt;\xc9\xcb/4\x9bMN\xa7\xab]\xbbv\xf3\xe7\xcfo\xdb\xb6-\x8e\x0eB\xc8\x07a\x02\xb8m2\xfagee\xf5\xe9\xd3\'))\xc9b1;\x1c\xce0[\xf0\x9cY\xaf\x0f\x1c\xda\x0f\n\xf2\x98KWT\x8f+Ps\xc6\x81\x00\xb5\x86&amp;\'%\x8f\x8e}m\xef\xfec\xb29\xc8f\xb3\xc5\xc7\xc7GFFb\x0e@\xc8\xd7xD\x11\xd5\x8b\x18\x86\xa1(JRRR\xc7\x8e\x1d\x93\x92\x92\xfc\xfc,\x0e\x87\xb3Kt\xab\xed[\xbe\x1a8\xf41\xc3\x9e)\x18\xf3\xc0\xe8\x0f\x00T\xa1\x94R#+\xa3m\xbb\xe6\x9b6~1zD\x7f\xa7\xd3i2\x99\xecv{\xcf\x9e=\x17,X\xa0\xaa\xaaa\x18\x15}\x9a\x08\xa1\xf2\x835\x80\xdb \xcb\xc8III111v\xbb]6\xfa\xc7\x8e\xe8?\xe7?SU\x85\x1a\xf9\x05^Q\x82f\x8c)\x9a\x06\x01\x81sg-\x1e\xf7\xec\xdbr\xda\x99\x10b\xde\xbcy\xb1\xb1\xb1X\x0f@\xc8w`\r\xe0V\xc9\xb5}\xdc\xd1_\xd34\x97\xcb\xf5\xc6+c\xe7\xc5\xbd\xa52\xc6\n\n\xbd%n*\x8a"\x18c\xd9\xd9c\'\x0c\xff\xe6\xcb\xe9\xb6\xe0@!@\xd3\xb41c\xc6\xc4\xc5\xc5a=\x00!\xdf\x815\x80["\xdb\xfd\x0f\x1e&lt;x\xff\xfd\xf7\xcb\xe8\xaf\xeb\xfa\xbcY\xaf\xc5\x8e\x7f\x8a\xe5\\\xa1\xb79\x8f\xd7C\x18\xba\xa1\x86VMJ\xdc\x11\xf3\x97q\xf6\x9c&lt;\x93Is\xb9\xf4E\x8b\x16\r\x1f&gt;\x1c\xeb\x01\x08\xf9\x02L\x00\x7fN\x8e\xf8\xb4\xdb\xed\xf7\xdf\x7f\xff\xc1\x83\x07e\xcb\xcf\xbcY\xaf\xc5\x8e\x1f\xa1geh\xaaz\xed\xb2=\xdeCw\xe9ZXhR\xe2\xee\x98\xbf\x8c\xb3\xe7\xe4\xab\xaab2\x996m\xda\x14\x19\x19\x89cC\x11\xaa\xf40\x01\xfc\t9\xdb\xcb\xe1p&lt;\xf0\xc0\x03III\x16\xb3\xd9\xe1t\xca\xe8o\xd83*A1\xd9\xd0\r5\xd4\x96\xb4uw\xcc#\xe3\xf2\xf2\x8b8\xe7V\xabu\xf3\xe6\xcd-[\xb6t\xcfu@\x08UJx{\xff\tY\x10\x9e0a\xc2\xd51?N\xe7\xc4\xa7\x87\xc4\x8e\x1f\xa5W\x8a\xe8\x0f\x00\xaa\xa6\xea\x99Y\x91];\xc6\xcd~\xdd0\x0c\x93\xa6\xd9\xed\xf6\'\x9f|\xb2\xa0\xa0\xc0\xbd\x01=B\xa8R\xc2\x04p3\xb2\xe3w\xe1\xc2\x85\x0b\x17.\xb4X\xccEE\x8e\x11C\xfe2c\xd6\xebzv\x86\xaaT\x86\xe8/i&amp;\xcd\xc8\xba\xf2\xb7\xa1\xfd&gt;\x9b\xf1\xb2\xc3\xe9\xb4\x98\xcd\x07\x0e\x1c\x980a\x82{\xf9 \x84P\xa5\x84M@\x7fH6\x80\x1c8p\xa0s\xe7\xce\xba\xcb\xe5\xd2\xf5\x96\xcd\x1b\xeeH\\f1\xa9D7\x08\xf5\xda\x86\xff?`0\xa6\x86\x84\x8ez\xf2\xb9\x85K\xd7\xc8\x96\xae\x05\x0b\x16\x8c\x1c9\x12;\x03\x10\xaa\xac0\x01\xdc\x98l\xfa\xe7\x9cGGG\'\'\'k\x9af\xd2\x94\xed\x9b\x96\xb4l\xdb\x9c\xe5\xe5{\xe6T\xaf\xbb$\xb8\xe0\xaa\xe2\xd0Y\xe7.C\x0e\x1cN\xd34\xcdd2\xed\xdf\xbf\xbfa\xc3\x86\xd8\x19\x80P\xa5\x84w\xf5\x8d\xc9e&gt;\xdfy\xe7\x9d\xe4\xe4d\xb3\xc9\xa4\xeb\xfa\xac\xe9SZF\xb61r\xf3*e\xf4\x07\x00B\t\xd1\xf5\x80@\xff/\x17\xbd\x13\x18\xe8\x0f\x00\x05\x05\x05c\xc7\x8e\xe5\x9cc)\x01\xa1J\tk\x007\xc09\'\x84\xa4\xa6\xa6\xb6l\xd9\x12\x00t]\x1f\xd8\xbf\xd77\xdf\xcd1\xecv\xb5\x92F\x7f799`\xceGs\x9f\x99\xfc\x81\\0N\xce\x0c\xc0\x86 \x84*\x1fL\x007 \x83]LL\xcc\xbau\xebTU\t\n\xf4?\xbaoU\x95ja\xe0\xd2i\xa5k\xfa\xbf\x9e\xc1\xb9\x1a\x10p\xdf\xfdOn\xd9\x96\xac\xaaJ\x95*U\x0f\x1f&gt;l\xb5Zow\xdfJ\x84\x90\x87\xc3&amp;\xa0k\xc9\xe8\xff\xed\xb7\xdf\xae[\xb7\xce\xa4i\x86\xc1\xdezu\\\xb5\xba\xf7\n\x87\xd3\x17\xa2?\x00P\x01\x00b\xe6\xfb\xcf\xab\xaaB\x08\xb9t\xe9\xd2\xeb\xaf\xbf\xee\xdee\x1e!Ti`\r\xe0w\xe4\xc8w]\xd7[\xb6l\x99\x96\x96\x06\x00\xedZ7\xd9\xb1u\x19\xe1\x06\x05\xef\x9d\xf0{\xdb\x98\xc1\x14[\xe8\x841\xaf\xcc\x8e\xfbVNwHII\t\x0f\x0f\xc7\xdd\xe4\x11\xaaL\xf0f\xfe\x1d9\xdc\xe5\x9bo\xbe9~\xfc\xb8\xaa*B\x88\x8f\xde\x99\xa4\xfa\x9b\xc1`\xbe\x13\xfd\x01\x80*\x94\x17\xe5\xff\xfb\x8d\xf1U\xc2\xacB\x08\xc30\xde}\xf7]B\xb0\xb8\x80P\xa5\x82\t\xe0\x7fd\xf1\xb6\xa8\xa8\xe8\x9dw\xde\xa1\x94\xe8\xba\xd1\xbd[\xfb\xfb{we\x95w\xe4\xcf\x1f!\x84p\x87\xcbvO\xad\xf1\xb1\x83\x18c\xaa\xaa,[\xb6\xec\xc8\x91#\xd8\x10\x84Pe\x82\t\xe0\x7f\xe4\xe0\x9f\x8d\x1b7\x1e;v\x8cR\x05\x00\xdex1\x16(\x05\x9f,\xf5*\n\x15E\xf9\xe3\x9f\x1eR%,D\x08p:\x9d\x9f\x7f\xfe9!\x04\x13\x00B\x95\x06&amp;\x80\xff\x91C\\&gt;\xfe\xf8cB\x88a\x18\xdd\xbb\xb5\xef\x1e\xd3\x8d\xe7\xe5)\x8a/~K\xb2\x12\x10vo\xedgb\x1fg\x8cQJ\x97,Y\x92\x91\x91\xa1(\n6\x04!T9\xf8bh\xbb!\xd9\xfa\x7f\xe8\xd0\xa1\xcd\x9b7\xcbL0f\xc4_AU9\xf7\xdd`G(\x15z\xd1\xdf\x9fx\xd8\xcf\xcfL\x08\xb9|\xf9\xf2\xca\x95+\t!\xb8@\x10B\x95\x03&amp;\x80\xabd\xcb\xc6\xa2E\x8b\x0c\xc3\x10B\xd4\xacQ\xe5\x91\x87\xbb\x8b\xc2\x02\xdf,\xfeK\x94\x12QP\xd4 "\xbc\xe7\xfdQ\x8c1\x002\x7f\xfe|\\\x16\x02\xa1J\x03\xef\xe4\xab\x14Eq\xb9\\k\xd6\xac\x01\x00!\xc4\xd0\x81}\x03\xabUeN\xdd\xc7\xa7&gt;\t \x00d\xdc\xa8\xbf\x02\x00\xa5d\xdf\xbe}iii\xd8\x15\x8cP\xe5\x80\t\x00\x00\x801F\x08INN&gt;~\xfc8\xa5\x94\x122\xe0\xb1\x1e\xc0\r\x1f\x8f\xfe\x00@)\x81\xa2\xc2\xfb\xee\x8b\xacQ=L\x08\xe1r\xb9V\xaf^\r\xc5\x15&amp;\x84\x90W\xc3\x04\x00\x00 {5W\xacX\xc19\xe7\\4jxo\xdb\xc8\x96\xa2\xb0\xd0\x97\xdb\x7f$B\x08s\xe9A\xd5\xab\xc6\xf4\xea\xe4\xfe\x96d\x9fpE\x9f\x1aB\xe8n\xe1m\x0c\x00\xa0(\n\xe7|\xe3\xc6\x8d\x00\x00 \xfa?\xfc\x80)(\x98\xe9\xd8\xd5)\x11\x10b`\xbf\xde\x84\x00!\xe4\xe0\xc1\x83\xe9\xe9\xe9\x94R\x1c\x0b\x84\x90\xb7\xc3\x04pu\xf8\x7fZZZJJ\n\xa5\x94\x10\xe8\xd3\xbb3\x08\x86\xed?\x12\xa5\x04\x1cE\x9d:\xb6\xb6\x85\x04\x03@aa\xe1/\xbf\xfc\x02\x008\x16\x08!o\x87\t\xe0js\xf6\xb6m\xdb\x9cN\xa7\x10\xc2\x16\x12\xdc2\xa218\x1c&gt;\xb2\xf4\xdb\x9f"\x84p\x97\x1eR\xa3J\xeb\x96\xe1\xb2\xd4\xbfa\xc3\x06(\x9e6\x81\x10\xf2^\x98\x00\xae\xda\xbbw/\x00\x08!\xda\xb6n\x12zO5\xee\xf2\xf5\xf1?%q.\x88j\xea\xde\xb5\xbd&lt;&lt;p\xe0\x80a\x18\xd8\r\x80\x90\xb7\xc3{\x18\xe4\xa0\xc6\xe4\xe4dy\x18\xdd\xa1%Q\xcc\xbe&lt;\xff\xebz\x84\x10\x00\xde1\xb2%\x00\x10\x02\'O\x9e\xcc\xca\xca\xc2\xb5\xe1\x10\xf2v\xbe\x9e\x00\xe4\x02p\x85\x85\x85\xa9\xa9\xa9\xf2\x99v\xad\x9b\x02`\x07\xc0\xef\x10B\xc0\xe5l\x16^\xcf\xdf\xcf\x02@\xf2\xf2\xf2N\x9c8\x018\x18\x14!/\x87\t@\x00\xc0\x993grss\t!\x9a\xa66\xa8w\x0fp\x86\xf1\xbf$B@\xe8FX\xb5\xb0\xaaUB\x84\x10\x9c\xf3\xa3G\x8fB\xf1\xb7\x87\x10\xf2R\x98\x00\x04\x00\\\xbat\xc9\xe1p\x08!\x02\xfc-\xf5\xeb\xd6\x02\xa7\x0bk\x00%\x11B\x84\xc1\xfc\xc3\x82\xeb\xd7\xbbG&gt;s\xfa\xf4\xe9\n=#\x84P)\xc0\x04 \x00\xe0\xe0\xc1\x83\xf2\xb0q\xc3:\x01UB\x84\x81s\x80\xaf%\x84\x00P\xdb\xb4\x0c\x97\x87)))\x00\x80\xfd\xc0\x08y5\xbc\x81\x01\x00\xb2\xb3\xb3\xe5\x83\xe0\xa0\x00\xcdb\x16\xd8\x03|\x1d!\x00\x08\r\xb5Y\xe5aVVV\xc5\x9e\x0fB\xe8\xee\xf9z\x02\x90%\xfd\x9c\x9c\x1cyH)\x05l\xd7\xfec\xee\x8aQAA\x81a\x18\x15{2\x08\xa1\xbb\x84\t\x80\x00\xc0\x9e={\xe4at\x87\x08\xa0&amp;\x1c\x03z=B\x08\x80\x11\xdd!B\x1e\xa6\xa6\xa6\xe6\xe6\xe6\xe2\x82\x10\x08y5_O\x00\x92\xaa\xaa\xf2\x81\xa6\xa9\x15{&amp;\x1e\xce\xfd\xfdPJ\xb1\x9b\x04!o\x87\t\x00\xa0\xc4pF,\xcf\xde\x1c~?\x08U&amp;\x98\x00\x10B\xc8Ga\x02\xf8\x1d,\xe1\xde\x1c~?\x08U&amp;\x98\x00\x00J\xc45wg\x00\xba!\xf7\xf7\x83\x99\x00\xa1J\x00\x13\x00\x00\x80\xa6i\xf2AfV6\x08\x8e\xbd\x9b\x7f\x80dfe\xcbG\xaa\xaab\'0B\xde\xce\xd7\x13\x80\\\xce\xacc\xc7\x8e\xf2p\xcf\xfe\xa3\xc0q!\xe8\x1b\x10B\x00({\xf7\x1d\x95\x87-Z\xb4\xb0Z\xadr/\x9d\x8a=1\x84\xd0\x1d\xf3\xf5\x04 \xb9\x1b4,f\x13(J\xc5\x9e\x8c\'\xf3\xf33\xcb\x07\x18\xfa\x11\xaa\x04|=\x01\xc8(\xd6\xb0aCyx\xee\xfceGN&gt;\xf1\xf9\xbd\xe0\xafG\x08\x80`i\'\xcf\xc9\xc3F\x8d\x1a\x01\xf6\x04 \xe4\xe50\xd2\x01\x004h\xd0\x00\x00\x08\x81\xb3\xe7/\xe5f\xd8\x89\xaabh\xbb\x06\xa1\x94\x1b\xae\xa3\xa9\xa7\xe4\xa1\xfc\xc6\xf0[B\xc8\xab\xf9z\x02\x905\x80\xbau\xeb\xfa\xfb\xfb\x03\x90\xc2Bg\xda\xa9s`\xc6\xd5 ~G\x08AU\xa5 3\xe7\xc4\xa9\xab5\x80\xa6M\x9b\x02n\x0b\x8c\x90\x97\xc3\x04@\x00\xa0j\xd5\xaaaaar\xab\x93\xb4\x13g\x81(X\xb6-I\x08\x00\x93v\xe1\xc2\xe5\xdc\xdc\x02B\x88\xaa\xaa\xc5u&amp;L\x00\x08y1L\x00\x84s\xee\xef\xef\xdf\xa2E\x0b\xf9\xcc\x9e}G\x000\xae\xfd\x8e\x10\x02T\xd3\xa1#\'\x1dN\x97\x10\xc2f\xb3\xc9&gt;\x00L\x00\x08y5_O\x00P&lt;\x12\xb4m\xdb\xb6\xf2p\xdb\xce\xfd\xccY\xa4`?p\tB\x08\x00\xb2e[\xb2&lt;l\xd2\xa4I`` \x0e\x04B\xc8\xdba\x98\xbbZ\x8c\xed\xd0\xa1\x03\x00PJ\x8f\x1c;u\xf1\xd4yb1a+\x90\x9b\xa2P\xe6(\xdc\xb2\xfdj\x02h\xdb\xb6-\xa5\x14w\x84G\xc8\xdba\x02\xb8\xba\xafa\xa7N\x9d\xacV+\x80((t\xec\xd9w\x04Lf\xec\x07\x96\x84\x10\xc4lJ?s\xf1\xe8\xb1S\x84\x10BHLL\x0c`\xfb\x0fB\xde\x0f\x13\xc0\xd5n\x80\x9a5k\xb6m\xdbV\x06\xfd\xef\x7f\xdc\x04@\x000\x01\x00\x000\xc6\xc1lI\xd8\xb8\xb3\xa0\xd0\x01 BBB\xbat\xe9\x02\xb8!0B\xde\x0f\xefa\x80\xe2n\x80\xbe}\xfb\x02\x00!dm\xc2\xb6\xdc\xf4\xcb\x8aI\xc3V \x00\xa0\x84\x00g\xdf\xae\xfc\x05\x00\x84\xb8ZU\xc2\x0e\x00\x84*\x01L\x00\x00\xc5\x85\xd9~\xfd\xfa\x99L&amp;B\xc8\xa5\xf4\xcc\xc4-{\xc1\xdf\x1f[\x81\x84\x10\xd4\xcf\x94~\xfa\xdc\xaf\xdb\xf6\xcaoi\xe0\xc0\x81\xb2\xceT\xd1\xa7\x86\x10\xba[\x98\x00\x00\x00d\x97f\xa3F\x8d\xda\xb6m+C\xdb\xd2o\x7f\x06\x01\xd8\n\xc4\x18\x07\xb3\xff\x9a\x9f~\xcd\xcb+\x04\x10AAA\xb2\x03@\xc1\x15\x93\x10\xf2~\x98\x00\xae\xe2\x9cSJ\x1f\x7f\xfcq\x00\xa0\x94~\xff\xe3\xa6\x8b\'N+\x16\xb3\x8f\xb7\x02Q\x85r\xa7c\xde\xa2\x95\x00\xc09\xdc\x7f\xff\xfd5j\xd4\xc0\xf6\x1f\x84*\x07L\x00W\xc9"\xed\x13O&lt;\x11\x10\x10\x00 \xf2\x0b\x8a\xbe\xfe6\x1e,\x01\x8c\xf9n[\x07c\x9c\x04\xfa\xef\xdd\xb1oO\xf2\x11EQ\x00\xc4\xd8\xb1c\x01\x97\x00B\xa8\xb2\xc0\x04p\x15!\x841V\xb3f\xcd\xc7\x1f\x7f\x9csA\x08\x99\xbfx\x9537\x87j\x8a\x0fG;A\xa8\xfai\xdc\xb7\x9cs\xcey\xb3f\xcdz\xf6\xec)\x84\xc0\xf1?\x08U\x0ex\'_\xeb\x99g\x9e\x01\x00EQ\x8e\x1c;\xf5\xcdW?\xd0\xc0`n\xb0\x8a&gt;\xa9\n\xc09\xa7\x01\xfe\xc7\x92S\xbe\xfa\xf6gUU\x85\x10\xa3G\x8f\xf6\xf3\xf3c\x8ca\xfb\x0fB\x95\x03&amp;\x80\xffQ\x14\x85s\xde\xae]\xbb\xee\xdd\xbb\x1b\x86A)}\xe7\xe3\x85\xce\xbc\\\xe2\x93\x95\x00\xc1\x05\xd1\xcc\xef~\xb8\xc0\xe5\xd2\x85\xe0aaaO&gt;\xf9\xa4\x10\x02\xbb\x7f\x11\xaa40\x01\xfc\x8el\xdfx\xe3\x8d7\x00@Q\xe8\xb1\xe3\xbf-\xfbr\x8d\x0fV\x028\xe74\xd0\xffX\xf2\xc1e+\xd6\xa9\xaa\xca\x18\x9f0aB\xb5j\xd5\xb0\xfb\x17\xa1\xca\x84`\x87\xde5\xe4p\xa0\xee\xdd\xbbo\xde\xbcYQ\x94\xaaUB\x0e\xef]i\xb5\x05\x11\xdd\xf0\x9d\xd8\xc78W\x82\x83bz\x8dX\xb7a\xa7\xa2(\xc1\xc1\xc1\xc7\x8f\x1f\x0f\r\r\x05\\\x01\x02\xa1J\x04k\x007\xf6\xd1G\x1f\xa9\xaaJ)\xb9\x94\x9e\xf9\xaf\xa9\xb3\xa8_ \xf7\x99\xe1@\xcc`\x8a\xd5\xbab\xc9\xf7\xeb6\xec4\x994\xc6\xd8[o\xbd\x15\x16\x16\x86\xc5\x7f\x84*\x19\xac\x01\xdc\x00cLQ\x94\xf1\xe3\xc7\x7f\xfa\xe9\xa7\x9a\xa6\n!vm\xfa\xa2mt\x1b\x96_P\xe9\x97\x89\x16BpE)t\xb8\xdat\xf8\xdbog/r.\xda\xb6m\xbbs\xe7NJ\xa9\\\t\xae\xa2O\x10!Tj*y8\xbb3rb\xf0[o\xbdU\xadZ5\xce\x05c\xfc\xa9g\xfe\xcdt\x1d\x14Z\xe9\xf3%cL\t\x08~\xf9\xa5\x0fO\x9e&gt;/\x07\xff\xcc\x9c9S&gt;\xc0\xe8\x8fP%\x83\t\xe0\x06\x08!r\xdf\xabY\xb3f1\xc6L\x9a\x96\xbc\xff\xd8\xe4\xe7\xdfS\x82\xac\x8cU\xe6\xde`f\x18\xaa-\xf4\xbf_~\xf7\xe9\xfc\x15f\xb3\xc9\xe9t=\xf3\xcc3\xdd\xbau\x93U\xa2\x8a&gt;;\x84P)\xc3&amp;\xa0?$\xa3\xde\xa0A\x83\x96/_n1\x9b\x1dN\xe7\x8a%\x1f\xfc\xed\xc9~FV\x96\xaa\xa9\x15}v\xa5\x8f3N\xfc\xfdN\xa5\x9d\xe9\xd0ep^^!\x17\xa2^\xbdz\xfb\xf6\xed\x0b\x08\x08\xc0\xc6\x1f\x84*%L\x00\x7fH\x08!\x84\xc8\xce\xce\x8e\x8c\x8c&lt;}\xfa4\xa54(\xd0o\xcf\xb6e\xf5\x9b\xd4\xe7\xb9y\xb4r\x95\x88\x85\x10\xa0(\xa0\xaa\x9d\xba\x0e\xd9\xb9\xfb\x90I\xd3\x18\xe7\x89\x89\x89\xd1\xd1\xd1rXTE\x9f B\xa8\xf4\xe1\x8d\xfd\x87d\x99744\xf4\xab\xaf\xbe"\x84PJ\xed\xd9y\x03\x87N\xce\xbc\x9c\x05&amp;SeZ\x0fY\x08`B\x10\xb3i\xec\x98\xd7w\xee&gt;d\xb1X\\\xba\xfe\xe1\x87\x1fFGG\xcb\tq\x15}\x82\x08\xa12\x81\xf7\xf6\xcdPJ\r\xc3\x88\x8e\x8e\xfe\xf0\xc3\x0f].\x97\xc5b\xd9\x9d|d\xf0\x90I\xd4\xcf"(\x15\x95e\xb7\x00\xc30Tk\xd57_\xff\xbf\xb8/\xbe\xf7\xf3\xb38\x1c\x8e\x01\x03\x06L\x9c8\xd10\x0cU\xad\x84\x8d]\x08!\t\x9b\x80\xfe\x9c\x8c\x83c\xc6\x8c\x89\x8b\x8b\xf3\xb3X\x8a\x1c\x8e\xd8\xe1\xfd\xe6-|\x97\xe5\x17P.\x08\xf5\xee\xc6q\xc30T[\x95\xb8\xd9\x8b\xc6L\x98&amp;\xbb:"##\xe3\xe3\xe3\xadV+6\xfd#T\xb9a\x02\xf8sB\x08\xce\xb9\xa2(\x8f?\xfe\xf8\x8a\x15+\xae\xc9\x01\xc4{\x9b\xc8\x85\xd0\x19\xd3\x8a\xa3\xbf\xa6i\xba\xae\xd7\xaf_\x7f\xcf\x9e=6\x9b\r\x9b\xfe\x11\xaa\xf40\x01\xdc\x12\xd9\xe2\x9f\x93\x93\x13\x13\x13\x93\x94\x94T2\x07\x80\xc3\xc1\x9d.\xaf\xeb\x13\x16\\p\x10\x8a\xb5J\xdc\xec\x05\xee\xe8o\xb3\xd9\xd6\xad[\xd7\xa1C\x07\x1c\xf7\x89\x90/\xc0\x04p\xabd\x89\xd8n\xb7\x97\xcc\x011=;~\xfd\xe5t[\xb50#;\xd7\x8b\xc6\x862\x83)f\x13\x98M\x93&amp;\xbe3s\xf6R\x93\xc9\xe4r\xb9l6[|||dd$F\x7f\x84|\x04\xd6\xf1o\x95\x9c\x1e\xec\x8e\x92E\x0e\x87\xc5b\x89_\xbf#\xe6\xa1\xb1\xc7\x8f\x9eRCC\r\xc3\xf0\x8alj\xe8\x86\x12\x1c\x98\xe7\xd4\x9f\x1a\xf9\xf2\xf5\xd1\xdf0\x0c\x8c\xfe\x08\xf9\x08L\x00\xb7\xa1d\x0e\x188p\xa0\xc3\xe1\xb0X\xccI\xc9\x87;u\x1d\xb2|\xe9\xf7\xaa-\x0c\x08\xf1\xe4\xa9\xc2\x82\x0b\xc6\x98\x1a\x1a\x96\xbc\xf7p\xf7\xee\xc3\x16,Y\xed\xe7gq\xb9\\m\xdb\xb6]\xbf~\xbd\x8c\xfe8\xec\x07!\xdf\x81M@\xb7\xcd\xdd;*\xc7\x05\xa9\xaab0\x0eBL\x1c?t\xfa\xfb\x93U\xb3\x89\xe5\xe6S\x85z\xd4\xf8\x19!\x801\xa6\xfa\x99\xc1\xe2?\xff\xb3\xaf\x9e\x9b\xf2A^~\xa1\\\xec!**\xea\xe7\x9f\x7f\xb6\xd9l\xd8\xf2\x83\x90\xaf\xc1\x1a\xc0m\x93\xf5\x00\xc6\xd8\xbcy\xf3f\xcc\x98\x01@@\x08\x93\xc94s\xf6\xd2\xae\xf7\x0f\xdb\xb9}\x9fb\xb3\x11M5\x0c\xc3CR+c\x8c\x10Pm\xb6\x0b\x972\x87\x0c|6\xf6\x1fS\xf3\x0b\x1d\x94\x12\xa7\xd35z\xf4\xe8\x84\x84\x04\x8c\xfe\x08\xf9&amp;\xac\x01\xdc!\xb9P\x04\xa5411q\xd4\xa8Q\xa9\xa9\xa9\xb21]S\x94qc\x07\xbe\xf6\xca\xb8j\xf7\xd4\x84\xbc\\f0\xaa(\x15U\x19\x90\xfb\xf7Rk\x90^\xe0\xf8l\xde7\xd3\xde\x99{9\xc3.\xcf3((\xe8\xe3\x8f?\x1e=z4\x94\xa8\xd3 \x84|\n&amp;\x80\xbb"\x1b\xcd333\xc7\x8f\x1f\xbfl\xd92\x00PT\x95\x19\xc6=5\xab\xbe5u\xfc\xd0A\x7f1Y\x83!?\xd7\xd0\rEQ\xca\xadQH\x08\xc1\x19\'\x94Pk\x100\x96\xb0n\xdb\xebo\xcc\xda\x99t\x10\x00\x14Ea\x8cEGG\xcf\x993\xa7]\xbbv\x8c1\xb9\xd0\x7f\xf9\x9c\x18B\xc8\xa3`\x02\xb8[\xee\xc6\x93e\xcb\x96=\xff\xfc\xf3\x17.\\\x90A\x16\x00"\x9a7|\xee\xd9\xbf\x0f\x1d\xfc\x90\xc9\x1a\x02\x8e\x02\xe6p\x02@\xd9\x05\\\x01\xc0\x19\x17B\xa8&amp;\r\x02\x02\x80\x19\t\xf1[\xa7\x7f\xbc(a\xfdv\x00\x90#\xfdM&amp;\xd3\xcb/\xbf\xfc\xdak\xaf\xa9\xaa\x8a\xcd&gt;\x08\xf98L\x00\xa5\xc0\xdd\x1ct\xf9\xf2\xe5i\xd3\xa6}\xf6\xd9g\xba\xaek\x9a\xaa\xeb\x06\x00D4o4|\xd8c\x83\x07\xf4\xae\xdd\xa8\x1e\x00@a!s\xea@\x80PJK#\x13\x08!8\x17B\x08UU \xc0\x0f\xa8\x96\x9b~\xe5\xfb\x9f6-Y\xfaC\xc9\xd0\x0f\x00}\xfb\xf6\xfd\xe0\x83\x0f"""\x00\x9b}\x10B\x98\x00J\x91\xbb@\xbds\xe7\xce\xd7_\x7f=!!\x01\x00TU5\x0c\x03\x00\x82\x83\x02\xfa=\xf2\xc0\xdf\xfe\xfa`\xf7\xae\xed\x82\xabW\x05\x10\xe0t\n\xa7\x8b1\x0e\x00\x84\x10J\xc9-\xee\xb8.\x84\xe0B\x80\x10B\x00\xa5\x84\x9a4\xf0\xb3\x00(,/w\xe7\x9eC+WoX\xb6\xfc\xe7s\xe7\xd3K\xbe{DD\xc4\xab\xaf\xbe:x\xf0`y\x9e\xd8\xec\x83\x10\x02L\x00\xa5\xcb\xbdj\x10\x00$$$L\x9f&gt;]\xa6\x01B\xc0\xfdU\xd7\xbe\xa7z\xef\x9e\x9d\x1ey\xe8\xbe\xf6m\x9b\xd5\xa9[\x0b\xcc\xfe\x00\x1c\x04\x03\xa7\x0b\x0c\xc6\r\x06\x048\x17\x00\x02\xc0\x1d\xa3\x05\x00\xa1\x94\x80\x00B)\xd1\x140\x99@Q\x00\x14`\xce\xcc\xf3\x97\xf7\x1d:\xfe\xf3\xbam?\xfe\xbc\xe5\xc8\xd1\x93\xf2\x17\xe4P%\x00\x88\x88\x88x\xee\xb9\xe7\x86\x0e\x1dj*^\xc2\x1a\x0b\xfe\x08!\t\x13@\xe9+\x19g\xb7m\xdb\xf6\xf9\xe7\x9f\x7f\xfb\xed\xb7yyyP\xbc\xd9\xa4\xfc1\x7f\x7fKD\xf3F\x9d;\xb6n\xd52\xbca\xfd{\x9b5\xaa\x13\x16j\xa5\xc1\x81\xc09(\x1a\x00\x05\xf8\xfd\x9f\x86\xbb\x80\x10p8\xedY9i\xa7\xce\x9d;{i\xef\xbe\xa3\xdbw\x1dH\xde\x7f4\xcb\x9e+\x7f\x84R\xc2\xb9\x00\x00EQz\xf4\xe8\xf1\xcc3\xcf\xf4\xed\xdb\xd7d2A\x89\n\nB\x08I\x98\x00\xcaJ\xc9\x96\x96s\xe7\xce-[\xb6l\xe5\xca\x95\xbbv\xed4\x0c\xf7TaR2\xc4[\x83\x03k\xd5\xacZ\xb3Vua\x18\xad[6\x0e\t\r\x11\x06#\x04\x04\x00!D\xd7\x8d]\xbbS\x0c\x10\xf99\xf9i\xa7\xce\xd9\x8b#\xfe\xd5\x17*\x91W\x9a7o\xfe\xd0C\x0f\r\x1b6\xacU\xabV\xd7\x9f\tB\x08\xb9a\x02([r8\x90\xbb\xe8}\xe4\xc8\x91\x1f\x7f\xfc\xf1\xe7\x9f\x7f\xde\xb5k\x97\xac\x13\x94\nUU\xdb\xb6m{\xff\xfd\xf7\xf7\xef\xdf?::Z\xbe\x9dl\x8f\xc2\xd0\x8f\x10\xfa#\x98\x00\xca\x83\x10B\xb6\xc0\xb8c\xf1\xf9\xf3\xe7w\xed\xda\xb5g\xcf\x9e\xa4\xa4\xa4#G\x8edff\x16\x16\x16\xde\xfa\x0b*\x8ab\xb3\xd9Z\xb4h\xd1\xb6m\xdb\xd6\xad[GEE5o\xde\xdc\xfd\xbfr\x1fGl\xebG\x08\xdd\x1c&amp;\x80r\xc59\x97\xa5\xf2\x92\xd1\xb9\xa8\xa8\xe8\xca\x95+\'N\x9c\xf8\xed\xb7\xdf~\xfb\xed7\xc30v\xed\xda\xa5\xeb\xba\xbbaG&gt;h\xdd\xbauHH\x88\xd5jm\xdd\xbau\x8d\x1a5j\xd5\xaae\xb5Z\xdd/"s\x8c\xdc\xbb\x18\x8b\xfc\x08\xa1[\x81\t\xa0bp9t_\x88\xbb)\xaa\xcbt\x02\x00X\xdeG\x08\xdd\x01L\x00\x15O\x94 \x9f\xb9\xe1f\xbc2\xd6\xbb\xff\x177\xecE\x08\xdd%L\x00\x08!\xe4\xa3\xb0\xdd\x00!\x84|\x14&amp;\x00\x84\x10\xf2Q\x98\x00\x10B\xc8Ga\x02@\x08!\x1f\x85\t\x00!\x84|\x14&amp;\x00\x84\x10\xf2Q\x98\x00\x10B\xc8Ga\x02@\x08!\x1f\xa5V\xf4\t\xa0\x9b)9C\xf8\xfa){r&amp;0\xce\nF\xe5L.4\xeb\xbe \xafY\x86\xc4}\xc5\xcak\x12\x17\xa7\xf2d8\x13\xd8\xe3\xb8\xef\xae\xdbZ\xe1G\xae\x0b$3\x01\xae\x0b\x84J\x9d{\xf5\xaa\x92\x8b\xda\xde\xfa\xef\xca\x8b\x13\x93\x81\xa7\xc1\x04\xe0)\xe4r\x9e\xd7/\x14\x9a\x91\x91\x91\x96\x96&amp;\x97\x08\x95\x1b\xfc\xba\xb5n\xdd\xdaj\xb5V\xaf^\xfd\x9e{\xee\xb9~eP\\!\x0e\xdd=Y\x1c\xb9\xa6Tq\xe5\xca\x95#G\x8e\x9c8q\xe2\xcc\x993999\xfb\xf6\xed\x93\x0b\xd6\xca\x7f5M\x8b\x8a\x8aRU\xb5U\xabV\xb5k\xd7\x0e\x0f\x0f/yq\xca\x1d20\x13x\x08L\x00\x15O\x96\xad\xdc\x9b\xc6dee\xed\xdb\xb7\xef\xd7_\x7f\xdd\xb6m\xdb\xd1\xa3G\xfft\xab\x00\xb97@\xf3\xe6\xcd\xdb\xb5kw\xdf}\xf7\xb5o\xdf\xbeN\x9d:%_\x19o6t\x07d\xb1]U\xaf\xb6\x12\x9f;wn\xd7\xae][\xb6lILLLMM\xcd\xc9\xc9\xb9\xc5\xd7\xa9R\xa5J\xabV\xad\xee\xbb\xef\xben\xdd\xbaEFF\x06\x05\x05\xc9\xe7\r\xc3\xb8\x83\xca\x04*]\x98\x00*R\xc9\xcd\x1a\xd3\xd3\xd3\xd7\xae]\xbbj\xd5\xaa\xad[\xb7fff\xde\xf1k\xfa\xfb\xfb\xb7i\xd3\xa6\x7f\xff\xfe\x0f?\xfcp\xd3\xa6M\xaf\x7f#\x84n\xaed\x89$//o\xd5\xaaU+V\xac\xd8\xb4iSnn\xee\x9f\xfe\xee\xcd\xd5\xae]\xbbw\xef\xdeC\x86\x0c\xe9\xd1\xa3\x87|}L\x03\x15\x0b\x13@\xc5p\xb7\xd7\x03\xc0\xb6m\xdb\x16-Z\xb4z\xf5\xea\xf4\xf4\xf4\x1b\xfe\xb058\x90R\xda\xa8A\xed@k \x18\x1c\x08\x00!\xcc`\x87\x8f\x9ed\x9c_\xb3?\xb0\x9b\xd9l\x8e\x89\x89\x195j\x14\xee\x0b\x8fn\x91l\xf0\x91\x17IJJ\xca\xe2\xc5\x8b\x97-[v\xee\xdc\xb9\xeb\x7f\xd2\xdf\xcf\x12V\xc5\xd6\xa8\xe1\xbd*%Q\xed#4M\x15B\x80\x00\xa2*\xf6\xac\xec\x03\x87\xd2\x98\xc1\x0e\x1f;e\xb7\xe7\xca6\x1f\xf8\xfd\xce\xd5\xadZ\xb5\x1a6l\xd8\xb0a\xc3\xaaW\xaf\x0exeV\x1cL\x00\xe5\xad\xe4=\x96\x90\x900}\xfa\xf4\x84\x84\x84\xe2\xff\xbc\xbaM\xbc\xbf\xbf_D\xf3\x86\x9d;\xb6n\xd52\xbcA\xbd\xda\xcd\xc3\xeb\xaa\xaab\x0b\x0b\x01\x8b\x19\xae\xfe\xbd\x08p\x9e\x93\x9e\xc1\x01\xd2N\x9d;w\xf6\xd2\xde}G\xb7\xef:\x90|\xe0XV\xd6\xd5\xba\xb9\xfb~\x8b\x88\x88x\xee\xb9\xe7\x86\x0e\x1dj2\x99J&amp;\x1e\x84JrG\xe1\x94\x94\x94\x193f|\xf9\xe5\x97.\x97\x0b\x00(\xa5r/\x8a\xa0\xa0\x80\xc8\xf6-\xee\xeb\xdc\xb6st\xab\xa6\xe1\xf5\xc2\xaa\xd8\xfc\xc3B@\x08\xa0\xa6\x12/C\x008p\x03\x18\xcb\xc9\xc8&gt;\x7f\xe9\xf2\xd1\xd4\xd3[\x12\x93\x13\xb7\xef\xdb\x9b|\xa4x\x8bl\xca\x18\x07\x80\xea\xd5\xab\x8f\x1b7\xee\xe9\xa7\x9f\xaeV\xad\x9a{\x7f\xa4\x8a\xf8\xe8\xbe\x0b\x13@\xb9\x92\xfbA\x02@JJ\xca\x0b/\xbc\xb0v\xedZ\x00PUU\xf6\xee\x06\x07\x05t\xbf?\xb2\xff\xa3=z\xdc\x1fU\xa7nM0\xfb\x03p\x10\x0c\x9c.\x10B\xe8\x86\xe0\x02J\x84nj\xd2\x00\x00L&amp;P\x14\x00\x05\x983\xf3bF\xe2\x8e\xfd\xab\xd6lHX\xbf\xe3\xdc\xf9\xf4\x92/\x1e\x11\x11\xf1\xc1\x07\x1f\xf4\xed\xdb\x17\xb0\xc0\x85~\xcf](\xc9\xc9\xc9\xf9\xf0\xc3\x0f?\xf8\xe0\x03\x97\xcb\xe5\x0e\xd3f\x93\xd6\xe7\xc1\xae\x8f=\xd2\xbdw\x8f\x8e\xb5\x1b\xdc\x0bT\x030\xc0\xe9\x02\x83q\xc3\x00\x00\xce\x05\x80\x80\xab\x97\xa6\x00 \x94\x12\x00B5\x154\x154\r\x80\x82\xd3q\xe4p\xda\x8f\xf1[W\xae\xde\xb0m\xfb&gt;\x00P\x14E\xe6\x83Z\xb5jM\x9b6m\xe4\xc8\x91\x80Wf\xb9\xc3\x04P~\xe4\xc5m\x18\xc6\xb4i\xd3\xde}\xf7]\x97\xcb\xa5i\xaa\xae\x1b\x00\xd04\xbc\xde\xe0\x81}\x9f\x1a\xd9\xbfv\xfd\xda@\x14p:\x84\xd3%o?B\xe4\xed\x04\xd7\x17\xdb\xe5\xdf\x8e\x0b\x01B\x08\x01\x94\x12j\xd2\xc0\xcf\x0f\x80\xe4]\xc9\\\xf1\xdd\xba\xf9\x8bVn\xdb\xb1\x1f\x004M\xd3u\x1d\x00\x06\x0f\x1e\xfc\xd1G\x1f\xd5\xaaU\x0b\xdb^\x91\xe4.\x94\xc4\xc7\xc7?\xfb\xec\xb3\xa9\xa9\xa9\xee\xd0\\\xbdZ\xe8\xb0\xa1\x8f\x0c\x7f\xe2\x91\x88\x0e\x11\x00\x04\x9c\x0e\xeepr.\xdc3On~\xfd\x94\xdc\xe9NQ(\xf1\xb3\x80f\x06\xc3\x99\x10\xbf\xed\xcb\xaf~\xf8f\xc5\xcfN\x97\xae\xa8*3\x0c\x00\x88\x89\x89\xf9\xe4\x93O\xc2\xc3\xc3\xb1\xbf\xaa&lt;a\x02(\'2\xfa\xef\xdd\xbb\xf7\xe9\xa7\x9f\xde\xb9s\xa7\xfb\x1e\x8bh\xde\xf0\xb9\x7f\xfe\xfd\x89A\x0f\x99\xadVp\x16\xf1"\'\x17\x82*\x94\xde\xd1\r \x8br @1k\xe0\x1f\x00\x86+!a\xdb\xf4\x8f\x16%\xac\xdf\x0e\xc5i\xa0V\xadZ3f\xcc\x188p\xa0\xfcy\xbc\xd3|\x99\xbbP2e\xca\x94\x993gB\xf1ER\xad\xaa\xed\xe9q\x83\xc7\xc5\x0e\xac~\xef\xbd\xa0\x17\xb1\x82B!\xe0\x8e/K\x89s\xce\xb9P(%\xc1\x01@\x94\x94=)3f-Y\xb2t\x8dn0\xb3\xd9\xect:\xadV\xeb\x87\x1f~8z\xf4h(\x91\x96P\x99\xc2\x04P\xe6\xdcc*\xe6\xcf\x9f\xff\xdcs\xcf\xe5\xe5\xe5\x99L&amp;\x97\xcbU\xad\x8a\xed\xb5W\xc6\x8e\x8d\x1dh\n\x0c\x80\xfc|\xa6\x1bT)\xb5\x82\x8f\xcc\x04\x94Pb\r\x04\xce\xd7\xae\xd9\xf4\xc2\xcb\x1f\xa7\x1c9\xe1n\x11\x9a8q\xe2\xf4\xe9\xd3UU\xc5J\xb7\xcf2\x0cCU\xd5\xe3\xc7\x8f\x8f\x1c9211\xd1d\xd2\\.\x1d\x00F\xfd\xfd\xb1\xb7\xde\x18_\xabA}(\xca3\x1c\xceR\x9fP\xc2\x18\x07!\x94@\x7f\xd0,;\xb7\xee|\xf5\xf5O\xd6o\xdaE(\x95U\x86\xd1\xa3G\x7f\xf4\xd1G\xc1\xc1\xc1xe\x96\x03L\x00e\xcb]\x90\x197n\xdc\xdc\xb9s)%\x02\x88\xe0|\xf0\xe3}&gt;\xfa`J\xadz\xf7B^.3\x18U\x942*\x883\xc6\x08!48\xc8UP\xf8\xee{qo\xbf\x17\xa73&amp;3P\x97.]\xd6\xacYc\xb3\xd9\xf0N\xf3A2\xfa\'%%\xf5\xe9\xd3\'++\xcbb1;\x1c\xce\xf0\x86\xf7~2\xf3\x95\x98\x87{\x81\xa3\xc0(r\x94i#!\xe7\\p\xae\x04\x07\x01\x17\xb3f\x7f\xf9\xea\xbf&gt;\xc9\xcb/4\x9bMN\xa7+**j\xed\xda\xb5\xa1\xa1\xa1xe\x965\xacd\x95!\x19\xfd\xedv\xfb\xa0A\x83\xe6\xce\x9dk6\x9b8\x17\x81~\x96\xb8\xffL\xfdz\xf9\'\xb5j\x84\x19v\xbb\x10\xa0\xa8e\x15\xfd\x01@Q\x14J)\xcb\xc95\t\xf1\xc6\xb4\xc9\x1b\x13\x164nx\xaf\xcb\xe5\xb2X,\x89\x89\x89={\xf6LNN\x96\x8d\x00eu\x06\xc8\xf3\xc8\xe8\xbf`\xc1\x82\x9e={fee\x99L&amp;\x87\xc39\xf0\xaf\xbd\xb7m\xf9*\xe6\xe1\x1eFV\xa6p\xe9\xaa\xaa\x96i\xf3 \xa5TQU\x9eW\xc0\x0b\x0b\'L\x1a\xbdy\xc3\xe2v\xad\x9b8\x9d.??\xcb\xae]\xbb:v\xec\x98\x94\x94\x84WfY\xc3\x1a@YqG\xff\x98\x98\x98\xa4\xa4$\x8b\xc5\xe2p8\xda\xb6\n\xff|\xfe\xdbm#\xdb\xb0\xec,J(\xa1\xe5\xd7\xfe.\x84`\x06Sm\xd6\xacK\x19\xff\x18\xff\xef\xe5\xdf%\xc8z\x80\xcdf\x8b\x8f\x8f\x8f\x8c\x8c\xc4\xd2\x96\x8f\x90\xd1?..n\xcc\x981\x84\x10\xb9\xd2\xe0\x8c\xf7\'O\x9c&lt;\n\x9c.\xe6p(jy\xaf\x11i\xe8\x86j\r\xca\xcb-\x98\xf8\xcfi\x0b\x96\xac\xc6+\xb3\xdc`\x02(\x13r\xdctNN\x8e\x8c\xfe~\x16K\x91\xc3\x11\xd3\xb3\xe3\xd7K\xa7\xdb\xaaU1\xec9\xaaV1\xeb\xb02\x83)\x163\x98M\x93\xfe\xf9\xf6\xcc\xd9K\xddw\xda\xbau\xeb:t\xe8\x80wZ\xa5\'\xa3\xff\xe2\xc5\x8bG\x8c\x18a\xd24\x97n\xd8B\x02?\x9b\xfd\xaf\x81C\xfb\xb1\x1c;\x05 \x15\xd4\xf5\xca\x0c\xa6XL`\xd2\xa6\xfek\xd6\x9b\xef\xcc\x95}\xd16\x9bm\xf3\xe6\xcd-[\xb6\xc4+\xb3\x8c`\x02(}r-6UU\x1f\x7f\xfc\xf1\x15+V\xc8\xe8\x1f;\xbc\xdf\xbc\x85\xefB\x91\x839]\x8aZ\x91\x97\xb2\xe0\x9c\x0bPB\xaa\xc4\xcd^0f\xc24y\xa7\xd5\xaf_\x7f\xcf\x9e=6\x9b\rG_Tb\xf2\x8f\x9b\x94\x94\xd4\xbd{w\x97\xcbe\x18\xcc\x16\x12\x18\xbf\xe6\xb3\xc8\xae\x1d\xf5\xac+Z\x05\x15J\xdc\x04\x17\x1c\x84b\xad\x1a7\xfb\xf31\x13\xa6\xc9\xd2I\xcb\x96-7m\xda\x14\x12\x12\x82\x13\x18\xcb\x02\xde\xea\xa5OF\xffq\xe3\xc6]\x13\xfdY~\x01\xd7\xf5\x8a\x8d\xfe\x00@(U(\xd1\xed\x97c\xc7\x8f\x987\xeb5]\xd7-f\xf3\xa9S\xa7bbb\n\n\n\xdc\x8b\xb9\xa3JFN\x02?y\xf2dLL\x8c\xa3\xa8\x08\x00\x8a\xa3\x7f\x07=\xf3r\x85G\x7f\x00 \x94(\x84\xeaY\xe9\xf2\xcat\xb9\\f\xb3\xf9\xe0\xc1\x83\x0f?\xfc\xf05;\x10\xa0\xd2\x82\t\xa0\x94\xc9\xe8\xbfp\xe1\xc2\xb9s\xe7\x9a\xcd\xe6"\x87\xa3W\xf7H\x19\xfd)\xf7\x98\x99\xee\x84h\xaa\xaage\xc4\x8e\x1f=\xf5\xa5X\x87\xd3\xe9g\xb1$%%M\x980\xc1=A\x01U&amp;2\xafs\xce\x87\x0e\x1dj\xb7\xdbM&amp;\x93a\x18q\xb3_\x8f\xec\xdaQ\xcf\xcc\xd2\xe4\x94rO@@\xd3T\xdd\x9e\x11;~\xd4\xc4\xa7\x878\x9dN\x8b\xc5\xb2}\xfb\xf6\xc9\x93\'\xe3\x95Y\x16\xb0\t\xa84\xc9*\xf6\x81\x03\x07:w\xee\xac\xeb\xba\xcb\xa5\xb7l\xde`\xe3\xfa\xc5\xb6\xe0\x00\xd0uO\x89\xfe\xc5\x84\x00\x83s-(`\xe4\xb0\x17\x16}\xfd\xa3\x1c\x08\xb8`\xc1\x82\x91#Gb\x93k%#\xff\xa0\x93&amp;M\x9a9s\xa6\xc5lv8\x9d3\xde\x9d4\xf1\xa5g\xf4\xac\x0cO(\xfb_\xe3\xea\x95\x19\x1c\xf4x\xffgV\xac\xde O\xf8\xdbo\xbf\x1d0`\x00^\x99\xa5\x0b\x13@\xa9\x91%,\xceytttrr\xb2\xa6i\x9a\xa6\xec\xd8\xb4\xa4e\xfb\x08\x96\x93[\xe1-?7$\xb8\x10\x9a\xeap\x19\x1d\xbb\x0c9x8M\xd34\x93\xc9\xb4\x7f\xff\xfe\x86\r\x1bbg@\xa5!\x83\xe6\xfa\xf5\xeb{\xf5\xea%\xe7\xdc\x0ex\xb4\xc7\xb7+?5\xf2\xf2TO\xfd\x13\x0b.\xc0\xa4f\xe7\x16t\xe88\xe8\xf4\x99\x8b\x04 \xacJ\x95\x83\x07\x0fV\xadZ\x15\xd7\x8c+E\xf8=\x96\x1a\xb9\x9c\xd6;\xef\xbc\x93\x9c\x9cl6\x99t]\x9f=}J\xcb\xc86Fv\x8egF\x7f\x00 \x94\x08\xa7\xcb?\xd0\x7f\xe9\xa2w\x02\x03\xfd\x01\xa0\xa0\xa0`\xec\xd8\xb1\xd8\xdeZi\xc8\xd5&gt;rss\xc7\x8e\x1dK)\xd5u\xbda\xfd\xda\xf3\xe6\xfd\x9b;\x1c\nxn\x9f*\xa1\x84;\\\xb6ja_-x\x87RB\x15\xe5\xf2\xe5\xcb\x13&amp;L(\xb9\xa64\xba{\x98\x00J\x87\x8c\xfe\xc7\x8e\x1d{\xfb\xed\xb75Ms\xba\\\x03\xfb\xf7\x1a\xf9\xf40\xc3\x9eUQ#&gt;o\x91\xa2*Fn^\xcb\xc8\xf6\xefO\x1d\xaf\xeb\xba\xd9lZ\xbf~\xfd\x92%K\xb0\xc9\xb5r\x905\xb9\xf7\xdf\x7f\xff\xc4\x89\x13\xaa\xaa\x02\x88\xb9\x9f\xbcj\xab^U8]\xe59\r\xe5\x0e(\xaab\xd8s\xa2\x1f\xe8\xfa\xda\xe4Q\xba\xae\x9bL\xda\xf2\xe5\xcb\xd7\xad[\x87Wf)\xc2tZ:\xe4m\x16\x13\x13#/\xd0\xe0 \xff\xa3\xfbVU\xa9\x16\x06.\x9dz\xf6m&amp;\x19\x9c\xab\x01\x01\xf7\xdd\xff\xe4\x96m\xc9\xaa\xaaT\xa9R5%%\xc5f\xb3\xe1\xd8;\xaf&amp;G\xfe\xa4\xa6\xa6\xb6j\xd5J\x08\xa1\xeb\xfa\xf0\'\xfe\xb2h\xe9L\xc3\x9e\xa9\x96\xfbl\xaf; \x84\xe0\x84pB[\xb6\xeb\x9f\x9av\x86\x10\xd2\xb8q\xe3\xfd\xfb\xf7k\x9a\x86Wf\xa9\xc0\x1a@)\x90\x0b\xd8n\xda\xb4i\xdd\xbau\x9a\xa62\xc6\xdezu\\\xb5\xba\xf7\n\x87\xd3+\xa2?\x00P\x01\x00b\xe6\xfb\xcf\x9bM\x1a\x00\xb9t\xe9\xd2\xec\xd9\xb3\xdd;\x81 /%\xdb\x7f\xe4\xda\xe3\x9c\xf3\xb00\xeb{\xd3&amp;\xf1\xa2\x02\xea%\xfd\xa8\x84\x10`L\x0b\xf0\xfb\xe4\x83)B\x08E\xa1\xc7\x8e\x1d\xfb\xe6\x9bo\xf0\xca,-X\x03(\x05\xf2Z\xec\xd9\xb3\xe7\xa6M\x9b\x08!\xe1\x8d\xea\xa4$\xaf\xa4\x9c\x13\xf0\xe0F\xd6\xeb0\xc3PlUF\x0c\x9d\xb8\xf8\xab\x1f\x14E\t\t\t9|\xf8p\xd5\xaaU\xe1F[\x11 \xcf\'k\xa5G\x8e\x1ci\xdb\xb6-c\x86a\xb0\xa9/\x8dy\xe3\xdd\x17\x0c{\x86W\x14\xff\xdd\x18\xe7J`\xe0\x03\x0f\x0c\xdb\xb4e\x0f\xa5\xa4q\xe3\xf0\xe4\xe4d\x8b\xc5\x02xe\xde5\xac\x01\xdc-\xb9\xdc\xe6\x9e={6m\xda\xa4\xaa\xaa\x10\xe2\x95\xe7F\xaa\x01\x01\xc2`\xdeum\x12\xaa\x08W\xd1\xcb\x93GZ,&amp;BHff\xe6\x92%K\x08!\xd8\xde\xea\xa5d\xb9d\xfe\xfc\xf9N\xa7S\x08\xa8V\xd56\xfe\xe9!\xa2(\xcf\xfb\x86Q\n\x00B\xdex1\x96RJ\xa9r\xec\xd8\xb1\xf5\xeb\xd7\x13B\xb0\x12p\xf70\x01\x94\x02BH\\\\\x1c\x000\xc6\x1a\xd4\xbfg\xd0\x13\x7f\x11\xf9y\xd4SG\xfe\xfc\x11J\t/(l\xd2\xb6e\xffG\x1e0\x0c\x83\x10\xb2p\xe1B\xb9qXE\x9f\x1a\xbamB\x08UU\xf3\xf3\xf3\xbf\xfe\xfak\x99\xc5\x87\r\xfeK\xd8\xbd\xf72\x87\xcb\xebJ\xcd\x8aBy~^\xf7\x07\xbb\xb6k\xd3T^\x99s\xe7\xce\x05,\xfe\x97\x06L\x00wE\xee\xf4r\xe5\xca\x95\x95+WRJ\x84\x10\xc3\x87&lt;l\x0e\xb6r\xdd\xcb\x8a\xffW\x11"\xb81fx\x7fJ\t!\xe4\xd0\xa1C\xbf\xfe\xfa+V\x02\xbc\x91\xfc\x93\xad^\xbd\xfa\xe2\xc5\x8b\x84\x10??\xf3S\x7f\x7fL\xe8E^:\x82^0\x01\x9a6&gt;\xf6q\x00 \x84\xac_\xbf\xfe\xf8\xf1\xe3\xd8\x13p\xf7\xbc\xf2j\xf0\x1c\xf26\xfb\xe9\xa7\x9f222\x00HP\x90\xff\xd8\xa7\xfe&amp;\x1c\x85T\xf1\xca/VQ\xa8\xc8\xcf\xef\xfe`\x97\xc8v-8\x17\x00\xb0x\xf1\xe2\x8a&gt;)t\'d\xa0_\xbat)\x00p\xce{\xdc\x17\xd9\xacCKQP\xe8-\xa3\x12\xaeA\x15*\n\x0b\x06\x0c\x88\xa9Q=L\x08QTT\xb4j\xd5*(n\xe6Bw\xcc+\xe3\x94\xe7\xa0\x94\n!\x96/_.[$\xef\xeb\xdc\xaez\xbd\xda\xc2\x0bk\xd9n\x9c\t\xd0\xcc\x03\x1e\xeb\t \x08!\t\t\t999\x8a\xa2\xe0`\x01/"\xe7\xca^\xb8pa\xeb\xd6\xad2\xe2?\xde\xaf\x97\x00\xc2\xbd\xf6oH\x08\xe1N=\xa0JXL\xafN\xf2R\xfc\xef\x7f\xff+G\xdfU\xf4\xa9y7\xfc\xfa\xee\x9c\xbc\xcd\xecv\xfb\xf6\xed\xdb\x01\x04\x00&lt;\xde\xbf\x17P\x85{s\xac\xa4\x94\x82\xee|\xf4\xa1\xfb\xccf\x8d\x10r\xf1\xe2\xc5={\xf6\x00\x16\xb5\xbc\x8a\xfcc\xed\xdc\xb9377\x17\x00\xac\xc1\x811\xbd;\x11g\x91\xe2\x9d\x15\xd3\xab\x08\x01!\x06\xf6\xebM\x08\x10B\x0e\x1e&lt;x\xe9\xd2%Y\x02\xab\xe83\xf3b\xde|AT4y\x9b\xed\xdf\xbf?;;\x1b\x80\x04\xf8[z?\x10\rN\x87W\xdff\x94\x12Q\xe4h\x14\xd1\xa8e\xf3F\xf2\x03n\xd9\xb2\x05\x00\xf06\xf3"\xf2\x8f\xf5\xeb\xaf\xbf\x02\x00\xe7\xa2}\xdbf5\xea\xd7\xe6\xde\\1\x05\x00J\t8\x8a:ulm\x0b\t\x06\x80\xc2\xc2\xc2\xa4\xa4$\xc0\xa2\xc9\xdd\xf1\xe2PU\xe1\xe4m\xb6y\xf3f\xb9\xd6n\xb3&amp;\xf5\xab\xd7\xa9)\x9c\xde}\x9b\x01\x00c\x9c\x9a\xfc\xbavj#\x0f7o\xde\x8c\x0b\xc3y\x17\xb9\x95\xae\xcc\xdc\x00p\x7f\x97v@5\xee\xbd\r@\x00 [\x81\\zH\x8d*m[7\x91\xb7\xde\xc6\x8d\x1b\x01\x8b&amp;w\x07\xef\xea;\'c\xe2\xf6\xed\xdb\xe5a\xe7\xe8\xd6\x8a\xc5\x9f1\xaf/\x8f\x10B\x00D\xb7\xce\xed\xe4\xe1\xc1\x83\x07\xf3\xf3\xf3\xb1\xae\xed-\xe4\xec\xdf\xac\xac\xac\xe3\xc7\x8f\xcb\xa2H\xc7\xc8\x96\x00\xdc\xdb\xcb%\x00\xc0\xb9 \xaa9\xbaCKy\xb8g\xcf\x1e\x0f,\x9a\xc8\xe2 \xbb\x11\xb9\xc6\xa2G\xddG\x9e\xf5\xddy\x11\xd9\x01PXXx\xe4\xc8\x11\xf9L\xfb6\xcddO\x80\xb7#\x84\x80\xe1j\xd1\xac\x81\xc5l"\x84dgg\xa7\xa5\xa5\x01\x16\xb5\xbc\x84l\x129q\xe2D~~&gt;\x00\xf1\xf7\xb34\x0b\xaf\x07.g%H\x00\x84\x10\x00\xd6\xaeuSyx\xfc\xf8\xf1\xc2\xc2\xc2\x8a-\x9a\xc8Xo\x18\x86a\x18\x8c1\x99}\t!\xca\x8dP9\xbc\x9a\x10\xce\xb9\xfc-wV\xa8\xa8\xf3\xf7\xa6\x19\xe1\x1eE\xfe\xa5322233\xe5\xad\xd5\xa8\xe1\xbd X\xa5\xb8\xcd\x00\\z\xadZ\xd5\x82\x82\x02\x1c\x19v\xc30N\x9e&lt;\xd9\xae];L\x00^A\xfe\x99\x8e\x1c9"3A\x95*!a\xd5\xc2\x84nx\xff\x85\t\x84\x00pV\xbf\xde=\x9a\xaa\x1a\x8c\xe5\xe6\xe6\x9e9s\xa6y\xf3\xe6\xf2f,\xb7\xd3p\xefOI\xe5\xd4\xe4\xdf\xcf\x94\xb4\xdb\xed\x84\x90\xe3\xc7\x8f\xe7\xe7\xe7_\xf3\x8b5j\xd4\xa8Q\xa3\x06\xa5\xd4j\xb5^\xf3_2y\xc8\x17,\xdb\xb3\xff=L\x00wH\xdefiii\x85\x85\x85\x84\x8058\xa8q\xc3:\xe0ty\xe98\xeb\x92\x08!\xdc0\x02\xc2B\x9a5\xa9\x7f%\xc3\x0e\x00)))\x03\x06\x0c\xc0\x04\xe0E\xce\x9c9#\x1f4jp\xaf\x7fX0\xcf-\xf0\xb4\xa6\x92;@\x08\x01\xa7\xabA\xbd{\x02\x03\xfd\xec\xd9y\x0e\x87#==]&amp;\x80rxww\xdcWU\xd5\x1d\xf4\xb3\xb3\xb3\x8f\x1f?~\xe8\xd0\xa1\xb4\xb4\xb4\xa4\xa4$\xbb\xdd.\xab\xcbv\xbb\xfd\xfaWP\x14%88XQ\x94\xe6\xcd\x9bW\xa9R\xa5U\xabV\xadZ\xb5j\xda\xb4i\xdd\xbau\xfd\xfd\xfd\xdd\xef"\x87\xb7\x96\xcf\xdf\x0b\x13\xc0]\x91\x13\xc1\x84\x00!\xb8\xaa*PiB\xa4\x00\xaaPw\xa1\n\x07Zx\x11Y\x16\x96\x03@\x01@\xa1\xb4R4L\xfe\x8e{\xa0]NNN9\xbc\x9d\x0c\xca\xee\xb8\xcf\x18\xdb\xb</t>
        </is>
      </c>
    </row>
    <row r="434">
      <c r="A434" s="1" t="n">
        <v>432</v>
      </c>
      <c r="B434" t="inlineStr">
        <is>
          <t>size_cycle</t>
        </is>
      </c>
      <c r="C434" t="inlineStr">
        <is>
          <t>What is the size of the missing circle denoted with a question mark?</t>
        </is>
      </c>
      <c r="D434" t="inlineStr">
        <is>
          <t>['large', 'medium', 'small']</t>
        </is>
      </c>
      <c r="E434" t="inlineStr">
        <is>
          <t>small</t>
        </is>
      </c>
      <c r="F434" t="inlineStr">
        <is>
          <t>There are circles arranged in a spiral with three arms. The first arm has circles of sizes ['small', 'medium', 'large'], the second arm has circles of sizes ['small', 'medium', 'large'], and the third arm has circles of sizes ['?', 'medium', 'large'].</t>
        </is>
      </c>
      <c r="G434" t="inlineStr">
        <is>
          <t>We observe that the circles in each arm progress in size from small to medium to large. Thus, the pattern is that the circles in each arm get bigger as they progress away from the center of the spiral.</t>
        </is>
      </c>
      <c r="H434" t="inlineStr">
        <is>
          <t>Based on the pattern that the circles in each arm get bigger as they progress away from the center of the spiral, the size of the missing part that is closest to center should be small.</t>
        </is>
      </c>
      <c r="I434" t="inlineStr">
        <is>
          <t>b'\x89PNG\r\n\x1a\n\x00\x00\x00\rIHDR\x00\x00\x02\x00\x00\x00\x02\x00\x08\x02\x00\x00\x00{\x1aC\xad\x00\x00\x9e\x8eIDATx\x9c\xec\x9dwxTE\xf7\xc7\xcf\xcc\xdc\xbb\xbb\xe9\xd9\x84.MJ\xe8%@\x12\xaa\x80\x10\x03V\xb0P\x04T\x90\x04\x14\xf0\x05\xc5\x82\x8a\x04\xc5\xc2+\n\n*\x12\x8a\x08*\x02\nX\t\xa1\x8a\x94$@\xa8\x01B\xe85@\xb2I6\xc9\x96{g\xe6\xf7\xc7\x90\xfd\xe5\x05\x85\x00)\x9b\xec|\x1e\x1e\x9e\xbd\x9b\xbb\xbbw\xef\xde{\xbeg\xce9s\x06q\xceA"\x91\x94\x0e\xffx\x7f!\x84\xca\xfeH$\x92\x1bQ\xca\xfb\x00$\x92J\x02\xe7\x9c1&amp;\x1e \x84\x84\x95\xc7\x18\xff\xe3\x9e.\x00\x00!\x841\x96\xaa ){\x90\x1c\x01H$w\x8c0\xfa\x9cs\x8c\xf1?\xda\xfa\x9c\x9c\x1c\xc6\x18B\xc8e\xeb9\xe7f\xb3\xf9\x0e\xdeJ")q\xa4\x00H$\xb7\rc\x8c1v\x9d\xa5\xce\xc9\xc9IKK;{\xf6\xec\x81\x03\x07N\x9f&gt;}\xea\xd4)\xc6\xd8\xa1C\x87(\xa5\xd7\xbd\xbcq\xe3\xc6&gt;&gt;&gt;f\xb3\xb9u\xeb\xd6u\xeb\xd6m\xd8\xb0a\xb3f\xcd\xaaV\xad\xea\xda\x81sN)\x95J )m\xa4\x00H$\xc5E8\xe9"b#\x9e\xc9\xcc\xcc\xdc\xb6m\xdb\xa6M\x9bRRR\x0e\x1d:t\xf5\xea\xd5;{\xe7\xc0\xc0\xc0\x90\x90\x90\x16-Zt\xeb\xd6\xadW\xaf^u\xeb\xd6-\xfa\x892@$)%\xa4\x00H$\xb7F\xb8\xe4\x8ar-gv\xee\xdc\xb9\xf5\xeb\xd7\xafZ\xb5j\xdb\xb6m\x99\x99\x99%\xfbY\xde\xde\xdem\xdb\xb6\xed\xdf\xbf\xff\x83\x0f&gt;\xd8\xbcys\xf1\xa4\xae\xebr@ )q\xa4\x00H$7\xa3\xa8\xe9w:\x9dk\xd7\xae]\xb0`\xc1\xa6M\x9b\xacV\xeb\x8d;\x13B\x82\x82\x02\x9a\x85\xd4kxo\x9dz\xf5ks]k\xd3*$0(\x80\xeb\x14!\xc4\x81#\x844\x8d&amp;\xed:H\x01\xb2\xb3\xb2\xf7\xa5\x1eO?~6\xf3\xaa\xa5\xc0f\xbf\xf1\xdd\x14E\t\x0f\x0f\x7f\xee\xb9\xe7\x1e}\xf4\xd1\xea\xd5\xab\x03\x00\xa5\xb4\xe8\xf8C"\xb9K\xa4\x00H$\xff\x8c\x08\xbf\x10B\x00 ##c\xc9\x92%\x8b\x17/&gt;x\xf0`\xe1\xdf\x11\x00\x07\x00oo\xaf\x16\xcd\x1bv\xe9\xd4\xb6[\x97\xd0\xa6!\xf5\xef\xa9Q-\xa0J \xa8\x06\x00\x02\xc0\x01\xa8\xd8\xed\x7fQ\x00\x10\x00\x03\xae\x17dfg^\xb5\x1cI;\xb5=q\xff_\xdb\xf6\xec=\x90\x96\x95\x95s\xed\x03\nS\xc7\xd5\xabW\x1f6l\xd8\xb3\xcf&gt;\xdb\xb2eK\x00\x10\xe9\x01\x19\x14\x92\xdc=R\x00$\x92\x7f\x80R\xea2\xfd_}\xf5\xd5\xdc\xb9s322\x00\x80\x10"\x92\xba\xfe~&gt;=\xba\x87\xf5\x7f\xf4\xfe\xfb\xbb\x87\xd7\xadW\x13\x8c^\x00\x0c4\r4\x9di:\xe7\x8cs^X\xf1\x7f\x9d\xa5\x16\xf7\x1c\x07@\x18#\xac(\xa0\x100\x1a\x00\x14\xa0\x8e\xcc\x8bW\xb7\xed\xdc\xb7\xfa\xd7\x8d\t\x1bv\x9e;\x9f\x01\x00\x18cQ]j0\x18\x86\x0e\x1d:a\xc2\x04!\x03\xba\xae\xbbBR\x12\xc9\x9d!\x05@"\xf9\x1f\\\x8e\xbf\xae\xeb_}\xf5\xd5\xfb\xef\xbf\x7f\x9d\xe9\xef\xdc\xb1\xcds\xc3\x1e\xeb\x1b\xd5\xb5v\x83\xda\x80\x088\xec\xdc\xe1\xa4\x94!\x04\xa8\x90\xdb\xfa8\xce\xaf\xcd\x0c\xc0\x18a\x83\n^^\x00\xc8\x9aqe\xd3\xd6]\x0b\x16\xaf\x8e_\xb7\xcd\xe1\xd4\x00\x80\x10L)3\x18\x0c\xa3F\x8dz\xfb\xed\xb7\xabU\xabV\xf8*\x19\x11\x92\xdc!R\x00$\x92\xffG\x94\xdc\x00\xc0\x86\r\x1b\xdez\xeb\xad\xc4\xc4D(4\xfd\x06U\x19:\xf8\xe1\xe7\x87?\xde\xb9S\x1b0\x9a\xc0ag6\x07\xe3\x1c\x13\x8cK.\x1asm6\x19\x07bT\xc1\xdb\x1b8?r0\xed\xc7\x15k\xbf\xfa\xfa\xc7\x8c\xcbYP(\x03\xb5j\xd5\x9a6m\xda\xf0\xe1\xc3\xa1\xc8`E"\xb9]\xa4\x00H$\xd7\x10A\x95\x9c\x9c\x9c\xc9\x93\'\xcf\x9e=\x1b\x00TU\xd54M\x98\xfe\t/\rk\xd9\xbe%0\x9d\xe7\x150\xca0)\xdd(\xfc\xb5\x92S\x00\xec\xe3\x05\xaaW\xc6\xd9ss\xe3\x96\x7f5\xf7\xc7\x8c+Y\xae\xb1HTT\xd4\xe7\x9f\x7f\x1e\x12\x12"\xb3\x02\x92;C\n\x80D\xf2\xffa\x9fm\xdb\xb6\x8d\x181"--M\x98~\x00\xe8\x1b\xd5\xf5\xbf\x1fNh\x19\xda\x124\'\xcd/@\x800)\xd3\x90\x0bc\x8c1\xae\x98\x8c\xe0\xe5\x9dq\xee\xc2\xfb\x1f\xce\x9b\xfb\xf5\x8f\x1a\xa5F\xa3\xd1\xe1p\x04\x04\x04\xcc\x981c\xe4\xc8\x91 \x87\x02\x92\xdbG\n\x80\xc4\xd3q\x85}f\xcd\x9a\xf5\xea\xab\xaf\xea\xban0\x18\x9cNgH\xa3\xbaS\xdf\x19;h\xc8\xc3\xc0(\xb5\x16 \\\x9e\xf5\x97\xd7\xaaQM&amp;\xf0\xf2N\xfc;\xe9\xad\xc9\x9fo\xd8\x9c\x840\x16\xd9\x83\x91#G~\xfa\xe9\xa7~~~R\x03$\xb7\x85\x14\x00\x89G#,\xa6\xc5b\x19=z\xf4\xf2\xe5\xcb\t!\x941\xe0|\xdc\x0b\x83\xdf\x9b:.\xa0j0\xcb\xce\x01\xf4\xcf=\xdd\xca\x1e\xce9\xa3\x8c\xf8\xfb\x02\xe3\xb3\xe7,}\xeb\x9d\xcf\xady\x05F\xa3\xc1\xe1p\xb6k\xd7n\xfe\xfc\xf9\xa1\xa1\xa1\xb2:HR|\xa4\x00H&lt;\x17a\xfd\xb3\xb2\xb2\xfa\xf4\xe9\x93\x9c\x9cl2\x19\xedvG\xb0\xd9\xff\xcb\xd9\x93\x07\x0c\xe9\x07\xf9V\xea\xd4\x88\xe2v\x0e5\xa3\x0c\x10\xe0\x80\xa0\x94\xe4\x94\x91\xd1o\xef\xd9wT\x84\x83\xccfs|||XX\x98\xd4\x00I1q\x0b\xbfF"){t]\'\x84$\'\'w\xec\xd8199\xd9\xcb\xcbd\xb7;\xbaD\xb4\xde\xb1\xf5\xfb\x01C\x1e\xd3-\x99\x9cR7\xb4\xfe\x00\x80\t\xc6\x18\xebYWC\xdb5\xdf\xbc\xe9\xdb\x91\xcf\xf5w8\x1c\x06\x83\xc1b\xb1\xf4\xea\xd5k\xe1\xc2\x85\x8a\xa2\xe8\xba^\xde\x87)\xa9\x00\xc8\x11\x80\xc4\x13\x11&gt;rrrrTT\x94\xc5b\x11A\xff\xe8\xe7\xfa\x7f\xf9U\xacB\xb0\x9e\x97_!&lt;hJ)QU\xf0\xf1\xfdz\xf6\xe2\xd1/\xbd/\xa6\x9dq\xce\xe7\xcd\x9b\x17\x1d\x1d-\xc7\x01\x92["G\x00\x12\x8fC\xf4\xf6qY\x7fUU\x9dN\xe7\x947G\xcd\x8b{O\xa1\x94\xe6\x17T\x14\xbbI\x08\xe1\x94\xd2\xec\xecQ\xe3\x9e\xfdq\xe9\xc7f\x7f_\xceAU\xd5\x98\x98\x98\xb8\xb889\x0e\x90\xdc\x129\x02\x90x\x16"\xee\x7f\xe0\xc0\x81\xee\xdd\xbb\x0b\xeb\xafi\xda\xbc\xd9oG\x8f}\x9e\xe6\\\xc1\xb79\x8f\xd7M\xd05]\t\xaa\x9a\xbcmg\xd4C\xa3-9V\x83Au:\xb5o\xbe\xf9\xe6\xd9g\x9f\x95\xe3\x00\xc9M\x90\x02 \xf1 D\xc5\xa7\xc5b\xe9\xde\xbd\xfb\x81\x03\x07D\xe4g\xde\xec\xb7\xa3\xc7&gt;\xa7e]U\x15\xe5\xfa\xb6=\x15\x07\xcd\xa9\xa9\xc1A\xc9\xdbvE=4\xda\x92\x93\xa7(\xc4`0l\xde\xbc9,,L\xd6\x86J\xfe\r)\x00\x12OA\xcc\xf6\xb2\xdb\xed={\xf6LNN6\x19\x8dv\x87CX\x7f\xddr\xb5\x12\xb8\xc9\xba\xa6+A\xe6\xe4\xbfwE=2\xda\x9agc\x8c\x05\x04\x04l\xd9\xb2\xa5U\xabV\xae\xb9\x0e\x12IQ\xe45!\xf1\x14\x84#&lt;n\xdc\xb8k5?\x0e\xc7\xf8\x17\x07G\x8f\x1d\xa1U\n\xeb\x0f\x00\x8a\xaah\x99Ya];\xc6\xcd\x99\xac\xeb\xbaAU-\x16\xcb\xd0\xa1C\xf3\xf3\xf3]\x0b\xd0K$E\x91\x02 \xf1\x08D\xe2w\xd1\xa2E\x8b\x16-2\x99\x8c6\x9b\xfd\xb9\xc1\x0f\xcd\x9c=Y\xcb\xbe\xaa\x90\xca`\xfd\x05\xaaA\xd5\xb3\xae&lt;1\xa4\xdf\xdc\x99\x93\xec\x0e\x87\xc9h\xdc\xbf\x7f\xff\xb8q\xe3\\\xed\x83$\x92\xa2\xc8\x10\x90\xa4\xf2#\x02 \xfb\xf7\xef\xef\xdc\xb9\xb3\xe6t:5\xadU\xf3\x86;\xb7-3\x19\x14\xa4\xe9\x08W\xd8\xc0\xff\xbf\xa0S\xaa\x04\x06\x8d\x18\xfa\xf2\xa2\xef~\x15\x91\xae\x85\x0b\x17\x0e\x1f&gt;\\&amp;\x03$\xd7!\x05@R\xc9\x11\xa1\x7f\xc6XDDDJJ\x8a\xaa\xaa\x06\x95\xec\xd8\xbc\xa4Uhsj\xcds\xcf\xa9^w\tg\x9c)\xc4\xae\xd1\xce]\x06\xefOMWU\xd5`0\xec\xdb\xb7\xafa\xc3\x862\x19 )\x8a\xbc\x14$\x95\x1c\xd1\xe6\xf3\x83\x0f&gt;HII1\x1a\x0c\x9a\xa6\xcd\xfe\xf8\xd5Vam\xf5\\k\xa5\xb4\xfe\x00\x800B\x9a\xe6\xe3\xeb\xbd\xf4\x9b\x0f|}\xbd\x01 ??\x7f\xd4\xa8Q\x8c1\xe9\xf0I\x8a"G\x00\x92\xca\x0cc\x0c!\x94\x96\x96\xd6\xaaU+\x00\xd04m@\xff\xde?\xfe\xfc\xa5n\xb1(\x95\xd4\xfa\xbb\x10\x93\x03\xbe\xfc\xe4\xeb1\x13\xff+\x1a\xc6\x89\x99\x012\x10$q!\x05@R\x99\x11\xc6.**j\xdd\xbau\x8aB\xfc|\xbd\x8f\xec]]\xa5Z085\\\xe9B\xff7\xa23\xa6\xf8\xf8\xdc\xd7}\xe8\xd6\xed)\x8aB\xaaT\xa9\x9a\x9a\x9a\x1a\x10\x10p\xbb\xebVJ*+2\x04$\xa9\xb4\x08\xeb\xbfb\xc5\x8au\xeb\xd6\x19TU\xd7\xe9{o\x8d\xaeV\xaf\x0e\xb7;&lt;\xc1\xfa\x03\x00\xe6\x00\xc0gM\x7fEQ\x08B\xe8\xd2\xa5K\x93\'Ov\xad2/\x91\xc8\x11\x80\xa4r"*\xdf5Mk\xd5\xaaUzz:\x00\xb4k\xd3d\xe7\xdf\xcb\x10\xd31T\xdc\t\xbf\xb7\r\xd5)1\x07\x8d\x8bysN\xdc\n1\xdd\xe1\xe0\xc1\x83!!!r5y\t\xc8\x11\x80\xa4\xb2"\xca]~\xfc\xf1\xc7c\xc7\x8e)\n\xe1\x9c\x7f\xf2\xc1\x04\xc5\xdb\x08:\xf5\x1c\xeb\x0f\x00\x98`f\xcb{w\xca\xd8*\xc1\x01\x9cs]\xd7?\xfc\xf0C\x84\xa4\xe7\'\x01\x90\x02 \xa9\x94\x08\xf7\xd6f\xb3}\xf0\xc1\x07\x18#M\xd3{tk\xdf=\xb2+\xad\xbc\x95?\xff\x06B\x88\xd9\x9d\xe6{j\x8d\x8d\x1eH)U\x14\xb2l\xd9\xb2\xc3\x87\x0f\xcb@\x90\x04\xa4\x00H*%\xa2\xf8g\xd3\xa6MG\x8f\x1e\xc5\x98\x00\xc0\x94\xd7\xa3\x01c\xf0H\xaf\x97\x10\xccmyc_\x1c\\%8\x90sp8\x1c\x0b\x16,@\x08I\x01\x90H\x01\x90TBD\x89\xcb\xa7\x9f~\x8a\x10\xd2u\xbdG\xb7\xf6=\xa2\xba1\xab\x95\x10O\xbc\xe0\xc5  \xb8N\xed1\xd1OQJ1\xc6K\x96,\xb9z\xf5*!D\x06\x82&lt;\x1cO\xbc\x1f$\x95\x1b\x11\xfd?t\xe8\xd0\x96-[\x84\x12\xc4&lt;\xf78(\nc\x9ek\xec\x10\xc6\\\xb3=\xf3\xf4\xc3^^F\x84\xd0\xe5\xcb\x97W\xadZ\x85\x10\x92\r\x82&lt;\x1c)\x00\x92\xca\x86\x88l|\xf3\xcd7\xba\xaes\xcek\xd6\xa8\xf2\xc8\xc3=xA\xbeg\xba\xff\x02\x8c\x11\xcf\xb75h\x19\xd2\xab{8\xa5\x14\x00\xcd\x9f?_\xb6\x85\x90\xc8\x9f_R\xd9 \x848\x9d\xce_\x7f\xfd\x15\x008\xe7C\x06\xf4\xf5\xadV\x95:4\x0f\x9f\xfa\xc4\x01\x01\xa0\xd1#\x1e\x07\x00\x8c\xd1\xde\xbd{\xd3\xd3\xd3e*\xd8\xc3\x91\x02 \xa9TPJ\x11B)))\xc7\x8e\x1d\xc3\x18c\x84\x9e|\xec~`\xba\x87[\x7f\x00\xc0\x18\x81\xad\xe0\xbe\xfb\xc2jT\x0f\xe6\x9c;\x9d\xce_~\xf9\x05\n\x07L\x12\xcfD\n\x80\xa4R!\xb2\x9a+W\xaed\x8c1\xc6\x1b5\xac\x13\x1a\xd6\x8a\x17\x14xr\xfcG\x80\x10\xa2N\xcd\xafz\xd5\xa8\xde\x9d\\gI\xe4\x84\xcb\xfb\xd0$\xe5\x86\xfc\xed%\x95\nB\x08cl\xd3\xa6M\x00\x00\xc0\xfb?\xdc\xd3\xe0\xe7O5\x99\xea\x14 \xe0|@\xbfH\x84\x00!t\xe0\xc0\x81\x8c\x8c\x0c\x8c\xb1\xac\x05\xf2X\xa4\x00H*\x0f\xa2\xfc?==\xfd\xe0\xc1\x83\x18c\x84\xa0Odg\xe0T\xc6\x7f\x04\x18#\xb0\xdb:ulc\x0e\xf4\x07\x80\x82\x82\x82\xf5\xeb\xd7\x03\x80\xac\x05\xf2X\xa4\x00H*\x0f"\x9c\xbd}\xfbv\x87\xc3\xc197\x07\xfa\xb7j\xd9\x18\xecv\x0fi\xfdvK\x10B\xcc\xa9\x05\xd6\xa8\xd2\xa6U\x88\xf0\xfa7n\xdc\x08\x85\xd3&amp;$\x1e\x88\x14\x00Iec\xcf\x9e=\x00\xc09\x0fm\xd3$\xe8\x9ej\xcc\xe9\xe9\xf5?Ea\x8c#\xc5\xd0\xa3k{\xb1\xb9\x7f\xff~]\xd7e\x1a\xc0c\x91?\xbc\xa4\xf2 \x8a\x1aSRR\xc4fD\x87V\x88\x18=y\xfe\xd7\x8d \x84\x00X\xc7\xb0V\x00\x80\x10\x9c8q"++K\xf6\x86\xf3X\xa4\x00H*\t\xa2\x01\\AAAZZ\x9ax\xa6]\x9b\xa6\x002\x01\xf0? \x84\xc0\xe9h\x16R\xdf\xdb\xcb\x04\x80\xacV\xeb\xf1\xe3\xc7A\x16\x83z*R\x00$\x95\x04\xe1\xc3\x9e9s&amp;77\x17!\xa4\xaaJ\x83\xfa\xf7\x00\xa3\xd2\xfe\x17\x05!\xe0\x9a\x1e\\-\xb8j\x95@\xce9c\xec\xc8\x91#Px\xf6$\x9e\x86\x14\x00I%A\x98\xb0K\x97.\xd9\xedv\xce\xb9\x8f\xb7\xe9\xdez\xb5\xc0\xe1\x94#\x80\xa2 \x84\xb8N\xbd\x83\xfd\xef\xad\x7f\x8fx\xe6\xd4\xa9S\xe5zD\x92\xf2D\n\x80\xa4\x92 \x04\xe0\xc0\x81\x03b\xb3q\xc3\xba&gt;U\x02\xb9.\xe7\x00_\x0f\xe7\x1c@i\xdb*Dl\x1e&lt;x\x10\x00d\x1e\xd83\x91\xbf\xba\xa4R\x91\x9d\x9d-\x1e\xf8\xfb\xf9\xa8&amp;#\x97\x19\xe0\x1b\xe0\x1c\x00\xe1 s\x80\xd8\xcc\xca\xca*\xdf\xe3\x91\x94#R\x00$\x95\x04\xe1\xe9\xe7\xe4\xe4\x88M\x8c1\xc8\xb8\xf6\xbf\xe3\x1a\x18\xe5\xe7\xe7\xeb\xba^\xbe\x07#)/\xa4\x00H*\t\xc2\xa2\xed\xde\xbd[lFth\t\xd8 k@o\x04!\x04\xa0Gth)6\xd3\xd2\xd2rsseC\x08\xcfD\n\x80\xa4R\xa1(\x8ax\xa0\xaaJ\xf9\x1e\x89\x9b\xe3:?\x18c\x99&amp;\xf1X\xa4\x00H*\x15.7V\xfa\xb37G\x9e\x1f\tH\x01\x90H$\x12\x8fE\n\x80\xa4r"=\xdc\x9b#\xcf\x8f\x04\xa4\x00H*\x19.\xbb\xe6J\x06H\xfe\x11\xd7\xf9\x91J\xe0\xc9H\x01\x90T*TU\x15\x0f2\xb3\xb2\x813\x99\xdd\xfc\x17PfV\xb6x\xa4(\x8aL\x02{,R\x00$\x95\x04\xd1\xce\xacc\xc7\x8ebs\xf7\xbe#\xc0d#\xe8\x7f\x80s\x0e@\xf6\xec="6[\xb4h\x11\x10\x10 \xd6\xd2)\xdf\x03\x93\x94=R\x00$\x95\nW@\xc3d4\x00!\xe5{0\xee\x8c\x97\x97Q&lt;\x90\xa6\xdf\x93\x91\x02 \xa9$\x08+\xd6\xb0aC\xb1y\xee\xfce{N\x1e\xf2\xf8\xb5\xe0o\x04!\x00N\xd3O\x9c\x13\x9b\x8d\x1a5\x02\x99\t\xf0T\xe4\xed!\xa9T4h\xd0\x00\x00\x10\x82\xb3\xe7/\xe5^\xb5 E\x91\xa6\xed:\x10\xc6Lw\x1eI;)6\xc5\x19\x93g\xc93\x91\x02 \xa9$\x88\x11@\xbdz\xf5\xbc\xbd\xbd\x01PA\x81#\xfd\xe490\xcan\x10\xff\x03\xe7\x1c+$?3\xe7\xf8\xc9k#\x80\xa6M\x9b\x82\\\x16\xd8S\x91\x02 \xa9$\x08\x13V\xb5j\xd5\xe0\xe0`\xb1\xd4I\xfa\xf1\xb3\x80\x88\xf4m\x8b\xc29\x80A\xbdp\xe1rnn&gt;BHQ\x94\xc21\x93\x14\x00OD\n\x80\xa4\x92\x80\x10b\x8cy{{\xb7h\xd1B&lt;\xb3{\xefa\x00i\xd7\xfe\x07\xce9(\x86C\x87O\xd8\x1dN\xce\xb9\xd9l\x169\x00)\x00\x9e\x89\x14\x00I\xe5AT\x82\x86\x86\x86\x8a\xcd\xed\x89\xfb\xa8\xc3Fd\x1e\xb8\x08\x9cs\x00\xb4u{\x8a\xd8l\xd2\xa4\x89\xaf\xaf\xaf,\x04\xf2X\xe4\xbd!\xa9&lt;\x08+\xd6\xa1C\x07\x00\xc0\x18\x1f&gt;z\xf2\xe2\xc9\xf3\xc8d\x90Q \x17\x84`j/\xd8\xba\xe3\x9a\x00\x84\x86\x86b\x8c\xe5\x8a\xf0\x1e\x8b\x14\x00I\xe5A\xack\xd8\xa9S\xa7\x80\x80\x00\x00\x9e_`\xdf\xbd\xf70\x18\x8c2\x0f,\xe0\x9c#\xa3!\xe3\xcc\xc5#GO"\x84\x10BQQQ \xe3?\x1e\x8c\x14\x00I\xe5A\xa4\x01j\xd6\xac\x19\x1a\x1a*\x8c\xfe\x9a\xdf7\x03 \x00)\x00\x00\x00\x9420\x9a\x126%\xe6\x17\xd8\x01x```\x97.]@.\x08\xec\xc1\xc8\x1f^R\xa9\x10\xd1\x8c\xbe}\xfb\x02\x00B\xe8\xcf\x84\xed\xb9\x19\x97\x89A\x95Q \x00\xc0\x08\x01\xa3+V\xad\x07\x00\xce\xaf\r\x95d\x02\xc0\x93\x91\x02 \xa9T\x08g\xb6_\xbf~\x06\x83\x01!t)#s\xdb\xd6=\xe0\xed-\xa3@\x9cs\xece\xc88u\xee\xaf\xed{\xc4Y\x1a0`\x80\x183\x95\xf7\xa1I\xca\r)\x00\x92J\x85Hi6j\xd4(44T\x98\xb6\xefV\xac\x05\x0e2\nD)\x03\xa3\xf7\xaf\x7f\xfce\xb5\x16\x00p???\x91\x00 \xb2c\x92\x07#\x05@R\xd9`\x8ca\x8c\x9fz\xea)\x00\xc0\x18\xaf\xf9}\xf3\xc5\xe3\xa7\x88\xc9\xe8\xe1Q L0s\xd8\xe7}\xb3\n\x00\x18\x83\xee\xdd\xbb\xd7\xa8QC\xc6\x7f&lt;\x1c)\x00\x92\xca\x86pi\x9f~\xfai\x1f\x1f\x1f\x00\x9e\x97o\xfbaE&lt;\x98|(\xf5\xdcX\x07\xa5\x0c\xf9z\xef\xd9\xb9ww\xcaaB\x08\x00\x1f5j\x14\xc8\x16@\x1e\x8f\x14\x00Ie\x03!D)\xadY\xb3\xe6SO=\xc5\x18G\x08\xcd_\xbc\xda\x91\x9b\x83U\xe2\xc1\xd6\x8e#\xac|\x11\xb7\x821\xc6\x18k\xd6\xacY\xaf^\xbd8\xe7\xb2\xfe\xc7\xc3\x91?\xbf\xa4\xd22f\xcc\x18\x00 \x84\x1c&gt;z\xf2\xc7\xef\x7f\xc3\xbe\xfeL\xa7\xe5}P\xe5\x00c\x0c\xfbx\x1fM9\xf8\xfd\x8a\xb5\x8a\xa2p\xceG\x8e\x1c\xe9\xe5\xe5E)\x95\xf1\x1f\x0fG\n\x80\xa4\x12B\x08a\x8c\xb5k\xd7\xaeG\x8f\x1e\xba\xaec\x8c?\xf8t\x91\xc3\x9a\x8b&lt;r\x10\xc0\x19G\xaa\xf1\xc3\x19\x0b\x9dN\x8ds\x16\x1c\x1c&lt;t\xe8P\xce\xb9L\xffJ\xa4\x00H*\'"\xbe1e\xca\x14\x00 \x04\x1f=vz\xd9\xd2_=p\x10\xc0\x18\xc3\xbe\xdeGS\x0e,[\xb9NQ\x14J\xd9\xb8q\xe3\xaaU\xab&amp;\xd3\xbf\x12\x00@2\x0b$\xa9\xac\x88r\xa0\x1e=zl\xd9\xb2\x85\x10R\xb5J`\xea\x9eU\x01f?\xa4\xe9\x9ec\xfb(c\xc4\xdf/\xaa\xf7s\xeb6&amp;\x12B\xfc\xfd\xfd\x8f\x1d;\x16\x14\x14\x04\xb2\x03\x84D\x8e\x00$\x95\x9eO&gt;\xf9DQ\x14\x8c\xd1\xa5\x8c\xccwbgc/_\xe61\xe5@T\xa7$ `\xe5\x925\xeb6&amp;\x1a\x0c*\xa5\xf4\xbd\xf7\xde\x0b\x0e\x0e\x96\xee\xbfD G\x00\x92\xca\x0c\xa5\x94\x102v\xec\xd8/\xbe\xf8BU\x15\xcey\xd2\xe6oC#\xda\xd2\xbc\xfcJ\xdf&amp;\x9as\xce\x08)\xb0;\xdbvx\xe2\xf4\xd9\x8b\x8c\xf1\xd0\xd0\xd0\xc4\xc4D\x8c\xb1\xe8\x04W\xde\x07()\x7f*\xf9= \xf1p\xc4\xc4\xe0\xf7\xde{\xafZ\xb5j\x8cqJ\xd9\xf3c\xde\xa5\x9a\x06\x04Wz\xd7\x87RJ|\xfc\'\xbd1\xe3\xc4\xa9\xf3\xa2\xf8g\xd6\xacY\xe2\x81\xb4\xfe\x12\x81\x14\x00Ie\x06!$\xd6\xbd\x9a={6\xa5\xd4\xa0\xaa)\xfb\x8eN|\xe5#\xe2\x17@ie\xce\x06S]W\xccA?-\xfd\xf9\x8b\xf9+\x8dF\x83\xc3\xe1\x1c3fL\xb7n\xdd\xc4\x90\xa8\xbc\x8fN\xe2.\xc8\x10\x90\xa4\xf2#\xac\xde\xc0\x81\x03\x97/_n2\x1a\xed\x0e\xc7\xca%\xff}bh?=+KQ\x95\xf2&gt;\xba\x92\x87Q\x86\xbc\xbdN\xa6\x9f\xe9\xd0e\x90\xd5Z\xc08\xaf_\xbf\xfe\xde\xbd{}||d\xf0GR\x14)\x00\x92\xca\x0f\xe7\x9cs\x9e\x9d\x9d\x1d\x16\x16v\xea\xd4)\x8c\xb1\x9f\xaf\xd7\xee\xed\xcb\xeemr/\xcb\xb5\xe2\xca\xe5\x11s\xce\x81\x10P\x94N]\x07\'\xee:dPU\xca\xd8\xb6m\xdb"""DYTy\x1f\xa0\xc4\x8d\x90W\x83\xa4\xf2#|\xde\xa0\xa0\xa0\xef\xbf\xff\x1e!\x841\xb6d[\x07\x0c\x99\x98y9\x0b\x0c\x86\xca\xd4\x0f\x99s\xa0\x9c#\xa3aT\xcc\xe4\xc4]\x87L&amp;\x93S\xd3f\xcc\x98\x11\x11\x11!&amp;\xc4\x95\xf7\x01J\xdc\x0byAH&lt;\x02\x8c\xb1\xae\xeb\x11\x11\x113f\xccp:\x9d&amp;\x93iW\xca\xe1A\x83\'`/\x13\xc7\x98W\x96\xd5\x02t]W\x02\xaaN\x9d\xfcY\xdc\xb7k\xbc\xbcLv\xbb\xfd\xc9\'\x9f\x1c?~\xbc\xae\xeb\x8aR\t\x83]\x92\xbbD\x86\x80$\x1e\x84\xb0\x83111qqq^&amp;\x93\xcdn\x8f~\xb6\xdf\xbcE\x1f\xd2\xbc|\xcc8\xc2\x15;8\xae\xeb\xbab\xae\x127\xe7\x9b\x98q\xd3D\xaa#,,,&gt;&gt;&gt;  @\x86\xfe%\xff\x88\x14\x00\x89\x07\xc19g\x8c\x11B\x9ez\xea\xa9\x95+W^\xa7\x01\xa8\xe2\x86\xc89\xd7(U\x0b\xad\xbf\xaa\xaa\x9a\xa6\xdd{\xef\xbd\xbbw\xef6\x9b\xcd2\xf4/\xf97\xa4\x00H&lt;\x0b\x11\xf1\xcf\xc9\xc9\x89\x8a\x8aJNN.\xaa\x01`\xb73\x87\xb3\xc2\xe5\x849\xe3\x0c8\t\xa8\x127g\xa1\xcb\xfa\x9b\xcd\xe6u\xeb\xd6u\xe8\xd0A\xd6}Jn\x82\x14\x00\x89\xc7!&lt;b\x8b\xc5RT\x03\xa2zu\xfca\xe9\xc7\xe6j\xc1zvn\x05\xaa\r\xa5:%F\x03\x18\r\x13\xc6\x7f0k\xcew\x06\x83\xc1\xe9t\x9a\xcd\xe6\xf8\xf8\xf8\xb0\xb00i\xfd%7G\n\x80\xc4]\x10\x97\xa2(\xd9\xbc\xeeO"\x82Q\x82Q\xec\xeb4\xc0d2\xd9\xed\xf6\xb0\xd0\xe6\xdf-\xfd\xb8q\xf3\xc6\xba%\x8b\x10\xe2\xfeAs]\xd3\x95\x00?kn\xfe\xf8\xffL[\xb8\xe4\x97\xeb\xac\xbfL\xfcJn\x89\x8c\x0cJ\xca\x13\xc6\x18\xa5T\xd7u\xb18\x89\xa8\xd1$7 \xfe\xc49w\xed|\x97\x8e\x8bh\x11!l\xe5\x80\x01\x03\xecv\xbb\xc9dLNI\xed\xd4u\xf0\xf2\xef\xd6(\xe6`@\xc8\x9d\xa7\ns\xc6)\xa5JPp\xca\x9e\xd4\x1e=\x86-\\\xf2\x8b\x97\x97\xc9\xe9t\x86\x86\x86n\xd8\xb0AZ\x7fI1\x91#\x00IY#2\xb1bA\x92\xa2^6\xa5\xd4j\xb5Z\xad\xd6\xf4\xf4\xf4\xa2\xfb\x13B\x9a7o\xae(J```\xd1\xe7\xc5\xea\x86\x18\xe3;\xcep\xba\xb2\xa3\xa2.HQ\x88N\x19p&gt;~\xec\x90\x8f\xa7OT\x8c\x06\x9a\x9b\x87\tv\xab\xa1\x00\xe7@)U\xbc\x8c`\xf2\x9e?\xf7\xfb\x97_\xfd\xaf5\xaf@4{\x08\x0f\x0f_\xbbv\xad\xd9l\x96\x91\x1fI1\x91\x02 );\x84\x0b_\xd43={\xf6\xec\xae]\xbbv\xef\xde\x9d\x9c\x9c|\xf6\xec\xd9K\x97.9\x1c\x8e\x82\x82\x82\xeb^\x18\x10\x10\x801n\xd4\xa8Q\xed\xda\xb5\xdb\xb5k\xd7\xa9S\xa7\xd0\xd0P\xd1\xd4\x1e\n\x15E4\xb9\xbc\xddCrI\xd1\xacY\xb3^}\xf5U]\xd7E %\xa2C\xcb\xcffN\x8a\xe8\x1a\x06\xb6|\xdd\xee \x8a\xe2\x0e"p\xcd\xb2\xfb\xf9_8u\xf6\x95\xd7&gt;^\xb6b-\xc2\x18\x01g\x8c\x8f\x1c9\xf2\x93O&gt;\xf1\xf7\xf7\x97\xd6_R|\xa4\x00H\xca\x02\x97\x9d\x05\x00Jibb\xe2\xaaU\xab\xb6l\xd9r\xe8\xd0\xa1\x1b\xcd}q\x08\x0e\x0en\xdb\xb6m\x9f&gt;}\x1ez\xe8\xa1f\xcd\x9a\x89\')\xa5w \x03"\xeb\x801\xde\xb6m\xdb\x88\x11#\xd2\xd2\xd2\x84\x06\xa8\x84\x8c\x1e5\xe0\xed7GW\xbb\xa7&amp;Xs\xa9N1!\xe55\x18\x10!2\x1c\xe0\xa7\xe5\xdb\xe7\xce\xfbq\xda\x07__\xbej\x11\xc7\xe9\xe7\xe7\xf7\xe9\xa7\x9f\x8e\x1c9\x12\x8a\x8ci$\x92\xe2 \x05@R\xba\xb8J\xef\x01\xe0\xdc\xb9s\xcb\x96-[\xb2d\xc9\xfe\xfd\xfbo\xf2\x92\x00\x7f_\x8c\xb1\xc8\n#\x8c\x1dvG\x81\xcd\xfeo;+\x8a\xd2\xb3g\xcfa\xc3\x86=\xf6\xd8c\xfe\xfe\xfep\xa72 \x82\xe6\x99\x99\x99c\xc7\x8e]\xb6l\x19\x00\x10E\xa1\xba~O\xcd\xaa\xef\xc5\x8e\x1d2\xf0!C\x80?\xe4\xe5\xea\x9a^\x96\xf9a\xce9\xa3\x0ca\x84\x03\xfc\x80\xd2\x84u\xdb\'O\x99\x9d\x98|\x00\x00\x08!\x94\xd2\x88\x88\x88/\xbf\xfc\xb2]\xbbvw\xf6\xad%\x1e\x8e\x14\x00I)\xe2\nG\x1c&lt;xp\xe6\xcc\x99+W\xae\xcc\xcd\xcd\x85\xc2\x1c\xac\xd8\'8(\xa0e\xf3F\xa1m\x9a\xd4\xab\x7fO\xeb\x16\x8d\x08B-\x9a6 \n\x01\x0e\x00\x1c\x08\xc9\xcb\xc9K?yVs\xeaI{\x8f\x1c?y\xf6P\xea\xf1\xd4\xd4\xe3\xf9\x056\xf1r\x8c\x11c\x1c\x00j\xd7\xae\xfd\xfc\xf3\xcf\xbf\xf8\xe2\x8b\xd5\xaaU+\xfa\xd1wp\xb4\xcb\x96-{\xe5\x95W.\\\xb8 \x8c,\x00\xb4l\xde\xf0\xe5\x97\x9e\x192\xe8AC@ \xd8\xf3\xa9\xdd!\xbeE)\x19\\\x0e\xc0(\xe3\x9c+\x06\x15||\x80\xea\t\xf1\x7f\x7f\xfc\xe97\t\x1bv\x00\x80\xa8\xf47\x18\x0c\x93&amp;Mz\xfb\xed\xb7\x15E\x91a\x1f\xc9\x9d!\x05@R*\x08\xfb\x8e1&gt;\x7f\xfe\xfc;\xef\xbc\xb3t\xe9R\xa7\xd3\x89\x10\xb8.\xb9f\xcd\x1a&lt;\x14\xd5\xad\xcf\x03\x9d\xdb\xb6h\x1c|O5 \x06\x00\x00\xa0\x00\x00v\x07p\x0e l+\x07\x8c\xc1(\xfe\xaa\x000p\xd8\xcf\x9c\xbe\xb0;\xe5\xf0\xaf\x7f\xfc\x95\xb0a\xc7\xb9\xf3\x19\x00\x801a\x8c\x02@\xb5j\xd5\xc6\x8d\x1b\xf7\xdak\xaf\x19\x0c\x86;p\x8a]\xe1\xa0\xcb\x97/O\x9b6m\xee\xdc\xb9\x9a\xa6\xa9\xaa\xa2i:\x00\xb4l\xde\xe8\xd9a\x8f\rz2\xb2v\xa3\xfa\x00\x00\x05\x05\xd4\xa1\x01\x02\x841.\t%\xe0\x9c3\xc69\xe7\x8aB\xc0\xc7\x0b\xb0\x9a\x9bqe\xcd\x1f\x9b\x97|\xf7[Q\xd3\x0f\x00}\xfb\xf6\xfd\xef\x7f\xff\xdb\xb2eK\x90a\x1f\xc9] \x05@R\xf2\xb8j\x10g\xcf\x9e=m\xda\xb4\xcb\x97/\x13\x82)e\x00\xe0\xe7\xe7\xf3T\xff\xde#G&lt;\x19\x16\xdaT\xf1\x0f\x00\xa0`\xb33\xa7&amp;\xbcxa\xac\xf1\xff\xf6\xe4\xe1\xfc\xff\xa7\x08 \x04\x18cd4\x80\xd1\x08\x80r3\xael\xde\xb6g\xce\x97?l\xdc\x94H\x19\xfb\x7f\x87\xbde\xcb\x193fDEE\xc1\x1d\xd9G\x97C\x9d\x98\x988y\xf2\xe4\x84\x84\x04\x00P\x14E\xd7u\x00\xf0\xf7\xf3\xe9\xf7H\xcf\'\x1e\x7f\xa0G\xd7v\xfe\xd5\xab\x02pp8\xb8\xc3)\xbe B\x08cT\xccI\x0b\x9cs&amp;\xbe\x1e\x07\x8c\x116\xa8\xe0e\x02 \xd4\x9a\x9b\xb8\xfb\xd0\xaa_6.[\xbeV(\x9c\xeb\xd3[\xb6l\xf9\xd6[o\r\x1a4\x08\xee4\xd8%\x91\xb8\x90\x02 )a\x84\xf5?v\xec\xd8\xb8q\xe3\xe2\xe3\xe3\xa10Z]\xadj\xd0\x8b\xa3\x07&gt;\xff\\\xff\xda\r\xea\x02c\x90_\xa0\xebT\x98\xcb\xdb5a\x8cs\xce\x18p \x06\x15|\xbcA\xd3\xf7\xef;\xf2\xd9\xec\xa5K\x7f\xf8\xcd\xa9\xe9.7y\xdc\xb8q\xef\xbf\xff\xbe\x9f\x9f\xdf\x1d\x14\xc5\x17M]$$$|\xfc\xf1\xc7B\x06\x8a\x0ebj\xdfS=\xb2W\xa7G\x1e\xbc\xaf}h\xb3\xba\xf5j\x81\xd1\x1b\x80\x01\xa7\xe0p\x82N\x99N\x01\x01c\x1c\xc05\x9a\x01\xf1\x18c\x04\x1c\x10\xc6H%`0\x00!\x00\x04\xa8#\xf3\xfc\xe5\xbd\x87\x8e\xad]\xb7\xfd\xf7\xb5[\x0f\x1f9!^\xe0\n\x97\xb5l\xd9\xf2\xe5\x97_\x1e2d\x88\xa1\xb0\x85\xb5t\xfc%w\x89\x14\x00I\x89\xe1\x8a\x9f,_\xbe\xfc\xc5\x17_\xcc\xcc\xcc\x14\xf5\xe9\x06Uy\xed\x95\xe1\xe3\xc6\x0c\xa9V\xfb\x1e\xb0\x17P\xbb\x1d\x00aR\x02\xbd7\xaf\x15\x80"\x84|\xbc@1\x1cLI\xfd\xe0\xc3\xaf\x7fX\xb1\x16\n\xa3%\xed\xda\xb5\x9b?\x7f~hh\xe8\x9dM\x8c*jg\xb7o\xdf\xbe`\xc1\x82\x15+VX\xadV(\\lR\xec\xe6\xedmj\xd9\xbcQ\xe7\x8emZ\xb7\nixo\x9df\x8d\xea\x06\x07\x05`\x7f_`\x0c\x88\n\x80\x01\xfe\xf7.cN@\x08\xec\x0eKVN\xfa\xc9s\xe7\xce^\xda\xb3\xf7\xc8\x8e\xa4\xfd)\xfb\x8edYr\xc5.\xae\xdc\x06!\xe4\xfe\xfb\xef\x1f3fL\xdf\xbe}\r\x06\x03\xdcQzC"\xf9G\xa4\x00HJ\x06W\xa4e\xc2\x84\t\xb3f\xcd\x82\xc2*\x9a\xa8\xde\x9d&gt;\xf9\xef\xab-B[\x82\xad@\xb7\xdbK\xa9\x84\x861\xc6\x19\'~&gt;\xa0\x90?\x7f\xd94\xfe\x95\x8f\xd2\xd2\xcf\x08\xf9\xf1\xf3\xf3\x9b5k\xd6\x88\x11#\xee8`R\xf4\x85\xa2\x90i\xd5\xaaUII\x89\xba\xee\x9a*\x8c\x8a\x9a\xf8\x00\x7f\xdfZ5\xab\xd6\xacU\x9d\xebz\x9bV\x8d\x03\x83\x02\xb9N\x11\x02\x0e\x80\x10\xd24=i\xd7A\x1dx^N^\xfa\xc9s\x96B\x8b\x7f\xed\x8d\x8a\xe8J\xf3\xe6\xcd\x1f|\xf0\xc1a\xc3\x86\xb5n\xdd\xfa\xc6#\x91H\xee\x1e)\x00\x92\x12@X\x7f\xab\xd5:~\xfc\xf8\x85\x0b\x17\x1a\x0c\xaa\xd3\xa9)\x04\x7f\xfc\xc1\xcb\xe3_\x1e\x0e\xc0uk^\x19TO2\xc68\x07\x12\xe8\x9f\x93\x99=q\xe2\xf4\xf9\xdf\xac\xc2\x18\x8b0\xfb\xcc\x993\xc7\x8f\x1f\xcf\x18\xbb\xe3\xce\xf8"\xbb\xe0r\xbd\x0f\x1f&gt;\xfc\xfb\xef\xbf\xaf]\xbb6))I\x8c\tJ\x04EQBCC\xbbw\xef\xde\xbf\x7f\xff\x88\x88\x08\xf1qw3\xd3M"\xb9\tR\x00$w\x8b\xab\xb1Z\x9f&gt;}\x92\x92\x92Dc\xb5\xc6\r\xeb,\x8a\x9b\xd6\xa5gg\x96\x93\r\x9ccRv\xd1j\xaaSbT\xc1\xdbg\xfe\xdc\x1f^y\xf5\xbf\xb9y\x05b\xc2Ttt\xf4\xbcy\xf3\xeeF\x03\xa0p2sQ1;\x7f\xfe|RR\x92\x98\xcc|\xf8\xf0\xe1\xcc\xcc\xcc\xdb\x9a\xdaF\x081\x9b\xcd-Z\xb4\x08\r\rm\xd3\xa6Mxxx\xf3\xe6\xcd]\x7f\x15\xeb8\xcaX\xbf\xa4\x94\x90\x02 \xb9+D\x94\xdcb\xb1\xf4\xed\xdb\xd7\xd5Z\xb9KD\xeb_V}\x11T\xb3\x8an\xc9)\x97\x96db\xfe\x141\x07\'\xff\xbd\xf3\xb1\'\xffs1#\xd3d2\xda\xed\x0e\xa1\x01\xba^\x02\x93\xb9\xfe\xb1\x13\x91\xcdf\xbbr\xe5\xca\xf1\xe3\xc7O\x9f&gt;}\xfa\xf4i]\xd7\x93\x92\x924Ms\x05v\xc4\x836m\xda\x04\x06\x06\x06\x04\x04\xb4i\xd3\xa6F\x8d\x1a\xb5j\xd5\n\x08\x08(z\xf0\xd7\xe6\xfdJ\x97_R\xcaH\x01\x90\xdc9\xae\xacodd\xe4\xfa\xf5\xeb]\x8b\xab|9w\xaa\xc29\xb5;\x88R\x9e\xb9J]\xd3\x95@\xbf\x8b\xe72\x1e\xeb7&amp;9\xe5\xb0\x97\x97\xc9f\xb3\xc7\xc6\xc6N\x992E\xd34UUK\xe4SD\x97\x0bq\x1e\xee\xa6-\x9d+\xe1,\xfd}I\x99!\x05@r\xe7\xfc\xdb\x12\xbb&lt;\xbf\x80S\xea\x0e\x86\x8c\xea\x94\xf8\xf9X2s\xa2\xfa\x8eLN9,V\xca\x9d7o^ttti\xd4\xd2\xf0"\x88g\xfe1\xdc\xe4\x9a\x05\x8d\x8aP\xb2G"\x91\x14\x07)\x00\x92;DX\xffY\xb3fM\x980A\xc4\xfd\x9f|\xb4\xe7\x8a5si\xae\x15s7Z`\x9d\xea\x94\xf8xY,\xb9\xed#\x9e:y\xfa\xa2h\x9c\xb0c\xc7\x8e\x88\x88\x089\x87V\xe2\xe1H\x01\x90\xdc\t\xc2t&amp;&amp;&amp;v\xe9\xd2\x85\x10\xe2t:;\x846[\xb7v~\x80\xaf7h\x9a\xbbYU\xaaS\xe2\xef\xbbk\xe7\xbe\x07\x1e\x1ee\xcd\xb31\xc6\xea\xd7\xaf\x9f\x9c\x9c\x1c\x18\x18(\xbdo\x89\'\xe3^7\xaa\xa4B \x9c\x06\xab\xd5\xfa\xf4\xd3Os\xce\x19\xa5\xe6@\xbf\xe5\xdf\xcd0W\t\x04\xa7\xd3\xdd\xac?\x00\x10\x85\xe89\xd6\x0e]"\xe2fO\xd6u\xdd\xa0\xaa\'N\x9cx\xe1\x85\x17\x8a\xf6\xa4\x93H&lt;\x10\xb7\xbbW%\xee\x8fp\xff\'M\x9at\xe2\xc4\tUUtJ\xe3fO\xbe\xb7Yc=\xdb\x8a\xddu\x86\xaa\xa2*Z\xd6\x95\'\x86\xf6\x1f\xff\xc2 \xbb\xc3a4\x18\x96/_\xbe|\xf9rW\xfb \x89\xc4\x03\x91! \xc9\xed!r\xa7[\xb7n\xbd\xef\xbe\xfb\xc4T\xdb1#\x9f\x9c\x13\xf7\x91n\xb9\xea\xe6\x8b\xd0r\xce\x19B\xa0(a\x9d\x06\xee\xdd\x9f\x861\x0e\x0e\x0e&gt;r\xe4H@@\x80\x0c\x04I&lt;\x139\x02\x90\xdc\x06\x9cs\x84\x90\xc3\xe1\x18?~&lt;BH\xd7\xf5\x06\xf5\xef\xf9\xf0\xa3\x894?\xd7\xfd\xbb\xd3 \x84\x802\xa2\xaa\x0b\xbex\x87\x10\x8c1\xba|\xf9\xf2\xe4\xc9\x93e H\xe2\xb1H\x01\x90\xdc\x06"\xf8\xf3\xe3\x8f?\xee\xd9\xb3GQ\x14J\xd9\xf4\xa9\xe3\xfc\x82\xcd\xe0\xd4*\x84\x07M\x08\xa6\xd6\xbc\xd0.\xe1\xa3\x87?\xaei\xba\xa2(_\x7f\xfd\xf5\xd1\xa3G\xa5\x06H&lt;\x13\x19\x02\x92\x14\x17q\xa98\x1c\x8e\xb6m\xdb\x1e;v\x8c1\xd6\xa3[\xfbM[\x96\xd2\x1c+)\xc3N\x0fw\t\xe7\x9c\xabJNVnH\x9bG-\xd9y\x94\xd2g\x9f}\xf6\x9bo\xbe\x91-6%\x1eH\x85\xb9o%\xe5\x8e\xe8O\xb0j\xd5*\xe12\x03\xc0\x94\xd7\xa3+\x9c\x03\x81\x10bv\xa7\xf9\x9eZc\xa3\x07RJ\x15\x85,[\xb6\xec\xf8\xf1\xe3\x84\x109\x08\x90x\x1aR\x00$\xc5E\x18\xfd\xb8\xb88\x84\x90\xae\xd3\x1e\xdd\xda\xf7\x88\xea\xc6\xady\x15\xc8\xfd\x17\x10\x82\xb9-o\xec\x8b\x83\xab\x04\x072\xc6\x1d\x0e\xc7\xd2\xa5K\xa1\xc8\x04]\x89\xc4C\xa8`\xb7\xae\xa4\xbc\x10\xd1\xffC\x87\x0em\xdd\xba\x15!\x04\xc0c\x9e\xed\x0f\x8a"\x16-\xa9X\x88A@p\x9d{\xfa=\xdcC4\x07]\xb2d\x89\xcdf#\x84T\xb8\x01\x8dDr7H\x01\x90\x14\x0b\xe1\x1d\x7f\xf3\xcd7\xba\xaes\xce\x1b7\xac\xd3\xff\xc9\x07x\x9e\xb5|\xdb\xbd\xdd1\x08#\xae9&amp;\x8cy\xda`P\x11B\xc7\x8f\x1f\xdf\xb8q#BH\x0e\x02$\x1e\x85\x14\x00I\xb1 \x848\x1c\x8e_\x7f\xfd\x15\x008\xe7\xfd\x1e\xeei\n0S\x8dV\x80\xd2\x9f\x7f\x02c\xccm\xb6fm\x9a\xb5k\xd3D\x0c\x02V\xacXQ\xde\x07%\x91\x945R\x00$\xb7F\x98\xc8\x03\x07\x0e\x1c;v\x0cc\x8c1z\xe2\x91\x9e\xc0\x9c\x15\xa2\xf4\xf3\xdf`\x94#\x83\xf1\x89\xc7z\x01\x00\xe7&lt;!!!??_F\x81$\x1e\x85\x14\x00\xc9\xad\x11\x81\x91m\xdb\xb6\x89\xb6\xf5\x8d\x1a\xd4\t\ro\xc9\x0bl\x15.\xfd[\x14\x8c1\xe8\x8eG\xfa\xdcg0(\x08\xa1\x8c\x8c\x8c#G\x8e@a\xb5\xabD\xe2\tT\xe0\x1bXRf\x08O\x7f\xf3\xe6\xcdb\xb3sD\x1b\x83\x9f?\xd3+v\x0b\x1d\x8c\x11\xb79\xee\r\xa9W\xbfn-\xb1\x08\xd7\xdf\x7f\xff\r\xb2\x16H\xe2IH\x01\x90\xdc\x02\xce9!\xc4f\xb3\xed\xda\xb5K&lt;\xd3\xa3[{\x00\xa8\x04\x8e2\xa3\xd4\xe0\xe7\xd7\xb9c\x1b\xb1\xf9\xd7_\x7fA\xa1\xdaI$\x9e\x80\x14\x00\xc9-\x10!\x91S\xa7N]\xb9r\x05!\xa4\xaaJ\xeb\x16\x8d\x81i\xd8m\x96|\xb9c\xc42\xbd\x1d\xda6\x13\x9b\x87\x0e\x1d\xb2\xdb\xedn\xd8\xceZ")%\xe4\xb5.\xb9\x05B\x00N\x9f&gt;\xedp88\xe7&gt;\xde\xa6\xfa\xf5j\x81\xa3b4\xff\xb99\x08!\x00\xda\xbci\x03\x00@\x08.\\\xb8`\xb5Z]\x0b\xb8K$\x95\x1e)\x00\x92[ \xac\xe1\xee\xdd\xbb\xc5fH\xa3z\xbeU\x02\x99\xaeW\x12\x01p8\x1b6\xa8\xe3\xe7\xe7\r\x80\xf2\xf3\xf3\x0f\x1f&gt;\x0c2\r \xf1\x18\xa4\x00H\x8a\x85\xcb&amp;zy\x19U\x93\x11*\xe0\x04\xe0\x1bA\x08\x801\x7f_o\x04\x88s\xce\x18\x93\xbe\xbf\xc4\xa3\x90\x02 \xb9\x05\xc2\xd3OII\x11\x9b\xf7\xd6\xbb\x07\x00W\x1a;\xc9)3\xfa\xf9\xdcS\xab\xaa\xd8\xdc\xbbw/\xc8JP\x89\xc7 \x05@r\x0b\x84\x00dff\x8a\xcd\xc6\r\xea\x00\xaa$\xb3\xa5\x10B\x9cR\xaf@\xbf\xda\xb5\xaa\x8bg\\_S"\xf1\x04\xa4\x00H\x8a\x85k\xb9G\xa7\xa6\x95\xef\x91\x94&lt;\x8ci\xba.\x1e\xba\xf9\xaa\x96\x12I\xc9"\x05@R,\\.\x7f%\xc8\xfd\xde\x88\xebKU\x8e\x91\x8dDRL\xa4\x00H\x8aE\x11\x13Y\xbe\x07R\xbaTJy\x93H\xfe\r)\x00\x92b\xe1t:\xc5\x03E\xa9t\xd7\x0cB\xae\xc9_\xae\xaf)\x91x\x02\x95\xeef\x96\x944"*\xd2\xb8qc\xb1\xb9{\xef\x91\xca1\r\x18\x008\xe7HU\xac\x97\xb3\xd2\xd2O\x8bg\xc4\xd7\x94\xe3\x00\x89\x87 \x05@r\x0b\x84\x00\xd4\xaf__l\xe6\xe4\xe6U\xa6\xab\x06!\xc4tj\xb5\xe6\x8bM\xd7\xd7\x94H&lt;\x81Jt+KJ\x13\x7f\x7f\x7f\xf1 \xe3r\xa6=\'\x1fU\xe4F\xd0.8\x07P\x94\x8b\x97\xae:\x9c\x1aBHUU///\x90#\x00\x89\xc7P\x19ncI\xa9"\xaca\xdb\xb6m\x01\x00!8s\xeeR\xeeU\x0bR\x94JP0\xc39\x07U=y\xea\x9c\xcd\xe6\xe0\x9c\xfb\xfa\xfa\x86\x84\x84\x80\x14\x00\x89\xc7 \x05@r\x0b\x845\xbc\xf7\xde{\xbd\xbd\xbd\x01PA\x81\xe3\xd8\x89\xb3`4T\xc4\xe5\xe0\xaf\x83s\x0e@\xf6\x1d&lt;&amp;6\xeb\xd7\xaf\xef\xe3\xe3\xc39\x97\x02 \xf1\x10\xa4\x00Hn\x01\xc6\x98s^\xb3f\xcd\xda\xb5k\x8b\x869\xbbS\x0e\x03\xaa\x0c#\x00\x84\x10p=yO\xaa\xd8l\xdd\xba\xb5\xaa\xaa\xb2\x13\x9c\xc4s\x90\x02 \xb95\x8c1\x83\xc1\xd0\xb9sg\xb1\xb9i\xeb.\x00V\xd1\xbdd\xce9QIA\xa6%q\xd7\x01\xf1L\xcf\x9e=A\xce\x05\x93x\x12R\x00$\xb7F\xd8\xc4\xee\xdd\xbb\x03\x00B(i\xd7\xc1\xdc\x8c\xab\xc4\xa0Vh[\xc9\x18\x07/\xd3\x81\xfdi\x97.e"\x84\x0c\x06C\xc7\x8e\x1dA\xac\x15,\x91x\x06\xf2Z\x97\xdc\x1aa\x13;w\xeel0\x18\x10B\x17.]\xdd\xfa\xd7.\xee\xe5]\xa1\xd3\x00\x9cs\xc0\xeaO\xbfl\xa0\x8cq\xce\xef\xbd\xf7\xde{\xef\xbd\x97s.\x05@\xe29\xc8k]rk0\xc6\x8c\xb1F\x8d\x1a\x85\x86\x86\x8a\x10\xf9\xca5\x1b\x10"\x15\xba/\x04Q\x89\x9e\x9f\xb7\xe6\x8f-\x00\x08\x00\x1e}\xf4Q\x83\xc1@i\xc5^\xe9^"\xb9-\xa4\x00H\x8a\x05c\x0cc\xfc\xd4SO\x01\x00\xc6\xf8\xf7\xf8\xbf/\x9f&gt;\x8dM\x86\n\x1a\x05\xa2\x94\x81\xb7\xf7\x96\x8d;\xd3\x8f\x9f\xc5\x18a\x8c\x9fx\xe2\t\x90\x05\xa0\x12\x0fC\n\x80\xa4X\x10B\x00\xe0\xe9\xa7\x9f\xf6\xf5\xf5\x05\xe0W\xaeZ\x96~\xf7\x1b\xf2\xf2\xa5\xb4\x82\xd6\xccp\x84\xf1\xa7_|\xc7\x18\xe7\x9cw\xe8\xd0!,,\x8c1&amp;\xbe\xa6D\xe2!H\x01\x90\x14\x0b\x84\x10\xa5\xb4f\xcd\x9a\x8f&lt;\xf2\x08c\x1c#&lt;\xff\xdb5\x8e\xdc\x1c\xac\x92\n7\x04`\x8ca\x1f\xef\xa3)\x876\xfd\xb5\x8b\x10\xc29\x1f9r\xa4\x08s\x95\xf7\xa1I$e\x8a\x14\x00\xc9\xed\x11\x13\x13\x03\x00\x98\xe0\xc3GO\xfe\xf8\xfdo\xd8\xd7\x9f\xe9\x15,n\xce\x19G\xaa\xf1\xc3\x19\x0bm6\x07\x00\x0f\x0e\x0e\xee\xdf\xbf?\xe7\\\xba\xff\x12OC\n\x80\xa4\xb8\x10B\x18c=z\xf4\xe8\xd1\xa3\x07\xa5\x14c\xfc\xc1\xa7\x8b\x9cV+(\x15i\x10\xc0\x18\xc3\xbe\xdeGS\x0e,[\xb9NQ\x14J\xd9\xb8q\xe3\xaaT\xa9\xc2\x18\x93\t\x00\x89\xa7!\x05@r\x1b\x88\x94\xef\x94)S8\xe7\x8aB\x8e\x1e;=\xe3\xe3\xf9\xc4/\x90jzy\x1fZq\xe1\x1c\x90\xa2\xbc4\xf1\xbf\x0e\xa7\xc697\x9b\xcdc\xc7\x8e\x95\xd5\x9f\x12\xcfD^\xf4\x92\xdb\x80\x10B)\xed\xd1\xa3\xc7\x93O&gt;\xe9tj\xaa\xaaL\xff\xec\xdb\xe3\x07S\x15?\x1fV\x11\xb2\xc1T\xa7$0p\xc5\xb7\xab\xd7mL4\x18TJ\xe9{\xef\xbd\x17\x1c\x1c,\xdd\x7f\x89g\x82*h\x19\x9f\xa4\xbc\x10\xb6\xf2\xe4\xc9\x93m\xdb\xb6\xb5\xdbm\x9a\xa6\xf7\xea\x1e\x96\xb0~\x11+\xb0\x11\xf7\xb6\xa1\x8c1d4^\xbet\xb5u\xf8\x93\x99Y\xb9\x94\xd2\xd0\xd0\xd0\xa4\xa4$\x8c1BH\n\x80\xc4\x03\x91#\x00\xc9\xed!\xaae\x1a4h\xf0\xd1G\x1fi\x9an2\x1a7lI~w\xf2g\xc4?Ps\xe7@\x10\x07\x06\x80\x142l\xc4\xa4\xcbW,\x18cUU\x17,X\xa0(\n\xc8\xf2\x7f\x89\xa7"\x05@r\xdb\x88@\xd0\x8b/\xbe\x18\x19\x19iw8\x0c\x06C\xecGq\xeb\x7fMP\x83\x82uw\xd5\x00M\xd7\x95\x80*S\'\x7f\x96\xb0)\xc9d2i\x9a\xf6\xd6[o\x85\x86\x86\xea\xba.\xa3\xff\x12\x8fE\x86\x80$w\x82\x08\x04]\xbe|\xb9M\x9b6W\xaf^E\x00\x01\x01\xbe\x9b\xe2\xe7\xb7j\xd7\x82\xe6\xe4\x12E)\xef\x03\xfc\x1f4MS\x83\xaa.\xfez\xe9s\xa3c\x8dF\xa3\xc3\xe1\x88\x8c\x8c\x8c\x8f\x8f\x973\xbf$\x1e\x8e\x14\x00\xc9\x1dB)%\x84\xac_\xbf&gt;22\xd2\xa0\xaaNMk\xd5\xbc\xe1\x96\x8d\xdf\x9a\xcd~4\xdfF\x14w1\xac\x9a\xa6\xa9AA\xc9\x7f\'\xf7x\xe0y\x87S\xa7\x94V\xabVm\xff\xfe\xfd\xd5\xaaU\x93\xc5?\x12\x0fG^\xfd\x92;D\x04\x82z\xf7\xee=o\xde&lt;\xa7\xa6\x99\x8c\xc6\x03\xa9\xc7\xa3\xfa\x8e\xb4X\xac$\xc0W\xd7\xdd"\x16\xa4k\xba\x1aT5\xf9\xef]Q\x8f\xbc`wh\x08!\xb3\xd9\xfc\xdbo\xbfU\xaf^]Z\x7f\x89D\xde\x00\x92;\x87\x10\xa2\xebztt\xf4\xf8\xf1\xe3\xed\x0e\x87\x97\x97)9\xe5pT\xdf\x91\xc7\x8e\x9eR\x02\x03\xcaW\x038\xe7\x941%\xc8\x1c\xff[B\xd4#\xa3-\xd9VE!\xba\xae\xc7\xc5\xc5\x85\x85\x85\xc9\xd0\xbfD\x02R\x00$w\x89\xd0\x80\x993gFGG\xdblv\xa3\xd1\x90\x9cr\xb8c\xe7\xc1\xdb6\'*\xe6`\xcaX\xb94\xd8\xa1:E\x84\x90\x80\xc0\xafg\x7f\xdb\xe7\x91\x17,9y\x84`\xa7S\x9b7o\xde\x13O&lt;\xa1\xeb\xba\xe2fY\n\x89\xa4\\\x90\x02 \xb9+\x10B\xa2E\xc4\xbcy\xf3F\x8d\x1a\xe5p8\r\x06CVvn\x8f\xc8\xe7g\xfd\xf7k\xe2\xe7\x8bM\xc6\xb2,\r\xe2\x9c\xeb\x9aN\x02\xfd\xacN-z\xf8\xeb\xa3_z_5\xa8\xc09Bx\xde\xbcy\xd1\xd1\xd1\xd2\xfaK$.d\x12XR\x02\x88\xc5\xe2\t!_\x7f\xfd\xf5\xe8\xd1\xa3\xa10C0\xe0\xf1\xc8\x99\x9fN\xaaU\xaf\x0e\xcb\xb1\x94v\xb75\x0e@u]1\x18\xc0\xc7?q[\xd2\x8bc\xa6\xee\xd9wT\xd4\xfc\x98\xcd\xe6_\x7f\xfd\xb5K\x97.\xd2\xfaK$E\x91#\x00I\t \xc6\x01\x94\xd2Q\xa3F\xfd\xf8\xe3\x8fAAA\x94R\x93\xc9\xb8\xfc\xe7\x84\xb0\x8e\x03\x16\xcd\xfb\x1e\x9bL$\xd0\x9f1F)-q\x97\x83s\xae\xeb\x14\x01(\xe6\xe0\x9c\x02\xdb\xe4I\xff\xed\xd6}\xd8\x9e}G\x8dF\x83\xc3\xe1h\xd7\xae\xdd\x86\r\x1b\xa4\xf5\x97HnD\x8e\x00$%\x89\xa8\r=v\xec\xd8\xf0\xe1\xc3\xb7m\xdb\xa6(D\xd7)\x00\xf4\xea\x11\xfe\xfak\xcfG&gt;\xd0\x05\x88\x02y\xf9\xba\xa6a\x8c\xef2\r\xcb\x018c\x8c1\xc5d\x04/\x1fgN\xcew\xcb\xff\x9c\xfe\xdf\x05G\xd3O+\x8a"R\xd0#G\x8e\xfc\xf4\xd3O\xfd\xfc\xfc\xc4\x81\x95\xcc\x97\x94H*\x0bR\x00$%\x8cp\xb45M{\xff\xfd\xf7\xdf\x7f\xff}]\xd7\x8dF\x83\xc3\xe1\x04\x80\xc8\xde\x9d\xc6\xbe0\xb8\xcf\xfd\x1d\r\x81A\xa0\xd9\xb8\xcdN)E\xe8Z3\x9e\xe2\xbc9\xe7\xc0\x81s\xc68\x07E!\xe0\xe3\x05\xd8\x98q\xfa\xcc/\xbfo\xf9\xfc\x8b\xef\x0e\xa6\xa6\x03\x80\xaa\xaa\x9a\xa6\xd5\xaaU\xeb\x93O&gt;\x194h\x10\x14\xcaR\xa9~k\x89\xa4""\x05@R\xf2\x88\x05\x84\x01 11\xf1\xad\xb7\xde\xda\xb0a\x03\x00(\xaa"\xb2\xc1-\x9b7zv\xd8c\x0fFun\xde\xbc1\x18\xbd\x00t\xb0;\xb8Sc\x8cq\xce\x0b\x1b\xf3\x14\xd5\x03.\x9e\xc7\x08a\x05\x83\xaa\x82\xd1\x08@\xa85\'q\xd7\xa1U\xbfmZ\xb2\xf4\x97\x8c\xcbY\x00\xa0\xaa\x8a\xe8G4|\xf8\xf0i\xd3\xa6\xd5\xaaUK\xccX\x96\xad~$\x92\x7fD\n\x80\xa4T\xe0\x9cSJE\xcc}\xe1\xc2\x853g\xce&lt;x\xf0 \x00\xb8\x82B\x84\x90\xf0\xb0\x96\x0f\xf4\xea\xd4\xadS\xdb6-\x1bW\xa9\x1e\x0c&amp;\x13\x80\xf0\xd3\xaf\xab\x1aB\xd7\x9e\xe7:\xb5\xe6\x9f\xbfteWJ\xea\xd6m)\xeb\xd6oO=|B\xec\xe1Z\xd0122\xf2\xf5\xd7_\xef\xd5\xab\x17H\xc7_"\xb9\x15R\x00$\xa5\x88\xcb\x01w:\x9dK\x97.]\xb0`\xc1\xf6\xed\xdb\xc5\x9f\x10\xc2\x9c_\x9b"\x10\x18\xe0\xd7\xb8Q\xdd\xdauj\xb4n\xd1XA(\xbcCKU%\x9cs\xe0\x80\x14\x92\x9d\x95\xb3\xffP\xba\xa6\xe9I)\x87\xcf\x9d\xbbt\xfa\xcc\x85\x82\x02\xbbx!\xc6\x881\x0e\x00F\xa31**j\xec\xd8\xb1\x91\x91\x91\x00 \x16,\x93\x8e\xbfDrs\xa4\x00HJ\x9d\xa2\x9e\xf8\xf6\xed\xdb\xbf\xf9\xe6\x9b?\xff\xfc\xf3\xdc\xb9s%\xf2\xe6\xcd\x9b7\x7f\xea\xa9\xa7\x06\r\x1a\xd4\xb4iS(R\x90Z"o.\x91Tn\xa4\x00H\xca\x02a\x97]^\xb9\xd5j\xdd\xb4i\xd3\xa6M\x9b\xb6o\xdf~\xf0\xe0\xc1\x82\x82\x82\xdbz\xb7\xa0\xa0\xa0\xd0\xd0\xd0n\xdd\xba=\xf0\xc0\x03\xe1\xe1\xe1\xc2\xdc\x8b\x14\x824\xfd\x12I\xf1\x91\x02 )S(\xbd\x96\x00p=s\xf6\xec\xd9\xc3\x87\x0f\'\'\'\xa7\xa7\xa7\x9f9s&amp;//\xef\xd8\xb1cE_B\x08i\xd1\xa2\x05!\xa4u\xeb\xd6\xf5\xea\xd5\x0b\r\rm\xd5\xaaUPPP\xd1\xf7D\x08\xc9\xde&gt;\x12\xc9\xed"\x05@R\x0e\x88\x01\x81p\xd8o\x8c\xd4[,\x16\x84\x10\xe7\\\xfc\x8f1\x0e\x08\x08\xb8n\x1f\xc6\x98H0\xc8X\xbfDr\xc7H\x01\x90\x943B\t\x84\xb9wq\xe3&gt;\xae\xff\xa5\xd1\x97HJ\n)\x00\x12\xb7\xe3\xc6kR\x9a{\x89\xa44\x90\x02 \x91H$\x1e\x8a\xcc\x9bI$\x12\x89\x87"\x05@"\x91H&lt;\x14)\x00\x12\x89D\xe2\xa1H\x01\x90H$\x12\x0fE\n\x80D"\x91x(R\x00$\x12\x89\xc4C\x91+\xe4I\xdc\x91\xeb\xaa\x93\xe5&lt;\x00\x89\xa44\x90\x02 q\x0b\x8a\xce\x07\xbeq\xa2\xef\xcd\xff*\x91H\xee\x0c)\x00\x92\xf2D4\x05\xba\xb1\x95[vv\xb6k\x87\x1b{\x01\x89\x8erR\t$\x92\xbbD\xce\x04\x96\x94\x0f\xa2\x9b\x9bX2\x0c\x00\xce\x9f?\x9f\x94\x94\xb4{\xf7\xee\xe4\xe4d\x8b\xc5\x92\x9e\x9e\xee\xdaSQ</t>
        </is>
      </c>
    </row>
    <row r="435">
      <c r="A435" s="1" t="n">
        <v>433</v>
      </c>
      <c r="B435" t="inlineStr">
        <is>
          <t>grid_number_color</t>
        </is>
      </c>
      <c r="C435" t="inlineStr">
        <is>
          <t>What is the missing color if the part denoted with the question mark has the number 3?</t>
        </is>
      </c>
      <c r="D435" t="inlineStr">
        <is>
          <t>['yellow', 'purple', 'red', 'blue']</t>
        </is>
      </c>
      <c r="E435" t="inlineStr">
        <is>
          <t>yellow</t>
        </is>
      </c>
      <c r="F435" t="inlineStr">
        <is>
          <t>There is a 3x3 colored grid of numbers. The first row has number-color pair [(1, 'purple'), (3, 'yellow'), (5, 'red')], the second row is [(3, '?'), (5, 'red'), (1, 'purple')], and the third and final row is [(8, 'blue'), (8, 'blue'), (3, 'yellow')].</t>
        </is>
      </c>
      <c r="G435" t="inlineStr">
        <is>
          <t>We observe that the grid cells with number 1 is purple in color, the grid cells with number 5 is red in color, the grid cells with number 8 is blue in color, and the grid cells with number 3 is yellow in color. Thus, the pattern is that the grid cell with the same number will have the same color.</t>
        </is>
      </c>
      <c r="H435" t="inlineStr">
        <is>
          <t>Based on the pattern that the grid cell with the same number will have the same color, the missing color of the part with 3 should be yellow.</t>
        </is>
      </c>
      <c r="I435" t="inlineStr">
        <is>
          <t>b'\x89PNG\r\n\x1a\n\x00\x00\x00\rIHDR\x00\x00\x02\x00\x00\x00\x02\x00\x08\x02\x00\x00\x00{\x1aC\xad\x00\x00\x7fiIDATx\x9c\xed\xddw`T\xc5\xbe\x07\xf0\xdf\xcc\x9c\xed\xbb\xd9M/$\xf4\xde;H\x13\xa9J\xb5+*\xd8\x0b\xf6z\xbd\xf6\xde\xd1g\x03{C\x04\x15\x04\x15\xe9(\x08\x08J\xef\xbd\x87\x14\xd2\x93\xed\xe7\x9c\x99y\x7f\x1c\xc9ED\x05\xd9\x90]\xf6\xf7\xb9\xf7\xdd\x07!\xd9\x9cd\xce\xcew\xda\x99!RJ@\x08!\x14\x7fhm_\x00B\x08\xa1\xda\x81\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xb5}\x01\xff#\xa5\x94R\xd6\xf6U\x9cQ\x08!\x84\x90\xd3\xff}\xb1(#\xaeV\x8a\xd2(D,\xca\x082\n\xb1V\xde\x95\xc7Ej\xb7t\xa5\x94B\x08)%\xa5\x94R\xec\x8e\xd4\x08\xce\xf9i\xf8\r\x0b!\x84\x10\x84\x10\xc6X\xcd}\x97x&amp;\xa5\xe4\x9c\x13B(\xa55W\x83\x18\xe1\x8dEY\xa3\xaa\xdf\x92\xb5\xd5D\xabVk\x01`\xd4\xfbG\xdfa\xc1P\xa0\xe8\xf0\xe1\x92\xd2bBj9\x96b\x1f\x01\x90\x94\xd0F\x8d\x9a\xb8\\.B\xfeW\xefs\xce#[}\x18\x95\x05\xa5\xe4\xe8\xef\xe2\xf3\x05w\xee\xda\x13V5 \x04\xb0(O\x81\xf1^p\xbb]\xf5\xeaf;\xec\xd6\xea\x8fs\xce\x01 \xb2\x15\xb4\x110\x8a\xf2\xbfQ\x81\xb0\xa6\x95WT\x1c\xc8\xcb3\xfe9\x82\xdf+\x1e\x11\x02\x00\xf5\xea\xd4I\xf4x,&amp;S\xf5\x87u]g\x8c\xd5V\x0c\xd4BU+\x84\x00\x00\xa35Z^Q\xb6|\xf9\xd2\x05\x0b\x16n\xdd\xb2#/\xf7p\xc0\x1fV\xa8CHq\x9a/\xe9\xccC\x80\xe8\\\xb3\xdae\x82\xdbU\xbfa\x9d\xee\xdd\xbb\x0e\x1a4\xb8u\xabv\xc6\xbfF*\x068\xe7\xd5u\xd0\xb6\xed{\xe6\xce[\xf8\xdbo\xcb\x0b\x0e\xed\xf2\xf9\xca\x14^a\xb3S\xe0\x12\xa2\xa5\xb3\x1b\x9b$\x00#^\x1fP\xb3;\xc1\x93Y\xafA\xf3&gt;}\xfa\x0e\x1cpv\x9d\xact8\xd2Z?\xf5\x8e\x9d\x91\xe2FQ\x86\xc2\xe1U\x1b6\xcc\x997o\xc3\xea\xd5E{\xf7\x86\xbc^G8L\x00\xb0\xfa?E\xc6\xef\xd0o6[\x13\x12\xd2\x1a4h\xd7\xa5\xcby\x83\x06ui\xdf\xdej\xb1@\r\xb4\xccN\xf4\xaaNg\x00\x1c}\x9f\xadY\xb3\xf2\xbd\xf7\xdf\xfb\xf9\xa7_-4-;\xa3U\xdd\xac\xe6\x99\xe9\xf5\xacV\x87\xcb\xe1\x91RD\xcf\x18Y,\x92\x00\x04\x08\x17ZEe\xa9\xdf_u\xa8p\xf7\xbe\xdcM\xc5\x15\xbb\xd2\xeb8.\xbax\xe45\xd7\\\xefq\'\xc2\x1f\xab\xef\x93%\x840\xea\x9dP(\xfc\xd9\xa4\xaf\xa7}\xfdEU\xc9\x96\xce-\xcc=;\xa5\xb7m\x9e\x96\x91\xe2LIv\x82U\xc1j\xe3TI\t\x94\xf0\xaapYU`\xef\xa1\x8a\xf5[\x8b~YS\xbcy\x1f4n\xde\xf3\x9ak\xae\x1fr^?\x000\x86k\xfe\xf5[\xa6\xfa6\xd8s\xe0\xc0\xbb\x1f~\xb8\xe8\xfb\xef]\xe5\xe5\x1d\\\xae\xf6\xe9\xe9\xcd\xd2\xd2\x9c\x16K\x9a\xd3\t\xf8~\x8c\x08)\x8b|&gt;\x7f8\xbc\xbd\xa8hCQ\xd1\xda\xaa*\xaf\xc7\xd3w\xc4\x88\xb17\xde\xd8\xa8^=8\xb5\xb7\xe4\xbfs\xfa\x02\xa0\xba\xcaX\xbbv\xf5\x83\x0f&gt;\x98\x7f \xd0(\xbb[\xe7v\x03\xd3S\xb3\x19St]\xd5\xb4\xb0\x90\x82s\x1d\xb0\xd1\x18\x01\x92\x10\xc2\x98\x89Rf6\x99\x193\xf9\xfd\xde\x9d\xfb\xd6\xaf\xde0\xd7\xab\xee\xbb\xe4\xf2\xe1\xff\xf9\xcfCv\x9b]\xd7\xf5\xa3\xbb\xfc\'\xa8\xfa\xab\xde|\xfb\x83\x89\x1f\xbf\xd1\xa2\xae\xff\x8a\x11\x8d\x06\xf6j\xa8$;\x81\x0b\x08\xe9\xa0\x0b\xd0\xb9\x10X\xfdG\x06e\x14\x18\x053\x03\x8b\x02 +\xf3+\xbf]\xb0s\xc6\xfc\xbc"_\xd6\xc3\x8f&lt;9l\xe8 \xf8WuGu\x07\xe2P~\xfe\x7f\x1f{l\xfb\x8f?\xf6\xb0\xdb/n\xd5\xaaez\xba\xcdlV9\x0f\xe9:\x17B\x13\x02\xc7\x7f"\x83\x10\x13\xa5\x8cR\xab\xa2\x98\x19\x0b\xaa\xea\xb6\xc3\x87\xa7m\xdd\xba\xdc\xefo\xda\xbf\xff\x8b\xcf&lt;\x93\x93\x95u\x8aq~\xd2Wtz\x02\xc0\xa82\x02\x81\xc0\x9dw\xdd6o\xd6\xf2s\xba\x8e\xe9\xdaa\x90\xd5j\x0b\x04}\x9a\xae\x82\x94\x84\x90#S\xe3X\xfbG\x90\x94\x12$H\x90\x92Rf\xb5\xd8\xccf\xdb\xa1\xfc\xbds\x17\x7fR\x1e\xda\xfa\xfc\x0b\xcf\\x\xc1\xc5\xc6\rp\xe27\x9c\xe0\x9c2\xf6\xcb\xf2\x95w\xde~[\x93\xcc\xa2\xc7\xef\xe9\xd2\xb2}\x0eh\x02|a]\xe7\x04\x08\xa1@\xa2h\x99\xc3\x99@\x02\x80\x84\xea\xa5U\xcc\xc4 \xc1\x02\x9c\xff\xb4x\xf7\xd3\xaf\xaf\xb3\xa7\x9c\xf5\xfe\xfb\xe3\xb3\xebd\x9dT\x9cW7\xc8\x9ey\xf9\xe5\xcf\xdfx\xe3\xf2\x8c\x8c\xab;t\xc8HH\xf0\x86\xc3AM\x13R\xd2#\xd5\x10\x96d\x04\x19\xb5\xad\x94\xd2\xf8\r\xdbL&amp;\x97\xc5r\xb8\xaa\xea\xb3u\xeb\xa6\x14\x16^u\xe7\x9d\x8f?\xf8 \x1cU:5\xedt\x04\x80q_\xae\xdf\xb0n\xf4UW%\x98\xda^2\xec\x0e\xbb\xcd\xe9\xf3WJ)\x08\xa5\x04o\xb0\xd3EJ!\xa4\xb0\x98lv\xbbs\xeb\x8eUSf&gt;\x7f\xf9\xe8s_{\xf5M8\xb1\x1b\xae\xba\xc1\xf8\xe2\xcboN|\xff\xe9\x97\x1en?|x\x1b\x08j\xba/L)\xa1\x14\xcb\xf14\x91\x12\x84\x90\x04\x80\xba\xad \xe4\x1b\xef\xafx\xfb\x8b\xe2\x97_{\xf7\x82\x91\xe7\x9d`\x06\x18\xdd\x85\xb2\xf2\xf2\xcb\xaf\xbeZ\xfe\xf6\xdb\xb8A\x83\x1a\xa5\xa4\x94\x07\x83*\xe7\xac\xb6\xd7\xa5\xc4\x15)%\x97\xd2\xc4X\x92\xcd\xb6\xb7\xb4\xf4\xfey\xf3d\xd7\xae_~\xf6YrR\xd2\xe9\x19\x0e\xaa\xf1\x00\xd04\xcdd2}3c\xea\xcd\xd7\xdfy\xfe\x80\xfb{v\x19Z\xe1-\x15\\\xa7\x14W\x98\xd5\x0e)\xa5\x90\xdcaws]\xfbh\xca\x13\xaet\xef\xdc9\xf3\xedv\xfb\xdfg@u\xed\x7f\xf1\xa5\xa3}ys\xbexgdr\x86K/\xf1c\xd5_\x8b\x04\x97\x84\x00Is\xad\xffm\xff\x95\xb7\xcd\xbf\xfc\x86\'\x1f{\xf8\xbe\x7f\xcc\x00\xe3\x13\xb6\xee\xdc9|\xf0\xe0\xcb\xdd\xee\x87\xfa\xf5\xf3\x86B\x01MSp\x1dv\xed\xd1\x85\xb0\x9bL.\xab\xf5\xc5E\x8b&amp;WT\xcc\x9c;\xb7U\xb3f\xffn\x84\xf6\xa4\xd4l\x00\x18?\xc0\xd4iS\xee\xb8\xe5\x91\xdb\xaf\x1e\x9f\x9e\x9a]YU\xcaX\x14=}\x16\xb7\x84\xe0\x94\xb2Dw\xea\xd7\xdf\xbf]\xc1W-\x98\xbf\xd0\xe1p\xfeU\x06T\xd7\xfe\xe7_xe]\xdb/o\xbey!T\x86xHc\nV\x19\xb5O\xd7\x84\xe2\xb1\x86U}\xe8\xe5_\xf5\x1c\xfa\xd0S\x8f?\xf07\x15\x87\xd1\xae\xdc\xb4}\xfb\x05\x03\x07\xbe\xd8\xba\xf5\xb0V\xad\xf2++\t!\x14[\xfd\xb5MH)\xa4\xccr\xbb\xe7l\xd9\xf2\xc0\xe6\xcd3\xe6\xcfo\xdb\xa2EM\xf7\x03j0\x00\x8cK\x9f&gt;c\xea\xad7&gt;x\xf7\xf5\xef\'\xb8\x12\x03\x01/\xd6\xfe\xd1Dr\xceS\x923\xa7\xcd\x9cP\xc9W\xcf\x9d;\xcfj\xb5\xfdy-Z\xf5\xf2\xf0\x8b/\x1d\x9dm^\xf6\xfa\xdb\x17\xf1\xc2*\n@\xb0\xe1\x1f58\x17\xccb\x12&amp;:\xe8\xa2\xc9g\x9f\xff\xc8_\xf5\x03\x8c\x80\xdf\xbas\xe7\xc8\x01\x03\xc6\xb5i\xd3\xbfY\xb3\x82\xaa*3&gt;\xed\x15MT\xce3\x13\x12~\xda\xb1\xe3\xde\x8d\x1b\xbf[\xb8\xb0U\xb3f5:\x1fPS\x01`\\\xf4\xa6\xcd\x1b\xfa\xf4\x1cx\xdf\r\x9f%\'\xa6\x05\x82&gt;\x1c\xf6\x89B\x9ck\xe9\xa99\xefOz2\xb5~\xd5\xf4o\xbe\xffs\xc5a|\xe4\xee\xfb\x1e-\xd8\xf8\xeeW\xdf\\\xab\xe5U*\xb5\xb0^\x19\xfd\x03!$11i\xa2m\xfb~\xfc\xf8\xcb__z\xf1\xf0c\x1a\x8f\xc6"\xecP(\xd4\xa1S\xa7\xc7\xea\xd4\xb9\xa8C\x87\xbc\x8a\n\xac\xfd\xa3\x90\xc6y\x96\xdb=c\xc3\x86\'rs\xd7\xaf]k\xb7\xd9jn]P\x8d\x04\x8b1b\xe0\xf7\xfb/\xbfl\xd4E\x83\x1fLO\xcd\xf6\x07\xbcX\xfbG\'\xc6LE%y\xd7\\\xf6\xd0\xda\xe5\x87^\x7fc\x9c\xa2(\xc6S\xa6\x06\xa3\xed\xff\xdd\xccy\x0b\xbf{}\xf2\xfb\x97\xf1\xc3U\n\xc5E\xe1\xd1\x88R"T\x9d\x12\xf2\xed\x87#\xee\xbf\xfb\xfa\xfd\x07r)\xa5\xc6C\x97\x06#\x0f\xc6\xdct\xd3 \x80K:v\xc4\xda?j\x99\x18\xcb\xab\xac\xbc\xa8C\x87!\x94\x8e\xbe\xe1\x86c\xca1\xb2j$\x00\x8c\xa7\xbd\xee\xba\xfb6\x97\xd2\xb2W\xd7a8\xee\x1f\xe5\x08\xa1\xfe\x80\xf7\xd6k\xc6=\xfd\xc4\xab\x1b7m\xa0\x94\x1a\x19 \xa5$\x84\x1c.*\xb9\xf3\xb6\xeb\xbe~k03Q\xa2Kl\xfcG-\xc6\xa8\xee\r7nW\xe7\x99[\x1b\\q\xe5\x98\xa3\xb7T1\x82\xfc\xfd\x89\x13\x0f\xcc\x9c\xf9\xfcy\xe7\xe5WVb\xed\x1f\xcd\xcc\x8c\xe5WV&gt;{\xee\xb9\x87f\xcf~\xf7\xd3O\x19cG7\xcb"(\xf2C@\xc6\x83\x0c\x1b7\xad\x1fx\xce\xf9\x8f\xdc\xfe\xa5\x105r\xdd(\xb2\xb8\xd0\x13\xddi\xb3\x16~\x162\xad\x9f=k\x9e\xd1Z4\x06\x7f\xc6\xde~\xbf\xd37\xe3\x95\xd7/\xd4\xf3\xca\x15\x13\xd6\x1a\xd1N\xe7BIq\xf6\x1d\xf2\xe9\x8d\xf7~t\xe5\xa8\x0b\x8d=\x06\xa4\x94\x81`\xb0C\xdb\xb6\xef\xb5o\xdf&amp;3\xd3\xa7\xaa8\xeb\x1b\xe5\x84\x94\x0e\xb3yKa\xe1Mk\xd6\xac\xdd\xb4\xc9a\xb7\xd7\xc4@P\x8d\xf4\x00\x08!\xf7\xde{\xcf\xc0\x1e\xd7\xd9mN\x0c\x80\x98\xc0\xa8RQY|\xee9Wn^\x9b?\xf3\x87o\x19c\xaa\xaa2\xc66m\xde\xbex\xee\xc7\xcf&gt;\xd4\x9f\x17{\xb1\xf6\x8f\t\x94\x10\x19\xd2\'&lt;\xd1\xf7\xd9\xa7\x1f\n\x85\xc2\x94R]\xd7)\xa5O\xbe\xf8b\x0f!\xcej\xd0\xa02\x1c\xc6\xda?\xfaQB\xaa\xc2\xe1\xee\xf5\xeb\xf7\xa2\xf4\x89\x17^\xa8\xee\x97G\xf8\xbbD\xf6\xe5\x8c\xb9\xdfu\xeb\xd7\xec\xdbQ\xde\xa3\xcbP\xaf\xaf\x02\x87\xfec\x07\x01\x80\xbe\xdd\xafx\xff\xbd\x0f~\xff;!\xe3\xdf\xf9\xe0\xfa\xf3\xebXR\x9cR\xc3 \x8f\r\x94\x12\xe1\x0b\xb5\xec^\xbfm=\xdfW\xd3f\x1a\xbb:W\xf9|\x0b\xa7N\xbd\xbd{\xf7\xf2`\x10\xd7\xfb\xc7\n\x85\xd2\xf2@\xe0\xb6\xae]\x7f\x9a6\xad\xd2\xebe\x8cE|\xc0&amp;\xf2\x01\x00\x00o\xbd\xf5f\xb3\x06\xbd\xacV\x9b\xc4}=c\x07\xa5\xd4\x1f\xa8\xea\xdc\xf6\x9c\xf5k\xf6l\xda\xbc\xdel6\x17\x97\x94-\xfbi\xda\xd5\x97\xb4\x93\x95!\xc6\xb0\xd6\x88\x1d\x84HM\xdcxI\xf3\x0f\xdf\x1f/\x84\xa4\x94N\x9e6-\xbb\xaa\xaaEffPU\xb1\xf1\x1f+\x08@P\xd3Zdf\xe6x\xbd_L\x9dJ\x08\x89x\' \x92\xefj)\xa5\xa2(\x95\x95\x15K\x16\xfdzV\xa7\xf3p\xe5O\xcc\x11\x82;\x1d\t\r\xb3\xba|\xfc\xf1G\x000\xe5\xab\x19\xad\xeb\xe9\xa9\x8d\xd3xH\xc31\x83\x18\xc2(\x01o\xa8\x7f\xbf\xa6\x81\xb2-\xeb6l\x01\x80/&amp;N\xbc\xa4E\x0b\x8ds\x9c\xc3\x8f-\x84\x900\xe7\x97\xb6h\xf1\xd5\xa4Ipd\x17\xfd\x08\x8a\xe4\xcb\x19\xcd\xff\xe5\xcb\x97\x9aHjFZ]M\x0bG\xf0\xc5\xd1i@\x08\r\xa9\xc1\xf6\xad\xfb\xfe\xbab\x8d\x04\xb9d\xf1\x8f\x17\x0e\xaa/9\xee\xce\x1d{\xb8.H\x82\xadOG\xd7\xe2\xc5K\x03j\xa8j\xe7\xce\x9e\xf5\xeay\xc3a\x86E\x19S\x18!\xbep\xf8\xac\xfa\xf5}{\xf7\xe6\x16\x14\x18\xf3\xf9\x11|\xfd\x08\xf7\x00\x00`\xee\xbcy\xf5\xb2\xda2l\xfb\xc7 BH8\x1cl\x90\xd3\xa2\xf4p`\xd3\x96\xcd\x85y\xdb\xce\xee\x96C\xfc*\x0e\x1a\xc7\x1cB\x08h|`\x8f:\xebV\xaf\xf8q\xc9\xd2l\xce3\xdcn\xad\xc6\x96\x93\xa3\x9a\xa3\t\x91\xe1vg\xeb\xfaOK\x96\xc0\x91vv\xa4D\xf2\x9dm&lt;\xb0\xb0y\xf3\xb6\xfa9-5=\x8c\xcd\xc6X$\x04\xb7\xd9\x9c\xc9\xee\xec/\xbe\x98\x92\xea\xd2\xd23\xddR\xc5q\x83\xd8C)@Pk\xd3&lt;\xad\xa2\xe4\xc0\xcc\xefgwHO7\xcew\xaf\xed\xebB\'OJ\x00h\x95\x94\xb4z\xd5*8\xd2\xce\x8e\x94\x88\x05\x80\xb1Y\x98\xce\xb5\xc2\xfc\xd2\xf4\x94\x1cMS\xf1\x81\xd1\x18E\x08\xc9H\xad\xff\xd5\xd7\xdf\xe4\xa4\x9b\xc0a\xe6\xd8l\x8cA\x84\x10\xa9\xf1\xec,\x0f\x0f\x97,\x9c\xb7\xb0uf\x86\xc69\xae\xfe\x8cE\x94\x10\x9d\xf3\xa6II{v\xed\x82\x939\xba\xe3\x84^&lt;R/d\xe4RA~\xbe\xdf\x17v\xd8]5\xf7\xec2\xaaiB\x88\x04Wri\xf1\xe1d\x8f\x19\x8f\x03\x89]RHb1\x9bMj\xc9\xe1\xfc\x14\x97S\xc7\xb7d\xcc\xd2\x85Hq:\x8b\xf3\xf3\x8dG:"\xd8\t\x88\xf0\xe0\xee\xe1\xa2B\nV\x973\x91\x0b\x8e\'\xbd\xc4"B\x88\x10zzj}_Ue\xd3\x06\xae\xda\xbe\x1c\xf4\xef\t!\xc1n\xceLQ\xbc\x95e\xf5\x13\x13\xc3\xba\x8eCy\xb1\xc8X\x08T71Q-/\x0fkZ\x94\xf6\x00\x0c\x8a\xa2\x10\x02\xb8\xfc?\xd6\t\xa1\x03!\xba\x8eC\xc61NJ!\x01\x08\xd5\x85\xc0\xba?v\x11\x00]\x08\xaa(\xd1\xbe\x15\xc4i;b\x1e\xd50\x02Rb{\xf1\x0c!%\x96d\xac#P#s\xf8\xb8\xbe\x0f!\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J\xa9\xed\x0b\x88IB\n\x90\x92\x10B\x08&amp;h\xcc\x10B\n)\x01\x80\x10B\t!\x04\x00@J)\x04H\x90\x04\x08\xa5\xbf\x7f\x10E\'!\xa5&lt;\xf9\xaf"\x00\x14\xcb\xf5/`\x00\x9c\x1c\xe3\x0e\xb4Y\x9c\x84P\xce5U\x0ba\x9d\x11\xe5\xa4\x04!$\xa5@m\n\xb5(@\x00t\x01*\x07]\x00\x001+\xcc\xcc\x80\x11\xd0\x05\x04t\xaes\xca(\x96h\x14\x92\x00v\x93\xc9DO\xba\xc9%\xa4\xf4kZM\\\xd2\x19\x00\x03\xe0$\x08\xc1M\x8a\x85R\xb6u\xf7\xf2p8\x90\xe8N\xcf\xcel\xa6\xeb\x1af@\xd4\xe2\\0\x13cn\x0b\x84\xf5\x9d\xbb\xcaW\xac=\xbca[\xc9\x9e\x83Ue\x95\xe1@H\'\x00\x0e\xbb)#\xc5\xd6\xaaIR\xafN\x19=;gX\x92lP\x15\x16BRL\x81h"\x01L\x94\xae/*\xca\xf7\xf9N\xf6k]fs\xd7\xcc\xcc\x7f\xd5y8\xf3a\x00\x9c(\xceu\xbb-\xc1\x1f\xac\x9c6{\xdc\xca\r\xb3\x01\xa0s\x9b\xc17^\xfe\xb2W+\'\x84\xd5\xf6\xd5\xa1c\x19\x958K\xb4\xf9K\x83Sgl\xfe|\xc6\xce_\xd7\x1d\x0e\x84\xf4\xe3\x7f\xf6\x9c\xbd\x00\xd0\xa2Q\xe2\xcdW\xb4\xbc}Lkff"\xa8S\x86\x19\x10-\x84\x946Eyu\xd5\xaa\x05\x07\x0e\x9c\xec\xd76IL\\|\xd9e\xaa\x94X\x9c\x7f\x86\x01\xf0\xcf\xa4\x94\x00\xd2\xe5L\xda\xb9o\xf5\x94\xef\x9f-(\xdaG)\x03)M&amp;\x8b\x04lVD#)%u\x9aA\xe5\x1f|\xb2\xf1\xb5\x0f7l\xdf[a|\xdcaSZ4Nl\xda\xc0\x93\x93\xe1p9LRByUx\xe7\xfe\xcau[J\xf2\x0e\xfb\xb7\xed)\xbf\xfb\x99_\xbe\x99\xb3g\xf2\x9b\x03\xb3\xeb8E@\xc7~@\x94 \x00\x9a\x10~]g\x84\x00\x00?\xb1\xe6&lt;\x01\x90\x00V\x86\xed\xb3\xbf\x84\x01\xf0\x0f\x8ca\x1fE1\xcf_\xfa\xe9\xcc\x85\x134=\xec\xb0{\x08!&gt;\x7f9v*\xa3\x93\x94\x00&amp;\xb6rM\xe1\x7f_\\\xb1\xe8\xd7|\xe3\x83=;e\\y~\x93\xc1=\xb3\x1b\xd6M\x00\xbb\t(\x81#\xb3\xc0\xa0\x89\xb2\xe2\xc0\x0f?\x1dx~\xfc\x9a\x1d\xfb*\x97\xae.\xec?\xea\xfb\xa5\xd3.HI\xb6\x8a0\xc7\x0c\x88\x06\x94\x900\xe7\x95\xe10\x97\xb2_\xdd\xbaO\xf4\xe8Q\xa5\xaa\xec\xc4\x86^\xad\x8a\xa2\x0b\x81\xa5x\\\x18\x00\x7fG\x08\xddnM\xa8\xf4\x95~=\xeb\xa5u[~\x04\x80\xf4\x94\xfaW\x9e\xff\xd8\xe4\xef\x9e\xf1\xf9\xcbq\xe8?:q!\x15\xbb\xf2\xe5\x8c\x1dF\xed\xdf\xb3S\xc6\xc3\xb7v\x1crN]\xb0\x9b \xa8\x83\xcayEX\xc2\x91\xce\x1b\x01JH\x92\xcb&lt;\xe6\xaaV\xe7\x9f\xdbp\xcc\x9d\x0b\xbe\xfb\xe9\xc0\xce\x03\x957\xfe\xe7\xa7\xef&amp;\x0e\x13a^\xbb?\x0b\x02\x00\t\xc0\x08\t\xe8zU8\x0c\x00\x8d&lt;\x9e\xeeYY\xa5\xc1\xe0\t\x06\x80\x942\xc4\xb1\x1c\x8f\x0f\x03\xe0\xf8\xa4\x14\x00\xe0r$m\xd9\xb5b\xca\xf7\xcf\x16\x97\x1d\x02\x80VM{]}\xe1S\x94\xb2@\xd0[\xdb\x17\x88\xfe\x12\xa3\x04\xfc\xda\x0b\xff\xe9\xbeqW\xf9\x90&gt;u\xef\xb9\xa5=11\xe9\r\xf3\x90N)\xa1\x840F\x00\xfePwH.yI0\xc1n\xfa\xfa\xdds\xbb\x8e\x98\xb6ig\xd9\xf7\x8b\x0e.\xfa\xf1\xc09\x03\xeas\xaf\x8a\xcb\x82j\x99\x94\x8c\xd2\x80\xa6yU\x15\x00\xdc\x16\x8b_U}\xaa\xaa\x9c\xf0\x8a \\\x06\xfaW0\x00\x8eCJi\xac\xf6\x99\xb5\xe8\xfdY\x8b\xde\xe7\\\xa3\x84\x0e&gt;\xfb\xba!}o\x04 \x15U\x87\x8f|^\xad^%\xfa\x0b\x84\x00\xe8\xd2bf\x0b?\x1b\x066\x05\x02\x1a\x0f\xe8\x8c\x11\xe5\xaf\'u\t\x01\xc5D\xb5\xa0fN\xb2&gt;wO\x97a7\xcf%\x04&gt;\xfdv\xd79\x83\x1b\x82\x94\xc7\xa4\x05:\xcd$\x00%\xa42\x1c\x0e\xe8:\x00$[\xad\x84\x10F\x08V\xeb\xa7\x0e\x03\xe0\xcf$\xa5\xac\xd2[\xfc\xf5\xac\x977\xedX\n\x00\x9e\x84\xd4Q\xc3\x1fn\xd7\xb2\x9f/P\xc1(#\x94\xe1\xdco\xb4# \xb9$\x04\xb8W=\xd2\xe4\xffg\n\xa3\xd2\xa7\x9d\xd3-\xabN\xba#\xef\xb0\x7f\xd5\xa6"^\x19b\n\x95\x12\x13\xa0\x961J+\xc3a\x95s\x00H\xb6\xd9\x84\x94\x80\xb5\x7f$`\x00\x1c\x07!\xe4\x83/\xffs0\x7f\x1b\x004o\xd4\xed\x8a\x91\x8f\xa6$f\xfb\xfceF\xb3\xa3\xb6\xaf\x0e\x9d\x10\xa3~8\xa9\xd1\x1bB@\xe8\xc2\xee\xb14\xa9\xef\xce;\xec/*\r\x95\x97\x87S\xd2\xed\xa0r\xacnj\x911\x07P\x1e\n\x19\x7fM\xb4Z\x05\xae\xbf\x88\x10\xac\xce\x8e%\xa5T\x98\xe9\xdc\xb3\xaf\xb7Y\x9d\x83z_s\xdb\xe8\xb7&lt;\xae\xd4@\xb0\x92R\x0c\xcb3\x9f\x04\x90\n\xf5\xb8\xcc\x00\x10VyX\xe3@\x08V6\xb5LJJHi(\x04\x00\x8cR\xb7\xc5"pQ\x7f\x84`\xa5v,B\xa8\xaa\x85Z7\xedu\xef\r\x1fg\xa66\xd0\xf4\xb0\x10\x9cR\\J\x1c\x17\x08\x00\x11R\xd58\x00\x98L\xd4\xa4P\xc0\xba\xa6\xb6\x19\x930F\x00\xd8\x15\xc5m\xb1\xe8X(\x11\x82\x01p|\x9a\xae\xa6\'\xd7\r\xab\x01\xdc\xf1-\xaePJdH\xcf-\xf0\x03@j\xa25\xd1m\x01\x1d\'\x81k\x99\xf1&lt;Wi0\x08\x00\x0e\x93\xc9i2\t!pP."\xb0j;&gt;B\x88\xa6\xab\x84P|\xf3\xc7\x0f!\xa4\xb0\xb0\xdd\xfb*w\xee\xaf$\x04:\xb4L1%Z\xb9.\xb0\xaa\xa9e\x84H)\x8d\x00p[,6E\xc19\x80H\xc1\x00\xf8K\xf8\x9cW\xbc\xd1\xb9\xa0\x0e\xf3;S\xb6\x86U.%\x8c\x1e\xd1\x18$\xe0j\xdfZG\x00t)\xcbB!\x00p\x99\xcdF\x00\x18\xdd\x02y4,\xaa\x93\x87C@\x08\x81\x94R\xd3\xa59\xcd\xb1d\xde\xdew\xa6l\x05\x80\xb3\xbbd\x9ewnC\xe1U\x19\xc3FR-#\x84\xa8\x9cW\x84B\x00\xe0\xb1X\x00@\x97R\x01`\x94RJ\xab\x9f\x06\x10Rr!\xb8\x94BJ\x8aO\t\x9c\x18\x0c\x00\x14/\xfe4l \xa54&gt;(\x99Y1\'\x9b\x7f^x\xe0\xd2\xbb\x16\x86\xc2&lt;\xd9c\xf9\xe8\xa5\xbe\xc4\xf8\x0c\xacGj\x95\x04\xa0\x00a]\xaf\x0c\x87\x01 \xd3\xe9Lw8\x94`P\x17\xc2\xa7i&gt;UU9\xe7RRB\xac\x8a\x92`6\xbb\xccf\x13\xa5!\xce\x03\x9a\x06\xf8\x0c\xf0?\xc1\x00@\xf1\x81\x009\xfa\x99\x00\x02@(Q(\x98\x18\x10(\xc9\xf3Nxk\xf5\xb3\xe3\xd7j\xba\xc8NwL\x7fwp\xa3\xa6I\xa2J\xc5\x1d\xa1\xa3\x81\xf1\x14\x98q\xa8\x8b7\x1c\x9e\xb0n\xdd\x8a\xfc\xfc\xbd\x95\x95\x85~\x7fe8\x1c\xd2u.%#\xc4n2%Z\xad\r\xdc\xee\xce\x19\x19\xfdrr\xda\xa6\xa5I)}\xaa\xcaN\xfe\x0c\x99\xf8\x81\x01\x80\xe2\x00\x01]\x97aU\xafn\x0eJ!\xfda~\xb84\xb8qg\xd9\x82\xa5\x87\xa6\xce\xd9\x13\x08\xea\x00p\xc5\xf0\xc6/=tVv\xdd\x04^\xa5\x9e\xe0\xf3\xc3\xa8FI)\x19!\xe5\xe1\xf0\xe1@\x80\x00|\xbb{\xf7\xb7\xbbw\x1f\xf73\x03\xba^\x12\x0c\xee*/\x9f\xbf\x7f\xff\xb8U\xab\xfa\xe6\xe4\xdc\xd5\xb1c\x8f:u\xcaC!\x82\x13z\x7f\x01\x03\x00\x9d\xe1t.\x15\xb7e\xf6w\xbb\xeezn\xb9\xa2\x10\xce%\x00\x08\t\xbe\x80V\xe9Uu]\x00@\x87\x96)\x97\x0cix\xe9\x90F\x8dZ\xa5@\x95\xaaW\x86\x15\x13\xc5)\xc5h@\x08\xd1\x84\xc8t8\x866l8k\xef^\x97\xd9\xdc\xc8\xe3i\xec\xf14p\xbb3\x1c\x8e\x04\x8b\xc5\xd8\xee?\xa4\xeb%\xc1\xe0\x9e\xca\xca\xf5EE\xeb\x8b\x8aT\xce\xe7\xef\xdf\xff\xe3\xc1\x83\x0ft\xe9r_\xe7\xce&gt;M\xc3\xc5\xbc\xc7\x85\x01\x80\xe2\x00\xa3\xc5\xe5\xa1\xfdy\x7f\xb9\x87\xabY\xa1\x15U\xea\xfa\xad%f\x85\xe64JT\x14\xca\x83:\xf6\x00\xa2\x01\x01\xe0R\xdaM\xa6\xf7\x07\rZYP\x90\xe5r\xd5q:\xed\x8aB\t\x91G\x1d\x13_}\xf2{P\xd3\xb6\x94\x96~\xb4i\xd3\x97\xdb\xb7s!^\xfc\xed\xb7\xb2`\xf0\xf9\xde\xbd\xabT\x15\xbb\x01\x7f\x86\x01\x80\xcep\x94\x12\x08h}\xbbf~\xf0l\x1fB~\x9f\n\x16B\xfa\x83\xfa\xe1\xd2\xe0\x81|\xdf\xf6=\xe5\xbfm,\xfamc\x11\x00$y,\x97\x9c\xd7\xe8\xe1[;\xd6m\xe8\xe1\x95!\\\x02\x14\r\x8c\xe3\xc0\x00\xa0gv\xb6\xc6\xb9*Dy8,\x8d\x87\x81\x8f\xae\xd3\xa54v\rj\x93\x9a\xfa\xde\xc0\x81\xfd\xeb\xd6\xbdk\xd1"\x95\xf3\xf77nl\x9a\x98x]\x9b6\xe5\xa1\x10\xce\x07\x1c\x03\x03\x00\x9d\xe1(\x01Py\xa3F\x89\x8d\xda\xa4\x1e\xe7\x9f\x85\x04\xbfv\xa0\xc0\xf7\xe3\x8a\xbc\x8f\xbe\xda\xbe|m\xe1{S\xb6N\x9f\xb7\xf7\xc3\x17\xfa\x8e\x18\xde\x98W`\x06D\x05\xa3\x9a\xf7\xa9*\x010\xf6\x82&gt;\xce\xea\xac#\x1f1N\x0e\x18\xd5\xa2\x05!\xe4\xa6\xf9\xf3)!\xcf\xfd\xfa\xeb\x80\xfa\xf5Sl6\r\x8f\x06\xfb#\xbc\xb9Q\x1c  U]/\x0b\xfe\xf9\xbf\xbc"\x0cB\xd6\xcbI\xb8nL\x9be\xdf\\0\xe1\xe9\xde\x0e\xbbR\\\x16:\xff\xe6\xb9\xb3g\xefan\x8b1g\x80\xa2\x01%\'4\x9bK\t1QZ\xe0\xf7_\xda\xac\xd9\xe5\xcd\x9b\x0b)\xcb\xc3\xe1)\xdb\xb69M&amp;.\xc4i\xb8\xce\x18\x82\x01\x80\xe2\x02!Da\xf4\xcf\xff5\x06\xfaEX\xd7\xcb\x822\xa4\x8f\xbd\xb5\xe3\xb47\x07Z-L\x02\\\xf3\xc0\xa2\xa2&lt;\x1f\xb50\x81\x11\x10\x83\x18!~]\xbf\xa9];\x0bc\x04`\xde\xfe\xfd~M\xc3!\xa0c\xe0\xaf\x03!\xa0\x84(\n%\x94\xa8\x05\xbes/h\xfa\xd0\xcd\x1d\x00\xa0\xb8&lt;4\xfe\xd3M\xc4a\x12\xd8l\x8cA\x94\x90\xa0\xa65MLl\x9d\x92"\x01\xf6TT\xe4\xf9|fJ%\xee#t\x14\x0c\x00\x84~G\x00\x14\x13\x15\xe5\xa1\xdb\xafj\x95\xec\xb1\x12\x02\xdf,\xd8\xc7+\xc38\r\x10\xa3\xa4\x946Ei\x95\x92\x02\x00&gt;U-\xf0\xfbM\x8ca\xf5\x7f4\xbc\xb3\x11\xfa\x1fJ\x08h")\xd3\xd9\xa5m\xaa\x94\xb07\xd7{(\xcfK\xccL\xe00P\x0c2\xd6\xfe\xa7\xdb\xed\xc6\x9f\xbd\xaaJ\xf1x\x9f?\xc2\x00@\xe8\x0f\x84\x04\xa9\xd0\xc69\t\x00\x10\x0c\xe9\x05\xc5AP(\xd6\x1a\xb1\xcb\xcc~?\xcd\t\xcf\x11\xfb3\x0c\x00\x84\x8e!\t\x01\xbb\xed\xf7\x15\xd2!U\xc7GHc\x9a\xb1\x89\x10\x00\xd8\xf1 \x81?\xc1\x00@\xe8\x18DJ\xf0\x06~\xaf5l\x16\x05\xf7\x84\x88Q\x84\x10!e\xae\xd7\x0b\x00\x16\xc6R\xedv\x1d\x9f\x03\xf8#\x0c\x00\x84\xfe\x80\x12 \x1a\xdfs\xa0\n\x00\xec6%#\xc5\x06:\xd6\x1a1\x89\x11\xe2U\xd5\xcd%%\x00\x90\xe9p\xd4q:U!pC\x88\xa3a\x00 \xf4?R\x021\xb3\xb2B\xff\xea-\xc5\x84@\x83lWv\x1d\x97T\xf9\x1f\xb6\x92F\xb1\xc0\xd8AhmQ\xd1\xae\xf2r\x00\xe8\x92\x99\x99l\xb3\xe9\x9ccA\x1e\r\x03\x00\x9d\x81\x8e\x9c\xf4r\xd2t\x9d\x13\x97y\xd2w\xbb\xca*\xc2R\xc2\x90\xb3s\x98\xdb\xc29\xf6\x00j\xd3\xbf;\xebQJ\xa9\x10\xf2\xf6\xbau\xc6\xc2\xff\x8b\x9b6\xd5\xf1(\xf9?\xc1\x00@g\x1c\t\x84\x11\xa2\x10]\x17\'\xb5|S\xd3\x84\xc9m\xcd\xddQ\xfa\xcc;k\x19%\x163\xbb\xf9\xb2\x96\x10\xd2\xf1T\xa9Z$\x01L\x94*\x84\xe8B\x9c\xe03\\BJ]\x88L\xa7\xf3\x9d\xf5\xeb\x7f&lt;p@\x02\xf4\xc9\xc9\xe9\x9b\x93\xe3UU\x86E\xf9G\xb8\x19\x1c:\xe30\xe2\xf5\xaa\x00\xe0\xcavAP\x87\xa0\xae\x0bA\x80\x90\xdf\xff\xef\x7f\x8bz\x8c#\xdf\xe5\x91SdM)\xb6\xc3\x87\xbc\xe7\xdf&lt;\xaf\xb4&lt;$%&lt;rC\xbbFmRyY\x10\x1f\x04\xab-\x12@\xa1\xb48\x1001\x96\xe3r\xf9T5\xc49H\xf9\xfb\x96@G\r\xe7K\x00\x90R\x1cy\xf8\xcbi6\xbf\xb7a\xc3\x13\xcb\x97\x03\x80\xd3dz\xbeW/\\\xffs\\xg\xa33\n\x17\x12l\xca\xe6]e\x1d\xce\xff\xe6\xa9\xe7\x96o\xdc\\\x0c\nU\x92l\xccc\xa16\x13Q\x88q\xd2\xaf\x90\xd2\xd8O\x98(\x94\xdaMJ\x92\x8d\xdaM\xb3f\xed\xe9}\xe1\xf4\xb5[K\xa4\x84a}\xeb&gt;~\x7fW^\x19\xa6\xb8{L\xed\x11R\xda\x15e]Q\xd1\xf0\xe9\xd3\xdf^\xb7\xae\xd0\xefO0\x9b\x93l6\xa7\xc9db\xccx\xaa\xcb\xa8\xd7\x19!\x16E\xf1X,\xc96[\x81\xdf\x7f\xdb\xc2\x85\xf7.Z\xa4\x0b\xa1P:a\xe0\xc0\x16\xc9\xc9\x01M\xc3\x9e\xdc\x9fa\x0f\xe0\xdf \xbf\xefJ\x88\xf7S\xb4\x92\xb0\xe7`\xd5\x93o\xac~n\xc2\xda\x0e-Rzv\xce\xe8\xd1!\xbdU\x93\xc4\xccT\xbb\xc7i&amp;\x16#\x07\x00T^^\x11\xda\x9f\xef[\xbe\xae\xf0\x9b9{\x17\xfd\x9ao|\xf5\x15\xc3\x1b\x7f&lt;\xae\x1f\x15`46k\xf7GAR\xca}\x95\x95\x8f,]:n\xd5\xaa\xb3\xb2\xb2z\xd5\xa9\xd3:%%\xdb\xe5J0\x9b\xad\x8aB\t\xe1B\x04u\xbd$\x18\xdcVV\xb6p\xff\xfe\xb9\xfb\xf7\x97\x87B\x00\x90j\xb7\xbf\xd1\xaf\xdf\xb9\xf5\xeb\xe3I\x00\x7f\x05\x03\xe0\xdf\xd0\xb9&amp;\xa5\x14\x82\xd7\xf6\x85\xa0cQBd\x887j\xe0\xberd\x939\x8b\x0f\x96U\x86Wn,Z\xb9\xb1\xe8\xff\x00\x14\x85\xa6&amp;Y\xd3\x92l\x0e\xbb\xc9\xac\x10M\x97\xbe\x80v\xb84XX\x1c\xa8\xfe\xf2\xc6\xf5\x12\x1e\xbe\xb5\xe3\xb5\xa3ZAX\x97\x1a.\xfe\xa9e\x94\x90\x10\xe7-\x93\x93\xfbdg/\xcd\xcb+\x0f\x85f\xef\xdd;{\xef^\x00H\xb4Z\x93\xadV\xbb\xc9\xa4P\xaa\t\xe1U\xd5\xc3~\x7fP\xd7\x8d/4Q:\xa2q\xe3\xffv\xeb\xd6\xc0\xed.\x0b\x85\x14\xac\xfd\xff\x02\x06\xc0I#\x84$8\x92)P\x9b\xd5\x89;\x0bF\x1bB\x00t\x91\x96l\x9f4ap\xee\xde\x8a\xf9\xcbr\x7fZ\x9e\xb7fs\xc9\xfe&lt;oX\xe5\x05E\x81\x82\xa2\xc0\x9f\xbf*=\xd9\xd6\xb9m\xeaE\x83\x1a^&lt;\xa4\xa1+\xcd!*B\x84\x00\xd6\xfe\xb5\x8e\x00\xa8\xba^\xd7\xed\xfej\xf8\xf0\x95\x05\x05s\xf7\xed\xfb%?\x7foE\x85O\xd3\xcaC!\xa3\x99\x7f4\x13\xa5\r=\x9e\xb3\xb3\xb3/l\xda\xb4sFF\x98\xf3\xcap\x18k\xff\xbf\x81\x01p\x12\x08!Bp\x9b\xc5q\xf7u\xefI)\x19U\x82!?\xa5\xac\xb6\xaf\x0b\xfd\x11\x01\xa9\x0bQ\x19\xce\xa9\xe3\xbc\xfe\x9a\xb6\xd7\x8fi\xa3\x96\x87\xf6\xe7{\xf7\x1f\xf2\x1e*\xf0\x97V\x86|~M\xe7\xd2\xa4P\xb7\xcb\x9c\x96lk\x98\xedj\xd2\xc0\x9d\x92\xe9\x04\x13\x03\x9f\xca\xcbq\xd67\x8a\x10BT]\x07\x80\xb3\xea\xd4\xe9\x93\x93\xe3U\xd5&lt;\xafw\x7fU\xd5!\xaf\xb7&lt;\x1c\xf6\xab\xaa.\xa5\x99R\xb7\xc5R\xc7\xe5j\xe8v7p\xbb\x13\xadV\x95\xf3\xcap\x98\x00\xe0\xb2\x9f\xbf\x87\x01\xf0/\x10\xab\xd9\x01\x84H)\xa5\xc4\x9d\xe2\xa3\x11!\xc0\x18\x11*\x17!\x9d\x001\x9bY\xd3\xa6IM[\xa5\xc2\x9f\xcfy\x97\x00\xba\x00\x95\x0b\xbf&amp;\xa4\xc6(\xc1\xda?\xda\x18\xd30&gt;U\x95R2J\xeb\xb9\xddM\x12\x13\x19\xa5\xe4\xc8\x0c\xb0Q\xa8\\JM\x18G\xfb\x04\x7f?6\x12\xfd\x13\x0c\x80\x7fCH.\xe5\xd1\xeb\tQ4\xa2\x84PF\x00@\n)\x83\xba\x0c\xe8\xf28O\x14\x11B\x80\x12B)\xc1\x8a?\x9a\xd1#\xe7\x00\x87u=\x08\xbf\x1f\x01o\xbc\x03\x7f\x8f\x01ca\x06!8\xdf{\xe20\x00\xfe\x1dl]\xc4\x92\xdf\x9f\x00\x00\xc0\x85[g\x00B\x08\x03|\x0bF\x06F%B\x08\xc5)\x0c\x00\x84\x10\x8aS\x18\x00\x08!\x14\xa70\x00\x10B(Na\x00 \x84P\x9c\xc2\x00@\x08\xa18\x85\x01\x80\x10Bq\n\x03\x00!\x84\xe2\x14\x06\x00B\x08\xc5)\x0c\x00\x84\x10\x8aS\x18\x00\x08!\x14\xa70\x00\x10B(Na\x00 \x84P\x9c\xc2\x00@\x08\xa18\x85\x01\x80\x10Bq\n\x03\x00!\x84\xe2\x14\x06\x00B\x08\xc5)\x0c\x00\x84\x10\x8aS\x18\x00\x08!\x14\xa70\x00\x10B(Na\x00 \x84P\x9c\xc2\x00@\x08\xa18\x85\x01\x80\x10Bq\n\x03\x00!\x84\xe2\x14\x06\x00B\x08\xc5)\x0c\x00\x84\x10\x8aS\x18\x00\x08!\x14\xa70\x00\x10B(Na\x00 \x84P\x9c\x8a|\x00\x10B\x08\x90\x88\xbf,:\x9d\x08!\x00@)\x96c\xcc\xa3\x84\xc0\x91\x02E\xb1\x8b\xd4L\x11F8\x00\x08\xa1:\xd7t\xa1\xe3\r\x17\xcb\x88\xaa\x85(\xa5\xfe\xa0^\xdbW\x82N\x01\x01)d0\xcc)%!\x1d\xdf\x921\x8c\x10\x12\xd6u\x1d"\xdf\xb2\x8eX\x00\x18\xb7W\xa3F\x8d\x153\xaf\xac,a\x8cI\x90\x91zqt\xdaH)\x15\xc5TP\xb8\xc7\x93\x92\xb6}O\x15\x10,\xc4X\xc5\x18%\xfepa\x89LN\xcf\xdeSRjQ\x14)\xb14c\x8f\x94\xd2\xc2\xd8\xde\xd2\xd2\xc4\xecl\xab\xc5\xc29\x8f`\x96G\xb2\x07 \xa5\xb4\xdb\x1d\x9eD\x97/P\xc9(\x8b\xe0+\xa3\xd3\xcc\xeb/o\xdd\xaau\x95_\x80&amp;\xb0\xe5\x18\xab(\t\xf8B\x8a\xc9\xd9\xb8Y\xd3\xa2*\xafB)V\xff\xb1H\x020JK\xfd\xfe\x8c\xcc\xcc\x88\xbf\x19#\xd9\x03\x10B\x98\x14S\xfd\x06u\x0e\xe6\xed2\x99\xac\x80\xcd\x8d\x98D8\xd7\x0e\x15\xee\xba\xe9\xc6\xeb\xf6\xe6\xebZE\x901\\)\x10{\xa4\x94\xc4\xa2\xec\xda[b\xb2g\x9e\x7f\xe1\xc8\x95\xb9\xb9&amp;\xc6\xb0\x07\x10\x8b\xa4\x94\nc\x1b\x8a\x8aZ\xb7oo\xfc5\x82/\x1e\xe1\x1e\x00\x00\x9cuV\xb7}\xb9\x9b\x14\x86\xfd\xcd\x98\xa4\x98L\xa5\xe5E:x\x87\x9cw\xae`\xc9\xdbv\x17\x83U\x11\x02\x8b2\xc6\x08\x01\xd2j\xfauCA\xdd\x06-\x86\r\x19\xbc\xdd\xe7\x0bk\x1a\xc5\xce\\\x0c\xa2\x84\x84UuW0\xd8\xabG\x0f\x00\xa04\x92\x95vD_\x8bR\x00\x18r\xde\xd0\x82\x92\xad\xfe\x807\xb2\x17\x8aN\x03!\x84\xcd\xea\xd8\xb2\xe3\xb7\xc6\xcd\xb2\x13=\x89-\xdbv\xfbn\xe1\x1epX0\x00b\x90$\x00\xb3\x97\xe4\xf7\xea\xd3\xb7e\xa3&amp;\xde\xc4\xc4\xed\x87\x0f\xdbL&amp;l\x96\xc5\x16)\xa5\xd5d\xda~\xf8p\xa5\xdb}V\xe7\xce\x10\xe5\x01 \x84h\xd2\xa4yz\x1d\xc7\xf6\xddk\xad\x16\x07\xdem\xb1FRB7l[4r\xe4p\x00\xb8\xe0\xfc\x11\xf3~)\x96\xfe0\xae\x07\x8d-R\x02\xb5\x9a\x8av\x17\xed-\xb4\xf5\xe9\xdd\x1d$t8\xfb\xecY;v8-\x16^\xdb\xd7\x86N\n\x07pY,\xb3w\xech\xd3\xab\x97\xd5l\xe6&lt;\xc2\x05\x18\xe1F\xba\x10BQ\x94+G\x8fZ\xb1\xf6\x07\x8b\xd9&amp;\x04\xdeo1CJi6Y\xf2\n\xf6qVt\xd9\xa5W\x08!\xfa\x9f\xd3\x93[\x9b\xad\\\xbe\x97\xb8\xb0\x13\x10K\xb8\x10$\xc1\xfa\xc5\xb7\x9b\xbb\xf4\x18\x9a\x91\x9e\x02\x04\xc6\xde|\xf3\xbc\xc2\xc2\xa0\xaab\xaf&lt;\xb6P\x80\x90\xaa\xce+,\xbc\xe5\xa6\x9bj\xe8\xf5#\x891&amp;\xa5\xbc\xf6\x9a\x1b\xca\x03\xbbr\xf3w[,6\xec\x04\xc4\n!\xb8\xcb\x998\xff\xe7\xc9\x17\\4\xc4\xe5JPU\x95\x10r\xdd\rc_\xf9`5\xb1\x99%\x06@\xec\xa0\x8c\xca\xaa\xe0\xc4\xefs\xef\xbd\xe7N\x00\xd05\xad{\xc7\x8e\xae6mfn\xde\x9cd\xb7s|K\xc6\x08.e\xa2\xdd\xfe\xc3\x96-\xf6\xd6\xad{t\xee\xcc9g,\xc2\xab+#\xfe \x18\x11B\xb8\x9c\xae\xab\xaf\xbbt\xe6\x82\x0f\x1c\xf6\x04\xec\x04\xc4\x04)\xa5\xc5l\xcd\xcd\xdf\x9dW\xba\xfa\xd6\xb1\xb7K)\xcdf\xb3\x10b\xd4\xa5\xe7\xef.\xc9Z\xfd\xd3\x0e\xe6\xb6a\' &amp;p]\xd0$\xc7\xf8\x0f\x7fk\xd8zH\xebVM\x85\x10\x84R\x90\xf2\xbe\x07\x1f\x9c\xb0y\xb3\xc69\x0e\xe7\xc5\n\x02\xa0s&gt;~\xf3\xe6\xfb\xfe\xf3\x9f\x1a\xfa\x16\x91\xef\x11\x1a3\x01\x0f=\xf8hi`\xd3\xa6m\xbf:\x1dn!D\xc4\xbf\x0b\x8a,!\xb8\xcb\x954i\xfa\x8b7\x8d\x1d]\xb7n}\xce9\xa5TJ\xe9t:\x1e~\xf4\x99[\x1e_\x04&amp;\xc6\xb1\xfe\x8fzRJb3\x95\x1f*\x7f\xf1\xe3=\xe3^y\xc1\xe8\x7f3\xc6\xb8\x10\xc3\x06\x0eL\xee\xd9\xf3\xed\xa5K3\x12\x124|KF=M\x88\x8c\x84\x84\xf1\xcb\x96%v\xef&gt;b\xf0\xe0\x9ah\xfeC\r\xed\x05$\xa5\xb4X\xac\xaf\xbf\xf1\xda\x17\xdf&gt;\xa3s\x9dR\x8aO\x05G3\xceu\x8f;e\xc1\xcf_\xb9R\x03\x0f\xdc\xffP\xf5\xad\xc6\x18\xe3\x9c_z\xf1\xf0\xacf\xc3\x9e{v\x9e)#A\xd78\xee\xf3\x14\xcdt!\xa9\xcbz\xf5\x9d3o\xb9\xe3\xf1\x06\xf5s\x84\x10\xc6\xa2\x11\xa3k&gt;\xe1\x8d7&gt;\xce\xcf_\x9f\x97\xe7\xb2Xp (\x9aq)]\x16\xcb\xc6\xbc\xbc\x8f\x0e\x1d\x9a\xf0\xe6\x9bB\xd4\xd4\xf3\x9852\'dT\x1c#G\\0\xfa\xba\xe1\xefN|(\xc9\x93&amp;"=y\x8d"E\x08n\xb7\xbb\x0e\x15\xec\x9d\xff\xcb\x84\xc9_|a2\x99\x08\xf9\xdf\xc6SF\x7f\xee\xf3O?\xfcx\xb6\xb6l\xce\x16%\xcd\xa5\xabX\x94QJS\xb9\xa9\x8e\xe7\x95\xe7\xe7\x07\xed=\x1f}\xf8\xbe\xa3\xdb\x8cF\x7f\xaeQ\xfd\xfa/\xbd\xfb\xeeu3g2B\x14J\x05f@T\x92R2J\x15J\xaf\x9d9\xf3\x85w\xdei\xdc\xa0\x81\x94\xb2\x86V\xd5\xd7\xd4\xa2\x00J\xa9\xae\xeb\xe3^y=9;\xfc\xd5wo\xa6$gq\xae\xd5\xd0\xf7B\xff\x9a\x10\xdcl\xb6j\x9a:\xe1\xb3{\xde\x1c\xffJ\xd3\xa6\xcdu]?\xfaV3\xfasn\xb7k\xe2\xe7\x93\xaf~p\xf9\xc1\xddE\x8a\xc7\xaek8\x80\x10u4\x95\x9b\xb2\xdcs\xa7\xae\xfd\xe0\x07\xf5\xcb\xc9\x9fU\xb7\xfd\xab1\xc6t]\x1fu\xe1\x85\xfd\xc7\x8e\xbd\xf6\xeb\xafS\x1c\x0e\x00\xc0\x0c\x886BJ\t\x90\xeap\\\xfb\xf5\xd7}o\xbe\xf9\xca\x8b/\xd6u\xbd&amp;\x06\x7f\x0c5\x15\x00\x84\x10cE\xd0\xecYs+\xf9\x9ai3\xc7\xa7\xa5\xe6\x08\xc1qQP\xf4\xe0\\\xb7Y\x9dB\x88\x97&amp;\\\xfb\xf4\x8b\xf7\x8c\xba\xfc*]\xd7\x15E9\xe6\xd3\x8c\xfe\\\xcf\xb3\xba\xbc\xf1\xde7\x83\xaf\x9cs\xf0`\xa9\x92\xea\xd44\xec\x07D\x0b)A\xd3\xb8\xa9n\xe2\xdc\xef6\xdc\xfd\xd2\x81\xb9\xf3\x16&amp;\'y\xe0x[@+\x8a\xa2\xeb\xfa\xdb\xaf\xbc\x92r\xd1EW}\xf9e\xba\xcb\xa5P\x8acA\xd1\x83K\xc9(\xcdp\xb9F\x7f\xf5U\xe2\xf9\xe7Ox\xf5\xd5\xe3\xbe%#\xa8\x06\x97\x05\x1b\xf7\x9f\xc3\xe1\x98\xbf`a\x85\xbe\xea\xa3/\x9ev\'$+\x8a\x89\x0b\xdcd\xb8\x96I)9\xd7=\t)\xc5\xa5y\xcf\xbf5\xfa\xf1go\xbf\xe5\xe6\xdb\xff\xe6V3\x1a\x8f\xc3\x86\x0cx\xf9\xed\xaf\x07^1{\xf9/\xbbM\x99n\xce\x05\xae\x0b\xaau\x9c\x0b `\xca\xf2|&lt;a\xc9\xbd/\x1d\x98=oQ\xc3\x06u\x8d9\xfc\xe3~\xbe\x11\xe7\x9fL\x98\xe0\x199\xf2\x82\x89\x13)\xa5\t\x16\x0b\xce\tG\x03M\x88\x04\x8bE\xa1\xf4\x82\xcf?w\r\x1f\xfe\xd9\xbb\xef\xd6\xd0\xc4\xef\xd1j\xf6\xb9\x10c\x04\xd9aw,X\xf0cr\xbd\x8a\x17\xde\xbe6\x18\xf2{\x12R\x85\xe4B\xe2=W\x0b$H.tE1%\'e\xfe\xfc\xeb\xb7\xef}u\xfb\xabo=\xf6\xf7\xb5\xbf\xc1h&lt;\x0e\x1f2\xe0\xad\x0f\xbf\xbb\xf6?[_\x1d\xb7\x88\xa5\xb9\xa8\xdd\xac\xeb\x02{u\xb5B\x08\xc9u\xc1\x12\xed\xd2\xa2\xdcp\xe3\xb4w\xa6+s\xe6-j\xd8 \xe7\xefk\rB\x08\xa5\x94s\xfe\xf1\x84\tmo\xb9\xe5\x9c\xc9\x93\xd7\xe7\xe7g\xbb\xdd\x00\xa0c\x0c\xd4\x12\xe37\x9f\xedvo\xc8\xcf?g\xf2\xe4\xd67\xdd\xf4\xe9;\xef\x18)^\xd3{\xf1\x92\xd3\xf0\xee\xad\x1e\x8e\x1c\xf7\xea\x8b\xe3^z\xb7w\xc7Q\x03\xfa\\\x0e\x00\x81\xa0W\x08NH\x8d\xff\x90\x08@\n)AJ\xb3\xc9\xe2\xb0\xbb\xf3\n\xf7N\xfd\xe1u\x8b\xa7|\xd2\xe7\x9f7k\xd6\xe2\xc4\xbb\x99\xc6g\x16\x17\x97\x8e\x1es\x9d\xf4.\x1f\xf7\xd8\xd9m\xba\xd6\x83\xaa\x10\x0fh\x00P\xf3\xb7+\x02)%\x17\x92\x11B\x9c\x16\xb0\x99~\xf8n\xd3\x93\xaf\xad\xedr\xf65\x13\xde~\x85\x10\xca\xb98\x91\xdd[\xa5\x94B\x08\xc6\xd8\xf7s\xe7\xdes\xd3MC\x1d\x8e\xfb\xcf&gt;;\xc9f+\x0f\x06U\xce)!\xb8m\xdci \xa4\x14R\x9a\x19\xf3\xd8l\x15\xc1\xe0\xb8%K~\xf0\xf9^{\xef\xbd\x91\xe7\x9dwzj\x7f8=\x01\x00G\xddp\xeb\xd6\xady\xe2\xc9\'\xb6\xae+\xec\xdd\xf5\xb2\x0e\xadz9\x1c\xeep8\x18V\x83\xd5\xcf\x8ba\x15\x12)\x12\xc0\xd8\x91\x9b\x10\xa2(&amp;\xab\xc5A\x08\xc9/\xdc\xbfx\xc5\xb4\xbc\xb25\xa3\xaf\xb9\xf8\xe1\xff&gt;f\x8c\xed\x9c\xd4 cu\x03\xf3\xed\xf1\x1f~\xf6\xd1\x1b]Z\x04\xee\xbe\xaec\xd3VY\xc0(\xf8\xc2"\xac\x0b)A\x02\x1e\x0c\x1aI\x12\xa4\x94@\x08\xa3\x84XM\xe04C@]\xf6\xeb\xbe\xd7&gt;\\_\x16jr\xff\x83\x8f\x0c\x1b2PJy\xb2kE\x8c\xa2/&lt;|\xf8\x91\xa7\x9f^\xf7\xed\xb7\x97de]\xdc\xb6mfB\x82\xca\xb9_U5!\xa4\x94\x04\xdf\x92\x11%\xa5\x94\xc6[\x92R\xa7\xd9lV\x94\x82\xca\xcao6n\x9c\x9a\x9f\xdf~\xe4\xc8g\x9fx"3=\xbd\xa6\xc7\xfd\x8fv\x9a\x02\xc0P]wL\x9f1u\xf2\x17_nX\xb37\'\xad]\xdb\x96}\xeae7\xb7\xdb\x1c\x84P!\x04\x17:\xden\x11B\x14\xc5\x04R\xea\\/\xab(\xda\xb6k\xd5\x96]\xcb8-\x1a~\xfe\xa0\xb1\xb7\xdc\x9a\x93S\x0f\x8e\xea\x9c\x9d\x94\xea\xba\xa6\xa2\xb2\xea\xcd7\xdf\x9d\xf3\xc3\x97\xe9\tE#\xfag\x9fwv\xc3\xcc\xecD\xb0(\x00\x00\xba\x00\x9c!\x88\x14F\x80Q\x90\x12\x02\xea\xce\xdd\xc5\xdf\xfd\xb8g\xde\xb2\x12\xe6hy\xe1EW\xde|\xd3\xd5p\xd4;\xebdU\x7f\xe1\xf2\x95+?\xf8\xf0\xc3\xf5\xf3\xe7w0\x99\x06\xd6\xaf\xdf%\'\'\xd9\xe1`\x94J\x00\r\xd7pG\x8e\x891\x02\xc0\xa5,\xf3\xf9V\xe5\xe6.8p`m8\xdcn\xf0\xe0\x1bo\xb8\xa1g\xd7\xaep\nE\xf9\xef\x9c\xd6\x00\x00\x00\xe3\xa9`\xa3\xd2Y\xb7~\xcd\xc4\x89\x9f\xae^\xb9\xa1\xe4p\xc0\xe3\xca\xcaJo\xe4\xb4{\xd2S\xeb\t\xce\x01\x1b\x1d\xa7D\x12BU-\x94\x7fx\x8f\xdf_YP\xbc[\x93\x95M\x9a\xe7\x0c\x19r\xee\xc5\x17_\x96\xe8I\x82#\xad\xbfS\xf9\x1e\xd5wj(\x14\xfef\xc6\xac\xe9\xd3\xa7\xe5\xed[\x9f\xe2\x0e\xb5n\x9cP\'\xc3\xd9\xa2\xbe\xc7\x93h\x05]`Q\x9e\x12)A\xa1\x87\x0eys\x8b|\xdb\xf7U\xee\xd8\xef\x0fhI\xcdZv\xbbj\xf4\x95\xfd\xcf\xe9\tG\xf5\xadO\xe1;H\xce\xb9q3\xec;x\xf0\xd3/\xbe\xf8u\xc9\x92\xf2\x9d\xbb2\x08i\x9d\x9c\xe2\xb1Z\x9a\'\xa7`\x19F\x84\x94\xb0\xbd\xb4\xa42\x1c\xde\\RR\x002\xb1I\x93n}\xfa\\s\xe5\x95\r\xeb\xd6\x05\x00c\xb9\xe7\xe9\xeeo\xc9\xda\xa0\xaaj8\xacV\xffu\xed\xba\xd5\x0f?\xf2\x9f\xba\xf5\xb2p\xd0 \xb2\xd2\xd2\x93\xfa\xf5\xef\xf3\xf1\xa7\x1f\xf8|U\xd5\xbf\xedP(\xc49\x8fH9\n!B\xa1\xd0\xff\x8aU\xe3\x93\xa7\xcd\x1c~\xe9\x98\xd4\x06-j\xfbG?\xc3\x98\xd2\x1b\xb5\xba\xe1\x8e\x07\x16,^^\xfd\xdb\xd65-\x1c\x0eG\xa4\x1c\xa5\x94\xba\xae\x1f]\x94\x07\x0b\xf2_{\xe7\xed6\xdd:\xba\xd2\x13k\xfbg?\xa3\xb8\xd2\x12\xdbt\xeb\xf8\xea\x84\xb7\x0e\xe6\xe7W\xff\xb6C\xa1\x90\xae\xeb\x91*\xca\x93r\xba{\x00\xf2\xa8\xe6FQQ\xd1\x97_~\xb9\xfc\x97\xe5\x05\x85\x05n\xb7\'\xbbN\x1d\xb7\xdb\xdd\xb8qc\x9d\xeb\x80QpJ$\xa54\x10\x08\xee\xda\xb5\xcb\xe7\xf3\xe5\xe7\xe5\t)[\xb7n5d\xc8\x90A\x83\x06\x19\x9fq\xea=\xcd\xa3\xe7\xa9V\xad_?\xfd\xbb\xef\xd6\xfe\xf2\x8b^t8\x8d\x80\x87)Yv{\xa2\xd9\xa2K\x81\x05y*$\x80\x89\xd2&lt;\xbf\xbfL\r\x17\xe9z9e\t\xf5\xeb\x9fuv\xdf\xcb.\xbc\xb0AN\x0e\x00\x18G\x84\x9f\xe2c\xa2\xd5\xdd\xc1\xb0\x1a\xfe\xfe\xfb\x19\x8b\x17/\xde\xb8nk\xc8\x0f.[\x9aI\xb1\xa5&amp;\xd7\'\x84\xe0f.\xa7\x8a\x80\x94\xb2\xb8t\xbf\xa6\x07\xbd\xc1"\xab\x03\xda\xb4o\xd1\xb7o\xdf\x91#.\xb4X,\x10\x89N\xf9\xbf\xb9\xa8\xd3\x19\x00\xd5\x95\xce\xbau\xeb&gt;\xfb\xec\xb3e\xcb\x965h\xd0`\xe8\xd0\xa1g\x9duVVV\x96\xd3\xe9&lt;mW\x12?t]\xaf\xa8\xa8\xd8\xb1c\xc7\xbcy\xf3\x96.]*\xa5\xbc\xea\xaa\xab\xc6\x8c\x19c\xb1XNe\xa5AuQN\xfd\xee\xbb\x8f?\xf8\xa0d\xfd\xfa.N\xe7\xc0\x06\rZ\xa6\xa5%:\x1cf\xc6p\xe4\'\xc2\xa4\x0cjZ\xb1\xd7\xbb\xae\xa0`\xde\xfe\xfd;\x00\xda\xf4\xef\x7f\xed\xb5\xd7\x9e\xdd\xa3\x07\x9cB\x9cWO\x02\x15\x14\xe4\x7f&gt;\xe9\xb3/\'\x7f\x13\xf2Z\x1b\xd7\xed\xd2\xa2I\xb7\xb4\x94:v\x9b\x93\x12&lt;A \x92$\x80\x94"\x10\xf4\x15\x97\xe4m\xdd\xf5\xdb\xee\x83\xab,\xce\xd0\xe5W\\8\xfa\xaa\xab\xb3\xb2\xea\xc0\xbf\x9d\x96\xfb\xd7N_\x00\x1cYAX\xfc\xd4SO-]\xbat\xd4\xa8Q\x97^zi\xc3\x86\r\xa5\x94~\xbf_U\xd5\x88\x1fv\x83\xe0\xf7%@\x8a\xcdf\xb3X,\xa1Ph\xd9\xb2e\xef\xbf\xff\xfe\xc1\x83\x07\xef\xbc\xf3\xce+\xae\xb8\x02N\xbe\xee\x10BPB\x80\x90\x1f\x97,y\xfe\xd9g\xe5\xa6M\xd7\xb6j\xd5\xb7Q\xa3$\xa73\xa8iAU\xd5\x85\x10Rb\xf5\x1fY\x12\x80Rj\xa2\xd4n6[\x18;TQ1{\xfb\xf6I{\xf64?\xef\xbc\xc7\x1ey\xa4y\x93&amp;\xff"\xce\x8d\xb7\xa4\x10\xe2\xcd\xb7\xfe\xef\xdd\xf1\x9f$9Z\xf4\xe9va\x83\xba-\x19c\xa1pP\xd3\xc2\xb8\x97{\r\xa1\x94\x99Lf\xab\xc5\xce9\xdfwp\xdb\xd2\x95\xd3K|[n\xb9\xf5\xda;\xef\xb8\x971z\xa6\xad\x022\x06\x9b(\xa5\xdf|\xf3\xcdC\x0f=4d\xc8\x90\xc7\x1f\x7f&lt;))\xc9\xeb\xf5\x86B!\xa3\x03\x8bK\xcdj\x94\x10\xc2hY$$$\x98L\xa6E\x8b\x16=\xf2\xc8#\xa9\xa9\xa9\x13\'Nt\xbb\xdd\'\x9e\x01\xbf\x7f\xa6\x94\xb7\xdd\x7f\xffO\x1f\x7f\xfc@\x87\x0e\x17\xb7m\xcb\xa5\xac\n\x85t!p\xfdxM\x93\xc6\xac\xaf\x94fEI\xb0X\xc2\xba&gt;a\xf9\xf2/\xf2\xf3\xefx\xea\xa9</t>
        </is>
      </c>
    </row>
    <row r="436">
      <c r="A436" s="1" t="n">
        <v>434</v>
      </c>
      <c r="B436" t="inlineStr">
        <is>
          <t>grid_number</t>
        </is>
      </c>
      <c r="C436" t="inlineStr">
        <is>
          <t>What is the missing number of the part denoted with a question mark?</t>
        </is>
      </c>
      <c r="D436" t="inlineStr">
        <is>
          <t>['6', '1', '7', '5']</t>
        </is>
      </c>
      <c r="E436" t="inlineStr">
        <is>
          <t>5</t>
        </is>
      </c>
      <c r="F436" t="inlineStr">
        <is>
          <t>There is a 3x3 grid of numbers. The first row is [4, 9, 4]. The second row is ['?', 6, 6]. The third and last row is [4, 4, 9].</t>
        </is>
      </c>
      <c r="G436" t="inlineStr">
        <is>
          <t>We observe that [4, 9, 4] sums to 17, and [4, 4, 9] also sums to 17. Thus, the pattern is that the numbers in each row add up to the same value.</t>
        </is>
      </c>
      <c r="H436" t="inlineStr">
        <is>
          <t>Based on the pattern that the numbers in each row add up to the same value, the missing number of the row ['?', 6, 6] should be 5.</t>
        </is>
      </c>
      <c r="I436" t="inlineStr">
        <is>
          <t>b'\x89PNG\r\n\x1a\n\x00\x00\x00\rIHDR\x00\x00\x02\x00\x00\x00\x02\x00\x08\x02\x00\x00\x00{\x1aC\xad\x00\x00f\x15IDATx\x9c\xed\xddw\x80\x94\xc5\xf9\x07\xf0gf\xde\xed\xb7\xe5:\x87\xf4*\x8aB\xa8\nDl\xd8\xf5gA\x10\x155\x08hT\x0cF\xac\x89\x02j\xa2\xa2\xd1\xa8\xb1\x044\x18\x89h\x94\x98X\x91\x12\xb1\xa1\x80\x18irHU\xcaq\xfdvo\xcb\xdd\xee\xfb\xce\xcc\xef\x8f\xb9;\x11\xa4\xef\xee{\xef\xee\xf3\xf9Cq\xaf\xf8\xf2\xddw\xe7y\xdfy\xa7\x10)% \x84\x10\xca&gt;\xd4\xec\x03@\x08!d\x0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n\x0b\x00B\x08e),\x00\x08!\x94\xa5\xb0\x00 \x84P\x96\xc2\x02\x80\x10BYJ3\xfb\x00Z\x05)\xa5\xd9\x87`\x02B\x88\xd9\x87\xd0\x04\xf37\x17\xe6\x9f\xb5\xb2\xb4\x00H)\x85\x10RJB\x08!\x84\xd2l\xbc\x1321\x04\xcc\x1f0\x7f\xb3a\x08\x00@\xb2\xaa\xf8\xab\xb7\x1c\x00\x18c{\xbe\x1e\n\x85\x84\x10\x84dK\x1a\xea\xda\'\x10\x08\xec\xf9\xa2\xfa0PJSwe\x84\xf9+\x98\xbf\xb9\xcc\xca\xbf\x15\xca\x96\xb7\\J\xc99\xd7\xb4\xa6;\x9ep8\xbcb\xc5\x8ae\xcb\x97\x7f\xf3\xbf\xff\xd5\xd6\xd6\x96\x96\x96\x1a\x06\x07\x02\x90\x15a\x00\x10\x00\x80n]\xbb\x06\x02\x81\x01\x03\x06\xf4\xeb\xd7o\xd0\xa0A\xc7\x1cs\x8c\xfa\xa2a\x18\x94\xd2\xe4^\x10a\xfe?\x81\xf9\x9b+\xed\xf9\xb7^2\x0b\x18\x86\xa1\xfe\x10\x8f\xc7\xdf~\xfb\xed\xcb.\xbb\xacc\xc7\x8ef\x07\xdf\xba\xe4\xe6\xe6\x8e\x181b\xd6\xacY\x15\x15\x15*+]\xd7\xd55\x11\xe6\x9f\x06\x98\xbf\xb9R\x9a\x7fk\x96\xe1w\x00\xeaoG\x08\t\x85B\xb3f\xcd\x9a3g\xce\x9a5kZ\xbe\x9a\xe3\xf5\xb6m\xd7\xb1\xb0\xb8\xb8S\xd7c\x03y\xf9\xdc0\xb2\xe1\xeeO\x82\xa4\x84\xeazb\xc3\xba\xd5\xa1`\xdd\x8e\xef\xb7\xd4\xd5\xd6\xb4|\xb5\xa4\xa4\xedUW]9~\xfc\xf8\x9e={\x02\x80\x10\xe2h.\x850\xff}a\xfe\xe6Jg\xfe\xad_&amp;\x17\x00\xce\xb9\xea\xeb\x9c={\xf6\x8c\x1936l\xd8\xa0^o\xdb\xae\xc3I\xa7\x9c&gt;\xfc\xccs\x8f\xed\xdd\xb7\xa8\xb8\xc4\x93\xe3e\x1ad\xf4\xbb\xfc3\xa4\x04\xc3\x80xc\xbc\xa6\xaa|\xd3w\xeb\xbf\xf8x\xd1\xd2%\x8b6\x96\xaeS_\xcd\xcb\xcb\x9b4i\xd2m\xb7\xdd\xe6\xf7\xfb\r\xc3h\xe9:8,\x98\xff\x01`\xfe\xe6JC\xfe\x96\x90\xb1\x05@\x9d\xfdeee\xe3\xc6\x8d[\xb0`\x81z\xb1G\xaf\xde\xd7\xdc0i\xc4\xf9\x97\xe4\x17\x16J\t\xf1xBO\xe8Bp)E\x86\xc6\xb0_\x04@\r}\xb0\xd9\xec\x0e\xa7C\xd3 \\\x1f[\xf1\xc5\'/?\xf7\xe4\xd2\x8f\x17\xa9\xef\xe9\xd9\xb3\xe7K/\xbd4t\xe8P\xf5\x84\xf0\xb0.\x0f1\xff\x03\xc3\xfc\xcd\x95\xea\xfc\xad"3\x0b\x80*\xda\x0b\x16,\x18w\xfd\xf5e\xbbv\x01@\xe7n=\xae\xbfe\xca\xf9\x97\x8c\xf6\x05|\x91pL\xd7\x13\x00\x84RJ\x084=\x12\xcaVRJ)\x84\x94\x92i\x9a\'\'\x87s\xb1t\xc9\xc2\x17\x9f\x99\xb1\xec\xb3%\x00`w8\x1e}\xe4\x91\xc9\x93\'\x1f\xd6g\x00\xf3?t\x98\xbf\xb9R\x91\xbf\x85d`\x01Pg\xff\xacY\xb3&amp;N\x9c\xa8^\xb9r\xdcM\x93\xef\x9d^PT\x10\nF\xb8aP\xc62\xef\x8dL\n\xce9!\xc4\xeb\xf3qn\xcc\x99\xf9\x97\xa7\x1f\x99\x1a\t\xd7\x03\xc0\x84\t\x13f\xce\x9c\xc99?\x94Ar\x98\xff\x11\xc3\xfc\xcd\x95\x94\xfc\xad%\xd3\n\x80\xba\xf3m9\xfb\xfd\x81\xbc\xfbg&lt;s\xe9\x98+\xebC\xb1D"\x91\xc1}yI\xa4&gt;\x06\xf9\x05\xbe\xaf\x97\x7f\xf5\xbb[\'l\xf8v54\x7f\x06\x0ez\x1d\x84\xf9\x1f=\xcc\xdf\\G\x93\xbf\xe5dT\x01\xd8\xeb\xec/(j\xf3\xcc\xcb\xf3\x86\x0c\x1fZY^\xc74-\x93\xde\xb64\xd0u=\x90\x9b[SUq\xe3\x95\xff\xb7\xfa\xeb\xe5\xb0\xc7u\xd0^\xd3\x88Z`\xfeI\x84\xf9\x9b\xeb\x08\xf2\xb7\xa2\xcc)\x00\xea\x8dY\xbcx\xf1\x88\x11#\x00 7\xbf\xe0\x8d\x05_v\xec\xd2-TW\xa7\xd9lf\x1f\x9d%q\xc3\xb0;\x1d\x8c\xb2_]v\xf6\x8a\xa5\x1f\x03\xc0\xb4i\xd3\xa6N\x9d\xfa\xb3\xe3"0\xff\xa4\xc3\xfc\xcduX\xf9[T\x86\x14\x005\\\xb7\xa2\xa2\xa2O\x9f\xbe\x95\x95\x15&gt;\x7f\xe0\x85\xb9\xef\xf4?ih(\x18\xd44&lt;\xfb\x8f\x1c\xe7\xdc\xe1tDB\xa1\xebG\x9d\xbb~\xcd7\x84\x90\x05\x0b\x16\x8c\x181b\xaf\xeb \xcc?E0\x7fs\x1db\xfe\xd6\x95!\xa3\x7f\xa5\x94\x9c\xf3\xb1c\xc7VT\x94\x03\xc0}\x8f&lt;3d\xf8\xb0`\x1d\x9e\xfdG\x8b1\x16oh\xcc+,zb\xe6\\\x7f WJ\x18;\xf6\x9a\xf2\xf2rB\x88ZUF\xc1\xfcS\x04\xf37\xd7!\xe6o]\x99P\x00T5\x9e;w\xee\xa2E\x8b\x00\xe0\xf2\xb1\xe3/\xbb\xfa\xaa\x8a\xf2:\x1b\xde\xf9&amp;\x03\xd3\xb4P0\xd8\xe3\xb8c\xef\xfd\xc3\x9f\x01dEE\xf9=\xf7\xdcC)m\xb9w\xc4\xfcS\n\xf37\xd7A\xf3\xb74\xcbw\x01\xa9\x15-\x82\xc1\xe0\xe0\xc1\x83\xb7n\xdd\xda\xaec\xe7y\x8bW8\x1cN\xf5(\xdf\xec\xa3\xcb\x1c\x9c\xf3@\xae\xff\xa6\xab/[\xf8\xde[\x0e\x87\xe3\xb3\xcf&gt;\x1b0`\x80\x94R-!\x89\xf9\xa7\x1a\xe6o\xae\xfd\xe5o\xf5\x85"\xac}\xf4\x00\xa0\x06\xe7\xce\x9e={\xf3\xe6\xcdB\x88\xf1\x93\xee,(\xcaK$\x12x\xf6\'\x17!DO\x187\xdfq\xbf\xc3\xe9\x8c\xc7\xe3S\xa7NUM\x0f\xe6\x9f\x1e\x98\xbf\xb9\xf6\x97\xbf\xd9\xc7u\xb4\xac]\x00\xa4\x94\x8c\xb1\x86\x86\x86\xd9\xb3g\x13B:w\xeby\xe1\xc81\xa1\xbaH\xc6&lt;\xa3o=(\xa5\x91H\xa4w\xdf&gt;g_x\x19\x00|\xfa\xe9\xa7\xa5\xa5\xa5\x8c1J)\xe6\x9f\x06\x98\xbf\xb9\xf6\x97\xbf\xd5\x9f\x04X\xbb\x00\xa8y\x19\x8b\x17/\xfe\xf6\xdbo\xa5\x94\xbf\xba\xe9\xb7&gt;\xbf\x97\x1b\x86\xd9\xc7\x95\x99(\xa5\x89\xb8&gt;\xee\xe6).\xb7\'\x1a\x8d\xbe\xf8\xe2\x8b\xeaE\xcc?=0\x7fs\xfdl\xfeX\x00\xcc\xf7\xf2\xcb/\x13B\x8aJ\xda\x9eu\xc1\xa5\x91p\x8cf\xc4\xf0\xacV\x88R\x1a\x8d\xc6z\xf7\xed;h\xe8)\x84\x90y\xf3\xe6E"\x11\x00P\x97\x9f\x98\x7f\xaaa\xfe\xe6\xda7\xffX,\xa6i\x9a\xa5;\x82,\\\x00T\xffO(\x14Z\xb1\xe2+)\xe5\x90S\xce,(*\xd0u\x1d{?SHJB\xe0\x8cs/\x96R\xee\xdaU\xb6~\xfdz\xc30\x96/_\x8e\xf9\xa7\t\xe6o\xae\x9f\xe6\xbfz\xf5j\xb0\xf8M\x80\x85\x0b\x80\xca}\xe5\xca\x95;w\xee\x00\x80\xe1#\xce3\xfb\x882\x1fe\xac\xa1!q\xd2\xb0\xd3r\xbc&gt;\xce\x8dO?\xfdt\xed\xda\xb5eee\x80\xf9\xa7\x05\xe6o\xae\xbd\xf2\x9f?\xffCh\xdeu\xc7\xa2,\\\x00T\xee+V|\x05\x00n\x8f\xa7W\xef&gt;\xf1\xc6\x84\xd5Ge\xb5r\x84\x90D&lt;^\xd2\xaeC\xc7.\xdd\x00`\xf5\xea\xd5K\x97.\x05\x00\x8f\'\x07\xf3O\x03\xcc\xdf\\{\xe5\xbfr\xe5W\x00`\xe9\xcc-|\xe8\xeaV\xf7\xeb\xafW\x02@\xbb\x0e\x9d\x8bK\x8e\xc1\xfb\xdf4\x10B\xb8\xdc\x8e\x9e\xc7\x9f\x08\x00\xab\xd7\xac\xf9`\xfe|\x00h\xdb\xa1#\xe6\x9f\x1e\x98\xbf\xb9\xf6\xcc\xbf\xb4\xb44\x12\x89XzR\x98\x85\x87\x8b\xa9q\xb8UUU\x00\x90WP\xe8\xce\xf1F\xc2\xf5\x96\xae\xc6\x96 \xa5d\x0c\x8aK\x8e\x01\x80\xba\xdaZ\xd5\x11\x97\x97\x8f\xf9\xa7\t\xe6o.\x95\x7f\x9b\x92v\x00\x10\x0c\x86\x1a\x1a\x1arrr\xcc&gt;\xa8#g\xd5\x02\xa0\xe6\xe0\x05\x83\xc1\x8d\x1b7\x02@\xd7\x1e\xc7i\x9a\xb4n\x1d\xb6\x10J\x88a@\xd7\x1e\xc7\x01@EEEuu5`\xfei\x84\xf9\x9bK\xe5\xdf\xa5G/\x00\xa8\xaf\x0f\x95\x96\x96\x16\x16\x16\n!,\xba6\x9cU\x0b\x80"\xa5\xd4u\x03\x00r\xf3\xf2)\xcd\x84\x89y\x96 %\xe4\xe6\xe5\x03\x80a\x18\xea\n\x14\xf3O\'\xcc\xdf\\-\xf9\x0b!\x0c\x8b\xcf\xba\xb0\xfc\r\xa3\xea\xf4\xb4\xfa\xdb`9*\xf0\x96\xdd\x910\xff4\xc3\xfc\xcd\xd5\x12\xb8\xd5\x1f\xbaX\xbe\x00(V\x7f\x1b,g\xaf\xc01\xff4\xc3\xfc\xcd\x951\x81gH\x01@\x08!t\xb8\xb0\x00 \x84P\x96\xc2\x02\x80\x10BY\n\x0b\x00B\x08e),\x00\x08!\x94\xa5\xb0\x00 \x84P\x96\xc2\x02\x80\x10BY\n\x0b\x00B\x08e),\x00\x08!\x94\xa5\xb0\x00 \x84P\x96\xc2\x02\x80\x10BY\n\x0b\x00B\x08e),\x00\x08!\x94\xa5\xac\xbd\x1f\x00B\x87KJ)\xa5\x90\x12\x00$H\x00\x02\xcd\xcb*\x93\x8cY\xe2\x11\xa1C\x84\x05\xa0\xb5P\r\x93j\x90Z`\xab\x94,RJ!8\xa5\xd4fw\xd8\xed\x0e\xc6\x80\x10\x00\x02 A\x080\x0c\x91\x887\xea\xbaN\x00\xa85\xb7v\xb2:&lt;\xffM\x81\x05\xa0UP;\\\xba\xdc\xde\xbd6u\xe2\xdc\x8876\xe2g\xe0h\xa8\xa6\xdf\xe1p\xba=\xdex\xa3\xb1\xbbl\xc7\x8em[\xcaw\xef\n\xd5\xd6\xeaF\xc2\xeep\x16\x14\x16\xb7\xeb\xd0\xa9C\xe7\xae\xf9E\x85R@$\x1c\x96B`\x19H\'&lt;\xff\xcd\x82\x05\xc0|\xea\xec\x97RN\xb9\xe1\xaa\xf2\xb2\x9d\x84P)\x05\xa5L\x08&gt;h\xc8\xf0IwO\x8dF\xa2\xb8\xd9\xf7\x91Q\x9b\xb5\xfa\x03\xde\x1d?l\x7f\xf5\xa57?\x9a\xffn\xe9\xbaU\xe1\xfa\xd0\xbe\xdf\xd9\xb6]\x87\xfe\'\r;\xff\xd21\xc3N\x1ba\xb3\xdb\xc3\xf5!\xc6\xf0\xd3\x91\x0ex\xfe\x9b\x08Oq\xf3q\xce\x03y\xdeG\xef\xbf\xf7\xddys\xf7\xfaRN\x8eW\xd3\x18\xee\xf5zd8\xe7n\x8f\'\x11\x8f?\xfd\xc8\x83\xff\x98\xf5\x97\x9a\xeaJ\xf5:!\x84PJ\x00T\x1f\x90\x94 \x04/\xdb\xb9\xbdl\xde\xdcw\xe7\xcd\xed?x\xd8\xa4\xbb\xa6\x0e;\xe3\xcc\xfa`\x182h\xef\xa7V\x0b\xcf\x7f\x13a]5\x19\xe7\xdc\xef\xf7\x7f\xfe\xdf%/&gt;=C\xd34\xc64\xca\x18e\xccf\xb7S\xc6\\n\x0f\x9e\xfcG\x86s\xc3\xeb\xf3\xfd\xb0u\xd35\xffw\xfaS\x0f\xdf_S]\xc9\x98F)#\x84H)\xa5\x10\xcdO\x83\xa5\x94\x82\x10B\x08e\x8cQJ\xbf^\xfe\xf9u\x97\x8ex|\xfa\xef\\n\xb7\xba25\xfb\xaf\x92\xc9\xf0\xfc7\x17\xde\x01\x98IJi\xb3\xd9B\xa1\xe0\xfd\xb7\xdf\xc09\xa7\x94\n!\xd4\x97\x08\x80\xe0\xbc\xe5?\xd1a\xe1\x9c\xe7x\xbd\xa5kWM\x18}~U\xc5nM\xd38\xe7\x9c\x1b\x00\xc0\x18\x93R\n!\xf6l\xd9)e\xea\xa7@=\x04\x96\xf2\x85\'\xfe\xb8k\xfb\xf7\x8f&lt;;;\x11OH)\xf1&gt; \x15\xf0\xfc7\x1d\x16\x003\t\xce\xfd\xb9\xde\xbb~}\xeb\xf7[61\xc6T\x03\x84\x8e\x92\x14\xc2\xe9tT\xec.\xfb\xf5\xd5\x17\xab\xd6\xdf0\x0ch\xee\xccQ!\xfb\xfc\x81\xc2\xe2\x12\xa7\xcb\xd5\xd8\xd0P\xb1{W$\\\x0f\x00\xaa\x01\x12\x9c\x13B4\x9b\xed\xddys\x1d\x0e\xe7\x1f\xff\xf2R8T\x8f\x05 \x15\xf0\xfc7\x1d\x16\x00\xd3pn\x04\xf2\x02\xef\xbe\xf9\xc6\xbcW_Rg\xbf\xea\x9d0\xfb\xb8,O\x02h6\xdb\xfd\xb7\xdd\xb8{\xe7\xf6=[\x7f\x95\xed\xe9\xe7\\x\xd9U\xe3\x8e?\xb1\x9f/\x90\xab\xd9l\x86\xae\x07kkV\xad\xfcr\xeeK\xcf\xad\\\xf6\xb9j\xe8\xa5\x94\x86\xaek\x9am\xde\xab\x7f\xebuB\xdf\xeb~=\xa9\xae&amp;\xc84\xfc\xb0$\x13\x9e\xff\xad\x01&gt;\x030\x87\x14\xc2\xe1t\xed\xda\xb1\xe3\xa1{~\xa3\xce{&lt;\xfb\x93\x82s\xc3\x17\xf0}\xf0\xef7?Y\xfc\x01\xfbi\xeb\x9f\xe3\xf5=1k\xee\xcc\xd7\xdf\x19q\xc1\xc5\xf9\x85E\x84P\xae\xeb\x84\xd0\xc2\xe2\x92\x8b.\x1f3\xe7\xdd%S\xa6&gt;\x02\xa0\xbe]\xdd+\x18\x94\xd2\'\x1e\xbcw\xd3\x86\xef\\n7vG$\x11\x9e\xff\xad\x04\x16\x00sH\x00\x87\xc3&gt;\xfd\x8e\x9b\xab+\xcb\t\xa5\xeaY\xe4i\xe7\\\xe8t\xb9\xcd&gt;4k\xa3Tk\x8c5\xcczzFK\x83\xa2&amp;\x13\xb9\\\xeeg_\xf9\xf7\xa5W\x8e\t\xd6\x06\xeb\x83!]\xd7\x01\x04\x10\x02 t=\x11\xac\r\xc6\xa2\xb1[\xef\xba\xeb\xa1\xa7^\x94R\xa8A\x87\xaaU\x8aF#\xcf=\xfe\x90\xc3i\x97\x12\x0b@\xd2\xe0\xf9\xdfJ`\x010\x81a\x18\xb9y\xbe\x7f\xccz\xee\xa3\x0f\xdfeL\x03)\t@\xa7\xae=\xc6\\wc&lt;\x8e\xd3^\x8e\x9c\xe0\xdc\x93\xe3\xfe\xea\x8b\xcfJ\xd7~\x03@\x04\xe7\x00@(\x15B\xdcr\xd7\xb4S\xcf&gt;\xbdrw-\xd34\xc6\x18i\x9a\x07\x0c\xaa@0M#\x84\x94\xef\xae\xbbz\xfc\xb8q7\xdf\xce9W\x8f\x85\x85\x10\x84\x90\xf9o\xbf\xb1~\xcd\x1a\x97\xdb\x837\x01I\x81\xe7\x7f\xeb\x81\x05 \xdd\x84\x1099\x9e\xf5k\xd6=\xfe\xc0\xdd\x94R!\x9a\xba&gt;\'\xdcz\x97;\'G\n\x81\x1f\x80#&amp;\xa5\xb4\xd9\xe8G\x1f\xbe\x0b\x00\x94QP\xad?\xe7\xed;v\xb9\xe2\xba\x1bj\xab#6\xbbm\x7f?K\x08\xd14\xad\xae&amp;z\xcb\x1d\xf7u\xec\xd2M\xdd\x07H))cz"\xf1\xf6\x9b\xffp\xb9l\x12\x0b\xc0Q\xc3\xf3\xbfU\xc1\x02\x90f\x92\x12"\x84\xb8\xef\xb77\xc4\xa2\x115%\x89s\xde\xa5{\xcf\xd1\xd7^S\xbek\x07\x00\x00~\x00\x8e\x14eZ4\xd2\xf8\xbf\x15K\x01@5\xd6\xaa3\xe7\xac\x0b/\xcd\xcd\xf3\x19\x86\xb1\xd7R3{!\x84\xe8\xba\xee\xcf\xf5_{\xe3d)\xa5z#\xd4\xefY\xfc\xfe\x7f\x82\xb5\xf5\x9am\xbf\xf5\x03\x1d\x1a&lt;\xff[\x17,\x00ie\x18\xdc\x9f\xe7}\xeeO\x7f\xf8f\xc5\x17L\xd3\x04\xe7\xeal\xbf\xeb\x81\xc7=9Z8\x14\x82\x037Qh\xff\xa4\x946\xbb\xad\xaa\xb2|\xfb\xf7[\xd5\x7fBs\xf3=p\xc8)\x86!\xe9!\xb4,\x8c\xb1h\xb4\xf1\xcc\xf3.\x0e\xe4\xe6\xab\xf1\xa0\xaa\x17h\xfb\xd6\xcd\xa5\xebV9].\xec\x05:\x1ax\xfe\xb76X\x00\xd2\x87s\xee\xf3\xfb\xbe\xfc\xe4\xd3\xbf&gt;\xf9\x08cLp\xaeF\xbf]=\xfe\xe6\xd3\xce\xbe \\\x0f\x89D\xdc\xecc\xb40)\xa5M\xb3U\xed.S\x83\xfa\xa5\x04\xd5|\xdb\xed\xf6\x0e\x9d\xba\xea\t\x83\xd0\x83\xb7-\x84\x90D&lt;\xde\xa6\xed1\xfd\x06\x0f\x85\xe6\x1b\x08\xca\x98\x04\xf9\xcd\x8a/\xedv\x8a\xbd@G\x0c\xcf\xffV\x08\x0b@\x9aH)5M\x8b\x84\xc3\xf7\xddv\x83a\xe8j\x84\t\xe7\xbcG\xaf\xde\xb7\xdf\xffp8\x14b\x0c\xe2\x8d\r\x00x\x0b|\x84\xa4\x94\x94\xd1`\xb0\x16\xa4\xa4\x94\x024\x8d)\xf4\xfa\x02\xbe@\x1e\xe7\x07\xe9\xff\xd9\xf3\x171\rN\xec?\x08\xa0\xf9\xbd\x90\x00\x00\xdf\xae\xf9\x1f\x17\xf8\xee\x1c!&lt;\xff[\',\x00i"8\xf7\xf9=\x8fM\xbdk\xeb\xa6\rj5\x02B\x88\xcdn\x7f\xe0\xc9\x99.\xb7\xc7\xe0\x06\xa1\x90\xd0u\xb3\x0f\xd3\xda\x08\x81X,\xda\xf4\xa7\xe6\x7f:\xddn\x9b\xcdv\x18c\xcc\t\x11\x1c:w\xed\x01\x00RH\x00P\x03@\x7f\xd8\xb2\xa9!\xda\xa8\x9e-\xa3\xc3\x85\xe7\x7f\xeb\x84gs:p\xc3\xf0\xe7\x05&gt;\xf8\xf7\xbf_\xff\xfb_\x19\xd38\xe7\x941\xce\xf9M\xb7\xdf7h\xe8\xc9\xe1\xfa\xfa\xa6\xb5h\x0c\xc3\xec#\xb5&lt;\xd5d\xef\xedp\xae)\t\x01!d 7\x1f\x9a\x9b~U&lt;*+vG\xc2!\xc64\x9c\xaft\xb8\xf0\xfco\xb5\xb0\x00\xa4\x9c\x14\xc2\xe1t\x96\xef*{\xe0\xae[\x08!R\n\xca\x187\x8cAC\x86\xdfp\xdb]\xc1\xda\xb0\xa6i\xa0\x16&amp;\x16\x02\xf0!\xd8\xd1q8\x9d\x00\xcd\xdd?R\x02@c,\xa6\'\xf4\xc3\x19\\H\xa4\x84}\x17\xa0\x8f\x84\xeb\xc3\xf5!\x86\x1b\xc5\x1c&amp;&lt;\xff[3,\x00)\'\xa5t\xba\x9c\x0f\xdc5\xa9\xb2\xbc\x8c\xa8\xe5\x85\xa5\xf4\xfa\xfc\x0f&lt;\xf9W)%^N&amp;\x0b! \xb8\xf4\xf9\x03\xd0|\xe5\xae\xd4\x87\x82u\xb5\xd5L\xb3\xb5&lt;\x1580)%cPY\xb9\x1b\x00\xc8\x1ee \x11o\x8c\x86\xc3\x8c\xe2\xf2\xf4\x87\x07\xcf\xff\xd6\x0c\x0b@j\x19\x86\x91\x9b\xef\x7f\xedo3\x17\xbd\xf7\x16c\x9a\xe0j\xab#q\xd7\x03\x8fw\xef\xd53\x16\x8d\xe1VG\xc9B\x80\xea\x86^X\xdc\xd6\xe1t\xb5\xac-C)\xd5\xf5\xc4\x96\xef\xd6\xdb\xedL\xfcl\xef\xd0&gt;\xa4\x94\x94\x91/\x96,\x82\xe6\x05DU#%\x84h\x8c7\x1e\xcaP"\xd4\x02\xcf\xffV\x0e\xd3O!!\x84\xc7\xe3\xf9n}\xe9\x8ciw\xa8I\x8f\x94Q\xce\x8ds.\x1a9\xfa\xda\xf1u5!\r\x17\x98L\x1eB\x89\xae\'\x8aK\xda\x1e\xd3\xbe#4\xb7\xdd\xea\x12\xfe\xe3\x85\xefSzHk\x8d\t\xc1]n\xf7\xd6\x8d\x9b\x17\xbc\xfb\x16!M\x8bI\xb4\xfc6q\xe8C\x89\x10\x9e\xffV\x80\x05 \x85\x08!@\xe0\xbe\xdbn\x8c\x84\xeb\xd5\x9adR\x886\xc7\xb4\xbb\xef\xd1\xa7\x1b\x1b\x1a)^K&amp;\x1b7\x0c\x9f?\xa7\xef\x80\x93\xd4\xa6\x8f\x00\xa0&amp;s-z\xff\xdf\x9b\xbf\xdb\xe4v\xbb\x0f\xbc\xe2\xbc\x9a\xf3\xe5t\xda\x1f\xb9oJ$\x1c"\xe4\xc7\xed\xc0\xd4\xbf\x08\xc1\xcf\xcba\xc0\xf3\xbf\xf5\xc3\x13:U\x0c\xc3\x08\xe4y_x\xf2\x91\x95_~\xda&lt;\xe9\x91H)\xa7\xcex\xb6\xb8MI\xbc\xb1\x11[\x93\x14 \x9c\xcb3\xcf\xbfDm\xfa\x08M+z\xd2h$\xfc\xe8\xd4)\x0e\xa7\x9di\xcc0\x8c}o\x05\xa4\x10\x86\xa1\xdb\xedv\x7f\xc0\xf7\xd0=\xbf\xfd\xef\xfc\xb7\x99\xa6\t\xb1G\xb5\x90\x12\x00\x98\xa6\x01\xf6Y\x1f\x1a&lt;\xff-\x01\xdf\x83\x94\xe0\x9c{}\xbe\x15K\xbfx\xfeO\x0f\xed9\xe9\xf1\xaa\xf17\x9f}\xe1Euu\xb8\xbbHJ0\xc6\xa2\x91\xe8\xd0S\xcf\xecq\xdc\tj\x1d7\x00\x10\x82S\xca&gt;\x9a\xff\xce}\xb7\xddd\xb7\xdb\x03y\x01M\xd3\xa4\x10\x82s\xc1\xb9j\xe5\x1d.W~an\xb0\xae\xe6\xd6\xeb\xc6\xbc\xfc\xfc\x93\x8ci{\x0eIT\xfd?\x941\x87\xc3!\xb0\x00\x1c\x02&lt;\xff\xad\x02\x0b@\xf2\xa9I\x8f\r\xb1\xe8}\x93o\xd0\x13jGY\xaa&amp;=N\xb9\xff\xe1\xfaP\x14\x87\x12\xa6\x0e\xe7\xdc\xedq\xdf|\xc7\xfdR\xfe\xb8\xf8\x8f\x10\x9cR\xfa\xda\xec\xe7\xc7\x9cw\xca\x07o\xbdQ\x1f\n:\\n\xaf\xdf\xef\xf5\xfbs\xbc~ \xb0u\xd3\x86g\x1e\xf9\xc3%\xa7\rx\xff\xdf\xaf3M\xe3\xdc\xc8\xcd+p\xb9\x7f\xb26\xbd\xddfw\xb9=Rp\\\xae\xf2\xc0\xf0\xfc\xb7\x10\xac\xc3\xc9\xc79\x0f\xe4z\xef\xff\xed\xa4M\x1b\xd61\xc6\x84\x10\x94\xfe8\xe91\x12\x0e\xe3\x07 u\x18c\xf5\xc1\xfas/\x1e\xf9\xd1\xfc\xb1o\xbf1\xc7f\xb3\xe9\xba\x0e\x00B\x08J\xe9\x9a\xaf\x97\xfff\xdc\xe8\xbc\x82\xa2\x8e]\xba\xe5\x15\x14j\x9a-\x1a\xae/\xdf\xbd\xeb\xfb\xcd\x1b\rC\x07\x00\xcdf\xe3\x86\xe1t\xb9\x1f{a\xce\xbd\xb7^\xdf\x10\x8b\xb54\xf7N\x97\xdb\x93\xe3\xe5\xb8\x16\xd0\xc1\xe0\xf9o!X\x00\x92\x8c\x1bF 7\xb0\xf0\xbdw\xff\xf1\xe2_\xd4m/\xd34n\x18\xb7\xdc5}\xd0\xd0\x93k\xaa\x828\xf2!\xd5\x08%\r\xd1\xe8\xb4\xc7\x9f\xdd\xbdk\xfb\x8a\xa5\x9f0M\x13BH!T\r\x00\x80\xda\xea\xca\xda\xea\xca\xbd~\x8a1\x8dPb\xe8:\x00\xccx\xee\xe5\x9e\xc7\x9fX\xd3\xfc=\xaa\xf3\xda\x1f\xc8u\xb9\xdc\x027.? &lt;\xff\xad\x05\xbb\x80\x92IJ\xe1p:\xab\xca\xcb\xa7\xdfqs\xd38t5\xe9q\xe8\xf0\x1b&amp;\xdf\xd92\xe9\x11\xa5\x14!\xc40\xb8\xa6\xd9\x9e\x7f\xf5?\xe7\\4\x92\x1b\x86\x14\x821\xc6\x18\x93\xb2\xe9\xb10U\xff\xcd4\xa65\x11B\x18\xba\xee\xf6x\x1e{a\xceeW]\xfe\xc3\xd6Mj\xb1\xe2\x96\x8d\x01\xf2\n\n\xdd\x9e\x1c\x81;\x96\xec\x1f\x9e\xff\x96\x83\x05 \x99\x84\x90.\xb7\xf3\xc1\xbb\x7f\xb3{\xd7\x0e\xb5\x9f\x94T\x93\x1e\x9f\xc0I\x8fiE)M$\x12\x9af\x7f\xf2\xa5\xd7\x1f|rf\xfbN]8\xe7\x9cs)\x85\x94\x12@\x82\x94RJ\xce\rn4\x91R\x0c\x1fq\xde\xdc\x0f&gt;\xbf\xe8\xf2\xab\xc2\xf5\xbc\xa6\xaaR\x95\n\x00 @\x00\xa0\xe4\x98\x0e6\xbb\x86\xfb\x01\x1c\x00\x9e\xff\x96\x83\x059i\xb8a\xe4\x16\x04^\x7f\xf9o\xf3\xdf~\x831\x8d\x0bN\t\x15\x82O\x99\xfah\xd7\x1e=k\xabk4\x9b\xb6\xbfq\xe8\xa2\xb9y\xda\xebu)\xa5j\xb9\xf6|\x91Q\x8aK\xe6\x1e\x14\xa5\x94s\xde\x10\x8d\x8e\xf9\xd5\x84\xb3.\xb8\xe4\xbf\x1f\xbe\xb3\xe4\xc3\xf7\xbe]\xfduUE\xb9\xae\'Z\x1a#\x97\xdb\xd3\xaeC\xa7\x01\'\xfd\xf2\xdcKF\r\x1a2\\H\x11\xac\xad),.\xf8a\xeb&amp;P\xf3\xc8\x84Ps\xbf:v\xedN\x19\xe00\xd0\xfd\xc1\xf3\xdf\x8a\xb0\x00$\x87\x10\xc2\xed\xf1l\xde\xb0\xf1\xd1\xfboW\xbb\x90SJ\x05\xe7#\xc7^?\xf177\x84\x822\xaf \xff\x00?\xae\xeb&lt;\xe0g\x0e\x87k\xaf\xd7m6\xbb?\xc0$\xe4j\xec\xc73&gt;\x16m\x10\x02\xa7\xa4\x1e\x1c!\x04\x08\t\xd6\x05\x9d.\xf7\xa8\xb1\xe3F^5\xae\xb6\xa6\xba\xb2\xbc\xac\xae\xa6:\xde\xd8H)u{r\xf2\x0b\x8b\x8b\xda\x94\xf8\xfc9\xba.\xa3\x910\x00h\x9a\x8ds\xf8n\xfdZ\x80\xa6\t`j\x85\xd1\xee\xc7\x1e/p?\x80\xfd\xc0\xf3\xdf\xa2\xb0\x00$\x87Z\xe6\xf0\x81;o\xa9\x0f\x06)cBp\xe0@\x08\xa9\xd8\xb5s\xfc\xa81\x86\xae\x13B\x0f\xb0\x18\x99\x94\xd2\xee\xb0\x97\xae]\r\x00\x9c\x0b\x00P]\r_/\xff|\xc2\xe8+\xf5Db\xcf~\xe7[\xefy\xa0C\xe7\xae\x89x\x1c;\xa3\x0f\x85Z\x7f8X\x17"\x00.\x97\xbbk\x8f\xe34MS\xc9\t!\x0c\xc3\xd0\x13\x89\xba\xda !D-J\x0c@\xc2\xf5\xe1\xf5k\xbe\x01\x00)\x05!D\x08n\xb3\xd9\xbb\xf7:^\x8f\x1f\xd6\xaa\xa2Y\x04\xcf\x7f\x8b\xc2\x02\x90\x04RJ\xc6\xb4P0T\xban\x15!\xa4i\x17\x11\x00\x90\xf2\xb3\x8f\x16\x1c\xfeo\xfbq\r\xfa\xdd\xbbv\xbc\xf7\xaf\xd7\xf6\xfa\x86ko\xf8\r\xeb~\xacll\xc4\x0f\xc0!"\x84\xa8\xa1\x87\x9cs\xc3\x88\x01\xc8\x96\xb5\x1d\x14\xc6\x9a&gt;\x08B\x08\xb7\xdb\xbd~\xcd\xaa\xed\xdb6C\xf3\xe0Q)e\xa7n\xdd\xdbw\xec\x1a\x8f\xc7q\xf1\xb2}\xe1\xf9o]X\x00\x92\x86Pb\xb7;\xd5:\x94-/RJ\x0f|\xed\xb3\xe7/\x10R\xec\xb5\xe5l\xf3e\xe9O~\x1c\x17$8b\xaa\xb9?\xc07H!\x1cN\xed\x8bO\x16\xb7\x8c_T\x8f\x01\x06\x0e\x19\xee\xf5\xb9\xebjp\n\xeb~\xe1\xf9oEx6\'\x13!\x842F\x08\x95\xf2\xc7\xcf\x80&lt;\xb4e\xe8\t\xc8\xfd\x9c\xd6{\xbf\x8a\xe7~\xeaP\xc6\xa2\xd1\xf8\xfc\xb7\xdf\x80\xe6\xfdI\xd4?O\x1dq&gt;\xe7\x12/9\x0f\x0c\xcf\x7f\xcb\xc1\x02\x90L\x91pHp\x0e\x90\xb4\xb9Bj\x14\xc4^/\n\xce\xf1\tX*pn\xf8\x02\xfe\x8f\xe6\xbf\xbf~\xcd7\xb4\xe5I\xa6\x90\x1d:u\xed\x7f\xd2\xd0X4Fq\n\xeb\x01\xe1\xf9o9X\x00\x92C\xed=r\xf2\xf03\xeaj\xaa\t\xa1\xfb\x0eh;\xe8\x8f\xdbl\xda\xf6m[w\xed\xf8A\xcd\xa0Q\xff\xcc+(\xea\xd1\xebx\xc3\xe0{^z\xe6x}B\x18x5\x9a\\RJJ\x99\x1eO\xfce\xc6t\x00PM\x0c!\x14\xc0\xb8`\xe4\x95\xb9y\xfe\xdaj\xec\xff\xd9/&lt;\xff-\nO\xe8$PC \xecv\xc7S\x7f{\xf3\xc8\xceK\xc30\n\x8bl\x0f\xdd=\xed\x99\x19\xd3\x19c\x86a\xa8a\xec\'\x9fr\xfa\xcc\xd7_\x0b\xd6\x19{.\x9f\x12ol\xc0!\x10I\xc7\r\xbd\xa8M\xde\x8c\xa9\xf7\xaf[\xb5\x922\xa6\x96/\x16Rx}\xfeK\xaf\xbc.\x1a\x8d\xe3\xe5\xff\xfe\xe0\xf9o]X\x00\x92)\x16\x8d\x1c\xd9\x0f\x1a\x86\xe1r\x05\x12\x89\xc4\xde\xaf\xebz$,\xa2\x91\x9f\xac\x9f\x85\x03Q\x92K\x08!\x84(j\x93\xf7\xcfW\xe6&lt;\xf7\xa7\x87(cj\x0c"\xa5\x8cs\xe3\xaa\xebo\xee\xd2\xad\x0b^\xfe\x1f\n&lt;\xff-\x07\xcf\xe9d:\xe2S\x93RJ)\xdd\xf7\xa2\x86\x10B\x9b\x1d\xf5\xd1e\x1d)\xc5\x01v\x1dQ\x8b\x13\x08!\x9cN\xa7\xc7\xeb|\xe5\xaf3\xa7\xddq\x13\x00\x91B\x80\x94\x94R\xce\x8d\x8e]\xba\x8d\x9f4\xa5&gt;\x84\xbd\xff\x87\x04\xcf\x7f\xcb\xc1\x02\x802\x13\xa5T\xd3\x1c\xf1x\xa3\x10\xa2i \x89j^$\x00\x01B\x08\xd3lN\xa7\xd3f\xa7;\xbf\xdf\xfe\xc0]\x0f\xbe9\xe7E\xb5\x8bp\xd3@FB\x18c\x0f&gt;\xf1W\xaf\xdf\x1f\xae\xc7\x15\x8cQf\xc2\x02\x802\x10\xa54\x16\x8d\xd4\xd5\xd6\xb4\xef\xd8\xd9\xe9r\xaa\xd6\xbb\xa9\n\x10\x90\x12\x0c\x03Bu\xb5\xdf\xaeZ\xb9\xe8\xfd\xff\xbc\xfd\xc6\x9c\xba\x9ajB\xa9\xba)Pc\x19\xb9a\xfc\xfe\xe1\xa7\x86\x9e~z\x1dv\xfe\xa0\xcc\x85g6\xca4R\x08\x9b\xd3Y\xb9e\xf7U\x17\x9c\xd2\xbeS\x97.\xdd\x8fm\xd3\xb6} /\xdf\xe1pp\xcec\xd1HMu\xe5\x8em[\xb6n\xfen\xd7\xf6\xef\xd5\x8f\xa8\x95\xeb\xd5\x1f\x84\x10\xdc0n\xbd{\xfau7\xddZW\x13\xc2\xd6\x1fe0&lt;\xb9Q\x06R\xa3\x12\x1bb\xb1\xd2\xb5\xabJ\xd7\xae:\xc0w2\xa6\t\xc19\xe7\xaa\x0f\x9asn\xb3\xd9\xef\xfd\xe3\x13c\'\xde\x1c\xaa\x0ba\xcf\x0f\xcalX\x00Z\x15\xb2/\xb3\x0f\xc9\xc2\x18cR\nJi\xcb\xda4\xcdk\xfb7?\x02\x96R\xc8\xa6\xd5~\xd4\xc8\x9f&gt;\xfd\x07\xdf\xf3\xd0\x13\x03\x87\x0c\xa9\xab\xc5\xd6?\xfd\xf0\xfcO7,\x00\xad\x88\x10\\Ji\xe8\xba\x040\x0c\x03\x00\xb8a\x98}P\xd6\xa6\x1e\xe7\x82\x90\xcd+\x08\xa8\x85\t\x88Z\xd5Y\r\xf8Q3M{\xf4\xea}\xf5\x84[\xfeo\xf4X\x87\xc3\x89k\xfe\x98\x02\xcf\xff\xf4\xc3\xb3\xbc\xb5\x90R\xba\\n\xaf?\xa01fp\xce(\xe3\x82{\xbc^\xdcG\xe9\xc8\x10B\xf5DB\x82\x84\x03\xee\xe2\xdb\xaeC\xa7~\x83\x87\x9eu\xe1eC\x86\x9f\xe9\xf3{\xc3\xf5\x91h8\x8c\xad\x7f\xfa\xe1\xf9o\n&lt;\xd1[\x05M\xd3\xeaC\xb11\xd7\xff\xfa\xb2\xab~\xd54N\x85\x00H\xd0l\xf6X4\x86}\x11\x87\x85P\xaa\xc7\xe3m\x8ei\xf7\xf7w&gt;\xda\xba\xb1t\xf7\xce\xed\xb5\xb55\x91\xfaP\xbc\xb1\x91\x10p8\x9c^\x7f\xa0\xa0\xa8M\x87\xce];w\xeb\xd9\xb1K\xb7\xbc\x82|)!\x16\x89\x06\xeb\x82\x8ci8\xe4?\xfd\xf0\xfc7\x0b\x16\x80\xd6B]\x01y&lt;9\x12\xd4\xc9\x0f\x04@H)\x0ex\x01\x8b~\x96\x04\xd04m\xd0\x90\xe1C\x87\x9f\xaaz\x80\xa4\xf8q\x18\xa8\xdaRP\x08\xd0u\x91\x887\x86\xeaB\x00\xc0(m\xd9\x15\x00\xa5\x1f\x9e\xff\xa6\xc03\xbe\x15Q\xc3Q\xf6z\x11\x9f\x83\x1d\x19)e4\x12\x96R\x80l\xda\xc7\xb1e\x1eX\xd3\x93\x80\x1fw\x83\xc1\x0b\xccV\x01\xcf\xff\xf4\xc3\x02\xd0\xaa\xe0\xd9\x9eL\x94R\x00\\B\xc0B\xf0\xfcO7\xfcx \x84P\x96\xc2\x02\x80\x10BY\n\x0b\x00B\x08e),\x00\x08!\x94\xa5\xb0\x00 \x84P\x96\xc2\x02\x80\x10BY\n\x0b\x00B\x08e),\x00\x08!\x94\xa5\xb0\x00 \x84P\x96\xc2\x02\x80\x10BY*C\n\x00N!O\xb3\xbd\x02\xc7\xfc\xd3\x0c\xf37W\xc6\x04n\xed\x02\xd0\xb2\x91\x93\xae\'p\xd9\xf0t\xd2\xf5\x04`\xfe\xe6\xc1\xfc\xcd\xa5\xf2\x07\x00\x95\xbfuY\xb5\x00\x10B\xa4\x94&gt;\x9f\xaf{\xf7n\x00\xb0a\xddj\xddP\x8b\x7f\xa1\xd4\x12R\xdal\xb0a\xddj\x00(..\xee\xda\r\xf3O+\xcc\xdf\\*\xff\xef\xd6\xad\x01\x00\x9f\xcf\xdf\xbd{w\xb0\xf2\r\x81\x85\xcf\x18)\xa5\xa6i\x05\x05\x05\x00\x10\x0c\xd6&amp;\x1a\xe3\xd6}\x1b\xacEH\xa8\xa9\xae\x04\x00\xaf\xd7[\\\\\x0c\x98\x7fza\xfe\xe6j\xc9\xdf\xe3q\xe7\xe6\xe6\x02\x16\x00S\xa8\x9b\xaf\x13O\xec\x03\x00\xdb\xb7n\xae\xae\xd8m\xb7\xdbq\x03\xb9T\xa3\x94\xc6\x1b\xb9\xba\x02\xed\xdd\xbb\xf7\xd9g\x9d\x05\x00;\xb6m\xc1\xfc\xd3\x03\xf37\x97\xca\xbft\xdd*\x00\xe8\xde\xbd\xbb\xc7\xe3\x11B`\x010\x81\n}\xc0\x80\xfe\x00\x10\xae\x0fm\xd9\xb4\xc1\xee\xb0K\x8bw\xc9\xb5rRJ\xbb\xdd^SY\xfe\xfd\x96\x8d\x00\xd0\xfb\x84\x13\x86\r\x1b\x06\x98\x7f\xba`\xfe\xe6\xda+\xff\xbe}\xfbRJ-\xfd\x18\xc0\xc2\x05@\xf5x\x9e|\xf2\xc9yyyB\x88\xa5\x1f/\xd24"\xf0\n(\x95\xa4\x10N\x97c\xd5\xcae\xb5\xd5U\x94\xd2_\x0e\x1b6h\xd0\xa0@ \x80\xf9\xa7\x07\xe6o\xae\xbd\xf2?\xeb\xac\xb3\xc0\xca\xfd?`\xe9\x02@\x08\x11B\x94\x94\x94\xf4\xe9\xd3\x87\x10\xf2\xc9\xa2\xf7\xebC1M\xc3=\xceRHH\xc9\x18Y\xfc\xc1\xdbR\xca@ \xd0\xbf\x7f\x7f\xb7\xdb\xdd\xb7o_\xcc?=0\x7fs\xed\x95\xff\xd0\xa1C\x01\xac\xfd\xec\xdd\xc2\x87\x0e\xcd\x8f\x01F\x8f\xbeBJ\xf9\xfd\x96M+\x96.\xf1\xe4x\xf6\xddV\x14%\x85\x94\xd2\xe9t\xee\xf8a\xe7\xe7K\x16\x00\xc0\xd9g\x9f\xa3\x9e\x80]q\x05\xe6\x9f\x0e\x98\xbf\xb9\xf6\xcd\xdf\xef\xf7s\xce\xf1\x0e\xc04j;\xef\x91#/+..\x96R\xbe\xf8\xccc\x96~ \xd3\xcaq\xce=^\xe7k\x7f{\xae\xa6\xaa\x9216q\xe2\x045\x18w\xe4\xc8\x91\x98\x7f\x1a`\xfe\xe6\xfa\xd9\xfc\xcd&gt;\xa8\xa3e\xed\x02@\x081\x0c#??\xff\xea\xab\xaf\x96R~\xf5\xc5\xa7\x9f.^\xe8\xf3y\xf1"(\xe9\xa4\x94\x0e\xa7s\xd7\x0f\xbb\xfe\xf9\xca,B\xc8/~\xf1\x8bSO=U\x08\xc19\xc7\xfc\xd3\x00\xf37\xd7\xfe\xf2W\xd7\xa0\xd6e\xed\x02\x00\x00\x94R)\xe5\xc4\x89\x13\x03\x81\x00\x00\xcc\xfc\xf3\xc3\x1c/\x82R\x80\x1b\x86\xcf\xe7\xfc\xfb\x0bO\xd5\xd5T\x03\xc0\x1dw\xdc\x01\x00RJ\xcc?=0\x7fs\xed/\x7f\xb3\x8f\xebheB\x01\x10B\xf4\xe8\xd1c\xf2\xe4\xc9R\xca\x95\xcb&gt;{\xf9\xf9\xa7\xf2\x0b|\xba\xae\x9b}h\x99\x83\x1b\x86?\xe0_\xf6\xd9\x17\xaf\xccz\x1a\x00N9e\xf8\xa8Q\xa3\xd4\xe5\x0f\xe6\x9f\x06\x98\xbf\xb9\x0e\x90\xbf\xd9\x87v\xb4H\x06\x141\xb5"J$\x12\xe9\xd7\xaf\xdf\xd6m\xdb&lt;\x1e\xcf+\xffYrB\xbf\xfe\xf5\xc1\x10\xc3A\x11GM\n\xa1\xd9l\x86\x9e\xb8\xe2\xdca\x9b6|K)[\xbe|Y\xbf~\xfd\xd4\xe5\'`\xfe)\x86\xf9\x9b\xeb\xa0\xf9[\x9a\xe5\xff\x02\x00@\x08!\x84\xf8\xfd\xfe\xb9s\xe7j\x8c\xc5"\x91\xbbo\xb9\xae\xb6\xba\xca\xeet`g\xe8Q\x92RJ)\x9dN\xc7\xfd\xb7\xdf\xb4\xb1t\x9d\x94\xf2\xf1\xc7\x1f\xeb\xdf\xbf\xbf\x10\xa2\xe5\xec\xc7\xfcS\x07\xf37\xd7\xa1\xe4oi\x99\xf0w\x00\x00J\xa9a\x18\x83\x07\x0f~\xec\xb1\xc7$\xc0\xa6\r\xdfN\x18}\x01\xa3\xd4\xe1tr\xc30\xfb\xe8\xacJ\x08!\xa5(*\xf1O\xbbs\xd2{\xff\x9a\x0b\x00#G\x8e\x9c&lt;y\xb2a\x18{\xdd\xfcb\xfe\xa9\x80\xf9\x9b\xeb\xd0\xf3\xb7\xae\x0c)\x00\x00\xa0i\x9aa\x18\x93\'O\x9e0a\x02\x00\xac\xfd\xe6\xab\xeb/?/\x1c\nz\xfd~\xec\x0f=\x02\xdc0l6[N\x8e\xf7\xee[ny}\xf6\xf3\x000p\xe0\xc0\x993g\xee\xaf\xeb\x13\xf3O.\xcc\xdf\\\x87\x9b\xbfEeN\x01\x00\x00\xc6\x98\x10b\xe6\xcc\x99\xea3\xb0\xec\xb3\x8f&amp;\x8c&gt;o\xdb\xa6\r\x05\x85\xb9\x9csK/\xd9\x91NRJC\xd7\xbd~\xbf\xae\xc7\xef\xbc\xe9\xbaW_|V\x089p\xe0\xc0\x05\x0b\x16\x1cx\xedC\xcc?)0\x7fs\x1dq\xfeV\x94\t\x0f\x81\xf7\xa4\x1e\x881\xc6&amp;N\x9c8k\xd6,\x00\x08\xe4\xe6\xff\xee\xe1?_&lt;\xfaj]\xe7\xb1H\x98P\x9a\x19\x9dw\xa9 \xa5\xe4\x9c;\x9cN\xaf\xd7\xb9b\xe9\x17S\xa7\xdc\xa4V\x9d\x1c4h\xd0\x87\x1f~\x98\x9b\x9b{\xd0\xaeO\xcc\xffh`\xfe\xe6:\xfa\xfc-\'\xd3\n\x004?\xb7\xa1\x94N\x9f&gt;m\xda\xb4\xe9\xea\xc5\xf3.\x1eu\xe3o\xef9\xee\xc4\xbe\x89\x84\x11\x8bF\x01$\xa5,\x93*\xf9\xd1h\xdaXJJ\x87\xd3\xe9\xc9q\xee\xdc\xbe\xeb\xd5\x97\x9e\x9d\xfd\xec\x9f\x12\x89\x04\x00\x8c\x1a5\xea\x85\x17^8\xf4\xb3\x1f\xf3?\\\x98\xbf\xb9\x92\x9b\xbf\xb5d`\x01\x80=&gt;\x03\x0b\x16,\x187\xee\xfa\xb2\xb2]\x00\xe0t:\xcf\xbbd\xf457\xdcz|\x9f~\x84@cC"\x91\x88\x0b!\xa4\x94$\xfb&gt;\n\x12@JI\x08\x10Bmv\xbb\xcb\xe5d\x0cv\xfc\xb0\xf3\x8dWf\xbe\xf1\xca\xac\xaa\x8ar\x00\xb0\xdb\xed\x8f&gt;\xfa\xe8\xe4\xc9\x93\x01\xe0\xb0\xce~\xcc\xff\xa00\x7fs\xa54\x7f\x0b\xc9\xcc\x02\xa0\x18\x86\xa1iZYY\xd9\xef\x7f\xff\xfb\xb9s_\x8b\xc7\x1b\x01\xc0\xe5r\x0f9\xf5\xcc\xd3\xce\xbep\xf0\xb0\xe1%\xc7tp\xba\x1c\x8c\x81a@\xe6\xc6\xb0_6\x1b\x08\x01\x89\x04\xaf\xaa(_\xbd\xf2\xcb\x8f\x17~\xf0\xd9G\x1fV\x96\xefV_\x1d1b\xc4\x83\x0f&gt;8x\xf0`\xb5\xbc\xcc\x114\x11\x98\xff\x81a\xfe\xe6Ju\xfe\x96\x90\xc9\x05\x00\x008\xe7\xea\x91\xfd\xf2\xe5\xcb\x1f~\xf8\xe1E\x8b\x16\xc5b1\xf5%\xaf\xcf\xd7\xa5{\xaf\xae=z\xb5m\xdf\xbeS\xd7cs\xf3\xf2\r\xc3\xc8\xd4\xb7\xf9\xa7$!T\xd7\x13\x1b\xd6\xad\xae\xad\xa9\xda\xb8~\xed\x96\x8d\xa55U\x95-_\x1e2t\xe8-7\xdf&lt;f\xcc\x18\xd8#\xc0#\x83\xf9\xff\x1c\xcc\xdf\\\xe9\xcb\xdf\x02d\xa6\x13B\x18\x86\xa1\xfe\xbcv\xed\xda)S\xa6t\xea\xdc\xd9\xec\xd4[\xa3\xa2\xa2\xa2k\xae\xbdv\xe1\xc2\x85*+\xce9\xe7\x1c\xf3O\x1b\xcc\xdf\\)\xca\xbf\x95\xcb\xf0;\x80\x16\xaa\xafS\x15\xf3p8\\ZZ\xbat\xe9\xd2\xaf\xbf\xfez\xed\xda\xb5\xc1`h\xf7\xee\xb2\xec\x9b3I\x8a\x8a\x8b&lt;\x1eO\xdf\xbe}O\xe8\xdd{\xf0\xe0\xc1\xfd\xfb\xf7/,,\x84=F\x92$\xf1\x7f\x86\xf9\xef\x03\xf37WZ\xf3o\xb5\xb2e\xa9\x10\xb5}\x98\x94\x92\x10\xe2\xf5z\x07\x0e\x1ch\xb3\xd9(\xa5uuu\x94\xb1\xca\xca\x8a,)\x84\xcd\x08\x00\xf8}\xbe\xfc\xfc\xfc\xfe\xfd\xfa\x9d|\xf2\xc9\xfd\xfb\xf7\xf7z\xbd\xeak\x9c\xf3\xa4?\xef\xc2\xfc\x7f\n\xf37W\xba\xf3o\xbdL\xb9\xefH\xb3\x96[\xe0x&lt;\xfe\xf6\xdbo_z\xe9\xa5\xed\xda\xb57;\xf8\xd6\xc5\xe7\xf3\x9dq\xe6\x993g\xce\xac\xa8\xa8PY\xe9\xba\xae\x9a\x0c\xcc?\r0\x7fs\xa54\xff\xd6,\xc3\xbb\x80\xd4\xdf\x8e\x10\x12\n\x85f\xcd\x9a5g\xce\x9c5k\xd6\xb4|5\xc7\xeb-9\xa6Caqq\xa7\xae\xc7\x06\xf2\xf2\xb8a\xed\xdd\xdd\x0e\x91\x04I\x081t}\xc3\xba\xd5\xa1`\xdd\x8e\xef\xb7\x04\xebj[\xbeZR\xd2\xf6\xaa\xab\xae\x1c?~|\xcf\x9e=\xe1\xa8G\xbfa\xfe\xfb\xc2\xfc\xcd\x95\xce\xfc[\xbfL.\x00-O\xf0g\xcf\x9e=c\xc6\x8c\r\x1b6\xa8\xd7\xdb\xb6\xebp\xd2)\xa7\x0f?\xf3\xdcc{\xf7-*.\xf1\xe4x\x99\x06\x19\xfd.\xff\x0c)\xc10 \xde\x18\xaf\xa9*\xdf\xf4\xdd\xfa/&gt;^\xb4t\xc9\xa2\x8d\xa5\xeb\xd4W\xf3\xf2\xf2&amp;M\x9at\xdbm\xb7\xf9\xfd~5\x9a\xf0\x08\xfe\x17\x98\xff\x01`\xfe\xe6JC\xfe\x96\x90\xb1\x05@\x9d\xfdeee\xe3\xc6\x8d[\xb0`\x81z\xb1G\xaf\xde\xd7\xdc0i\xc4\xf9\x97\xe4\x17\x16J\t\xf1xBO\xe8Bp)E\x86\xc6\xb0_D-#L\xa9\xcdfw8\x1d\x9a\x06\xe1\xfa\xd8\x8a/&gt;y\xf9\xb9\'\x97~\xbcH}O\xcf\x9e=_z\xe9\xa5\xa1C\x87\x1e\xc1Ph\xcc\xff\xc00\x7fs\xa5:\x7f\xab\xc8\xcc\x02\xa0\x8a\xf6\x82\x05\x0b\xc6]\x7f}\xd9\xae]\x00\xd0\xb9[\x8f\xebo\x99r\xfe%\xa3}\x01_$\x1c\xd3\xf5\x04\x00\xa1\x94\x12\x02\xea\x89P\xd6\x92RJ5DD\xd3&lt;99\x9c\x8b\xa5K\x16\xbe\xf8\xcc\x8ce\x9f-\x01\x00\xbb\xc3\xf1\xe8#\x8fL\x9e&lt;\xf9\xb0&gt;\x03\x98\xff\xa1\xc3\xfc\xcd\x95\x8a\xfc-$\x03\x0b\x80:\xfbg\xcd\x9a5q\xe2D\xf5\xca\x95\xe3n\x9a|\xef\xf4\x82\xa2\x82P0\xc2\r\x832\\\x05\xe5\xe7q\xce\t!^\x9f\x8fsc\xce\xcc\xbf&lt;\xfd\xc8\xd4H\xb8\x1e\x00&amp;L\x980s\xe6L5:\xe2\xa0\xd1a\xfeG\x0c\xf37WR\xf2\xb7\x96L+\x00\xea\xce\xb7\xe5\xec\xf7\x07\xf2\xee\x9f\xf1\xcc\xa5c\xae\xac\x0f\xc5\x12\x89D\x06\xf7\xe5%\x91\xfa\x18\xe4\x17\xf8\xbe^\xfe\xd5\xefn\x9d\xb0\xe1\xdb\xd5\xd0\xfc\x198\xe8u\x10\xe6\x7f\xf40\x7fs\x1dM\xfe\x96\x93Q\x05`\xaf\xb3\xbf\xa0\xa8\xcd3/\xcf\x1b2|hey\x1d\xd3\xb4Lz\xdb\xd2@\xd7\xf5@nnMU\xc5\x8dW\xfe\xdf\xea\xaf\x97\xc3\x1e\xd7A\xfb\x9b#\x83\xf9\'\x11\xe6o\xae#\xc8\xdf\x8a2\xa7\x00\xa87f\xf1\xe2\xc5#F\x8c\x00\x80\xdc\xfc\x827\x16|\xd9\xb1K\xb7P]\x9df\xb3\x99}t\x96\xc4\r\xc3\xeet0\xca~u\xd9\xd9+\x96~\x0c\x00\xd3\xa6M\x9b:u\xea\xcf\x8e\x8b\xc0\xfc\x93\x0e\xf37\xd7a\xe5oQ\x19R\x00\xd4p\xdd\x8a\x8a\x8a&gt;}\xfaVVV\xf8\xfc\x81\x17\xe6\xbe\xd3\xff\xa4\xa1\xa1`P\xd3\xf0\xec?r\x9cs\x87\xd3\x11\t\x85\xae\x1fu\xee\xfa5\xdf\x10B\x16,X0b\xc4\x88\xbd\xae\x830\xff\x14\xc1\xfc\xcdu\x88\xf9[W\x86\x8c\xfe\x95Rr\xce\xc7\x8e\x1d[QQ\x0e\x00\xf7=\xf2\xcc\x90\xe1\xc3\x82ux\xf6\x1f-\xc6X\xbc\xa11\xaf\xb0\xe8\x89\x99s\xfd\x81\\)a\xec\xd8k\xca\xcb\xcb\xd5\xd2\x02-\xdf\x86\xf9\xa7\x08\xe6o\xaeC\xcc\xdf\xba2\xa1\x00\xa8j&lt;w\xee\xdcE\x8b\x16\x01\xc0\xe5c\xc7_v\xf5U\x15\xe5u6\xbc\xf3M\x06\xa6i\xa1`\xb0\xc7q\xc7\xde\xfb\x87?\x03\xc8\x8a\x8a\xf2{\xee\xb9\x87R\xdar\xef\x88\xf9\xa7\x14\xe6o\xae\x83\xe6oi\x96\xef\x02R+Z\x04\x83\xc1\xc1\x83\x07o\xdd\xba\xb5]\xc7\xce\xf3\x16\xafp8\x9c\xeaQ\xbe\xd9G\x9798\xe7\x81\\\xffMW_\xb6\xf0\xbd\xb7\x1c\x0e\xc7g\x9f}6`\xc0\x00)%!\x04\xf3O\x03\xcc\xdf\\\xfb\xcb\xdf\xea\x0bEX\xfb\xe8\xa1y\xe9\xbe\xd9\xb3go\xde\xbcY\x081~\xd2\x9d\x05Ey\x89D\x02\xcf\xfe\xe4"\x84\xe8\t\xe3\xe6;\xeew8\x9d\xf1x|\xea\xd4\xa9\xaa\xe9\xc1\xfc\xd3\x03\xf37\xd7\xfe\xf27\xfb\xb8\x8e\x96\xb5\x0b\x80\x94\x921\xd6\xd0\xd00{\xf6lBH\xe7n=/\x1c9&amp;T\x17\xc9\x98g\xf4\xad\x07\xa54\x12\x89\xf4\xee\xdb\xe7\xec\x0b/\x03\x80O?\xfd\xb4\xb4\xb4\x941F)\xc5\xfc\xd3\x00\xf37\xd7\xfe\xf2\xb7\xfa\x93\x00k\x17\x005/c\xf1\xe2\xc5\xdf~\xfb\xad\x94\xf2W7\xfd\xd6\xe7\xf7r\xc30\xfb\xb82\x13\xa54\x11\xd7\xc7\xdd&lt;\xc5\xe5\xf6D\xa3\xd1\x17_|Q\xbd\x88\xf9\xa7\x07\xe6o\xae\x9f\xcd\x1f\x0b\x80\xf9^~\xf9eBHQI\xdb\xb3.\xb84\x12\x8e\xd1\x8c\x18\x9e\xd5\nQJ\xa3\xd1X\xef\xbe}\x07\r=\x85\x102o\xde\xbcH$\x02\x00\xea\xf2\x13\xf3O5\xcc\xdf\\\xfb\xe6\x1f\x8b\xc54M\xb3tG\x90\x85\x0b\x80\xea\xff\t\x85B+V|%\xa5\x1cr\xca\x99\x05E\x05\xba\xaec\xefg\nII\x08\x9cq\xee\xc5R\xca]\xbb\xca\xd6\xaf_o\x18\xc6\xf2\xe5\xcb1\xff4\xc1\xfc\xcd\xf5\xd3\xfcW\xaf^\r\x16\xbf\t\xb0p\x01P\xb9\xaf\\\xb9r\xe7\xce\x1d\x000|\xc4yf\x1fQ\xe6\xa3\x8c54$N\x1avZ\x8e\xd7\xc7\xb9\xf1\xe9\xa7\x9f\xae]\xbb\xb6\xac\xac\x0c0\xff\xb4\xc0\xfc\xcd\xb5W\xfe\xf3\xe7\x7f\x08\xcd\xbb\xeeX\x94\x85\x0b\x80\xca}\xc5\x8a\xaf\x00\xc0\xed\xf1\xf4\xea\xdd\'\xde\x98\xb0\xfa\xa8\xacV\x8e\x10\x92\x88\xc7K\xdau\xe8\xd8\xa5\x1b\x00\xac^\xbdz\xe9\xd2\xa5\x00\xe0\xf1\xe4`\xfei\x80\xf9\x9bk\xaf\xfcW\xae\xfc\n\x00,\x9d\xb9\x85\x0f]\xdd\xea~\xfd\xf5J\x00h\xd7\xa1sq\xc91x\xff\x9b\x06B\x08\x97\xdb\xd1\xf3\xf8\x13\x01`\xf5\x9a5\x1f\xcc\x9f\x0f\x00m;t\xc4\xfc\xd3\x03\xf37\xd7\x9e\xf9\x97\x96\x96F"\x11KO\n\xb3\xf0p15\x0e\xb7\xaa\xaa\n\x00\xf2\n\n\xdd9\xdeH\xb8\xde\xd2\xd5\xd8\x12\xa4\x94\x8cAq\xc91\x00PW[\xab:\xe2\xf2\xf21\xff4\xc1\xfc\xcd\xa5\xf2oS\xd2\x0e\x00\x82\xc1PCCCNN\x8e\xd9\x07u\xe4\xacZ\x00\xd4\x1c\xbc`0\xb8q\xe3F\x00\xe8\xda\xe38M\x93\xd6\xad\xc3\x16B\t1\x0c\xe8\xda\xe38\x00\xa8\xa8\xa8\xa8\xae\xae\x06\xcc?\x8d0\x7fs\xa9\xfc\xbb\xf4\xe8\x05\x00\xf5\xf5\xa1\xd2\xd2\xd2\xc2\xc2B!\x84E\xd7\x86\xb3j\x01P\xa4\x94\xban\x00@n^&gt;\xa5\x9901\xcf\x12\xa4\x84\xdc\xbc|\x000\x0cC]\x81b\xfe\xe9\x84\xf9\x9b\xab%\x7f!\x84a\xf1Y\x17\x96\xbfaT\x9d\x9eV\x7f\x1b,G\x05\xde\xb2;\x12\xe6\x9ff\x98\xbf\xb9Z\x02\xb7\xfaC\x17\xcb\x17\x00\xc5\xeao\x83\xe5\xec\x158\xe6\x9ff\x98\xbf\xb92&amp;\xf0\x0c)\x00\x08!\x84\x0e\x17\x16\x00\x84\x10\xcaRX\x00\x10B(Ka\x01@\x08\xa1,\x85\x05\x00!\x84\xb2\x14\x16\x00\x84\x10\xcaRX\x00\x10B(Ka\x01@\x08\xa1,\x85\x05\x00!\x84\xb2\x14\x16\x00\x84\x10\xcaRX\x00\x10B(Ka\x01@\x08\xa1,\x85\x05\x00!\x84\xb2\x94\xb5\xf7\x03\xb0\x1c\xd9\x0c@\x82Z\xbc\x9d\x00\x00!\x00\x84\xd2\x8cYb\xd0R\xf6xO~\xf2\xa6\x80Z\xf3\x91\x10|_R\n\xf37\x13\x16\x80\x94\x93RJ!$HJ\x99\xcdn\xb7\xd9\xec\x8c\x11B\xa1\xe9\xac\x96 %p\x0ez"\x91H\xc4\x85\xe0\x94RB\xf0\xce,\xb5\xa4\x94j+\x15\xc64\xbb\xc3f\xb3\xd9)\x05J\x9b\x9b\x1e\tR\x82\x94 \xb8L\xe8\tC\xd7\xcd=\xda\xcc\x83\xf9\xb7\x12X\x00RH\x08!\xa5\xb0\xd9\xec.\xaf\x971\x88E\x1b\xab\xcaw\x97\x97\xed\xac\xaa,\xaf\xab\xa9n\x88E9\xe76\x9b-\x90\x9bW\xd8\xa6m\xfb\x8e\x9dK\x8e\xe9\xe0r\xdb\x1b\x1a\x12\x8d\r1J\x19^\xf8\xa4\x82\x94R\x08n\xb7;\xdc\x1e\x17\x00\xd4\x87\xc2;\x7f\xd8V^\xb6\xb3\xa6\xaa2TW\xdb\xd8\xd8 \x04\xd7l6\xb7\xdb\xe3\x0f\xe4\xe5\x15\x14\xb6m\xdf1/\xbf\xd0\xec\xa3\xce\x1c\x98\x7f\xab\x82\x05 %\xd4U\xbf\xdb\x93cw\xb0\xea\xca\x9a/?\xfd\xef\xe7K\x16}\xb3\xe2\x8b\xed\xdb6\x87\xebC?\xfb#nON\x8f^\xc7\x0f?\xeb\x82\xf3.\x1e\xdd\xadg\xf7p}\x94s\x8e{|\'\x177\x0c\xa7\xcb\xe5r;\xca\xcb\xca\x17\xbe\xfb\xd6\xe7K\x16\xac]\xf5\xf5\xae\xed\xdf76\xc4\xf6\xf7#\xfe@\xee?\xde\xfb\xa4K\xf7c\x1b\x1b\x1a\xf0\xed8J\x98\x7fk\x83\x05 \x</t>
        </is>
      </c>
    </row>
    <row r="437">
      <c r="A437" s="1" t="n">
        <v>435</v>
      </c>
      <c r="B437" t="inlineStr">
        <is>
          <t>color_grid</t>
        </is>
      </c>
      <c r="C437" t="inlineStr">
        <is>
          <t>What is the color of the missing part denoted with a question mark?</t>
        </is>
      </c>
      <c r="D437" t="inlineStr">
        <is>
          <t>['green', 'red', 'orange', 'purple']</t>
        </is>
      </c>
      <c r="E437" t="inlineStr">
        <is>
          <t>red</t>
        </is>
      </c>
      <c r="F437" t="inlineStr">
        <is>
          <t>There are circles with different colors arranged with a grid formation in the image. The colors in the first row are ['?', 'blue', 'red'], the colors in the second row are ['blue', 'yellow', 'blue'], and the colors in the third row are ['red', 'blue', 'red'].</t>
        </is>
      </c>
      <c r="G437" t="inlineStr">
        <is>
          <t>We observe that the circles at the corners are red, while the circles directly adjacent to the center are blue. Only the center circle is yellow. Hence, the pattern is that the circles alternate in color depending on if they are at the corner or adjacent to the center.</t>
        </is>
      </c>
      <c r="H437" t="inlineStr">
        <is>
          <t>Based on the pattern that the circles alternate in color depending on if they are at the corner or adjacent to the center, the missing color of the part that is at the corner should be red.</t>
        </is>
      </c>
      <c r="I437" t="inlineStr">
        <is>
          <t>b'\x89PNG\r\n\x1a\n\x00\x00\x00\rIHDR\x00\x00\x02\x00\x00\x00\x02\x00\x08\x02\x00\x00\x00{\x1aC\xad\x00\x00\x80eIDATx\x9c\xed\xddy|\x14U\xba7\xf0\xe7\x9c\xda\xba;Kg_\x08\xb2\x04H\x02I\x00\x91\xc0\x08\x88\x0b\x88\xa2"\xee\xe2\x08\x97\x01\x15\xbc:\xe3\x88\xd7\xf1\xd5\xd1\x99qp\x1c\x05\x97\xe1\xce\xb8+\xe8UQ\xc6\r\x14\x14\x02\x82\x88 "\x12 \x01\x02\x81\x10\xc2\x92\xa4\xb3v\'\xe9NWw\xd59\xef\x1f\x05=1a\x95t\xd2\xe9z\xbe\x7f\xf0q\x92\x9eN\xe7\x97\xa7\xea9u\xeaT\x15\xe1\x9c\x03B\x08!\xf3\xa1]\xfd\x01\x10B\x08u\r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l\x00\x08!dR\xd8\x00\x10B\xc8\xa4\xb0\x01 \x84\x90Ia\x03@\x08!\x93\xc2\x06\x80\x10B&amp;\x85\r\x00!\x84L\n\x1b\x00B\x08\x99\x146\x00\x84\x102)\xb1\xab?\x80\x19q\xceO\xfauBH\'\x7f\x12s\xc2\xfc\xbb\x16\xe6\x1f:\xb0\x01\x04\x17o\x05\x00(\xa5\x81\x7f\xdbc\x8c\x05\xfe%\xadt\xe2\xe7\r7\x98\x7f\xd7\xc2\xfcC\x1c9U7F\xbf\x98Q\xee\x8c1B\x88 \x08\xed_\xc0\x18s\xb9\\\x84\x1c\x0f\xdf\xf8\x0f\x8b\xc5b\xb5ZO\xfab\xe3\xad(\xa5\xb81\x9c\r\xcc\xbfka\xfe\xdd\x086\x80\x0ec\x14=\xe7\\\x14\xffs\\\xa5\xebzEE\xc5\x81\x03\x07\n\x0b\x0bkkk\x7f\xda\xbaU\xd3\xb4\xaa\xaa\xaa\xaa\xca\xca6\x1b@dd\xe4\x80\x01\x038\xe7\xb9\x83\x07\'$&amp;\x0e\x1f&gt;\xfc\x82\x0b.\xe8\xdd\xbb\xb7\xcdfk\xfdn\x00\x80[\xc2I\x9dM\xfe[\xb7\xfe\xa4iZ\x95\xa3\xaa\xb2\xb2\xaaM\xfeQ\x91\x91\xfd\x07\xf4\x07\x0e\xb9\x83s\x13\x13\x120\xffs\x85\xf5\xdf\x1da\x03\xe8\x00\x9cs]\xd7\x03u\xaf\xebzIII~~\xfe\xc6\xef\xbe+\xd9\xb7\xaf\xbc\xbc\xbc\xb1\xb9\xf9\x17\xbc\xad,\x8aiii\x99YY\xbf\xba\xf8\xe2\t\x13&amp;\x0c\x192$\xb01h\x9aF)=\xd5\xa1\xb4\xd9\x9c*\xff\xef6n\xdc\xb7\xaf\xa4\xbc\xbc\xbc\xb9\xa9\xf1\x17\xbc\xad$\xc9=\xd2zdef^\x8c\xf9\x9f\x16\xd6\x7f\xf7\x85\r\xe0\xbc\x18C\x12\xe38W\xd7\xf5-[\xb6,[\xbat\xe5\xca\x95\xfbKJT\xbf\xbf\xf5+#-\x96\x08I\xeag\xb7\x0b\x94FJRv\\\x9c~"y\x0e QZ\xde\xd8X\xe1v\x0b\x94\x96\xb9\\M&gt;_\x83\xc7\xd3\xe6g\xf5\xed\xdd\xfb\xf2+\xae\x98|\xc3\r\x97]vYtt4\x9c\x18s\x99y@\xd4&gt;\xff\xa5K\x97\xad\\\xb5\xb2\xa4d\xbf\xdf\xa7\xb6~\xa5\xc5\x16)Yl\xb1=\xfaQA\x90,\x91\x89}\x061\xa6\x1b\xa9q\xce\x05Qr9\x0e7\xd5UP*8+\xcb|-\xcd\xee\xc6\x866?\xabw\x9f\xbeW\\q\xf9\r\x93\'c\xfe\x01X\xff\xdd\x1d6\x80_H\xd7\xf5@\xe5\x1d=zt\xc9\x92%\x8b\xdf\x7f\x7f\xc7\xce\x9d\x81\x17\x10J/\x88\x8a\xcaMH\xc8IH\xc8\x89\x8f\x1f\x10\x1b\x1b%\xcb\xf1V\xab@\x08\x01\x90\xda\xcd\x8dj\x8c\xe9\x8c\x11B\xea\xbd^\xb7\xdf_\xeat\x16\xd7\xd7\x17\xd7\xd5\xed\xa8\xa9)kl\xf4\xfa|\x81W\xf6\xbe\xe0\x82\xdbn\xbf}\xea\xb4i\x83\x07\x0f\x0e|\x98\x93N\xb6\x86\xb1\xf6\xf9\xbf\xff\xfe\xe2\x9d;w\x04^@)\x89N\xbc )=\'\xb1ovR\x9f\xec\xb8\x9e\xfd\x15[\x945:\x9ePJ\x08\x11D\x99\x03\x078\xde\x02\x08\x10\xa6kL\xd7\t!\x9e\xc6z\xbf\xeai\xa8(\xad-\xdf[[\xbe\xd7Q\xba\xd3YY\xe6S\xbd\x81w\xbe\xa0W\xef\xdbo\xbbm\xda\xb4\xa9\x98?\xd6\x7fw\x87\r\xe0\x9c\x19\x13\x9dF\xc1}\xff\xfd\xf7\x0b\x17.\xfc\xec\xd3O\x9d.\x97\xf1\xdd\x18\xabupB\xc2\xd8\x9e=/\xee\xd1\xa3\x7fLL\x82\xd5*R\xeag\xcc\xa7\xeb:c~\xc6\x00\x80\x9fl%\\`\xb9\x83H)%D\x11\x04\x89R\x0e\xe0R\xd5C.WAu\xf5\xba#Gv\xd6\xd4\x1c9\xf1\x83dQ\xbc\xec\x8a+\xee\xbb\xef\xbe\x89\x13\'\xca\xb2l\x8c\x86\xcc\xb0\x19\xb4\xcf\xff\xd3\xcf&gt;s9\x9d\xc6wmQ1I\xe9\xb9\xbd\x06_\xd23\xfbWqi\xfd\xac\xd1\xf1T\x10\x99\xae\xe9~\x1fc:\xd3\xfd\xc0\x01\x008gm\xde\x96\x10b\xf4\x03*\x8a\x84PQR\xa8(r\xceUw\xa3\xb3\xeaP\xd5\xfe\x1de\x05\xdfT\x1f,t:\x8e\x18\xaf\x17%\xf9\x8a\xcb/\xc3\xfc\xb1\xfe\xbb5l\x00\xe7\xa0\xf5\\\xe7\xda\xb5k\xe7\xcf\x9b\xb7z\xcd\x9a\xe3\xdf\xa3tDJ\xcaU\xbd{_\xdf\xbf\x7f\xef\xe8h\x89R\xbf\xae{u\xdd\xcf\x18\xe7\x9c\x10B\xe1l\xd79s8\xbe}0\xce\t!\x02!\x8a (\xa2\xc89\xafii\xc9/+[y\xe8\xd0\x86c\xc7&lt;\xea\xf1)\x8e\xdc\x9c\x9c9\x0f=4c\xc6\x0c\xf8\xf9\xb8,\xfc\xb4\xc9\x7f\xde\xfc\xf9kV\xaf6\xbeE\t\xf4\xc8\xcaK\xcf\x9b\x909\xea:{JoA\x90t\xcd\xaf\xf9\xbcL\xf7\x1b\xf9\x03\xa1\x04\x00\xce&amp;\x19c\x930V.\x12\xa0T\x10eE\x90\x14\xce\x98\xc7UW\xba5\xff\xc0\x8f\xf9G\n\xbfS[\x8e\xcfQ\xe4\xe6\xe6\xce\x993\xc7\x84\xf9c\xfd\x87\x01l\x00g\xcb\x98m\x04\x80\x92\x92\x92y\xf3\xe6\xbd\xbdh\x91\x11\x9cE\x96o\xec\xd7\xef\x8e\xac\xac\xe1))6Qt\xfb\xfd\xaa\xae\x1bE\xdfQk\x98\xd9\x89?\x92Di\xa4$1\x80=uu_\x1c8\xf0^q\xb1\xe3\xc4\xe9\xb5\xf1\xe3\xc7?\xfa\xe8\xa3\xe3\xc6\x8d\x830="n\x93\xff\xa2Eo\x1b\xfb\nY\xb1d\x8c\x99\x9c3nJ\x8f\x8c\x8b$\x8b\xcd\xefuk&gt;5\x90\xffY\xed\xf1\xcf\x84s\xc69\'\x00T\x94dK$\xe7\xac\xa6\xbc\xb8d\xd3\xf2\xa25\x8b\x9b\xea\x1d\xc6k\xcc\x96?\xd6\x7fx\xc0\x06pV4M\x13E\xd1\xe7\xf3\xcd\x9f?\xff\xc5\x17^hp:\x01 \xc6j\xfduV\xd6M\x03\x06\\\x94\x9c\xecg\xcc\xed\xf3\xe9\x9c\x0b\xc1\xbct\xc5\x18\x16\x01\x80M\x14m\x92t\xd0\xe9\\v\xe0\xc0\xe2\xbd{\x0f\xd4\xd7\x03\x00\x01\x981s\xe6SO=\xd5\xa3G\x8f0\x1b\n\xb5\xce\xff\x85\x17_t64\x00\x805*&amp;g\xdc\x94\xacKn\xec\x911L\xd7\xfd\xbe\x167g:\xa1B\x10\x7fk\xce\x19g\x04@Rl\xa2buV\x96\xed\xdd\xf8\xc5\xae\xb5\x1f\xd4\x1d-\x05\x00\x002s\xe6\x8c\xb0\xcf\x1f\xeb?\x9c`\x038\x03\xe3\xbaDJ\xe9\xa6M\x9b\xee\xbd\xf7\xde]\xbbv\x01\x80"I7\xf6\xebw\xff\x85\x17\x0eMJj\xf6\xf9&lt;\x9aF\x00h\'V\x1b\xe3\x9cq\xae\x88\xa2]\x96+\xdc\xee7\x0b\x0b\xdf+.\xaenn\x06\x80\xe4\xa4\xa4\xbf=\xfd\xf4\xddw\xdf\ra1\x14:i\xfe\x92\xacd\x8e\xb9!\xef\x86\xffN\xee?\xc4\xdf\xd2\xecS=\x04\x08\xe9\xc4E\x81\x9c3\xce\x98(+J\x84\xbd\xa9\xb6\xa2\xe0\xcb\x85E\xab\x1777T\x03@rr\xf2\xdf\xfe\xf6\xb7\xf0\xce\x1f\xeb?l`\x038\x9d@\x01=\xf9\xe4\x93\xcf&gt;\xf3\x8c\xea\xf3\x01\xc0\x98\x9e=\x1f\x1b1bL\xcf\x9en\xbf\xdf\xed\xf7\x0b\x84tf\xe9\xb7\xc6\x01t\xc6dA\xb0+J\xa9\xd39\xef\xc7\x1f?\xda\xbf\x9f\xeb:\x00L\x992\xe5\xa5\x97^\x8a\x8f\x8f7\xc6n]\xf2\xf1\xce_\xeb\xfc\x9fy\xe6Y\x9fO\x05\x80^\xb9\xa3\xc7\xdc\xf9\xc8\x059\xa3\xfd\xaa\xc7\xef\xf5\x10J\x8d\x19\xe6.\xc09c\xba \xca\x96H{\xfd\xb1\xd2\xef\x97&lt;\xbfg\xfd\xc7\x8cq\x08\xc7\xfc\xb1\xfe\xc3\x126\x80S2\xaa\xbf\xb2\xb2r\xc6\x8c\x19\xf9\xf9\xf9\x00\x10m\xb1&lt;2|\xf8=\x83\x07\x03@\x93\xcfG\xbb\xae\xf4[36\x03\x8b(F\xca\xf2W\x07\x0f&gt;\xb1q\xe3A\xa7\x13\x00222\x16-Z4z\xf4\xe8n:\x0ej\x9f\xbf%"\xfa\xe2)\x0f\x0f\xbb\xee.\x02\xa0z\x9a\xbar\xd7\xdf\x1a\xe7\x8c\xe9\xa2l\x91\xad\x91\xfb\xb7\xac\\\xbf\xf0\xcf\xf5\x15e\x10\x8e\xf9c\xfd\x87\x1fl\x00\'g\x0c\x1c6m\xdat\xdbm\xb7UTT\x00\xc0\xf0\x94\x94\xff\xbd\xe2\x8a\xec\x84\x84\xfa\x96\x16\x0e \x84@\xe9\xb7\xc69\xd79\x8f\xb5X\x1a\xbc\xde?m\xda\xf4\xe1\xde\xbd\xc0\xb9"I\xff\xfb\xaf\x7f\xcd\x9e=\xbb\xdbM\x89\xb6\xcf\xbfG\xe6EW\xff\xee\xc5\xc4&gt;\xd9-M\xf5\xc09\xa1\xa1\xb5Is\xce9\xd3-\x911\xdef\xe77\x8b\x9e\xdc\xbdv\t\x07\x90e\xe5\x9f\xff\xfc\xdf\xf0\xc8\x1f\xeb?,a\x038\t\xa3\xfa\xdf|\xf3\xcd\xfb\xef\xbf\xdf\xef\xf7\x03\xa5wgg\xffe\xf4h\x89\xd2f\x9fO\x0c\xe1\x0b\xd05\xc6dA\x88\x94\xe5EEE\x7f\xdd\xbc\xb9IU\x01`\xf6\xec\xd9\xaf\xbd\xf6Z7\xda\x06\xda\xe4O\x08\x0c\xbdf\xe6e\xbf\xf93\x15D_K3\x15B\xf7\x88\x9e\xe9\x9a \xc9\xb25r\xc7W\xeflx\xf7)\xaf\xbb\t\xba\x7f\xfeX\xffa\x0c\x1b@[\x81\xea\x9f5k\x16\x00D*\xca\xdcQ\xa3\xee\x1e&lt;\xb8\xbe\xa5\xc5X\xe4\xd0\xd5\x1f\xf0\x0c8\xe7:@\x92\xd5\xba\xf1\xd8\xb1\xfb\xbe\xfe\xfa\x90\xcb\x05\x00\xf7\xdcs\xcf\x1bo\xbc\xd1-\xb6\x816\xf9+\xb6\xc8Kg\xfce\xd8\xb5w\xb54\xd6\x1b\x8b|\xba\xfa\x03\x9e\x81q\'\xcc\x88\x98\xc4\xc3E\x9b\xbeZ\xf0[gU9t\xe7\xfc\xb1\xfe\xc3\x1b6\x80\x9fiS\xfd1\x16\xcb\xe2k\xae\xb9\xa4g\xcfj\x8fG\xa0\xb4\x1b\x15\x8e\x9f\xb1\x18E\xa9mi\x99\xb2|\xf9\xce\x9a\x1a\xe8&amp;\xdb@\x9b\xfc-\x91\xf6\x9b\x9ex\xafW\xee\x18\xb7\xb3\x9aR\xa1C\x16\xf5w\x0e\xa6\xf9\x95\xc8\x98\x16W\xed\'s\xeft\x94\x16B\xf7\xcc\x1f\xeb?\xeca\x03\xf8\x8f6\xd5?81\xf1\xb5\t\x13\x06\xc4\xc48UU\n\xe1\xc3\xdeS\xd1\x18\xb3J\x92\xaai\xffo\xc3\x86\x8f\xf7\xed\x83\x90\xdf\x06\xda\xe4\x9f\xdc/\xf7\xda\x87^\x89K\xeb\xaf6;\xa9(u\xf5\xa7;gL\xd7$\xc5\xaa\xf9\xd5\xaf_\xff\xe3\x9e\xf5\x9f@w\xcb\x1f\xeb\xdf\x0c\xb0\x01\x1c\xd7\xbe\xfa?\xba\xfe\xfa8\x8b\xa5QUCy\xd2\xf3\xf4t\xceeJm\x92t\xff\xd7_/\xd9\xbb\x17Nl\x03\xc6\x136Bj\x1bh\xbf\xf7\xbf\xe5/K\xac\xd1\xb1\xaa\xbb1\x94\'\xfdO\x8f3]\x10e\xd1b[\xb9\xe0\x81]\xeb\xfe\r\xdd\'\x7f\xac\x7f\x93\xc0\x06\x00pb\xc5[\xa0\xfas\x13\x13?\xbe\xfez\xbb,\xbb\xfd\xfe\xee[\xfd\x06\xc69%$R\x96\xef\xff\xfa\xeb\x7f\xb7\xda\x06Bjm\\\x9b\xfc\x93\xd3sny\xf2\xdfJD\xb4\xdf\xeb\xee\xbe{\x7f\x03g\x8cP*[#\xbfZ\xf0\xc0\xeeo&gt;\x82\xee\x90?\xd6\xbfy`\x038^\xfd\x9b7o\x1e3z4\xe3\xdc\xae(\xabn\xb9\xa5_LL\xb7\x1e\xfb\xb4\xc68\x17(\x95(\xbd\xe6\xd3OwTW\x03\xc0?\xfe\xf1\x8f\x07\x1f|0D\xae\x91\t\xe4?z\xf4\x18\xce\x99%\xc2~\xe7\xfc/c\xd3\xd2\xbb\xf5\xd8\xbf5\xce\x19\xa5\x02\x15\xe5\x0f\xfe\xdfuU\x07vB\xa8\xe6\x8f\xf5oBfo\x00\xc6\xc1`uu\xf5\xe0\xc1\x83\xab\xab\xabm\x92\xf4\xd1\xa4I#SS]\xe1R\xfd\x06\xc6\xb9$\x08n\xbf\x7f\xf2\xd2\xa5\xfb\x1a\x1a\x80\xf3\xd5\xabW_y\xe5\x95]&gt;\x0ej\x93\xbf\xa4\xd8n}\xf2\xc3\x1e\x03G\xa8nWx\xec\xfd\r\x9c1A\x92|-\x9e\x7f?~c\xdd\x91\x12\x0e\x10\x9a\xf9c\xfd\x9bM\xf8\xfc\x8d\x7f\x19\xe3V\'\xd3\xa6M\xab\xae\xae\x06\x80\xa7F\x8f\x1e\xdb\xb3\xa73\xbc\xaa\x1f\x00(!\xaa\xa6%X,/\x8f\x1f\x1f#\xcb\x000m\xda4\x87\xc3A)5\x12\xe8*m\xf2\xbf\xfc\xae\'{\r\xb9Dmv\x86\xd3\xde\x1f\x00\x08\xa5\x9aO\xb5\xd9\xe3\xaey\xf0_J\xa4\x1dB5\x7f\xac\x7f\xb3\t\xab?\xf3\xb92\x8e\x01\xe7\xce\x9d\xbbf\xcd\x1a\x00\x98\x91\x933k\xc8\x10\x87\xc7\xd3\x1d\xd7&lt;\x9c\x91Hi\x83\xaa\x8eHIyf\xecX\x00p8\x1c\xd3\xa6M\x0b&lt;\x98\xbbK\xb4\xc9\x7f\xe8\xc4\xe9\xc3&amp;\xdd\xe3\xaewt\xc75?gD\x05\xd1\xdb\xe4L\xcd\x1a&gt;\xee\x9e\xbfCH\xe6\x8f\xf5oB\xe6\xfd\xfd\x8d\xfb\x9b\xff\xf0\xc3\x0fc\xc7\x8e\xf5\xfb\xfd\x17&amp;%-\xbf\xe9&amp;\x8d\xb1\xc0s\x02\xc3\x92\x9f\xb1$\x9b\xed\xc1u\xeb\xde\xde\xb5\x0bNL\x86v\xc9\x81p\x9b\xfcS\xfa\x0f\xbd\xe3\xd9\xcf\x99\xe6\x07\xce\xbb\xd1z\xffs\xc54\xbf-6i\xf5K\xff\xb3}\xe5;\x10J\xf9c\xfdw\xf5G\xeb\x1a&amp;m\x00\xc6\x03\xe4t]\xcf\xcd\xc9)\xd9\xbf?R\x96\xf3o\xb9\xa5_L\x8cqw\xc3\xae\xfetAdl\xde\x12\xa5W}\xf2\xc9\xae\xba:\x81\xd2\xdd\xbbwgddp\xcei\xa7\xdeN\xf9x\xfe9\xb9\xb9\xfbKJdk\xe4\xd4\xe7\xbe\x8a\xed\x91\xee\xf7\xbaC\xffZ\xdf\xf3\xc29\x10BEi\xf1\x1f\xae\xa99\xb4\x9bR\xa1k\xf3\xc7\xfa\xef\x92\xfcC\x87\x19\x7fg\x000\x1e\x1f\xfa\xfc\xf3\xcf\x97\xec\xdf\x0f\x00\x8f\xe4\xe5\xe5$$4\xf9|\xe1]\xfd\x00@\x00t\xce%A\x987v\xac"\x08L\xd7\x1fx\xe0\x81\xce?\x10\x0e\xe4\xbf\xbf\xa4\x04\x00FOy8\xb1\xef _KS\x98\xef\xfd\x01\x80\x10\xcetA\x94\xc6\xcf~F\x10e\x9d\xb1\xae\xcd\x1f\xeb\xbfK\xf2\x0f\x1dfl\x00\xc6\xc1oii\xe9\xfc\xf9\xf3\x01`dj\xea\xbdC\x87\xd6\xb5\xb4\x84\xe5\xd4g{\x02!.U\xbd\xe4\x82\x0b\xee\xce\xcd5\x96\xa3|\xfc\xf1\xc7\x82 \xe8\xba\xde9\x1f\xa0M\xfe=\x07\x8e\xb8h\xf2\xac\x16W=\x15\xc2p\xea\xbf=B\x05\xd5\xed\xea5x\xcc\xb0k\xef2\x96\xa3tm\xfeX\xff\x9d\x9c\x7fH1\xc5\x9f\xbc\r\xe3\x81\xa5s\xe7\xceu\xb9\\\x16Q\xfc\xd3\xc5\x17\x83\xf1xY\xd3\x10)uz\xbd\x0f\x0c\x1b\xd67&amp;\x86\x12\xf2\xc4\x13O\xf8|\xbeN\x1b\x07\xb5\xce_\x94\x95K\xfe\xebq\xe3A\xe0\x9d\xf0\xa3C\x04\xa5\xa2\xb7\xc99\xe2\xe6\xdf\xc5\xa6\xf6!\x84va\xfeX\xff\x9d_\xff!\xc5t\r\xc08\xe1\xb3a\xc3\x86\xc5\x8b\x17\x03\xc0\xb5\xe9\xe9c{\xf6lT\xd5\xb0?\xf8m\x8d\x00\xf8t=%"\xe2\xb7C\x872\xceKJJ\x9e\x7f\xfe\xf9\xceY\x12\xd7&amp;\xff\x8c_]\xd3{\xc8%\xaa\xa71\xfc\'\x7fZ#D\xd7|\x11q\xc9y7\xdc\xc79\xeb\xc2\xfc\xb1\xfe;\xb9\xfeC\x8d\xe9\x9a\x9e\xf17\x1e?n\xdc7\xeb\xd7\xc7Z,_\xdcxc\xbf\x98\x18\xaf\xa6\x85\xc2\xb3\x8d:\x1f!d\xf2\xd2\xa5;kj\xe2\xe2\xe2\xf6\xec\xd9\x93\x98\x98h|1x?\xd1\xc8\x7f\xdc\xf8\xf1\xeb\xbf\xf9\xc6\x1a\x15;\xe5\xe9\xa5\xb1i\xe9\x9a\xcf\x1b\x12\xcf\xf6\xeat\x84\x90%\x8f\xdf\xe4(-\xec\xe4\xfc\xb1\xfe\r\x9d_\xff\xa1\xc6\\[\x9dq#\xc0\x82\x82\x82\xf5\xeb\xd7\x03\xc0\xad\x19\x19\x17&amp;%\xb9\xfd~sV\xbf\xc6X\xb4,\xff~\xd80\xcey]]\xdd\xfb\xef\xbfO\x08\t\xeaLh\x9b\xfc\x07]zs\xf2\x80\xa1\xfe\x16\xb79\xf7\xfeL\xd7d[\xf4\xc8\x9b\x1f\xe8\xaa\xfc\xb1\xfe;\xb9\xfeC\x90\x197\xbcW^~\x99\x03(\xa2x[ffS\xb8\xaf{;\r\x91R\x97\xaa\x8e\xbd\xe0\x82\xfe\xb1\xb1\x84\x90E\x0b\x17\xb6\xb4\xb4\x08\x82\x10\xec\x83\xc2\x97_y\x058\x17ee\xd0\xe5\xb7\xfa=M\xc4\xacK\xb0\xa9 \xaanW\xef!\x97\xc4\xa7\xf5#\x84,\\\xb4\xa8s\xf2\xc7\xfa7tU\xfd\x87\x14\x135\x00\xce\xb9\xf1\x90\xeb\x8f?\xfe\x18\x00&amp;\xf7\xef\x7fQJ\x8a\xc7\xe73\xe7\xf0\xc7\xa01\x16o\xb5\xfe\xf7\x90!\x9c\xf3\xdd{\xf6\xac]\xbb\x96\x10\x12\xa4\x99\xd06\xf9g\x8e\x9a\x94\x9a9\xcc\xe7\xf5\x98s\xf8o`\xbaf\x8d\x8e\xbb\xe8\xfa\xd9\x9c\xf3=\xbbwwf\xfeX\xff\xd0\xb9\xf5\x1f\x9aL\xb4\xed\x19\x07w\x1f~\xf8a\xb3\xdb-Pz\xe7\xc0\x81\x1aca|\xd1\xe9\xd9\x10(mT\xd5\xeb\xfa\xf5K\x8d\x8a"\x84\xbc\xf1\xc6\x1b\x10\xb49\xd0@\xfe\xee\xe6fJ\x85\xdc+\x7f\xcd4\xcd\xdc\xf1\x03\xa5\x82\xean\xcc\x18umt|J\xa7\xe5\x8f\xf5\x1f\xd0\x99\xf5\x1f\x9aL\xd4\x00\x04A\xf0\xf9|\xef\xbc\xfd6!dhRR^JJ\xb3\t\xae|9=c9DrD\xc4\xa4\xf4t\xce\xf9\xda\xb5k\xf7\xef\xdf\x1f\xa4\xe5\x10F\xfeo\xbf\xf3\x0e!$\xb5\xff\x90\x1eY\xc3}-\xcd\xe6Z\xfc\xd3\x9e\xb1\x1c(69c\xd4\xa4\xce\xc9\x1f\xeb\xbf\xb5\xce\xac\xff\xd0d\x96\x06\xa0\xeb:!\xa4`\xfb\xf6]\xbbws\xce\xaf\xee\xd3\xc7&amp;I\xba\x99&amp;\xfbN\x85\x10\xe2\xd7\xf5\x89}\xfbRJ=\x1e\xcf\xb2e\xcb\xe0\xc4Z\x91\x0ed\xe4\xbf}{\xc1\xee]\xbb8\xe7\xe9#&amp;H\x16\x1bg\xe6:\xe1vR\x84\x10]\xf3\xf7\x1bqU\'\xe4\x8f\xf5\xdf^\xe7\xd4\x7f\xc82K\x030N\xec|\xf6\xe9\xa7\x9c\xf3\x18\xab\xf5\x86\xfe\xfd\xdd~\xbf`\x8eK\x1fOO \xa4\xd9\xe7\x1b\x99\x9azQJ\n!d\xd9\xd2\xa5\xc6\x95\xa2\x1d\xfbS\x8c\xfc?\xfd\xf43\xce\xb9-*&amp;k\xccd\x7f\x8b\x9b\x9a|\xf8\x0f\x00\x00\x84\n\xbe\x96\xe6\xb4A#zd\x0c#\x84,]\xba,x\xf9c\xfd\xb7\xd79\xf5\x1f\xb2\xcc\xf2{\x1a\xc7\xbf_\xaeX\x01\x00\xd9\xf1\xf1}\xecvU\xd3L}\xf4\xdb\x8a\xcey\x84$\x8dIM\xe5\x9c\x17\x14\x14\x1c8p\xa0\xc3\x8f\x82\x8d\xfcW\xac\xf8\x12\x00\x12\xfb\x0c\xb2\xa7\xf4\xd1|\xaa\xc9\'\xa0\x038\xd3%KD\xcf\x9c\xd1\xc1\xce\x1f\xeb\xff\xa4:\xa1\xfeC\x96)\x1a\x80\xf1\xd8\xa3\x83\x07\x0f\x96\x96\x96\x02\xc0\xa5ii\x12\xa5\x0c\x8f\x7fO \x84\xa8\xba&gt;\xa6gO\x81R\xaf\xaan\xda\xb4\t:\xf4(\xf8?\xf9\x1f,\x05\x80^\x83/\xa1\xa2\xc4\xb9)6\xb0\xb3A\x08\xd1\xfdj\xaf\xc1\xa3\xa9 \xa8\xaa7\x88\xf9c\xfd\x9fL\xb0\xeb?\x94\x99\xa5\x01\x00\xc0\xca\x95+U\x9fO\xa0tTZ\x9a\x8f1S\x9d\xeb?=J\x88W\xd3r\x13\x12R\xa3\xa2\x00\xe0\x8b/\xbe\x80\x0e]\x0b\x11\xc8\xdf\xa7\xaaT\x10z\xe6\x8cb\x9a\x0f\xf3\x0f \x84j\xaa7)=\':.\x05\x82\x99?\xd6\xffI\x05\xbb\xfeC\x99)\x1a\x80\xf1\xb74\x1a{JTT\x7f\x13_\xfb~R\x04\xc0\xcfX\xbc\xd5\x9a\x13\x17\x07\x00\xdb\x0b\n&lt;\x1eO\x07^\x11\xd3:\xff\xa8\xb8\x94\xb8\xb4\xfe\xa6\xbd\xf7\xc3\xc9\x11\xc2t\xbf5:.\xb1o\x0e\x00\x14\x14l\x0f^\xfeX\xff\xed\x05\xbb\xfeC\x99)6BJ\xa9\xcf\xe7+\xde\xb3\x07\x00\x86$$$\xdal~\xc6\xb0\xfc[\xe3\x9c\x0b\x94\xfe*5\x15\x00\x1c\x0e\xc7\x91#G\xe0\xc4\x99\xc3\xf3g\xe4\xbfgO1\x00$\xf7\x1bl\x8bI`\x9a\x1fO\x00\xb4\xc69\xa7TL\x1b4\x12\x00\x1c\xd5A\xc9\x1f\xeb\xff4\x82Z\xff\xa1,\xfc\x1b\x801\x01ZYYy\xb8\xbc\x1c\x00r\xe3\xe3EJ\xcd\xf0\xa7=\'\x84\x10?c9\t\t\x94\x10\xaf\xaa\x16\x16\x16B\x07m\x00\x81\xfc\xcb\x0f\x1f\x06\x80\xa4\xbe9T\x101\xff6\x08!L\xf3\'\xf6\xcd&amp;\x84\xaa^o0\xf2\xc7\xfa?\x8d\xe0\xd5\x7f\x88\x0b\xff\x06`\xfc\x15\xcb\xca\xca\x9a=\x1e\x00\x18\x14\x1f\xaf\xe1\x04h;\x94\x10\x9f\xa6\xf5\xb5\xdb\xa3\xadV\x00(..\x86\x0e\xda\x00\x02\xf9{\xdc\xcd\x00\x90\xd0g \xd34\xcc\xbf\rB\xa8\xa6\xf9bS\xfbZ#\xa3!8\xf9c\xfd\x9fF\xf0\xea?\xc4\x99\xa5\x01\x18-=\xcab\xc9\x88\x8dUu\x1d7\x806\x08\x80\x8f\xb1\xe4\x88\x88\xbe\xd1\xd1\x00\xb0\xab\xa8\x08:\xe8&lt;X\xeb\xfc\xad\x11Q\xf1=3tM\xc5\xfc\xdb"\x84\xf9}\x11qI\xb1\xa9}\x00\xa0\xa8h\x17\x04!\x7f\xac\xffS\t^\xfd\x87\xb8\xf0o\x00\x86\xaa\xaa*\x00\xb0IR\xb4\xa2\xe8\x9c\x87\xff\x1f\xf6\xdcq\xce-\xa2\x18\xab(\x00\xe0p8\x8c\xe7Fu\xd4\x9b\x1b\xf9K\x8aM\x89\x88\xe6\xba\x0e\x80\x7f\x81\xb68\xe7\xa2d\xb1D\xc6@\xd0\xf2\xc7\xfa?\x8d\xa0\xd6\x7f\xc8\n\xff\x06`\\\xd4\xb7\xbd\xa0\x00\x00\xfa\xd9\xed\xf1V\xab_\xd7\xc3\xff\x0f{\xee\x18\xe7"\xa59\t\t\x00\xb0o\xdf&gt;\xa7\xd3I;b\xb2\xd8\xc8\xbf\xa0`;\x00\xc4\xf6H\xb7F\xc7\xe9x\x06\xf8d8gT\x10\x13\xfa\xe6\x00\xc0\xbe\x92\x0e\xce\x1f\xeb\xff\x8c\x82T\xff!.\xfc\x1b\x80!\xf0\x87\xc4\xd5o\xa7AN\x8c\xcc\x99\xae\x0b\x1dz\x9b\xfe@\xfe\xc44\x17\xd9\xff\x12\x84\x18\xa3N]gA\xca\x1f\xeb\xff4\x82W\xff!+\xfc\xb7FB\x88\xd7\xeb=v\xec\x18\x00\xd8e\x197\x80\xd3\xe0\x9c\xdb\x15\x05\x00\xdc\x1e\x8f\x91\xd8\xf9\x8f\x80Z\xe7\xafD\xd8q\xf9\xffip\xce\x95\x08;\x00x&lt;\xee`\xe4\x8f\xf5\x7fz\xc1\xa8\xff\x10\x17\xe6[\xa31\x91\xe7\xf1x\x8e\x1e9\x02\x00\x83\xe2\xe3\xf1"\xf8S!\x84h\x9cg\xc7\xc7\x03\x80\xa7\xa5\xe5\xe8\xd1\xa3p\xde\x1b@ \xff#G\x8f\x02@B\x9f\x81x\x13\x88S!\x84p]K\xec3\x08\x00Z&lt;\x9e\x8e\xcd\x1f\xeb\xff\x8c\x82Q\xff\xa1/\xcc\x1b\x80\x81\x10"I\x12\x00`\xe9\x9fQ\xe0\x16\xc1Fb\x1d"\x90?7\xc7\xfdU\xceG \xa2`\xe4\x8f\xf5\x7fF\xc1\xa8\xffPf\x8a\x06\x00&amp;\xe8\xe4\x1d%0A\xd0\xb1\x89a\xfe\xe7\n\xf3\xef\x12A\xaa\xff\x90e\x96\x06\x80\x10B\xa8\r\xb34\x00cq\x85)z\xfa\xf9\tD\xd4\xb1\x8b\xa0\x8f\xbf\x9b9FU\xe7%\xb0\\*\x08\xf9c\xfag\x14\xa4\xfa\x0fY\xa6h\x00\x9csM\xd3\x00@\xa2\xd4\x14\x7f\xd5\xf3 \x9dX\xa6i$\xd6!\x02\xf9SQ\xc2K\xc0N\x8f\x8a\xc7\xa7\x9e\x83\x91?\xd6\xff\x19\x05\xa3\xfeCY\xf87\x00\xce\xb9$I\xf6\x98\x18\x00(ol\xf4\xe3\x8dPN\x8d\x12R\xde\xd8\x08\x00\x92$\xd9\xedv\xe8\x88q\x90\x91\x7f\x8c\xdd\x0e\x00.\xc7a\xa6\xfb1\xffS!\x94\xba\x1c\xe5\x10\x84\xfc\xb1\xfe\xcfF0\xea?\xc4\x85y\x03 \x84p\xce\xa3\xa2\xa2233\x01\xe0pS\x93\x86\xd7\xc1\x9f\x02\xe7\\ \xe4Pc#\x00\xc4DGgdd\xc0yo\x00m\xf2o\xac&gt;\xccu\r\x0f\x02N\x8asN\xa8`4\x80h{L0\xf2\xc7\xfa?\x8d`\xd4\x7f\xe8\x0b\xf3\x06\x10\xe0\xf3\xf9\x00@\x11\x04\xbc\x10\xe6\xf4,\x82\x00\x00\xba\xae\xeb\xba\xde\x81ok\xe4/H\n\xe0\x95\xc0\xa7%H\x16\x08Z\xfeX\xffg\x14\xa4\xfa\x0fY\xe1\xbf5\x1a\xcf\xc3\x1b2d\x08\x00\x9456\xd6y&lt;"\xa5x6\xac=\xe3\x96\xe8{\xea\xeb\x01`\xc0\x80\x01\xd1\xd1\xd1\x1dr?\xac\xd6\xf9;+\x0f\xb5\xb8\xea\xa9(\xe2\xd9\xe0\xf6\x08!L\xf7\xd7\x1d.\x86\xa0\xe5\x8f\xf5\x7f\x1aA\xaa\xff\x10\x17\xfe\r\xc0\x90\x92\x9a\n\x00\x8d\xaa\xda\xec\xf7\x0b\xe1\xfeG\xfde(\x80\xc6XmK\x0b\x00$&amp;%\x89bG&gt;\xb6%55\x05\x00Tw\xa3\xdf\xdbL\xa8)\xee\xb2r\xee(\xd34\x8f\xab\x16\x00\x92\x12\x13;6\x7f\xac\xff3\nj\xfd\x87\xac\xf0o\x00F\x0f\x1f&lt;x0\x004z\xbd\x87\\.Y\x14\xf1\x92\xc868\x80(\x08\xb5\x1eOyS\x13\x00d\xe7\xe4\xc0\x89\xc1\xe3yj\x9d\x7f\x8b\xbb\xb1\xa1\xa2L\x14e\xbc\x1bD[\x9c\x0b\xa2\xe8q\xd5\xb9\xaa\x0e\x03@NN6\x04!\x7f\xac\xffS\t^\xfd\x878\xb34\x80&gt;}\xfaX\x14\x85q\xbe\xbb\xaeN2\xc1]^\xcf\x15\xe7\\\x11\x84\xf2\xc6\xc6:\x8f\x07\x00\x8cs\x86\x1d"\x90\xbf\xa2X8g\xb5\xe5\xc5T\x940\xff68\xe7\x82\xa4\xb8\xaa\x0e\xb9]u\x10\x9c\xfc\xb1\xfeO#x\xf5\x1f\xe2L\xd4\x00RSR\x00`w]\x1d\xc7\x85\x10\xed0\xce%J\xf7\xd6\xd7k\xba.\x89\xe2\xd0\xa1C\xe1\xc4\xad\xe4\xcfS \x7fc\x16\xa2\xe6\xd0\x1e\x0e\x1c\x17\x02\xb5\xc19\xa3\xa2T{d\x9f\xaek\xa2(\x05#\x7f\xac\xff\xd3\x08^\xfd\x87\xb8\xf0\xff\r\t!\x8c1\xab\xd5\x9a9p \x00l\xaf\xa9q\xaa\xaah\x82?\xed91\xf6\x08?TV\x02@\\\\\\zz:t\xd0\x1a\xb8@\xfe\x03\xb32\x01\xa0\xea\xc0v\xb5\xd9E\x05\xf1\xfc\xdf9\xbc\x10 pl\xcf\x8f\x00\x10\x17\x1f\x94\xfc\xb1\xfeO#x\xf5\x1f\xe2LQ\x07\xc6\\^^^\x1e\x00\x1cv\xb9\xca\x9cNE\x14\xc3\x7fz\xef\\\x88\x94\xbaTuGm-\x00\x0c\x1a4(**\x8au\xdc\x15C\xad\xf3w9\x8e4T\x94\x89\xb2\x02x\x1a\xa0\x15*\x88j\xb3\xcbQ\xba\x03\x00\x06\r\x0cb\xfeX\xff\'\x15\xd4\xfa\x0fe\xa6h\x00\xc6\x1fr\xe2\xc4\x89\xa2 \xa8\x9a\xb6\xcd\xe1P\x04\xc1\x0cgx\xce\x12\x03PD\xf1@C\xc3a\x97\x0b\x00&amp;^s\r\xa5\xb4\x03\xf3\t\xe4/\x08\xa2\xdf\xa7V\x96l\x13$\x05\xf3\xff\x0f\xceDY\xa9?V\xear\x1c\x01\x80k\xae\x99\x18\xa4\xfc\xb1\xfeO*\xd8\xf5\x1f\xcaL\xd1\x00\x8c\xb9\xbc!C\x86\xa4\xa6\xa6\x02\xc0\xda\xc3\x87\x99\tV\xf8\x9e=\xc6\x98E\x147\x1c;\xa6j\x1a\xa5t\xdc\xb8q\xd0\xa1\xc7\xbfm\xf2?T\xf0\r\xe7\x8c\xe0i\x80\x13\x18c\xa2l9\\\xf8\x9d\xdf\xa7vB\xfeX\xffm\x04\xbb\xfeC\x99)\x1a\x00!D\xd7u\x9b\xcd6n\xfcx\x00(\xac\xab\xab\xf1xd\xbc\x1c\xe6\x04B\x88\xce\xd8\x0f\x95\x95\x04 3##;;\x9bs\xde\x81\xcfD\r\xe4?~\xfc8\x00\xa8&gt;X\xe4q\xd6PI\xc6\xcb\xc1\x0c\x84\x10\xc6\xf4c{\xb6\x00!\x19\x99\x99\xc1\xcb\x1f\xeb\xff\xa4\x82]\xff\xa1\xcc\x14\r \xe0\x96[n\x01\x80\x8a\xc6\xc6Uee\x11\xb2\x8c\xab\xa1\x01\x80\x01\xd8$\xa9\xa8\xa6f\xe3\xb1c\x1c\xe0\xbaI\x93\x14E\t\xd2u\xf0F\xfe\xae\xda\x8a\xd2\x1f\xf3ek\x04&gt; \x0c\x00\x803I\xb1U\x1f\xdcu\xb8h\x13p&gt;\xe9\xba\xeb\x82\x9d?\xd6\x7fk\x9dY\xff!\xc8,\r\xc08\n\x1e;vlZ\x8f\x1e\x04`\xf9\xc1\x83\xb8\x14\xda\xc0\x18\xb3\x89\xe2\xea\xf2r\x8f\xcf\'\x08\xc2\xcd7\xdf\x0cA8\xfe\r\xe4\xdf#-\r\x00\xf6o\xfe\x92s\x8e\x93@`\xcc\xffXl\x07\x7fZ\xe3\xf3z:!\x7f\xac\xff6:\xa7\xfeC\x96Y\x1a\x00!D\xd3\xb4\xa8\xa8\xa8)w\xdc\xc1\x016WV\xee\xae\xad\xb5I\x12\x0eA\x8d\xf5\x0fK\x0f\x1c \x84\x0c\x1f&gt;&lt;//\x8f1\xd6\xe1\xc7\xbf\x81\xfc\xef\x982\x05\x00\x8e\xec\xfe\xa1\xa6l\x8f\xa4\xd8p-\x10\x15D\xd5\xed\xda\xf7\xdd\xb2\xce\xc9\x1f\xeb\xbf\x8d\xce\xa9\xff\x90e\x96\x06\x00\'\x06A3f\xcc\x90D\xd1\xe3\xf3}\xb6\x7f\xbfM\x14Mr\xae\xffTt\xce\xa3dy\xe3\xd1\xa3{\xeb\xea8\xe7w\xdduW\xf0\xd6?\x04\xf2\x17%\xc9\xe7\xf5\xec\xfdn\xa9h\xb1\x99&lt;\x7f\xcet\xd9\x16u\xa4pS\xcd\xe1}\x9d\x96?\xd6\x7f@g\xd6\x7fh2W\x03`\x8cegg_z\xd9e\x84\x90\xf7\x8a\x8b\x0f:\x9d\x16Q4\xf3\x910\x01\xf01\xf6\xf2\x8e\x1d\x9c\xf3\xe4\xe4\xe4\x1bo\xbc1x\xa7\xbf\x02\xf9_v\xe9\xa5\x84\x90\xc25\x8b\x9d\x15e\xa2d1\xf7\xa9`\xc24\xff\xd6e\xaftf\xfeX\xff\x01\x9dY\xff\xa1\xc9D\r\x00\x00\x8cy\xcf9s\xe6p\xce\xeb&lt;\x9eOJJ\xec\x8a\xa2\x99\xa9\xe1\xb7\xa6s\x1e\xa5(?UV~_Q\x01\x00S\xa7NMHH\xd0u=x\x13\xa0\xad\xf3\xf7\xb8\xea\x8a\xbf\xfdT\x89\xb43\xdd\x14\xcf\xdek\x8f3]\x89\x88\xaa\xd8\xfb\xd3\x91\xdd?@\xa7\xe7\x8f\xf5\xdf\xf9\xf5\x1f\x82\xcc\xd5\x00(\xa5\x9c\xf3\xcb/\xbf&lt;+3\x93\x12\xb2d\xef\xdec\xcd\xcd\x8a \x98w\x10\xc4\xf9\x1b\x85\x85\x00\xa0(\xca]w\xdd\xc59\x0f\xea\xfdO\x02\xf9gfe\x11Bw\xad\xfbwS\xed1ARL{\x10\xc09\x14\xacx\x13:=\x7f\xac\xff\xe3:\xb7\xfeC\x90\xb9~\xdb\xc0}Q\x1e\xfb\xe3\x1f\x19\xe7\xa5N\xe7\xab;v\xc4X,\xba\xf9\x06A:\xe71\x8a\xf2uy\xf9\xf2\xd2R\xce\xf9\x1dw\xdc1p\xe0@\xc6XP7\x80@\xfe\x7f|\xec1\xceY}\xc5\xc1m\x9f\xbfn\x89\x8aa\xcc,\xab\xee\x028\xd3\x95\xc8\x98\xb2mk\xf7}\xffe\xe7\xe7\x8f\xf5\xdf%\xf5\x1f\x82\x88\tW\x83\x19\x8b|\xc7\x8d\x1b\xb7\xe1\xdbo\xe3l\xb6\xd57\xdf\x9c\x12\x11\xe1c\xccD\x07~\x00\x8cs\x9b$\xdd\xb8l\xd9\x0f\x95\x95qqq\xbbv\xedJNN\xee\x9c\x11P \xffo\xbf\xdd`\xb3\xc7M}neDl2\xd3|`\xa6Co\xce\x98d\xb1}\xf4\xc4\xcdG\x8b\x7f\xec\xaa\xfc\xb1\xfe\xbb\xa4\xfeC\x8a\xb9~\xdb\x00A\x10\xe6\xce\x9dK\x05\xa1\xce\xe3yf\xcb\x96HY6\xd5 \xc8\xcfX\xbc\xd5\xfa\xfe\x9e=\x9b+*8\xe7\x0f=\xf4PJJJg\x0e\x7f\x8c\xfc\x05\x81z\\u\x1b\x17?+\xdb"Mu\x10\xc0t\xcdj\x8f/Z\xb3\xf8\xc8\x9e-]\x98?\xd6\x7fW\xd5\x7f\xe80\xdd/\x0c\x00\x82 \xe8\xba&gt;v\xec\xd8iS\xa7\x02\xc0\xd2\x03\x07V\x94\x96\xc6Z,&amp;9\x1b\xc68\xb7\x8ab\x99\xcb5\x7f\xebVJiff\xe6\xc3\x0f?\xdc\xc9{\x1f#\xff\xa9\xd3\xa6\x01\xc0\xde\x8d\x9f\xef\xdf\xfc\xa5%*\xd6$g\x839g\xa2lqV\x1e\xfa~\xc9\x0b]\x9b?\xd6\x7f\x97\xe4\x1fR\xcc\xf8;\xc3\x89\xc9\xd0g\x9e}6\xc6n\xd79\x7f|\xe3F\xa7\xaa\xca\xe68\x1b\xc68\x8f\x94\xa4\xc7\xbf\xfb\xae\xda\xedf\x8c\xfd\xf3\x9f\xff\x94e\xb9\x93\x9f\x7fm\xe4\xff\xec3\xcf\xd8cb8\xd3\xd7\xbd\xf5\'o\xb3S0\xc7\xdd\x818c\xb25\xf2\x9b\xb7\x9ehn\xa8\xee\xda\xfc\xb1\xfe\xbb*\xff\xd0a\xd2\x06`,\x87HIIy\xe1\xc5\x17\x81\xf3C.\xd7\xa3\x1b6D\x99\xe0@\xd8\xcfX\xa2\xcd\xf6Fa\xe1\x97\x07\x0f\x02\xc0\x8c\x193&amp;L\x98\xa0\xebz\'\xaf}\x0e\xe4\xff\xe2\x0b/p\x0e\xce\xaa\xf2\xb5o\xfcQ\xb6E\x85\xfdD\x10\xd3\xfc\xb6\x98\xc4\x82\xe5o\x95\xfc\xb0\x12B \x7f\xac\xff.\xc9?t\x98\xf1$p\x80\xa6i\xa2(\xde~\xfb\xed\x1f}\xf4\x11\x00\xcc\xbf\xf4\xd2{\x87\x0eu\xb8\xddR\x98\x1e\x0cj\x8c\xc5(\xca\xf6\xea\xea\xc9\xcb\x96y\xfc\xfe\xf4\xf4\xf4\xc2\xc2B\xab\xd5J\x08\xe9\x92\xe1O\x9b\xfc\xaf\x9c\xfd\xccE\x93g\xbb\xeb\x1dT\x94:\xff\xc3t\x02\xa6k\x96H{\xd5\x81\x9dK\x1e\xbf\xc9\xefmIO\xef\x1bR\xf9c\xfd\x9b\x90\xa9\x1b\x00\xe7\x9c1\xe6r\xb9\xf2\xf2\xf2\xca\xca\xca\xac\xa2\xf8\xf1\xf5\xd7\x8fHIq\x85\xe33\xf3\x18\xe7\x92 x\xfc\xfe\xc9K\x97\xeemh\x10\x05a\xe3\xc6\x8d#G\x8e\xec\xc2\xd9\xcf6\xf9\x8b\x8a\xf5\xd6\'\x97\xf4\xc8\xcaS\xdda\xf8\xccH\xce\x98 J~\xd5\xb3\xe4\xf1\x9b\xea\x8e\x94\x08\xa1\x97?\xd6\xbf\t\x99\xf77\x07\x00\xa3\xf3\xc7\xc5\xc5}\xf0\xc1\x07\x84\x10\x8f\xa6\xdd\xbbzumK\x8bU\x92\xf4\xf0\xea\x8b\xc6/\x13!I\xbf_\xb7no}=p\xfe\xdcs\xcf\x8d\x1c9R\xd3\xb4.\xac\xfe6\xf9k^\xcf\x97/\xde\xd7\xd2X\')V\x1efsA\x9c\x03\x01\xc9\x1a\xb1\xea_\x0f\xd5\x1e\xde\xc7C2\x7f\xac\x7f\x132\xf5/\x0f\x00\x94RM\xd3F\x8e\x1c\xf9\xea\xab\xaf\x02\xe7G\x9a\x9bo_\xbe\\\xd54\x99\xd2p\xba[:\xe3&lt;\xd6b\xb9\xff\xeb\xafW\x95\x95\x01\xc0\xf4\xe9\xd3\x1f|\xf0Ac\x06\xa0k?X\xeb\xfc9@c\xf5\xd1O\x9e\xbcC\xf3\xfb\xa8(\x87\xd3\xd3\x028c\xd6\xa8\xd8\xaf\x16&lt;p\xe0\xc7|\x08\xd5\xfc\xb1\xfeM\xc8\xec\r\x00\x00DQ\xd44m\xd6\xacY\xb3g\xcf\x06\xce\x0bkj\xfe\xf0\xed\xb76I"\x84\x84\xc76\xa01\x96d\xb3\xbd\xb2}\xfb\x87\xc5\xc5\x00\x90\x97\x97\xf7\xca+\xaf\x84\xce=o[\xe7\xcf\x01\x1c\x07\x8b\xd6\xbc\xfa\x88l\xb1\x11JxX\xdc,\x9a\xe9\x9a-6i\xeb\xb2\xd7v\xad]\x02\xa1\x9d?\xd6\xbf\xd9`\x03\x00\x00\x10\x04A\xd3\xb4\xd7^{\xed\x9e{\xee\x01\x80OKJ\xee\xff\xfa\xeb(Y\x16\xba\xf98\x88\x03\xe8\x9c\'GD\xbc\xbc}\xfb\xe3\x9b6\x01@^^^~~\xbe\xcdf\x83Pz\xeaE\x9b\xfc\x8b7,\xfdj\xc1\xefdk\x14\xa5B\xf7&gt;\x0e\xe0\x9c\xebzDl\xd2O\xcb^\xfd\xe6\xad?A7\xc9\x1f\xeb\xdf&lt;L}\x12\xb85\xe3\x84\x98 \x08\xb3f\xcdz\xf3\xcd7\x01`JV\xd6\x8b\x97_\xce8\xf7jZw&lt;\'f&lt;\xf8;FQ^\xdb\xb1\xe3\xb1\x8d\x1b\x81\xf3\x11yy\xab\xf2\xf3cccC\xf0\xc4W\xfb\xfcs\xae\xb8}\xc2\xfd\xcfq\xc64\x9f\xb7;\x9e\x136\x0e_,\x91\xb1\xdb\xbex}\xdd\x9bOp\x80\xbc\xbc\x11\xf9\xf9\xab\xbaK\xfeX\xfff\x80\r\xe0?\xdao\x03\x17%\'\xbf\x7f\xed\xb5\x89Vk\x83\xaav\xaf\xb5q\x1ac\x8a(\xdaD\xf1\x81u\xeb\x16\xef\xd9\x03\x00\xa1_\xfd\xed\xf3O\xcd\x18v\xd3\x13\xef\xda\xec\xf1\xde&amp;g\xf7Z\x1b\xcatM\x94\x14\xd1b[\xf5\xaf9Ek&gt;\x00\x80\xbc\x11#\xf2W\x85\xe8\xde\xdf\x80\xf5oB\xd8\x00~\xa6\xed6@\xc8\xa0\xb8\xb8\x7f\x8e\x1b\x97\x97\x92R\xe3\xf1\x08\x94v\x8b\x83F?c1\x8aR\xd7\xd2\xf2?\xeb\xd7\x1b\x17\xbct\x97\xeao\xbf\x0fJ\xec3\xe8\xea\xdf\xfd#-k\xb8\xdbYC\xa9\xd0-n\x18\xc74\xbf%*\xc6\xe3\xaa[\xfd\xca\x1f\xf6\xff\xb0\x12B{\xec\xdf\x1a\xd6\xbf\xd9`\x03h\xab\xfd&gt;\xc8n\xb1\xcc\xbb\xe4\x92)\x03\x07:\xbd^\x9ds!\x84\xf7A\x8cs\xcey\xbc\xcd\xf6SU\xd5\xef\xd7\xad\xdb][\x0b\x00#F\x8cX\x15\xdac\xcf\xd6\xda\xe7o\x89\xb4\x8f\x9f\xf5L\xf6\x15\xb7y\x9b\x9d\x9c\xe9\x84\x86\xee\xb9;\xce\x19g\xdcf\x8f\xaf\xd8\xf7S\xfe\xbf\x1e\xaa&gt;\xb4\x07\xba\x7f\xfeX\xffa\x0c\x1b\xc0Ip\xce\x8d\x1b\xc3.X\xb0`\xce\x9c9\x00\x00\x84\xdc\x9d\x9b\xfb\xe4\xa8Q\xb2 4\xaajh\x0e\x854\xc6,\xa2\x18!I\x0b\x8b\x8a\xfe\xbays\x93\xaa\x02\xc0\xcc\x993\x17,X\x10\x15\x15\xd5\x8d\xaa\xbf}\xfe\x04\xe0\xc2kg^\xfa\x9b?\x0b\xa2\xacz\x1aC\xf3P\x80\xe9\x9a([$K\xc4\x8e\xaf\xde\xfe\xf6\xff\xe6\xaa\x9ef\x08\x97\xfc\xb1\xfe\xc3\x156\x80\x93\x0bl\x03\xf9\xf9\xf93g\xce\xac\xa8\xa8\x00\x80\x0b\x93\x93\x9f\x1e3ftZ\x9aKU}\xba\x1e:g\xc6t\xce\t@\x9c\xd5z\xc8\xe5\xfa\xcb\xa6M\x9f\x97\x96\x02\xe7\x8a,?;o\xde\x83\x0f&gt;\x08\x00\xdd\xae\xfaO\x9a\x7f\xea\x80\xa1\x97\xdf\xf5T\xaf\xdcQ^\xb7K\xf7\xfbB\xe7\xcc0g:\x10b\x8d\x8asV\x1dZ\xff\xf6_\xf7mZ\x0e\x00\xb2\xac\xcc\x9b\xf7l8\xe5\x8f\xf5\x1f~\xb0\x01\x9c\x8eq\xa9Hee\xe5\x8c\x193\xf2\xf3\xf3\x01@\x16\xc5\xfb\x86\x0c\xf9\xef\xa1C\x93#"\x9c^\xaf\xce\x98\xd0\xa5\x85e\\\xb1iW\x14\xbf\xae\x7f\xb8w\xef\xfc\xad[\xab\x9a\x9b\x01 3#c\xe1\xa2E\xa3G\x8ff\x8cu\xdf[\x9d\xb4\xcf_\x92\xe4a\x93\xef\xcd\x9b&lt;;"6\xd9\xdb\xecd\xbaN\xbbt5\xb7q\xc5\xb2\x12ag\x9a\xbfh\xdd\x92\xcdK\x9eo\xaas\x00@Ff\xe6\xa2\x85\x0b\xc3/\x7f\xac\xff0\x83\r\xe0\x0c\x02w\n\\\xb0`\xc1c\x8f&gt;\xeaUU\x00\xe8\x1f\x1b{\xff\xd0\xa17\r\x18\x10\xa5(\x8d\xaa\xaa1\xd6\xf9\x07\xc5\xc6\xa8\'J\x96\x01`\xdd\xe1\xc3/m\xdf\xfe\xdd\xd1\xa3\xc6\xb7\xee\xbe\xfb\xee\xe7\x9f\x7f\xden\xb7\x87\xc1\xb5\x8e\xad\xf3\x7f\xf4\xd1\xc7T\xd5\x0b\x00\xf1i\xfd\x86\xdfp_\xd6\xd8\x1b\x14[\x94\xeand\xbaF\x05\x01\xa0S\xff\x02\xc6\xa8_\xb1Fq\xe0\x87\xb6\xaf\xdf\xba\xf4\x95\xf2\xc2\x8d\xc6\xb7\xc25\x7f\xac\xff\xf0\x83\r\xe0\xcc\x02\x83\x88]\xbbv=\xf2\xc8#+W\xae4\xbe~QJ\xca\x03\xc3\x86\x8dIK\x8b\xb3X\x9a|&gt;\x9f\xaeSBh\x90\xc7\x1a\x8cs\xc6\xb9Hi\xa4,\xfbu}\x9b\xc3\xf1VQ\xd1\xb2\x03\x07\x8c;\xe9\xe7\xe6\xe4\xcc\x9b?\x7f\xe2\xc4\x89\xd0j\xd3\xed\xeeN\x95\x7f\x8f\x8ca#n\xfe]\xaf\xdcQ\xd6\xe88\xd5\xdd\xa4k&gt;B(\t\xf2\x80\x94s\xc6\x19\xa3\x82([#\x99\xe6\xaf()\xd8\xfe\xe5\xc2}\x1b\xbf0\xb6\xa2\x9c\xdc\xdc\xf9\xf3\xe6\x99$\x7f\xac\xff0\x80\r\xe0l\x05\xeai\xc9\x92%\x7f\x7f\xfa\xe9\xa2]\xbb\x8c\xaf\x0fLH\xb8\'7\xf7\xda\xf4\xf4$\x9b\xcd\xcf\x98\xdb\xe7\xd39\xa7\x1d}\xd8i\xd4=!\xc4&amp;\x8aVQl\xf4\xf9\xbe\xaf\xa8xu\xe7\xceo\x8f\x1e\x05\xc6\x00 %9\xf9\xfe\xdf\xfe\xf6\x91G\x1e\x91e9,\x0f{[\xe7\xff\xf4\xdf\xff\xbe\xab\xa8\xc8\xf8zb\xef\xaca\xd7\xdd=\xe0W\x13#b\x93t\xcd\xefkqs\xa6\x13B\t%\x1dxL`,\xef!\x04D\xc5&amp;)V\xd5\xddxd\xf7\xe6m_\xbc~x\xe7\x06\xc6\x01\x00\x92SR~{\xff\xfd&amp;\xc9\x1f\xeb?l`\x038\x07\x8c1\x00\xa0\x94\xfa|\xbe\xf9\xf3\xe7\xbf\xfc\xd2KU\x0e\x87\xf1\xad\x9e\xd1\xd1\x93\xd2\xd3\xaf\xea\xd3gDjj\x84$\xa9\xba\xee\xd54?c\xdc\xd8\x18\xce\xfd\xbasn\x9c\x88\x03\x00\x00\x81\x10\x8b XDQ\xe7\xbc\xa8\xb6v]y\xf9\xd2\xd2\xd2\xa2\x9a\x1ac\xd4cU\x94;\xee\xbcs\xee\xdc\xb9iii\x10\xd6\x03\x9f6\xf9\xbf\xf4\xf2\xcb\x8e\xaa*\xe3[\xf6\xa4\x9e\x03.\xbe\xb6\x7f\xde\x84\x1e\x03\xf3$\xc5\xa6k&gt;M\xf52\xdd\xcf9\x10B\xe0\x17\xec\x0e\x8c\xd3\xa0\xc0\x01\x80RA\x94\x15Q\xb60]\xaf.\xdb]V\xf0\xcd\xbe\x8d\xcb\x1c\x07\x8f\xef\x01\x15\x8b\xf5\xce_\xdfa\xc2\xfc\xb1\xfe\xc3\x006\x80s\x16\xa80\x87\xc3\xf1\xde{\xef\xbd\xf7\xee\xbb\x85\'F\xa3@\xe9\xc8\x94\x941ii\xa3\xd3\xd2r\x12\x12\xe2,\x16\x91\x10?c\xaa\xae\xfb\x193\x16)\x1b/&lt;\xe9\xf6`|\xd7\xd8WI\x94\xca\x82`&lt;\xa5\xafQU\x0f\xba\\\xdf\x1d=\xfaCe\xe5\xb7\xc7\x8eyT\xd5x}jJ\xca\x9dS\xa7N\x9f&gt;=\'\'\x07\x004M\x13\x04!\xec\x07&gt;m\xf2\x7f\xf7\xdd\xf7\x8a\x8a\n\x8do\x11\x02iYy\x17\xe4\x8e\xe9\x95;*\xb1o\x8e5*\x96\n\x02\xd34\xcd\xaf2\xcd\xcf9?qw\xb9\x93\x84\xc4\x01\xe0D\xfe@\x88 H\x82$\x1b\x97\x1f\xab\xee\xa6\x86\x8a\x83\x87\x8b6\x1e\xdb\xb3\xe5\xf0\xce\r\xaa\xd7c\xfc_RRS\xa7\xdey\xa7\xc9\xf3\xc7\xfa\xef\xd6\xb0\x01\xfc\x12\x81\x8be\x00\xc0\xe7\xf3\xadZ\xb5\xea\xedE\x8bV\xe7\xe7{\xbc\xde\xe3\xaf\xa0\xb4wttN|\xfc\x88\x94\x94\xec\xf8\xf8\xf4\x98\x98d\x9bM\x11\x04\x91RB\x08\xe7\\c\xecg+\xd99\xa7\x94\x1a\x97\xd8\xf8\x19\xd3\x18\xabmi)w\xb9J\x1a\x1a~\xac\xaa\xdaY[[\xeat\xaa~\x7f\xe0\xe5cF\x8f\x9e&gt;}\xfa\xa4\xeb\xafONN\x06\x00]\xd7)\xa5\xe6)\xfd\xf6\xf9/Z\xf4v\xfe\xea\xd5\xde\x96\xe3\xbbfB &amp;\xb9Wb\xdf\xec\x1eYy\x89}\xb2c{\xa4G\xc4$\x89\xb2L\x05\t\x08\x01\xce\x98\xde\xf6y\x03\x84\x1a\xe7\x0f\x08\xd3\xfcL\xd7&lt;\xaeZ\xa7\xe3p\xfd\xd1\xfd\x15\xc5[\x1d\xa5;\x1b*\x0e\xfa}j\xe0\xc5\xa3G\x8f\x99\xfe\x9b\xe9\xd7O\x9a\x84\xf9c\xfdwk\xd8\x00~9\xce\xb9\xae\xeb\x81e\x06{\xf7\xee]\xb1b\xc5\xe7\xcb\x96m\xfd\xf1\xc7\xd6\xc5\n\x00\xb16[_\xbb=FQr\xe2\xe3EJ#%);&gt;\xdeX\xc6`\xbc\x8f$\x08\xe5\x8d\x8d\xc7\x9a\x9b\x05J\x8b\xeb\xea\xeaU\xf5\xa0\xcb\xe5p\xbb\xe1\xe7\xf7\xc2\xcc\xc9\xce\xbez\xe2\xc4\x1bo\xbcq\xd4\xa8Q\xc6W\x8c\'Z\x98s\x8d\xf3I\xf3_\xf6\xf9\xe7?\xfe\xb8\xb5\xf5\xce\x1a\x00"\xa2ccR\xfb(\x111\x89}\xb3\x8d\xf3\xb7\x89}\x061\xa6\x13 \xc6\xfb\x08\xa2\xe4r\x947\xd6VPA\xa8-/\xf669\x1b*\x0e\xba\x1b\x1c\xec\xe7\x1bGvN\xce\xc4\xab\xaf\xc6\xfc\rX\xffa\x00\x1b\xc0\xf92FC\x84\x90@\x15\x16\x17\x17o\xd9\xb2e\xc5\xf2\xe5\x05\xdb\xb6UTT\xb4\xd9\x18\xceUJRRNn\xee\xd5\x13\'\x8e\x1d;v\xd8\xb0a\xc6\xb0\xcb\xf8\xa18\xea\x81S\xe7\xbf|\xc5\x8am\xdb\n***\xda4\x83s\x95\x94\x9c287\xe7\xea\xab\xaf\xc6\xfcO\n\xeb\xbf[\xc3\x06\xd0a\x18c\xc6qq\xa0(=\x1eOyy\xf9\xde\xbd{\x8b\n\x0b\x8b\x8a\x8a\xeajk\x8b\x8b\x8b5Mkll\xf4iZ\xfbwH\x8c\x8f\xe7\x9c\xf7\xef\xdf?6.n\xf8\xf0\xe1\xe9\xfd\xfaegg\x0f\x180 &amp;&amp;&amp;\xf0\x1aM\xd3\x08!x\x9a\xab\xbd\xd3\xe5_TTXXTWW\xb7\xe7D\xfe\x9a\xdf\xd7\xfe\x1d\xe2\x13\x12\x8d\xfc\xe3bc\x87\x0f\xbf\xa8\x1f\xe6\x7f.\xb0\xfe\xbb#l\x00\x1d\xcf\xd8\x12NZ\xa6.\x97\x8b1VUUUub\xf9J@dd\xe4\x80\x01\x038\xe7\xb1\xb1\xb1\xa7zC\x1c\xf2\x9c\r\xcc\xbfka\xfe\xdd\x086\x80 \xe2\xad\x18\x0b\x93\xcff\xb2\xd28\xbc\r\xac\x88\xc0\xa2\xff\xc50\xff\xae\x85\xf9\x87&gt;l\x00\x9d\xcaH\x9b\xb7Z\x0f\xd7\x9a\xb1y`\xb9\x07\x0f\xe6\xdf\xb50\xffP\x83\r\x00!\x84L\n\x97O!\x84\x90Ia\x03@\x08!\x93\xc2\x06\x80\x10B&amp;\x85\r\x00!\x84L\n\x1b\x00B\x08\x99\x146\x00\x84\x102)l\x00\x08!dR\xd8\x00\x10B\xc8\xa4\xb0\x01 \x84\x90Ia\x03@\x08!\x93\xc2\x06\x80\x10B&amp;\x85\r\x00!\x84L\n\x1b\x00B\x08\x99\x146\x00\x84\x102)l\x00\x08!dR\xd8\x00\x10B\xc8\xa4\xb0\x01 \x84\x90Ia\x03@\x08!\x93\xc2\x06\x80\x10B&amp;%v\xf5\x070\xa3S=\x87\x19\x1f\x87\xdd90\xff\xae\x85\xf9\x87\x0el\x00\xc1\xc5[\x01\x00Ji\xe0\xdf\xf6\x18c\x81\x7fI+\x9d\xf8y\xc3\r\xe6\xdf\xb50\xff\x10GN\xd5\x8d\xd1/f\x94;c\x8c\x10"\x08B\xfb\x170\xc6\\.\x17!\xc7\xc37\xfe\xc3b\xb1X\xad\xd6\x93\xbe\xd8x+J)n\x0cg\x03\xf3\xefZ\x98\x7f7\x82\r\xa0\xc3\x18E\xcf9\x17\xc5\xff\x1cW\xe9\xba^QQq\xe0\xc0\x81\xc2\xc2\xc2\xda\xda\xda\xad[\x7f\xd24\xad\xcaQUYY\xd5f\x03\x88\x8a\x8c\xec?\xa0?p\xc8\x1d\x9c\x9b\x98\x900|\xf8\xf0\x0b.\xb8\xa0w\xef\xde6\x9b\xad\xf5\xbb\x01\x00n\t\'u\xfa\xfc\x8b\x8c\xfc\x7f\xda\xaai\x9a\xa3\xaa\xaa\xaa\xaa2\x90?\x10\x02\x9cGFF\xf6\xef?\x80\x03\xcf\xcd\x1d\x9c\x90\x90\x88\xf9\x9f+\xac\xff\xee\x08\x1b@\x07\xe0\x9c\xeb\xba\x1e\xa8{]\xd7KJJ\xf2\xf3\xf3\xbf\xdb\xb8q\xdf\xbe\x92\xf2\xf2\xf2\xe6\xa6\xc6_\xf0\xb6\x92$\xf7H\xeb\</t>
        </is>
      </c>
    </row>
    <row r="438">
      <c r="A438" s="1" t="n">
        <v>436</v>
      </c>
      <c r="B438" t="inlineStr">
        <is>
          <t>size_cycle</t>
        </is>
      </c>
      <c r="C438" t="inlineStr">
        <is>
          <t>What is the size of the missing circle denoted with a question mark?</t>
        </is>
      </c>
      <c r="D438" t="inlineStr">
        <is>
          <t>['medium', 'small', 'large']</t>
        </is>
      </c>
      <c r="E438" t="inlineStr">
        <is>
          <t>medium</t>
        </is>
      </c>
      <c r="F438" t="inlineStr">
        <is>
          <t>There are circles arranged in a spiral with three arms. The first arm has circles of sizes ['small', 'medium', 'large'], the second arm has circles of sizes ['small', 'medium', 'large'], and the third arm has circles of sizes ['small', '?', 'large'].</t>
        </is>
      </c>
      <c r="G438" t="inlineStr">
        <is>
          <t>We observe that the circles in each arm progress in size from small to medium to large. Thus, the pattern is that the circles in each arm get bigger as they progress away from the center of the spiral.</t>
        </is>
      </c>
      <c r="H438" t="inlineStr">
        <is>
          <t>Based on the pattern that the circles in each arm get bigger as they progress away from the center of the spiral, the size of the missing part that is neither closest nor farthest from center should be medium.</t>
        </is>
      </c>
      <c r="I438" t="inlineStr">
        <is>
          <t>b'\x89PNG\r\n\x1a\n\x00\x00\x00\rIHDR\x00\x00\x02\x00\x00\x00\x02\x00\x08\x02\x00\x00\x00{\x1aC\xad\x00\x00\x95\x9aIDATx\x9c\xec\xddw|TU\xf6\x00\xf0s\xef{of\xd23\t\x10z\r\xbd\x97\x84\x12\x91 \x84`E\x14\x10\x04DP\xc0EPP\xd4u\xc5\x1f \x96UP\xd9\x05] H\x11P\xda.\xd8\t\xa1K\x0f\x10B\'\xa1\x89\x08\x04\x92Lzf\xe6\xbd{\xef\xef\x8f\x0bcDEJ\x92\x99\xc9\x9c\xef\x1f|2\x93\xc2\xcbd\xde9\xb7\x9eK\x84\x10\x80\x10B\xc8\xf7Pw_\x00B\x08!\xf7\xc0\x04\x80\x10B&gt;\n\x13\x00B\x08\xf9(L\x00\x08!\xe4\xa30\x01 \x84\x90\x8f\xc2\x04\x80\x10B&gt;\n\x13\x00B\x08\xf9(L\x00\x08!\xe4\xa30\x01 \x84\x90\x8f\xc2\x04\x80\x10B&gt;\n\x13\x00B\x08\xf9(L\x00\x08!\xe4\xa30\x01 \x84\x90\x8f\xc2\x04\x80\x10B&gt;\n\x13\x00B\x08\xf9(L\x00\x08!\xe4\xa30\x01 \x84\x90\x8f\xc2\x04\x80\x10B&gt;\n\x13\x00B\x08\xf9(L\x00\x08!\xe4\xa30\x01 \x84\x90\x8f\xc2\x04\x80\x10B&gt;\n\x13\x00B\x08\xf9(L\x00\x08!\xe4\xa30\x01 \x84\x90\x8f\xc2\x04\x80\x10B&gt;\n\x13\x00B\x08\xf9(\xd5\xdd\x17\x80n\x8f\x10\xe2\xf7O\x12B\xca\xffJ\x10B\xde\x0e\x13\x80\xe7\x12Bp\xcee\xc4\'%\xfc\xfe+9\xe7\xf2\xeb\x85\x10\xf2\x0b(\xa5\x98\x15\x10B7G\xfe\xb0E\x89\xdc\x85s\xce9\'\x84\xfcY\x04\xb7\xd9l\x84\x10WV\x10BPJCBB\xee\xe0G!\x84|\x1c&amp;\x00\x8f \x83\xb5\xa2(%#\xf5\xd5\xabW\x8f\x1f?~\xfa\xf4\xe9\xf3\xe7\xcf\x1f:t\xc8f\xb3\x15\x16\x16\xa6\xa7\xa7\xdf\xf0\xbd\x8a\xa24o\xde\x9cRZ\xb7n\xdd:u\xea\xb4l\xd9\xb2V\xadZ\x8d\x1a5*\x99\x15\xe4\xcf\xa7\x94R\x8a\xb3&gt;\x08\xa1k0\x01\xb8\x93\x1c\xe4)\xd9B?\x7f\xfe\xfc\xc6\x8d\x1b\x7f\xfc\xf1\xc7\xa3G\x8f\xa6\xa5\xa5\xe5\xe4\xe4\xdc\xd9O\xaeT\xa9R\xf3\xe6\xcd\xdb\xb6m\xdb\xbd{\xf7\x98\x98\x98\xf0\xf0p\xf9\xbc\x1cS\xc2&gt;\x01B\x080\x01\xb8\x8bl\x92\xab\xea\xb59\x98c\xc7\x8e}\xff\xfd\xf7k\xd6\xac9x\xf0`QQQ\xe9\xfe_\xe1\xe1\xe1111}\xfb\xf6\xed\xd9\xb3g\xcd\x9a5\xe5\x93\x86a\xdc\xd0\xe1@\x08\xf9\x1aL\x00\xe5M\xb6\xc1\x15E\x01\x80\x8c\x8c\x8c\xaf\xbf\xfez\xd1\xa2E{\xf7\xee5\x0c\xe3\xf7_\xec\xefg\t\xafd\x8dlP\xabu\xb3\x06\xa1a\xa1\n@t\x87\x16\x9a\xa6\x08!\x08\x10!\x04Q\x95\x9c\xec\xdc\xd4\xc3iD\xd5~:w\xe1\xf4\xd9\x9f\x8f\xa7\xfd\x94\x9d\x9d\xcb\x18\xfb\xfdO\x0b\n\n\xea\xde\xbd\xfb3\xcf&lt;\xd3\xbbwo\x93\xc9\x04\x98\x06\x10\xf2m\x98\x00\xca\x8f\x1c\xf0\x91\xa1\xff\xc8\x91#\x8b\x17/^\xb2dIFF\x06\\\x9f\xce\x95_\x16\x16\x16\xd2\xa6e\xa3{c\xdau\xe9\xd8\xaaI\xa3\xba\xe1\x95\xac\xfe\xe1\xa1@T\x00\n \x00~\x9f\'\x08\x80\x02@\x00\x18\xe8\xce\xdc\xcc\x9c_._9\x91v\xee\xc7\x1d);v\x1d&lt;z\xectQQ\xf1\xf5/\xbb\xf6_\xb4h\xd1b\xd8\xb0aC\x87\x0e\x8d\x88\x88\x00\x00\xc6\x18\x0e\n!\xe4\x830\x01\x94\x13\xc30\xe4\x80\xcf\x91#G&gt;\xfe\xf8\xe3\xa5K\x97:\x9dN\x00\xa0\x94\xcaE\x9c5kD\xc4\xf5\xe8\xf4\xe8\xc3\xf7\xc5tj\x1d^\xad\x12(f\x00\x03\x1cN0\x187\x0c\xce\x05\x80\xb8\xbe\xe2\xff\x86H-\xff\x86\x82\x10B\x08\xa5\x9a\n\x9a\n\x9a\x06@\xc1Q|\xfe\xa7K\x9b\xb6\xee]\xf3\xf5\xa6-[\x93\xf3\xf2\x0b\x01@Q\x14\xd9?\x88\x88\x88x\xee\xb9\xe7\xfe\xf6\xb7\xbf\xb9\xd2\x80LN\x08!\x1f\x81\t\xa0\xcc\xc9\xb5\x98\x84\x90+W\xae\xbc\xfd\xf6\xdbs\xe7\xceu:\x9d\x8aB\x19\xe3\x00`6i\xf1\xbdb\x9e\x19\xf6h\xf7\xae\x1d\x82"*\x03\x08(.\xe6N\x9ds\xe1Z\xf7\x7f[ms\xf1+P\x14J\xcc&amp;0[@\xb0\x0bg.\xfc\x90\xb8}\xd1\x92\xafv\xeeN\x85\xdf\xa6\x817\xdex\xe3o\x7f\xfb\x9b\xaa\xaa\xd8\x15@\xc8\xa7`\x02([\xaef\xf5\xc2\x85\x0b\'M\x9at\xf1\xe2EW\xe8\x8f\xa8\x12\xf6\xb7\xd1O&lt;\xd1\xbfw\x93\x16\x8d\x80\x10(*b\x0e\x1dH)\xef\xe1\xe2Bp\xc6)!\xd4\xcf\x0cf\x0b8\xec;w\xa5~\xb6\xf0\x7fK\xbf\xfc\xd6\xa9\x1b\xae4\xd0\xb1c\xc7w\xdey\xa7G\x8f\x1e\x00 \x17&amp;\x95\xd6\x05 \x84&lt;\x16&amp;\x80\xb2\xe2\x1a\xf1OKK{\xe1\x85\x17\x12\x13\x13\xe1z\xbb;\xa2r\xd8\xdf\x9e{\xe2\xb9\x91\x03"j\xd5\x04\xbd\x98\x17\x16\x8b\xb2\xdf\xbb+d&amp;P(\t\xf4\x07\xaa\x1e\xd9\x7f\xe4\xe3\x7f/\x91i@\xd34]\xd7\x01`\xdc\xb8q\xd3\xa6M\x0b\t\tq\rX!\x84*0L\x00e\xc2\xd5\xf0\x9f?\x7f\xfe\xc4\x89\x13sss\xcdf\xb3\xc3\xe1\xd0\x14\xe5\xb9\xd1O\xbc\xf1\xfa\xa8\x88\x9a\xd5\xa1\xb8\xc8\xb0;(%\xe5\xdc\xdc\xe6\x8c\x0b\x10J\x80?h\xa6#)G^}\xfd\xe3\x1f\x12\xb7\x03\x80L\x03\x8d\x1a5Z\xb0`ALL\x0c\x0e\x07!T\xe1a\x02(}2\xfa\xe7\xe7\xe7\xbf\xf4\xd2K\xf3\xe7\xcf\x97\xa3\xf8\x82\xf3\x1e\xb1\xd1\xefL{\xa1\xe3=\xd1P\\d\xd8\xed\xee]\x7f\xc99\x17\\(A\xfe@\x95\xe5\xcb\xbe\x9d\xfc\xd6\xec\xb4S\xe7M&amp;\x93\xd3\xe9TUu\xfa\xf4\xe9\xe3\xc7\x8f\x07\x1c\x0eB\xa8B\xc3\x04P\xca\xe4\xe0IJJ\xca\xb3\xcf&gt;{\xe0\xc0\x01\xb3\xd9\xe4p8\x83\x02\xfd\xdfy\xeb\x85qc\x87\x00%,\xaf\x80*\x9e\xd2\xb2\xe6\x9c\x83\x00\x1a\x1a\x92{5\xeb\xcd\xc9\xb3f\xfd\xe7K D\xa1\x9416`\xc0\x809s\xe6X\xadV\\\x1d\x84PE\x85\t\xa04\xc9\xe8\x9f\x9c\x9c\x1c\x1f\x1fo\xb3\xd9\xe4\xb0O\xbb\xd6\x8d\xe7\'\xbc\xdd6\xaa-\xcf\xcd\x06\x01T\xf1\xb8\x0653\x98b\xd2  h\xe5\xb2\xb5c\xc6M\xcb\xb2\xe5Y,f\xbb\xdd\x11\x15\x15\xb5n\xdd\xba\xb0\xb00\xcc\x01\x08UH\x1e\x17\x8c\xbc\x97\x8c\xfe\x0b\x16,\xe8\xd1\xa3\x87\xcdf3\x99L\x0e\x87\xe3\xd9\xa7\xfbn\xd9\xfcy\xdbv\xcd\x8c\xecLJ\xa9\x07F\x7f\x00PTE0f\xd8\xb2\x06\x0c\xee\xb3\xeb\xc7/b:\xb6\xb2\xdb\x1d~~\x96\xe4\xe4\xe4N\x9d:%\'\'+\x8a\xf2\x87\x1b\x95\x11B^\r{\x00\xa5CF\xff\x84\x84\x84Q\xa3F\x11B\x04\x00\x081\xe7\xdfo\x8c\x1e7\x0c\n\x0b\x98\xae{E\x0b\xda0\x0c50\xc0`|\xcc\xdf\xa6$,Z#\xa7\x04\xacVkbbbTT\x14.\rB\xa8\x82\xf1\xc4\x06\xa9\xd7)\x19\xfd5M\x13\x02\xac\xc1\x81+\x96N\x1f=n\x18\xcb\xc9\x11\xde3~\xa2\xaa*+,R\x19\x9b\x970m\xf2?F;\x9dNM\xd3l6[|||rr\xb2\xdc)\xe6\xeekD\x08\x95\x1a\xec\x01\xdc-\x19\xfd\x17/^\xfc\xf4\xd3O\x9bL\x9a\xd3\xa9[C\x82\x12\xbf\x9b\x13\x15\xd3\xc9\xc8\xbe\xaaj\xde\xd7d\x16Bp!\x94\x90\xca\t\xb3?\x1b5\xeem\xb9&lt;\xd4j\xb5n\xdd\xba\xb5e\xcb\x968\x1f\x80P\x85\x81\t\xe0\xae\xc8h\x98\x9c\x9c\x1c\x1b\x1b\xebt:\r\x83YC\x02\x13\xbf\x9b\x13\x15\xd3A\xcf\xca\xd6L\x9a\xbb/\xf0N\t\xd0\rC\x0b\xab\x940{\xd1\xa8qo\xcb\xb1\xa0\x96-[n\xdd\xba\xd5j\xb5\xe2\xdaP\x84*\x06L\x00wN\xc6\xc1\xc3\x87\x0fw\xeb\xd6-77\x97R\x1a\x14\xe8\x97\xf8\xcd\x9c\xa8{:\x18\xd96ol\xfb\xdf\xc00\x0c\xd5z-\x07X\xccf\xbb\xc3\x11\x15\x15\xb5y\xf3f\x8b\xc5\x82{\xc4\x10\xaa\x00\xb0\x1dw\x87d\xb9\xb5\xc2\xc2\xc2!C\x86\xd8l6\x93\xa6\x19\x86\x910\xfb\xcd\xa8{:\xe9Y\xd9\x15 \xfa\x03\x80\xaa\xaa\xba-s\xe4\xd8\x11\xe3\xc7\x0c\xb2;\xae\xad\x0b\x1a7n\x9c\xab\x82\x10B\xc8\xaba\x02\xb8Cr\xf0g\xdc\xb8q\x87\x0e\x1d\x92\xad\xe39\x1f\xbf\xfe\xf8\xe0G\x8d\xec\xab^&lt;\xf2\xf3;\xaa\xa2\xea9\x99\x1f\xcfz\xf3\xe9A\x0f\x16\x17\xdb-\x16\xf3\xc2\x85\x0b\x17.\\\x88\x13\xc2\x08U\x008\x04t\'d\xf4_\xb8p\xe1\x88\x11#d\xf4\x1f&gt;\xf8\xe1\x05K?2r\xb2\xd5\n7A*\xb8\x10\x9ajw\x1a\x9db\x06\x1e&gt;v\xda\xa4i\x9a\xc9\xb4s\xe7\xceV\xadZ\xe1d\x00B^\r\x13\xc0m\x93Q\xef\xf4\xe9\xd3\xad[\xb7v:\x9d\xba\xae\xb7j\x16\xb9s\xc7\x97\x16M\xa1\x06#\xb4\x02\x8e\x8c3\x83)A\x81\x87S\x8eu\x8e\x1d\xea\xd4\x99\xae\xebm\xdb\xb6\xdd\xb3g\x0f\xa5\x14\'\x03\x10\xf2^\xd8|\xbbm\xb2\xce\xf3\xe8\xd1\xa3\x0b\x0b\x0b\x01 0\xd0\x7f\xe9\xa2w\x03\x02\xfd\x89\xaeW\xc8\xe8\x0f\x00\x8a\xaa\x18y\xf9-\xa3\xda\xcc\x9a\xfe\x8a\xae\xebf\x93)%%\xe5\xddw\xdfU\x14E\x1eg\x86\x10\xf2F\xd8\x03\xb8=r\xf0G\xae\xfa\x97\x85\xde&gt;\x99\xf1\xea\x98\x97G{\xe9\x92\xff\xdbb\x18L\xb5Z\x9fxl\xcc\xca5\x1b4M\x03\x80\xc3\x87\x0f7j\xd4H\x08\x81\x03A\x08y#L\x00\xb7A\xae\xfc\xc9\xcd\xcdm\xd6\xacYf\xe6U\xc3`]\xbb\xb4\xdd\xb6u\xa9QX\xa8\xfa@\x04\xe4\\\x80I\xcb\xbc\x92\xd5\xa4\xcd\xa3\xf9\x05E\x86\xc1z\xf5\xea\x95\x98\x98\x88[\xc3\x10\xf2R\x15?l\x95"9\xfa\xff\xe6\x9bo^\xbe|\x99\x10\xa2\xaa\xca\xcc\xf7_\x06\x10\xd47r(\xa5D\xd8\x1dU\xea\xd4\x9a\xf6\xc6s\x86\xc1L\x9a\xb6~\xfd\xfaU\xabV\xe1\xaaP\x84\xbc\x14\xf6\x00n\x95&lt;\xdb=--\xadE\x8b\x16\x00`\x18\xc6\xd8\x91\xfdg\xcd{\x97\xd9\xb2\x15\xd5W\xda\xbf\x02\x80\x03\x08\xaav\xbag\xe0\x81\xd4\x93\x00\x10\x19\x19y\xf8\xf0aM\xd3\xae\x1d`\x8f\x10\xf2\x1e\xd8\x03\xb8UB\x08B\xc8{\xef\xbdg\x18\x86\x10\xa2Rx\xc8[\x93\xc7\xf2\xe2\x02\xcf\xac\xf0\\F\x08\x00\x18L\xf57\x7f\xf8\xee\x04!\x84\xaa*\xe9\xe9\xe9+V\xac\xa0\x94\xe2l0B^\xc7\x87\x82\xd7\xdd\x90\x83?\xc7\x8f\x1f_\xbe|\xb9\xaa*\x8c\xb1\xb1#\x9f\xb0\xd6\xa8\xce\xedN_k\xf6*\xaa\xc2\xf2\xf2\xbb\xc5\xdd\x13\xdb\xb5\xbd\xae\x1b\x94\x92w\xdf}\xb7\xb8\xb8\x98R\x8a\xbdI\x84\xbc\x0b&amp;\x80["\xc7\x7f&gt;\xfb\xec3\x87\xc3!\x04T\n\x0f\x1d;f\x90(.P|\xa9\xf9\xff+\x01@\xe9\xe4\xd7F\x02\x00\xa5\xca\xc9\x93\'7o\xdeL\x08\xc1N\x00B\xde\xc5\'\xe3\xd7m\x12B(\x8a\x92\x99\x99\xb9d\xc9\x12J)c\xec\xf9\x91\xfd\xc3k\xd5\xf4\xc1\xe6\xbf\xa4(\x94\xe7\xe7\xc7\xc6w\x8d\xed\xda\xde0\x0cB\xc8G\x1f}\x04\x00\xbe\xf9j \xe4\xbd0\x01\xfc5\xc6\x18!d\xcd\x9a5W\xae\\!\x84\xf8\xf9\x99\x9fz\xf2!\xa1\x17\x13\x1fX\xfa\xf9g8\x17\xa0\xaa\xa3\x9e~\x0c\x00\x08![\xb7n=z\xf4(\xce\x04 \xe4]|7\x84\xdd:\x19\xd7\xe6\xcf\x9f\x0f@\x18c=\xbaE\xd7o\xd1H\x14\x16\xd3\n\xba\xef\xf7V(\n\x15E\x85\x0f?\x14[\xadj%!\x84a\x18\x8b\x16-\x02\x00L\x00\x08y\x11L\x00\x7fAN\xff\x9e:u\xea\xe0\xc1\x832\xe2?7\xe21\x00"\xc0w\xa3?\x00\x10B\x98C\x0f\xacRy\xf0\x80\xfb\xe5\xdc\xef7\xdf|\xe3t:qG\x18B^\x04\x13\xc0_\x90M\xda\xaf\xbf\xfe\xda\xe9t\n!\xaaF\x84\xdf{o\x14\x14\x17\xf9r\xf3_"\x84\x007\xfa\xf5\xb9\x8f\x12B)MOOOII!\x84\xe0\xa60\x84\xbc\x05&amp;\x80\xbf g}W\xaf^\r\x00B\x88\xf8\x9e\x9d\x83"*3\xa7\x8e\x13\x9e\x8aBEQQ\xdb\xa8\x96\x91\rjq.8\xe7\xaeW\xc9\xdd\x97\x86\x10\xba%\x98\x00nF\x969\xcb\xc8\xc88|\xf8\xb0\xdc\xe8:\xe0\xd18\x10\x02|{\xfc\xc7\x85\xe9\xcc\x14\x14\xdc\xf7\xa1\xee\x00\x02\x006o\xde\xcc9\xc7Q \x84\xbc\x05&amp;\x80\x9b\x91\xa3\x19\x1b6l(**\x02\x00khp\xe7N\xad\xc1\xee\xd3\xd3\xbf%\x11B@\xb0\xdeq]\x08\x01J\xe9\x91#GN\x9d:\x85\x1b\x02\x10\xf2\x16\x98\x00nF\x8e\xf3l\xda\xb4\t\x00\x84\x10\xad[6\n\xadZ\x89\xe3\xf8\xcfu\x94\x12\xb0\xdb[\xb6hh\r\r\x16B8\x1c\x8e\x9d;w\x02\xae\x05B\xc8K`\x02\xb8\x19J\xa9a\x18\x87\x0e\x1d\x92\x0fc\xefiOT\x13\xe78\xc6}\r!\x84;\xf5\xb0\x1aU\xda\xb6n,\x87\xfe\x0f\x1c8\xe0\xee\x8bB\x08\xdd*L\x00\x7fJV\x7f\xcb\xce\xce&gt;s\xe6\x8cl\xf1w\x8aj\t\xc0\xb1\xf9_\x12\xe7\x82(\xe6\x8e\x1dZ\xca\x87)))xP0B\xde\x02o\xd4?%\xc71N\x9f&gt;\x9d\x9f\x9f\x0f@\xfc\xfd,M\x1b\xd5\x05\xa7\x03\x13@I\x84\x10\x00\xd6\xaeu\x13\xf90--\xad\xa8\xa8\x08\x0b\xc3!\xe4\x150\x01\xfc)\x19\xc2N\x9c8\xc19\x17BT\xae\x14\x1a^%\\\xe8\x06\xc6\xff\x92\x08\x01\xe0\xac~\xdd\x1a\x9a\xa6\x12B\xf2\xf2\xf2\xce\x9f?\x0f\xb8\x18\x14!o\x80\t\xe0/\x9c;wN~P\xafn\r\xff\xf0`a0\xec\x01\x94D\x08\x01\x87\xb3^\x9d\xea\x01\xfe\x16!\x84\xddn\xbf|\xf92`\x02@\xc8\x1b`\x02\xf8Sr \xfb\xc8\x91#\xf2a\x9b\x96\x8d\x00T\x8ck7 \x84\x08\xc3\x08\xa8\x14\xda\xb0Am\xf9\xcc\xe1\xc3\x87\x01\x13\x00B\xde\x00\x13\xc0_\xc8\xce\xce\x96\x1f\x84YC\x80P\x0ck\xbf\'\xb8\xd0,\xe6\xe0\xa0\x00\xf90\'\'\xc7\xad\x97\x83\x10\xbaU\x98\x00n\xc60\x8c\xc2\xc2B\xf91\x8e\xfc\xdc\x8c\x10\xae\x95?\xb9\xb9\xb9\x80/\x17B\xde\x00\x13\xc0\x1f\x93E \xf2\xf2\xf2\xd2\xd2\xd2\xe43\x1d;\xb4\x0000\xae\xfd\x1e\xe7\x02\xa8\xa9c\x87\x16\xf2\xe1\xfe\xfd\xfb\x01\x13\x00B\xde\x00\x13\xc0\xcd\x10B\\\r[MS\xdd{1\x1e\xce\xf5\xfa\xa8*\xbeP\x08y\x07L\x00\xb7\ng5o\xce\xf5\xfa\xe0\x0b\x85\x90\xb7\xc0\x04\x80\x10B&gt;\n\x13\xc0\xad\xc2\x86\xed\xcd\xe1\xeb\x83\x90\xd7\xc1\x04\xf0\x17\\q\r\x87\xb6o\xce\xf5\xfa`&amp;@\xc8[`\x02\xb8\x19B\x88+\xaeee\xe7\xe090\x7f\x88\x10\x00\xc1\xb3\xb2s\xe4CM\xd3\xdcz9\x08\xa1[\x85\t\xe0\x8f\xc9SMBBB\x9a7o.\x9f9p\xf0\x04\x80\x82\xcd\xdb\xdf#\x84\x00\xd7\xf7\xa7\x9e\x90\x0f;u\xea\x04x$\x00B\xde\x00\x13\xc0\xcd\x94&lt;\xdc\xca\xcf\xcf\xec\xde\x8b\xf1h\x8ab1\x9b\xe4\x87\x98#\x11\xf2\x16\x98\x00\xfe\x94\x0cd\x91\x91\x91\xf2\xe1\xa93\x17@0\xdc\xde\xf4{D\xa1\xf6\xdc\x82\x0b\xbf\\\x91\x0f\x1b4h\x00\xb8\x11\x0c!o\x80\t\xe0O\xc9\x04P\xbf~}\xf9\xf0D\xdaYn8\t\x1eu\xf2[B\x08\xa2\xaay\x99\xb6\x9f\x7f\xb9,c\xbe\xeb\x15C\x08y8\x0cg\x7fJ\xb6a\x9b4\xb9v\xd4\xc9\xe9\xb3\x17\n\xb3r\xa9\x8a\xd3\x00\xbf\xc1\xb9\x00\xb3\xe9\xd4\xd9\x0bEE\x0e\x00\xe2\xef\xef_\xa7N\x1d\xc0\x1e\x00B\xde\x00\x13\xc0\x9f\x92!\xac~\xfd\xfa\xaa*\x8f:)\xbcx\xf1\n\x984\x8c\xff%\t!\x80(\xa7N\xff,\x8f\xcd\t\x0f\x0f\xaf\\\xb92`\x02@\xc8\x1b`\x02\xf8S2\x84EFFZ\xadV!\x84\xdd\xe1&lt;z\xfc\x0c\xa8&amp;\xec\x01\xfc\x0e\xd9\x7f\xf0\xb8\xfc\xa8y\xf3\xe6\xfe\xfe\xfe\x9c\xe3\xc9\xc9\x08y\x01L\x00\x7fJ.\x01\n\x0c\x0cl\xdc\xb8\xb1|\xe6\xc7\x9d)\x00\x04\x13@I\x8aB\x99\xa3x\xe7\x9eT\xf9\xb0m\xdb\xb6\x80k@\x11\xf2\x12\x98\x00n\x86sN)\x95A\r\x00~\xdc\x95\xc2\xecE\x8a\x82/\xda5B\x08b1]:\xfb\xcb\xf1\x93ge\xd9\xd4\x0e\x1d:\x00\x8e\xff \xe4%0\x96\xdd\x8c\x0cd\xf1\xf1\xf1\x84\x10B\xc8\x89\x93g3\xce_"f\x1c\x05\xba\x86s\x01&amp;\xf3\xfe\x83\xc7\x0b\x8b\xec\x00"$$\xa4s\xe7\xcep\xfd4M\x84\x90\x87\xc3\x1b\xf5fd \x8b\x89\x89\t\r\r\x05\x10\x85E\xf6\xa4\xcd{\xc0la\x0c\x878$\x01@\xbe\xfan\x0b\x00p.\xda\xb6m[\xadZ5\x9c\x00@\xc8[`\x02\xb8\x19WA\x88\xce\x9d;\xcbF\xff\xaa5\x1b\x803\x8a\x01\x0e@\x08\xa1\x98\xb4\xbc\x8c+?$\xed\x94\x11\xff\xfe\xfb\xef\x07\x9c\x00@\xc8{`\x02\xf8\x0b\xb2=;`\xc0\x00\x00\xa0\x94n\xdby \xe3\xdc\x05\xea\x87\xa3@\xc0\xb9\x00\x7f\xff\x1d?\x1e\xb8\x9c\x91E\x081\x99L\x8f&gt;\xfa(\xe0\xf8\x0fB\xde\x03\xef\xd5\xbf\xa0(\n\x00\xc4\xc7\xc7\x07\x05\x05\x01\x88\xfc\xfc\xa2o\xbe\xdf\x06f\x7f\x1c\x05\x02\x10 `\xd9\xaau\x00\xc09o\xdb\xb6mdd\xa4\x9c6w\xf7\x85!\x84n\t\xde\xab\x7fA\x8e\x02U\xadZ\xb5[\xb7nrlc\xde\xa25\xdca\xa7\xbe\xbd\x16H\x08\xa1X\xcc\x97N\x9f\xfb\xea\xbb-2\xe2\xf7\xef\xdf\x9fR\x8a\xe3?\x08y\x11\x9f\x8eb\xb7H\x8e\xf6\x8c\x1e=\x1a@(\x8a\xb2?\xe5\xf8\x81\xdd\x07I\xa0Ow\x02\x18\xe3`\t\xf8rUbAa1\x80\x08\x08\x08x\xf2\xc9\'\xe1z\x87\t!\xe4\x150\x01\xfc5J\xa9\x10\xa2G\x8f\x1eM\x9b6\xe5\x9cs\xce?IXE\xa8\n\xe0\xa3\xd3\x00\x02\x80j\x8a#/w\xfe\xe2\xb5\x84\x10\xceE\xff\xfe\xfd\xabU\xab\xc6\x18\xc3\xf5?\x08y\x11L\x00\x7f\x8d\x10\xc2\x18\xf3\xf3\xf3{\xf6\xd9g\x85\x10\xaa\xaa~\xb1j\xdd\xc9\x94#4\xc0\xdf7G&lt;\xb8\xc1h`\xf0\x8a/\xbe=~\xf2\xacl\xf2?\xff\xfc\xf3\xee\xbe(\x84\xd0m\xc3\x04pK\x14E\x11B\x0c\x192$&lt;&lt;\\\x08\xeet\xea\xef\xcdX@4\xb3\xe0&gt;\xd7\t\x10\x00DS\x1c\xf9y\xef~\xb4\x90Rj\x18Flll\xbbv\xed8\xe78\xfe\x83\x90w\xc1\x04pK\xe4Tp\x95*U\xc6\x8d\x1b\xc7\x18WUu\xf9\xea\xf5\'S\x0e\xd3@\x9f\xeb\x04\xc8\xe6\xff\xf2\xa5\xdf\x9cL\xffIV\xc5\x98&lt;y\xb2\x1c%s\xf7\xa5!\x84n\x0f\x966\xbbU\xf2\x85\xca\xce\xcen\xd8\xb0a^^\x1ec\xac\xd7}\x1d\x137,by\xf9\x8a\xcf,|\x14B\x08M\xcd\xb5\xe57k\xd7\xf7jf\x0ec\xac[\xb7n[\xb6l\xc1\xd5\x9f\x08y#\xbcio\x95\xec\x04\x84\x87\x87O\x9b6\x8d1f2i\xeb7\xedY\xbd\xe4+%$\x84\x19\xcc\xddWWN8\xe3\xd4/\xf0\xff\xa6\xcc\xba\x9c\x91E)QU\xf5\xc3\x0f?t\xf7E!\x84\xee\x10\xf6\x00n\x83\x10B\x08\xc19\xef\xd8\xb1cJJ\n\xa5\xa4N\xadj\x07\xf7\xfd\xd7\xdfb\xa2&gt;\xb0\x00\x861\xae\x04\x06\xa4\xec9\x18\x1d\xfb\x14!D\xd7\x8d\xe7\x9f\x7f~\xf6\xec\xd9\x8c1\x1c\xfdG\xc8\x1ba\x0f\xe06\x10B\xe4*\xa0\x993g\xca\x0f\xce\x9c\xfb\xe5\xf5\xbf\xcfP\x02\x82\x19\xab\xe0\x9d\x00!\x04(\x94\xe9\xfa3\xcf\xbf\xc5\x18\xe7\\T\xa9Re\xda\xb4i8\xf8\x83\x90\xf7\xc2[\xf7\xf6(\x8a\xc2\x18\xeb\xda\xb5\xeb\xf3\xcf?\xefp8\xcdf\xd3\'\xf3W\xffw\xe9\xffTk\x183\x0cw_]\x19b\x8c)A!\x13_\xfegJ\xeaI\x93\xa61\xc6f\xcd\x9a%\xcfJ\xab\xf0]\x1f\x84**\x1c\x02\xbamr \xa8\xb0\xb0\xb0M\x9b6\xe7\xce\x9d\xa3\x84\x04\x05\xf9\xef\xdb\xb1\xbc^dmQT\\!KD\x18\xba\xa1\x86\x85\xfdw\xe9\xda~C_\xb5\x98\xcdv\x87c\xc0\x80\x01+V\xac\xc0\xc1\x1f\x84\xbc\x1a&amp;\x80;!\xc7=\xf6\xec\xd9\x13\x13\x13\xa3P\xea\xd4\xf5\x8e\x1d\x9a\xef\xda\xfe%\x18\x06T\xb8\xc9\x00\xce\x18\r\x0e:{\xf2l\xfb.\x03\xf3\x0b\x8a9\xe7u\xeb\xd6MNN\x0e\r\r\x95\xe7\xe4\xb8\xfb\x02\x11Bw\xa8\x026W\xcb\x81\xdc\x00\xd5\xb1c\xc7\x193f8u\xddb\xb1\xec\xd9wt\xf4\xa87\x89\xd9\xc4D\x85J\xa9\x9cs0\x99\xb2\xaed\x0f\x18&lt;\xd1\x96\x93O)%\x84|\xf1\xc5\x17aaa\x80G?"\xe4\xe50\x01\xdc!UU\r\xc3\x18?~|\xbf~\xfd\xecv\xbb\x9f\x9f%\xe1\xf3\xaf\xa6\xbe\xf9/5\xa4\xb2QQ&amp;\x03\x04\x17\x82R\xeag\x198h\xc2\xbe\x94\xe3\x16\x8b\xc5\xe9t\xce\x981\xa3c\xc7\x8e\x86a\xe0\xdc/B\xde\x0e\x87\x80\xee\x9c\x9c\x0c\xc8\xcd\xcd\x8d\x8f\x8fONN\x96\x83\xe3\xf3fM\x1a9\xf6i\xc3\x96\xa9\xaa\xaa\xbb/\xf0\xae\x08.8%J`\xc0\xa8\xe1\xaf\',^\xebg\xb1\x14\xdb\xed#G\x8e\x9c7o\x9ea\x18\xde\xfe\xdb!\x84\x00\x13\xc0]\x92\x93\x016\x9b\xad}\xfb\xf6g\xcf\x9e\xd54M\xd7u\x99\x03t[\xa6\xa6(\xe0\x9d\x83$\x9csA\xe9\r\xd1\xbf_\xbf~\xabV\xadb\x8c\xc9\x81 w_#B\xe8na\x02\xb8[r%\xcc\xbe}\xfbz\xf5\xeae\xb3\xd9J\xe4\x80\x11,7\x93\x02!\xd4\xcbb%g\x8c\x9aM`\xb1\x94\x8c\xfeQQQ\x89\x89\x89!!!\x80\x87&gt;"TQ`\x02(\x052\x07$\'\'\xc7\xc7\xc7\xdbl6\x93\xc9\xe4t:\xc7\x8f\x1d\xfc\xf1\xcc\x7f\x80\xc3\xc9\x1cNE\xf5\x9a\xb5\x92\x86n\xa8\xa1\xc1\xb6+Y\x83\x86\xbc\x92\xb8qw\xc9\xe8o\xb5Zq\xdb\x17B\x15\t\xde\xcc\xa5@Q\x14\xc30\\Q\xd2\xe9t\x9aL\xa6\x99\xb3\x97=3\xfc\xf5|\x87\xae\x04\x07\x1a\xba\x17L\x0b\x0b!\x0c\xc3P\xc3\xc2\xd2O\x9c\x8d\x7f`t\xe2\xc6\xdd\x16\x8c\xfe\x08Uhx?\x97\x0e\xb9((**j\xe3\xc6\x8dm\xdb\xb6u:\x9d~~\x96\x05K\xbe\x8e\x8d\x1d\x9ar\xe0\x98\x1a\x16\xce\x18\xf3\xe4\xc3\x03\x18c@\x88j\r_\xb9\xec\xab\xce\xf7\x0cJN9f\xb1\x98\xedv\xfb\x80\x01\x030\xfa#TQ\xe1\x10Pi\x92cA6\x9b\xadw\xef\xde{\xf7\xee5\x9bM\x0e\x873(\xd0\xff\xa3\xe9\xaf&gt;\xfb\xdc\x93`/2\x8a\x1d\x8a\xa2x\xd4\x04\xaa\x10\x823\xae\x04\x07\x1a\x0e\xe7+\xaf\xcd\x989{\x19\x10\xa2*\xd40\x98\\\xf3\x03\xd7\xe7\xba\xdd}\xa5\x08\xa1R\x86wui\x92\x95\x82\xacVkRR\xd2\xb3\xcf&gt;\xebp8)%\x05E\xf6\x91\x7f\x9b2h\xc0\x0b\x17/g\xa9V+!\xe0!\x95\xe3\x04\x80a\x18DS\x15\xabu\xcf\xae\x83\xf7t\x1b:s\xf62\x93\xc9\x04B\x00\x90\x8f?\xfex\xde\xbcy\x8c1\x8c\xfe\x08UT\xd8\x03(}\xae\x889\x7f\xfe\xfc\x97^z)??_N\x0bW\xa9d\x9d\xf4\x8f\xd1\xcf\x8dzB\x0b\xb0\xf0\xdc|!\x84\xbb\n\xe9\x08\x01\x9c1EU (\xf8\xca/\x97\xde~w\xce\x9c\xb9+u\xc6\xe4u6j\xd4h\xc1\x82\x05111\x9cs,\xf6\x80P\x05\x86\t\xa0L\xc8c\x03\x14E9p\xe0\xc0\x981c\xf6\xec\xd9#;\x07\x00\xd01\xaa\xe5\xb4\xa9\xe3\xe2zu\x01E\xe1\xb9\xf9\x82\x0b\xaa\x94\xdf\xb2z!\x04cL\xd5T\x08\x0cv\xe6\xe6-[\xf1\xdd\x9bSf\xffr\xe9\xaa\xa2\xaa\xb2\x9a\xe9\xc0\x81\x03g\xcf\x9e\x1d\x1e\x1e\x8e\xbb\xbd\x10\xaa\xf00\x01\x94!9%`\x18\xc6\xdbo\xbf\xfd\xde{\xef9\x9dN\xb9K\x00\x00\xe2zt~\xe5\xa5\xa7\xe3\xe2\xef\x01E\x85\xc2B\xc3\xa9\x13B\xa8RV[\x06dB\x02\x00\xc5b\x06K\x8037g\xd9\xf2\xef?\xfa\xf7\xe7G\x8e\x9d\x86\xeb#W\xd5\xabW\xff\xf0\xc3\x0f\x07\x0e\x1c\xe8\xba\xf2\xb2\xb9\x16\x84\x90\xa7\xc0\x04P\xb6\\\xc3AG\x8e\x1cy\xf5\xd5W\x7f\xf8\xe1\x07\x00(\x99\x06\x86\x0e~\xa8\xcf\x03\xb1\xc1\x11\x95\x81\xebPXl\x18\x8c\x10Bi\xe9\x0c\xbcp!\x04\xe7 @1k\xe0\xef\x0f\x00\x17N\x9d[\xbe:i\xf1\x92\xaf\x8e\x1c;\x05\x00\x9a\xa6\xea\xba\xa1i\xdas\xcf=7i\xd2\xa4*U\xaa\xe0\xb0\x0fB\xbe\x03\x13@\x99s\r\x07\x01\xc0\xf2\xe5\xcb\xdfy\xe7\x9d#G\x8e\xc0\xf5\x95\xa3\x00P\xb3F\xc4\xc0\x01\xbd\xfb&gt;r_\xc7\xf6\xcd\x95\xa0`\x00\x06\xc5v\xee\xd49\x17\x84\x00\x10Bo-"\x0b\x01\x00\x82\xf3k\xf5H\x15\x85\x12\xb3\t\xccf\x00\x92\x97qu\xcb\xf6\x03\xff\xfd\xdf\xfa\xb5\xdfl\xce\xcb/,\xf9\xbf\xc7\xc5\xc5M\x9b6\xadc\xc7\x8e\x80\r\x7f\x84|\x0c&amp;\x80r"G`(\xa5N\xa7s\xd9\xb2e\x1f}\xf4\x91L\x03\x94R\xf9)\x00h\xda\xa4\xfe\x83\xbd\xbb\xf6\xee\xd5\xa5M\xf3\x86\xe15\xaa\x80b\x06`\xc0\x188\x9dBg\x82s \xc0\xb9\x00\x10\x00\xae| \x00\x08\xa5\x04\x04PU\x01U\x01\xb3\t\x88\x02@\xc1Qt\xfe\xa7\x8b\xfbS\x8e\x7f\xf3\xfd\xb6\xa4\x8d\xbb.\xfc\x92\x01\xd7\n8_\xfb\x9b\xc7\xc5\xc5\xbd\xf2\xca+qqq\x00\x80\x15~\x10\xf2A\x98\x00\xca\x95\xab\x89\xedt:\x7f\xf8\xe1\x87O&gt;\xf9d\xd3\xa6Mrr\x98R\xc2\xaf\xef\x14\x0b\xb3\x06\xb7m\xdd\xa4st\xabvm\x9a\xd4\xacU5\xb2^MkX\x08X\xcc \x04P\xd3o\x7f$\x01\xe0\xc0t\xa0\x94\xe7\x15de\xe7\x1e?u\xfe\xf4\xd9\x9f\x0f\x1dN\xdb\xb9;\xf5\xc8\xb1SEE\xf6k_G\xae\xfd\xad\x83\x82\x82\xfa\xf7\xef\xff\xcc3\xcft\xe9\xd2\x05Jd\xa6r{\x11\x10B\x1e\x02\x13@y+9"\x04\x00\x87\x0e\x1dZ\xb2d\xc9\xf7\xdf\x7f\x7f\xec\xd81\xf9\x8c+R\xbbX\xad\xc1\x91\xf5j\x06\x86\x04\xaa@\xa2;\xb4\xd04U\x08A\x00\x84\x00\xa2*9\xd99\xa9\x87\xd3\x89\xaa^\xba\x98q\xf1\xd2\xd5\xdc\xbc\x82\x12\xdfJ\x00\xae\xfd(UU\xa2\xa3;\xf6\xed\xdbw\xe0\xc0\x815k\xd6\xfc\xfd\x95 \x84|\r&amp;\x00\xf7\x90\xc1\xd75\xea\xc2\x18\xdb\xb3g\xcf\x9a5k\xb6n\xdd\x9a\x92\x92R\x8aG\xca\x04\x05\x05EGG\xf7\xee\xdd\xfb\xc1\x07\x1fl\xda\xb4\xa9|R\xf690\xf4#\xe4\xe30\x01\xb8\x19\xe7\x9cs^r\xc5\xfd\xb1c\xc7\xf6\xee\xdd\x9b\x9a\x9a\x9a\x92\x92r\xf4\xe8Q\x9b\xcdv[;\x87\xfd\xfd\xfd\xc3\xc3\xc3\x9b6m\x1a\x15\x15\xd5\xbe}\xfb\xe8\xe8\xe8\x1a5j\xc8O\xc9M\x00\x8a\xa2\xe0X?B\x080\x01x\x08\xd9!\x90{\x83KF\xe7\xdc\xdc\xdc\x8b\x17/^\xbe|9555777\'\'\'55\xd55F$?\xd04-::ZU\xd5:u\xea\xd4\xa9S\xa7A\x83\x06\x95+W\xf6\xf3\xf3s\xfd\x10\x99c(\xa58\xd0\x8f\x10*\t\x13\x80\xc7\x91\xf1\x1a\x00\xee&amp;d\xcb\x1f"W\xf4c\xdcG\x08\xfd!L\x00\x1eM\x94 \x9f\xf9}4/\xf9YRB\xb9^(B\xc8\x0ba\x02@\x08!\x1f\x85\x83\x03\x08!\xe4\xa30\x01 \x84\x90\x8f\xc2\x04\x80\x10B&gt;\n\x13\x00B\x08\xf9(L\x00\x08!\xe4\xa30\x01 \x84\x90\x8f\xc2\x04\x80\x10B&gt;\n\x13\x00B\x08\xf9(&lt;\xf5\xdb\x9b\xc8]{%\xb7\xfe\xba\xc8\x1d\xc2\xb8\x01\x18!t\xebp\'\xb0G\x93\xb1\xfe\xd6K\x03\xc9\x8arB\x08Y\x02\x08\xf3\x01B\xe8&amp;0\x01x"W\xd0\xbf\xa1d\x7fQQ\x91\xc3\xe1\xb8|\xf9\xf2\xe5\xcb\x97K&gt;\x1f\x18\x18\x18\x19\x19I)\r\t\t)\xf9&lt;cL\x08\x81u@\x11B\x7f\x08\x13\x80g\xb9\xe1x\x00\xc30\xd2\xd3\xd3\xf7\xec\xd9\x93\x9a\x9az\xe8\xd0\xa1\xf4\xf4\xf4\x82\x82\x82\xfc\xbc&lt;\xe3w\'\x04X\xadVUU\x9b5kV\xbf~\xfdV\xadZu\xe9\xd2\xa5E\x8b\x16\xfe\xfe\xfe\xf2\xb3\xd7O\x9d\xc4&gt;\x01B\xe8W\x98\x00&lt;E\xc9c\xd9\xf3\xf2\xf26o\xde\xbcv\xed\xda\xbd{\xf7\xa6\xa5\xa5\xdd\xd9\x01a\xb5k\xd7n\xdf\xbe\xfd\xc3\x0f?\x1c\x17\x17\'\xcf\x80\x04&lt;\xfc\x1d!T\x02&amp;\x00\xf7+y,\xbb&lt;"x\xf9\xf2\xe5\x17.\\\xb8\xc9\xb7X\xad\xc1\xbf\x1e\x0bLi^^&gt;c\xfc\xcf\xbe888\xf8\xd1G\x1f\x1d2d\xc8}\xf7\xdd\'\xc7\x94\\g\xd3#\x84|\x19&amp;\x00w*y,{RR\xd2\xf4\xe9\xd37m\xda\xe4\x1a\xae\x91\x89\x01\x00j\xd5\xaa\xda\xb4I\xfd\xa86M"\x1b\xd4\xae]\xa7F\xa0\xc5\xd4\xb0a]\xe0\xec\xda\x99\xef\x8az\xe9\x97\x8c\x8c,[Nvn\xea\xb1\xd3\x87\x8e\x9e:q\xe2L\xfa\xa9\x9f\x0cC\x0e\x13\xfdz.|\xabV\xad^|\xf1\xc5!C\x86\x98L\xa6\x92Y\x07!\xe4\x9b0\x01\xb8\x8d\xab\x19\xbeg\xcf\x9e7\xdf|3))\tJ\xc4}UQ\xa2\xa3Z\xf6\xeds_\xb7{\xda5oR\xcf?\xdc\nD\x03\xe0\x00\x1c8\x07\x87\xf3zd\'\x00\x024\x15T\x15\x80\x00(\x00\x8c\xe5\x15\xa4\x9d&gt;\xbfg\xdf\x91\xb5_o\xda\xbc59/\xbf\x10\x00\x14E\x91\xa9\xa5E\x8b\x16o\xbc\xf1\xc6\xc0\x81\x03\x01\xbb\x02\x08\xf96L\x00\xeea\x18\x86\xaa\xaa\xb9\xb9\xb9o\xbe\xf9\xe6\x9c9st]\xd74U\xd7\r\x00\xa8Y#\xe2\xd9\xe1}\x07\xf4\xeb\xdd\xb4I}0[\x80\xe9`wp\xdd\xe0\xd7\xcf\x01\x06\x02\xf4\xb7\x83\xf8\xd77\x06\x08!\x80\x10PT\x05\xccf\xd0L \xd8\x853\x17~H\xdc&gt;{\xce\xf2C\x87\xd3\x00@\xd34]\xd7\x01\xe0\xfe\xfb\xef\x9f9sf\xa3F\x8d\\\'G\xba\xe1U@\x08\xb9\x15&amp;\x80\xf2&amp;\xd7\xe9SJ\x13\x13\x13_x\xe1\x85\xb4\xb4\xb4_\xdb\xe6\xcd\x1a\xbc\xf4\xc2S\x8f\xf7\x8d\x0b\xae\x12\x0e\xbaS\x14\xdb\x19\xe3\x94\xde\xf6\x11\x8fB\x80&lt;d\x9e\x12B-f\xb0\xf8\xb1\xc2\x82M\xdb\x92\xa7\x7f\xb4(i\xc3.\x000\x994\xa7S\x0f\t\t\x996m\xda\xb8q\xe3\x00\xbb\x02\x08\xf9$L\x00\xe5\x8as.\x87\xdd\xa7N\x9d:e\xca\x14\xb8\xde$\xafQ\xad\xf2\xb4)c\x07?\xf1\xa0)$\x18\n\x0b\x98S\'\xb4t\x0es\x17Bp\xc6\x15U\x81\xa0\x00`,i\xfd\xce\xff\x9b&lt;kw\xf2aB)\x08.\x04\x0c\x180\xe0\xd3O?\r\x0f\x0f\x97\x9d\x92\xbb\xff\x1f\x11B\xde\x02\x13@\xf9\x91\xadl\x9b\xcd6h\xd0\xa0\xc4\xc4D\xd7\x98\xcf\xb8\xbf\r\x9a\xf4\xc6sUjT\x83\xfc&lt;f0\xaa\x94\xfe2M\x01\xc0\x19#\x84\xd0\x90 \xbd\xd0&gt;g\xde\x8a7\'\xcf\xca\xcd/4\x9b\xcd\x0e\x87\xa3a\xc3\x86\xcb\x96-\x8b\x8a\x8a\xc2\x1c\x80\x90O\xc1\x04PNd\xf4OOO\x1f&lt;xprr\xb2\xc5b\xb1\xdb\xed\xd5"*-Lx+\xfe\xe1\x9eP\\h\xd8\x1d\x8a\xaa\x96\xf5H\xfc\xb5\xa1\x9e\xa0\x90\xb4\xa3\'F&lt;;i\xc7\xeeT\xb3\xd9\xe4p8\xadV\xeb\x97_~\x19\x1f\x1f\x8f9\x00\xdd:\xd7\x96uq}\x82\xea\x86\xb6\x8bk%\x1b\xd6&amp;\xf1L\x98\x00\xca\x83\x0c\xbb\xc9\xc9\xc9\xbd{\xf7\xce\xce\xce6\x9bL\x0e\xa73\xbeG\xa7\x85\x9f\xbd]\xadNM\xc3\x96\xab\x94A\xab\xff&amp;\x0c\xc3P\x03\x03\x0c\xa7\xf1\xca\xdfg\xcc\x9c\xbdLQ\x14\xce\x99\x100o\xde\xbc\x91#G\xe2|\x00\xba\t\x19\xf4\xef\xac\xc4\x88\x10\x821&amp;\xf3\x04.A\xf6\x04\x98\x00\xca\x9c+\xfa\xc7\xc7\xc7\xdbl6\x93\xc9\xe4t:G?\xf3\xf8\x9cy\xd3\xc0\xa9\xb3b\xbb\xa2\xba!\xdar\xc6\t\xa5$8,\xe1\x93\x85c^|\x87q\xa1*\x8an\x182\x07`?\x00\xdd\xe0\x0f\xebS\xe5\xe6\xe6\xa6\xa5\xa5]\xb8p\xe1\xd0\xa1C\x86a\xec\xdd\xbbW\xd7uB\x88,G(\x84h\xd3\xa6MHHH\xed\xda\xb5\x1b4h\xd0\xb4i\xd3\xca\x95+\xbb\xbe\xd7\x95E\xb0[\xe0F\x98\x00\xca\x96\x9c\xf5\xbdz\xf5j\xf3\xe6\xcd\xaf^\xbd*\xa7|\xe7\xfc\xeb\x8d\xd1/&lt;\xc5\xf2\xf2\x88\x10nl\x07\t!\x18\xe3\xaa5t\xc7\xe6\xdd\x0f?6\xd6\x96\x93/\xa7%\x92\x92\x92z\xf6\xec\x899\x00I\xb2\xd9\xeez3\xe4\xe7\xe7\'\'\'\xff\xf8\xe3\x8f\xdb\xb6m;t\xe8Pff\xe6-\xfe\x9c\x90\x90\x90F\x8d\x1a\xc5\xc4\xc4t\xed\xda5::\xdaU\x9e\xc40\x0c\xacW\xe8.\x98\x00\xca\x90\\\xf1\x99\x9b\x9b\xdb\xbbw\xef\xbd{\xf7Z\xccf\xbb\xc31o\xd6\xa4\x91c\x87\xb3\x9cL\x0fi\xfb\x18\xba\xa1\x86\x85%oO\xee\xfd\xc8\xdf\xf2\xf2\x8b\x00 $$d\xdd\xbau\x1d:tp\xadYB\xbe\xa9d\xe8g\x8cm\xda\xb4\xe9\xcb/\xbfLJJ\xbay\x9d\x92[\x11\x1c\x1c\x1c\x1b\x1b\xdb\xaf_\xbfG\x1f}4((H\xfe|\x1c\x17*\x7f\x98\x00\xca\x90lD\xf7\xef\xdf\x7f\xf5\xea\xd5~\x16K\xb1\xdd\xfe\xf1{/\x8d\xff\xfb8=;C\xd3&lt;\xa8q-s\xc0\xee\xcd;\xbb\xdc\xf7\xb4\xa2\xaa\x86a\xd4\xabWo\xff\xfe\xfd\xa1\xa1\xa1\x80\x87\xcc\xf8*\xd7TPFF\xc6\x92%K\x96,Yr\xe8\xd0!\xf9)9\xbc#?V\x14\xc5j\rn\xd6\xb8\x9e\xa2*\xad\x9aGZ\xc3B\x85\xc1\x80\x00!D\xd7\x8d\xbd\xfb\x8f\x18\\\x9c:\xfdsV\xa6\xad\xa8\xd8\xfe\xfb\xff\xa5f\xcd\x9a\x03\x07\x0e\x1c6lX\x8b\x16-\x00\x8b\x15\x96;L\x00eE\xde?3g\xce\x9c0a\x82\\\xf33\xf2\xa9&gt;\xf3\x16\xbcg\x14\x14(\x84z\xda;\\\xe6\x80\x84\xd9\x9f\x8f\x1a\xf7\xb6\xec\xa9\xf4\xeb\xd7o\xd5\xaaU8\x10\xe4\x83\\\x9b\xc3\xaf\\\xb9\xf2\xe9\xa7\x9f\xce\x993\'##\x03\x00\x14\x85\xca\x9a\x83\x8a\xa2\xb4k\xdb4\xa6s\x9b\xae1m\x9b4\xaa[\xa3j\x95\x90J\xa1\xa0(@U\x00\xea\xaa=\x05\x00\xc0\x9d@HQVNV\xa6\xedD\xda\xb9\x9d{\x0em\xdb\x99\x92\xbc\xffh~~!\x94(|b2\x99\x86\x0c\x192a\xc2\x04W\x1a\xc0e\x08\xe5\x03\x13@\x99\x90\x83\')))QQQ\n\xa5N]\xef\xd4\xa1\xf9\xce\xed_\n]\'\x9c{f\x03\xc70\x98j\xad&lt;a\xcc?f\xfeg\xb9\xcc\x01\x9f|\xf2\xc9\x981c\xf0n\xf4)\xae?\xf7\xc2\x85\x0b\'M\x9at\xf1\xe2E(QH\xaaK\xe76}\x1f\xb9\xef\xc1\xf8{\x9a6\x8b\x04\xb3\x05\x80\x83\xae\x83np\xdd\x00\x10\x9c\x8b\xeb\xf5\xa9@~@)\x01\x00\xaa\xaa\xa0*`6\x01\xa8\xc0\xf5\x0bg~N\xda\xb4\xfb\xabo\xb6\xac[\xbf\xdd\xe1\xd4\xe1zj1\x99L\xaf\xbe\xfa\xea\xc4\x89\x13CBB\xb0+P&gt;0\x01\x94&gt;\xb9^\x821\xd6\xa9S\xa7\x83\x07\x0f\xaa\xaa\x12\x14\xe8\x9f\xbc\xfd\x8bz\x91uDQ1U&lt;t\x94S\x08\xc1\x00\x88\xa6\xdds\xef\x90\xdd\xfb\x8eh\x9af\xb1XRRR\xea\xd7\xaf/\xdc:Y\x8d\xca\x87\xab6mZZ\xda\x0b/\xbc\x90\x98\x98\x08\x00\x8a\xaa2\xc30\x9b\xb4\'\xfa\xf5\x1e\xf2\xe4Cq\xf1]@5\x83\xee\x90uJ\x08\xb9\xb6\xf6\xff\xe6\x91Z\xd6\xaa\xba^\x04\x85P\x8b\x19\xcc\x16\x00qd\xdf\x91\xc5_|\xb3d\xd97\x19W\xb2\xe1z\x9ai\xd4\xa8\xd1\xbf\xff\xfd\xef\xf8\xf8x(\xb1s\x1e\x95\x11L\x00\xa5O\xb6\xa1\xde}\xf7\xdd7\xdexC.\xf9_\xb9\xe8\xbd\xfe\xc3\x1e7\xb2\xb3UO\x1a\xfa\xff=\xce8\r\xf0;\x93v\xaeM\xa7\'\xec\x0e\xa7\xae\x1bqqq\xeb\xd7\xaf\xc7N@\x85\xe7\n\xb5\xf3\xe7\xcf\x9f8qbnn\xae\xdc%\xae\xa9\xca\xd0\xc1\x0fO\x187\xb4E\xfb\x16 \x98\xc8+d\x9c\xd3\xbb\xabS\xc2\x85\xe0\x8c\x13\x02J\x80?h~\x19?\xff&lt;\'a\xe5\xa7s\x96_\xb9js\x15+\x1c?~\xfc\xf4\xe9\xd3UU\xc5\xf7^\x99\xc2\x04P\xca\xe4\xf8\xe9\x993g\xda\xb5kW\\\\\xac\xebz\xff&gt;=V\xae\xfd\xd4\xc8\xc9Q\xbd\xe1}l\xe8\x86\x1a\x16\xfe\xc9\x8cyc_\x99.k\xc6\xad\\\xb9\xb2\x7f\xff\xfex\x1fV`\xf2\x8f\x9b\x97\x97\xf7\xf2\xcb/\xcf\x9f?\x9f\x10\x02\x84\x08\xce{\xc4F\xbf3\xed\x85\x8e\xf7t\x04\xdd\xce\n\x8a\x80\x10\xa5T\xfb\xaf\xd7\x0e@\xb5\x98\xc1/\xe8\xe2\x99\xb3oN\x9d\xbd\xe0\xf3\xaf\xe0z\xb1\xc2\x98\x98\x98\x85\x0b\x176l\xd8\x10\'\xa2\xca\x0e&amp;\x80R&amp;\xef\xa5a\xc3\x86}\xfe\xf9\xe7\x9a\xa6\xfa\xfb[\x0e\xec\xfc\xb2^d\x1dQl\xf7\x8a\xce\xac\x00\xe0\x00\x82*\x9d\xee\x19t \xf5$\x00DFF\x1e&gt;|X\xd34\xac\x1a]!\xc9wlvv\xf6\xfd\xf7\xdf\xbfw\xef^Y\x1a$(\xd0\xff\x9d\xb7^\x187v\x08P\xc2\xf2\xf2IY\xae\xd3\xbf\xb6\xd8\xd4\xcf\x02\x96\x80\xc4o7\xbc0\xfe\xdd\xb4\xd3?[,f\xbb\xdd\x11\x16\x16\xb6n\xdd:\xacRUv\xbc $y\x11\xd9\x8f&gt;q\xe2\xc4\x8a\x15+TU\xd5uc\xc2\x98\'\xeb7k\xc6\n\x8a\xbc"\xfa\x83\x9c\xbf3\x98\xeao\xf9\xf0\xdd\tB\x08UU\xd2\xd3\xd3\x97/_^\xf2\x842Ta\x18\x86!\xb7\xa9w\xea\xd4i\xef\xde\xbd~~\x16\x87\xc3\xd9\xaeu\xe3\xad\x9b\x16\x8f\x9b\xf0,/*\xe2\xf9\x85\x8a\xaa\x96\xe9\xbb\x97\x10\xa2\xaa\xaap\xeaFvV\xfcC\xf7\xed\xfc\xf1\x8b\x01\x8f\xc5\xd9\xed\x0e\x93\xc9\x94\x9d\x9d\xdd\xa3G\x8f\x05\x0b\x16\xa8\xaazg\'c\xa3\x9b\xc3\x1e@i\x92\x8d\xa9\x91#G\xce\x9f?_Q\xa854\xf8x\xca\x9a\xb0J\xa1D7\xbc\xab\xed\xcc8W\x02\x02\xee\xbb\xef\xa9\xcd?\xee\'\x844i\xd2\xe4\xd0\xa1C\x8a\xa2x\xd7o\x81n\xee\x0f\x8b\x94\x8c\x18\xfa\xc8\xcc\x7fM\n\n\x0e0r\xf3\xcb\x7f\xca\x8a\x19\x86b\xb1\x80\xd94s\xc6\x82\t\xaf\xcd\x90\xbbP\x84\x10X\xa1\xa4\x8cxG\xb3\xd4+\xc8\xa52\x99\x99\x99k\xd7\xae\xa5\x942\xc6\x9f\x1f\xd9\xbfR\xad\x9a\xc2\xee\xf4\xbe\xb8)\x00\x14\xfa\xe6k#\t\x01J\xc9\x89\x13\'~\xfc\xf1GB\x88\\\x0b\x88*\x00\x19\xfd\x0f\x1f&gt;,\xa3\xbf\xa6iN\xa7s\xf2?F\x7f\xb6\xf0\xdd \x8b\xc6\xf2\n\xdc\xb2`AQU\xe1t\xb2\xfc\x82\xf1\xaf\x8e^\xb1t\xba54P\x080i\xda\xa8Q\xa3\x16/^\x8c\xfd\x80R\x87\t\xa0\xd4\xc8\xbd\xeck\xd6\xac\xc9\xcc\xcc$\x84X\xcc\xa6\xa7\x9e|H\xe8\xc5\xc4K\x06\x7fJR\x14*\n\n\xba\xc6F7m\\\x8f1!\x84HHHp\xf7E\xa1R#\x8b\xb5egg\x0f\x1e&lt;X\xb6\xfdu]\x9f7k\xd2\x94w\xfe\xce\n\x8a\x84\xd3pK\x81B\x89P\xaaP\xaagg\r\x18\xfcX\xe27s\xac\xa1\x81N\xddPUu\xcc\x981\xc9\xc9\xc9\xaa\xaa\xe2Pd)\xf2\xbe\xd8\xe4\xb1(\xa5B\x88\xf9\xf3\xe7\x03\x00c\xec\xf1G{\xd4o\xd9\x84\x17\x16\xcb\xbd0^\x87\x19\\\r\x08|\xe9\xf9!\x00\x82R\xf2\xcd7\xdf\\\xbe|YQ\x14\x1c3\xf4v\xaez\xce\x0f=\xf4\xd0\xe1\xc3\x87\xcdf\xb3\xd3\xe9\x9c7k\xd2\xc8\xb1O\xeb\xd9\x19\n\xa1\xc4\x03\xde\xb1\x9a\xa6\xeaYW\xa2\xee\xe9 s\x00\x00\xd8\x8b\x8b\xe3\xe3\xe3\xcf\x9c9C\x08\xc1\x1cPZ0\x01\x94\x0e9\xfd{\xf2\xe4\xc9\x83\x07\x0f\xca\x19\xb3\xc1\xfdz\x97\xd8\x15\xe9}\x14\x85\x82\xa3\xe8\xa1\xfb\xbb\x06\x05\xf9\x03\x90\x82\x82\x82u\xeb\xd6\x01\x00\x8e\x02y;9\xf83q\xe2\xc4]\xbbvY,\x16\x87\xc31~\xcc\xa0\x91cG\xe8\xb6LMS=\xe7\r\xab\x994=+;\xea\x9eN\t\xb3\xdf4\x0c\xc3d2\xd9l\xb6\xc1\x83\x07\xcb\xec\x85\r\x91R\x81\t\xa0t\xc8&amp;\xc9\xbau\xeb\x9cN\xa7\x10\xa2ZDxL\xd7vPT\xe4\xa5\xcd\x7f\x00 \x84\xf0bgD\xbd\x9a\xf7vi\'\x7f\xbb\xb5k\xd7\x02\xd6\x86\xf3r\xb2\xba\xe7\xea\xd5\xabg\xce\x9ci1\x9b\xedv{\xbfG\xee\xfbx\xd6\xff\xe99\x99\xaa\xe2q\xf3\xab\x9aI\xd3\xb3\xaf&gt;&gt;\xf8\xb1\x8f\xdf\x9b`w8,f\xf3\xee\xdd\xbb\'N\x9c\xa8(\nv\x02J\x05&amp;\x80\xd2!\xc3\xe2\xb6m\xdb\x00@\x08\xd1\xabG\xe7\xe0\x88*\xcc\xa9{u\xb8\xe4B\x00U\xfb=\xdaC&gt;\xdc\xbf\x7f\x7faa!\x8e\x02y/\xd9O\xbdr\xe5\xca\xf3\xcf?/KT\xd5\xaf[c\xde\xbc\xb7\x84\xc3\xaez\xea\x1e\x0fMS\x8d\xdc\xec\xf1\xaf\x8e\xea\xf7\xc8}v\x87\xc3l6\xcf\x9c9s\xe3\xc6\x8d\xae\xf2D\xe8n`\x02(\x05B\x08EQ\n\n\n\xf6\xee\xdd+\x9f\xe9\xde\xb5\x03\x00\xf1\xf68I)\x05\xc3\xd1%\xba\x95IS\t!\x97.]:~\xfc8\\?\x00\x16y\x1d9\xf7;n\xdc\xb8+W\xaePE\xa1\x94|\xb1\xe0]k\x95pnwz\xc2\xb8\xff\x9fQ\x80p\xbb}\xde\xbc\xb7\x1a\xd4\xab\xa9\xeb:\xa5t\xf4\xe8\xd1yyy%\xabR\xa3;\x83\t\xa0\x14\xc8wazz\xfa\xe5\xcb\x97\t!&amp;\x93\xda9\xba%\x18\x0eo\xd9\xfc\xf5g(%\xa2\xd8Q\xb7a\x9dzuk\xc8\xed\x9a\xbbv\xed\x82\x12\'}#/"\x87\xfe\xd7\xaf_\xbfr\xe5J\x93I\xd3u}\xd2\xc4\x11\x1d\xbb\xdfc\xd8r\xdd\xb8\xe6\xe7V\x10J\x84\xc3i\x8d\xa8&lt;\xf7\xdfo\x00\x08UUO\x9f&gt;\xfd\xfe\xfb\xef\xe3\xe6\xc4\xbb\xe7\xdd\x11\xcaC\xc8w\xe1\xc1\x83\x07\x19cB\x88jU+\xd5\xac]]8\x9c\x9e\xd9\xa7\xbe-\x9cqSP@\xab\x16\r\xe5\xc3\xfd\xfb\xf7\x03N\x03x!\xd9\xf6w8\x1c/\xbc\xf0\x02\xa5T\xd7\x8d\xc6\r\xeb\xfc\xe3\x8d\xbf\xb1|\x9b\x87G\x7fIQ\x15\xc3f\xeb\xf1P\xcf\xa1\x03\x1fp:\x9d\x9a\xa6\xcd\x981\xe3\xe4\xc9\x93\x98\x03\xee\x12&amp;\x80R\x93\x96\x96&amp;?\xa8W\xa7\x86\x7fX\xb00X\x05\x08\x94B\x08\x00\xb5Y\xe3z\xf2azz\xba\x0c%\xee\xbd*t\xbb\xe4\xe8\xff\x8a\x15+N\x9e&lt;\xa9(T\x08\xf1\xef\x0f^\xd1\x02\xfc\x80y\xcd\xbb\x94*\n/.\xfc\xe7\xdb\x13\xc2\xc3C8\xe7N\xa7\xf3\xbd\xf7\xde\xc3Q\xa0\xbb\x84\t\xa0\x14\xc8\xa1\x9e\x03\x07\x0e\xc8\x87mZ6\x06\xa2V\x8c\xf7%!\x04\x80\xb5n\xd9H&gt;LOO\xcf\xcd\xcd\x95;\x1e\xdc{a\xe8\xd6\xc9=\xea\xc5\xc5\xc5\xef\xbe\xfb.\xa5D\xd7\x8d\xd8\xae\xed{=|\x1f\xcb\xcb\xf7\xa2\n\xaf\x94\x10n\xb7W\xadWw\xdc\xc8\'\x18c\xaa\xaa,_\xbe\xfc\xf8\xf1\xe3\xb8"\xe8n`\x02(5\xaeM\xea!\xc1\x01@\x94\n\x14!EhH\x90\xfc\xc80\xbc\xac\xa8\x11\x82\xeb%\xca7n\xdcx\xf2\xe4IJ\x15J\xe9\xe4\xd7F\x02!\xe0moQEQDq\xfe\xd81\x83\xaaT\xb6\n\x01\x0e\x87C\xee\xbb\xc4\x04p\xc70\x01\xdc-9$\x92\x9f\x9f\x7f\xea\xd4)\xf9L\x9d\xda\xd5\x00\xbc\xa6g}s\x84\x00\x18FD\x95p?\x8b\x99\x10RPP G\xba\xb0\x07\xe0E\xe4[q\xee\xdc\xb9\x84\x10\xc30\xda\xb5i\x12\xdb\xeb\x1e^\x90_\xba\xc5\xfd\xcb\x01!\x84\xd9\x9d\xe1\xb5j\r\x1d\xf8\xa0\xac\xbc\xf2\xe5\x97_\x16\x14\x14\xa8j\x05\xe9p\x97?/{\x07x&amp;B\x88\xae\xeb999\xf2a\xc3\xfa\xb5\x01*H\x93\x84\x10\x02N\xbdV\x8d\x08??\xb3\x10B\xd7\xf5\xdc\xdc\\\xc0\x04\xe0=\xe4\xe8\x7fzz\xfa\xc6\x8d\x1be&amp;\x18;\xb2?h\x9a`^\xf9\x17\xa4\x94\n\xbd\xf8\x99\xa7\xfa\xf8\xf9\x99\xe5\xd2\xe4\xaf\xbf\xfe\x1ap\x83\xfa\x9d\xc2\x04P:dMs\xf9\xb1S\xd7\xdd{1\xa5\x8c\x10\xdd0\\\x11\x1f\xeb\xf1z\x17\xd7.\xee\xe2\xe2b!D\xd5\x88\xf0~\xfd\xe2EQ\xa1\xc7\x9eM}s\x94\x12QX\xd4\xb4C\xcb\xfb\xee\x8d\x92\xbf\xda\xb2e\xcb\xe0\xfa&lt;\x1c\xba]\xf8\xaa\x95\x1aW\x88\xac\x18\x83?%\x95\xfc\x8d\xb0\xed\x7f\x07d\xed\x1a\xf6[\xb2\xa6MY\xff\xd7\x94R\xc6\xd8\x7f\xff\xfb_y\x19\xf1=;\x07T\n\xe7\x0e/\xde\xa3\xce\x05\x08 \xfd\x1f\xed\t\x00\x94\x92\xed\xdb\xb7_\xbcx\x11\x17&amp;\xdc\x19L\x00\xa5\xc6uGU\xec\xf7\xa1\xf7\x06\x8er&amp;#\xbea\x18r\x0e\x96\x10\xa2\xfc\x16\xa5T\x16\xb64\x0cC\xee )\x8bk\xa0\x94^\xbe|\xf9\xf0\xe1\xc3\xf2@\xcf\x01\x8f\xc6\x81\x10\xe0\xcd\x7fDE\xa1\xc4Q\x1c\x1f\xd79$8\x10\x00\xf2\xf2\xf2\xf6\xec\xd9\x038\x15|G\xb0;_:\xe4\xf8\xb8\xfcXU+ZZ\x95\xa1J~\xacW\xb0\x01\xae2p\xed\xacsUu-\xb2,...,,&lt;v\xecX\xc9\xa1\xea\xc8\xc8\xc8\xe0\xe0\xe0\x90\x90\x10\xd7\xf0\x85\xfcl).\xcd\xe4\x9c\xcb3\xbf\x8a\x8a\x8a\x08!\xd6\xd0\xe0\xce\x9dZ\x83\xdd[K\x94K\x84\x10nwV\xadW\xb3}\xdb\xa6\x9b\xb6&amp;\x03\xc0\xb6m\xdb\xfa\xf6\xed\x8b=\x80;\x80\t\xe0n\xc9\xad(\xfe\xfe\xfe\xb5j\xd5:v\xec\x18\x00\x1c8x\xe2\xde\xde\xb1\x15\xe3\xed\xc8\xb9P\xcc\xa6\x93\xe9\xe7\xf2\xf2\x0b\t!\x16\x8b\xa5f\xcd\x9a\x80\xfd\x80?!Gud\xeb\xbe\xa8\xa8(55511q\xd7\xae]\xc7\x8f\x1f\xcf\xcb\xcb\x93\xf3\xe7.\xfe\xfe\xfe\xfe\xfe\xfe\xcd\x9a5k\xd7\xae]\xf7\xee\xddcbb\xc2\xc3\xc3\xe1z\xbd\xfeRI\x03\xf2M\xb8y\xf3f\xf9q\xdb\xd6\x8dC\xabV\xe2\x85^sB\xf5\x9f\xe1\\P\xaau\x8bi\'\x13\xc0\x8f?\xfe(\x0f7v\xf7uy\x1fL\x00\xa5@\x08a</t>
        </is>
      </c>
    </row>
    <row r="439">
      <c r="A439" s="1" t="n">
        <v>437</v>
      </c>
      <c r="B439" t="inlineStr">
        <is>
          <t>rectangle_height_number</t>
        </is>
      </c>
      <c r="C439" t="inlineStr">
        <is>
          <t>What is the missing number of the part denoted with a question mark?</t>
        </is>
      </c>
      <c r="D439" t="inlineStr">
        <is>
          <t>[2, 1, 4, 3]</t>
        </is>
      </c>
      <c r="E439" t="inlineStr">
        <is>
          <t>1</t>
        </is>
      </c>
      <c r="F439" t="inlineStr">
        <is>
          <t>There are 7 rectangles in the image with varying lengths and numbers inside them. The numbers from left to right are [2, 1, 3, 1, 3, 2, '?']. The lengths from left to right are ['medium', 'short', 'long', 'short', 'long', 'medium', 'short'].</t>
        </is>
      </c>
      <c r="G439" t="inlineStr">
        <is>
          <t>We observe that the short rectangles are denoted as 1, the medium rectangles are denoted as 2, and the long rectangles are denoted as 3. Hence, the pattern is that the number in each rectangle corresponds to its length.</t>
        </is>
      </c>
      <c r="H439" t="inlineStr">
        <is>
          <t>Based on the pattern that the number in each rectangle corresponds to its length, the missing number of the rectangle with a question mark should be 1.</t>
        </is>
      </c>
      <c r="I439" t="inlineStr">
        <is>
          <t>b'\x89PNG\r\n\x1a\n\x00\x00\x00\rIHDR\x00\x00\x02\x00\x00\x00\x02\x00\x08\x02\x00\x00\x00{\x1aC\xad\x00\x00G\xb3IDATx\x9c\xed\xddy|T\xd5\xdd?\xf0\xef9\xe7N2\x93ef\xb2\xb1\xe3\x82D\xc0"\xfb\x1eADY\xac-bE\\\x00\x17\x96\xb8\xfb\x84\xb6\xdaZm\x01\xadu\x81\xd6\xda\xda\xd6\xb2#\x157\xb0\xb6\xda\n\x82\x0b\xe0\xc2\xe6\x02"a\x13D!\x10\xb2\xce\x96df\xee=\xe7\xf7\xc7\x85\x94\x9f\x0b\x04B2\xf7\xce\xfd\xbc_\xcf\xeb\xf5\xd0$NN\xbes\xce\xfd\x9c{\xee\xb9w\x98R\x8a\x00\x00\xc0yx\xa2\x1b\x00\x00\x00\x89\x81\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JKt\x03\xc0\x06\x94R\xa7\xf1_1\xc6\xcexK\x9c\t\xf5\x87&amp;\x82\x00\x80\xef\xa0\x94\x92R*\xa5\x18c\x8c1\xceO\xe7L\xf1\x8c\xbc\x883\xa1\xfe\xd0&lt;\xd8\xe9M. )\x99\x87\x0c"\x12B\x1c\xff\xf5@  \xa5d\xac\xa1\xbd\xc5\x9c{\xfa\xfd\xfe\xe3\xbfh\x1e\x8c8\xe7\x98\x99~\x1f\xd4\x1f\x9a\x19\x02\x00\x88\x88\x94R\x86ah\xda\xd13\xc2P(\xb4q\xe3\xc6\r\x1b\xd6\x7f\xfc\xf1\'\x95\x95\x95\xc5\xc5\xc5\xba\xa17\xfc\xd5\x181E\xaa\xe3y\x1d\xfd~\x7f\x9f&gt;}z\xf5\xea\xd5\xaf_\xbf\xb6m\xdb\x9a\xdf\xd5u\x9ds\x8e\t\xe9\xf1P\x7fH\x08\x04\x00\x90a\x18\xe6\x943\x16\x8b\xadX\xb1\xe2\xd9g\x9f\xdd\xbcy\xf3\xfe\xfd\xfb\xcf\xe0\xaf\xc8\xca\xca\xea\xd3\xa7\xcf\xb8q\xe3F\x8f\x1e\xdd\xa2E\x0b"\xd2u]\x08\x81\xd9(\xa1\xfe\x908\x08\x00G3\xdf}\xc6X \x10\x98;w\xee\x92%K\xb6n\xddZ\xff\xdd\x8c\xcc\x8cvg\xb5\xcdk\x99\xd7!\xff\xdc\xecl\xbf\xae\x1b\r9^(R\x9c\xf1x&lt;\xbe\xfd\xb3\xe2\xea\xaa\xc0\xfe\xbd_UUV\xd5\x7f\xb7u\x9b\xd6\xe3o\x18?e\xca\x94N\x9d:\x11\x91\x94\xd2\xc9SQ\xd4\x1f\x12\x0b\x01\xe0\\\xf5\x13\xcf\x85\x0b\x17&gt;\xf1\xc4\x13;v\xec0\xbf\xde\xae}\xdbAC\x07\x0e\x1b9\xf4\x82n]Z\xb6\xcaK\xcf\xc8\x10B\x08\xc1O\xad\xa3(\x15\x8f\xeb\xd1\xbah\xf9\x91\xf2];v\xaf{\xfb\xfd\xb5\xab\xd7\xed\xd8\xbe\xcb\xfcfvv\xf6\xddw\xdf=m\xda4\x9f\xcf\xa7\xebz\xfd\xd2\x87\xa3\xa0\xfe\x90p\x08\x00\x872\x8f&gt;%%%\x93&amp;MZ\xb9r\xa5\xf9\xc5\xce\x17t\x9at\xe7M\xa3F\x8f\xcck\x91\xa3\x94\xaa\xab\x8b\xc6cqiHE\xea\xd4\xfb\t\xe3\x8c1\xce\\.W\xaa;U\xd3\xb4P0\xb8\xfe\xbd\x8ds\xff\xb4`\xed\xdb\xef\x99?\xd1\xa9S\xa7\xf9\xf3\xe7\x17\x14\x14\x98W8\x1d\xb5\x1c\x81\xfa\x83\x15 \x00\x9c\xc8\x9c\xf4\xad\\\xb9r\xd2\xe4I%\x07K\x88\xa8C~\x87\xdb\xa7M\xfd\xf1\xd5W\xf8\xb2|\xe1`8\x1e\x8f\x13\xd1\x19\xd91\xa2\x94\x92R\x91RB\x13\xe9\x19\xe9R\x1akV\xbf\xf7\xcc\x93s\xde_\xf3!\x11\xa5\xa6\xa6&lt;\xf6\xd8\xe3EEE\x8e:\x06\xa1\xfe`\x11\x08\x00\xc71\x8f&gt;s\xe7\xce-,,4\xbfrS\xe1\x84\x9f\xfffZ^\xcb\xbc@U\xc0\xd0\r.\x9aj\xa7\xa0a\x18\x8c1\xaf/\xd3\xd0\x8d\x05\x7f{v\xf6\xc3O\x86Ca"\x9a:u\xea\x9c9s\x0c\xc3p\xc2&amp;E\xd4\x1f\xac\x03\x01\xe0,\xe6\xcaC\xfd\xd1\xc7\x9f\xe5\xfb\xed\x1ff\\3ql\xb0:\x18\x8b\xc5\x9ag-\xd8&lt;\x0c\xe5\xe4\xe5l\xfe\xf0\xa3\x9f\xdf\xfe\x8b\xed\x9f\xed\xa0c\xc7\xa0\xa4\x9f\x87\xa2\xfe`)\x08\x00\x07\xf9\xc6\xd1\'\xafe\xde\x9c\xa5\x7f\x19|I\xc1\xe1C\xa5\x9a\xa65\xf3\xb0\x8f\xc7\xe3\xfe,\x7fEY\xc5\xcdc\xa7~\xb2\xe9S:n\x1e\xfa\x8d\xdb\xa0\x92\x06\xea\x0fV\x83\x00p\ns`\xaf^\xbdz\xf8\xf0\xe1D\x94\x9d\x93\xfd\xef5\xcb\xce\xe9pNuU\xb5\xcb\xe5JH\x93t\xddHu\xa7\x08!n\xf8\xd1\x8d\x1f\xae\xdb@D3f\xcc\x98&gt;}zR\xeeKA\xfd\xc1\x82\x10\x00\x8e`n\xf7.--\xed\xde\xa3\xfb\x91\xd2#^\x9fw\xd1\xf2\xb9}\x07\xf6\tT\x054W"\x87\xbaa\x18\xa9\xee\xd4P04a\xf4-\xdb\xb6|\xce\x18[\xb9r\xe5\xf0\xe1\xc3\x93l\x1e\x8a\xfa\x835\xe1\x1e\x10G0\x9f40q\xe2\xc4\xd2\xc3\xa5D\xf4\xf0\x1f\xa6\x0f\xbe\xa4\xa0\xba\xaa:\xb1G\x1f"\x12B\xd4\xd5\xd6\xe5\xe6\xe5&lt;\xbd\xe8\x8f\xfe,\x9f"5\xf1\xc6\x89\x87\x0f\x1ff\x8c\x99O\xc5I\x0e\xa8?X\x13\x02 \xf9\x99\xb3\xb9\xa5K\x97\xaeZ\xb5\x8a\x88\xae\xbfy\xdcu7]s\xf8Pi\xa2V\x1e\xbeA\xd3\xb4\xea\xaa@\x97\xae\x9df&lt;\xf1kRTz\xb8\xf4\xfe\xfb\xef\xe7\x9c\'\xcd\xb9)\xea\x0f\x96\x85%\xa0$\xa7\x94RJUWW\xf7\xef\xdf\x7f\xef\xde\xbdg\x9d\xd3\xfe\xf5u\xffLMM5\xb7\x82$\xbau\xffc\xe8\x86?\xc7?\xf9\x9a[\xdf\xf8\xf7\xca\xd4\xd4\xd4u\xeb\xd6\xf5\xe9\xd3\xc7|ze\xa2\x9b\xd6(\xa8?X\x19\xde\xdd$gn\xee^\xb8p\xe1\x9e={\xa4\x94\xb7M\x9b\x9a\xd727\x16\x8bY\xea\xe8CD\x8c\xb3x,&gt;\xedWw\xa7\xa6\xa6F\xa3\xd1\xe9\xd3\xa77\xfc\xe9\xc7V\x86\xfa\x83\x95!\x00\x92\x99RJ\x08Q[[\xbbp\xe1B\xc6\xd8y\xf9\x1d\xae\xba\xf6\xca\xea\xca\x80\x05\xf7xp\xce\xc3\xa1p\xb7^\x17^q\xd5("Z\xbbvmqq\xb1\x10\xc2\xd6+\xd1\xa8?X\x1c\x02 \x99\x99\xf7\xf5\xac^\xbd\xfa\xf3\xcf?WJM\xbdg\xb2\xcf\xef\xd5\xf5Sx\xb2|s\xe2\x9cG\xa3\xb1\xc2\xff\x9b\x92\x96\xe6\x89D"\xf3\xe6\xcd#"[\x1f\x80P\x7f\xb08\x04@\xf2[\xb4h\x11c\xace\xeb\x96?\x1c32\x14\x0c[v{\x1f\xe7&lt;\x12\x8et\xeb\xd5u\xc0\xe0\xfe\x8c\xb1e\xcb\x96\xd5\xd4\xd4h\x9af\xf7\x85\x08\xd4\x1f,\x0b\x01\x90\xb4\xcc\xf5\x87@ \xb0q\xd3F\xa5\xd4\xe0K\n\xf2Z\xe4\xc6\xe3q\xab\xad&gt;\x1fO)\xc5\x18\x1f\xf1\xa3\xe1J\xa9\x83%\x07\xb7l\xd9B\xb6\x9d\x84\xa2\xfe`}\x08\x80\xa4e\x8e\xdb\xcd\x9b7\x1f\xf8\xfa\x00\x11\r\x1b5\xd4\xfa\x139!D]M\xed\xa0\x8b\x07dx3\x0c\xddxc\xc5\x1bt\xecSSl\x07\xf5\x07\xebC\x00$-s\xdcn\xdc\xb4\x91\x88\xd22\xd2.\xe8\xd6%Z\x1b\xb5\xf8\xae&gt;\xc6X4\x1ak\xd7\xbe\xcd\xb9\x1d\xce!\xa2\xcd\x9b6\x13\x91\xc5\xdb\xfc}P\x7f\xb0&gt;\xbc\xb5I\xcb\\j\xf8h\xf3GDt\xd6\xd9\xed[\xb7ii\xf1\xf5\x07\x93\x94\xd2\x93\xe6\xb9\xe0\xc2\xceDT\\\\\x1c\x0e\x87mzS\x12\xea\x0f\xd6\x87\x00HZ\xe6&gt;\xee\xb2\xb22"\xca\xc9\xcdN\xcfH7\x0c#\xd1\x8d:9\xa5\x14\x17\xa2U\x9bVDT\x1d\xa8\xae\xad\xadMt\x8bN\x13\xea\x0f\xd6\x87\x00HN\xe6=\x9c\x81@`\xd7\xae]D\x94\xdf\xb9\xa3\xb0\xc9v\x0e\xc6\x98\xa1\xeb\x1d;\x9fGD\xc1@\xb0\xb8\xb8\x98lx\x1d\x12\xf5\x07[@\x00$3\xa5T\\\x8f\x13QVv\x96\x8dN\xe4\x95RY\xd9YD$\xa5\xb4\xec\xae\xf9\x86@\xfd\xc1\xe2\x10\x00I\xce\\t\xb6\xdd0\xaeo\xb0\xf5\x17\xcdO\x0c\xf5\x07+C\x008\x82\xed\x86\xb1\xed\x1a|b\xb6\xfbsl\xd7`8=\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94\x96\xe8\x064\x88R\xea4\xfe+\xc6\xd8\x19o\t\x00\x9c*\x8c_\xcb\xb2h\x00(\xa5\xa4\x94J)\xc6\x18c\x8c\xf3\xd39S9#/\x02\x00\xa7\n\xe3\xd7.\xac\x15\x00\xe6[NDB\x08!D\xfd\xd7\x03\x81\x80\x94\x921\xd6\xc0\xa9\x849w\xf0\xfb\xfd\xc7\xbf\x88\xd9\x998\xe7\x98Y\x004\x05\x8c_\xdb\xb1J\x00(\xa5\x0c\xc3\xd04\xcd|\xcbC\xa1\xd0\xc6\x8d\x1b7lX\xff\xf1\xc7\x9fTVV\x16\x17\x17\xeb\x86\xde\xf0Wc\xc4\x14\xa9\x8e\xe7u\xf4\xfb\xfd}\xfa\xf4\xe9\xd5\xabW\xbf~\xfd\xda\xb6mk~W\xd7u\xce9&amp;\x14\x00g\n\xc6\xafMY"\x00\x0c\xc3\x10Bh\x9a\x16\x8b\xc5V\xacX\xf1\xec\xb3\xcfn\xde\xbcy\xff\xfe\xfd\x8d|\xd9\xf2\xb2r"Z\xb1b\x05\x11eee\xf5\xe9\xd3g\xdc\xb8q\xa3G\x8fn\xd1\xa2\x05\x11\xe9\xba.\x84\xc0l\x02\xa0\x910~\xed+\xc1\x01`\x9e\x12\n!\x02\x81\xc0\xdc\xb9s\x97,Y\xb2u\xeb\xd6\xfa\xeffdf\xb4;\xabm^\xcb\xbc\x0e\xf9\xe7fg\xfbu\xddh\xc8\xfb\xadHq\xc6\xe3\xf1\xf8\xf6\xcf\x8a\xab\xab\x02\xfb\xf7~UUYUUU\xb5j\xd5\xaaU\xabV\xfdf\xfao\xc6\xdf0~\xca\x94)\x9d:u"")%\xa6\x12\x00\xa7\x07\xe3\xd7\xee\x12\x19\x00\xe6\xc4\x81\x88\x16.\\\xf8\xc4\x13O\xec\xd8\xb1\xc3\xfcz\xbb\xf6m\x07\r\x1d8l\xe4\xd0\x0b\xbaui\xd9*/=#C\x08!\x04?\xb5\x9d\x04J\xc5\xe3z\xb4.Z~\xa4|\xd7\x8e\xdd\xeb\xde~\x7f\xed\xeau;\xb6\xef:Trh\xf6\xec\xd9\x0b\x16,\xb8\xfb\xee\xbb\xa7M\x9b\xe6\xf3\xf9t]\xd74K\x9c\t\x01\xd8\x08\xc6o\x12HX\xe1\xcc\xdeSRR2i\xd2\xa4\x95+W\x9a_\xec|A\xa7Iw\xde4j\xf4\xc8\xbc\x169J\xa9\xba\xbah&lt;\x16\x0f\x05B\x8a\xd4\xa9\xef$c\x9c1\xc6Yn\x8b\xdc\xb6g\xb5\x1d\xfe\xc3\xcbB\xc1\xe0\xfa\xf76\xce\xfd\xd3\x82\xb5o\xbfWYY9s\xe6\xcc\x17^xa\xfe\xfc\xf9\x05\x05\x05\xe6\x15*\x9cN\x024\x10\xc6orHL\x00\x98\xa1\xbdr\xe5\xcaI\x93\'\x95\x1c,!\xa2\x0e\xf9\x1dn\x9f6\xf5\xc7W_\xe1\xcb\xf2\x85\x83\xe1\xaa\xcaj"2\xaf\xf8s\xd1\xa8S\xbcx&lt;\x1e\x8d\xc6H)\xa1\x89KF\x0c\xbd\xf8\xb2\xc1kV\xbf\xf7\xcc\x93s\xde_\xf3\xe1\xce\x9d;/\xbdt\xd8c\x8f=^TTd\xee^@\x1f\x028)\x8c\xdf\xa4\x91\x80\xe53\xb3\xf7\xcc\x9d;w\xd4\xa8Qf\xef\xb9\xa9p\xc2\xbf\xdeyy\xe2\xd4\xf1\x8c\xb1\xaa\xf2*srq\xa6\xae\xf00\xc6\x84\xe0B\x13D\x14\x0c\x04#\xe1\x9aa#/~\xfe\xf5gg&lt;\xf1\xeb\x8c\xcc\x8ch46m\xda\xb4\xc2\xc2B\xce\xb9\xb9\xcf\xac\xf1\xbf\x11 \x89a\xfc&amp;\x93\xe6\x0e\x00s\xaf\xd8\xdc\xb9s\x0b\x0b\x0b\x89\xc8\x9f\xe5{z\xe1\x93O\xfc\xf5Q\xb7\xdb]QVADBk\xc2+\xfbB\x08\xcey\xa0:\x18\x89\xd4\xdc\xf1\xb3[_z\xe3\xb9\x0b.\xecLDf{\x84\x10J\x9d\xc6\xb9*\x80S`\xfc&amp;\x99f\r\x00sjP\xdf{\xf2Z\xe6-\\6\xf7\xba\x9b\xc6\x95\x95\x96\x99\x1d\xaby\x9aav\xa3#\x87\x8ft\xebu\xe1\xf3\xaf/\xe9\xd9\xb7\x07\x1d\xebC\xe6&lt;\xa2y\x9a\x01`/\x18\xbf\xc9\xa7\xf9\x02\xc0\xec=\xabW\xaf6{OvN\xf6?\xdfz\xb1\xef\xc0&gt;\x87\x0f\x95\xba\\\xae\xe6_\xbcs\xb9\\\x81\xea`zf\xfa+\xab_\x1c8\xb8?\x11\xcd\x9d;w\xe6\xcc\x99B\x08]?\x85\x9bV\x00\x9c\x00\xe37)5S\x00H)\x85\x10\xa5\xa5\xa5\x13&amp;N`\x8c\xf9\xfc\xbe\xf9/=sN\x87s\x02U\x01\x97\xcb\xd5&lt;m\xf86M\x13\xb1hLJ\xf9\xb7\x7f\xfc\xb9k\xf7\x1f\x10\xd1\xcc\x993W\xadZ\xa5i\x9aa\x18\x89j\x15\x80\xd5`\xfc&amp;\xabf\n\x00\xf3N\xf1\x89\x13\'\x96\x1e.%\xa2\x87\xff0}\xf0%\x05\xd5U\xd5\x9a+\xc1\x1bx\x85\x10u\xb5u\xb9y9O/\xfa\xa3?\xcb\xa7HM\xbcq\xe2\xe1\xc3\x87\x19c8\x97\x04\xa8\x87\xf1\x9b\x94\x9a#\x00\xcc\x93\xc7\xa5K\x97\xaeZ\xb5\x8a\x88\xae\xbfy\xdcu7]c\x9e96\xc3o?)M\xd3\xaa\xab\x02]\xbav\x9a\xf1\xc4\xafIQ\xe9\xe1\xd2\xfb\xef\xbf\x9fs\x8e\xabI\x00&amp;\x97\xcb\x85\xf1\x9b\x94\x9a&lt;\x00\xcc\xa7\xb9VVV&gt;\xf4\xd0C\x9c\xf3s:\x9c\xfd\xab\xdf\xfe"P\x15\xb4\xd4\xcd{.\x97\xab\xa2\xacr\xdc\x8dc/\x1f=\x92\x88\x9e\x7f\xfe\xf9M\x9b6\xe1\x82\x12\x80y\x18\xad\xa8\xa8\xc0\xf8MJM\x1e\x00\x86ap\xce\x17.\\\xb8g\xcf\x1e)\xe5m\xd3\xa6\xe6\xb5\xcc\x8d\xc5bV\xbbe\x83q\x16\x8f\xc5\xa7\xfd\xea\xee\xd4\xd4\xd4h4:}\xfa\xf4\x86?\xbd\x16 Y\x99\x17T\xe7\xcf\x9f\x8f\xf1\x9b\x94\x9a6\x00\x94RB\x88\xda\xda\xda\x85\x0b\x172\xc6\xce\xcb\xefp\xd5\xb5WVW\x06,5}0q\xce\xc3\xa1p\xb7^\x17^q\xd5("Z\xbbvmqq\xb1\x10\x02\x93\x08p2\x97\xcb%\xa5\xc4\xf8MVM\x1b\x00\xe63:V\xaf^\xfd\xf9\xe7\x9f+\xa5\xa6\xde3\xd9\xe7\xf7Zv\x93\x16\xe7&lt;\x1a\x8d\x15\xfe\xdf\x94\xb44O$\x12\x997o\x1e\x11\xa1\x03\x81\x93y\xbd\xdeu\xeb\xd6\xed\xd8\xb1\x03\xe37)5\xc7E\xe0E\x8b\x161\xc6Z\xb6n\xf9\xc31#C\xc1\xf0\xf1\x9f\xf2c)\x9c\xf3H8\xd2\xadW\xd7\x01\x83\xfb3\xc6\x96-[VSS\xa3i\x1aN$\xc1\xb1\x18c\xe6\xf4\x1f\xe37)5a\x00\x98\xeb?\x81@`\xe3\xa6\x8dJ\xa9\xc1\x97\x14\xe4\xb5\xc8\x8d\xc7\xe3V[=&lt;\x9eR\x8a1&gt;\xe2G\xc3\x95R\x07K\x0en\xd9\xb2\x850\x89\x00\x07;x\xf0\xe0\xa6M\x9b0~\x93U\x13\x06\x80Y\xf7\xcd\x9b7\x1f\xf8\xfa\x00\x11\r\x1b5\xd4\xfaA,\x84\xa8\xab\xa9\x1dt\xf1\x80\x0co\x86\xa1\x1bo\xacx\x83\x8em\x84\x00p\x1aM\xd3&gt;\xfc\xf0\xc3]\xbbv\x11\xc6o\x92j\xda3\x00"\xda\xb8i#\x11\xa5e\xa4]\xd0\xadK\xb46j\xf1\x8f\xefa\x8cE\xa3\xb1v\xed\xdb\x9c\xdb\xe1\x1c"\xda\xbci3\x11Y\xbc\xcd\x00M$%%e\xf3\xe6\xcd\xba\xae\xbb=n\x8c\xdf\xa4\xd4\x84\xa51O\x15?\xda\xfc\x11\x11\x9duv\xfb\xd6mZZ\xfc\xfc\xd1$\xa5\xf4\xa4y\xcc\xa7\x0c\x16\x17\x17\x87\xc3a\xdcT\x02\xce\x14\x8b\xc56o\xdeLD\xed\xcfj\x87\xf1\x9b\x94\x9a6\x00\x94ReeeD\x94\x93\x9b\x9d\x9e\x91n\x8b\x07t(\xa5\xb8\x10\xad\xda\xb4"\xa2\xea@ummm\xa2[\x04\x90\x18R\xca\xaa\xaa*"\xcam\x81\xf1\x9b\x9c\x9a*\x00\x94R\x9c\xf3@ `. \xe6w\xee(lr9\x9e1f\xe8z\xc7\xce\xe7\x11Q0\x10,..&amp;\\G\x02\xa72\xb7\xfc\x9f\xdf\xe5|\x8c\xdf\xa4\xd4\xe47\x82\xc5\xf58\x11eeg\xd9\xe8DL)\x95\x95\x9dEDRJ\xcb\xeez\x06h6\x18\xbf\xc9\xaa\xc9/\x8f\x98\x8b\x86\xb6{\x1b\xea\x1bl\xfdEO\x80\xa6\x86\xf1\x9b\xac\x9a\xe9\xfa\xb8\xed\xde\x06\xdb5\x18\xa0\xe9\xd8n8\xd8\xae\xc1\x89\x82\rR\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d1\rp\x04\xa5\xd4i\xfcW\x8c\xb13\xde\x12gB\xfd\xa11\x92\xb8\xff \x00\x9a\x84RJJ\xa9\x94b\x8c1\xc68?\x9d3\xad3\xf2"\xce\x84\xfaCc8\xa7\xff \x00\xce$\xf3-\'"!\x84\x10\xa2\xfe\xeb\x81@@J\xc9\x18k\xe0T\xc2\x9c;\xf8\xfd\xfe\xe3_\xc4\xecL\x9cs[\xcc,\x12\x02\xf5\x87\xc6p`\xffA\x00\x9c\x19J)\xc304M3\xdf\xf2P(\xb4q\xe3\xc6\r\x1b\xd6\x7f\xfc\xf1\'\x95\x95\x95\xc5\xc5\xc5\xba\xa17\xfc\xd5\x181E\xaa\xe3y\x1d\xfd~\x7f\x9f&gt;}z\xf5\xea\xd5\xaf_\xbf\xb6m\xdb\x9a\xdf\xd5u\x9dsn\xcd\tE\xa2\xa0\xfe\xd0\x18\x8e\xed?\x08\x803\xc00\x0c!\x84\xa6i\xb1Xl\xc5\x8a\x15\xcf&gt;\xfb\xec\xe6\xcd\x9b\xf7\xef\xdf\xdf\xc8\x97-/+\'\xa2\x15+V\x10QVVV\x9f&gt;}\xc6\x8d\x1b7z\xf4\xe8\x16-Z\x10\x91\xae\xebB\x08K\xcd&amp;\x12\x05\xf5\x87\xc6pr\xffA\x004\x8ayJ(\x84\x08\x04\x02s\xe7\xce]\xb2d\xc9\xd6\xad[\xeb\xbf\x9b\x91\x99\xd1\xee\xac\xb6y-\xf3:\xe4\x9f\x9b\x9d\xed\xd7u\xa3!\xef\xb7"\xc5\x19\x8f\xc7\xe3\xdb?+\xae\xae\n\xec\xdf\xfbUUeUUU\xd5\xaaU\xabV\xadZ\xf5\x9b\xe9\xbf\x19\x7f\xc3\xf8)S\xa6t\xea\xd4\x89\x88\xa4\x94\x16\x99J$\x04\xea\x0f\x8d\x81\xfe\x83\x008}\xe6\xc4\x81\x88\x16.\\\xf8\xc4\x13O\xec\xd8\xb1\xc3\xfcz\xbb\xf6m\x07\r\x1d8l\xe4\xd0\x0b\xbaui\xd9*/=#C\x08!\x04?\xb5\x9d\x04J\xc5\xe3z\xb4.Z~\xa4|\xd7\x8e\xdd\xeb\xde~\x7f\xed\xeau;\xb6\xef:Trh\xf6\xec\xd9\x0b\x16,\xb8\xfb\xee\xbb\xa7M\x9b\xe6\xf3\xf9t]\xd74\'\xbe\x8f\xa8?4\x06\xfa\x0f!\x00N\x9b\xd9{JJJ&amp;M\x9a\xb4r\xe5J\xf3\x8b\x9d/\xe84\xe9\xce\x9bF\x8d\x1e\x99\xd7"G)UW\x17\x8d\xc7\xe2\xa1@H\x91:\xf5\x9dd\x8c3\xc68\xcbm\x91\xdb\xf6\xac\xb6\xc3\x7fxY(\x18\\\xff\xde\xc6\xb9\x7fZ\xb0\xf6\xed\xf7*++g\xce\x9c\xf9\xc2\x0b/\xcc\x9f?\xbf\xa0\xa0\xc0\xbcB\x95\xf0\xd3\xc9\xe6\x84\xfaCc\xa0\xff\x98\x10\x00\xa7\xc3\x0c\xed\x95+WN\x9a&lt;\xa9\xe4`\t\x11u\xc8\xefp\xfb\xb4\xa9?\xbe\xfa\n_\x96/\x1c\x0cWUV\x13\x91y\xc5\x9f\x8bF\x9d\xe2\xc5\xe3\xf1h4FJ\tM\\2b\xe8\xc5\x97\r^\xb3\xfa\xbdg\x9e\x9c\xf3\xfe\x9a\x0fw\xee\xdcy\xe9\xa5\xc3\x1e{\xec\xf1\xa2\xa2"s\xf7\x82C\x8eA\xa8?4\x06\xfaO=,_\x9e2\xb3\xf7\xcc\x9d;w\xd4\xa8Qf\xef\xb9\xa9p\xc2\xbf\xdeyy\xe2\xd4\xf1\x8c\xb1\xaa\xf2*srq\xa6\xae\xf00\xc6\x84\xe0B\x13D\x14\x0c\x04#\xe1\x9aa#/~\xfe\xf5gg&lt;\xf1\xeb\x8c\xcc\x8ch46m\xda\xb4\xc2\xc2B\xce\xb9\xb9\xcf\xac\xf1\xbf\xd1\xe2P\x7fh\x0c\xf4\x9f\xe3!\x00N\x8d\xb9Wl\xee\xdc\xb9\x85\x85\x85D\xe4\xcf\xf2=\xbd\xf0\xc9\'\xfe\xfa\xa8\xdb\xed\xae(\xab "\xa15\xe1\x95}!\x04\xe7&lt;P\x1d\x8cDj\xee\xf8\xd9\xad/\xbd\xf1\xdc\x05\x17v&amp;"\xb3=B\x08\xa5N\xe3\\\xd5NP\x7fh\x0c\xf4\x9fo@\x00\x9c\x02sjP\xdf{\xf2Z\xe6-\\6\xf7\xba\x9b\xc6\x95\x95\x96\x99\x1d\xaby\x9aav\xa3#\x87\x8ft\xebu\xe1\xf3\xaf/\xe9\xd9\xb7\x07\x1d\xebC\xe6&lt;\xa2y\x9a\xd1\xfcP\x7fh\x0c\xf4\x9foC\x004\x94\xd9{V\xaf^m\xf6\x9e\xec\x9c\xec\x7f\xbe\xf5b\xdf\x81}\x0e\x1f*u\xb9\\\xcd\xbfx\xe7r\xb9\x02\xd5\xc1\xf4\xcc\xf4WV\xbf8pp\x7f"\x9a;w\xee\xcc\x993\x85\x10\xba~\n7\xad\xd8\x05\xea\x0f\x8d\x81\xfe\xf3\x9d\x10\x00\r"\xa5\x14B\x94\x96\x96N\x988\x811\xe6\xf3\xfb\xe6\xbf\xf4\xcc9\x1d\xce\tT\x05\\.W\xa2Z\xa5i"\x16\x8dI)\xff\xf6\x8f?w\xed\xfe\x03"\x9a9s\xe6\xaaU\xab4M3\x0c#Q\xadj\n\xa8?4\x06\xfa\xcf\xf7A\x004\x94a\x18\x13\'N,=\\JD\x0f\xffa\xfa\xe0K\n\xaa\xab\xaa5W\x82\xb7Q\t!\xeaj\xebr\xf3r\x9e^\xf4G\x7f\x96O\x91\x9ax\xe3\xc4\xc3\x87\x0f\'\xdfv\x14\xd4\x1f\x1a\xc3v\xfd\xa7y\xd6\x82\x10\x00\r\xe2r\xb9\x96.]\xbaj\xd5*"\xba\xfe\xe6q\xd7\xddt\x8dy\xe6\x98\xe8v\x11\x11i\x9aV]\x15\xe8\xd2\xb5\xd3\x8c\'~M\x8aJ\x0f\x97\xde\x7f\xff\xfd\xc7?\x85*\t\xa0\xfe\xd0\x18\xb6\xeb?\x9c\xf3\xe6\xb9\x1a\x8c\x008\t\xf3m\xa8\xa8\xa8x\xe8\xa1\x878\xe7\xe7t8\xfbW\xbf\xfdE\xa0*h\xa9\x9b?].WEY\xe5\xb8\x1b\xc7^&gt;z$\x11=\xff\xfc\xf3\x1b7n\xac\x7f\xb4\xa1\xad\xa1\xfe\xd0\x186\xed?\x9b6mj\x9e\x0b\xc2\x08\x80\x930/\xc8\xcc\x9f?\x7f\xcf\x9e=R\xca\xdb\xa6M\xcdk\x99\x1b\x8b\xc5\xacv\x8e\xcf8\x8b\xc7\xe2\xd3~uwjjj4\x1a\x9d&gt;}\xfa\xd1\xa7\xd7\xda|S"\xea\x0f\x8da\xfb\xfe\xd3\xc4\x10\x00\'\xe1r\xb9\xa4\x94\x0b\x17.d\x8c\x9d\x97\xdf\xe1\xaak\xaf\xac\xae\x0cXj\xfa`\xe2\x9c\x87C\xe1n\xbd.\xbc\xe2\xaaQD\xb4v\xed\xda\xdd\xbbwgdd\xd8}\x12\x8a\xfaCc\xd8\xb7\xff\x14\x17\x17\x0b!\x9a\xba\xff \x00N\xc2\xeb\xf5\xae[\xb7n\xc7\x8e\x1dJ\xa9\xa9\xf7L\xf6\xf9\xbd\x96\xdd\xe4\xc79\x8fFc\x85\xff7%-\xcdSSS3\x7f\xfe|\xb7\xdbm\xf7\x03\x10\xea\x0f\x8da\xd3\xfe\x13\x89D\xe6\xcd\x9bGD\x08\x80\x04c\x8c\x99\xd3\x87\x96\xad[\xfep\xcc\xc8P0l\xd9\xeb{\x9c\xf3H8\xd2\xadW\xd7\x01\x83\xfb3\xc6^^\xf6riiijjJ\xa2\xdb\xd5(\xa8?4\x86}\xfb\xcf\xb2e\xcbjjj4Mk\xd2\x85 \x04\xc0I\x1c&lt;xp\xd3\xa6MJ\xa9\xc1\x97\x14\xe4\xb5\xc8\x8d\xc7\xe3V[=&lt;\x9eR\x8a1&gt;\xe2G\xc3\x95R_\x7f\xf5\xd5G\x1f}\xe4IKKt\xa3\x1a\x05\xf5\x87\xc6\xb0o\xff9Xrp\xcb\x96-\xd4\xc4\'\x01\x08\x80\x13\xd14\xed\xc3\x0f?\xdc\xb5k\x17\x11\r\x1b5\xd4\xfa\xd7\xf3\x84\x10u5\xb5\x83.\x1e\x90\x91\x91\x11\x8f\xeb+V\xacHI\xb1\xf1\x0c\x14\xf5\x87\xc6\xb0q\xff\xf1f\x18\xba\xf1\xc6\x8a7\xe8\xd8F\xa6&amp;\x82\x008\x91\x94\x94\x94\xcd\x9b7\xeb\xba\xee\xf6\xb8/\xe8\xd6%Z\x1b\xb5\xf8\xc7?1\xc6\xa2\xd1X\xbb\xf6m\xce9\xefl"\xda\xb4y\x93\x1e\xd7\x89\xc8\xa6\x9bQP\x7fh\x0c\xfb\xf6\x9fs;\x9cCD\x9b7m&amp;\xa2&amp;m\xb3\xa5\xcb\x91p\xb1Xl\xf3\xe6\xcdD\xd4\xfe\xacv\xad\xdb\xb4\xb4\xf8\xf9\xa3IJ\xe9I\xf3\x98O\x19,\xde^\\ZZJD6=\xfe\xa0\xfe\xd0\x18\xb6\xef?\xc5\xc5\xe1p\xb8Io\nC\x00\x9c\x88\x94\xb2\xaa\xaa\x8a\x88r[d\xa7g\xa4\xdb\xe2\x01/J).D\xab6\xad\x88(\x14\n\xd5\xd5\xd5%\xbaE\xa7\x0f\xf5\x87\xc6\xb0{\xff\xa9\x0eT\xd7\xd6\xd66\xe9\xafC\x00\x9c\x84\xb9e\xf8\xfc.\xe7\x8b&amp;\xbe\x1c\x7f\xa60\xc6\x0c]\xcf\xef\xdc\xd1\xfc\xb7\xf5\xa7&lt;\'\x86\xfaCc\xd8\xb4\xfft\xec|\x1e\x11\x05\x03\xc1\xe2\xe2bj\xca\xeb\xc0\x08\x80\x06\xc9\xca\xcej\xb6\xa7s4\x9eR*+\'\x8b\x9a\xf8\xf2QsB\xfd\xa11\xec\xd7\x7f\xb2\xb3\x88HJ\xd9\xd4w- \x00\x1a\xc4\xb27\x8f|\x1f\xdb5\xf8\xc4l\xf7\xe7\xd8\xae\xc1\xc9\xcdvoG}\x83\x9b\xfa\x0c\x12\x01\xd0 \xb6;\x91\xb7]\x83O\xccv\x7f\x8e\xed\x1a\x9c\xdcl\xf7v4[\x83\x11\x00\x00\x00\x0e\x85\x00\x00\x00p(\x04\x00\x00\x80C!\x00\x00\x00\x1c\n\x01\x00\x00\xe0P\x08\x00\x00\x00\x87B\x00\x00\x008\x14\x02\x00\x00\xc0\xa1\x10\x00\x00\x00\x0e\x85\x00\x00\x00p(\x04\x00\x00\x80C!\x00\x00\x00\x1c\n\x01\x00\x00\xe0P\x08\x00\x00\x00\x87B\x00\x00\x008\x14\x02\x00\x00\xc0\xa1\x10\x00\x00\x00\x0e\xa5%\xba\x01\xa7\xe9\x1b\x1f\xefi\xbbO\xfc\xb1\xb5o\x7f\xb6*\xea\xdf\x9c\x92\xa0\xfev\x1f\xbfvo\x7f=;\x05\x80RJJID\x82\x0bM\xd38\xe7\x8c1\xa5\x94!\rC7\xa4!\x19c\\\xd8\xe9\x9cF\x1aR*i\xfe\x9b\x11\x13\x9aHl{N\xe0h\xf1\x15q\xce\x85&amp;8\xe7\x8c3F$\x95\x92\x864\x0c\xc3|k\xcc7%\xd1\x8dm(\xd4\xbf9\xd9}\xfcJ)\x95T\xc4\x98\x10\xfcX\xfbI)\x92R\x1a\x86a\x18\x06\x11\t.\xc8\xa2\xe5\xffn\xf6\x08\x00\xb3\xeb\xa4\xa4\xa4\xa4\xa5\xa71F\x91HM(\x10\xaa\xa9\xa9\xd5\xe3qW\x8a+--\xdd\xe7\xcf\xf4\xa4y\xf4\xb8\x1e\x0eG\x94TV\xeeF&amp;\xa5HJ\xc3\xeb\xcdt\xa5\xa6\x90"b\xa4\xa4\x0c\x06B\xdf\x9e\xdc%\x9c\xd9\xefSR]\x9e\xb4L!x]]4\x1c\x0c\xd7Dj\xea\xea\xa2J\xa9\xd4\xd4\x14O\x9a\'\xd3\x97\xe9I\xf3HC\xd6Dj\xe2\xf1\xb8\x10\xd6=\x92\x9aP\xff\xe6d\xeb\xf1\xab\x94\x92\x86\x14\x9aH\xcfHOII1t=\x12\xa9\t\x06\x82u\xb5u\xf1x\\\xd34O\x9a\xc7\xeb\xf3z}^)e8\x146\x0c\xc3j\xf5?\x01\x1b\x04\x80\xa1\x1b\xee4\xb7\xc7\xe3)9P\xf2\xdfWW\xbc\xf7\xee\xfb\xc5\x9f\xed&lt;\\r\xb8\xa6\xa6\xc60\xa4\x10"#3\xa3M\xbb\xd6=\xfbt\xbf\xf4\xf2a\x03\x07\xf7w\xa5\xb8B\xc1\x90\x95\xdf\x03)%g,;\'\xfb\xf5W\xfe\xfb\xe9G[8\xe7J\xaa\xf4\x8c\xb4\tS\xc6\xa7\xa6\xa6\x98\xb3$+0\xbb\xbe\'\xdd\xe3\xf1\xb8\x0f\x95\x94\xbe\xb5\xe2\x9d\x0f\xd6n\xd8\xbe\xb5\xf8p\xc9\xe1@u \x1e\xd7I)\xa1i\x19\x99\x19\xad\xda\xb4\xfcA\xb7.\x83\x87]t\xd1\xd0A9y9\x81\xea\x00Y\xf8\xbc\x18\xf5oN\xb6\x1e\xbfR\xca\xd4\xd4\xd4\xb4tO0\x10\xfah\xc3\xc7\xeb\xd7m\xfc\xf4\xa3-\xfb\xf7~U~\xa4\xbc\xb6\xb6N\x1a\x06\xe3&lt;-\xcd\xd3\xaam\xab\xae\xdd.\xb8\xf4\xf2aC.\xbd\xc8\xeb\xf3\x06\x03A\x8b\xb4\xff\xa4,\x1d\x00RJ\xc6Xvn\xd6\xee\x1d_&lt;;\xe7\x1f\xffZ\xf6\xfa\x91\xc3G\xbe\xfdc\x91p\xa4\xf4P\xe9\'\x9b&gt;]\xf0\xb7\xc5}\x07\xf6\xfe\xe9\x03EC\x87\x0f\xae\xae\npn\xa1yD=]7&lt;\x1e7\x17\xfc\x91\x07\x1e\xfb\xf3\xac\xbf\xd6\x7f=55u\xdc\x8d\xd7\xb8\xdd\xa9J)+\x0c])\xa5\xcb\xe5J\xf7\xa7\x17o\xdb\xf1\xc2\xe2\x97^\x7f\xe5\xbf%\x07\x0e}\xe7O\x86C\xe1\xc3%\x87?\xdd\xbc\xe5\xb9\x05/\x9cs\xde\xd9\x85wO\x1e?\xf9\xfaX4\xa6\xeb\xba\x05\xdf\x02\xd4\xbf\xd9\xd8}\xfc*\xa9\xd2\xd2=\x07\xbf*y\xf5\xa5\xd7^\x7f\xe5?\xdb?\xdb\xf1\x9d?V\x13\xa9)/\xab\xd8\xf6\xe9\xe7/&lt;\xfb\xf2\x0f\xba_p\xefo~:\xe2\x8a\xcb\x02\xd5\x89o\x7fCX7\x00\x94Ri\xe9i\x86n\xfc\xf9\x89\xbf&gt;=\xfb\x19sR#\x840\x97\xde\xa4T&amp;\xc6\x18\xe7\\)\xa5HI)7}\xf8\xd1\xf5?\x9a\xf8\xcb\x99\xf7\xde}\xdf\x1d\xc1@\xd0j\xef\x81\xae\xeb\xfe,_\xc9\x81\xc3\xf7\xdey\xff\xbbo\xae\xe1\x9c\xd7\xaf$f\xe7fY\xe1\xb8cRJ\xb9=\xee`u\xf0\xf1\x19\xb3\x9f[\xf0BM\xa4\x86\x88\xb8\xe0B\x08FL\x1eCD\x9cs!8\x11\x93J*\xa9\xbe\xfcb\xff\xaf\x8a~\xf3\xfe\xbb\x1f\xfca\xce,\xcd\xa5\x19\xbaa\x9d?\x8aP\xff\xe6\xfd\x13l=~\rCz}\x19/&gt;\xbb\xec\xa1_\xfe\xcel&lt;\x11i.\x8d3n6UIED\x8c\xb1\xfa\x8b1J\xaa\xcf\xb7l\xbf\xf9\xea)\x0f&lt;\xf2\xcb;~vk\xb0*h\xa9\xb5\xac\xefd\xd1\x00PJi\x9a\xb6w\xf7\xde\x07\xa7\xcdx\x7f\xcd\x87D$4A\x8a\x94R\xf1x\xfc\x1b?l^~1O\xe4\x85\x10J\xa9\xc7\xa6\xcf\xd24q\xe7\xcfo\xab\xaa\xa8\xb6\xc8\x95=%\x95R*7/\xe7\xddUk\x7fv\xdb/\x0e|uP\xd3\x84aH]\xd7\x8f^\n\xd3\x8dD\xb7\xf1(%U\xaa;u\xdf\x9e/\'\x8c\xb9\xa5\xe4\xeb\x12"\x12\x9a`\xc4\x0c\xc3\x88\x1b\xff+&gt;\xe7\x9cH\xd5\x1f\x89\x18g\xa4\x88q&amp;\x84\xf8\xcf\xab+\xe2q}\xce\xf3\x7f\xb5\xd4\x1f\x85\xfa7\xdf\x9f\x90\x14\xe3W)\xcak\x91\x17\xa8\x0e\xb8\\."\x92R\xeaq\xfd;~\xce :\xb6\xe0f\x1e\xf1\x1fy\xe0\xb1\xbc\x16\xb9\xe3&amp;\x8e\xad\xae\xaa\xb6\xf8Z\x90E\x03\x80\x884\x97\xf6\xf3\xdb\xef\xffh\xc3\xc7.\x97K7tR\xca0$\x11\xe5w\xeex\xd1%\x05?\xe8\xd6%\xafe\x9e\xcb\xa5\x05\x03\xa1\xcf\xb7l\x7f\xfd\x9f\xff\xdd\xb7\xe7K\xc6\x99a\x18\xe6\x18x\xf47\xb3\xfa\x15\xf4\xed\xd1\xbb[$R\x93\xf0\xf3\x00\xc30RRR&lt;i\x9e\xa7g?\xf3\xbb\x07\x1f7\x0cCh\xc20\xa4\x05/9\x12\x11c,\x1e\x8f\xb7h\x95\xd7\xa2e\xee\xa1\x03\x874M\xd3u\xddlj~\xe7\x8e\x83/)\xe8\xde\xa7[\x9b\xb6\xad\xd3\xd2\xd3\x88(\x18\x08\xee*\xde\xfd\xc6\xbf\xdf\\\xbfn\x03\x11\x91"]\xea.\x97\xf6\xe6\x7fV/\xfe\xfb\x92\xc2{\xa6TUV%|\x0c\xa0\xfe\xcd\xffW\xd8}\xfc\n\xc1\xc3\xa1\xf0\xa5\x97_2x\xd8E\xeb\xde~\xcf\xfcbn^N\xdfA}\xba\xf7\xeevN\x87\xb3}~\xaf\x10"\x12\xa9\xf9b\xd7\xde\xb7\xdex\xe7\xc3u\xeb\x89H\x19\xca\xdc\xdd\xf4\xd0/\x1f\xb9\xe8\x92A\xfel\xbf\x1e\xd7\xadsf\xf9m\x16\r\x00\xb3\xbb\xff\xe6\xd1\xfb\xc7_yKmM\xad\x92\xca \xd5\xb3o\x8f;~z\xeb\xc5\x97\r\xf6\xfa\xbcRIiH"\xc5\x18\xbf\xea\xda\xd1w\xdfw\xfb\xef\x1f~\xea\xef\x7f\x9a\xc79\x97R\x92 \xc30\xfe\xf4\xc4_\x16/\x9f\x97\xf01\xae\xc7u\xaf?3P\x1d\xfa\xd9m\xbf\xf8\xd7\xcb\xaf\x11#!\x8495KIM\x89Ec\tn\xdf\xb712\x0c\xc3\xeb\xf3&gt;5\xff\x0f?\xbe\xf8\'\xc1\xea \x11\r\x1b9t\xd2\x1d7\xf7\x1b\xd4\xc7\xdc\xed`\x18\x864$\x11q\xc1\x87\x0e\xbfx\xd2\x9d7?\xbf\xf0\xc5\x07\xa7\xcd0\x0fU\x86!\x19c\x7f\x7fj\xde\xd5\xd7_\x95\xeaN5\x0c\x99\xc0!\x80\xfa7\x7f\xfd\x93c\xfc\x9a\x7f\xc5-\xb7M\\\xf7\xf6{\x03\x87\x0c\x18{\xc3U\x17_6\xb8u\xdb\xd6B\x08\xc30\x94\x92J\x11gL\x8c\x1eq[\xd1\xd4\x97\xff\xb1\xfc\xfe{\x1e\x8c\xc6bJ)\xceyeE\xd5?_\xfc\xd7\xdd\xf7\xdeQY^e\x91E\x88\xefd\xd1%*\xceyM\xa4f\xc0\xe0\x01\x8f&gt;\xf5\xb0a\x18\x1e\x8f{\xfa\xe3\x0f,_\xf9\xfc\x15W\x8dRJU\x94WVWV\x07\x03\xa1P \x1c\xa8\x0e\x94\x97U(E\x8f&lt;\xf5\xd0\xf8I\xd7K)\x85\xe0\xe6\xd5\xa7uo\xbf\xbf{\xc7\x17\x1e\x8f[&amp;\xae\x13)\xa5r\xf2r&gt;\xfb\xe4\xf3\x9f\x0c\x1f\xf7\xaf\x97_\x13B\x08.\xccs\xde\xfb\x1f\xbe/\xbfSG:z.o-\x9c\xf3P0\xd4\xe9\x82\xf3\x1fx\xf8\x17\x9d\xbbvZ\xb4|\xee\xb3\xff\\0t\xf8\x10\xa5TeyeuUu8\x14\xae\xa9\xa9\xa9\xa9\xa9\t\x87\xc2\x95\x15\x95\xa1\xea\xd0\xd4;&amp;\xfd\xea\xb7\xbf\x90R2\xce\xa4\x94\xc4X\xc9\x81C\x9b\xd7\x7f\xecI\xf3\xa8\xc4\xed\xabA\xfd\x13R\xff\xe4\x18\xbfB\x88H$\xd2\xaf\xa0\xef+\xab_\\\xfa\xda\xe2\x1bn\xb9\xce\x9f\xe5\x0fT\x07*\xcb+\x03\xd5\x81P \x1c\x0e\x85\x03\x81PEyU\xa0:p\xf3\xd4\x1b\xef\x9b\xf13%\x15\xe7\x8c\x88\x18ckV\xad\x8b\xc7\xe2\x8c[w\xfaO\x96\r\x00"\x12BT\x94W\xfe\xe4\xfa1\xbf~\xf4W\x8b_\x99\x7f\xf7}w\xc6\xe2\xf1\xea\xaa\x00\x11i\x9a\x10B\x08\xc1\xcd\xcbb\x9a\xa6IC\x06\xaa\x02\xf7\xdcw\x87\xd7\x97i\x9ei2\xce\xa2u\xd1\xad\x9f|\x96\xeaNM\xd4\x01H)\xe5Jq-]\xf4\xe2\xd8\x11\xd7\xed\xda\xbe\xdb&lt;\x137\x0c#55\xf5\xcf\x0b\x9f\xbc}ZauUuB\x1a\xd6\x10\x9a\xa6\x05\xaa\x02W]w\xe5+\xab^\x1c\xfe\xc3\xcbB\xc1P0\x10$"\xa1\x99\xa5\xff\x1fM\xd3\xb8\xe0\xa5G\x8e\xdcp\xcb\xb5gw8[\x1a\x92s.8c\x8cm\xdfV\xac\xb9\xb4D\r`\xd4?\x81\xf5O\x82\xf1KDJ\xaa\x94\x94\x94&gt;\xfd{G\xeb\xa2U\x15U\xba\xae\x0b!\x8e\xbe\x05\x82\x9bW\xe0\xcd?\xa7\xac\xbc\xec\'\xd7\x8f\xc9\xc9\xcb1\xdb\xaf\x94\xda\xbf\xef\xab@uP\xd3\x845W\x1aM\xd6\r\x00"\x12\x82\x07\x03\xc1\xdb\x8a\xa6\xf6/\xe8[z\xe8\x08c\xec\xfbV3\xb9\xe0\xd1h\xb4M\xfb6\xdd{u#\xa2\xa3{;\x88\xf6\xef\xfd\xca\xbc\xac\xd4\xac\xed&amp;""i\xc8\x8c\xcc\x8c\xb7\xdex\xe7\xa7\x85\xf7\xd6\xd6\xd6q\xce\xcdS\xfbvg\xb5]\xfa\xfa\xb3\xd7\xddxM\xe9\xa1\xd2h4FD\x8a\xac\xdb?\xcc\xaby\xe6\x9e\xb6\x13,%3\xc6\xcc\xbf\xb7W\xdf\xeet\xec\x82\x989]%\x95\x98[#Q\xff\xc4\xd6\x9fl&gt;~\xeb)\xa5"\x91\x08cLh\xe2\xfbV\xf3\x19cRJ\x9f\xcfw\xf6\xb9\xed\x89\xc8\xacx8\x14\xae\xab\x8b2\xeb\x9d_\x1e\xcf\xd2\x8d#"\xcey\xa0:PSS\xab5`\x1dM\xd3D\xdb\xb3\xda\x10\x99o\x00#\xa2p(L\xe6\x8d\x9e\xcd\x8e\x0b\x1e\tG\x86\\z\xd1\xc5\x97\x0eVJ\tM\x18\xbaQ0t\xe0+\xab_\xea7\xa8OEy%c\xfc\xe8\xa6\x02\xeb\x1e\x7f\x88\x88\xa4\x94\r\xbc\x8a\xc8\x18\xf3g\xf9\x89\xfeW\xef\x04^\xfeB\xfd\xc9\x02\xf7\x82\xd9w\xfc\x1e\xaf!\x8b\x84J\x111b\x8c\xd3\xb1\xe62\x0b?\x96\xa3\x9e\xd5\x03\x80\x8e\xed\x1dn\xe0\x0f\x7f\xe3\'5\x97\x8b\x88\x125\xc4\xa5T\xa9\xee\xd4\'\xe7\xcej\xdb\xbem&lt;\x16\xbf\xe5\xf6\x9b\x96\xfcsA^\x8b\x9c`u\xd0\xe5r)%\xads\xd3\xe9\t4\xb4\x133RJ\x85\x82!\xf3\x7f)"\xc6(\xafE.\xb1\x84\x1d`Q\xff\xc4\xd6\xdfd\xdf\xf1{\n\x14\t\xc1k"5\xa5\x87J\xc9\x0c\x03"\x9f\xdf\xebIsKC\xb2D\x07\xd8\tXt\x17\xd0\xe9\x91RUVT\x11\x99g\xf5\x8a\x88r\xf3r\x94R\x89z\x038g\xb5\x91\xdaVmZ&gt;\xf1\x97\xdf}\xb1\xeb\x8b[\xffoJ\xa0*hH\xc3\xdc\x15\xa0\x14\xd9\xa0g7\x18\xe7\xbc\xb6\xa6v\xdb\x96\xedD\xa4\xa42\xf7Pt\xb9\xb0\x8b\x1e\xd7y\x82\xae\x83\xa1\xfe\x89\xad\xff\xa9\xb2\xda\xf8m8\xc30\xbc\x99\xdeu\xef\xbc\x7f\xf0\xeb\x92\xfa\x8b\xc0\x1d:\x9e\xeb\xf5yC\xc1\x90\x05w\x19\xd4K\x9e\x00\x10BD\xc2\x91/v\xee%"\xf3&amp;C"\xeax~\x07]7(q\'bB\x13\x81\xea\xe0\xa0\x8b\x07\x0c\x1d&gt;\xa4\xb2\xa2\xaa\xfe\xbe\xc7D\xb5\xa7\x89\xc4b\xf1\xbc\x169o\xbe\xbez\xe7\xf6]\xe6\xb6\x07\xa5\xa8\xdd\xd9\xedz\xf5\xebQ\x13\xa9I\xe0F\x08\xd4?\xb1\xf5o8k\x8e\xdf\x86\x90R\nM\xe8q\xfd\xf7\x0f\xffQ)e\xae\x02)\xa5\x86_q\x99\x10BIe\xe5u\x16\x0b7\xedTH)\xdd\x1e\xf7\xae\xed\xbb\xf6\xee\xd9\xc7\x183\xbbPVNV\x97\x0b;\xd7\xd5\xd5%v\x06\xc49\xaf\xab\xad3\xaf\xe3Y\x7fM\xf0\x04\x94::2\xeb\x99\x1b\xd2u\xdd\xc8\xc9\xcd.9ph\xe6/\x1f!R\x8c\x98y\xe1\xae\xf0\x9e\xc9\xd99\xd9\xba\xae\'v\x06\x87\xfa[\x7f\x06m\xe5\xf1{b\xe6\xbe\xd5\xcc\xcc\x8c_\xde\xf3\xc0\xe6\xf5\x1f\x99\x93}\xc30\xce=\xef\x9c\xd1c\x7f\x14\n\x86x\xa2\xef\x82&lt;\xb1d\t\x00C\xba\xdd\xa9/,Yf\x18\x06\xe7\xdc\xbc\xf2&gt;\xf4\xb2!m\xdb\xb7\x89Ec\t\x1f\xf6\'\xde\xc2a\x17\x9c\xb3\xfa\xad\x87B\x08\xcd\xa5y\xd2&lt;Y\xd9~\x7f\x96\xef\x83\xb5\xeb\xaf\xfd\xe1\x84/v\xed\xe5\\p\xce\xe3\xf1\xf8\xf0+.\xbdq\xea\xf8@u\xc0\n\x7f8\xeaoq\x16\x1f\xbf\xdf\xc7\xbc\xc3\xdc\x95\x92r\xcf\x94\x9f\xbd\xb0\xf8e!D\xfd\x8e\xb2\x87\xff0\xc3\xeb\xcb\xd4u\xdd\xaam?*\x19\x96\x80\xcc\rp[&gt;\xfel\xd9s\xaf\x98\xfb\xb1\xcc3\xfd\x89So\x88[\xfb&gt;l{\xd1u\xbd~G\x864d]]\xf4H\xe9\x91\xe2\xcfv\xac|m\xd5\x9b\xffYMD\x9aK3\xf7\xd5\x8c\x1a=\xe2\x8fsg\x7f\xfb\xa9/\xd0\x18\xc9Z\x7f\x9b\x8e_]\xd73\xbd\x99U\x15U\xf7L\xfe\xe9\x9a\xd5\xeb\xea\xb7\xabJ)\x1f\xf9\xe3C\x97\x8e\x1aj\x9d\x07\x91\x9d@2\x04\x00c\xc48\x9bq\xdf\xc3u\xb5u\xe6i\xbea\x18W^\xf3\xa3\x01\x17\xf5\xab\xae\xb2\xc7\x0c\xc8\xca\xcc\xad\xe8\xa1`\xe8\x96\xb1\x85\x81\xea\x00\xe3L)\xa5\xebF8\x14\x0eT\x05\x8e\xdfH\xa3\xc7\xf5\xd6m[\xdf&gt;m\xea\x8d\x85\x13\xe2\xf1\xb8\x1e\xb7\xe2\xe3\xa0m\'\xe9\xebo\xc7\xf1\xab\xeb\x86?\xcb\xff\xf9\x96\xed\xb7\xdfx\xf7\x17\xbb\xf6\x9as\x7f)%\xe7\xfc\xf1\xbf&lt;r\xe3\xd4\t\x95\x15\x95\xd6?\xfaS\x12\x04\x80\xae\xeby-\xf2~\xf7\xe0c\x1f\xacY/\x840\x1f\x8a\xeb\xcf\xf6\xffb\xe6\xbdu\xb5Q\xcbN\x1fl\x86\x91\x94r\xd7\x8e\xdd\xe6s\x89\x8f\'\x84 F\x82\x8b!\x97\r\x1e{\xc3\x98Q\xa3G\xfa2}\x87\x0e\x1d"v\xf4\x01\x90p\x06$o\xfd\xed8~\r\xdd\xf0\xfb\xbd\xeb\xd7m\x98|\xddm\xd5\x95G\x9f\xf7)\r\xe9\xcf\xf2\xfdq\xee\xecQW\x8e\xac,\xaf\xb4fn}\x9b\xbd\x03@\x8f\xeb\xb9-r^x\xf6\xa5?&gt;\xf6\xb4\x10BJ\xc9\x057tc\xe6\xac_\x9f{\xde\xd9\xb68\x05\xb3\x91\xb4\xf44sA\xf6\xd8.\x9a\xa3\xeb\x11\xe6\xc5\xc8\xbd\xbb\xf7\xbe\xf2\xfc\xbfvl\xdf5\xf4\xd2!\xbd\x07\xf4\xd2u\xbd\xb6\xa6\xd6.\xc3\xc0\x16\x92\xaf\xfev\x1c\xbfR\xca\xf4\xcc\xf4m[\xb7\xdfrMa\xfd\'\x7f\x19\x86\xd1\xf9\x07\x9d\xfe\xb2\xf8\xa9.];W\x94Uh\x9am\x8e\xab68C\xfc&gt;z\\\xcf\xce\xcdz{\xe5\xbb\xf7\xde~?\xe7\xcc\xbca\xd2\xd0\x8d\xc9w\xde2n\xe2Xk\xf6\x1e\xfbRJ\x85\x83a]\xd7\xe3\xf1\xb8~\x94q\xf4\xff\x19R\xd7\x8d\xbd\xbb\xf7\xbd\xf9\x9f\xd5\x7f\xfc\xdd\x9f\x7f2\xfc\xda\xc2\x1b\xee\xf8\xf2\x8b\xfd^\x9f\xd7|\xec\x1a4^\xf2\xd5\xdf\x96\xe3W\x11\xe7&lt;Z\x17-\x9a\xf2\xf3` (4\xa1H\x19\x861\xe8\xe2\x81/\xaf\\\x9a\xdf\xf9\xbc\xaa\x8a*\x1b\x1d\xfd\xc9\xbeg\x00z\\\xf7g\xfb?\xda\xf0\xc9m\x13\xee\x8aF\xa3\x9c3!\xb8\xae\xeb\xa3F\x8f\x98\xfe\xf8\x03\x01\xab.\x1d\xda\x91\xf9\x9c\x99\xb4\xf4\xb4\x05/\xff=\x1e\xd7\x19\x91"\xd2u=\x12\x8a\x94\x1d)\xdf\xbf\xef\xabm\x9fn\xdb\xfa\xc96s\xc5\x99s\xae\xeb\xfa\x1b\xffZ\xf9\xe1\xba\r\x7fY\xf4\xd4\xd0\xcb\x06\x07\xec\xf3\xf9\xa8\xd6\x94\x94\xf5\xb7\xe9\xf85\xa4\x91\x95\x9d\xb5\xf0o\x8b\x8b\xb7\xed\x10\x9aPRI)\x07\x0e\x19\xb0x\xf9&lt;!D8\x18\xd1\\6;\xa2\xda\xac\xb9&amp;]\xd7}Y\xbe\xe2m;n\xb9\xa60P\x1d4?\xd7O\xd7\x8d\x01\x17\xf5\xfb\xf3\x82?D\xeb\xa2J)[\xdc\xfcb\x17\xe6u\xc8!\x97^t\xdc\x9a,3\xb7j\x10\xa9\xda\x9a\xba\xbd{\xf6\xbd\xf8\xec\xcb\x0b\xfe\xba\xd8\xfc\x80-!xueu\xe1\rw\xbc\xfa\xf6\xcb\xf9\x9d;\xd6\xd6\xd4\xda\xe2j\xa4e%Y\xfd\xed;~\x19c\xb1X\xec\xdf\xcb^g\x8c1\xc6\xa4\x92m\xda\xb5\xfe\xcb\xa2?j.\xad\xb6\xa6\xd6\x8a\xa7,\'c\xa1n\xd1@\xba\xae{\xbd\xde/v}q\xe3U\x93\xcaJ\xcb8\xe7\x8c3]7\xba\xf7\xee6\xef\x85g\xb8\x10\t\xff,\xec\xa4\xa4\x94\n\x05\xc2\x81\xea\xe0\xb1\xff\x0bTWUW\x96WV\x96WE\xeb\xa2\x1d\xf2\xcf}\xe4\x8f\x0f-Z67\xd3\x9b\xc9\x183\x0c\xa9iZ$\x1cy\xe8\x97\x8f\xe0\xbd8#\x92\xa6\xfe\xf6\x1d\xbf\xe6\xd3\xc5\xcb\x8f\x94\xef\xde\xb1G)e~\xc2\xe5\x94\xbb&amp;\xb5;\xabm$\x1c\xb1\xe6)\xcbIY\xb1\xd0\'\xa0\xeb\xba\xd7\x9b\xf9\xe5\xbe\xfd\x13\xae\xbc\xa5\xe4\xc0!!\x04\xe3\xcc\xd0\x8d\xae\xdd\x7f\xb0x\xf9\xbc\xf4\x8c\xf4h]\xd4\x9a\xbd\'\t\x98Oo\xff\xffhBh\x82qVW[w\xb8\xe4\xf0\x0f\xaf\x1c\xf5\xab\xdf\xdeg~&amp;\x89a\xe8\x9c\xf3\xf7\xde\xf9\xe0\xd3M[\xd2\xd2\xd3l\xf1\xd85\x8bK\x82\xfa\xdbz\xfc*\xa54\xa1U\x96W\x06\x03!"2\x0cC\x081pp\xff\x9a\x88\xd5/\xb6\x9f\x80Ek\xfd\x9dt\xdd\xc8\xcc\xcc\xf8\xfa\xab\x03\x13\xaf\xbc\xe5\xeb\xfd\x07\xcc\rp\x86n\\\xd8\xa3\xeb\x92W\x17\xf8\xb2|\xb5\xb56~\'l\x8ds\xeer\xb9\xca\xca\xca\xaf\xbc\xe6\xc7m\xdb\xb7\x91\x86d\x8c\x99;\xd6\xd7\xbf\xbf\xc1\xedN\x95\xd2\xf2\x1b\x12\xed\xcc\x16\xf5O\x82\xf1\xcb8\xab\xad\x8d\x9a\x87~\xc6X\x867#;7\xdb0\x0cknWm\x08\xdb\x04\x80\xa1\x1b\x19\x99\xe9%\x07\x0fO\xb8\xf2\x96/\xf7\xee\xaf\xef==zw\xff\xc7\xbf\x17\xf9\xb3\xfd\xd6\xdf\xf4\x96\xdc\xcc\xfbw\xbc&gt;o\x97\xae\x9d\x89\x8e&gt;\x18\x9d\x88\xf6\xed\xf9RJe\xdb\x01b\x1b\x16\xaf\x7fr\x8c_Fd\x18\xc6\xd1\xcfd\x962Z\x1b57\x02%\xba]\xa7\xcf\x1e\x17\x81\r\xc3H\xcbH;r\xf8\xc8\xc41\xb7\xec\xdd\xbd\xaf\xbe\xf7\xf4\xec\xdbc\xf1+\xf32\xbd\x99\xb6\xe8=N\xc09\xcb\xc8\xcc8\xfa?\x14\x11Q8\x1cI\xe0G\xfa9\x8d5\xeb\x9f\x1c\xe3\x971\x16\x8d\xc6\xce\xe9p\xd6\xe2W\xe6\x9b{\xb1\\.--\xcdc\x9eo%\xbau\xa7\xc9\x06\x01`\x18FZZZEY\xc5\xc41\x93v\xef\xd8S\xdf{z\xf5\xeb\xb9x\xf9\xbc\x8c\xcc\x0c[\xf4\x1eg`R\xaap(|\xfc\x97RSR,\xfe8\xdf$b\xc5\xfa\'\xcd\xf85\x9fS\x94\x91\x99q\xd9\xe5\x97\x98_QJ\xd5Djm\xfdtq\xab\x07\x80a\x18\x9e4OuU\xf5\x8dWM\xda\xf1\xf9\xce\xfa\xde\xd3\xbb\x7f\xcf\xc5\xcb\xe7\xa7g\xa4[\x7f\xdd\xd09\x84\xe0\xe1P\xe4\x8b]G\x1f\xe9\xce9c\x8c\xb5l\xddB\x08n\xe71b\x1b\x16\xac\x7f\xf2\x8d_i\xc8\xaa\xca\x80yR\xc58s\x1d\xfd\xcc2\xbb\xb2t\x00\x18\x86\xe1\xf1x\x82\x81\xd0\xc4\xab&amp;}\xbe\xb5\xd8\xdcfk\xe8F\x9f\x01\xbd\x17-\x9f\x9b\x9e\x9ef\xbb\xdec/\xe6\xd5\xad\x06\xee\xca\xd0u\xdd\xe7\xf7\xad{\xfb\xbd/\xf7\xee7o\xec$\xe2J\xa9\x0b\xba]`\x18\x12\xe7\x00\xa7\xc1\xee\xf5O\xca\xf1+\x95\xcc\xf4f\xa4\xbaS\x19\xb1x&lt;\x16\x0eE\xc8\x02\x9f\xbd|\xda\xac\x1b\x00\x86a\xb8\xdd\xeep8r\xf3O&amp;\x7f\xf6\xc96!\x844\xa4R\xaag\xdf\x1e\xf3_\xfa{jjj8\x14\x11\x9a\xd0\xf5\xef\xbd\xd9\x9d\x1d\xfbdT\xdbu2\x8b\xf0g\xf9b\xb1xmM\xad\x92\x8aq\xf3\xde\x97\xef\xe8\xe8J)C7R\xdd\xa9\xba\xae\xff\xfe\xb7O)\xa58\xe7\x8c\x91R</t>
        </is>
      </c>
    </row>
    <row r="440">
      <c r="A440" s="1" t="n">
        <v>438</v>
      </c>
      <c r="B440" t="inlineStr">
        <is>
          <t>venn</t>
        </is>
      </c>
      <c r="C440" t="inlineStr">
        <is>
          <t>What is the missing number of the part denoted with a question mark?</t>
        </is>
      </c>
      <c r="D440" t="inlineStr">
        <is>
          <t>['2', '0', '8', '7']</t>
        </is>
      </c>
      <c r="E440" t="inlineStr">
        <is>
          <t>7</t>
        </is>
      </c>
      <c r="F440" t="inlineStr">
        <is>
          <t>There are 3 overlapping circles containing the numbers [3, 4, '?']. The overlapping part between the first and second circle contains the number 7. The overlapping part between the second and third circle contains the number 11.</t>
        </is>
      </c>
      <c r="G440" t="inlineStr">
        <is>
          <t>We observe that the circles with 3 and 4 overlap to form the part 7, where 3 + 4 = 7. Hence, the pattern is most likely that the numbers in the overlapping parts are the sum of the numbers in the corresponding circles.</t>
        </is>
      </c>
      <c r="H440" t="inlineStr">
        <is>
          <t>Based on the pattern that the numbers in the overlapping parts are the sum of the numbers in the corresponding circles, the missing number of the circle where the overlapping part is 11 should be 7.</t>
        </is>
      </c>
      <c r="I440" t="inlineStr">
        <is>
          <t>b'\x89PNG\r\n\x1a\n\x00\x00\x00\rIHDR\x00\x00\x02\x00\x00\x00\x02\x00\x08\x06\x00\x00\x00\xf4x\xd4\xfa\x00\x00\x9afIDATx\x9c\xec\xddw\x9c\x13E\x1b\xc0\xf1\xdf\xee\xa6\x97\xeb\xf4r4\xa9\x82\x14E\xc1\x026P\xb1`\xc7\x82"\n\x08\x8a\n\x16DEE\xb1\xa1\x80(*\xa2bC\xc5\x82\x05\x1b\xa0b\xa1\t( H\x97\xde\xcb\xb5\xe4\xd2\xb3\xbb\xef\x1f\x9b\x1c\x07\x96\x97r-\xc9|?\x1f_}\xb9\xe3\xb2\x97\'\xbb\xf3\xcc\xcc33\x92\xae\xeb:\x82 \x08\x82 \xa4\x14\xb9\xb2/@\x10\x04A\x10\x84\x8a\'\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01\x10\x04A\x10\x84\x14$\x12\x00A\x10\x04AHA\xa6\xca\xbe\x00\xa1r\xe8\xba~\xd0\x7f\x97\xfe\xff\x87~=N\x92\xa4\xbf\xfd\xf7\xa1\xff\x16\xaa\x86x\xfc\x0e\x8d\xed?\xc5\xb5\xb4Cc,\xe2[5\x95\x8eo\xe9\x7f\x1f\xfa\xdf\xa5\x89\xfbW8\x94\xa4\xff\xbf\'\x82\x90\xb0\xe2\xa1\xd54\xad\xe4\xbf\xe3\x0fuY.\xfb\xc1\x1fUU\xff\xf6:\xa5\x1b\x11\xa1l\xc5\x1b\xf7\xd2\x8d|&lt;\xb6\xe5\xf1\x9e\xc7?G\xba\xae\x97\xfc\xfc\xf2z-\xe1\xdf\xe3[\x1e\xf7\xaf\xae\xeb\xff\xf8\x9c\x10\xf7or\x13\t@\x129\xf4\x01\xad(\xca\x7f~\xbf\xcf\xe7\xc3\xeb\xf5RTTDqq1\xc5\xc5\xc5\x04\x02\x01\xfc~?\xd1h\x94p8\x82\xa6i\x98L\nf\xb3\x19\xb3\xc5\x82\xc3n\xc7\xe1p\xe2r9q\xb9\xdcdd\xa4\xe3t:\xb1\xdb\xed\xff\xfa:\xa5\x1f.\xe5\xd9@%\xb3x\\5M\x03\x8c\x86\xf7\xbf\x1a\x01\x9f\xcfG$\x12a\xdf\xbe}\xe4\xe7\xe7\x13\n\x87\t\x87\xc2\x14\x14\xe4\xe3\xf5z\x89F\xa3\x84\xc2at]\xc7b6c6\x9bq8\x1cdff\xe2p80\x99L\xa4\xa7\xa7S\xb3fM,\x16\x0bn\xb7\xfb?\xafM\xc4\xf7\xd8\x1c\xda\xd8\xff\xbf\xf8\xaa\xaa\x8a\xdf\xef\xa7\xa8\xa8\x08\x8f\xc7\x83\xb7\xb8\x18\xbf\xcf\x87\xdf\x1f \x10\x08\xa0\xaaQ\xc2\xe10\xba\x0ef\x8b\x19\x93\xc9\x84\xcdj\xc5\xeep\xe0t8p\xb9\\\xb8\xddn\xd2\xd33p:\x1dX,\x96\xff\xbc6UU\x81\x03\t\x9f\x88or\x10\t@\x02+\xdd\xe0\x9bL\x7f\x9f\xcd\xd1u\x9d={\xf6\xb2e\xcbf6n\xdc\xc4\x86\r\x1b\xd8\xb8i#\xdb\xb6mc\xf7\xae]\xec\xdd\xbb\x87\xa2\xa2"B\xa1\xf0Q_\x83\xc3a\'##\x93Z\xb5jQ\xb3fM\x1a4hH\xc3\x86\rh\xd2\xa4\t\r\x1a4\xa0~\xfd\xfadff\xfe\xe3\xb5k\x9a&amp;\x1a\x8c\x7fQ\xba\xc1\xff\xb7d\xae\xb8\xb8\x98\xed\xdb\xb7\xb3e\xcb\x16V\xaf^\xcd\xf6\xed\xdbY\xbbv-yy\xf9l\xdd\xba\x05\xaf\xd7\x8b\xc7\xe39\xa6\xebp:\x9d8\x9dN\xea\xd6\xadK\xb5j\xd5h\xd8\xa8\x11\xb9\xb9\xb94k\xda\x94\xdc\xdc\\\x1a6l(\xe2{\x14\x0e\'\xbe\xa1P\x88\xdd\xbb\xf7\xb0ys\xec\xde\xdd\xb8\x91\x8d\x1b7\xb2c\xc7\x0ev\xef\xda\xc5\xfe\xfd\xfb\xf1x&lt;Dc\x8d\xf3\x91\x92\x00\x97\xdbMvvv\xc9\xfd\xdb\xa8Qc\x1a4\xc85\xee\xdf\x86\r\xa9[\xa7\x0e.\x97\xebo\x7fW\xc479\x88\x04 \x81\x94~h(\x8a\xf2\xb7\x9bn\xfb\xf6\xed\xacZ\xb5\x8a%K\x96\xb0t\xe9RV\xae\\\xc9\x86\r\x1b\x08\x06\x83\xff\xf8\xf3\x14\x93\x19wZ:\xe9\x19\x99\xb8\xdci\xb8\xdcn\xecv\x076\xbb\xd1\x034\x9b-\xc8\x8aL4\xaa\x12\x8d\x86\x89\x84\xc3\x04\x03\x01\xfc~\x1f&gt;\xaf\x17\xaf\xb7\x88\xc2\x82|\x8a\xbd^\xd0\xb5\x7f|\x8d\xf4\xf4t\x9a6mJ\xeb\xd6\xadi\xdf\xbe\x03\xed\xdb\xb7\xa3Y\xb3fdee\x1d\xf4}\xf1\x07\xca\xff\xeb\xf9$\xb3\xd2=\xfcC\x1b\x84`0\xc8\xbau\xeb\xf9c\xf9\x1f,]\xb2\x84e\xcb\x96\xb1f\xcd\x1av\xed\xda\xf5\xaf?\xcfd\xb6\xe0t\xb9p\xba\\ddd\xe1N\xcfDQ\x14Lf3\x8a,c2[\x90$\x89h4\x82\x1a\x8d\x12\x8dF\xd14\x15_\xb1\x97\xc2\xfc|\xbc\xde"\x02~?\xc1\x80\xff__###\x83f\xcd\x9a\xd1\xb2eK\xda\xb7oO\xfb\xf6\xedi\xd1\xa2\xc5\xdf\x92\x02\x11\xdf\x83GJ\x0eM\xd8\xa3\xd1(\x9b6mb\xf9\xf2\x15,Y\xf2;\xcb\x96-c\xd5\xaaUl\xdb\xba\x15U\xfb\xe7{\xcbb\xb5\x91\x96\x9eQr\xff:\x9c.\xecv\x07V\xbb\x1dEQb\xbdz#\xbe\xd1h\x94p(h\xdc\xbf\xbeb\x8a\xbd\x1e&lt;EE\x14\x15\xe6\x13\xf0\xfb\xfe\xf5\x9a\xabW\xafN\xf3\xe6\xcdi\xd3\xe6\x04\xda\xb7oO\xdb\xb6\'\xd0\xb4iS\x9cN\xe7A\xdf\x17\x9f\xfeK\xe5\xf8&amp;"\x91\x00Tq\xff\xf5\xd0\xd8\xbau+\x0b\x17.d\xce\x9c9\xcc\x9f?\x9f\xe5\xcb\x97\x13\x89D\x0e\xfa\x1ewz\x06\xf5\x1b4&amp;\xb7Q\x13\xea5hD\xddz\r\xa8Q\xbb\x0eY9\xd5I\xcf\xcc\xc2\xe9tc\xb5\xd9\xb0X,\x98-\x16$IF\x92 \x9e[H\x12\xc4?!\xban\xfc\xa3\xa9*\xe1H\x98p(D(\x18\xa0\xd8\xeb\xa10?\x8f\xbc}{\xd9\xb5c+;\xb6mf\xcb\xc6\xbf\xd8\xbai\x03\xdb\xb6l"\x14\x0c\x1ctM\x99\x19\x19\xb4m\xdf\x9e\xd3N=\x95\xd3\xcf8\x83\xf6\xed\xda\x91\x9d\x9d}\xd0\xf7D\xa3\xd1\x94x\x98\xfc[\xa3\x1f\x8dFY\xb9r\x15\xf3\xe6\xcd\xe5\x979sX\xbch\x11\x1b7n\xfc\xdb\xdfO\xcf\xc8\xa4~\xc3\xc6\xd4\xa9\x97Kn\xe3\xa6\xd4\xa8Y\x9b\xba\xb9\x8dp\xb9\xdd\xe4T\xaf\x85\xd3\xe5B1\x99\x8c\x86\xc1fG\x82\x92\xe0\x96\xe4\x8f:\xe8\xf1\xff\x00\xc2\xa10\x81\x80\x8fH8L8\x1cb\xdf\x9e]\x14{\xbd\xec\xde\xb1\x8d\xdd;\xb6\xb1m\xcb&amp;\xb6m\xde\xc8\xd6-\x1b\xd8\xbbk\xe7\xdf\xae);;\x9b\xb6m\xdbr\xea\xa9\xa7r\xc6\x19g\xd0\xbe}\xfb\x83\x12\x82\xf8\x90r*\xc7W\xd7u\xd6\xae]\xcb\xfc\xf9\x0b\x983\xe7\x17~\xfd\xf5W\xd6\xacY\xf3\xb7\xbf\x9fS\xbd&amp;\xb9\r\x1b\x93\xdb\xf88\xea\xe56\xa4v\xbd\x06T\xafQ\x8b\xcc\xecj\xa4gdbw:\xb1X\xacX\xacV\xcc&amp;3\x92,\x1d\x88\xabd\xf4\xf2\x0f\xbd\x7f\xd5h\x94p8D8\x14"\x18\xf0\xe3)*\xa40?\x8f\xfd\xfbv\xb3s\xdb\x16vl\xdb\xc2\xe6\r\xeb\xd8\xbay#;\xb6nA\xd3\x0e\x1ea\xa8]\xbb6\'\x9ex"\xa7\x9d~:\xa7\x9dv\x1amZ\xb7\xc1\xe9t\x1c\xf4\xbb\xa5J|\x13\x9dH\x00\xaa\xa8x\x8f\xa9t\xa3\xaf\xaa*K\x97.e\xd6\xac\xef\x989s\x06\x0b\x7f\xfd\x95P\xf8\xc0\xf0}Zz\x06M[\xb6\xe6\xf8\xb6\x1dh\xd9\xba-\r\x9a4\xa7V\x9dzddfa\xb3\xdbP\x94\xd8\x03@\x05U\xd5Pc=\xbe\xf8k\x19\x1f\x05\xbdT\x83p0\xa9\xd4\xff\x18\xc3~\xc6\r\xae(\n\x8a\xc9\x84\xa2H\xc8\xb1g\\4\x02~_1\x05y\xfb\xd8\xbeu3\x1b\xd7\xada\xd5\x8a\xa5\xac\xfc\xe3w\xd6\xae\xfa\x93h\xe4\xc0ugggs\xfa\xe9\xa7\xd3\xbd{w\xce&lt;\xf3L\x9a5kV\xf2\xb5\xf8\xc3\xe4\x9fF&lt;\x12\xd5\xbf5\nyyy\xcc\x993\x87\x993g\xf2\xd3O?\xfd\xadA\xc8\xcc\xca\xa1i\x8b\xe3i\xd5\xb6=\xcd[\x9d@\x83&amp;M\xa9U\xa7\x1e\xe9\x99\xd9\xd8\x0f\x89\xaf\xa6\xe9D\xa3\x114UC\xd7\xb5\x92\x18\xc7\xae\xe0\xa0\x7fQ\xf2\xb6\x1e\xa8\x08\x97\x15\x05Y\x92\x90d\x19\x93\xc9\x8c\xa2\xc8\xc82\xc8\nh*\x84CQ&lt;E\x05\xec\xdb\xb3\x8b-\x1b\xffb\xdd\xaa\x15\xac^\xb1\x8c\xb5\xabW\xb0u\xd3\x86\x83\xae\xbbz\xf5\xea\x9cv\xdait\xeb\xd6\x9d\xaegv\xa5Y\xd3\xa6\x07\xbd\x17\xc9\x16_\xa0d\xce\xbct|\xbd^/\x0b\x16,`\xc6\x8c\x99|\xff\xfdw\xacX\xb1\xe2\xa0\xbfS\xa3v]Z\xb4jC\xab\x13\xda\xd3\xacU\x1b\x1a4nF\xb5\x9a\xb5HK\xcf\xc0j5#\xcb\xa0i\xc6?\xd1\xa8\x8a\xaaF\x0f\x8a\xef\xe1\xdd\xbf\x07\n\xfb\xe2\r\xb4\xac\x980\x99L\xc82%\x9f\xa1HD\xa3\xd8\xeb%o\xefn\xb6n\xde\xc8_kW\xb2j\xf9RV\xafX\xc6_kW\x1d\xf4s\xeb\xd5\xabG\x97.]8\xf7\xdcs\xe9\xd2\xa5\x0b\xb9\xb9\xb9%_\x8b_\x97\x98&amp;\xa8\x9aD\x02P\x85\x94\x9e\x13\x8cg\xce\x9a\xa6\xf1\xeb\xc2\x85|\xf1\xf9\xe7|\xfd\xf5\xd7\xac\\\xb9\xb2\xe4\xfb]\xeet\xda\x9ex2\'u&gt;\x836\x1d:\xd2\xb8iKr\xaa\xd5\xc0j7\xa1k\xc6M\x1c\x89\x84Q#\x11c\x18Q\xd7K\x1a\xf0C\x0by\x8e\xe6\xe6&lt;\xf0\xd1\xd1c\xbd\x0b\xbd\xa4\xbb!\xc9\x12\xb2l\x0c7[,VL&amp;\xe3\xa1\xe4\xf7\x05\xd9\xbdc;\xebW\xaf`\xe9\xa2\xf9,^0\x87\x15K\x7f;\xa8\x97\xd1\xb9sg.\xb9\xe4\x12.\xbc\xf0BZ\xb6lY\xf2\xe7\xff\xf4PM$\xf1\xc6\xaetR\x97\x9f\x9f\xcf\xf7\xdf\xff\xc0\xf4/\xa7\xf3\xfdw\xdf\xb1g\xcf\x9e\x92\xafef\xe7\xd0\xb6\xc3\xc9t8\xe54Z\xb7\xefH\xa3\xe3\x9a\x93]\xad\x066\x9b\x82V\xce\xf1\xfd\xdb\xb22]7\x1a\x15]\x07IB\x96%\x14\xc5\x1c+\x0e5\xa1(\x10\x8dBQa\x01\xdb6od\xf5\x8ae,Y8\x97\xa5\x8b\x17\xb0q\xfd\xda\x92\x9f\xa5\xc82\x9db\xf1\xed\xd1\xa3\x07-Z\xb4(\xf9Z2\xc6\xd7\xeb\xf5\xf2\xd3O?\xf1\xc5\x17_0s\xe6L\xb6o\xdf^\xf2\xb5\x1a\xb5\xeb\xd2\xa1cgN\xect:\xad\xda\x9eH\x83F\xc7\x91\x91\x95\x85\xd9,\xa1\xaa\x10\x89D\x89\x84#FC_\x12_\xe9\xa0\x86\x1c8hT\xe7H\xaf\xf7\xc0\xbf\x8d{8\xfe\x19\x92$#\xb17\x9b-\x98-f\x14\x93\x91\xf8\x15{\x8b\xd9\xb9m\x0b\xab\xff\xfc\x83\xdf\x7f\x9d\xc3\xef\x0b\xe7\xb1n\xd5\x81D\xc6j\xb5\xd2\xa5KWz^\xda\x93\xf3\xbaw\xa7a\xc3\x86%_SU\xb5\xdcV \tGG$\x00U\xc0?=8\xd6\xae]\xcb\'\x9f|\xc2\xc7\x1f\x7f\xcc\x1f\x7f\xfcQ\xf2\xe7\xb9\r\x9b\xd0\xa9\xcb\xd9\x9cz\xe6\xb9\xb4n{\x125j\xd7\xc5b\x95\x89F \x14\n\x12\x8d\x84\xd1T\xed\xa0L\xbf\xf22\xefxb\x10\xef\x9dH(\x8a\x8c\xd9b\xc5j\xb5 +\x10\xf0\x85\xd9\xb6y\x03\xcb~\xfb\x95y?}\xc7\x82_f\x93\xb7\xef@#\xd8\xb5kWz\xf5\xea\xc5\x85\x17^H\x9d:uJ\xfe&lt;&gt;\xc4\x98\x08\xbd\x8ax/(\xde\xb0i\x9a\xc6\xcf?\xff\xcc\x07\x1fL\xe5\xab\xaf\xbfb\xd7\xce\x03\xc3\xe8\xc75o\xc5)g\x9cE\xe7.\xe7\xd0\xea\x84\x0eT\xafY\x1b\x8bE"\x12\x81P0\x16_\xadj\xc4\xf7\xa0%j\xf1\x95\'&amp;3V\xab\x15\x8bUA\xd7\xa1\xa8\xa0\x88\xbf\xd6\xad\xe6\xb7\x05\xbf0\xef\xc7\xef\xf8\xed\xd79\x84C!\x00dY\xa2k\xd7\xb3\xe8\xd5\xebjz\xf4\xe8A\xed\xda\xb5K~v"\xc7\x17`\xfe\xfc\xf9L\x9d:\x95\xe9\xd3\xa7\xb3e\xcb\x96\x92??\xbem\x07N;\xab;\x9dN?\x8bf\xad\xda\x90\x95S\rE\x81pX#\x1c\n\x12\x8dF\xd1\xabP|AG\xd7b1\x8e\x15+Z\xac6\xacV\x13\x92\x04^\x8f\x9f\xcd\x1b\xd6\xb1d\xe1\\\xe6\xfe8\x8b\x85s\x7f\xc2W\xec\x05\xc0b\xb1\xd0\xad{wz]\xdd\x8b\xf3\xce?\x8f\xecX\xddO\xbc\xa3\x93(\xf1Mf"\x01\xa8D\x87&gt;8\x02\x81 \xdf~\xfb\ro\xbd\xf5\x16_\x7f\xfdu\xc9\x90m\xfd\x86\x8d9\xfb\xbc\x8b\xe9\xda\xad\x07\xadN\xe8@fv\x06\x9a\x06\xc1@\x88p8\x84\x1e\x1b5\x90\x12\xe4\x86*\x19\x02\xd7udE\xc1j\xb5a\xb5\x9b\xd15\xd8\xb3k\x17K\x17/`\xf6\xb7_\xf0\xcb\x0f3\xc8\xdb\xb7\x170\x8a\t/\xbd\xf42n\xb8\xe1\x06\xce&lt;\xb3k\xc9\xcf\x8aF\xa3Uv\xf8\xf8\xd0\x1e\xcf\xf6\xed\xdb\xf9\xf8\xe3\x8fy\xf7\xdd),]\xba\xa4\xe4\xfb\x8ek\xde\x8a\xb3\xce\xbb\x883\xce\xb9\x80\x16m\xda\x92\x9e\xe1F\x8d\x1a\x85\x7f\x91p\xd8\x88\xaf,\xc5\xea3\xaa\xde\xefY\xda\x81\xa4@\x03$L&amp;\x13V\x9b\x1d\x8bU&amp;\x1c\x8c\xb2y\xe3_,\x9a\xf73?\xce\xf8\x82\x05\xbf\xfcH(d\x14\xa8fee\xd1\xb3gOz\xf7\xbe\x81\xae]\xbb\x94\xfc\xbcD\x8a\xef\x9e={\xf8d\xda4\xdey\xe7\x1d\x16-\\X\xf2}\xad\xdb\x9f\xc4\xb9=.\xe5\xb4\xae\xe7\xd2\xa4\xf9\xf18\xdd6\xa2\x11\x08\x06\xfcD#\x11t\xf4\x92\xd8V\xc5\xdf\xf3P\xba\xa6\xa1\xc5\x92\x03E1\xe2k\xb5*D#:;\xb6mf\xf1\x82_\x98\xfd\xed\x97\xcc\xfdqVI2P\xabV-\xae\xb8\xf2J\xae\xbf\xee::v\xecX\xf2\xb3\xaar|S\x81H\x00*\xc1\xa1\r\xff\xce\x9d;\x992e\n\x93\'Of\xedZc\xb8\xd4\x9d\x9e\xceY\xdd/\xe2\x82K\xaf\xa6\xfd\xc9\xa7\x92\x95\x9dI4\n\x01\xbf\x8fh4\xc2\x81y\xf8\xc4\xbfq\xe2s\x98 a\xb1X\xb0;\xecH\x12\xec\xda\xb1\x93\x05?\x7f\xcf\xb7_|\xccO\xdf}c\xf4\x8c0\xa6\x08n\xbe\xf9f\xae\xbc\xf2\xca\x92\xf5\xe9U\xa9\xc7x\xe8\xb5\xfc\xf6\xdboL\x9e&lt;\x99\xa9\x1f~HA~&gt;\x00\xd5\xaa\xd7\xe4\xac\xf3/\xe2\xbcK\xae\xe4\x84\x0e\xa7\x90\x9e\xe9&amp;\x12\xd6\t\xf8\xfd\xa8\xd1Hl\x98\xbdj\xfc&gt;\xc7D\xd7\xd1t=\x96\xc4\xc8\xd8lvlv3\x91\x88\xc6\xa6\xf5k\xf9\xf9\xbb\xaf\x991}\x1a\xcb~\xfb\xb5\xe4\xaf\x9cz\xdai\xdc\xdc\xb7/W\\qEI|\xabRCqh\xc3\xbf|\xf9r\xde|\xf3M\xde{\xef=\xf6\xed\xdb\x07@\xdd\xfa\r\xe8~\xf1\x15t\xbb\xf02Z\xb4i\x87\xd3e#\x1cT\t\x06\xfd\xa8Q5a\x12\xba\xc3a&lt;\xcf4$I\xc6b\xb5b\xb7[\xd14\xd8\xb6y#s~\x98\xc9\x8c/&gt;\xe6\xd7\xb9?\x96|\xff\xb9\xe7\x9eK\xbf~\xfd\xb8\xf8\xe2\x8b\xb1Z\xad@\xd5\x8ao*\x11\t@\x05:\xb4\xe1_\xb7n\x1d\x93^{\x8d\xb7\xde|\x93\xbc\xbc&lt;\x00Z\x9d\xd0\x9eK\xae\xba\x9es.\xb8\x94z\r\x1b\xa0k\xe0\xf7\x19\x8d\xbe\xd1CH\x8e\x87\xc6\xbf)] g\xb1Xq8mD\xa3\x1a\xebV\xad`\xe6\xf4i|\xf1\xd1\xbbl\xdf\xba\x19\x80\x86\r\x1b\xd2\xbf\x7f\x7f\xfa\xf6\xedK\xf5\xea\xd5\x81\xca}\x90\x1c\xda0\xcc\x9e=\x9b\t\x13&amp;\xf0\xd9g\x9f\x95|O\x87SN\xe3\xe2+\xaf\xe3\xac\xf3.\xa2V\xdd:\xa8\xf1\xa4.\x12AJ\x81\xaa\xe9x\xb2\'I\x07\x92\x01\xbf/\xc8\xb2\xc5\x0b\xf8j\xda\x07\xcc\xfcr\x1a\x85\x05F\x92\xd4\xb8qcn\xb9\xe5\x96*\x13\xdf\xd2\x9b0\x01\xfc2g\x0e/M\x98\xc0\xc7\x1f\x7f\\2\x9f\xde\xe5\x9c\xf3\xb9\xf8\xaa\xde\x9cv\xe6\xb9\xe4T\xcf!\x12\xd6\x08\xf8}\xc6g#%\xe2\x1b\xabc\x02\xac6\x1bv\x87\x95P0\xca\x9f\xcb~\xe3\x9b\xcf?\xe4\xebiS\xd9\xb7w7\x00\xadZ\x1d\xcf\x80\x01\xfd\xe9\xdd\xbb7\x19\x19\x19@\xd5J\xe4S\x81H\x00*\xc0\xa1s\xfck\xd6\xac\xe1\xc5\x17_\xe4\xcd\xb7\xde$\xe07\x96\xc8\x9d}\xfe\xc5\\y\xfd-t\xear6.\xb7\x03\xbf?D(\xb6~?Uo\x88\xd2E\x91v\x87\x03\xab\xcd\xc4\xfe=\xfb\xf9q\xe6W|\xf4\xee\xeb,Y8\x0f\x80\x9a5k2`\xc0\xad\x0c\x1cx+5j\xd4\x00*\xf6Arhb\xf7\xddw\xdf1v\xecXf\xcc\x98\x01\x80\xd9l\xa6\xdbE\x97q\xc5\xf5\xb7pR\xe73\xb0\xdb-\xf8\x8a\x83\x84\xc3A$$dE\xa6T)~\xca\xd0\xe3{\x03(\nN\xa7\x0b\xc5,\xb1e\xe3ff|\xf1\x11\xd3\xde{\x93\x8d\xeb\x8dU\x10\xb5j\xd5\xa6\x7f\xff~\x0c\x1c8\xb0J\xc4\xf7\xc7\x1f\x7fd\xec\xd8q|\xf5\xd5\x97\x008]i\\t\xc55\\v\xcd\x8d\xb4i\x7f2&amp;\xb3\x8c\xaf\xd8O$\x1cN\x89F\xff\xdf\x18\xf7\xaf\x11\'\xbb\xc3\x85\xc5"\xb3s\xfbN\xbe\xfb\xeaS&gt;\x9e\xf2\x06\xabW,\x03 77\x97A\x83\x06\xd1\xaf_\xbf\x92\xe5\xa2\xf1\x95!B\xf9\x12\t@9+\xfdA\xde\xbcy3\xe3\x9e\x7f\x9e\xd7&amp;M"\x10\x08\xa0(&amp;.\xbe\xf2Z\xae\xee3\x80v\'uB\x92$|\xc5\xc5\xa8\xd1(\xb2\x18\x0e;\x88\xa6i\xe8\x9a\x86\xd9b\xc1\xe9r\x10\x08\x84X\xf0\xf3\xf7\xbc\xf7\xfaK\xfc\xfc\xfd\xb7\x80\x91\x08\xdc~\xfb`n\xbbm\xd0A=\x8a\xf2z\x90\x1c\x9a\xd8\xcd\x9d;\x97\xa7\x9f~\x9a\xaf\xbf\xfe\x1a\x00\xa7\xcbM\xcf\xab\xaf\xe7\xca\xde\xb7\xd0\xea\x84\xf6h\x1a\xf8\x8a\xbd\xb1\x87\xa2\x88oi\x9afl$c\xb5\xd9q8\xad\xe4\xef/\xe0\x87o\xbf\xe0\x83\xc9\xaf\xf0\xc7\xef\x8b\x00#\xbe\xb7\xddv\x1b\xb7\xddv[\x854\x14\x87\xc6w\xc1\x82\x05&lt;\xf3\xcc3|\xf1\xc5\x17\x00dW\xab\xce\x95\xbdo\xe1\xb2^7\xd2\xb8YS"a\r\x9f\xafX,{\xfb\x07\xf1\xfb\xd7b\xb5\xe1t\xd9\xf0\x14\x15\xf3\xcb\xf7\xdf\xf2\xfe\x1b/\xb1p\xde\xcf\x00\xd4\xaf\x9f\xcb]w\xddI\xbf~\xfdp\xb9\\\x07mz&amp;\x94\x0f\x91\x00\x94\x93x\xcfU\x92$\n\x0b\x0by\xe1\x85\x17x\xfe\xf9\xe7)((@\x96\x15.\xbb\xe6\x06\xae\xbb\xf96\x8eo\xdf\x015\xaa\xe1+.\xfe[%\xb1\xf0w\x07z\x15\n.\xb7\x1bU\xd5X8w6o\xbd&lt;\x8e\x9f\xbe\xfb\x06\x80F\x8d\x1a1l\xd80\xfa\xf6\xed\x8b\xc9d*\x97\xdeb\xe9\x86g\xcd\x9a5&lt;\xf9\xe4\x93\xbc\xfb\xee\xbb\x008\x9c.\xae\xb8\xee&amp;\xae\xe9{+M[\xb4$\x14\x8a\xe2\xf7\xf9\x90\x00Y\xc4\xf7?\xe9\xba\x8e\xa6\xaa\x98\xccf\\iN\xfc\xc5~f\xcf\x98\xce\xdb\x13_`\xe9\xe2\x05\x801\xf5s\xef\xbd\xf7r\xcb-\xb7`6\x9b\xcbeyY\xe9\xf8\xae_\xbf\x9e\'\x9fz\x8a\xb7\xde|\x13\x80\xac\x9cj\\\xdbw W\\w3\xf5\x1b\xd6\xc7\xef\x0f\x13\x0c\xf8K\xf6\xc5\x10\xfe]&lt;\xbe\x8a\xc9\x84\xcb\xed"\x1c\n3g\xf6L\xde\x9e\xf8&lt;\x0b~\x99\r@\x8b\x96-\xb9\xff\xfe\xfb\xb9\xa1wo@L\x0b\x94\'\x91\x00\x94\xb1C{\r\xef\xbc\xfb.\x8f?\xf6\x18\x7f\xfd\xf5\x17\x00\x17\xf4\xbc\x8a\xbe\xb7\xddM\xdb\x93:\x12\t\xab\xf8|\xc5bm\xecQ\x8a?\xf8]\xee4tMc\xee\x8f3y\xed\x85\xd1,\x9c\xfb\x13\x00\x9d:ub\xe4\xc8\x91\x9c{\xee\xb9%\xdf\x7f\xac\tV\xe9y`\x8f\xc7\xc3s\xcf=\xc7\xf3\xcf?\x8f\xd7\xebEQ\x14.\xbb\xa6\x0f}\x06\xdeE\xf3\xd6\xc7\x13\xf4G\x08\xf8})=\x0c|\xb4\xe2\x89\x9e\xa2(\xb8\xd2\xdc\x04\xfc\x01f}9\x8d7&amp;&lt;\xc7\xea\x15\xc6\xb2\xd8\x93O&gt;\x99G\x1f}\x94\xf3\xce;\x0f0\xea\x03\xfe\xe9L\x8c#Q:\xbe^\xaf\x97\xb1c\xc72f\xecX\xbc\x1e\x0f\x0e\xa7\x8bk\xfb\x0e\xe4\xda\x9b\x07\x91\xdb\xa8\x01\xfebc\'LY16\xc5\x12\x8eL\xbcaw\xb9\xddD"\x11~\x9a\xf9%\xaf\xbf\xf8,K\x17\x1b\x05\xa1]\xbbve\xe4\xc8\x91\x9cq\xc6\x19%\xdf/:HeK$\x00e\xa8\xf4\x07t\xc9\x92%\x0c\x1f&gt;\x9cY\xb3f\x01\xd0\xf1\xd4.\xdc:\xf4\x01N;\xb3\x1b\xaa\xaa\xe2+\x16\r\x7fY\xd1T\x15$\twZ\x1a\xe1p\x98\x19_|\xcc\xc4\xb1O\x96\xecX\xd6\xa7\xcfM\x8c\x1c\xf9(\xf5\xeb\xd7\xff[!\xd7\x91(\xdd\xc0L\x9b6\x8d\x87F\x8c`\xcd\xea\xd5\x00t=\xf7\x02n\xbd\xfbAN&lt;\xa53\xa1P\x84\x80\xcfg\xf4ZD|\x8fY\xbc\xa1HKw\xe3)\xf2\xf0\xe9\xfbo\xf1\xfa\x0b\xa3\xd9\xbdk\x07\x00\xd7_\xdf\x9b\xc7\x1e\x1bI\xc3\x86\r\x0f:M\xefh^\'~\xff~\xfa\xe9g&lt;\xf4\xd0C\xac^m|\x86z^\xdd\x9b~w\xdcG\xf3\xd6\xc7\xe3\xf7\x85\x08\x06\x02\xa2j\xbd\x8c\xc4\xe3\xebNs\x13\xf0\xfb\xf9\xf2\x93\x0fx\xf5\xf9\xa7Jv\x94\x1cp\xeb\xad&lt;\xf2\xf0\xc3\xd4\xaaU\xeb\x98\xee_\xe1\xefD\x02P\x06J\xf7\xfa\x03\x81\x00O=\xf5\x14\xa3G\x8f&amp;\x14\nQ\xbbn.\x83\xee}\x88\x9eW\xf7\xc6b\xb6\xe2\xf1\x14\x89\x86\xbf\x9c\x94n(\n\xf2\x0b\x98\xf2\xda\x04\xdex\xf1Y\x8a\x8b\xbdT\xab^\x9d\'F\x8d\xa2_\xbf~\xc0\x91\xf5\x16K\xcfEn\xd9\xb2\x85\xfb\xef\xbf\x9f\xa9S\xa7\x02\xd0\xa4YKn\xbbw\x04\xe7\xf7\xbc\n\x80b\xafG\x0c\x05\x97\x13U\x8db2\x99IKw\xb2}\xebv\xde\x98\xf0\x1c\xef\xbf\xf12\x91H\x84\x9c\x9c\x1cF\x8e\x1c\xc9\xa0A\x83\x80c\x8b\xef\xf0\xe1\x0f\xf0\xc1\x07\xef\x03\xd0\xaecg\x06\x0f{\x84\xd3\xcf\xeaF$\x1c\xc1\xe7\xf3\x89\x86\xbf\x9c\xc4\x13\xb0\xb4t\x17{\xf7\xec\xe5\xed\x89\xe3y\xeb\xe5q\x04\x83\x01\xea\xd4\xa9\xc3\x13O&lt;\xc1\x8d7\xde\x08\x94\xcdh\x8f \x12\x80c\x16\xdf\xd1\n\x8c"\xb0\xbb\xee\xba\x8b\xdf\x7f\xff\x1d\x80\xebn\xb9\x8d\x81C\x1f\xa0V\x9d\xda\x14\x15zEAK\x05Q\xa3QL\x16\x0bii\x0eV\xaf\xf8\x93\xf1O=\xcc\xac\xaf\x8c\xa5x=z\xf4`\xdc\xb8q\x1cw\xdcq\x875\xb7X\xbaW\xf8\xd6[oq\xff\xf0\xe1\xec\xd9\xbd\x1b\xab\xd5J\x9f[\x87p\xcb\x1d\xf7\x92\x99\x9dEQ\xa1\x07\xd0\x91e\x11\xdf\xf2\x14O\xb6m6\x1b\x0e\x97\x8d\xc5\xf3\xe73n\xd4\x83%\xd3&gt;\xdd\xbauc\xdc\xb8q\xb4l\xd9\xf2\xa0:\x9c\x7fS:\xbeo\xbe\xf9&amp;\xc3\x87\x0fg\xcf\x9e=\xa4gd2\xe8\x9e\x11\\\xd3\xf7Vl6;\x9e"\x91\xb8W\x145\x1a\xc5l\xb5\xe2v\xdbY\xbed)\xcf?9\x82\x9ff\x19\x85\xb5\x97^z)c\xc6\x8c\xa1a\xc3\x86\xa26\xa0\x0c\x88\x04\xe0\x18\xc4\xb3\xd0H$\xc2\xa8Q\xa3\x185j\x14\x9a\xa6\xd1\xb2u;\xee\x1b9\x9a\xd3\xcf&gt;\xc7X\xee\x15\n\xa2\x88l\xb5B\xc5\x1b\n\xa7\xcb\x89\xa2\x98\xf8\xe2\xc3w\x19;\xeaAv\xef\xdcNVV\x16\xa3G\x8f\xe6\xe6\x9bo\x06\xfe}n1\x1e\xdf={\xf60d\xc8\x10&gt;\xf8\xe0\x03\x00:\x9cr*\xf7?\xf6\x1c\x1dN9\x05\xaf\xc7X\xee%\xe2[\xb1\xe2\xf1u\xa7\xa5\xa3\xaa\x11\xde\x7f\xe3\x15&amp;\x8c\x1eIQa\x01\xe9\xe9\xe9&lt;\xf9\xe4\x93%\xa3\x01\xff\x14\xdf\xd2\xa3v\xbbv\xedb\xe8\xd0\xa1%\xa3:\xe7^x)w\x8fx\x8a\xa6-\x9aQTX,\xe6\x9e+A&lt;&gt;.\x97\x1bI\x82O\xde\x7f\x93\xe7\x9fx\x88\xfd{\xf7P\xadZ5\x9e}\xf6\xd9\x92\xd1\x00\x11\x9f\xa3\'\x12\x80\xa3Pz\xc8p\xf5\xea\xd5\x0c\xb8\xf5V\xe6\xfc\xf2\x0b\x00\xb7\x0c\xbe\x97\x81w?\x84;-\rOa\xa1X\xceW\xc9\xe2[\x0egd\xa5\xb3m\xcbV\x9e\x1b9\x8c\xaf\xa6\x19\x0f\xfa\xeb\xaf\xbf\x9e\xe7\x9f\x7f\x9e\xec\xec\xec\x83\x86\x14K\xf7\x1c\xbf\xfd\xf6[\x06\xddv\x1b\x9b7m\xc2j\xb51\xe8\x9e\x07\xe9{\xdb=\x98-\x16\xbc\x1e\x8f\x18\x0e\xaedZl\x83\x9d\x8cL7kW\xae\xe6\xa9\x11w\xf3KlY\xe8\x95W^\xc9\x0b/\xbc@\xcd\x9a5\xff5\xbe_\x7f\xfd5\xb7\xddv\x1b[\xb6l!3+\x9b{\x1ey\x9a+\xae\xefK4\xaa\xe2\xf7\xf9\xc40s%\x8b\xcf\xf9gd\xa6\xb1y\xe3F\x9e}\xe4&gt;fL\x9f\x06@\x9f&gt;}\x18;v,\x99\x99\x99bJ\xe0(\x89\x04\xe0\x08\x95~x\xbc\xf7\xde{\x0c\x1e&lt;\x98\x82\x82\x02\x1a6i\xca\x88\xa7_\xa0K\xb7\xeex\x8b|%;\x96\tUC4\x1a\xc5f\xb7c\xb5Z\xf9d\xca\x1b&lt;\xf3\xf0\xbd\x14\x15\x16\xd0\xacY3^\x7f\xfduN;\xed4T\xd5X\x8b\x1e\x7f\x90&lt;\xfc\xf0\xc3&lt;\xfe\xf8\xe3\x00\xb4l\xd3\x8e\x87GO\xa0\xe3\xa9\x9d)*\x10\xbd\xc2\xaa&amp;\x1a\x8d\xe2t:\x91d\x99\xb7\'&gt;\xcf\xf8\'\x1f&amp;\x10\xf0\xd3\xb0a#^{m\x12g\x9f}\xf6AGlk\x9a\xc6\x88\x11#x\xf2\xc9\'\x018\xfd\xac\xee&lt;\xf8\xd4x\x8ek\xd1\x8c\xc2|\x0f \n\xcd\xaa\x92h4\x8a\xdd\xe1\xc0l6\xf3\xe1\xdb\x93\x18\xfd\xc8}\x14{=\xb4h\xd9\x927^\x7f\x9dN\x9d:\x89)\x81\xa3 \x12\x80#\x10\x7f\xe8G\xa3Q\xee\xbd\xf7^\x9e\x7f\xfey\x00.\xba\xe2Z\x86?1\x96j\xd5kPXP(z\x85U\x94\x1e\xdb\xd1-3;\x9d\xd5+\xfe\xe4\x91{\x06\xf1\xdb\x829X,\x16\x9e{\xee9\x06\x0f\x1e\x0c\xc0\xae]\xbb\xe8\xd7\xaf_\xc9\x86&gt;\xbd\xfa\x0c\xe0\xde\x91\xcf\xe0r\xa5\xe1)*\xc2dRH\xc5\x9d\xfb\xaa:#9\x87\x8c\xac4~_\xf0+\x0f\xdf=\x90\xd5+\x96\xa1(\nO&gt;\xf9$\xf7\xddw\x1f`\x1c\xcat\xcb-\xfd\x989s\x06\x92,s\xc7\xb0G\x19p\xd7\xfd\xb1\xe3\xaaE\xaf\xbf\xaa2F\x03t2\xb3\xd2\xf9s\xd9\x1f&lt;r\xcf \x96.\x9a\x8f\xd5je\xec\xd8\xb1\x0c\x1a4\xe8\x98V\x81\xa4"\x91\x00\x1c\xa6\xf8\x10\xd3\x8e\x1d;\xe8\xd3\xa7\x0f\xdf\x7f\xff=\x16\x8b\x85{G\x8e\xa6\xcf\xadw\x12\x08\x04\x08\x07Cb.8\x01D\xa3Q\\.\x17\x91H\x981\x8f?\xc0\xdb\x13\xc7\x030p\xd0 \xae\xbc\xe2\nn\xbe\xf9f6m\xda\x84;-\x8d\x07\x9f\x1c\xcf\x95\xbd\xfb\xe0\xf5\x88Q\x9dD\x11\x8dFIKK\xc7\xeb-\xe2\xc9\x07\x86\xf0\xe9\x07o\x01\xc6\x90\xf1\xd5W_M\xff\xfe\xfd\xd9\xb6m\x1bu\xea\xe5\xf2\xf8\xb8W\xe9\xda\xbd;\x85\xf9^\xd1p$\x88h4\x8a\xcb\xed&amp;\x1c\x0c\xf2\xecc\xf73\xe5\xb5\t\x00\x0c\x180\x80\x17^x\x01\x8b\xc5"F\xe8\x0e\x93H\x00\x0eC\xbc\xf1_\xb4h\x11\xd7\\s\r\x1b7n\xa4^n#\x9e\x9a0\x99\xce]\xbaP\x90WTr\x1c\xaf\x90\x184UE6)\xa4\xa5\xb9\xf8\xe8\x9d\xc9\x8c{b\x04{w\xef,\xf9z\xebv\'\xf2\xc8\xb3/\xd1\xbecG\xf2\xf7\x8bZ\x8eD\xa3\xaa*f\xb3\x19\x87\xd3\xc1[\x13\xc73q\xcc\x93\xe4\xed\xdf[\xf2\xf53\xbb_\xc8CO\x8d\xa7~\xc3F\x14\x16\x14\x8a^\x7f\x82\x89\x17p\xba\xd3\x9c|\xf8\xf6d\x1e\xbf\xff\x0e\x02~\x1fg\x9ey&amp;\xef\xbd\xf7\x1e\xb5j\xd5\x12u\x01\x87A\xb4X\xffG\xfcC4m\xda4\xce9\xe7\x1c6n\xdcH\xa7\xd3\xcf\xe2\xdd/\x7f\xa4\xe3\xa9]\xc8\x8b7\x0e\xa2\xf1O(\xb2\xa2\xa0\xa9\x1a\xf9y\x05\xdc|{_\xce\xe9\xd1\xb3\xa4\xf7g\xb3\xdb\xb9c\xf8c\x9cvfG\xf6\xec\xda\x87b2\x89\xc6?\xc1(&amp;\x13\x91H\x18\xaf\xc7\xcb\xa0\xbb\xef\xa4\xe3\xa9]Jb\xe8r\xbb\xe9w\xc70\x9a\xb5jD\xde\xbe\xfd\xa2\x91H@\x8a\xa2\xa0i\x1a\x05\xf9\x85\xf4\xea\xd3\x97\xb7&gt;\x9dE\xfd\x86\x8d\xf9\xf1\xc7\x1f\xe9\xd2\xa5\x0b\x7f\xfc\xf1\x07&amp;\x93\x89h4Z\xd9\x97Z\xa5\x89V\xeb_\x94^&amp;4a\xc2\x04\xae\xb8\xe2\n\xbc^/\x97_{\x13\xafN\xfd\x8a\x9c\xea5\xf1\x14\x8a\x9eC\xa22Vq\xc8\xa4\xa5gp\xef\xc0!\xbc\xff\xc6\xcb\x004h\xdc\x94` \xc0\xb0A7\xf2\xd9\xd4\xe9\xd4\xa8]M&lt;D\x12\x90\x16\x8db\xb1X1[\xcc\x0c\xbc\xbe7\xdf~\xf11\x16\x8b\x95\xe3\x9a\xb7\xa2\xd8\xebeP\xef\x9e|5\xedK\xaa\xd7\xca\x11\xf1MP\x92$\xa1(&amp;\xf2\xf6\x17\xd2\xaecg\xde\xfdb6\'u&gt;\x83\xf5\xeb\xd7s\xf6\xd9\xe7\xf0\xddw\xdf\x89$\xe0\xff\x10\t\xc0?(\xbd\xcc\xef\x91G\x1e))\x0e\xbb\xfd\xbe\x87y\xfa\xa5\xc9h\x9aF(\x18\x10\xf3\xfd\t*^\tn\xb6X\xb8\xff\xf6\x9bx{\xe2\xf3\xc8\xb2\xcc\xc8\xb1\x13\xf9r\xceot\xbf\xf8\n\xf2\xf7\xef\xe3\x8e\x9b\xaed\xda{S\xc8\xae\x96\x81*\x1e"\tCUU\xac6\x1b\x91H\x98\xdbo\xb8\x9c\xe9\x1fM\xc1\xe1t2\xf6\xb5\xf7\xf9\xec\xa7Et\xbf\xe8r\n\xf3\xf3\x18\xdcG\xc47\x19\x98L&amp;&lt;\x85\x85\xe4T\xaf\xc9k\x1f~\xcd\x05\x97^E^\xde~.\xba\xe8"&gt;\xfe\xf8c\x91\x04\xfc\x07\x91\x00\x1c"^E\xaa(\nC\x86\x0c\xe1\xb1\xc7\x1eC\x96e\x1e}\xeee\x86&gt;4\x12OQQl\xf7?Q`\x92\x884\xcd\x98\x1b\x96$\xb8\xeb\xe6k\xf8\xec\x83\xb7q\xba\xdcLx{\x1a\xd7\xf6\xed\x87\xaa\xca\x8c\x9f\xfc!\xbd\xfb\r&amp;\x12\x0es\xef\xc0\x1bxg\xe2+dU\xcb@U\xc5C\xa4\xaaSU\x15\xbb\xc3A\xb1\xd7\xc3\xad\xd7\\\xcc\xcf\xdf}C\xb5\x1a\xb5x\xfd\xa3o\xe9~\xf1\xa5D#\x1a\xe3\xdf\xfc(\x16\xdf\xd0\xc1\xf1\x15\x8dD\xc2RL&amp;\x82\x81\x00\x92$3\xf6\xb5\x0f\xe8\xddo0\xa1P\x88\xab\xaf\xbe\x9a7\xdexC$\x01\xffB\x14\x01\x96R\xba\xe7?p\xe0@&amp;N\x9c\x88\xd5f\xe3\xa9\x17\'si\xafk\xc8\xdb\'\x8a\xc1\x12\x99\xd1\xf8[\xd04\x95;\xfb\xf6\xe2\xe7\xef\xbe&amp;+\xbb\x1a\xe3\'\x7fH\xe73\xcf4\x8a\xfdb\xeb\x88\xd32\xdc\x8c}\xfca^~\xce\xd8\x07\xe0\x81\'\xc6q\xcb\xe0\xbb\xc8\xcf+\x12\xd5\xc5U\x94\xd1\xf8\xdb)\xca\xcf\xe7\xd6\xeb.a\xf9\x92E\xd4k\xd0\x88\x97\xdf\xfd\x8c\xe6\xc7\xb7\xa1\xb0\xa0\x00EV@\x92HKw3\xf6\xf1\x11\xbc&lt;f\x14 \xe2\x9b,\xe2\xfb\xb4\xa4\xa5\xbb\x19;j\x04/?g\xc4\xf7\xe5\x97_f\xe0\xc0\x81\xa20\xf0\x10"\x01\x88)\xdd\xf8\xf7\xef\xdf\x9f\xd7^{\r\x87\xd3\xc5\xd8\xd7\xde\xa7\xdbE\x17\x91\xb7O\xcc\xf7\'2M\xd30\x99\xcd\xa0k\xdc~\xe3\x15\xcc\xf9a\x06\xd5j\xd4\xe4\xe5)_\xd0\xee\xa4\x8e\x14\xe4\x17`2\x99\x81\xf8(\x90FfV:/=\xfb4c\x1e\x1f\x0e\xc0\xf0Qc\xe9\x7f\xe7\x10\xf2\xf6\x17\xa2(\xe2\xb3P\x95\x944\xfe\x05\xf9\xf4\xbb\xfaBV\xfe\xf1;\x8d\x8ek\xce\xc4\x0f\xa6\x93\xdb\xb0Il\xff\x06#f\x07\xc7\xf7)\xc6&lt;\xfe\x00 \xe2\x9b,\xfe-\xbe\x13&amp;L\xe0\xb6\xdbn\x13I@)"\x01\xe0\xe0\xc6\x7f\xd0\xa0A\xbc\xf2\xca+\xb8\xdci&lt;\xff\xc6\x87\x9cu\xdey\xe4\xed?\xd08\x08\x89G\xd34\x14\x93\x82"\xcb\xdcq\xd3U\xfc8\xf3+\xaa\xd7\xac\xcd\xab\x1fL\xe7\xf8\xb6\x1d(,\xf8{|\xe3\x9f\x89\xac\x9ct&amp;\x8e}\x8e\xd1\x8f\xdc\x0b\xc0\x88g^\xe4\xa6A\xb7\x93\xbf\xafP\xd4\x80T\x11Zl\xce\xbf\xb8\xd8C\xff\xab/d\xf9\x92E4i\xde\x8aIS\xbf\xa4v\xdd\xfax=\xde\xbf=\xf0\xff-\xbe\x0f?3\x81&gt;\x83n\x13\xf1Mp\xff\x16\xdfI\x93&amp;\xd1\xaf_?\x91\x04\xc4\xa4|\x02P\xba\xda\xff\x9e{\xeea\xcc\x9818\x9c.\xc6O\xfe\x88\xb3\xcf?\x9f\xbc}\x05F\xcfQHH\xba\xae#I\xc6\xd2\xbe\xa1\xb7\\\xcb\xb7_|LN\xb5\x1aL\x9a\xfa\x15\xad\xdb\x9f\xf8\x8f\x8d\x7fi\xaa\x1a%;\'\x83\x97\x9e}\x86\xe7\x1e\xbb\x1f\x80\xa7&amp;\xbc\xc9\xd57\xf61&gt;\x1b"1\xacT\x9a\xa6a6\x9b\x89F#\xf4\xbb\xba\x07\xbf\xff:\x97F\xc75\xe7\xf5\x8f\xbf\xa1V\x9d\xfa\xf8\xbc\xde\xffl\xc8\xff)\xbeOOx\x93\xabD|\x93\xc2\xdf\xe3+\xf1\xfe\xfb\xefq\xcd5\xd7\x88$\x00Q\x04X\xd2\xf8\x8f\x1a5\x8a1c\xc6`\xb5\xdax\xee\xd5)\xa2\xf1O\x02\xf1\x82N\x97\xdb\xcd#C\x07\xf2\xed\x17\x1f\x93\x9e\x99\xc5K\xef~j4\xfe\xf9\xff\xff\x01o,3*b\xd0=\xc3\x18&lt;\xecQ\x00\x1e\x1e2\x80o?\xff\x9c\xac\xecLQXT\x89t\xddX\xca)\xcb\x12Cn\xee\xc5\xef\xbf\xce\xa5^\x83F\xbc\xfa\xc1tj\xd7\xadO\xf1\xffi\xfc\xe1\xe0\xf8\xde~\xdf\xa3\x00\x8c\x18:\x80\x19\x9f\x7f!\xe2\x9b\x04\xfe~\xff\xea\xf4\xe9\xd3\x87\x193f\x88\xc2@R|\x04 \x9e\x01\xbe\xf6\xdak\xf4\xef\xdf\x1fE\x96y\xfa\xa5\xb7\xb8\xfc\xfa\xde"\xfbO\x02\xaa\x1a%+;\x83g\x1f}\x88W\xc6&gt;\x81\xc3\xe9d\xc2;\x9fr\xc6\xd9\xdd(\xc8;\xfc\xe4.&gt;\xa7\x98\x91\x99\xce\xe3\xf7\x0f\xe5\xadW\xc6\xe1r\xa7\xf1\xfaG\xdf\xd0\xfe\xe4S\xf1\x14\x8a\xe1\xe2\x8a\x16O\xee\xdcin\xee\x1dx#_|\xf8.\xd5j\xd4\xe2\x8dOf\xd0\xace\xeb\x83\xe6\xfc\x0f\xefg\x19\xf1}l\xd8\x10\xde\x9e\xf8&lt;\xae\xb4t#\xbe\x1d;\x8b\xf8&amp;\xb8\x7f\x8aozz\x06?\xfc\xf0=\x1d:tH\xe9m\x83S6\x01\x887\xfe\xdf|\xf3\r\x17_|\t\xaa\x1a\xe5\xc1\'\x9f\xe7\x96;\xeed\xff^\xd1\xf8\'\xbah4Jv\xb5\x0c\xde}u"\x8f\xdc3\x10YQxn\xe2\x14z\xf6\xeaE\xde\xde#\x1f\xd91n\x13\x1d\x97;\x8d{\x06\xf4f\xfa\xc7S\xa8Y\xbb.\xefN\xff\x91:\xf5s\xf1\xfb\xfc)\xfb\x10\xa9\x0c\xf1\xe4\xee\xe9\x11\xc3\x994\xfei\\\xee4&amp;M\xfd\x8a\x93N=\x9d\xc2\xfc#/\xd8=\x10_7w\xf7\xef\xcd\x97\x9f\xbcG\xcd:u\x992\xfd\'j\xd7\xab/\xe2\x9b\xe0J\xc7\xd7\xb8\x7f\xdf\xa3~\xfd\\\xe6\xce\x9dC\xbdz\xf5bK\xbbSo@&lt;%\x13\x80x\xc6\xb7b\xc5\n\xbat\xe9BAA\x01\xfd\xee\xb8\x8f\xe1\xa3\x9e!?OT\x00\'\xbah4JFf\x06\xbf|?\x93\x81\xd7_B8\x14*\xa9\xf0\xde\x7f\x14\x8d\x7f\x9c\xaei\xc8\x8a\x82bR\x18\xd0\xeb"\xe6\xff\xfc=\xadNh\xcf;\x9f\xff\x80\xc9bA\x8dF\x91\xa4\xd4{\x88T\xb4h\xd4\x98\xd7\x9d\xf2\xc6$\x1e\x1e2\x00\x93\xc9\xc4\xb8\xd7\xa7r\xc1e\x97\x93\x7f\x0c\x05\xbb\xf1B`\xc5$\xd3\xff\xea\x8bX\xf0\xcb\x0f\x1c\xdf\xf6D\xde\xfe\xe2{L\x8a\x19UU\xc5\x12\xe0\x04\xf6O\xf1=\xf9\xe4\x93\x99={66\x9b\xad\xe4\x98\xf7T\x92rO\xab\xf8\x89_\xf9\xf9\xf9\\y\xe5U\x14\x14\x14p\xc1\xa5Ws\xef\xa3OSX\xe0\x11\x1b\xfc$8UUq\xba\x9cl\\\xbf\x96a\xb7\xddH8\x14\xa2w\xbf\xc1\xdcr\x87\xb1\xbc\xebXj:$YFUU@b\xcc\xa4)4n\xda\x92\x95\x7f,a\xf8\x1d\xb7`\xb3\xd9I\xbdT\xba\xe2\xa9\xb1\xe4n\xee\x8f?\xf2\xe4\xf0\xbb\x00\xb8\xe7\x91g\xb8\xf0\xf2\xcb\xc9?\xc6i;9\x16_\t\x991\x93\xa6\xd0\xe8\xb8\xe6\xfc\xb9\xec7\x1e\xba\xa3\x1fv\x87\x9d\x14\xec+%\x95C\xe3\xdb\xb8is\x16.\\H\xbf~\xfdK\xbe\x96jR*\x01\x88/\r\x91$\x89\x1bn\xb8\x81\xb5k\xd7pB\x87\x93y\xe2\x85\xd7\t\xf8\x03\xe8:)\x97\x01&amp;\x13]\xd71\x99L\x84\x82A\xee\x19\xd0\x9b\xfd{\xf7\xd0\xe5\xdc\x0bx\xe0\xc9\xb1x\n\xbce\x92\xdc\xc9\xb2L(\x18$3\xbb\x1a\xe3^\x7f\x9f\x8c\xcc,f}9\x8d\x17\x9f\x19IfvZ\xca\x17\x15\x95\'M\xd5\xb0;\xecl\xdf\xba\x99a\x83n$\x18\x0cpM\xdf\x81\xf4\xbbs\xe81\'wq\xb2,\x13\x0c\x06\xc9\xca\xa9\xce\xd8\xd7\xde\'=#\x93o\xbf\xf8\x98\x97\x9e}\x82\xcc,\x11\xdfDW:\xbec&amp;\xbdOzf&amp;\xef\xbf\xff\x1e\xa3\x9f}6%\x8b\x02S*\x01\x88\x0f\xfd?\xfc\xf0\xc3|\xfd\xf5\xd7\xd4\xa8Y\x9b\xe7^\x9d\x82\xd5j%\x12\x89\xa4\xe4\x1cP2\xd14\r\x97\xdb\xc9\xe3\xf7\xdf\xc9\x8a\xa5\x8bi\xd8\xa4\x19OO\x98L4\x12E\xd3\xf52K\xee\x14E\xc1\xeb\xf1\xd0\xea\x84\x13\x189\xe6UdY\xe6\xe51\xa3\x989}:\x99Y\x19)\xf7\x10\xa9\x10\xba\x8e\xac\x18\xf1\xbb\xff\xb6\xbe\xec\xda\xb1\x8dSN?\x93\x07\x9f\x1c\x87\xa7\xb0\xb8LG\xee\x8c\xf8\x16\xd1\xba];\x1e}\xeee$Yf\xc2\xb3#\xf9\xfe\x9bo\xc8\xc8\x14[\x06\'\xba\x83\xe2\xfb\xec+\xc8\xb2\xcc\x03\x0f&lt;\xc0\xec\xd9\xb31\x99L)5\x12\x902-^|\xb9\xdf\xd7_\x7f\xcd\xa8Q\xa30\x9b\xcd&lt;\xfe\xfck4l\xd2\x04_\xb1O\x14\xf8$\xb8h4JVv:\xef\xbd\xf1*\x9f\xbe\xff&amp;\x0e\xa7\x8bg^~\x8b\xac\x9c\xea\x84\x82\xc12O\xeeL&amp;\x13\xf9y\x85\\|\xe5\x15\x0c\x182\x1cMUyx\xe8\xadl\xd9\xb8\x11\x87\xc3\x8e\xa6ie\xfaz\xa9NUU\xd23\xdc\x8cy\xfcA\x16\xce\xfd\x91Zu\xea\xf1\xf4Ko\x01\xc6F@e=rg2\x99\xc9\xcf+\xa4\xe7\xd5\xbd\xb8\xe5\xf6{Q\xa3Q\x1e\x1e:\x80\x1d[\xb7`\xb3\x8b\xf8&amp;\xba\x03\xf1\xbd\x9a\x9b\x07\x1b\xf1\xed\xd3\xa7\x0f{\xf6\xecA\x96\xe5\x94\x89oJ\x14\x01\xc6\x87\xfdw\xee\xdc\xc9\x89\'\x9e\xc4\xee\xdd\xbb\xb8\xe3\xfe\x91\xdc\xf5\xe0\xc3b\xb9_\x12\xd04\x15\x87\xd3\xc9\xdaU+\xb8\xfe\xc2\xae\x14{=&lt;\xfa\xec\xcb\xdcp\xeb\xc0\xa3\xaa\xf8?|:\xba\x0ev\x87\x9d~W_\xc8\xdc\xd93\xe9\xdc\xe5\x1c\xde\xf8\xf8\x1b\x02\x81\xa0\x98N*#j4JzV\x06\xb3\xa6\x7f\xc6\xed7^\x8e\xc9lf\xe2{\xd39\xe3\x9c\xee\x14\x16\x94\xe7\x16\xddF|mv+7_q\x01\x0b~\xf9\x813\xce9\x9fIS\xbf\xc4W\xec\x13#\x86\t/\x16_\x9b\x95\x9b\xaf4\xe2{\xd1E\x171}\xfa\xf4\x94\xd9$(%&gt;\xc1zl\xf8\xf7\x96[na\xf7\xee]\x9cq\xf6y\x0c\xba\xe7A\n\xf3&lt;\xa2\xf1OpFQ\xa7B8\x14b\xc4]\x03(\xf6z\xb8\xe8\x8a\xeb\xb8\xbe\xdf@\xf2\xf7\x17\x95\xf3FNR\xc9N\x92\x8f\x8f{\x95\x1a\xb5\xea0\xff\xe7\xef\x998\xeei22\xddb*\xa0\x0c\xe8\x9a\x86\xd5ng\xc7\xd6\xad&lt;6l0\xba\xae3`\xc8p\xce:\xaf{l\x17\xc7\xf2|H\x1b\xf1\xd55\x18\xf5\xfc\xab\xe4T\xaf\xc1/\xdf\x7f\xcb\x1b\x13\xc6\x88z\x80\xa4\x10\x8b\xafn\xc4\xb7Z\xf5\x9a|\xf9\xe5\x97\xbc\xf0\xc2\x0b)S\x0f\x90\xf4\t@|\xde\xff\x85\x17^`\xc6\x8c\x19\xd4\xa8Y\x9b\x91c^!\x1a\x8d\x92\xf4C\x1f)@SU\xd23\\\xbc\xf8\xccc\xacX\xba\x98\x06\x8d\x9b\xf2\xd0S\xcf\xe3\xf7\xf9+\xa4\x87&amp;\xcb2\x01\x7f\x80z\xb9\xb9&lt;\xf4\xf4\x0b\xc8\xb2\xcc\xc4qO\xb1h\xfe\x02\xdciih)4\x9fX\x1et\xc0b\xb10\xea\xfe;\xd9\xb3k\x07\x9d\xce8\x9b\xdb\xee~\x90\x82|o\x85$\xef\xb2,\xe3\xf7\xfbi\xd0\xb81\x0f&lt;\xf1&lt;\x92$\xf1\xd2\xb3\x8f\xb1\xec\xb7\xdfq\xb9\xddh\x9a\x88o"+\x1d\xdf\xe1O\x8cC\x92$\x1ex\xe0AV\xadZ\x85\xc9dJ\xfa\xa9\x80\xa4N\x00\xe2\xeb&gt;W\xaf^\xcd\x03\x0f&lt;\x88$I\xdc?j,\xf5\x1b6 \xe8\x0f\x88!\xbc\x04\xa7\xaa*\xee\x8c4\xe6\xfe\xf8#oO\x1c\x87\xc9l\xe6\xe1g^$+;\x87p(\\aC\xf0&amp;\x93\x89\xc2\xfcBz\\z\x19W\xdf\xd8\x9fP0\xc0c\xf7\xddF0\xe0GV\x14\xc4\xfa\xc0\xa3\x13\x8dF\xc9\xc8J\xe3\xc3\xb7_\xe3\xfbo&gt;\'3+\x9bG\x9f{\x19-\xb6\x0b`E1\x99L\x14\xe4\x17q\xc9U\xbd\xb8\xb4W\x1f\xfc&gt;\x1f\x8f\xddw;\xd1\x92\xc2a\x11\xdfDV:\xbe\x97]\xd3\x07\x9f\xaf\x98\xfe\xfd\xfb\xa3\xaaj\xc9\x8e\x93\xc9*i[\xc0x\xe04Mc\xe0\xc0\x81\xf8|\xc5\\\xda\xebF.\xba\xf2j\n\xf2\xc5\xd6\x9e\x89.\xbe\xe4\xcf_\xec\xe3\x89\x07\xee"\x12\x89\xd0\xbb\xdf`\xbav\xefFa%l\xdd*+\n\x1e\x8f\x9f\xa1#\x9e\xa4\xd1q\xcdY\xb5|)\xaf&gt;\xff4\xe9\x19\xae\x94\xaa*.+\x9af,\xf9\xdb\xb4~\x03\xe3\x9ex\x08\x80\xa1#\x9e\xe2\xb8\xe6M+lt\xa74Y\x96\xf1\x15\x07\xb8o\xe4\xd3\xd4k\xd0\x88e\xbf\xfd\xca\x9b/\x8f#=\xc3M4*\xe2\x9b\xe8\xe2\xf1\xbd\xf7\xd1\xa7\xa9\xdf\xa0\x11\xf3\xe6\xcdc\xfc\xf8\xf1(\x8a\x92\xd4\xf7o\xd2&amp;\x00\xf1\xde\xff+\xaf\xbc\xc2\xcf?\xffL\x9dz\xb9\xdc\xfd\xc8S\xf8}\xa2\xe7\x9f\x0cTU%-\xdd\xc9\xa4\xe7\x9fa\xed\xca\xe54i\xde\x8a\xdb\xef{\x18Oa\xe5\xac\xe8\x90$\x89h$BFf&amp;\x0f&lt;1\x0eEQx\xf3\xe5\xb1,Y\xb8\x08\xa7\xdb-\xa6\x02\x8e\x90\xae\xebX-V\x9ey\xe4^\n\xf2\xf6qf\xf7\x0b\xb9\xfa\x86\x9b)\xc8\xf7TJq\x96$I\x84C!r\xaaWg\xd8\xc8\xe7\x90$\x89W\x9f\x7f\x8a\x95\x7f\xac\xc0\xe9r&amp;\xfdPq\xb2+\x1d\xdf\xfb\x1e3\xe2\xfb\xe8\xa3\x8f\xb2a\xc3\x06\x14EI\xda\xf8&amp;eK</t>
        </is>
      </c>
    </row>
    <row r="441">
      <c r="A441" s="1" t="n">
        <v>439</v>
      </c>
      <c r="B441" t="inlineStr">
        <is>
          <t>color_number_hexagon</t>
        </is>
      </c>
      <c r="C441" t="inlineStr">
        <is>
          <t>What is the missing number of the part denoted with a question mark?</t>
        </is>
      </c>
      <c r="D441" t="inlineStr">
        <is>
          <t>['8', '1', '9', '6']</t>
        </is>
      </c>
      <c r="E441" t="inlineStr">
        <is>
          <t>8</t>
        </is>
      </c>
      <c r="F441" t="inlineStr">
        <is>
          <t>There is a hexagon split into six parts with the colors ['red', 'orange', 'orange', 'red', 'green', 'green'] in an anti-clockwise order. The parts are denoted with the numbers ['?', 8, 4, 4, 5, 7] respectively.</t>
        </is>
      </c>
      <c r="G441" t="inlineStr">
        <is>
          <t>We observe that the numbers in the green parts add up to 12. Similarly, the numbers in the orange parts also add up to 12. Thus, the pattern is that the numbers in the parts of the same color add up to 12.</t>
        </is>
      </c>
      <c r="H441" t="inlineStr">
        <is>
          <t>Based on the pattern that the numbers in the parts of the same color add up to 12, the missing number of the red part should be 8.</t>
        </is>
      </c>
      <c r="I441" t="inlineStr">
        <is>
          <t>b'\x89PNG\r\n\x1a\n\x00\x00\x00\rIHDR\x00\x00\x02\x00\x00\x00\x02\x00\x08\x02\x00\x00\x00{\x1aC\xad\x00\x00\x9e\x9dIDATx\x9c\xec\x9dwxT\xc5\xfa\xc7g\xde\x99\xddlO\xa1\n(\xd2\x11\x105\xa8Xh\x02\xd2T:H\x91\xe2U~\xd8\xa5(\xc2\xc5\xd0Q@\x9aX\xb1\\\x01\x05"\xa1\xab\x88\x08*\xc5\x8b\xa8 \x16\x10\tE\xac\xa1\xa5l/g\xde\xf9\xfd1!\x97\xcb\x15D!\xd9\xb3\xc9|\x9e}\xees\x89\x81\x9c\xec\x9e3\xef\xcc[\xbe_*\xa5$\x1a\x8dF\xa3){@\xbc/@\xa3\xd1h4\xf1A\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d1\x01@\xa3\xd1h\xca(:\x00h4\x1aM\x19E\x07\x00\x8dF\xa3)\xa3\xe8\x00\xa0\xd1h4e\x14\x1d\x004\x1a\x8d\xa6\x8c\xa2\x03\x80F\xa3\xd1\x94Qt\x00\xd0h4\x9a2\x8a\x0e\x00\x1a\x8dFSF\xe1\xf1\xbe\x00M&lt;\x91RJ)\xe3}\x15\x9a\xb8A)\xa5\x94\xc6\xfb*4q\x83\xea\xe7\xbf\xccb\x18\x06\xe7z\x07P\xd61\x0c\x831\xa6\xc3@\xd9D\x07\x802\n"\x02\xc0\xbe}\xfb\x1ex\xe0\x01\x00@\xc4x_\x91\xa6D\xe1\x9c\x1b\x86q\xef\xbd\xf7\xf6\xeb\xd7/\xde\xd7\xa2\x89\x1bz\x03X\xe6P!?\x14\n\xcd\x9a5+%%\xe5\xe3\x8f?\x8e\xf7\x15i\xe2F\x83\x06\r~\xfd\xf5\xd7\x0e\x1d:4j\xd4HJ\t\xa0\x8b\x82e\x0b}\x02(s\x08!\x18c\x0b\x17.\x1c&lt;x0\xa5\x941Vt\x0f\x00\x00\xd1\xf7C\xa9\x86R\x8a\x88E\x9f1c,\x1a\x8d\x0e\x180`\xd1\xa2E:%X\x06\xd1\x01\xa0l\xa1\xaa\xbe\x05\x05\x05\r\x1a48q\xe2\x04"\xea\xe4O\x19\xc7j\xb5\n!&gt;\xfe\xf8\xe3\xe6\xcd\x9b\xab\xcdA\xbc\xafHSr\xe8\x80_\xb6@D\xc6XFFFNN\x0ec\x8cH\xa9\xfa@\x10\xb1\xefM7\xdd\xdd\xaaUA0\xc8t\x1e\xa0\x94\x82\x88N\x9b\xed\xcbC\x87&amp;._\x8eRJ")\x05\xc30\x10q\xd8\xb0a\xff\xfe\xf7\xbf-\x16\x8b\x94R\x17\x84\xcb\x0e\xfa\x04P\x86@DJ\xe9\xfe\xfd\xfb\x1b5j\x84\x88E=\xa0@)JyIj\xea7\xd3\xa7\xa78\x1cQ\xc3\x00\xbd\x04\x94F\x84\x94N\x87\xa3\xfd\x94)\x1b\xbe\xf9\x86\x01\x08DB\x08\xa5\x04\x80\t!\x16,X0h\xd0 }\x08(S\xe8\x00P\x86P\xcfv\xfb\xf6\xed7l\xd8`\xb1\xf0X\xcc\xb8\xaea\x8d\x9c\x13\x05\xbf\x1c\xcbe\xc0\x0c!\x06\xb5h\xf1\xf2=\xf7\x9c\xf4\xfb\xf5!\xa0\xf4!\x10\xd3\\\xaeE[\xb7\xde\xf7\xdak\x0c@H\xb4Xx\xa3k\xaf\xf8\xea\xdf\xdf\xaa\xdao\xc5\x8a\x15\xf7\xec\xd9\x93\x92\x92\xa2\x87\x03\xca\x0e:\x00\x94\x15\xd4\xea\xbfa\xc3\x86\xf6\xed\xdb\xab-\x9e\x94\xf8\xf9\xe2\xf1[\xbe\xdc7bV&amp;gL5\x86n\x1d?\xbe\xd1\xa5\x97\x06\xc2a\xdd\x10R\x9a\x90\xa7r}M\x9f|\xf2\xd0\xb1c\xaa\x07\xf4\xfa\x96\xd7&lt;\xf9\xdc\xc8\x01\xad\x1e\xf0\xe6\xf98\xe7\xb1Xl\xec\xd8\xb1S\xa6L\xd1\x87\x80\xb2\x83~\xc8\xcb\x04\xea\xf97\x0c\xe3\x91G\x1e\xa1\x840\x00!D\x9f\xf6M\x9b\\[\x7fh\xef\xd6\xb5/\xadd\x08\xc1\x18\x18B\x8c\xc9\xccd\x94\x12\xbd\x01,]\xa8\xed\xff\xac\xf7\xde;t\xec\x98\n\xf6\x8c\xb3\xbb\x1f\xeb\x7f\xc9e\x95\x06\x0f\xef#\xa5D\x89\xc0\xe0\x99g\x9e\xc9\xce\xce\xd6s!e\x07\x1d\x00\xca\x04jw?\x7f\xfe\xfc\x1f~\xf8\x81qn\x08\x91\xecr\x8c\xbb\xafk\xcc\x17t\xb8\x9d\x93\x1e\xe8J\x08A)\x19\xc0\'{\xf7\xbe\xf3\xd5W\xc9\x0e\x87\xd0K@iAJi\xb7Z\xb3sr\xe6o\xdc\xa8r;\x88\xd8\xb1w\x9b\x06\xe9\xf5r~9\xd6\xb1w\xdb\xda\rk\xa0@\xd5\x12:v\xecXJub\xa0\xac\xa0\x03@\xe9G\xd5~srr222Tv\x17\x11\x1f\xee\xdb\xa6^\xc3\x1a\xb1H,\xec\x0b\xf6\xed\xd2\xa2yz]!P\xa5}\xc6ff\xfa\xc3\xe1\xd3\xe7\x034\t\x8d@t\xd9l\x13\x96/\xcf\x0b\x048\x03!\xd1\xe5q\x0e\x1e\xde7\x1c\x0cK)\xedN\xdb\xbd\xa3\x06H)U\x0c\xc8\xca\xca\xda\xb0a\x03cL\x08\x11\xef\x0b\xd7\x14;:\x00\x94~\xd4\x84\xe7\x981c\xf2\xf2\xf2,\x9c\x1b\x86Q\xa3j\x85\xe1\x83:E\xf3\xfd\x8c\x81$\x12\x85xf\xf8\x9d\x9c1\x81\x823v\xe0\xe8\xd1\xd9\xef\xbd\x97\xe6t\xeaC@)@ \xa6:\x9d\xebv\xef\xce\xfa\xec3\x06\x80\x92H\x94w=\xdc\xabb\x95\xf2\xd1p\x94s\xee\xcb\xf77\xbd\xa5I\xb3\xf6M\x85\x10\x00@)}\xe4\x91G\x0c\xc3\xd0\xe7\x80\xb2\x80\x0e\x00\xa5\x1c\x95\xfc\xd9\xb9s\xe7\xd2\xa5K\x190D\x94\x92&lt;\xf5P\x8f\xb4\n)\xc20(\xa5\x0c \x12\x087m\xda`H\xf7\x16jD\x94R\xfa\xf2\xc6\x8d\xd999v\xabU/\x01\x89\x0e\xa54&amp;\xc4\xb45kPJ\x95\xdc\xaf\xdd\xb0F\xb7\xc1\xb7\xf9\xbd\x81\xc2J/%B\x88{G\rp\xba\x1d\xaa\xfc\xfb\xc3\x0f?\xcc\x9f?_W\x02\xca\x02:\x00\x94rT\xf9w\xe4\xc8\x91\x91H\x84q0\x84h\x9e^\xb7O\x97\xe6\xe1&lt;_Q\xa7\x07\x005\xfc\xe1\x89\x0f\xf6H\xf58\x04"g\x90\x17\x08LX\xbe\xdcc\xb7\xebC@Bc\x08Q\xde\xed^\xb8e\xcb\xf6\xecl\xce@ J)\xef\x1d5\xc0fO\x12B\x10J\x08!\x00\x10\xf4\x05\xeb4\xaa\xd9e`GD$\x94PJ322\xf2\xf2\xf2\x00@\xef\x00J7:\x00\x94f\xd4\x86.++k\xf3\xe6\xcd\x9cs\xc3\x10V\x0b\x7ff\xf8\x9d(\x84&lt;\xad\xcd\x87R\x1a\x8bF+TN\x1b?\xb4\xab\x9a\x0e\x03\x80U_|\xf1\xf1\xde\xbd\x1e\xbb]o\x03\x13\x14)\xa5\x95\xf3\xdf\xf2\xf2f\xbf\xf7\x1e\xa5\x94P@\xc4f\x1dnhzK\x13_\xbe\xff\xf4FO\xc6\x997\xdf\xd7{H\xd7*\x97U\x12\x86\xe0\x9c\xe7\xe5\xe5\xa9\x8a\x91\xfe\xf4K7:\x00\x94Z\xd4\xdeM\xf5u\x105\xee\x8bxg\xfb\xeb\x9b\xde\xd00\x12\x08\x9d1\xea\x05\x8cE}\xa1\xfb\xfa\xb4\xad[\xbd\xb2!\x90\x01D\r##+\x8b1\xa6w\x80\t\x8a\x81\x98\xe6r\xcd[\xbf\xfe\xf0\xf1\xe3\x0c\x00\x11-\x16&gt;xx\x1f\xb5\xcd?\x1dJ\xa9\x115\xcaWJ\xebs\x7f\x8f\xc2\x96\xd0S=c:\x11T\xba\xd1\x01\xa0\xd4\xa2d\x7ff\xce\x9c\x99\x9d\x9dm\xb1Xb\x86\x91\x96\xec|\xfa\xd1^\x86?D\xffg\xc8\x8b\x12"\x84H\xb2[\xe7&lt;\xd6\xb7\xf0\xef\x02l\xdf\xbf\x7f\xf1\xb6m\xe5\xdcnC7\x84$\x1a\x88\xe8\xb6\xd9v\x1f9\xf2\xca\xa6M\x00@(A\xc4\xee\xff\xb8\xbd\xde\x95\xb5\x83\xbe\xe0\xffN\xf91\xce\xf2s\x0b:\xdd\xd9\xb6\xd1\xb5W\x08C0\xce\n\xa7Ft)\xb8T\xa3\x03@\xe9D\xd5~\x0f\x1e&lt;8}\xfat%\xf2,\xa5|\xb4\xdf\xadU\xab_\x12\x8dD\xffP\xea\x871\x08\xfbB\x9dZ7i\xdb\xb4\x81@\x04\xa0\x94\x90\xc9+W\x1e\xcd\xcf\xb7r\xaeW\x81\xc4B\x12\xc2\x19\x1b\x9f\x95\xe5\r\x85\x00\xa8\x10\x98Z&gt;\xa5\xd7\xbd]\x82\x81\x10\xb0\xb3&lt;\xf5\x92p\x0b\x1b\xf8ho\x00@!\x18g\x1b6l\xc8\xca\xca\xd2-\xa1\xa5\x18\x1d\x00J\'\xaa\xf6;i\xd2$\xaf\xd7\xcb\x19\x8b\x19F\xdd\xea\x95\x1f\xbf\xe7\x8ehA\x80\x9d\xed\xf9\'\x84\x10\x89\x02\xe7\x8e\xeao\xb5p\x81\xc8\x18;r\xe2\xc4\xb3\xeb\xd7\xa7\xb9\\\x86\xce\x03$\x0e\xaa\xf5\xf3\x83o\xbeyg\xd7.\x06 %\x91R\x0e\x1e\xd1\xb7R\xd5\n\xd1p\xf4l:?\xc0\xc0\x97\xef\xbf\xb1\xcdu\xb7tn\xa6\x86B(\xa5c\xc7\x8e\x8dF\xa3\xfa\x1cPZ\xd1\x01\xa0\x14\xa2j\xbf[\xb6lY\xbcx\xb1\xea\xee\'\x84\xccy\xac\xaf\xdda\x13BPrV\x99\x07\x00\x88\x04C\r\xaf\xac9\xfc\xaev\x88\x92P\x02\x00\xafl\xda\xb4\xeb\xc7\x1f]6\x1b\xea% A`\x00\xfepx\xc2\xf2\xe5\x94\x10\n \x84ht\xed\x15\xb7\xf5\xbd\xd5\x9b\xe7c\xfc\\"?\xc0 \x14\x0c\xdd;j\x80;\xc5e\xc4\x0c\xceyvv\xf6\xcc\x993u%\xa0\xb4\xa2\x03@\xe9D\x08\x91\x91\x91\xa1F{\x84\xc0\xb6M\x1btj\xdd$\xec\x0b\x9es\xfbO\x08!\x00`\xf8\xc3#\x06u\xacT.\x19\x052\xa0\xdePh\xfa\xda\xb5\x0e\xabU/\x01\t\x81!D\xaa\xd3\xb9\xf8\xd3O\xbf&gt;r\x04\x18\xa8\x8a\xee\x80G{s\xfe\xe7\xa3\xdd\x94\xd2H(zi\xcd*\xdd\x06u\x92\xca0\x00\xe8\xacY\xb3rrrtGP\xa9D\x07\x80\xd2\x86a\x18\x8c\xb1%K\x96l\xd9\xb2\xc5\xc2\xb9!\x04gl\xee\xa8\xfe(\x90\x90?\xdf\xc2SJ\xa3\xd1h\xc5K\xcaOy\xb0;J\xa9\x04\x82V~\xfe\xf9\xba\xdd\xbbS\xf5l\xb0\xe9\x91R\xda\xac\xd6\x9fN\x9e\x9c\xbaj\x15PJ)\xa0\xc0V\xb7\xdf|S\xdb\xeb}\xf9\xfe\xb3f\xffO\x831\xe6\xcd\xf3\xf5\xbd\xbfG\xd5\xea\x95\xd5! 77w\xcc\x981z&amp;\xa0T\xa2\x03@\xa9B\xb5\xf0{\xbd\xde\x89\x13\'\x02\xa5\xaa\xf7cH\xf7\x16\r\x1b\xd6\x88\x04\xcfW\xe1\x991\x16\xf5\x06\xfawi\x96^\xbf\xba*&amp;\x0b\xc4ik\xd6\x18\x88Z&amp;\xde\xe4\x08D\xb7\xcd\xf6\xdc\xfa\xf5\xc7\xbc^\x95\xb7q\xba\x1dw=\xd2;\x1c:o}oJ\x84!\x1c.\xc7\xc0aw\x92S\xbddK\x96,\xd9\xb5k\x17cL\x1f\x02J\x19:\x00\x94*\xd4z=}\xfa\xf4\x83\x07\x0f2\xce\x84!R=\x8e\x89\x0f\xf60\x82\x11\x80\xf3]\xbb)!B\xa0\xdda\x9b&gt;\xac\xb7\x94\x04%2\x06\xdb\xb3\xb3\xdf\xd8\xbc\xb9\x9c\xcb\xa5[BM\x0b"\xba\xed\xf6/\x0f\x1dz\xf1\xc3\x0f\x8b\xc2\x7f\x97\x81\x1d\xeb_Y+\xe4\x0f\xd1\xf3\xbe\x01\x18g\xbe\x02_\xfb\x9em\xae\xbc\xee\na\x08`\x10\x8dF\x87\r\x1b&amp;\x84\xd0\x87\x80R\x86\x0e\x00\xa5\x07\xb5YSU;\x06 Q\xa2\x94\xe3\x87v\xa9P9-\x16=k\xef\xc7\x1f\xc2\x18\x84\xbd\x816\xcd\xaf\xea\xde\xa6\x89\x10\x08\x94RJ\xa7\xac\\\xf9\xd3\xc9\x936-\x10dZ(e\x00c23\xa3\x86\x01\x8c\t\x81\x95/\xad\xd8{H\xd7\x82\xfc?\xa9\xfd\xfe!B\x88!\xa3\x07\xaam\x04\xe7|\xeb\xd6\xadK\x96,\xd1-\xa1\xa5\x0c\x1d\x00J\x0fj]V}{\x8c1\x81\x98^\xbf\xfa}}\xdbE}A\xf8[\x06OR\x88i\x8f\xf6Nv9\x04J\x06p\xcc\xeb}n\xfdz\xb7\xcd\xa6+\x01&amp;D &amp;\xdb\xed\xef\xec\xda\xf5\xc9\xde\xbd\x0c@Iz\xdc=\xa2_\xb9\x8a\xa9F\xd4\xf8\xab\xb9;%\x10t\xcdM\x8d;\xf6nS(\x10\x04t\xe2\xc4\x89\x05\x05\x05\xba%\xb44\xa1\x03@)A\xb5~n\xde\xbc\xb9pr\x07\x85\x94r\xc6\xb0\xdeI6\xab\x10\xe2od\xee\x01 \x1c\x08\xd7ip\xf9\xc3}\x0b\x97\x00\xa0\xf4\xc5\x0f?\xdcu\xf8\xb0[\x0b\x04\x99\x0f\xceX0\x1a\x1d\x9b\x99IN\xb5~^y\xdd\x15\xed{\xb6.\xc8\xf5\xfe\x8d\xed?!\x04\x18\x04\xfd\xc1\xc1\xc3\xfb\xba&lt;Na\x08\xce\xf8\xc1\x83\x07\xe7\xce\x9d\x0b\x00\xfa\x10Pj\xd0\x01\xa04\xa0\xc6\xbe"\x91\xc8\xc8\x91#)\xa5\xaa\xf5\xb3G\x9bk[7\xbf*\xec\x0b\xfcm\x7fW\xc6 \x9a\xef\x1f&gt;\xa8S\xadj\x15\x85@\xc6 j\x18SW\xaff\x00z\x07h*\x0c!\x92\xed\xf6\xf9\x9b6\x1d8z\x941@D\x8b\x95\x0f\x19=\xb0H\xf2\xf3o@)\x8d\x86\xa3\x15\xab\x94\xbf\xeb\x91^E\x9e\x91s\xe6\xcc9x\xf0\xa0\xae\x06\x97\x1at\x00(\r\xa8\xdaoff\xe6\xce\x9d;U\x96\xd6j\xe1\x93\x1e\xecN.\xec)U6\xc2i\x15S\xc7\xde{\xbbJ)0\x80\xb5;w~\xf0\xcd7\xa9N\xa7\xde\x06\x9a\x04\xd5\xfa\xf9Kn\xee\x8c\xb5k\xa9j\xfdDl\xd9\xe9\xa6\xf4\x9b\x1b\xff\xa1\xec\xcf\xf9\xc3\x18\xf3\xfb\x02]\x07t\xaaV\xa3\x8a0\x04c\xac\xa0\xa0`\xd2\xa4Iz&amp;\xa0\xd4\xa0\x03@\xc2\xa3\xb6\xffyyy\xa3G\x8f\x06\x00\xe5\xf88\xfc\xaev\r\x1a\xd6\x08\x07B\x17\xf2\xfc\x13B8c\xe1&lt;\xdf\x80\xee-\x9b_S\xd7P\xf2\x00\x84LX\xbe&lt;\x18\x8d\xfe\xed\x83\x85\xe6\xe2"\xa4\xf4\xd8lSV\xad\xca\x0f\x06\x19\x80\x10\xc2\x9d\xe2\xbag\xd4]\x01_\xf0|\x1a\xff\xcf\x05%h\xa0\xcd\x914t\xec \xa2\xd2\x8c\x9c-^\xbcx\xeb\xd6\xad\x9cs\xbd\x03(\x05\xe8\x00\x90\xf0\xa8\xed\x7fFFFNN\x0e\x030\x0cQ\xa9\x9cg\xc4\xa0\x8eF\xe0\xbc[\xbf\xcf\x89$\x92s6\xe1\xfe\xae\x00T\x8d\x95~}\xe4\xc8\xcb\x1b7\xa68\x1c\xba%4\xee \xa2\xc7f\xfb\xe4\xfb\xef\x17m\xdd\n@%!R\xcan\x83:]Z\xb3\xea9d\x7f\xce\x1f`\xe0\xf7\x06\x9a\xb5k\x9a~sc\x14\x08\x14\x84\x10\xc3\x86\r\x8bD"\xba\x1a\\\n\xd0\x01 \xb1Q\xab\xbf\xf2\xf0c\x00\x92H)\xe5\xd4\x87zT\xbc\xa4|\xf4/\xb6~\x9e\r\x06\x10\xf2\x06Z\xb7\xbc\xa6\x7f\xc7\x1b\x85@\x00\n\x94\xceX\xbb\xf6\x97\xdc\\\xdd\x12\x1aw$\xa5\x9c\xb1\x8c\xac,C\x08\x06L\xa0\xa8V\xa3J\xdf\xfb{xOs|\xbbpP\xe0\xfdO\xdem\xb1p!\x04\xe7|\xd7\xae]\x99\x99\x99Z \xa8\x14\xa0\x03@b\xa3\xf2?\xca\xc5\x9b1f\x18\xa2\xf95u\x07\xf5\xb8%\\\xe0\xe7\x17\xef\xf9\xa7\x00F0\xfc\xf4\xb0^i\xc9N\x95\x08\xca\x0f\x06\xa7\xacZ\xe5JJ\x12\t\x15\x00\xa4\x94\x88(\x10\r!\x0c\xc4\xc2\x97\x10By%\'\x1a\x86\x10iN\xe7\x9b\xdb\xb6m\xdf\xbf\x9f\x01\x08D"\xc9\xd0\xb1\x83\xecN\xbb\x10g\xba\xbe\xfcm\x00 \xe8\x0f\xd5\xbf\xbaN\xf7\x7f\xdc^\xd8\x0f\x060z\xf4\xe8\xdc\xdc\\}\x08Htt\x00H`T\xeb\xe7\x86\r\x1b6l\xd8\xa0\x1a\xff\x19\xc0\x84\xfb\xbbr~\x91e[\x80\xd2h$Z\xb5\xfa%\x8f\xf6\xbbU\xfd\xcb@\xe9\xa2\xad[w\x1e&gt;\xec\xb6\xd9\xcc\xbf\r\x94R\nD\x81\xc8\x19s\xd9\xed\xa9Ng\x05\x8f\xa7\x82\xdb]\xde\xe5\xaa\xe0vW\xf0xR\x9dN\x87\xd5\xaa\xbe-\xde\x17{\xbeH)9c\xdeP\xe8\xe9\xd5\xab\t!\x14\x00\x11\xd3on\xdc\xac]S\xbf\xd7\xff\xa7\xaa\x7f\x7f\t`\x10\xf4\x87z\xdd\xdb%\xb5|\x8a\xaa\x06\xe7\xe4\xe4\xcc\x9e=[\x1f\x02\x12\x1d\x1d\xc0\x13\x15\xd5\x96\x83\x88\x8d\x1a5\xda\xff\xc3\x0f\x16\x8b%\x1a\x8b\xf5\xeft\xe3[s\x1f\t\xe5z/z\x85V\x12I\t\x15\x946\xee\xf6\xcf\x03?\x1f\xb5p\x163D\xab\x06\r\xd6\x8d\x1a\xe5\r\x87\xff\xd0a\xc6\x0cH)\x85\x94I\x9c\xbb\x92\x92P\xca\x9c\x82\x82\x0399\x07\x8f\x1d\xfb\xe5\xe4Io(\x14\x89\xc5,\x9c\xa7:\x1c5*Vlx\xe9\xa5\xf5.\xb9\xc4f\xb1\x14\x04\x83\x92\x10\xd3\xfeFE\x18BTLN~r\xd9\xb2ik\xd6p\xc6PJ\n\xf4\xa5wf\xd6\xaa_=t\xde\xbaO\xe7\x8f0DJ\xf9\xe4\x95o\xbc;\xe7\x9f/3\xce\xa4\x94\x9c\xf1\xef\xbe\xfb\xaev\xed\xdaJ\x81\xea\xe2\xfe8M\xc9\xc0\xe3}\x01\x9a\xbf\x89\x12~x\xe9\xa5\x97~\xf8\xe1\x07\xce\xb9!D\xb2\xcb\x911\xb4\x8b\x08E\xff\xd7\xf1\xf1\xc2\xa1\x84\n!\xec\xc9\xeeI\x0ft\xed7f\xbeR\t\xfdd\xef\xdew\xbe\xfa\xaas\x93&amp;\xf9\x81\x003\xdf\x12 \xa5L\xb2X\x1cV\xeb/\xb9\xb9+&gt;\xff|\xddW_\xed8x\xf0\xf7\xbc\xbc?\xfcf+\xe7Mj\xd6\xbc\xbbe\xcb\xde7\xdc \xa5\x0c\xc7b&amp;\xfc\x8d\x8a\x90R\xda\xad\xd6\xec\x9c\x9c\xf9\x1b7\xaaJ\x0f"\xde\xde\xa7]\xfd\xc6\xb5\xff\xf6\xe4\xd7\xb9a\x9c\xf9\xf2\xfd\xedz\xb4~g\xf1\x07\x07\xf7\xfe\xc8-\\\xd9M/[\xb6L\x1f\x02\x12\x17}\x02HH\xd4#w\xec\xd8\xb1\x06\r\x1a\xe4\xe7\xe7s\xceb1\xe3\xc9!wL~\xe2\xae\xe0\xf1|^\x0c\xcf\x7f\xd1\xcf\xb5\xb9\x9d-\xee\x9a\xb8u\xd7~\x0b\xe71\xc3\xa8]\xa9\xd2\xf6\xc9\x93%!\xd2dZ\xa1*C\xf2\xf3\xc9\x93\x0b\xb7ly{\xfb\xf6\xdfN\xad\xfb\x94R\xa6\xcc\xaeN}\xa7R\xbd.J\xfe\xb4i\xd4\xe8\xa5\x7f\xfc\xa3RJJ(\x121\xed\xc6\xd6\x10\xa2\x82\xc7s\xd7\x0b/\xbc\xbd}\xbb\x853\x03\xd1\xe9r,\xd8\xf4\xbc2r)\xa6\x0fB\x08\xe1Iqo\xdf\xf4\xe5\xe8A\x93\xd4\x11S\x08\xf1\xc1\x07\x1f\xb4k\xd7Ne#\x8b\xe3\x87j\x8a\x15\x93\xde\xdf\x9as\xa3\x0e\xddc\xc6\x8c\xc9\xcb\xcb\xb3pn\x18F\x8d\xaa\x15\x86\x0f\xea\x14\xcd\xbf\xc8\xc9\xdf3\x7f.!(\xc43\xc3\xefTFc\x9c\xb1\x03G\x8f\xce~\xef\xbd4\xf3Y\x05\xa0\x94n\x9b\xed\xfd\xdd\xbb\xe7\xac[\xf7[^\x1e\x03\xb00fa\x8cHi\x08\x115\x8c\xc8\xa9WL\x085\xe3\x06\x00\x9c\xb1M\xdf}\xd7y\xe6\xcc\x93&gt;\x9f\xd5b1\xe7\xf6H9&gt;\xae\xdb\xbd;\xeb\xb3\xcf\x18\x00J"Q\xde\xf5p\xaf\x8aU\xca_\x94\xd6\xcf\xb3\xc1\x18\xf3\xe5\xfb\x9b\xde\xd2\xa4Y\xfb\xa6\xcak\xa8\xa8\x01AW\x83\x13\x14\x1d\x00\x12\x0f\xd5\xfa\xb9s\xe7\xce\xa5K\x972`\xaa\x81\xe5\xa9\x87z\xa4UH\x11Fq\xed\xfe\x14\x0c \x12\x087m\xda`H\xf7\x16\x88\x92\x10B)}y\xe3\xc6\xec\x9c\x1c\xbb\xc9ZB\x81R_8\xdc\xf7\xa6\x9b\xaa\xa4\xa6Z\x18#\x84\xc4\x84\x88\t!\t\xb9$5\xf5\xda\x9a5\xdb4j\xd4\xe1\xaa\xabn\xaeW\xafZZZ\xe1\t@JC\x08\x0bc\xfb~\xfb\xed\xe1\x05\x0b\x9287\xd1\xefs\x1a\x94\xd2\x98\x10\xd3\xd6\xacA)U\x19\xb6v\xc3\x1a\xdd\x06\xdf\xe6\xf7\xfe}\xd9\x8f\xf3\xfe\xd9D\x08q\xef\xa8\x01N\xb7C\xed\xfaU\x0b\xb2\xae\x06\'(:n\'\x1e\xea\xc1k\xd5\xaa\xd5\xe6\xcd\x9b\xadVK4\x1ak\x9e^w\xcb[\xe3\xc3\xde\xc0\x85N~\x9e\x07RJ\xc6y\x9e7P\xaf\xf3\xa8|_\x883\x88\x19\xe2\xce\x1bo\\\xf2\xd0CG\x0b\n.b\xef\xe9\x85c Vp\xbb\x9f\\\xb6l\xfa\xda\xb5\x84\x90\x86\xd5\xaau\xb9\xf6\xda6\x8d\x1a\xd5\xaeT)\xd9\xe1\xb0rN\x08\x11\x88\xf9\x81\xc0\x17\x87\x0eM]\xb5j\xe7\xe1\xc3@\xa9*o\x08\xc4\xb5\x8f?\xde\xa6Q#_\xf0\x82\xd4\x14.:\xaa\xf6\xfb\xd2\x87\x1f&gt;\xbc`\x01g\x80\x92 \xe2\xb4\x85\xe3nls\xad7\xffb\xf6\xfe\x9f\xf5\x02bF\xb9Ji/Lz}\xc9\x0b+\xb8\x85\x0bC\xa4\xa4\xa4\x1c&lt;x0%%\x85\x10b\xaa4\xa0\xe6O1\xd1\x9d\xad9\x1f\xd4\xea\x9f\x95\x95\xb5y\xf3f\xce\xb9a\x08\xab\x85?3\xfcN\x14B\x96\xc8\xa3G)\x8dE\xa3\x15*\xa7\x8d\x1f\xdaUu"\x01\xc0\xaa/\xbe\xf8x\xef^\x8f\xc9TB\x19\xa5\xc1H\xa4\xefM7u\xbd\xf6\xdae\x8f&gt;\xbay\xdc\xb8\t=z4\xadU\xcbi\xb3Eb1o0X\x10\x0c\x06"\x11\x9b\xd5\xda\xe9\xea\xab7\xfc\xf3\x9f\xcd\xeb\xd7G)Uy\x80\x12\x92\xf5\xd9g\x16\x00\x13\xfd&gt;\x84H)\xad\x9c\xff\x96\x977\xfb\xbd\xf7(\xa5\x84\x02"6\xebpC\xd3[\x9a\xf8\xf2\xfd%\x93\x85g\x9cy\xf3}\xbd\x87t\xadrY%e\x15\x90\x97\x97\x97\x91\x91\xa1\x05\x82\x12\x11\x1d\x00\x12\tu\\S\xdd\x17\x84\x10\xa0\x14\x11\xefl\x7f}\xd3\x1b\x1aF\x02\xa1\x12\xebZ\x01\xc6\xa2\xbe\xd0}}\xda\xd6\xad^\xd9\x10\xc8\x00\xa2\x86\x91\x91\x95\xc5\x183\xd5q\x92R\x1a1\x8c\xaaii\x8b\x1fz\xe8\x8e\xf4t\x94\xf2\x84\xdf\xef\x8fD\x84\x10J3UU\x83Q\xca\x13&gt;\x9f\xddj}\xaaO\x1f\x0bc\x92\x10\xf5\xfa\xea\xc7\x1f\xbd\xa1\x92{W\xcf\x07\x031\xcd\xe5\x9a\xb7~\xfd\xe1\xe3\xc7\x19\x00"Z,|\xf0\xf0&gt;j&gt;\xabd\xa0\x94\x1aQ\xa3|\xa5\xb4&gt;\xf7\xf7(T\t\x05\x98?\x7f\xfe\x0f?\xfc\xa0\x13A\t\x87\x89nn\xcd\x9f\xa2Z?g\xce\x9c\x99\x9d\x9dm\xb1Xb\x86\x91\x96\xec|\xfa\xd1^\x86?T\x1c\xad\x9fg\x83\x12"\x84H\xb2[\xe7&lt;\xd6\xb7\xf0\xaa\x00\xb6\xef\xdf\xbfx\xdb\xb6rn\xb7\xd9\x04\x82\xa4\x94\xbeP(?\x18$\x84pU\xb8\xfc\xef4\x05%\xc4\xca\xb9/\x1c\xae_\xa5J\xed\xca\x95\x8b\x92\xa2\xc7\xbc^_(\xc4Mc\x86\x8e\x88n\x9bm\xf7\x91#\xafl\xda\x04\x00\xca\xf1\xb1\xfb?n\xafwe\xed\x0bT\xfd\xfc\xab0\xce\xf2s\x0b:\xdd\xd9\xb6\xd1\xb5W\x08C0\xce\x0c\xc3x\xe4\x91Gt)8\xe1\xd0\x01 aP\xb5\xdf\x83\x07\x0fN\x9f&gt;\x1d\x00\xd4$\xd8\xa3\xfdn\xadZ\xfd\x92h$Z\xc2\x83K\x8cA\xd8\x17\xea\xd4\xbaI\xdb\xa6\r\x04"\x00\xa5\x84L^\xb9\xf2h~\xbe\x95s\xb3\xad\x02j\xb3\x7f\xee\xef\x91R&amp;q\x9e\xeat\x12R\xb8\x99\x8e\x19\x86\x90%\x93W;/$!\x9c\xb1\xf1YY\xdeP\x08\x80\n\x81\xa9\xe5Sz\xdd\xdb%\x18\x08\x95@\xed\xe7\x7f\xaf\x86[\xd8\xc0G{\x03\x00\n\xc18\xdb\xb0aC\xa1\x19\x91\xc9v\x00\x9as\xa0\x03@\xc2\xa0d\x7f&amp;M\x9a\xe4\xf5z9c1\xc3\xa8[\xbd\xf2\xe3\xf7\xdc\x11-\x08\x14k\xeb\xe79\xae\x08\x05\xce\x1d\xd5\xdfj\xe1\x02\x911v\xe4\xc4\x89g\xd7\xafOs\xb9\x8c\x04\xcc\x03\xa8\xd6\x1a\x7f8\\\xf4\x15\xbb\xd5j1MRK\xb5~~\xf0\xcd7\xef\xec\xda\xc5\x00\xa4$R\xca\xc1#\xfaV\xaaZ\xa1X[?\xcf\x060\xf0\xe5\xfbols\xdd-\x9d\x9b\t\xa5\x13N\xa9\xb2#\xd5\xe7\x80\x04B\x07\x80\xc4@\xd5~\xb7l\xd9\xb2x\xf1b\xd5\x83O\x08\x99\xf3X_\xbb\xc3&amp;\x84\xa0%\x96\x00&gt;\r\x00\x88\x04C\r\xaf\xac9\xfc\xaev\x88Ri\x84\xbd\xb2i\xd3\xae\x1f\x7ft\xd9l\x89\xa5\xad&amp;\xa5\xb40v\xb4\xa0\xe0\xd0\xb1c\x84\x10u\xe9\x95SR&lt;v\xbb!\x84\x19:[\x18\x80?\x1c\x9e\xb0|9=\xe5\xf8\xd8\xe8\xda+n\xeb{\xab7\xef\xef\x18\xbe_\x14\x80A(\x18\xbaw\xd4\x005}\xc69\xcf\xce\xce\x9e9s\xa6\xae\x04$\x10:\x00$\x0cB\x88\x8c\x8c\x0c5\x80#\x04\xb6m\xda\xa0S\xeb&amp;a_0N\xdb\x7fB\x08\x01\x00\xc3\x1f\x1e1\xa8c\xa5r\xc9(\x90\x01\xf5\x86B\xd3\xd7\xaeuX\xad\x89\xb5\x04\xc4\x84Hq8\x16o\xdb\xe6\x0f\x87\x19\x80Z\xef\x9b\xd6\xaa\xe54\x87\xdc\xa9!D\xaa\xd3\xb9\xf8\xd3O\xbf&gt;r\x04\x18\xa8\xba\xeb\x80G{s\xce\xe2\xb8\xd7\xa6\x94FB\xd1KkV\xe96\xa8\x93\x94R\x12I\x81\xce\x9a5+\'\'Gw\x04%\n:\x00$\x00J\xeay\xc9\x92%[\xb6l\xb1pn\x08\xc1\x19\x9b;\xaa?\n&lt;\xb5[\x8d\x0f\x94\xd2h4Z\xf1\x92\xf2S\x1e\xec\xae\x04\x15\x18\xc0\xca\xcf?_\xb7{w\xaa\xf9f\x83\xcfFL\x88\x8a\xc9\xc9\x1f~\xfb\xed\xecu\xebTS\x90$\x84\x01\xf4\xb9\xf9\xe6\x88a\xc4]\x15N9&gt;\xfet\xf2\xe4\xd4U\xab@9&gt;\nlu\xfb\xcd7\xb5\xbd\xde\x97\xef\x8fC\xf6\xff4\x18c\xde&lt;_\xdf\xfb{T\xad^Y\x1d\x02rss\xc7\x8c\x19\x03\xa6\xa9\x9ck\xce\x8d\x0e\x00fG5\xda{\xbd\xde\x89\x13\'\x02\xa5\xaa\xf7cH\xf7\x16\r\x1b\xd6\x88\x14\x83\xe8\xe3_\x851\x16\xf5\x06\xfawi\x96^\xbf\xba*S\x0b\xc4ik\xd6\x18&amp;\x93\x06:\x1b1!*x&lt;\xdb\xf6\xed\xeb\xff\xfc\xf3\xa1hT\x12\xc2\x01\x04\xe2\xdd-[\xdeP\xbb\xb6\xdf\x04B\xa7\x02\xd1m\xb3=\xb7~\xfd1\xafWeW\x9cn\xc7]\x8f\xf4\x0e\x87\xe2\xff\xe9\x13J\x84!\x1c.\xc7\xc0aw\x92S]jK\x96,\xd9\xb5k\x976\x8eO\x08\xe2}\x03i\xfe\x0c\xb5\xaaN\x9f&gt;\xfd\xe0\xc1\x83\x8c3a\x88T\x8fc\xe2\x83=\x8c`\xe4T\xae"\x9ePB\x84@\xbb\xc36}Xo)\tJd\x0c\xb6gg\xbf\xb1ys9\x97\xcbl-\xa1\xa7\xa3\xd4\xff+%\'\xaf\xfe\xe2\x8b.\xb3f\x9d\xf0\xf9\x80R\x06\x10\x13\xe2\xda\x9a5\xa7\xdey\xa77\x14\x8a\xfb\xea\x8f\x88n\xbb\xfd\xcbC\x87^\xfc\xf0\xc3\xa2\xf0\xdfe`\xc7\xfaW\xd6\n\xf9C\xd4\x047\x00\xe3\xccW\xe0k\xdf\xb3\xcd\x95\xd7]!\x0c\x01\x0c\xa2\xd1\xe8\xb0a\xc3\x84\x10\xfa\x10`~t\x0005jK\xa5jk\x0c@\xa2D)\xc7\x0f\xedR\xa1rZ\xec"9&gt;^8\x8cA\xd8\x1bh\xd3\xfc\xaa\xeem\x9a\x08\x81\xaa\xd1~\xca\xca\x95?\x9d&lt;iZ\xcfH)%\xa14\xd5\xe5\x9a\xf5\xee\xbb}\xe6\xcd\xf3\x85B@)\x00\x18B4\xa9Q#k\xd80\xab\xc5"\xccp\x88\xa1\x94\x01\x8c\xc9\xcc\x8c\x1a\x060&amp;\x04V\xbe\xb4b\xef!]\x0b\xf2\xe3V\xfb\xfdC\x84\x10CF\x0fT\x1b\x14\xce\xf9\xd6\xad[\x97,Y\xa2[B\xcd\x8f\x0e\x00\xa6F\xad\x9e\xaa\xbbNy~\xa5\xd7\xaf~_\xdfvQ_\x10\xcc\xa4\xbaC\x08\x91BL{\xb4w\xb2\xcb!P2\x80c^\xefs\xeb\xd7\xbbm6\x13V\x02\xa4\x94\x14\xc0a\xb5&gt;\xb2`\xc1\x13K\x97*\xfb\x17J\xa9!D\xbb\xc6\x8d\xd7&gt;\xfex\xaa\xd3\x19\x8e\x96\xf4h\xc5\xff"\x10\x93\xed\xf6wv\xed\xfad\xef^\x06\xa0\x847\xee\x1e\xd1\xaf\\\xc5T#Z\xbc\xaa\x7f\x7f\t\x00\x08\xfa\x82\xd7\xdc\xd4\xb8c\xef6j&amp;\x99\x02\x9d8qbAA\x81n\t59:\x00\x98\x17\xd5\xfa\xb9y\xf3\xe6\xc2\xf9\x1a\x14R\xca\x19\xc3z\'\xd9\xacB\x08\xb3&lt;\xfd\x84\x10B\x00 \x1c\x08\xd7ip\xf9\xc3}\x0b\x97\x00\xa0\xf4\xc5\x0f?\xdcu\xf8\xb0\xdbd\x02A\n\x87\xc5r\xdfk\xaf\xbd\xb2i\x13\x07\xa0\x84HB\x04\xe2}m\xdb.{\xf4Q\xbb\xd5\x1a\x8aF\xcd\xa0\x00\xc1\x19\x0bF\xa3c33\xc9\xa9\xd6\xcf+\xaf\xbb\xa2}\xcf\xd6\xc5d\xf9r!\x00\x83\xa0?8xx_\x97\xc7)\x0c\xc1\x19?x\xf0\xe0\xdc\xb9s\x01@\x1f\x02\xccL\xfc\xefr\xcd\x1f\xa2\xc6\xbe"\x91\xc8\xc8\x91#\x95p\x8d\x10\xd8\xa3\xcd\xb5\xad\x9b_\x15\xf6\x15\xbf\xea\xef_\x871\x88\xe6\xfb\x87\x0f\xeaT\xabZE!\x901\x88\x1a\xc6\xd4\xd5\xab\x19\x80\xa9v\x80\x021\xc5\xe9\x9c\xb2z\xf5\xe2O?\xb50&amp;\xa4\x94RRBf\x0f\x180o\xf0\xe0\x88aD\r\xc3\x0c\xab\xbf!D\xb2\xdd&gt;\x7f\xd3\xa6\x03G\x8f2\x06\x88h\xb1\xf2!\xa3\x07\n!\xe21\xf5\xf1\'PJ\xa3\xe1h\xc5*\xe5\xefz\xa4W\xa1@\x10\x839s\xe6\x1c&lt;xPW\x83\xcdL\xfcot\xcd\x1f\xa2j\xbf\x99\x99\x99;w\xeeT\xb9T\xab\x85Oz\xb0;1\xeb\xb3D)5\x0c#\xadb\xea\xd8{oW\xc9\n\x06\xb0v\xe7\xce\x0f\xbe\xf9&amp;\xd5\xe94\xc96\x10\xa5t&amp;%}q\xf0\xe0\xccw\xdeQ\x9a\xcf\x94\x10\xc6\xd8\x1b\xf7\xdd\xf7h\x87\x0e\'|&gt;"e\xdc3?\xe4T\xeb\xe7/\xb9\xb93\xd6\xae\xa5\xaa\xf5\x13\xb1e\xa7\x9b\xd2on\\\xc2\xb2?\xe7\x0fc\xcc\xef\x0bt\x1d\xd0\xa9Z\x8d*\xca8\xbe\xa0\xa0`\xd2\xa4Iz&amp;\xc0\xcc\x98\xf1N\xd2\xa8\xed\x7f^^\xde\xe8\xd1\xa3\x01\x80R\x82\x88\xc3\xefj\xd7\xa0a\x8dp d\xce\xe7\x9f\x10\xc2\x19\x0b\xe7\xf9\x06to\xd9\xfc\x9a\xba\x86\x92\x07 d\xc2\xf2\xe5\xc1h\xd4$G\x16)\xa5\xcdby\xed\xe3\x8f\x8b\xbaTQ\xcay\x83\x06\rh\xde&lt;\xa7\xa0\x80\xff\x97Sd&lt;\x11Rzl\xb6)\xabV\xe5\x07\x83\x0c@\x08\xe1Nq\xdd3\xea\xae\x80/\x18\xdf\xc6\xffsA\t\x1ahs$\r\x1d;\x88\xa8\x04&amp;g\x8b\x17/\xde\xbau+\xe7\xdc$;\x00\xcd\x19\x98\xf5f*\xdb\xa8\xed\x7fFFFNN\x0e\x030\x0cQ\xa9\x9cg\xc4\xa0\x8eF\xc0\x04\xad\xdf\xe7D\x12\xc99\x9bp\x7fW\x00\xaa\x06V\xbf&gt;r\xe4\xe5\x8d\x1bS\x1c\x0e3\xb4\x84r\x80\xbc@`\xdb\x0f?(\xc5\x7f\x94\xb2\xdbu\xd7\ri\xdd:\'?\xdfb\x8e\x10E\x08AD\x8f\xcd\xf6\xc9\xf7\xdf/\xda\xba\x15\x80JB\xa4\x94\xdd\x06u\xba\xb4f\xd5\xb8\xc8\xfe\x9c?\xc0\xc0\xef\r4k\xd74\xfd\xe6\xc6(\x10(\x08!\x86\r\x1b\x16\x89Dt5\xd8\x9c\x98z5)\x9b\xa8\xd5_9\xed1\x00I\xa4\x94r\xeaC=*^R&gt;j\x9a\xd6\xcf\xb3\xc1\x00B\xde@\xeb\x96\xd7\xf4\xefx\xa3\x10\x08@\x81\xd2\x19k\xd7\xfe\x92\x9b\x1b\xf7\x96P)\xa5\x85\xf3\xa3\x05\x05\xbf\xe5\xe5IBT^b`\x8b\x161s\xa8\xfd\x14!)\xe5\x8cede\x19B0`\x02E\xb5\x1aU\xfa\xde\xdf\xc3\x9bW\x12\x86_\x17\x0e\n\xbc\xff\xc9\xbb-\x16.\x84\xe0\x9c\xef\xda\xb5+33S\x0b\x04\x99\x13\x1d\x00L\x87\xca\xff(\xafm\xc6\x98a\x88\xe6\xd7\xd4\x1d\xd4\xe3\x96p\x81\xdfT\x86\x8bg\x83\x02\x18\xc1\xf0\xd3\xc3z\xa5%;U"(?\x18\x9c\xb2j\x95+\xde\xba:\x92\x10\x00(\x08\x85\n\xcb\xbc\x94:\x93\x92jU\xac\x18\x89\xc5\xcc\x90\xf7W\x18B\xa49\x9don\xdb\xb6}\xff~U\xa5 \x92\x0c\x1d;\xc8\xee\xb4\x0bQr\xae/\x7f\x1b\x00\x08\xfaC\xf5\xaf\xae\xd3\xfd\x1f\xb7\x17\xf6\x83\x01\x8c\x1e=:77W\x1f\x02L\x88\x0e\x00\xe6B\xb5~n\xd8\xb0a\xc3\x86\r\xaa\xf1\x9f\x01L\xb8\xbf+\xe7\t#\xae\x02\x94F#\xd1\xaa\xd5/y\xb4\xdf\xad\xea\x9a\x81\xd2E[\xb7\xee&lt;|\xd8m\xb3\xc5w\x1b\x08\x84Dc1C\x08\x81(\x10cB8\xe2}.9\x1d)%g\xcc\x1b\n=\xbdz5!\x84\x02 b\xfa\xcd\x8d\x9b\xb5k\xea\xf7\xfa\xe3\xa8\xfa\xf7\x97\x00\x06A\x7f\xa8\xd7\xbd]R\xcb\xa7\xa8jpNN\xce\xec\xd9\xb3\xf5!\xc0\x84$\xc6-UFP{\xffBs%BT\xf5\xafO\x87\xa6\xad[]\x13\xf2\x06\xcc\xd0\x9bx\x9e0\x06\xd1\x02\xff\xe3\xf7\xdcQ\xfb\xd2J\x86\x10\x8c\x81!\xc4\x98\xccLF)\x89\xdf^\x9b*]\x1d\xbb\xbdY\xbdz\xcd\xeb\xd7oV\xaf^\x9bF\x8d8\x8b\xa7\xa0\xe6\x19\x08\xc44\x97k\xd6{\xef\x1d:v\x8c3\x86\x88\x8c\xb3\xfb\x9e\xbc\x1bE"\xad\x9b\xaa%\xb4R\xb5\n\x83G\xf4)j\t}\xe6\x99g\xb2\xb3\xb3u\x0c0\x1b\xfaPf"\xd4\xf6\xff\x85\x17^x\xe8\xa1\x878\xe7\x88\xe8v\xd8v,\x1eW\xfb\xf2Kb%\xee\xf9u\x81\x08!\xec\xc9\xee\xa5\xab7\xf7\x1b3\x9f1 \x92\x08\xc4\xb7\x1f}\xb4s\x93&amp;\xf9\x81x\x063\xa0\xd4n\xb5JB(!RJ%\x00g\x06\x94\xe1{NA\xc1M\xe3\xc6\xa9\xe6\x1fC\x88\xdb\xfb\xb5\x1b\xf5\xcc\xc3&amp;\x9c\xfc:\x1f(\xc0\xc3\xdd\x9f8\xb8\xf7Gn\xe1\xb1h\xacW\xaf^\xcb\x96-S7y\xbc/MSH\xc2l*K=\x88H)\xcd\xc9\xc9\xc9\xc8\xc8P\xb6\xb5\x88\xf8p\xdf6\xf5\x94\xeagB\xad\xfe\x84\x10\xc6X\xd8\xeb\xef\xdb\xa5E\xf3\xf4\xba\xca1\x8a\x10263\xd3\x1f\x0e\xb3\xb8n\xbaQJ_(\xe4\x0b\x85\xbc\xa1\x90?\x121\xc9\xeaO\x08\x11\x88.\x9bm\xc2\xf2\xe5y\x81\x00g $\xba&lt;\xce\xc1\xc3\xfb\x86\x82a\xf3\xb6~\x9e\x1d!\x84\xc3i\xbbw\xd4\x00)%\nd\x8ceee\x15&amp;6M\xd0\x0f\xa6Q$\xde\x8dUZQ\xb2\xcfc\xc6\x8c\xc9\xcb\xcb\xb3pn\x18F\x8d\xaa\x15\x86\x0f\xea\x14\xcdO\x98\xe4\xef\x19HBP\x88g\x86\xdf\xa9,\xcc8c\x07\x8e\x1e\x9d\xfd\xde{iq\xb5\n\x90RJB\xac\x9c\'qNN\xf5\x02\xc5\x1d\xe5\xf8\xb8n\xf7\xee\xac\xcf&gt;c\x00(\x89Dy\xd7\xc3\xbd*V)o\xf2\xd6\xcf\xb3\xc1\x18\xf3\xe5\xfb\x9b\xde\xd2\xa4Y\xfb\xa6\xca\xc5\xa8\xa8\xb5AW\x83\xcdCB\xae,\xa5\x0f\xd5\xfa\xb9s\xe7\xce\xa5K\x972`\x88(%y\xea\xa1\x1ei\x15R\x84a"\xd9\xaf\xbf\x04\x03\x88\x04\xc2M\x9b6\x18\xd2\xbd\x05\xa2$\x84PJ_\xde\xb81;\'\xc7\x1e\xa7\xd2\xabJ\xb3x\x1c\x0e_(\x94\x1b\x088\xacV\xa79\xdc+\x95#\xf1\xb45kPJ\x95(\xaf\xdd\xb0F\xb7\xc1\xb7\xf9\xbdf\x94\xfd8_(\x11B\xdc;j\x80\xd3\xedP\x99\x1f\xd5\xdc\xac+\x01\xe6A\x07\x00S\xa0\xca\xbf#G\x8e\x8cD"\x8c\x83!D\xf3\xf4\xba}\xba4\x0f\'H\xeb\xf7\xd9\x00\xa0\x86?&lt;\xf1\xc1\x1e\xa9\x1e\x87@\xe4\x0c\xf2\x02\x81\t\xcb\x97{\xec\xf6\x92?\x04\xa8\xd5\xff\xb7\xbc\xbcA/\xbex\xe3\xb8q7ddt\x999s\xc7\x81\x03\xce\xa4\xa4\xf8\xc6\x00C\x88\xf2n\xf7\xc2-[\xb6ggs\x06\x02QJy\xef\xa8\x016{\x929\x95\x7f\xce\x13\xa5\x12Z\xa7Q\xcd.\x03;\x16\xaa\x84R\x9a\x91\x91\x91\x97\x97\xa7-\xc3L\x82\x0e\x00\xf1Gm\x8e\xb2\xb2\xb26o\xde\xcc97\x0ca\xb5\xf0g\x86\xdf\x89B\xc8\x84}\xf8\x15\x94\xd2X4Z\xa1r\xda\xf8\xa1]\x95@\x10\x00\xac\xfa\xe2\x8b\x8f\xf7\xee\xf5\x94\xbcJ(\xa5\x94\xd2!\xaf\xbe\xba|\xc7\x8e\xdf\xf3\xf3O\xf8|\x1f\xef\xdd\xdbs\xee\xdc_rs\x938\x8f\xd7zT\x14\x96f\xbf\xf7\x1e\xa5\x94P@\xc4f\x1dnhzK\x13_\xbe?\xa1\xc3?!\x84q\xe6\xcd\xf7\xf5\x1e\xd2\xb5\xcae\x95\x94U@^^\x9e\xaar\xe9C\x80\x19\xd0\x01 \xce\xa8u\'\x1a\x8d\x8e\x1d;\x96\x10\x02\x94"\xe2\x9d\xed\xafozC\xc3H \x94@\xad\x9fg\x03\x18\x8b\xfaB\xf7\xf5i[\xb7zeC \x03\x88\x1aFFV\x16c\xac$W\\\x94\xd2n\xb1\xec\xff\xfd\xf7\xcf\x0e\x1c`*!M\xa9\x85\xf3\xfc@\xe0\xe3\xbd{\x1d\xf1;\x04\x18\x88i.\xd7\xbc\xf5\xeb\x0f\x1f?\xce\x00\x10\xd1b\xe1\x83\x87\xf7Q[\xe6D\x87RjD\x8d\xf2\x95\xd2\xfa\xdc\xdf\xa3\xb0%\x14`\xfe\xfc\xf9?\xfc\xf0\x83N\x04\x99\x81\x84__\x12\x1d\xe5\xf95s\xe6\xcc\xec\xecl\x8b\xc5\x123\x8c\xb4d\xe7\xd3\x8f\xf62\xfc!\x9a\xf8\xab?)\xf4\x8c\x14Iv\xeb\x9c\xc7\xfa\x12\xf5\xfb\x02l\xdf\xbf\x7f\xf1\xb6m\xe5\xdc\xee\x92\x14\x08\x02J\x0bB!\x89(\x10QJ)%"\x02\xa5y~\xbf\xb2\x04(y\x10\xd1m\xb3\xed&gt;r\xe4\x95M\x9b\x00@9&gt;v\xff\xc7\xed\xf5\xae\xacmZ\xd5\xcf\xbf\n\xe3,?\xb7\xa0\xd3\x9dm\x1b]{\x850\x04\xe3\xacp\xd2E\x97\x82M@i\xb8\xc3\x12\x17U\xfb=x\xf0\xe0\xf4\xe9\xd3\x01\x80H)\xa5|\xb4\xdf\xadU\xab_\x12M\xb4\xc6\xffs\xc0\x18\x84}\xa1N\xad\x9b\xb4m\xda@ \x02PJ\xc8\xe4\x95+\x8f\xe6\xe7[K0\xf7"\xa4Ls:\x19@\xd1\t\x00\x00P\xca\x8a\xc9\xc9j,\xa0\xe4\x91\x84p\xc6\xc6geyC!\x00*\x04\xa6\x96O\xe9uo\x97` \x94\x88\xad\x9fgE\x12na\x03\x1f\xed\r\x00(\x04\xe3l\xc3\x86\r\x856G\xba%4\xae\x94\xa2\x9b,\x01Q\xb5\xdfI\x93&amp;y\xbd^\xceX\xcc0\xeaV\xaf\xfc\xf8=wD\x0b\x02\t\xda\xfayv$\n\x9c;\xaa\xbf\xd5\xc2\x05"c\xec\xc8\x89\x13\xcf\xae_\x9f\xe6r\x19%\x92\x07\x00JC\xd1h\xdd\xca\x95[7lXt\x02\x88\x19\xc6%))\xad\x1b6\xf4\x87\xe30i\xa1Z??\xf8\xe6\x9bwv\xedb\x00R\x12)\xe5\xe0\x11}+U\xad\x90\xa0\xad\x9fg\x03\x18\xf8\xf2\xfd7\xb6\xb9\xee\x96\xce\xcd\xd4P\x08\xa5T\x19\x9d\xeas@|)e\xabL"\xa1j\xbf[\xb6lY\xbcx\xb1\xea\x94\'\x84\xccy\xac\xaf\xdda\x13B\xd0R\x90\x00&gt;\r\x00\x88\x04C\r\xaf\xac9\xfc\xaev\x88Ri\x84\xbd\xb2i\xd3\xae\x1f\x7ft\x95T#&amp;%$\x86\xf8\xe2=\xf7\xf4\xbb\xf9\xe6*\xa9\xa9\xe5\xdd\xee\xb6W^\xb9|\xf8\xf0\x8anw\\\x04A\x19\x80?\x1c\x9e\xb0|9=\xe5\xf8\xd8\xe8\xda+n\xeb{\xab7\xcf\\\x86\xef\x17\x05`\x10\n\x86\xee\x1d5\xc0\x9d\xe22b\x06\xe7&lt;;;{\xe6\xcc\x99\xba\x12\x10_t\xf8\x8d\x1b\xea\xf0\xdb\xbau\xeb-[\xb6X-\x96h,\xd6\xb6i\x83\x0f\xff\xf5\xcf\xb0?\x04P\xaaV\x7f\x85\x94\x92q\x9e\xeb\xf57\xee\xf1\xe4\xf1\\/c\x103D\xaf\x1bnX\xf2\xd0C\xc7\xbd\xde\x92\x11:U\x8a\xd06\x8b\xe5\x98\xd7k\x08Q\xd1\xe3!\x84\x04\xe3\xe1\xffn\x08Q\xc1\xe3y\xf1\xc3\x0f\x1f]\xb8\x901\x90\x84\x10I\x9e^\x98\xd1\xb4U\xba\xbf P\xaa\xf2?\xa7\x10\x86H\xad\x90\xf2\xca\xd3\x0b\x17=\xbb\x8c[\xb8\x10"5%u\xcf\x9e=\x15+V$\x84\x94\x8e\x82G\xc2\xa1\xdf\xf4\xf8\xa0\xa4\x9e\x97,Y\xb2e\xcb\x16\x0b\xe7\x86\x10\x9c\xb1\xb9\xa3\xfa\xa3\xc08\xd5#\x8b\x1dJi4\x1a\xadxI\xf9)\x0fvG)QJ\x06\xb0\xf2\xf3\xcf\xd7\xed\xde\x9dZR\xb3\xc1\x94\xd2\x98a\x14\x04\x83n\x9b-\xcd\xe9\x0cF\xa3qY\xfd\x95\xe3\xe3O\'ON]\xb5\n\x94\xe3\xa3\xc0V\xb7\xdf|S\xdb\xeb}\xf9\xfeR\xb9\xfa\x13B\x18c\xde&lt;_\xdf\xfb{T\xad^Y\x1d\x02rss\xc7\x8c\x19\xa3g\x02\xe2H\xe9\xbc\xd5L\x8ej\x87\xf7z\xbd\x13\'N\x04JU\xef\xc7\x90\xee-\x1a*\xd9\x9f\xd2\xbb\x15b\x8cE\xbd\x81\xfe]\x9a\xa5\xd7\xaf\xae\n\xe0\x02q\xda\x9a5E\x06\x8d%\x00\xa5T\xe9\xac\xc5\x84\x00J\xe3Ri\x17\x88n\x9b\xed\xb9\xf5\xeb\x8fy\xbd*\x07\xe2t;\xeez\xa4w8T\x9a?}B\x890\x84\xc3\xe5\x188\xecNr\xaa\xffm\xc9\x92%\xbbv\xed\xd2\xc6\xf1\xf1\xa2\xf4\xdem&amp;F\xad}\xd3\xa7O?x\xf0 \xe3L\x18"\xd5\xe3\x98\xf8`\x0f#\x18)\x95\xc9\x9f"(!B\xa0\xdda\x9b&gt;\xac\xb7\x94\x04%2\x06\xdb\xb3\xb3\xdf\xd8\xbc\xb9\x9c\xcbU\x92-\xa1T\xe9\xed\xc5\x03Dt\xdb\xed_\x1e:\xf4\xe2\x87\x1f\x16\x85\xff.\x03;\xd6\xbf\xb2V\xc8\x1f\xa2\xa5\xfa\x06`\x9c\xf9\n|\xed{\xb6\xb9\xf2\xba+\x84!\x80A4\x1a\x1d6l\x98\x10B\x1f\x02\xe2\x82\x0e\x00%\x8d\xda\xf8\xa8\n\x18\x03\x90(Q\xca\xf1C\xbbT\xa8\x9c\x163\xbd\xe3\xe3\x85\xc3\x18\x84\xbd\x816\xcd\xaf\xea\xde\xa6\x89\x10\xa8\xda1\xa7\xac\\\xf9\xd3\xc9\x93q\xf7\x8c,!(e\x00c23\xa3\x86\x01\x8c\t\x81\x95/\xad\xd8{H\xd7\x82\xfcRX\xfb\xfdC\x84\x10CF\x0fT[\x1f\xce\xf9\xd6\xad[\x97,Y\xa2[B\xe3\x82\x0e\x00%\x8dZ\xe3T\x0f\x9c\xf2\xfcJ\xaf_\xfd\xbe\xbe\xed\xa2\xbe $\xf8\xdc\xff\xf9#\x85\x98\xf6h\xefd\x97C\xa0d\x00\xc7\xbc\xde\xe7\xd6\xafw\xdblqT\t-\x19\x04b\xb2\xdd\xfe\xce\xae]\x9f\xec\xdd\xcb\x00\x94&lt;\xc6\xdd#\xfa\x95\xab\x98jD\x13U\xf5\xef/\xa1\x04\x82\xae\xb9\xa9q\xc7\xdem\n\x05\x82\x80N\x9c8\xb1\xa0\xa0@\xb7\x84\x96&lt;:\x00\x94(\xaa\xf5s\xf3\xe6\xcd\x85S0(\xa4\x943\x86\xf5N\xb2Y\x85\x10\xa5\xff\xe9\'\x84\x10\x02\x00\xe1@\xb8N\x83\xcb\x1f\xee[\xb8\x04\x00\xa5/~\xf8\xe1\xae\xc3\x87\xdd%/\x10T\xb2p\xc6\x82\xd1\xe8\xd8\xccLr\xaa\xf5\xf3\xca\xeb\xaeh\xdf\xb3u\x82Z\xbe\xfc=\x80A\xd0\x1f\x1c&lt;\xbc\xaf\xcb\xe3\x14\x86\xe0\x8c\x1f&lt;xp\xee\xdc\xb9\x00\xa0\x0f\x01%\x8c\x0e\x00%\x87\x1a\xfb\x8aD"#G\x8eTc\xa8B`\x8f6\xd7\xb6n~U\xd8\x97\xc8\xaa\xbf\x7f\x1d\xc6 \x9a\xef\x1f&gt;\xa8S\xadj\x15\x85@\xc6 j\x18SW\xaff\x00\xa5x\x07h\x08\x91l\xb7\xcf\xdf\xb4\xe9\xc0\xd1\xa3\x8c\x01"Z\xac|\xc8\xe8\x81\t-\xf9\xf97P\x9e\x91\x15\xab\x94\xbf\xeb\x91^E\x9e\x91s\xe6\xcc9x\xf0\xa0\xae\x06\x970:\x00\x94\x1c\xaa\xf6\x9b\x99\x99\xb9s\xe7N\x95\xf1\xb4Z\xf8\xa4\x07\xbb\x93\xb2w\xc7+\xeb\xe3\xb4\x8a\xa9c\xef\xbd]\xa5A\x18\xc0\xda\x9d;?\xf8\xe6\x9bT\xa7\xb3Tn\x03U\xeb\xe7/\xb9\xb93\xd6\xaeU:\x14\x88\xd8\xb2\xd3M\xe977.5\xb2?\xe7\x0fc\xcc\xef\x0bt\x1d\xd0\xa9Z\x8d*\xca8\xbe\xa0\xa0`\xd2\xa4IZ%\xb4\x84)[\xb7]\x1cQ\xdb\xff\xbc\xbc\xbc\xd1\xa3G\x03\x80r|\x1c~W\xbb\x06\rk\x84\x03\xa1\x12~\xfe\xa5\x94\x02Q\x88S/e@S\xb2p\xc6\xc2y\xbe\x01\xdd[6\xbf\xa6\xae\xa1\xe4\x01\x08\x99\xb0|y0\x1a-\x95\x87!!\xa5\xc7f\x9b\xb2j\x95\xf2\xfb\x15B\xb8S\\\xf7\x8c\xba+\xe0\x0b\x96\xd6\xc6\xffsA\t\x1ahs$\r\x1d;\x88\xa8\xd4(g\x8b\x17/\xde\xbau+\xe7\xbcT\xee\x00\xccI\xd9\xbb\xf3\xe2\x84\xda\xfegdd\xe4\xe4\xe40\x00\xc3\x10\x95\xcayF\x0c\xeah\x04J\xae\xf5\x1b\xa54\x04J)\x93\xac\xdc\xee\xb4\xdb=N{\xb2\xd3\x9e\xec\xb4\xbb\xec6\xab\x85\x10b\x08,\xc9\xfd\x97$\x92s6\xe1\xfe\xae\x00T\t\x05\x7f}\xe4\xc8\xcb\x1b7\xa68\x1c%\xd9\x12Z\x02 \xa2\xc7f\xfb\xe4\xfb\xef\x17m\xdd\n@%!R\xcan\x83:]Z\xb3j1\xc9\xfe(\xad\xd3\x8bB1\x15f\x81\x81\xdf\x1bh\xd6\xaei\xfa\xcd\x8dQ P\x10B\x0c\x1b6,\x12\x89\xe8jp\x89\xa1\xdf\xe8\x92@\x19\xbe\xef\xdf\xbf\xbfQ\xa3F\x12\x91\x025\x0c\xf1\xda\xf8\xbb\xef\xe9\xd7.\x98W\x12*\x08RJDi\xb7\'\x11\x9bU\x06\xc3\xbf\x1c\xcd\xfb\xf9hnn\x81?\x14\x89%Yx\x8a\xdbQ\xadRj\xb5JiV\x8f\x83\xc4D8\x10&amp;\x84\x94\xccD\x82\x10\xc2\x9e\xea\x198\xe2\xb97\xdf\xfb\xb7\x853!\xd0c\xb7\xefz\xfa\xe9\x14\xa73\x96\xb0^\x98\xff\x8b\x902\xd5\xe1\xb8e\xca\x94\xed\xfb\xf7[8\x8f\t\xa3\xda\xe5U^}\x7f\x8e\x94\x92\x14\x83\x12\xa9\x94\x84[\x98\xc5j!\x17\xfa\xafKBh,\x12\x15F\xb1\x98\x13 \xa2\xdda;\xb4\xef\xc8\x03\x9d\x1fW"q\x86a,X\xb0`\xd0\xa0A\xaa]\xe2\xe2\xffH\xcd\x7f\xa3\x03@I\xa0\xee\xe6\xf6\xed\xdbo\xd8\xb0A\xc9\xfe4\xbf\xa6\xeeG\x0b\x9f4\xc2\x91\x12\x98DED\xce9w\xda\xf6\xed;\x92\xb9~\xc7\xfaO\xbf\xdd{\xe8W_ |\xfa\xf78l\xd6Z\xd5*\xder\xfd\x15wvhzS\x93z\xc4\x10\xa1P\xb4\x04\x14IQJn\xe1GO\xe47\xee\xf9d\</t>
        </is>
      </c>
    </row>
    <row r="442">
      <c r="A442" s="1" t="n">
        <v>440</v>
      </c>
      <c r="B442" t="inlineStr">
        <is>
          <t>color_number_hexagon</t>
        </is>
      </c>
      <c r="C442" t="inlineStr">
        <is>
          <t>What is the missing number of the part denoted with a question mark?</t>
        </is>
      </c>
      <c r="D442" t="inlineStr">
        <is>
          <t>['7', '4', '1', '9']</t>
        </is>
      </c>
      <c r="E442" t="inlineStr">
        <is>
          <t>7</t>
        </is>
      </c>
      <c r="F442" t="inlineStr">
        <is>
          <t>There is a hexagon split into six parts with the colors ['blue', 'red', 'blue', 'orange', 'orange', 'red'] in an anti-clockwise order. The parts are denoted with the numbers [5, 9, '?', 6, 6, 3] respectively.</t>
        </is>
      </c>
      <c r="G442" t="inlineStr">
        <is>
          <t>We observe that the numbers in the blue parts add up to 12. Similarly, the numbers in the orange parts also add up to 12. Thus, the pattern is that the numbers in the parts of the same color add up to 12.</t>
        </is>
      </c>
      <c r="H442" t="inlineStr">
        <is>
          <t>Based on the pattern that the numbers in the parts of the same color add up to 12, the missing number of the blue part should be 7.</t>
        </is>
      </c>
      <c r="I442" t="inlineStr">
        <is>
          <t>b'\x89PNG\r\n\x1a\n\x00\x00\x00\rIHDR\x00\x00\x02\x00\x00\x00\x02\x00\x08\x02\x00\x00\x00{\x1aC\xad\x00\x00\x9d\xffIDATx\x9c\xec\x9dw|UE\xda\xc7g\x9e\x99\xdb[n\xe86D\x9a\x8bX\x00\xbb\x82(\x88m\x15EP\xc4\xb5\xec\xbe\xba\xb8kC\xb1\x80\x18i\xa2\xa04\x15TDWP\x08M\x10EQ\x82\x82\t*ei*A:\x02\xb2\x04B\xca\xbd\xb9\xfd\x9ey\xe6\xfdc\x92kDE\xa2\xe4\x96d\xbe\x9f\xfc\xb1d\t\x9e\x9c{\xce&lt;3O\xf9\xfd\xa8\x94\x92h4\x1a\x8d\xa6\xfe\x01\xa9\xbe\x00\x8dF\xa3\xd1\xa4\x06\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E\x07\x00\x8dF\xa3\xa9\xa7\xe8\x00\xa0\xd1h4\xf5\x14\x1d\x004\x1a\x8d\xa6\x9e\xa2\x03\x80F\xa3\xd1\xd4St\x00\xd0h4\x9az\x8a\x0e\x00\x1a\x8dFSO\xd1\x01@\xa3\xd1h\xea):\x00h4\x1aM=\x85\xa7\xfa\x024\xa9DJ)\xa5L\xf5UhR\x06\xa5\x94R\x9a\xea\xab\xd0\xa4\x0c\xaa\xdf\xffz\x8ba\x18\x9c\xeb\x1d@}\xc70\x0c\xc6\x98\x0e\x03\xf5\x13\x1d\x00\xea)\x88\x08\x00[\xb6l\xf9\xf7\xbf\xff\r\x00\x88\x98\xea+\xd2$\x15\xce\xb9a\x18\xf7\xdcsO\xbf~\xfdR}-\x9a\x94\xa17\x80\xf5\x0e\x15\xf2\xc3\xe1\xf0\xb8q\xe3\xb2\xb2\xb2\x96/_\x9e\xea+\xd2\xa4\x8cv\xed\xda\xed\xdf\xbf\xff\xea\xab\xafn\xdf\xbe\xbd\x94\x12@\x17\x05\xeb\x17\xfa\x04P\xef\x10B0\xc6\xa6O\x9f~\xf7\xddwSJ\x19c\x89g@\xbf\xff\xf5\x01\x94\x92T}\xe2\x8c\xb1X,v\xc7\x1dw\xbc\xf3\xce;:%X\x0f\xd1\x01\xa0~\xa1\xaa\xbe&gt;\x9f\xaf]\xbbv\x87\x0f\x1fFD\x9d\xfc\xa9\xe7\x98\xcdf!\xc4\xf2\xe5\xcb;w\xee\xac6\x07\xa9\xbe"M\xf2\xd0\x01\xbf~\x81\x88\x8c\xb1\x9c\x9c\x9c\xa2\xa2"\xc6\x18\x91R\xf5\x81 \xe2\xa5\xd7\xf5\xbd\xa2\xd7\xdd\xc1\n\x1fc\\\xef\n\xea\x1e\x94\x12Da\xb59vlZ7w\xf2\x08\x89H$RJ\r\xc3@\xc4\x01\x03\x06|\xfd\xf5\xd7&amp;\x93IJ\xa9\x0b\xc2\xf5\x07}\x02\xa8G "\xa5t\xdb\xb6m\xed\xdb\xb7G\xc4D\x0f(\xa5 %z\x1b7\x1b\xf7\xfeF\xa7;+n\xc4\x80RB\xf4*Pw\x90D\x12B\xa5\x10\x0e\xb7k\xe8\xdd=\xbe\xf9j)\x00C\x14\x84\x10J\x080&amp;\x84\x986m\xda]w\xdd\xa5\x0f\x01\xf5\n\x1d\x00\xea\x11\xea\xdd\xbe\xea\xaa\xab\xf2\xf2\xf2L\x9c\xc7\r\xa3\xc3\xa9\xa7\x16\xfb\xfd\xfbKK\x81q!\x8c\xae7\xde\xf9\xcfa\xaf\x06\xcaKA/\x01u\x0e\x14\xc2\xe9\xf1\xe6\x7f0c\xca\xb0\x7f\x010\x89\xc2\xc4\xf9\xc5\xad[\x7f\xf1\xfd\xf7\xaa\xf6\xd3\xb8q\xe3\xc2\xc2\xc2\xac\xac,=\x1cP\x7f\xd0\x01\xa0\xbe\xa0V\xff\xbc\xbc\xbc\xab\xae\xbaJm\xf1$\xe2\xf2\xa7\x9f\xfer\xdb\xb6!s\xe6p\xc6\x84\x94@a\xe4\x8c\xfcSZ\xb7\x8f\x84\x83\xba \\\x97\x90D\x02\xa1\x84\xd2A\xb7^xp\xdfn\xd5\x03z\xe5\x99g\xbeu\xdf}\x1d\x07\r*\t\x048\xe7\xf1x|\xc8\x90!\xcf&gt;\xfb\xac&gt;\x04\xd4\x1f\xf4K^/P\x89]\xc30\x1ez\xe8!J\x08\x03\x10B\xf4:\xff\xfcKN?\xfd\xff\xbav=\xadqcC\x08\x06 \x841s\xc2S\xc0@o\xff\xea\x18(\x84\xc3\xe3\xfdp\xda\xf8\x83\xfbv3\xc6Q\x08\xce\xd83\xbdz\x9d\xdc\xa8\xd1\x90\x9bn\x92RJD\x06\xf0\xe2\x8b/n\xdf\xbe]\xcf\x85\xd4\x1ft\x00\xa8\x17\xa8\xb1\xaf)S\xa6l\xdd\xba\x95qn\x08\xe1\xb6\xd9\x06\xddp\x83?\x14\xf28\x1c\x83o\xbc\x91\x10"\x11\x01X\xe1\x9a\xfc\xb5\xcb?\xb6\xbb&lt;(D\xaa\xafZs|\x90RZ,\xb6\x03{v\xe4\xcdyC%wP\xca;;w&gt;\xbfe\xcb\xa2\x92\x92;.\xbd\xf4\xec\xe6\xcd\xd5\xae?\x16\x8b\r\x192\x84R\x9d\x18\xa8/\xe8\x00P\xf7Q\xb5\xdf\xa2\xa2\xa2\x9c\x9c\x9c\xca\xf7\x1f\xf1\x9f\xdd\xbaul\xd1"\x1c\x8f\xfbB\xa1;.\xbd\xf4\xa26m\x04"\x00%\x84\xe6N\x1c\x12\t\x05\x18c\x92\xe8U\xa0.\x80(,v\xc7\xdcI\xc3\x83\xbe2\xc6\x18\xa2\xc8\xb2\xdb\x9f\xbe\xe9\xa6P,\x86R:\xad\xd6a\xbd{KB\x04"cl\xde\xbcyyyy\x8c1\xa1w\x00\xf5\x00\x1d\x00\xea&gt;j\xc2s\xf0\xe0\xc1eee&amp;\xce\r\xc3h\xde\xb0\xe1\xc3W_]\x1a\x08p\x00)\xa5!\xc4\xc8&gt;}8c(\x04c\xach\xef\xce\x0f\xa7\x8dwx\xbc\xfa\x10P\x07@\x14N\xb7w}\xc1\xa7+\x97\xbc\x07\xc0$"J\xf9\xc4\r7\x9c\x94\x9d\x1d\x8e\xc5L\x8c\x95\x05\x83W\x9du\xd6\xf5\x1d;\n!\x00\x80R\xfa\xd0C\x0f\x19\x86\xa1\xcf\x01\xf5\x01\x1d\x00\xea8*\xf9\xb3n\xdd\xbaY\xb3f1\xc6\x10Q\x12\x92\xd3\xabW\x93\xac\xac\x98aPJ\x19\x80?\x12\xe9\xfa\x97\xbf\xdc\xd9\xb93JI\t\xa1\x94\xe6\xcdy\xe3\xc0\x9e\x1df\x8bM/\x01\x99\x0e%\xd40\xe2\x0b\xa7\x8eFD\x06\x80\x88g7o~_\xf7\xee\xe5\xa1\x10g\x8c\x10B\t1\x84\x18\xde\xa7\x8f\xdbfS\x89\xa0\xad[\xb7N\x992EW\x02\xea\x03:\x00\xd4qT\xf9w\xe0\xc0\x81\xd1h\x94\x01\x18B\\\xd4\xa6\xcd\xed\x97^ZRQ\xc1\xab:=\x18\xa5\xfeH\xe4\xe9\x9bn\xca\xb2\xdb\x05\n\xc6X\xd0W6w\xf2p\x9b\xc3\xa5Z\xc55\x19\x8a\x10\x86\xcb\xdb\xe0\x8b\x85\xefl\xdd\xb8J%\x7f$!\xc3z\xf7\xb6\x9b\xcd\x89\x0c\x0f\x00TD"\xe74o\xfe\xcfn\xdd\x10Q\xed\x00rrr\xca\xca\xca\x00@\xef\x00\xea6:\x00\xd4e\xd4\x86n\xde\xbcy\xf9\xf9\xf9\x9csC\x083\xe7#\xfb\xf4\x11BT\xef\xf3\xa1\x94Fb\xb1\x93\xb2\xb3\x9f\xb8\xe1\x06)\xa5D\t\x00\xab\x97.,\\\xf3\x85\xdd\xe1\xd2\xdb\xc0\x0cEJi\xe2\xe6\xd2C\x07\x16M\x1bO)\x05J\x05\xe2\r\x9d:]u\xd6Ye\xc1`\xf5FO\x0eP\x1a\x08&lt;t\xf5\xd5-\x1a52\x84\xe0\x9c\x97\x95\x95\xa9\x8a\x91\xfe\xf4\xeb6:\x00\xd4Y\xd4\xdeM\xf5u\x10B\x80RD\xbc\xe9\xbc\xf3.o\xd7\xce\x1f\x0e\x1f\xd1\xe6\xcf\x19\xf3\x85\xc3\xfd\xbbuk\xd5\xa4\t\xa2\x00\x00#\x1e\x9b\xfd\xcaP`\x9c\xe8=`f\x82\xc2pdy\x17\xcfx\xe5\xd0\x8f?\x000!\x84\x99\xf3!7\xde(\x10\x8fh\xf3\xa5\x94\xc6\x0c\xe3\x04\xaf\xf7\xd1\xeb\xaeS-\xa1\x89\x9e1\x9d\x08\xaa\xdb\xe8\x00PgQ\xb2?c\xc7\x8e\xdd\xbe}\xbb\xc9d\x8a\x1b\x86\xd7\xe1\x18\xd6\xbb\xb7?\x1cf\xbf6\xe4e\x08a7\x9bG\xf5\xed+UK(c[7\xac,X4\xd3\xe5m \x84\x91\xfc\xeb\xd7\xfc\x19\x10\xd1\xe6p\xfd\xf0\xfd7\x9f\xcd\x9d\n\x00\x94H\x94\xf2\xdfW^\xd9\xb1E\x8b\x8a_\x84\x7fB\x08g\xecpE\xc5]]\xba\\\xd4\xba\xb5!\x04g\xacrjD\x97\x82\xeb4:\x00\xd4MT\xedw\xe7\xce\x9dc\xc6\x8c\x01\x00\xa5\x02z_\xf7\xee\xad\x9b6\r\xc7b\xbf:\xe8\xcf\x00|\xe1\xf0\xf5\x1d;vm\xd7N \x02\xa5\x84\xd2\xf7^\x1fU^\\d\xe2f\xbd\nd\x1a\x12\x18\x9f3iX(\xe0\x07\n\x02\xb1\xb1\xdb\xfd\xe0\xd5WWD"\xbf\x1a\xfe\x89J\x1916\xa8gO\xa0T\x08\xc1\x19\xcb\xcb\xcb\x9b7o\x9en\t\xad\xc3\xe8\x00P7Q\xb5\xdf\x11#F\xf8\xfd~\xceX\xdc0Z5i\xf2\xe8u\xd7\x95\x06\x83\xbf\xf5\xfe\xab\x1f\x13\x88\xcf\xf7\xedk\xe6\x1c\x85`\xc0\x8a\xf7\xef\xf9x\xc6+\xce,/\xeaC@\xe6 \x84p\xba\xbd\x1b\xbf\xcc[\xbb\xfc#`L\xa9\xfe=\xdd\xab\xd7)\r\x1aD~#\xfc\x13B\x18@Y0x\xed9\xe7\xf4\xb9\xf0B\x81\xa8ZB\x87\x0c\x19\x12\x8b\xc5\xf49\xa0\xae\xa2\x03@\x1dD\xd5~\x0b\n\nf\xce\x9c\xc9\xab\xb6o\xa3\xfa\xf6uZ\xadB\x88\xa3\xe8|\x01@E8|\xeei\xa7\xfd\xfb\xca+QJJ$\x05\xf8l\xee\xd4\x9d\x9b7X\xedN)u.83`\x8c\x85\x83\x819\x93\x87\x91\xca\xda\xaf\xb8\xa8u\xeb\xbf_vYI \xc0\x8f*\xf2\xc3\x00\x02\x91\xc8\xb0\xde\xbd\xbd\x0eG\xdc08\xe7\xdb\xb7o\x1f;v\xac\xae\x04\xd4Ut\x00\xa8\x9b\x08!rrr\xd4h\x8f@\xec\xda\xae\xdd\xf5\x1d:\xf8B\xa1\xa3m\xff\t!\x840\x80\x8aH\xe4\xc1\xab\xafn\xecv\xab\xce\xf1P\xc0\xff\xc1\x9b/X\xacv\xbd\x04d\x04B\x18N\xb7w\xc5G\xb9{\xb6|\xcb\x00\x94\xc8\xcf\xa0\x9e=\xf91\xf4tRJ\xc3\xb1X\xeb\xa6M\xfbw\xef.\xa5$R\x02\xa5\xe3\xc6\x8d+**\xd2\x1dAu\x12\x1d\x00\xea\x1a\x86a0\xc6rss\x0b\n\n\xd4\xdc/g\xec\xf9\xbe}E5#\xc0\xa3\xa0ZBOi\xd0`\xc8M7aeK([\x95\xb7`]\xc1\'N\xb7W\x8f\x05\xa49RJ\xb3\xd9Z|`\xef\xfc)\xcfQ\n\x94P\x81\xd8\xeb\xfc\xf3\xaf=\xe7\x9c\xb2\xa3g\xff\xaa`\x00\xa5\x81\xc0\xc0\xeb\xae;\xadqcu\x08(--\x1d&lt;x\xb0\x9e\t\xa8\x93\xe8\x00P\xa7P\xaa\x0f~\xbf\x7f\xf8\xf0\xe1@)\xa9\x92\xfd\xea\xd4\xa2EE$r\x8c\n\xcf\x9c\xb1\xb2`\xf0\xf6K.9\xbbysD\x01@\x11q\xe1\xd4\xd1\xc2\x88k\x99\xf84\x07Q\xd8\x1c\xae\xc53&amp;\xf9J\x0e\x01\x00\xa2p\xdblO\xdepC(\x16;\xc6O\x9fR\xaa\xb4\x02\x95D\xa0\xea%\xcb\xcd\xcd]\xbf~\xbd\x9a$\xaf\xdd_@\x93\\t\x00\xa8S\xa8\xe6\x9f1c\xc6\xec\xdc\xb9\x931f\x88J\xd9\xaf@4\xcaj\xb2v\x0b\xc4\x84F\x98Dd\x8cm\xdd\xb8j\xd9\xfb\xd3]\x9el\xdd\x12\x9a\xb6 \xa2\xcd\xee\xda\xb1i\xed\x92Y\xaf\xd1\xaa\xd6\xcf\x7fv\xeb\xd6\xf1\xd4S\x03\x91\x08\x1c\xf3\x03\xc0\x19+\r\x06\x95D\xa0\xd2\t\x8f\xc5b\x03\x06\x0c\x10B\xe8C@\x1dC\x07\x80\xba\x83\xda\xac\xa9\xaa\x1d\x03P\xbd\x1fJ\xf6\xeb(\xbd\x1f\xbf\x8aj\x08\xa9\xd4\x08C\xa4\x84RJ\xe7\xbf\xfel\xf1\x81}f\xb3U\xaf\x02\xe9\t%\x04\x18\xcc\x9c\xf0\x94\x11\x8f)\xcb\x87\xea\xaa\x7f5\xfb\xa7\xaaI\x04\xaa\xd9\xe0\x15+V\xe4\xe6\xe6\xea\x96\xd0:\x86\x0e\x00u\x07\xb5.\xab\xbe=\xc6\x98\xf8\x85\xecW\x8d\xa8\xae\x11\x86\x12\x01\x98\xaf\xa4x\xf1\x8cIV\x87SW\x02\xd2\x10\x14\xc2\xee\xf2\xac]\xfeq\xe1\x9a|\xa5\xfay\x84\xea_\x8d\xfe5\xa8.\x11\x88H\t\x01J\x87\x0f\x1f\xee\xf3\xf9tKh]B\x07\x80:\x82j\xfd\xcc\xcf\xcfOL\xeeH)\x8f\x90\xfd\xaa\x11\xbf\xd0\x08\x93\x14`\xc9\xac\xd7vm\xde\xa0\x05\x82\xd2\x10\xc6x4\x1c\xcc\x9d8\x84\x10\x02@\x05\xe2/U\xffj\xf6\x0fV\x93\x084\x84`\x9c\xef\xdc\xb9s\xe2\xc4\x89\x00\xa0\x0f\x01u\x06\x1d\x00\xea\x02j\xec+\x1a\x8d\x0e\x1c8\x90R\xaaZ?\x7fU\xf6\xabFT\xd7\x08\x13\x88\x0c\x98\x11\x8f\xcd\x9f\xf2\x1c\x05 \xda+&amp;\x9d\x10\xc2\xb0\xb9\xdcK\xe7N-\xda\xbbS\x95j\x7fU\xf5\xafF\xfcB"\x10\x19\xc0\x84\t\x13TyI\xef\x00\xea\x06:\x00\xd4\x05T\xedw\xf6\xec\xd9\xeb\xd6\xadS\xdb\xff\xdf\x92\xfd\xaa\x11\xbf\xa6\x11\xc6\xd6.[\xb4\xf1\xcb\xa5\x0eW\x96\xae\x06\xa7\t\xaa\xf5\xb3\xa4h\xff\xc2\xb7^\xa0\x94Rr4\xd5\xbf\x1aQ]"\xd0\x10\x821\xe6\xf3\xf9F\x8c\x18\xa1g\x02\xea\x0c:\x00d&lt;j\xfb_VV6h\xd0 \x00P\x8e\x8fG\x91\xfd\xaa\x11\xd55\xc2\x04\n\x06@(\x9d3yX,\x12f\x8c\x1f\xaf_A\xf3g\x90(lN\xd7\xfc)\xa3\x82~\x1f\x03&amp;P\x1c]\xf5\xafF$$\x02\t!J h\xe6\xcc\x99+V\xac\xe0\x9c\xebDP\x1d@\x07\x80\x8cGm\xffsrr\x8a\x8a\x8a\x94\xe5\xcb\xef\xca~\xd5\x88\xea\x1aaJ)z\xcf\x96o\xf3\xe6Lq\xb8&lt;\xfa\x10\x90r\x94\xeag\xe1\x9a\xfc\xfc\x85\xef\xaa\xd4\xdc\xef\xaa\xfe\xd5\x88#$\x02)\x80\x10b\xc0\x80\x01\xd1hTW\x83\xeb\x00:\x00d6j\xf5W\x1e~\x89\xd6\xcf\xdf\x95\xfd\xaa\x11Gj\x84\x11J),|\xeb\x85\xc3E?j\xcf\xc8\x94C\t\x01\xc6g\xbf2T\x08C\xb5~\x1e\x93\xea_\x8d\xa8&amp;\x11(\x84\xe0\x9c\xaf_\xbf~\xf6\xec\xd9Z \xa8\x0e\xa0\x03@f\xa3\xf2?\xca\xc5[M~\x1d\xa3\xecW\x8d\xa8\xae\x11\xa6\x12AA\xbfo\xfe\x94\xe7,6\xbb\xcc\x84\x96P\xf9\x87H\xf5U\xff&gt;B\x18\x0ewV\xc1\xa2\x99[7\xac\x04V\xd9\xfay,\xaa\x7f5\xe2g\x12\x81\xaa%\x14`\xd0\xa0A\xa5\xa5\xa5\xfa\x10\x90\xe9\xe8\x00\x90\xc1\xa8\xd6\xcf\xbc\xbc\xbc\xbc\xbc&lt;\xd5\xf8\x7f\xec\xb2_5\xe2H\x8d0")@\xfe\xc2ww\x15\xae\xb7\xda\xd3\xbd%\x94R\xe0\xdc\xf4\x07\xbe\x08Ik\xdd\x0bI$g&lt;\x1c\xacX\xf0\xc6\xf3\x84\x10\xe5\xf8x\xec\xaa\x7f5\xa2\xbaD\xa0z\xea\x8a\x8a\x8a\xc6\x8f\x1f\xaf\x0f\x01\x99\x8e\x0e\xe0\x99\x8a\xda\xa5"b\xfb\xf6\xed\xb7m\xddj2\x99b\xf1x\x9f\x0b/\xcc}\xe0\x81b\xbf\xff8n\xff\x13\xff9J)\xa5\xf4\x82\xa7\x9f\xdeu\xe8\x10\xe7\xdc0\x8c3\xce\xbfl\xc8\x94\x8f\xc2\x81\nz\\\x97\x9b\xe3\x08\xa54\x1e\x8b\xc6"\xe1\x9a\xff$\xb1\xd9]\x14X\xda6\xbc\nax\xb2\x1b\xcdz\xf9\x99\xf7\xdf\x18\xc3\x18\x97(\x00`\xc5\xd0\xa1\xedO&gt;9x\xcc\xbaO\xc7\x8e!D#\xb7\xfb\xd5\xa5K\x1f\x9e&gt;\x9d3&amp;\xa5d\x9co\xda\xb4\xa9U\xabVJ\x81\xea\xf8\xfe\xe74\xc9A7rd*J\xf8\xe1\xb5\xd7^\xdb\xbau\xab2|\xaf\xa9\xecW\x8dP\x1aa\r\\\xae\xc17\xdex\xef\x1bo\xa8\x96\xd0\xc25\xf9k\x97\x7f|\xde\x15\xd7\x07\xfd\xe5p\xbcC\xce\x9fG\x08\xc3\x9d\xd5p\xe1\x7f^\xfc\xe0\xad\xb1\x8c\xf1c-YSJ\xa4d\x8c\x0fy\xe3\xe3\x13[\xb4\x8dE\xc3\x94\xa6\xdd\xea&amp;\xa5\xb4Xl\x07\xf6\xec\xc8\x9b\xf3\x06\xa5\x94\x12"\xa4\xbc\xbbs\xe7N-Z\x1c\xae\xb9\xf0\xc3\xb1\x90\x90\x08\xfc\xcf\x17_|\xbbg\x8f\xc9dRv\xd3s\xe7\xce\xd5\x87\x80\xcc%\xed\x9el\xcd\xb1\x80\x88\x94\xd2\xa2\xa2\xa2\x9c\x9c\x1c\xf5\xfe#\xe2\x1f\x90\xfd\xaa\x11\xd55\xc2\x04"\x00%\x84\xe6N\x1c\x12\t\x05\x18c2-w\xca\x94\xd2\xd2\x83\xff\x0bU\xf8*\xcaKB\x15\xbec\xfa\xf2\x97\x87*|\x15\xbe\x12\x89"m\xb3@\x88\xc2bw\xcc\x9d4&lt;\xe8+c\x8c!\xfeA\xd5\xbf\x1aQ]"P 2\xc6\xe6\xcd\x9bW\x99~\xd4-\xa1\x99\x89\x0e\x00\x19\x89:t\x0f\x1e&lt;\xb8\xac\xacL\x89\xfe\xffa\xd9\xaf\x1aQ]#\x0cU.x\xef\xce\x0f\xa7\x8dwx\xbc\x98~K\x00%T\xa0\x08U\x94SJ\x19\xe7\x94RJ\x81q\xd3\xef|\x99\xcc\x8c\x9b\xcc\x16\x1bI\xbf\x8d\xbf\x02Q8\xdd\xde\xf5\x05\x9f\xae\\\xf2\x9e\x92\xfd\xc1?\xaa\xfaW#~&amp;\x11(\x84\xf2\x8cT\r\x08\xba\x1a\x9c\xa1\xa4\xe9#\xae9\n\xaa\xf5s\xdd\xbau\xb3f\xcdRC\xf9\x7fF\xf6\xabF\xfcL#LJJ\x08\xa54o\xce\x1b\x07\xf6\xecH\xc7\x96PJ$bEyi\xb5\xd6\x1e\x14F\xfcw\xbe\xe21a\xc4c\x910\x8a4=\x01PB\r#\xbep\xeahe\xd9\x86\x7fN\xf5\xaf\x86\xff\xe9\x9f$\x02U5X\xb5 \xebjp\x86\xa2k\x00\x99\x87\xda\xfe\x0f\x1c80\x1a\x8d\x9aM\xa6X&lt;\xfe\'e\xbfjDB#l\xc1\x9a5\xbep\x981\x16\xf4\x95\xcd\x9d&lt;\xfc\xe1\x17f\xf8J\x0f\xa5\xd5x0\xa5 \x8cx\xd0_F\x08\xa1\x84\x12B\x9c\x9e\xec\xab\xfb\xfd\x0b\x80\x11)\xc9oGJ)%\x00sg7\x14"\xed&lt;pT\xedw\xc9\xec)[7\xaeR\xc9\x1fI\x88R\xfd+\x0b\x04\xfe\xb0\xee\xd31R]"p\xecG\x1f1\x00JiNNN\xbf~\xfd\xb2\xb2\xb2T\xa7@\xad^\x80\xe6\xf8\x92F\xaf\xab\xe6XP\xdb\xaey\xf3\xe6\xe5\xe7\xe7\xab\xda\xef\x9f\x97\xfd\xaa\x11\xd55\xc2\x9e\x9a=[\xa2\x04\x80\xd5K\x17\x16\xae\xf9\xa2\xcd\xd9\x17\x84C\xc1\xb4i\x08\x91\x94\xd2X4\x12\n\xf8\t\xa9\xdc\xca7lv\xca\xad\x0f\x0c\xab\x92\xb3&gt;\xfa\r\x93\xe1\x80\x1fE&lt;\xad\x0e\x01RJ\x137\x97\x1e:\xb0h\xdaxJ)P\x1a\x17\xe2\xcf\xab\xfe\xd5\x88\x84D\xe0\xfc\xd5\xab\x7f8|\x98s^VV\x96\x93\x933i\xd2$\xf5p&amp;\xe1\x1a4\xc7\x8b4yW5\xc7\x84\xca\xb1\xa8\xee\x0bB\x08\xd0\xe3&amp;\xfbU#\xaak\x84)q\x08#\x1e\x9b\xfd\xcaP`\xfcXl\x87\x93\x83\x94\x04\x00\xe2\xb1\xaa\x00@\x08!\xc4\xe6t\x85C\x01_\xc9!\x7f\xd9a\x7fY\xf1Q\xbf\x0ec\xfa\x15\x81Q\x18\x8e,\xef\xe2\x19\xaf\x1c\xfa\xf1\x07\x80\xe3\xa6\xfaW#~M"\x10\xa6L\x99\xb2u\xebV\x9d\x08\xca8t\x00\xc8$T\xeb\xe7\xd8\xb1c\xb7o\xdfn2\x99\xe2\x86q\x1ce\xbfjDB#LyF\x02c[7\xac,X4\xd3\xe5m\x90&gt;\x02A\x14X,\x1c\x8e\x04+\x12\xdfqe50\x99\xcc\xc0\x18c\xfcw\xbf\xd2n\xf5G\xb49\\?|\xff\xcdgs\xa7B\x95\xe3\xe3\xf1R\xfd\xab\x11\xd5%\x02\r!8c\x86a&lt;\xf4\xd0C\xba\x14\x9cq\xe8\x00\x901\xa8\xda\xef\xce\x9d;\xc7\x8c\x19\x03\x00j\x12\xec8\xca~\xd5\x88#4\xc2\x80RB\xe9{\xaf\x8f*/.2qsz\xac\x02\x12\x00B\x01\x7f,\x1aI|\xcb\x95\xd5\x80\x02\xa4e\xc3\xea\xb1 \x81\xf19\x93\x86\x85\x02~\xa0 \x10\x8f\xaf\xea_\xcd.\xa5\x9aD\xa0R\t\xcd\xcb\xcbK\x98\x11%\xf9b4\x7f\x18\x1d\x002\x06Ua\x1b1b\x84\xdf\xef\xe7\x8c\xc5\r\xe3\xf8\xcb~\xd5\xf0\x82\x12\x1aa(\x04\x03V\xbc\x7f\xcf\xc73^qfy1\x1d\x0e\x01\x92\x00c\xa1\xa0_\x18?\xe5\xf1]Y\r\x00 =G\x16\x8e\x8e\x10\xc2\xe9\xf6n\xfc2o\xed\xf2\x8f\x80\xb1\xdaP\xfd\xab\x11GJ\x04\x02PJ\x95\x1d\xa9&gt;\x07d\x10:\x00d\x06\xaa\xbcVPP0s\xe6L^\xb5\xc9:\xee\xb2_5\xe2g\x1aaR*\xcf\xc8\xcf\xe6N\xdd\xb9y\x83\xd5\xee\x942\xc5\xb9`I$\x00\x0bU\xf8\x08!\x00T\xadH\xae\xacl\x89\x92\xa6Yn\xe7X`\x8c\x85\x83\x819\x93\x87\x11J\x81R\x81\xb5\xa2\xfaW\xb3K\xaa&amp;\x11\x187\x0c\xce\xf9\xf6\xed\xdb\xc7\x8e\x1d\xab+\x01\x19\x84\x0e\x00\x19\x83\x10"\'\'G\r\xe0\xd4\x9e\xecW\x8d\xa8\xae\x11\xa6z\xd2C\x01\xff\x07o\xbe`\xb1\xdaS\xbf\x04HB)\r\xfaJ\t!\x84PU\x9dve5D\x89\xe4\xe7\xfa\xa0\xe9S\xb8\xfe-\x840\x9cn\xef\x8a\x8fr\xf7l\xf9\x96\x01\xc8ZS\xfd\xab\x11GJ\x04J\t\x94\x8e\x1b7\xae\xa8\xa8H[\x86e\n:\x00d\x00J\xea977\xb7\xa0\xa0@\xcd\xfdr\xc6\x9e\xef\xdbW\xa4z\xf1R-\xa1\xa74h0\xe4\xa6\x9bPJ\x89\x12\x80\xad\xca[\xb0\xae\xe0\x13\xa7\xdb\x8b)V\x8a\x96\x14\xa0B\x05\x00JU\xda\xc7\xeer\x0b#N\x88\x04\xc6\x18\xe7\x9c\x9b\x18\xe7\x14\x98\x94\x88\xc2@\x14i\x18\x0c\x94\xe3c\xf1\x81\xbd\xf3\xa7&lt;G)PB\x05b\xaf\xf3\xcf\xbf\xf6\x9cs\xcaR\x95\xfd\xab\x82\x01\x94\x06\x02\x03\xaf\xbb\xee\xb4\xc6\x8d\xd5!\xa0\xb4\xb4t\xf0\xe0\xc1\x90\xd2\xc8\xa49vt\x00Hw\xd4\xd8\x97\xdf\xef\x1f&gt;|\xb8\x12\xf9A)\xef\xec\xdc\xb9S\x8b\x16\x15\xb5 \xfaXS\x12\x1aag7o\x8e(\x00(".\x9c:Z\x18)\x1e\xa1\x92\x84PJ\x03\xbeR\xa2\xe4\xdd\x10)\xa5\x8dO:\xcd\xeet3n\x8eEBA\x7fyEyI\xd0_\x1e\x8fE\xcd\x16\xbb+\xab\xa1\xc3\x95E\x19Ca\xa4\x95\x02(\xa2\xb09\\\x8bgL\xf2\x95\x1c\x02\x00\xc4\xdaU\xfd\xab\x11J"\xd0m\xb3\r\xbe\xf1FR\xd5\xa5\x96\x9b\x9b\xbb~\xfdzm\x1c\x9f\x11\xe8A\xb0tG\xbdTc\xc6\x8c\xd9\xb9s\xa7\x89sC$C\xf6\xabF\x08D\xb7\xc31\xacw\xef\x9b\xc6\x8d\x93\x88\x8c\xb1\xad\x1bW-{\x7f\xfa\xd5}\xfb\xfb\xca\x0e\xa7j6\x98\x12*QV\x94\x97%\xbe\x03\x8c/\x9d3e\xc1\x94\x92\xa2\xbd\xbb*\xca\x0f\xc7"!!\x04c\xdc\xe6pe5j\xda\xbc\xf5\x99g\\\xd0\xb5]\xa7\xce\xee\x06\x8dB\x15&gt;\x89\x98\x0e\x1a\xd7\x88h\xb3\xbbvlZ\xbbd\xd6k\x14\x80\x12)\xa4T\xaa\x7f\x07\xca\xcbMi0u\x95\x90\x08\xfc\xcf\x17_\xac\xdc\xb6\xcdl2\xc5b\xb1\x01\x03\x06,_\xbe&lt;\xd5\x97\xa6\xf9}t\xbd&gt;\xadQ\xad\x9f\xdb\xb7oo\xdf\xbe\xbd0\x0c\xb5\xe1z\xaeo\xdf\xc7\xae\xbb\xeepR\x84\x1f\x8e\x11\x81\xe8\xb1\xdbo}\xe9\xa5E\xeb\xd7s\xc6\x05\nwv\xc3\xe7f}\xedt{\x8d\x14\x1d\x05P\x08\x87;\xeb\xe5\'\xef\\\xb9d&gt;0v\x8cZu\x8dO&lt;\xb5{\x9f{\xaf\xbc\xe5\x1en2G\xc3\xa1\x94k\\KD\x9b\xd35\xaa\xff_\x0b\xd7\xe4s\xce\x85a\x9c\xd2\xb0\xe1\x97\xc3\x86\xd9\xccf\x81\x98&amp;\xba\x0b\x88\xe8\xb4ZW\xed\xd8q\xf5\xe8\xd1(%\x00\x18\x86\xf1\xce;\xef\xdcq\xc7\x1dz68\xcdI\xfd\x1eGs\x14TxV\xddu\xca\xf3+i\xb2_5\xa2\xbaF\x18J\x04`\xbe\x92\xe2\xc53&amp;Y\x1d\xce\x94U\x02(E\x14%E\xfb)\x00\xa5\x00\x00\xc0\xb8\xc9l\xe1&amp;3c\x9c\x02P\x80\x9f*\x01\x8c\x03\xe3\x00ph\xff\x0f\xb9\x13\x87\x8c\xea\xff\xd7C\xfb\x7f\xb0:\\\xa9-c\xa0\x10v\x97g\xed\xf2\x8f\x0b\xd7\xe4+\xd5\xcf\xa4\xa9\xfe\xd5\x88\x9fI\x04*\xcfHJ\x87\x0f\x1f\xee\xf3\xf9tKh\x9a\xa3\x03@\xfa\xa2vO\xf9\xf9\xf9\x89\xf9\x1a)\xa5\x92\xfdJ\xb7Y\x9b\xea\x1aa\x88\xa8ZB\x97\xcczm\xd7\xe6\rvGj&lt;#\x95GB\xe3\x93N\x95\x88\xc2\x88#"\n#\x1e\x8b\x1a\xf1\x98\x10\x86D\x94\x88(\x840\x0c\xc3\x88\x0ba\xa8\xc6 %\x1c\xbd\xe3\xbb\xff&gt;\xd7\xff\xfaC?\xee\xb2X\xed2u\x89l\xc6x4\x1c\xcc\x9d8\x84\x10\x02@\x05b2U\xffjDB"0\xcbn7\x84`\x9c\xef\xdc\xb9s\xe2\xc4\x89\x00\x90n\xcf\xaa\xa6::&gt;\xa7)\xaaC1\x1e\x8f_r\xc9%\xeb\xd7\xaf\xe7\x9c\xc7\xe3\xf1\x1b:u\x9a\xfd\xd0C\xa9m\xfd\xfc-\xa4\x94\x0c \x14\x8b]6|\xf8\x0f\x87\x0f3\xc6\r#~\xee\x15\xd7?:.7\x14\xf0\x03$\x7f\xc1\x92\x84P\xc6M+&gt;\xca]&lt;c\x92\xdd\xe9&gt;\xa5u\xfb&amp;\'\xb5h\xd0\xecd\x97\'\x9b\x9b-\x88\x18\tV\x94\x14\xed\xdb\xbd\xe5\x9b\xc25_\x1c&gt;\xb0\x8f\x10\xa2v\xac\x8c\x9b\x84\x11o\xf1\x97\x0e\xcf\xfcg\x89DT\xffT\x92\xaf^\x08\xc3\x95\xd5`\xd1\xdb\xe3gN\x18\xc2\x18\x93Rr\x80\xc5O&gt;ya\xabV\x814(\xfe\xff\x12C\x88\x86.\xd7\xd8\x8f?~j\xf6l\xe5\x19\xe9t\xb9\xd6\xad[w\xdai\xa7i\xcf\xc8\xb4E\x07\x804Em\xff\xa7O\x9f~\xf7\xddws\xce\x11\x91\x03\xac\x18:\xb4\xddI\'\xd5\x86\xe3\xebq\xc1\x10\xa2\xb1\xc7\xf3\xda\xd2\xa5\x0fN\x9b\xc6\x80IB\x10\xc5\x13\xaf,\xe8\xd0\xf9\xaa\x80\xbf,U\xd5`\x9b\xc3\x15\xac\xf0\x99\xcd\x16\x8b\xcdA(AD\x89(%\x12B\x01@Uz\xfd\xa5\xc5\x05\x8bf\xce\x9d&lt;"\x16\tW\xc5\x00.\x0c\xa3\xdf#\xcf\xf6\xfc\xfbc\x15\xe5\x87!\xb9\x17/\xa5\xe4\xdc\x14\xf0\x97?\xd1\xbbS\xa8\xc2\xcf\x80\x19\xc2\xb8\xf5\xa2\x8br\x1fx\xe0\xa0\xcf\x97n\xdb\xff\x04J\xa0\xf4\x82\xa7\x9f\xdeq\xf0\xa0\x12*\xbf\xf3\xce;\xa7O\x9fn\x18\x06\xe7\xba\xdf$\x1dI\xc7uD\xa3r\x11eee\x83\x06\r\x02\x00\x95\xcdH\x89\xecW\x8d\xa8\xae\x11&amp;P0\x00B\xe9\x9c\xc9\xc3b\x91p\n}\x02\x82\xfer\xc6X&lt;\x1e\xab(?\xec/;\x1c\xf4\x95\x85\x02\xbep0\x10\x0eV\x04+\xca\x03\xe5\xa5\x81\xf2\x12\x93\xd9r\xe3=O&lt;6q\xae\xc5\xe6 \x94\xaa9&amp;J\xe9g\xf3\xde\xaa\xf0\x952nJ\xf25K\x146\xa7k\xfe\x94QA\xbf\x8f\x01\x13(R\xa5\xfaW#\x12\x12\x81\x84\x10%\x104s\xe6\xcc\x15+Vp\xceu"(=I\xdf\x87\xa9&gt;\xa3\x9a\x7frrr\x8a\x8a\x8a\x18\x80!D\ne\xbfjDu\x8d0\xa5\x14\xbdg\xcb\xb7ys\xa68\\\x9eT\xa9\x84\x02cR\xa2r\x83d\x8c\x03c\x00\x0c*a\xc0\x180\x8e\x88%E?v\xbc\xec\xda\x9b\xfb\x0f\x96\x88\x94\x82J\xfd\x1f\xfaq\xf7\xae\xc2\xf5\xe6\xe4\x0e6+\xd5\xcf\xc25\xf9\xf9\x0b\xdf\xa5\x00*\x1d\x98*\xd5\xbf\x1aq\x84D \x05\x10B\x0c\x180 \x1a\x8d\xeajpz\x92\xd6\xabI\xfdD\xad\xfe\xcai\x8f\x01\xa4\\\xf6\xabF\x1c\xa9\x11F(\xa5\xb0\xf0\xad\x17\x0e\x17\xfd\x98R\xcf\xc8\xdf\xb9i\x94R\x93\xc9\\QV\xd2\xe5\x86\xdb\xb3\x1a4A\x14\xca?\x98\x10\xf2\xc3\x96\x8d\xdcdJ\xa6\xb4\x11%\x04\x18\x9f\xfd\xcaP!\x0c\x06 \x84H\xb1\xea_\x8d\xa8&amp;\x11(\x84\xe0\x9c\xaf_\xbf~\xf6\xec\xd9Z (=I\xfb\xe7\xa9\xfe\xa1\xf2?\xcak\x9b1f\x88\xd4\xcb~\xd5\x88\xea\x1aa*\x11\x14\xf4\xfb\xe6Oy\xceb\xb3\xcb\x14\x8bC\x1c\x15J\x85\x11\xf7d7ju\xd6y\x84\x10\n\xa0\x82F\xf1\x81\xbd$\x89%`!\x0c\x87;\xab`\xd1\xcc\xad\x1bV\x02\xabl\xfdL\xad\xea_\x8d\xf8\x99D\xa0j\t\x05\x184hPii\xa9&gt;\x04\xa4!:\x00\xa4\x17\xaa\xf6\x9b\x97\x97\x97\x97\x97\xa7\x1a\xff\xd3A\xf6\xabF\x1c\xa9\x11F$\x05\xc8_\xf8\xee\xae\xc2\xf5V{jZB\x8f\x19\t\x8c7:\xa19Q\x83\xc4D\x12B"\xc1\x80DLN\x08\x90Dr\xc6\xc3\xc1\x8a\x05o&lt;O\x08\x01J\xd3D\xf5\xafFT\x97\x08T\xcfsQQ\xd1\xf8\xf1\xe3\xf5! \r\xc9\x8cG\xaa\x9e\xa0\xf6\xfe\x95\xe6J\x84\xa8\xe3\x7f\x9a\xc8~\xd5\x88\xea\x1aa\x86\x10\x0c@\x08c\xe6\x84\xa7\x80A:\xef`%!\x94Pn\xb6T\xfff2\x05!P\x08\x87\xc7\xfb\xe1\xb4\xf1\x07\xf7\xedf\x8c\xa3\x10i\xa2\xfaW#~!\x11\x88\x0c\xe0\xc5\x17_\xdc\xbe}\xbb\x8e\x01\xe9F\xc6\xac)\xf5\x01\xacf\xaf\xca8W2[i"\xfbU#\x8e\xd0\x08\x93\x88\x00\xacpM\xfe\xda\xe5\x1f\xdb]\x9ecTeH&gt;\x94\x10\x94\xa8,\x04\x08!\xca6\xc0\xe1\xca\xa2I\xf1\x90\x91RZ,\xb6\x03{v\xe4\xcdy\x83RJ\xd3L\xf5\xafFT\x97\x08T\x87\x00ed\xad\xb3@\xe9F&amp;=Uu\x1b\xd5wXTT\x94\x93\x93S\xf9\xfe#*\xd9\xaf@$\x02i\x9f\xfc=\x82\x84F\xd8Em\xda\x08D\x00J\x08\xcd\x9d8$\x12\n0\xc6\xd2\xd4\x93\x8b\x82\x11\x8f\xfd\xef\x87mDu\xde\x10I\x08i|bs"\x93\x91\x00B\x14\x16\xbbc\xee\xa4\xe1A_\x19c\x0c1\xedT\xffj\x84@tZ\xad\xc3z\xf7\x96\x84\x08D\xc6\xd8\xbcy\xf3*\x13\x9b\xe9\xba\x03\xa8\x87\xe8\x00\x90.\xa8i\xc9\xc1\x83\x07\x97\x95\x95)\xd1\xff\xe6\r\x1b&gt;|\xf5\xd5\xa5\x81\x00\xcf\xa8\xdd_\x02*\xa5!\xc4\xc8&gt;}8c\xa8r\xc1{w~8m\xbc\xc3\xe3M\xce!@"\x1e\xfb~S"\x9a-\x96C?\xee\xde]\xb8\x9e\x10"%\xaaN\xd0\xe6m\xcf2\x8c\x18\xa5\xb5\xfb\x11 \n\xa7\xdb\xbb\xbe\xe0\xd3\x95K\xdeS\xb2?(\xe5\x137\xdcpRvv\xfa\xb7~\xfd*\xaa\x1f\xec\xaa\xb3\xce\xba\xbecG\xe5b\x94hm\xd0\xe7\x80\xf4!#W\x96\xba\x87J\xfe\xac[\xb7n\xd6\xacYJH==e\xbfj\xc4\xcf4\xc2\xa4\xa4\x84PJ\xf3\xe6\xbcq`\xcf\x8ed\xb4\x84Ji\xb5;97)\xe5\x9f\xa3K\xfcK\x89\x88\xc2\xee\xf4|\xfc\xceK\x91p\x10\x80\xa9{\xde\xf4\x94V\xcd\xdb\x9e\x15\x8d\x84i-\x17/(\xa1\x86\x11_8u\xb42V\xc3tU\xfd\xab\x11\xd5%\x02U"H57\xebJ@\xfa\xa0\x03@Z\xa0\xca\xbf\x03\x07\x0e\x8cF\xa3j\xf2+me\xbfjDu\x8d0\x81\x821\x16\xf4\x95\xcd\x9d&lt;\xdcV\xdbB\x9bR\x02\xe7\xdf\xadZ\xe6+=\x94\xd5\xa0\x89\xc5\xee\xa0\x14P\x08!\x0c\x14\xa2R\r\x02\x11Q\xa0\x10(\x047\x99\xbd\x8d\x9a}\xf4\xceK\x9f\xcf\x7f[\x99\xaeP\nR\xca\xce\x7f\xbd\xcd\xe9\xc9\xc6j\xb6\xf2\xb5\x81\x10\x86\xcb\xdb\xe0\x8b\x85\xefl\xdd\xb8J%\x7f$!\xe9\xa9\xfaW#~!\x11H(\xa5999eee\xda2,M\xd0\x01 \xf5\xa8\xcd\xd1\xbcy\xf3\xf2\xf3\xf39\xe7\x86\x10f\xceG\xf6\xe9#\x84\xc8\xc8\x9d\x7f5TC\xc8I\xd9\xd9O\xdcp\x83\xac\xf4\x8c\x84\xd5K\x17\x16\xae\xf9\xa2VUBQ\xa2\xd5\xe6\xf8$wr\xce\x1d]g\x8c\x1b\xbc\xe3\xdb\xff\xaa\x06\x1b\xb7\xb7\xa1\xc3\x9des\xb8,v\x87\xd5\xee\xb4;=\xce\xacl\xa7\xc7\xeb+9\xf4\xc6\xf0\x7fO\x1b=P\x89@\x00\x80\x10F\xc3f\'w\xefsO(\xe0\xabU%;)\xa5\x89\x9bK\x0f\x1dX4m&lt;\xad4|\xc7\x1b:u\xba\xea\xac\xb3\xca\x82\xc1L\x17\xd3\xe7\x00\xa5\x81\xc0CW_\xdd\xa2Q#C\x08\xceyYY\x99\xaar\xe9C@:\xa0\x93q)F\xcaJY\xe2\xf6\xed\xdbo\xdf\xbe]Ih\xa5\xbf\xecW\x8dHh\x84\xed&lt;x\x90qn\x18F\xdb\x0e\x17\r{\xfb\xb3\xa0\xbf\xbc\x96\x1cW\x10\x85\xc3\x95\xf5\xd2\x13w\xae\xca\x9b\xaf\xbe\xd3\xacy\xeb\x16\x7f\xe9pJ\xeb3\x9a\x9c|\x9a\xcb\xdb\xc0d\xb6H\x94\xa1\x80\xef\xe0\xbe]\xdb\xbeY\xf5\xed\xd7\x9f\x07+\xcaUn\x9a\x02#\x12\t!OLZp\xf6\xc5W\x86*|\xb5j\x0b#\x8cxV\xa3\xa6\xef\x8e\x1d\xf4\xe1\x7f\xc61\xc6%\n\xceX\x9a\xab\xfe\xd5\x88\xea\x12\x81\x9c1\xe5\x18\xb3i\xd3\xa66m\xdah\x95\xd0\x94\xa3%\xfaRL\xc2\xf1q\xfb\xf6\xed&amp;\x93)n\x18\x19!\xfbU#\x94\x8d\xe5\xa8\xbe}o}\xe9%\x89\x08\x8cm\xdd\xb0\xb2`\xd1\xcc\xae7\xde\xe9\xafM\xcfH)\x91q\x130\x88G\xa3\x07\xf6l?\xb0g\xfb\xd7\x9f\xfe\xe6_\x06\xc6$J\xc6\x98\x10\x06\xa5\xf0\xcf\xa1\x93;\\zu\x85\xaf\xb4V\xf7\xe0J\xf6\xe7\x87\xef\xbf\xf9l\xeeT\xa8r|T\xaa\x7f\xc5~\x7f\xdd\x08\xff\t\x89\xc0\xdc\xaf\xbeZY\xb5\xc5y\xe8\xa1\x87\x96,Y\xa2\x0f\x01)\xa7\x8e,1\x19\x8a\xca6\xec\xdc\xb9s\xcc\x981\x00\xa0L\x002B\xf6\xabF\x1c\xa1\x11\x06\x94\x12J\xdf{}Tyq\x91\x89\x9bk\xe9\x0cJ)\x8d\xc7b\xc2\x88\xc7\xa3Q`\x8c\x9bL\xdcd\xe6&amp;\x93\xb2\x03#\x84RJ\x01\x18\xe3&amp;n23n\x92RJ\x89B\x18MN&gt;\xed\x89W\xe6_~\xd3\xdd\x81Z^\xfd\t!j\xf6x\xce\xa4a\xa1\x80\x1f(\x08\xc4LQ\xfd\xab\x11\xd5%\x02\x95Jh^^^\xc2\xe6(\xd5WW\xaf\xa9;\x0fY&amp;\xa2j\xbf#F\x8c\xf0\xfb\xfd\x9c\xb1\xb8ad\x92\xecW\x8d\xa8\xa6\x11\x86B0`\xc5\xfb\xf7|&lt;\xe3\x15g\x96\x17kA%\x94R\x88FB\xbd\xee}\xe2\xe2knq\xb8\xb3P\x08#\x1e7\xe21#\x1eO4\x05I)\x11\x850\xe2F&lt;&amp;\x8c\xb8Dl\xd8\xec\xe4^\xfd\x07\x0f\x9f\xfe\xf9\xd9\x97\\\x19\xf0\x95\xd6\xb6!\xb0\x10\xc2\xe9\xf6n\xfc2o\xed\xf2\x8f\x80\xb1\xccR\xfd\xab\x11GJ\x04\x02PJ\x95\xd1\xa9n\tM-\xfa\xee\xa7\x0cU\xfb-((\xb8\xe2\x8a+(!RJ\x818\xe7\xe1\x87o\xe8\xd4\xa9\xbc\xee\x05\x00B\x0c!\x1a\xb9\xdd\x8f\xcf\x9c9\xf1\x93O8cBJ\x9b\xdd9t\xdag\'4o\x1d\x8b\x86\x8f{\xa3\xbd\x94\xd2b\xb51n:\xf8\xe3\xeem\x1bW\xee\xf8n\xed\x8f\xbb\xbe//.\n\xf8Jc\xd1\x08\xa2\xa0\x842\x93\xc9\xe1\xce\xcan|b\xf36g\xb6;\xaf\xcb_:^\x92\xd5\xb0i8Xa\xc4c\xc9\xb1\x83\xa7\x14\x86\xfd\xa3\xfb\x9e\xad\xdfq\xc6\x0c\xc3\xb8\xa8u\xeb\xbc\xa7\x9e\nF\xa3\x197\xf7\xf7\xbbH)\xcd\x9c\x17\xf9|\x17?\xf3Ly(\xa4\x1c\xeeF\x8d\x1a\xf5\xd4SOi\xe3\xf8\x14\xa2\x03@\xcaP\x87\xdf+\xae\xb8\xa2\xa0\xa0@%F\xbb\xb6k\xb7\xf8\x89\'\xfc\x198\xf7{,H)M\x9c\x97\x05\x83\x17\xe5\xe4\x1c\xae\xa8\x00\xc6\x0c\xc3\xb8\xf8\xea\xde\x03^\x9c\xe9++\xae\x8dJ\x80D\x94D\x9a\xccV\x8b\xd5F\x01\x8cX,\x12\nD#\xa1X4l\xc4\xe3\x94\x82\xd9b\xb5\xd8\xecv\xa7\xdbd\xb6"\x8ah8h\xc4c\xb4j\x08\xa0V\x11\xc2\xf0x\x1b}:\xeb\xb5\xff&lt;7\x801\xa6\xa4~\x16&lt;\xfah\x8f3\xcf,\xcf\x1c\xdd\xb7\x1a\xa1\xaa\xc1O\xcf\x9d;\xfa\x83\x0fL\x9c\x0b!\xb2\xbc\xde\xc2\xc2\xc2\xc6\x8d\x1b\x13Bt58%\xe8\x9b\x9e\x1a\x94\xd4snnnAA\x81\x9a\xfb\xcdD\xd9\xaf\x1a\xf1\x0b\x8d0\t\xc0V\xe5-XW\xf0\x89\xd3\xed\xad\x8d\xb1\x00\n\x00\xc0\x8cx,\xe0+\xab(;\x1c\t\x05\x801\xbb\xcb\xe3mtB\xe3\x13Omt\xc2)\xee\xec\x86&amp;\xb35\x1a\tU\x94\x1f\x0eV\x94\x0b!\x80\xf1$\xac\xfeRJ\xb3\xd9Z|`\xef\xfc)\xcfQ\n\x94P\x81\x98\x89\xaa\x7f5\xa2\xbaD`\xdc08\xe7\xa5\xa5\xa5\x83\x07\x0f\xd63\x01)\xa4n&gt;ji\x8e\xea~\xf3\xfb\xfd\xc3\x87\x0fW\x9b\xfd\xcc\x95\xfd\xaa\x11\xd55\xc2\x10\x05\x00E\xc4\x85SG\x0b#^{\xcb.\xa5T\xd9~Q\x00)Q\x18\x86\x11\x8f\xc5c\xd1x,j\xc4\xe3\x12\x05\xa5\x00\x8cCR6\xfe\nDas\xb8\x16\xcf\x98\xe4+9\xa4\xe6\xce2T\xf5\xafF\x1c!\x11\xa8\xfa\xdfrss\xd7\xaf_\xaf\xa6\xdfS}\x81\xf5\x91:\xfb\xb4\xa53\xaa\xf9g\xcc\x981;w\xeeT\x96/\x19-\xfbU#\xaak\x84ID\xc6\xd8\xd6\x8d\xab\x96\xbd?\xdd\xe5\xc9N\x8ag$=\x02\x92\xf4\x1b\x8e\x886\xbbk\xc7\xa6\xb5Kf\xbdF\x01(\x91(e\xe6\xaa\xfe\xd5\x88\xea\x12\x81J\'&lt;\x16\x8b\r\x180@\x08\xa1\x0f\x01)A\x07\x80d\xa36&gt;\xdb\xb7o\x1f;vl\xc2\xf11\xa3e\xbfj\xc4\xcf4\xc2\x10)\xa1\x94\xd2\xf9\xaf?[|`\x9f\xd9l\xad\x0f\xab\x00%\x04\x18\xcc\x9c\xf0\x94\x11\x8f)\xcb\x87LW\xfd\xab\x11\xd5%\x02\xd5l\xf0\x8a\x15+rssuKhJ\xa8\xfb\x0f\\\xba\xa1\xd68\xd5\x03\xa7&lt;\xbf\xea\x80\xecW\x8d\xa8\xae\x11\x86\x12\x01\x98\xaf\xa4x\xf1\x8cIV\x87\xb3v\x05\x82\xd2\x00\x14\xc2\xee\xf2\xac]\xfeq\xe1\x9a|\xa5\xfaY\x07T\xffj\xc4\xcf$\x02\x95g$\xa5\xc3\x87\x0f\xf7\xf9|\xba%4\xf9\xe8\x00\x90TT\xc7[~~~b\nFJY\x07d\xbfj\xc4/4\xc2$\x05X2\xeb\xb5]\x9b7\xd4\xaa@P:\xc0\x18\x8f\x86\x83\xb9\x13\x87\x10B\x00\xa8@\xac\x1b\xaa\x7f5\xa2\xbaD\xa0!\x04\xe3|\xe7\xce\x9d\x13\'N\x04\x80\xfa\xf3\x16\xa4\t:\x00$\x0f5\xf6\x15\x8dF\x07\x0e\x1cH)\x05\x80\xba$\xfbU#\xaak\x84\tD\x06\xcc\x88\xc7\xe6Oy\x8e\x02\x1c]\xb79\xa3\x11\xc2\xb0\xb9\xdcK\xe7N-\xda\xbbS\x95=\xeb\x8c\xea_\x8d\xf8\x85D 2\x80\t\x13&amp;\xa8\x92X\xdd\xde\x01\xa4\x1b:\x00$\x0fU\xfb\x9d={\xf6\xbau\xeb\xd4\xf6\xdf\xcc\xf9\x90\x1bo\x14\x88\xf5\xea\xfd\'\x84PJc\x86q\x82\xd7\xfb\xe8u\xd7\xa9%\x00\x80\xad]\xb6h\xe3\x97K\x1d\xae\xac\xa4T\x83\x93\x8dj\xfd,)\xda\xbf\xf0\xad\x17T\xf5\x19\x11o:\xef\xbc\xcb\xdb\xb5\xf3\x87\xc3u\xb8\xf9\xe7W\xe1\x8c\xf9\xc2\xe1\xfe\xdd\xba\xb5j\xd2\xc4\x10\x821\xe6\xf3\xf9F\x8c\x18\xa1UB\x93L\xfdz\xecR\x88\xda\xfe\x97\x95\x95\r\x1a4\x08\x00\x94\xe3\xa3\x92\xfd\xaaH\xee\xfb/\tA)\x05b\xe2\x0bS\x91xMh\x84]\xd4\xba\xb5@\xc1\x00\x08\xa5s&amp;\x0f\x8bE\xc2\xb5\'\x0f\x97B$\n\x9b\xd35\x7f\xca\xa8\xa0\xdf\xc7\x80\t\x14)Q\xfd\x93R\x1e\xf1\xe9\xab\x07 \xf9O\x80!\x84\xddl\x1e\xd5\xb7/!D\t\x04\xcd\x9c9s\xc5\x8a\x15\x9cs\x9d\x08J\x1a:\x00$\t\xb5\xfd\xcf\xc9\xc9)**R\x96/\xc9\x97\xfdRo&gt;\x10b3\x9b=v\xbb\xd7\xe1\xf0:\x1c\x1e\xbb\xddf6\x13B\x8c\xa4G\x82\xea\x1aa\x88\x02\x00\xf6l\xf96o\xce\x14\x87\xcbS\xc7\x0e\x01J\xf5\xb3pM~\xfe\xc2wU\x9a+\xc9\xaa\x7f(\xa5\xfa|9cv\xb3\xd9c\xb7g9\x1c^\x87#\xcb\xe1p\xdbl6\x93I\xf9\x10\x88$\xee\xbe\x8f\x90\x08\xa4\x00B\x88\x01\x03\x06D\xa3Q]\rN\x1a\xfaF\'\x03e\xf8\xbem\xdb\xb6\xf6\xed\xdbKD5\x11\xf3\xf2\xddw\xff\xab{\xf7\xe4\xa8\xfe\xaa}\x9f\xd3j\xb5p^\x16\x0c\xee-)\xf9_Y\x99?\x14\x92\x84\xb8m\xb6\x13\xb3\xb3\x9b7l\x98e\xb7G\xe2q%D\x93\xb4v\x14%\x10\xf4\xb7\xc9\x93\xe7\xac\\\xc9\x19\x17\x88v\x97\xeb\x85\xf7\xd6:=\xd9F\xbc\xee4\xc5JD\xbb\xcb3\xec\xef\xdd\xb7nX\xc99\x17\x86\xd1\xb2I\x93\x95#G\xaaa\x88Z\xfd5\xd5\x9a\xee\xb0X\xacfs$\x16+\xae\xa88PVv\xb8\xa2"\x10\x89\x18\x88\x16\xce\xdd6[\xd3\xac\xac\x13\xbc^\xaf\xc3\x81RVD"\x1219GRDtX\xad\x9b\xf6\xed\xbbl\xc4\x08\x03\x11\x00\x0c\xc3\x986m\xda]w\xdd\xa5\x05\x82\x92\x83\x0e\x00\xc9@=\xcdW]uU^^\x9e\x92\xfdI\xa6\xec\x17"\x9a8wX,\xff\xdd\xb5+\xf7\xab\xaf\x96\x15\x16\xfep\xe8P\xd4\xf8i\x8bm\xe1\xfc\xb4&amp;Mz\x9cuV\xbf\x8b/&gt;\xe7\xd4S\xfd\xe1p\xa5hs\xeds\x84F\x18\x03f\x08\xe3\x8a\x9b\xff\xfe\xcf\xa1\xaf\x06\xcaK\xa0N\xe4\x82\x840\\\x9e\xec\xfc\x0fg\xbc\x96\xf3O`\x8c&amp;K\xf5\x0f\xa5\x94R\xbam6J\xe9w{\xf7.\xde\xb8q\xf9\xe6\xcd[\xf6\xef?\x1c\x08\x1c\x91g\xb7\x9aL\'fg\x9f\xdf\xb2\xe5M\xe7\x9dw\xe5\x99gr\xc6*"\x91\xe4\x0c%T\x97\x084q.\x10\x1b7n\\XX\x98\x95\x95E\x93\xb8\x11\xa9\xb7\xe8\x00P\xeb\xa8\xd5?//\xef\xaa\xab\xae\xaa\xdc\xd4H\x994\xd9/\x81\xe8\xb0X\xfc\xe1\xf0\xb0\xf9\xf3\xa7\xe7\xe7\xc7\xab\xb2\xab\x0c@\xbd]J\x85T}\xd3j6\xff\xf3\x8a+\x86\xdct\x93\x85\xf3p,\x96\x9c\xdcTu\x8d0\xa5\x12\n\x14F\xce\xc8?\xa5u\xfbH8\x98\xe9\xd5QI$\x10J(\x1dt\xeb\x85\x07\xf7\xed\xe6\x9c\x1b\x86\x91\x04\xd5?)\xa5\xd5d2s\xfe\xc5\xe6\xcd\xaf}\xf6\xd9\x92o\xbe\xa9\x1e\xf2\xd5\xa7OUA\xe8\xe7\xa9\xbf\x8b\xdb\xb4y\xbeo\xdf\x0bZ\xb5J\x8e*\xd1\x11\x12\x81\x8c\xf3x&lt;&gt;d\xc8\x90g\x9f}V\x1f\x02\x92\x80\x0e\x00\xb5\x8b\x1a\xf4E\xc4\xf6\xed\xdbo\xdb\xba\xd5d2\xc5\xe2\xf1&gt;\x17^\x98\xfb\xc0\x03IH\xfe\x08D\xbb\xc5\xf2cII\xdf\x97_\xfen\xdf&gt;B\x08\x07 \x94V_\xf4\t!\x00\x00\x94\x12)\rDB\xc8\x05\xadZ\xcd\xbc\xff\xfe\x86nw$)\xd24\xaa&lt;N)\xbd\xe0\xe9\xa7w\x1d:\xa4\x96\xc83\xce\xbfl\xc8\x94\x8f\xc2\x81\n\x9a\xe1\x01@\x08\xc3\x93\xddh\xd6\xcb\xcf\xbc\xff\xc6\x18\xe5\xf8\x08\x00+\x86\x0em\x7f\xf2\xc9\xb5\xe7\xf8(\xa5d\x8c\x1d(+\x1b\xf9\xfe\xfbsW\xaeT\xdf\xe4\x8c\x01\xa5(\xa5\xf1\x8b\x12+g\xacr\x1d\x90RHi3\x9b\xff\xd3\xbf\xff\x8d\xe7\x9d\x97\x1cYru\x08xu\xe9\xd2\x87\xa7OWW\xc28\xdf\xb4iS\xabV\xad\xb4gdm\xa3on\xed\xa2j\xbfS\xa6L\xd9\xbau+\xe3\\\x89a%G\xf6KeW|\xa1\xd0\xcd\x13&amp;|\xb7o\x9f\x891B\x08\x12b\x08\xa1\x8e\x05\xa75n\xdc\xbai\xd3l\xa7\x13\x11\r!PJJ\xa9\x89\xb1\xd5;v\xdc4~| \x121q\x9e\x84\xfd\xc1\x11\x1aa\xaa%\xb4pM\xfe\xda\xe5\x1f\xdb]\x1e\xcc\xe4\x86\x10)\xa5\xc5b;\xb0gG\xde\x9c7\xd4\x8e;9\xaa\x7f@\xa9!D\xaf\xf1\xe3\xe7\xae\\\xc9\x008\x00\x070\x84\x88\x19\x86!\x04P\xda\xc8\xe5j\xd9\xa4I\x9bf\xcdN\xf4z\x95$\x83@\x94R\n)9@8\x16\xbb\xfb\xb5\xd7Vm\xdf\xee\xb4Z\x93\xd0\x94Y]"P\xed\xfac\xb1\xd8\x90!Ct)8\t\xe8[\\\x8b\xa8\x97\xe7\xd0\xa1C\xed\xda\xb5+//W\x9e_\x8f\xfd\xf5\xaf/\xf4\xebw\xa0\xbc\xdcT\xfb\xdb\xff,\xbb\xfd\x8eW_}o\xf5j\x13cq!\xd4\x06\xb0\xc3\xa9\xa7&gt;\xd0\xa3\xc7\x85\xad[g9\x1c@i \x1a\xfdv\xcf\x9eIyy\xcb\x0b\x0b\xd5_P\x7f\xb9\xe7\xb9\xe7\xcez\xf0A\x7f8\x9c\x9cb\x80\x90\xd2k\xb7_\xfe\xec\xb3+\xb7m\xe3\x9c\x1b\x86hz\xcai\xcf\xcf\xfe\x9aH\x89DR\x92\x91\xb9`!\x0c\xb7\xb7\xe1\xcbO\xdc\xf9\xd5\'s9\xe7(\x84\xdbf[\xff\xfc\xf3Y\x0eG\xbc6\x85\x1f\x04\xa2\xdbf\xfb\xcf\x17_&lt;8m\x9a\x89\xf3\xb8a\x10B,&amp;S\xf7\xf6\xed\xaf9\xe7\x9c\x0e\xa7\x9e\xda,+\xcbj2\x01\xa51\xc38\xe8\xf3\x15l\xd92)/o\xf7\xa1C\xea\x01\xe0\x00\x06b\x87SO]\xf6\xf4\xd3\xb1\xa4\x0c\xa9\tD\xaf\xc3\xf1\xc97\xdf\xdc4n\x9cJ\xfb\x08!\x96,Y\xd2\xa3G\x0f\x9d\x08\xaaU\xf4\t\xa0\x16Q\x07\xd8\xc1\x83\x07\x97\x95\x95)\xd1\xff\xa4\xc9~\xa9%`\xe9\xa6M\xef\xad^\xcd\x00\xe2B\x00\x00J\xf9\xf7\xcb.[\xf6\xf4\xd3\x7f\xeb\xdc\xf9\x04\xaf\xd7\xcc9g,\xdb\xe1\xb8\xf6\x9cs&gt;~\xe2\x89\xa7o\xba\t\xa5T-\xaa\x1c\xe0\x83\xb5k\xe7\xadZ\x95e\xb7\'\xa75\xb0\xbaF\x18\n\xc1\x18+\xda\xbb\xf3\xc3i\xe3\x1d\x1eo\x86\x1e\x02\x10\x85\xd3\xed]_\xf0\xe9\xca%\xef)\xd9\x1fL\x96\xea\x1f\x03\xa8\x88D\xfaw\xef~\xdb\xc5\x17\xc7\r\xc3\xcc\xf9?\xbav\xfdr\xd8\xb0y\x03\x06\xdc{\xc5\x15g\x9e|\xb2\xc7n7q\xce\x18\xb3[,m\x9a5{\xe8\xea\xabW\x0c\x1d\xda\xb5];\x94\x12(5\x10\x19\xc0\x86\x1f~X\xf</t>
        </is>
      </c>
    </row>
    <row r="443">
      <c r="A443" s="1" t="n">
        <v>441</v>
      </c>
      <c r="B443" t="inlineStr">
        <is>
          <t>shape_size_hexagon</t>
        </is>
      </c>
      <c r="C443" t="inlineStr">
        <is>
          <t>What is the size of the missing shape denoted with a question mark if it is a hexagon?</t>
        </is>
      </c>
      <c r="D443" t="inlineStr">
        <is>
          <t>['large', 'small', 'medium']</t>
        </is>
      </c>
      <c r="E443" t="inlineStr">
        <is>
          <t>large</t>
        </is>
      </c>
      <c r="F443" t="inlineStr">
        <is>
          <t>There are 7 shapes with different sizes in the image, of which there is a missing hexagon in the center. The other shapes are arranged around the center, which are ['pentagon', 'hexagon', 'triangle', 'pentagon', 'hexagon', 'triangle'] in anti-clockwise order. Their corresponding sizes are ['medium', 'large', 'small', 'medium', 'large', 'small'].</t>
        </is>
      </c>
      <c r="G443" t="inlineStr">
        <is>
          <t>We observe that the pentagons are medium size, the hexagons are large size, and the triangles are small size. Hence, the pattern is that each shape appears with a distinct size.</t>
        </is>
      </c>
      <c r="H443" t="inlineStr">
        <is>
          <t>Based on the pattern that each shape appears with a distinct size, the size of the missing hexagon should be large.</t>
        </is>
      </c>
      <c r="I443" t="inlineStr">
        <is>
          <t>b'\x89PNG\r\n\x1a\n\x00\x00\x00\rIHDR\x00\x00\x02\x00\x00\x00\x02\x00\x08\x02\x00\x00\x00{\x1aC\xad\x00\x00N\xffIDATx\x9c\xed\xddy|\x14U\xba7\xf0S\xa7\xaa;!\x90\r\x10"\xe2\xc6\x12\xf4\n\xce\x10\x86+(\xbbB\xd0Q\x91a\x11T6G\xc5\xcb&amp;\xab\x80\x100,\n\n\x82\x08\xde\xc1\xab#\x8b\x82\xb28\xa3\xa33\x06e\x17D\x85\xf8\xaa\xb8\x10\x0cn\xa3\xc4\x08\xd9\x03\xa4\xbb\xce9\xef\x1fOR\xd3\x86\xc5,\xdd]\x95\xae\xdf\xf7\x0f&gt;&amp;\x84X]\xdd\xe7&lt;gy\xea&lt;\x9aR\x8a\x01\x00\x80\xfbp\xbb/\x00\x00\x00\xec\x81\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08\x00\x00\x00.\x85\x00\x00\x00\xe0R\x86\xdd\x17\x00\xff!\xa5TJ\xd9}\x15!\xc79\xd74\xcd\xee\xab\x00\x00\xa6\xb9\xa1\xc7\xa9\x13\x94R\xe8\x16\x01 \x9c0\x03p\x04\xea\xfd\x0f\x1d:TXX\x18\xf1a %%%..\x8e1\x16\xf1\xaf\x14\xc0\xe10\x03\xb0\x9f\x94R\xd3\xb4\xaf\xbf\xfe\xfa\xea\xab\xaf\x16B\xd8}9!7r\xe4\xc8\x17_|Q\x08\xa1\xeb\xba\xdd\xd7\x02\xe0j\x08\x00\xf6\xa3\xaep\xf0\xe0\xc1\x9b7o\xf6x&lt;\x11\x1c\x034M\xd34\x8ds\xfe\xfe\xfb\xef\xa7\xa4\xa4H)9G\x1a\x02\x80m\x10\x00lF\xbd\xff\xb6m\xdbRSSu]\xa7\xde_\xd79c\x91\xb6&lt;\xa2\x94\x94R\xd1k\xec\xda\xb5\xeb\xce\x9d;\x19c\x98\x04\x00\xd8\x08\x01\xc0NJ)\xa5\x94\x94\xb2m\xdb\xb6YYY\x9a\xa6\xd1rP\xa4\xbe)\x1ac\x8a1\xc30L\xd3\\\xb7n\xdd\xb0a\xc3\xb0\x10\x04`\xa3\x88\xedk\xea\x04\xea\xfeV\xadZ5n\xdc8\x1a\x1aS\x17\xd9\xa5\xe3\xef\xbdQ^\n\x06v_c\x10H)y\x94\xf7\xc8\x97_\xff\xf4\xf3/\xb4\n\xa4\x94j\xd1\xa2\xc5\xa1C\x87bcc\xe9;v_#\x80\x1b!\x00\xd8\x86\x86\xff\x85\x85\x85-[\xb6,((`\x8cq\xce\x85\x10\x03o\xbdi\xf3\xa6\xbf\xb03e,b\xbaE)Y\x83\xfa\x07w\xee\xbf\xe1\xf6\x91\xa6)\xa4\x944\tx\xf4\xd1G\xe7\xce\x9dk\x9a\xa6a \x1b\r\xc0\x06\x08\x00\xb6\xa1\xe1\xff\xb8q\xe3V\xadZE\xc3\x7f\xce\xb9a\xe8\x9f\xee\xd8\x9c|u\xab\xb2\xe2R]\x8f\x9c\rRa\x9a\xd1M\x9b\x8c\x181q\xdd\xe6\x7f\x18\x86.\x84\xe4\x9c7h\xd0 33\xf3\xca+\xafTJa7\x18 \xfc\x10\x00\xecA\xcb;\x99\x99\x99\x9d:u\x92RJ))\x06\xcc\x1c\x7f\xefc\x8bf\xfaN\xe4\xe9\x915(\x96Jq\x8f\xe7\xe7\x9f\x7fi\xd7}@Aa\x91R\x15\xd3\x9d\x81\x037o\xde\x8c\x9d\x00\x00[`\xd8e\x0fz\xf2k\xca\x94)\xa6i\xd2"\xb8\x94\xb2i\x93F\x93\xc7\x8e\x94%\xa5&lt;\xe2zC\xaei\xe2\xcc\x99f\xad\xae\x98t\xff\xddR*\x9ds\xea\xf4\xb7l\xd9\xb2{\xf7n+\xfd\t\x00\xc2\t\x01\xc0\x06\xd4\xf7m\xde\xbc\xd9\xea\xfb8\xe7J\xa9\xc7g\x8eo|\xe9\xc5\xfe3e\x11\xb9)\xcau\xc3\xcc/\x9c6\xf1\xbe\xe4\x96\x97\x0b)\xe9%S\x14,++\x8b\xe0\xdc\'\x00\xc7B\x00\x087\xea\xe6|&gt;\xdf\xacY\xb3\xe8K]\xe7B\x88\xae\x9dR\x86\x0f\x1f\xe8\xcf+\x88\xd4\x1dQMcR\x88\xa8\x061O\xcf\x9f\xa6\x94\xd24F\x0f\x82\x1d:t\xe8\x95W^\xe1\x9cK)\xed\xbeF\x00wA\x00\x087Z\xee_\xb2d\xc9\xd1\xa3G\r\xc3\x90R2\xa6\xe9:\x9f7\xed\x7ft\xc3\x88\xecQ\xb0\xae\xeb\xfe\xc2\xe2\xbe\xb7\xdc\xd8\xbb{\'!\xa4\xaes\x8a\x013f\xcc\xc8\xcf\xcf\xc7$\x00 \xcc\x10\x00\xc2\x8a\xfa\xbb\xec\xec\xec\xc5\x8b\x17\xd3.\xa8a\xe8B\x88\xa1\xfdo\xee\xd1\xb7\xa7\xaf\xa0\xd0\r{\xa1J\x88\xa7\xe7?l\x18\xbaR\xe5{!999iii\x98\x04\x00\x84\x19\x02@XQ\x7f7o\xde\xbc\xa2\xa2"J|\x94R\xc5\xc56\x983\xf5Ay\xfa\xb4\xc6#\xbf\xf7\xe7\x9c\xfbKN]\x9d\xd2\xf6\x81{\x06X\xb9O\x9c\xf3\xd5\xabW\x1f9r\x041\x00 \x9c\x10\x00\xc2\x87\xf6~\xf7\xec\xd9\xf3\xf2\xcb/\xeb\xban\x9a&amp;\xad\x81L\x1b3\xbc\xf5\xef\xfe\xcb_z\x8a\xf3\x08\xdc\xfb=\x1b\xd7\xb9,=5o\xe6\xf8\xa6M\x1aQD\xd44\xcd4\xcd\t\x13&amp;`\x15\x08 \x9c\x10\x00\xc2JJ\x99\x96\x96F)\x8f\x9cs\xd3\x14\xadZ\\6\xed\xa1\xfb\xcc\xbc\x82\x08K\xfc\xbf\x00M\xd3\xfcg\xca\x1a5Ozl\xc68Z\x13\xb3N\xc4\xdb\xb6m\x1bRB\x01\xc2\x06\x01 L\xa8\x8f[\xbf~\xfd\x9e={\xca\x8f\xfd\xd14\xc6\xd8\x82\x87\xc7D\xc5\xd6\x97\xa6p\xc5\xe0\xbf\x82n\x18fA\xe1]C\xfb\xa5\\{\xb5\x0cH\t\x9d0a\x82\xcf\xe7\xc3&lt;\x00 &lt;\x10\x00\xc2\x81z\xb7\xbc\xbc\xbc\x193f\xd03_\x14\x03\xbau\xeep\xe7]w\xf8\x0b\nu#\xf2W\xff\x03i\x8cI!\xa3\xeb\xd7_\x926\x89n\x0e\xdd\x93#G\x8e,Y\xb2\x04;\x01\x00\xe1\x81\x00\x10\x0e4\xc8}\xea\xa9\xa7rrrh\xb4\xab\x942\x0c}\xc9\xdc\xc9\xca\x14*\xe2\x8e\xfe\xaf\n]\xd7\xfd\x05\x85=zw\x1d\xf0\xc7\x1bizD\xbb\xc1K\x97.\xcd\xc9\xc9\xa1\x90`\xf75\x02D8\x04\x80\x90\xa3\xde\xff\xe8\xd1\xa3O&gt;\xf9$\xe7\\\x08\xa9\xeb\xba\x94\xf2\x81{\x06t\xecv\x9d\xbf\xb8Tw\xed9h\x9a\xc6\x84X4gR|\\,S\x8a1\xc69\xcf\xcb\xcb\x9b9s&amp;\x85I\xbb\xaf\x0f \xc2\xb9\xb5\xeb\t#Z\xe2\x985k\x16\xadn\xd3\x13\xb0\x89\tq\xf3f\x8c\x13\xc5%&lt;\x82\x8e\xfc\xac.\xce\xb9\xaf\xb8\xb4\xd5\xef\xfe\xeb\xa1\xfb\x86\n)u\x9d\x9b\xa6\xc99\xdf\xb0aCff&amp;\x85I\xbb\xaf\x11 \x92\xb9\xb7\xf7\t\x0f+\xbfe\xf3\xe6\xcd\x81\xc7\xfe\xa4O}\xb0Q\xf3$q\xc6\x17\x91\xc7\xfeT\x9dn\xe8f~\xc1\xc4\xb1#[^q\xa9\x10\x92sM\xd34\x9f\xcf7q\xe2D!\x04&amp;\x01\x00!\x85\x00\x10B4\xf6\x0f\xccp\xa7\xed\xcd\xe4\x96\x97\x8f\xfe\xf3P\xb3\xb08\xf2N\xfd\xac.M\xd3\x84\xcf\x9fxq\x93\xd9\x13\xefSJq\x8d\x9e\x8e6\xf6\xee\xdd\xbba\xc3\x06\xa4\x84\x02\x84\x14\x02@\x08\xd1\xea\x7f\xe03\xae\x9a\xc6\x94RO\xcf\x9b\xe6\x8d\xa9\'\x85p\xf7\xe8\xbf\x9ca\x18\xfe\x93\xf9\xc3\x86\r\xe8r]{S\x08z8N\xd3\xb4\xf4\xf4\xf4\xc2\xc2B\xa4\x84\x02\x84\x0e\x02@\xa8\xd0\xf0????--- \xf5S\x0e\xbc\xf5\xa6\xbe\xb7\xdd\xe4/,r\xc3\xb1?U\xa4\x14\xd39_\x96&gt;\xd5\xeb\xf5(U~^^vv\xf6\xf2\xe5\xcb\xe911\xbb/\x10 2!\x00\x84\n\r\xff\xd3\xd2\xd2\xf2\xf3\xf3\xad\xd4O\xaf\xd7\xb3`\xc68e\x9a\x91S\xef7\x18t\x9d\xfb\x8a\x8a\xff\xd0\xad\xd3\x90~}\xa5\x94t@\x9e\xae\xeb\xcb\x96-;v\xec\x18v\x83\x01B\x04\x01 $\xac\x93\xeeW\xaf^m\x1du \xa5\x9c2zX\x9b\xf6\xd7\xf8\x8bKQ\x02\xb7\x12M\xd7Eq\xc9\xe3i\x0f5L\x8c\xb7\xba\xfb\xc2\xc2\xc2\xe9\xd3\xa7c\x15\x08 D\xd0\r\x85\x84\xdb*&gt;\xd6\x1ejF\x02\x84\x1f\x02@\xf0\xb9\xb3\xe2c\xed\xa1f$@\x98!\x00\x04\x99k+&gt;\xd6\x1ejF\x02\x84\x19\x02@\x90\xb9\xb9\xe2c\xed\xa1f$@8!\x00\x04\x13*&gt;\x06\x05jF\x02\x84\x07\x02@0\xa1\xe2c\xed\xa1f$@\xd8 \x00\x04\r*&gt;\x06\x0bjF\x02\x84\x07\x02@0\xa1\xe2cP\xa0f$@x \x00\x04\x07*&gt;\x06\x17jF\x02\x84\x01\x02@\x10\xa0\xe2c\xd0\xa1f$@\x18 \x00\x04\x01*&gt;\x86\x02jF\x02\x84\x1a\x02@m\xa1\xe2c\x08\xa1fd()\xa5\x10D]\x0e}Sm\xa1\xe2c\xe8\xa0fdHi\x9a\x86C\t]\x0eo\x7f\xad\xa0\xe2c\xa8\xa1fd(\xd0*eNN\xce\x17_|\x81y\x80\x9b!\x00\xd4\x1c*&gt;\x86\x01jF\x86\x02e\xa9=\xf1\xc4\x13C\x86\x0cAJ\x95\x9b!\x00\xd4\x1c*&gt;\x86\x07jF\x06\x97Up\xed\xc5\x17_\xfc\xec\xb3\xcf\xb6n\xdd\x8a8\xeaZ\x08\x005\x84\x8a\x8f\xe1\x84\x9a\x91Ad\x1dXRPP\xc09\x9f6mZaa!\xab8\xc8\x16\\\x05\x01\xa0\x86P\xf11\x9cP32X*\x1dX\xc29\xff\xe6\x9bo\x96/_\x8eI\x80;a\xfa\\\x13\xb4\x04\x91\x99\x99\xd9\xa9S\')\xa5\xf5\xe4\xd7\xcc\xf1\xf7&gt;\xb6h\xa6\xefD\x1e\x0e~\x08:\xa9\x14\xf7x~\xfe\xf9\x97v\xdd\x07\x14\x14\x16)\xc5h\xec?p\xe0\xc0\xcd\x9b7S\xbff\xf75\xd6\x01\xd4\xcb\xf7\xea\xd5\x8b\x1eY\xa7Orll\xec\xa1C\x87Z\xb4hA\xfbXv_#\x84\x0f\xde\xec\x9a@\xc5\xc7\xf0C\xcd\xc8\xda\xa3;\xb6a\xc3\x06\xeb\xc0\x12\xfa$\x17\x16\x16\xce\x9b7\x0f\xbb).\x84\xb7\xbc\xda\xac\x8a\x8f\x83\x07\x0f\xa6VD\x7f\xfeu\xd9\xa3\xa3\x1e\xb8\xbb\xecD\x1ej~\x85\x88R\x8ciLh\xda\xb5]\xfb\x1f=\xf6=\xa5\xd8*\xa5RRR\xf6\xed\xdb\xe7\xf1x(\x18\xdb}\x99\x0eE\xab\x94\xc5\xc5\xc5\x1d:t8v\xecX\xe0\xa3\xd44y\xda\xb1cG\xb7n\xdd0\x97r\x15\xcc\x00\xaa\x07\x15\x1fm\x84\x9a\x91\xb5A\x0f\xa9,_\xbe&lt;;;\xdbZ\xfc\xb1\x8e(\x17B\xa4\xa5\xa5\xe1\x06\xba\r\x02@\xf5\xa0\xe2\xa3\xbdP3\xb2f\xac\xbc\xa9e\xcb\x96YySJ))\x15\x0b\xd8\x19^\xbf~=\x16\xd3\\\x05\x01\xa0\x1aP\xf1\xd1!P3\xb2\xba\xac\xd4Ozr\x82\xd6\xc9\xda]\xdd\xaa\xcbu\xed\x19c\xd6\xa3\x153f\xcc\xc8\xcb\xcbC\x1cu\x0f\x04\x80j@\xc5G\'@\xcd\xc8\xea\xaa\x94\xfa)\x84\xd04\xce\x18{|\xe6\xf8\x17\x96\xa7\xeb\xba\xce\x14\xa3\xfc\x9f\x9c\x9c\x9c\xa7\x9ez\n\xf7\xd0=\x10\x00\xaa\n\x15\x1f\x9d\x035#\xab\x8b\x96\xf8im\x87v\xad\xbauN\xf9\xe3\xad7%\xb7\xbd\xea\x81{\xfe$*\x1ec\xe4\x9c?\xf9\xe4\x93G\x8f\x1eE\x0cp\t\x04\x80j@\xc5G\x87@\xcd\xc8\xaa;W\xea\'\xf3z=K\xe6NQJ\x89\xe2\x92\xf93\xc7\'&amp;\xc4\xd1A&amp;t\xd0\xde\xacY\xb3\x10G]\x02\x01\xa0JP\xf1\xd1iP3\xb2*\xac4\xff\xf4\xf4t\xba\'\x94\xff3\xa4_\xdf\x8e\xdd:\xf9KJ\x85\xdfl\xd4&lt;)}\xea\x83\xb4\x04d\xa58#\x8e\xba\x04\x02\xc0oC\xc5G\x07B\xcd\xc8\xaa\xa8\x94\xfa\xa9\x94RR6L\x8c\x7f&lt;\xed!Q\\\xa2\xe9:\xd7u\xb3\xb0x\xf4\x9f\x87&amp;\xb7\xbc\xbcR\x1c\xa5\x87\x1c\x11G#\x1b\x02\xc0oC\xc5GgB\xcd\xc8\x0b;;\xf5S\xe7\\*5\xe9\xfe\xbb\x9b\xb5\xbaB\x9c9\xc3\xa9~\x91\x10\xde\x98zO\xcf\xfb\xd5\xa3\x15G\x8e\x1cY\xbdz5\xe2h\xc4C\x84\xff\r\x94\x1e\xf7\xf5\xd7_\xb7m\xdb\xd64M)\xcb\x9f\xfc\x1a3r\xf0\xaag\x1f\xf3\xfd\x92\x87\xe1\xbf\x8d\xa4\x94FL\xbd\xec\xaf\xbf\xfdC\xef\xa1%%\xa5R)\xda\x9f\x1f9r\xe4\x8b/\xbe\xe8\xf2\x87Z\xe9\xe5\x8f\x181b\xdd\xbau4\xfc\x97R\xb6\xba\xf2\xb2\xc3\xfb\xfe\xae+\xc5\xd4\x7fN,\x94Bx\x12\xe2\x06\xdd5n\xcb\x9b\xefZ\'\xeb%$$dgg\'$$0\xc6\xf0|u\xa4\xc2\x0c\xe07\xa0\xe2\xa3\x93\xa1f\xe4\xf9\x9c+\xf5Sc\x8c-\x98^\xb1k\x15\xd8\xa5k\x9a2\xcd\x053\xc6y\xbd\x1e\x9a\xe0r\xce\x03\x8f:\xb7\xebU@\xa8\xa1\xff\xba\x10T|t&gt;\xd4\x8c&lt;\x9fs\xa5~\x9e{\xd7\x8as\xee/.m\xd3\xfe\x9a)\xa3\x87\xe1\xd1\nWA\x008/T|\xac\x13P3\xf2l\xe7O\xfd&lt;\xef\xae\x15\xd7uYR:y\xec\xc8\xa6M\x1a\xd1\xb2\'\x1e\xadp\x03\x04\x80\xf3B\xc5\xc7\xba\x025#\x03\xfdF\xeagq\x89~\xae\x13\xff\xe9\xd1\x8a\xc6\x97^\xfc\xf8\xcc\xf1\x81)\xa1\x81\xd3\xdf\xf0\xbf\x16\x085\x04\x80sC\xc5\xc7\xba\x055#-\xbf\x99\xfay\xbe\x7fh\x18\x86?\xaf`\xf8\xf0\x81];\xa5\x08!t\x9dW\xda\x00sU\x1cu\t\x04\x80sC\xc5\xc7\xba\x055#IUR?/\xf0\xcf\x95R\xbaa\xcc\x9b\xf6?\xba\xce\x19+\x1f\xf7\x1c=z\x14\x8fVD*\x04\x80s\xa0\xcf}ff&amp;\xa5BSW"\xa5\x9c2zX\x9b\xf6\xd7\xf8\x8bKQ6\xcf\x814]\x17\xc5%\x8b\xd2&amp;&amp;\xc6\xc7\x99f\xf9\x90\xbf\xb0\xb0p\xfa\xf4\xe9\xee\x19\xbd\x9eu\xea\xa7f\n\xd1\xea\xca\xcb\xa6M\xbc\xcf\xcc/\xe4\xfao\x1cX\xa2\xeb\xba\xaf\xa0\xb0G\xdf\x9eC\xfb\xdf|\xf6\xa3\x15\x88\x01\x91\x07\x1d\xd9\xb9\xf9|\xbeI\x93&amp;\x05V|\xbc\xe2\xb2f\x93\xc6\x8c@\xc5G\xc7\xa2\x9a\x91\x17\xb7\xbc\xec\xe1q#9\xd7x@\xcd\xc8\x8c\x8c\x0c7\xacbW/\xf5\xf3&lt;4\xae\xcb\xd3\xa7\xe7Ly0&gt;.\x96\xa2f\xe0c\xf0.\x89\xa3\xee\x81\x00P\x19\xed\x80\xe5\xe6\xe6~\xf0\xc1\x074\xe4\xa1\x85\xd4[o\xeav\xd1\x15\xcd\xfd\xa7\xcf \xf5\xd3\xb14\xae\xcbS\xa7\xef\x19\xf0\xc7z\xd1\xd1V*\x0bc\xec\xcd7\xdfd\x15\xd5\xdc"[\xd5S?\xcf\x87s\xcd_r\xaau\xfbk\x1e\xbao\xa8\x94\x92~I\xa5\x83\xb0B\xfc" |\x10\x00*\xd34M\x08\xd1\xbcy\xf3\xa1C\x87\xd2N\x00\xcd\x03^\xd8\xf0\xb7\xaf\x0e}\x1a\x15\x17\x8bY\xb0c))x\xfd\x98\xd9\x8bV\x96\x9e:]Q\xb0Az\xbd\xde1c\xc60\xc6"{\xe1\xae\x06\xa9\x9f\xe7c=Zq\xe5\xe5\x97\xd0\x19\xd1\xec\xd7G\xe1B\xc4\x88\xe4&amp;Qc4l|\xfc\xf1\xc7\x13\x13\x13iQ\x95s~\xfaLY\xda\xa2U\x8as\xe6\x82\x81d]$\xa4\xf4\xc46\xf8h\xcf\x07\x1b\xff\xf66\xad\xff\xd0\x04n\xea\xd4\xa9W_}5}i\xf75\x86J\xcdR?\xcfG\xd34\xe9\xf3\'6\xbdh\xd1#\x13\xe87[\x8bK\xf4h\x85i\x9a\xa1{-\x10N\x11\xdb$j\x83\xba\x8f\xa4\xa4\xa4\xf9\xf3\xe7\x07\x1e7\xbf\xe5\xcdww\xbd\xbb\xd7\x93\x10\x87q\x90\x03iJi\xba&gt;5\xfd)\x9f\xdfO1[J\xd9\xb2e\xcb\xe9\xd3\xa7\xd3\x9bh\xf7\x05\x86P\x8dS?\xcfG7\x0c\x7f^\xfe\xe0!\xfd\xbau\xee@\x1f~\x8a\x04\xe9\xe9\xe9T\x0e\xcf\r\xebin\x10\xc9\xad\xa26\xa8\xfb\x18=zt\x9b6m\x02\x8f\xc9\x9d:o\x99\xef\xf4\x19\xae\xeb\xf8\xfc;\x8a0MO\xc3\xc4M\xaf\xbc\xbe\xe7\xfdC\xd6\xfe\xa7Rj\xee\xdc\xb9qqT\xed$bwnj\x99\xfay&gt;J\xd3\x94\x10K\xe6N\xa6\x03\x82*\x15\xc4\xc6Bhd@\x0087\xea&gt;\x0c\xc3X\xb1b\x85u\xdc&lt;\xe7&lt;\xf3\xd3/W?\xb7\xc1\x88\x8f\x95\x98\x048\x86R\x8a{=\xf9?\xff2\xe3\xb1\x15\xd6\x02\x88\x10\xa2[\xb7nw\xddu\x17\x9d\x0ca\xf75\x86\xd0o\xa5~\xd60iM\xe7\xdc_\\\xd2\xb1[\xa7!\xfdR+\x1e\xad\x90\xba\xae/Y\xb2\xe4\xe8\xd1\xa3\xeey\xb4"\xb2!\x00\x9c\x17u"}\xfa\xf4\xe9\xd3\xa7\x8f\xf5(\x00\xe7|\xee\xd2\xbf\x9c\xfcw\x8e\x11\xed\xc5,\xd8!\x84)\x8c\xc4\x84\xe5\xab\xd6|\xf3\xdd\x8ft\x0e\x04c\x8cs&gt;\x7f\xfe\xfc\x88\x7f`\xfb\\\xa9\x9f\x8c16o\xda\x83\xde\xfa\xf5\xfc&gt;?\r\xdekF1\xcd_X\xb4p\xd6Cq\xb1\r\xcc\x8a,R\xaa\x19\xc9\xdc\x91U\x15\xf1\x90\xd8{!\xb4t\x90\x95\x95u\xed\xb5\xd7V.\x06\xf0\xcc\x02_^\x01\x8a\x01\xd8NJ\xa5\xd7\x8b\xca&gt;\xfam\xc7\xd4\xbb\x8aKJ\xadslF\x8c\x18\xb1f\xcd\x9a\x88/\t@\xdbQ\xbdz\xf5\xa2\xe4\x1f\xc6\x94\x10\xf2\x96\x9b\xba\xbe\xf5\xf6K\xac\xb0\x98\xd5r\xe7Cc\xcc/X\xe3\xc4\x17\x97?\x7f\xdf\xe4t\x8dk4\t\x10B\xec\xda\xb5\xab{\xf7\xee\x11\x7f{#\x1e\x02\xc0o\xa0\x8f\xf8\xec\xd9\xb3\x17.\\h=\x18\xc9\xb9\xf6\xe9\x8e\xcdW]\x93lV\xa4\x1b\x82]\x84iz\x1b7\x1c6b\xe2K[\xde\xa2Y\x9a\xa6i\t\t\t\x9f\x7f\xfey\xd3\xa6M)\x1e\xd8}\x8d\xa1be\xe8\x0f\x1f&gt;&lt;p\xe7#\xb9\xc5\xe5\x97\\z\xb1\xf4\xf9k\xff\xda\x95RL\xd34\xa6\xf6\x1c\xf8\x98\x82\r\xed\x87\xa5\xa4\xa4\xec\xdb\xb7\xcf\xe3\xf1X\x0f[@]\x84\x00\xf0\x1b\xe8\x14\xa0\x82\x82\x82k\xae\xb9&amp;77W)\xc5\xb9&amp;\x84\xec\xdd\xbd\xd3\xb67\xd6\xf8\x8b\x8a#\xb8\x7fq&gt;!\x847!n\xf7\xbb\xef\xdd8\xe8\x01\xc64Z\xee7Ms\xe1\xc2\x85\x8f&lt;\xf2Hd\x8fO\xe9\x93Y\\\\\xdc\xa1C\x87c\xc7\x8e\x85\xb3r\x0b\x05\x9b5k\xd6\x8c\x181"\xb2or\xc4C\x00\xf8m\xf4\x11_\xbbv\xed\xc8\x91#\xe9\xa3O\x7f\xbe\xf2\x97Ew\xde\xdd\xdf\x97\x87\xa2\xf0\xf6P\x8c1\xa6L\xae_\xdfg\xe8\xc7\x9f}E\x91X)\xd5\xaaU\xab\xc3\x87\x0f\x1b\x86\x11\xd9\x83S\xd34\r\xc3HOO\x7f\xf4\xd1G)\xecY\x7f\xc55M\x0b\xee\xb8D)\x11\x10]\xe8V7i\xd2\xe4\x8b/\xbe@\xcd\xc8:\r\xa3\xd7\xdfFIoC\x86\x0cIII\xb1\x8a\x82i\x9a6{\xf1\xb3e\xc5\xa5\xdc@J\xa8=\x84i\x1a\t\t\x1b6\xfe\xfd\xe3\xcf\xbe\xb2\x16\x7f\x94R\x0b\x17.\xf4z\xbd\xf4\x1e\xd9}\x8d\xa1"\xa54\x0c\xe3\x9bo\xbeY\xb1b\x85\xc7\xe3\xa1\x95.\x0b\xd34\x15\\\x8c\xfd\xea\xf73f\x18FNN\xce\xa3\x8f&gt;\x8a\x9a\x91u\x1af\x00UB\xa3\xfe\xbd{\xf7\xf6\xec\xd9\x93\xbe4t\xdd\x14b\xfe\xc3cf?:\xb9\xec\x97\x93\x91\x9dh\xe8@J)\xee1\xf2\xf2\x0b\xdbv\xfb\xd3/\'\xf2\xad\xbd\xdf&gt;}\xfadddD\xfc\xba\x04-\xf7\x0f\x1a4\xe8\xb5\xd7^\xb3\xf7J\x0e\x1d:\x94\x92\x92\x12\xf1\x8f\xdaE*\x04\x80\xaa\xa2\x19\xf7\x88\x11#\xd6\xad[W&gt;\xded,!!\xee\xf0\xee\xd7\x9a&amp;5\x16&gt;\x7f\xcd\x1e\xb7\x81\x9a\x11\xa6\xe9m\xdc\xe8\x91\x19\x8f=\xfe\xcc_\x036\xe7\xf9\xe1\xc3\x87\x93\x93\x93#{\xef\x97\x08!\xde{\xef\xbd\x8a\x01\xba\rh\xec\xdf\xa2E\x8b+\xae\xb8"\xb2\xe7[\x11\x0c\x01\xa0\xaah\x85\xe1\xd8\xb1c\x1d:t(..\xb6\x86\x9c\xc3\x07\xdd\xbav\xcd2\xdf\x89&lt;\x1d\x93\x80p\x91R\x1a1\xf5\xbe\xfa"\xeb\xf77\xdei\x9a\xc2\xaac&gt;v\xec\xd8\x95+WF\xfc\xf0\x1f X\x10\x00\xaa\xe1\xecm7:#e\xfb\xe6\xd5=n\xea\xeaC\x9d\xc8p\x91Rzb\x1b\xf4\xe97\xea\x9d\xdd\x07t\x9dK\xa94M\x8b\x8f\x8f\xcf\xce\xcev\xd5\x9e\xa4\x13\xce\xa4\xe2\x9c\xbb\xe4nG$\x04\x80j\xa0\x87*KJJRRR\xbe\xf9\xe6\x1b\xca1\x11Bv\xed\x94\xb2\xf3\xcdu\xf24\x9e\t\x08\x07!\x847&gt;\xee\xed\xb7\xde\xbd\xf9\xaeq\xba\xce\xadG\x93V\xae\\9v\xecX\x0c\xff\x01\xaa\x0e\x1dV5\xd0H\'&gt;&gt;~\xf1\xe2\xc5\xaa\xfc\x98\\\xa9\xeb\xfa\xde\x03\x99\xeb_\xda\xeai\x94\x88crCM1\xc6u\xddw\xea\xf4CiOj\x9a\xa6Ty\x8eV\x87\x0e\x1dF\x8f\x1e\x8d\xadH\x80jAk\xa9\x1e\x1al\x0e\x1c8\xd0z\x0e^)\xa9i\xda\x82\xe5\xcf\x17\xe4\xfc\xa2{q@PhIS\x18\tq\xab_\xd8\x98\x95\xfd\x1du\xfd\x94\xfa\xb9t\xe9R\xc30\xb0\x15\tP-\x08\x00\xd5f\xf58QQQJ))\x15\xe7&lt;\xfb\xdb\x1f\x16/{\xce\x88k\x80SBCG*\xa5G{\x7f\xca\xfe~\xee\x92\xbfp\xaeY{\xbf\x83\x06\r\xc2\xb94\x005\x80\x00Pm\xd6\x9a\x03\xd5\x8c4\x0c\x83N`\x7fj\xf5KG&gt;\xfe\xdc\x1b\xdb\x00\xcf\xc5\x84\x88\x12B\x8f\x8d\x9d9\x7fy~\x01\xd5$a\x8c1\xaf\xd7\xbbp\xe1B\xe6\x9a\x8d_\x80 B\x00\xa8\t\xca\x80\xa6\x9a\x91\xe5\xc5F4\xcd\xe7\xf3\xcf^\xb4\x125#C\xa4\xa2\xe2\xe3\x81W^\x7f\x9bsn\x9a\x82Nf\x9d:uj\xeb\xd6\xad#\xbb\xe2#@\x88\xa0\xcd\xd4\x04\x9d\x06\x81\x9a\x91\xe1\xf4\x9f\x8a\x8f&gt;\xd7U|\x04\x08\x114\x9b\x1aB\xcd\xc8prs\xc5G\x80\xd0A\x00\xa8!\xd4\x8c\x0c\x1b\xe5\xee\x8a\x8f\x00\xa1\x83\x00Ps\xa8\x19\x19\x1en\xae\xf8\x08\x10R\x08\x00\xb5B\x03\xd2\x15+V\xd0\xf9\xc3T=)\xbf\xa0h\xce\xa2\x95&lt;&amp;F\n\xa4\x03\xd5\x96\x94\xca\xd3 \xe6\xe8\xc7\x9f?\xfd\xfcF\xce\xff\xf3\xdc\xef\xb0a\xc3\xbau\xeb\x86\xd4O\x80\xda@\x00\xa8\x15\xda\th\xd3\xa6\xcd\xb4i\xd3\xa4\x94\x94\x97\xc29\x7f\xee\xa5\xad_~|\xd8\xd3 \x06)\xa1\xb5\xa4\xa4\xe0\xf5\xa2\xe7-\xfdKaQ1-\xf4+\xa5\x1a6l\xb8h\xd1"&lt;\xf6\x05PK\x08\x00\xb5E1`\xf2\xe4\xc9III\xd4%i\x1a3M\xf1P\xda\x13\x1a\xd6\xa6kG\x08\xe1M\x8c\xdf\x9d\xb1{\xe3\xdf\xfee\xd5b\x93RN\x992%))\t\xc9?\x00\xb5\x84\xf6S[\xb4\nDc\xd2\x8a\x94P\xa9\xeb\xfa;\xbb\x0f\xbc\xba\xf1\xef\x9e\x848ab7\xb8&amp;\x14c\\\xe7gJOO\x9a\xbbD\x08i\x9d\xbf\xdd\xbau\xeb\xa9S\xa7\xa2\xf7\x07\xa8=4\xa1 @\xcd\xc8Pps\xc5G\x80\xf0@\x00\x08\x02\xea\x98\xa2\xa2\xa2\x96/_\xae\xeb:\xa5\x84\xea\x9c\x7f\xfd\xcd\xf7O.\x7f\xdeH\x8c\x17\x02\xa7\x84V\x8fR\xca\x13\x1du\xe2\x87\x1f\x1fY\xb4\x92\xe2\xab\x95s5h\xd0 \xec\xfd\x02\x04\x05\x02@p\xe8\xban\x9af\xd7\xae]\xef\xbe\xfbn\xea\x9e\x84\x94\\\xd3\x96\xfd\xdf\xcb\xc7\xbf\xfe\xceS/Zb\x16P\x1dR\x08\xde\xa0\xc1S\xab\xd6\xfe\x9c{R\xab(q\x1e\xf8\xd4\x85\xdd\x17\x08\x10\t\x10\x00\x82\x86V~\xe6\xcc\x99\x13\x1f\x1fOO\x00h\x9c\xe7\xe5\x17\xce\x98\xbf\x8c\xd7\x8fQx.\xac\xca\xa4\x94\x9e\x06\xf5\xbf\xcc\xfct\xe9\xea\xf5\xd61\x1b\x95\x9e\xbb\xb6\xfb\x1a\x01"\x01\x1aR\xd0PW\xd5\xb2e\xcbI\x93&amp;YK\x16\xba\xae\xbf\xb4\xf5\x9f\xbb\xde\xde\xe5M\x88\xc7\x01AU\xa7\xe9\xfaC\xb3\x9f\xf0\xf9\xfc\x9aV\xbe\xc2\x96\x98\x988\x7f\xfe|7T{\x07\x08\x1b\xb4\xa5`\xa2N\x7f\xe2\xc4\x89-Z\xb4\xa88\x9fRI)\xe7&lt;\xf9\xbf\xc2ob\xe1\xa2*\x84\x10\x9e\xb8\xd8\xb7\xff\xb9\x9d\xea\xfd\n!i\x0f`\xfe\xfc\xf9\xff9{\x15\x00\x82\x01\x01 \x98P3\xb2\x96P\xf1\x11 \x9c\xd0\x9c\x82\x0c5#k\x03\x15\x1f\x01\xc2\t\x01 \xf8P3\xb2fP\xf1\x11 \xcc\x10\x00\x82\x0f5#k\x06\x15\x1f\x01\xc2\x0c\x01 $P3\xb2\xbaP\xf1\x11 \xfc\xd0\xa8B\x025#\xab\x0b\x15\x1f\x01\xc2\x0f\xed*TP3\xb2\xeaP\xf1\x11\xc0\x16\x08\x00\xa1\x82\x9a\x91U\x84\x8a\x8f\x00vA\x00\x08!\xd4\x8c\xac\nT|\x04\xb0\x0b\x02@h\xa1f\xe4\x85\xa1\xe2#\x80\x8d\x10\x00B\x0b5#/\x0c\x15\x1f\x01l\x84\x00\x10r\xa8\x19y&gt;\xa8\xf8\x08`/4\xb0\x90C\xcd\xc8sB\xc5G\x00\xdb\xa1\x8d\x85\x03jF\x9e\r\x15\x1f\x01l\x87\x00\x10\x0e\xa8\x19Y\t*&gt;\x028\x01\x02@\x98\xa0fd T|\x04p\x02\x04\x80\xf0A\xcdH\x82\x8a\x8f\x00\x0e\x81\x96\x16&gt;\xa8\x19iA\xc5G\x00\'@c\x0b+\xd4\x8cD\xc5G\x00\xe7@\x00\x08+\x97\xd7\x8cD\xc5G\x00GA{\x0b77\xd7\x8cD\xc5G\x00GA\x00\xb0\x81;kF\xa2\xe2#\x80\xd3 \x00\xd8\xc0\x9d5#Q\xf1\x11\xc0i\x10\x00\xecq\xe1\x9a\x91JJ\x15YLS\xa0\xe2#\x80\xd3h*rW\x9c\x1d\x8e\x16=V\xadZ5n\xdc8+%T\x08\xb1c\xcbs=\xffx\xa3\xcc/\xe4\xba\xceX\xa4\xbc;R\xb1\x06\xf5\xbb\xf7\x19J5\xbf(*\xb4h\xd1"33\xb3A\x83\x06\x1a\x9d\x90\x07\x00\xe1\x85\x00`\x1b\xea\x04\xa5\x94m\xdb\xb6\xcd\xca\xca\xb2\x0eCn\xdf\xee\xaa7_\xfd\x8bGI\xc6\x98\xc6"\xa1[\x14Bx\xe3c_\xff\xdb\xdb#\x1f\x9a\x13\x18\xea\xd6\xad[7l\xd80\xd34Q\xf3\x0b\xc0\x16\x08\x00v\xa2\xaep\xdb\xb6m\xa9\xa9\xa9\xd4\'\xd2\xf7\xe3\xea\xc7\xe8\x1e#r\xde\x1a\xc5\x98\xce\x0b\x0b\x8a\xe8\x15Y\x15\x1fw\xec\xd8A_\xda}}\x00.\x85\x00`3\x8a\x01\xa9\xa9\xa9\xdb\xb6m\x0b\xac\x87n\xf7u\x85\x10-\x01\xed\xdc\xb9\x135\xbf\x00\xec\x15\xe1}\x8d\xf3\xd1\x0epVV\xd6\xb5\xd7^+\x84\xa0u\xa1H]\x10WJ\x19\x86\xe1\xf7\xfbG\x8c\x18\xb1f\xcd\x1a\xf4\xfe\x00\xf6B\x00\xb0\x1f\xf5\x83\xb3g\xcf\xa6\x84\xc8\x88\xd7\xb0a\xc3\xcf?\xff\xbci\xd3\xa6\n\'\xff\x00\xd8\n\x01\xc0~\xf4\x16\xe4\xe7\xe7w\xea\xd4\xe9\xc4\x89\x13\x11\xbc\x04DgbO\x9f&gt;}\xc6\x8c\x19\x18\xfe\x03\xd8.b\xfb\x9a\xba\xe8\xf4\xe9\xd3g\xce\x9c\x89\xe0\x00@K[\t\t\t\x11\xbc\xcc\x05P\x87Dl_S\xe7\xa0O\x04\x800C\x00p\x10\x97\xbc\x17\x88s\x00\x0e\x81\x00\x00\x00\xe0R\xc8\xc1\x00\x00p)\x04\x00\x00\x00\x97B\x00\x00\x00p)\x04\x00\x00\x00\x97B\x00\x00\x00p)\x04\x00\x00\x00\x97B\x00\x00\x00p)\x04\x00\x00\x00\x97B\x00\x00\x00p)\x04\x00\x00\x00\x97B\x00\x00\x00p)\x04\x00\x00\x00\x97B\x00\x00\x00p)\x04\x00\x00\x00\x97B\x00\x00\x00p)\x04\x00\x00\x00\x97B\x00\x00\x00p)\x04\x00\x00\x00\x97B\x00\x00\x00p)\x04\x00\x00\x00\x97B\x00\x00\x00p)\x04\x00\x00\x00\x97B\x00\x00\x00p)\xb7\x07\x00\xa5\x94\xdd\x97\x00\x00\xf6@\xf3wu\x00\x10Bh\x9a&amp;\xa5\xc4\xe7\x00\xc0m\xd0\xfc\x99k\x03\x80RJ)\xa5\xeb\xfa\x89\x13\'8\xe7\xf49\xb0\xfb\xa2\x00 \x1c\xd0\xfc-n\x0c\x00\x14\xf95M[\xb5j\xd5\xef~\xf7\xbbq\xe3\xc6\x15\x17\x17s\xceM\xd3\xb4\xfb\xd2\x00 \xb4\xd0\xfc\x03i\xae\x9a\xfe(\xa5\x84\x10\x86a\x9c&lt;yr\xcc\x981\x9b6m\xa2\xef\xa7\xa4\xa4\xfc\xdf\xff\xfd_JJ\x8a\x10\x82F\x04\xf6^\'\x00\x04\x1d\x9a\xff\xd9\\4\x03\x90Rj\x9af\x18FFF\xc6\xf5\xd7_\xbfi\xd3&amp;\xc30\xe8;\x99\x99\x99=z\xf4x\xe6\x99gt]\xd74M\x08a\xf7\xc5\x02@0\xa1\xf9\x9f\x9br\x07\xbf\xdfO\x7f&gt;\xfa\xe8\xa3\xf4\xc2\r\xc3`\x8cq\xae1\xc68/\x0f\x84\x83\x07\x0f&gt;q\xe2\x84\xf5\xf3\x00\x10\x01\xd0\xfc\xcf\'\xf2\x97\x80\x94RRJ]\xd7\x8f\x1e=:j\xd4\xa8}\xfb\xf6\xd1\xfbM\xdf\xa4\x05A\xfaI]\xd7M\xd3LNN^\xb1bEjj*\xed\x0bY\x1f\x0e\x00\xa8s\xd0\xfc/,\xc2_\x1e\xbd\xc1\xba\xae\xbf\xf2\xca+\x9d;w\xde\xb7o\x9fa\x18\xf4\xd6\xd2\\\xafy\xb3\xa6\x14\t\xb9\xa6\x99\xa6i\x18FVVV\xdf\xbe}\xd3\xd3\xd39\xe7\xae\xdd\x1a\x02\x88\x00h\xfe\xbf\xcd\xa6\x99G8\xd0&lt;\xae\xa8\xa8\xe8\xbe\xfb\xee\xa3\x17\xab\xeb:c\xcc\xd0u\xfa2m\xca\xe8\xa2\x1f37&gt;\xf7D\xc3\x848\xf6\x9fY!\xa7\xb0\x9f\x9a\x9a\x9a\x95\x95E\xbf\x87\x92\x85\x01\xa0\xae@\xf3\xaf\x8a\xc8\x0c\x00B\x08!\x84R\xea\xc0\x81\x03)))\xf4\xdeS\xee\x17\xbd\xcd\xad\xae\xbc\xf4_\x9b\xfe\xa2N}-~\xccT\xa5G\x8f|\xf8\xd6\xf5\x1d\x7fW\xfe\xf6k\x9a\xf5ih\xd4\xa8\xd1\xab\xaf\xbej\xfdN[_\x13\x00T\t\x9a\x7f\xd5E`\x000M\x93\xfec\xd9\xb2e\xf4FR\xe4\xb7\x96\xf3\x06\xdd\xde\xe7\x97\xa3\xef\xa9\xe2\xac3\xdf}\xe0\xff\xf7\xc13\xdf}\xa0N\x1e\xf6\x1d\xffx\xce\xd4\x07\xe9\x07h\x8c\xa0W\x8c\x14\xc6\x8f\x1f_TT\xa4\xdc\xb45\x04PG\xa1\xf9WKDm\x02\xab\x8a&lt;\xdf\xe3\xc7\x8f\x8f\x1a5*##\x831\xc69\x97R\x1a\x86n\x9a"\xb6~\xcc\x82\xd9\x0fMxp\x18\xf3\xf9\xcb\xce\x9c\xa1\xcf\x07cL\n\xc9u\xae\'\xc6\xbf\xfd\x8fw\xee\x1d\x9fv&lt;\xf7\x84\xa1\xeb\xa6\x10\x9a\xa6q\xce\x85\x10n\xce\x14\x06\xa8\x13\xd0\xfck r6\x81\x03\xf3|;t\xe8\x90\x91\x91Ao\xb0RJ\xd7\xb9i\x8a\xf6\xed\xae\xda\xf9\xe6\xda\t\x13\xef\xf3\x15\x97\x9a&gt;\xbf\xf5\xf63\xc6\xb8\xce\x95Re\xbf\x9c\xec{s\xaf\x83;7\x0f\xba\xad\xb7Y\xf1\xb8 }\xa4\\\x9d)\x0c\xe0xh\xfe5\x13!3\x00!\x04eqM\x9b6m\xf9\xf2\xe5\x8c1\xca\xf1\xa2?\x19c\xe3\xee\x1b\xbap\xf6\xc4\xb8\x84\xd8\xb2\x82b\xc3c\x9c\xef\xf7\x98\xa6\x88\xaa\x17\xcd\xbc\x9e\xa7V\xfcuz\xfaRS\x94\xe7\x8a\xd18\x8216x\xf0\xe0g\x9f}\xb6Q\xa3F\x943\x10\xae\xd7\x07\x00\xe7\x85\xe6_cu&gt;\x00\xa8\x8a&lt;\xdf\xcc\xcc\xcc1c\xc6|\xf0\xc1\x07V\x9e/\xcd\xfb.n\xd2x\xd9\xc2\xe9w\xde\xdd_\x15\x16\xf9\xfd\xa6\xb5\xb4w&gt;\xf4N{\x12\x13\x0e\xbc\x7fp\xcc\xa4\xf4\x8f\x0f\x7f\xa5\xeb:}\xd3\x9d\x99\xc2\x00\x8e\x85\xe6_Ku\xfb\xea\xad&lt;\xdf\xe7\x9f\x7f\xbeG\x8f\x1e\x1f|\xf0\x81\x95\xe7\xcb\x183M\xd1\xa7G\xe7\x83\xdb_\xbdsh\xbf\xb2_N\n!\x7f\xf3\xedg\x15y`e\'\xf3:u\xfc\xfd\xae\x7f\xae\xfb\xf3\xdd\x7f\xa2\x04\x00\xf7f\n\x038\x12\x9a\x7f\xed\xd5\xe1\x19\x00\xbd\x1f\'O\x9e\x1c7n\xdc+\xaf\xbc\xc2~=\xef3t\xfd\x91\xc9\xf7\xa7\xcf\x18\xc7\xa4,;u\xba\x06\xf35!\x84\xc7\xeb\xd1\xea\xd5\xdb\xf8\xea\x1b\xe3\x1e^\x90WPd\x18\x86i\x9a\xd6\x10#55\xf5\x99g\x9ei\xdd\xba\xb5i\x9a\xb48\x18\xfc\x17\t\x00\xe7\x82\xe6\x1f\x14u2\x00X\x93\xaf\x8c\x8c\x8c\t\x13&amp;deeY\xd34\xce5!d\xeb\x16\x97\xfd\xf5\x99\x05]z\xdd\xe0?\x91\xcf\x98\xaa\xf14\x8d&amp;\x98\xdeF\x89Y\x9fg\x8d\x1a\xfb\xc8\xfe\x8f&gt;\xe1\x9c3\xa5\xa4R\xf4ih\xd4\xa8\xd1\xb3\xcf&gt;;x\xf0`\xba\xaa\xba&gt;\x1f\x04p&gt;4\xff \xaa{WLA\x98s\x9e\x9e\x9e\xde\xb7o\xdf\xac\xac,\xc30\x84\x10\\\xd3\x94RB\xc8?\xdf\xfd\xa7\x0fwn\xeerC\xc7\xb2\xdc\x13\x9ck\xb5yWh\x82Yv"/\xb9\xe5\xe5\xbb\xdeX3g\xea\x83RJ\xa9\x94\xa1\xeb\x14\xf6O\x9e&lt;y\xe7\x9dwN\x980\xc1\xcdG\x8a\x03\x84\r\x9a\x7fp\xd5\xa5\x19\x80\x95\xe7{\xf4\xe8\xd1\xf1\xe3\xc7gddT\xda\xf0\x89kP\x7f\xc9\xfci\xf7\xdfw\x97*)\xf5\xfb\xfdUY\xf2\xab"7g\n\x038\x01\x9a\x7f(\xd4\x99\x19\x00m\xf8\x18\x86\xb1i\xd3\xa6\xce\x9d;S\x9e\xaf\x94\x92)\xc597Mq}\xc7\xdf\x7f\xb8\xfd\xd5\xfb\xef\xbf\xcb\x97_@K\x81A\xfc\xbf\xbb9S\x18\xc0vh\xfe!R7f\x00\xb4\xe1S\\\\&lt;k\xd6\xacg\x9ey\x86Ul\xf8P\x1cf\x8c\xcd\x99\xfa\xe0\xec)\xa3=^OYIiH\xf3s]\x98)\x0c`/4\xff\xd0qz\x00\xb06|&gt;\xf8\xe0\x831c\xc6dff\xd2\x86\x8f\xa2\x958!.n\xd2\xf8\xaf\xcf\xcc\xef{[o\x91_H3\xb5\xf0\\\x92{2\x85#\x03}\xce\xad#P*\xfd\xad\x16\xc0\x8e\xab\x83sC\xf3\x0f5G_\x1c\x85V\xce\xf9\xf2\xe5\xcb\xbbt\xe9\x92\x99\x99I\x1b&gt;\xd4PM!\x06\xdd\xd6\xfb\xe0\xce\xcd}o\xeeU\xf6\xcbI\xa5T\x18\xde~\xe6\xbeL\xe1:MJi\x9a\xa6\xf5\x99\xe1\x9c\xeb\xban\x9cE\xd7uZ\xba\xa5\x9f\xb7r\xc9\xc1Fh\xfea\xe0\xd0\x19@\xe0\xb9N\x13\'N\xdc\xb4i\x13\xbd\xeb\xd6\x86\x8f\xa1\xf3\xc5s\xa7L\x9ep/\xf3\xf9\xcbN\x9f1\x8c`.\xf9U\x91K2\x85\xeb")\xa5\x94\xb2\xd2\x1c&lt;77\xf7\xc7\x1f\x7f\xfc\xe5\x97_N\x9c8QTT\xe4\xf3\xf9\x94R^\xaf7&gt;&gt;\xbeI\x93&amp;\xcd\x9b7\xbf\xec\xb2\xcbbbb\xac\xdf\xc0\x1c?|\x8bTh\xfea\xe3\xc4\x00`e\xd4fdd\x8c\x1a5\xea\xf8\xf1\xe3tg5M\xa3&lt;\xdf\xf6\xed\xaez\xf6\xa9\xb9\x9d:\xff\xc1\x9f_\xc0lm\xa5n\xc8\x14\xaeC\xe8\xed\xa0\x91&gt;}\xe7\x8b/\xbe\xd8\xbbw\xef{\xef\xbd\xf7\xd9g\x9f}\xfb\xed\xb7\x85\x85\x85\xe7\xfb\xb7\x86a\\|\xf1\xc5\xbf\xff\xfd\xef{\xf7\xee}\xcb-\xb7\xb4l\xd9\x92U\x0cB\x9d\xd9t#\x15\x9a\x7f89.\x00\x9c}\xae\x13\xdd\xca\xca\xe7:%\xc6\x95\x15\x149d\x9b\xc54\xcd\xa8\x06\xf5\xfd&gt;\xff\x82\xa5\xab\xe7-\xf9\x0bc\x8c\x16(\xadk\x1e?~\xfc\xc2\x85\x0bccc\xeb\xca\xd6P]\x14\x98\xfb\xf1\xe5\x97_n\xdd\xba\xf5\xf5\xd7_\xff\xf8\xe3\x8f+\xa5d\xd0\xcf\x04\xf6\xe9\xb4+\x10\xb8\xec\x13\x13\x13s\xfb\xed\xb7O\x9d:\xb5C\x87\x0e\xcc\xa9M7"\xa1\xf9\x87\x99\x83\x02\x80u\xaeSVV\xd6\xbd\xf7\xde\x1bX\xbe\x99&gt;\x04\r\x13\xe2\x9e]\x92v\xe7]U=\xd7)\x9c"8S\xb8NPJ\xd1\x12\xc1\x1bo\xbc\xf1\xdcs\xcf\xbd\xf3\xce;\xd6\xda+59\xab\xaa\xdf\xf9~C\xe0&gt;0\xfd[\xc30&amp;N\x9c\xb8`\xc1\x82\xa8\xa8(\xc4\x80PC\xf3\xb7\x85S\x02\x805|{\xfe\xf9\xe7\xa7N\x9dZXXh-\xa8\xd1\xd0\xacO\x8f\xce\xcf,\x9e\x95\xdc\xb6M\xd9\x89&lt;g.\xa8\xd1\xc2eTb\xc2O?\xfc4q\xc6c\x9b\xff\xf1N\xc0\xc2\xa5a\x9afll\xec\xc2\x85\x0b\xc7\x8f\x1f\xcf~=\\\x85Z\xa2\xcf\xf0\xc6\x8d\x1b\x97.]\x9a\x99\x99I\xdf\xa4&lt;\xf1\x0bw\xfa\xe7C\xed\x96\xfey\xd7\xae]7m\xda\x94\x94\x94\x84\x18\x10:h\xfevqD\x008\xdf\xb9N\x15\x1b&gt;\x15\xe7:1\x16\xea&lt;\xdf\xda\x8b\xbcLa\xe7\xa3\xae\xb9w\xef\xde\xef\xbe\xfb\xae\xd7\xeb\x15BP\xdf}\xf6O\x9e3\xd7\xf3\x02\xb9\xa1\x86a\xf8\xfd\xfev\xed\xda\xed\xd8\xb1\xa3Q\xa3F\xec\xd7kG\x10\x14h\xfe6\xb29\x00X\xb9\x16\xfb\xf6\xed\xbb\xf7\xde{\xcfq\xae\xd3\x95\x97\xfeu\xe5\xc2\xda\x9f\xeb\x14N\x11\x96)\xec|4\x9e:p\xe0@\x97.]*\xad\xe6\xb3\x8a\xe1&lt;=\x9fy\x81O\xbb\xae\xebg\xff[\xc6\x98\xc7\xe3\xf1\xfb\xfd7\xddtSFF\x86R\xcaQ\xf3\xf7\xba\x0e\xcd\x9f\xd9\xdd\xfc\xed\x0c\x00V\x0cLOO_\xb0`\x01}i\x9a\xa6\xce\xb9\x90\x921v\xe7\x1d}W&gt;1\xbbq\xd3\xc6e\xf9\x85\x17\xa8\xe3\xe3L\xa6iF\xc5\xc7\x15\x15\x15O\x9e\xb9\xe8\x85\x97_c\x8c\xd1\xeb\xa2\xd7\xc8\x18{\xf4\xd1G\xe7\xce\x9d\xcb\x02\xee\x03\xd4\x18M\x02\xbau\xeb\xb6w\xef^k\xf3\x8df\xd9\x81\x9b\xc0\r\x1b6l\xd6\xacY\xa3F\x8dbcc\xbd^\xaf\xdf\xef/,,\xfc\xf7\xbf\xff\xfd\xfd\xf7\xdf\xd3\x9bb=g\x14\xf8\xcb)\x06,]\xbat\xf2\xe4\xc9\xce\x99\xbc\xd7uh\xfeNh\xfe\xf6\x04\x80\x0b\x95o\xd6uS\x88\xf8\xd8\xfaO\xce\x9bv\xff\xfdw\xa9\x92S~\x9f\xaf\x8e6\xb9\xc8\xc8\x14\xae\x13\xa8\x15\xbd\xfe\xfa\xebw\xdcq\x07\xddIk\x138&gt;&gt;\xbe{\xf7\xee\xa9\xa9\xa9\xff\xfd\xdf\xff\xdd\xa2E\x8b\xc4\xc4\xc4J\xf7\xb9\xac\xac\xec\x9bo\xbe\xd9\xbe}\xfb\x8b/\xbex\xe8\xd0!\xc6\x98\xa6\xfd\xaa]\xd0\xfb\x15\x1f\x1f\xff\xd5W_]t\xd1E\x0c\x0bA\xb5\x83\xe6\xcf\x1c\xd3\xfcm\x08\x00\xd6f\xda\xa6M\x9b&amp;M\x9a\xf4\xd3O?\x19\x86a\x9aB\xd3\x18\xed\x99\\\xdf\xf1w\x7f]\xb9\xb0\xcd5\xc9\xbe\xbc\x82\xba&gt;\xe3\x8e\x80L\xe1\xba\x82\xba\x95\xf6\xed\xdb\x1f&gt;|\x98\xbe\xd3\xb5k\xd7\xbb\xef\xbe\xfb\x8f\x7f\xfcc\xf3\xe6\xcd\x03\x7f2p\x8c\x1f\xf8\xd0\x80\x10b\xd5\xaaU\xd3\xa6M\xf3\xfb\xfd\xacbo\x99\xd0\x9b\xf5\xc4\x13OL\x9b6\r3\xb6\xda@\xf3wT\xf3\x0f\xf7\xff\x8f\x02`qq\xf1\x84\t\x13\xee\xbc\xf3\xce\x9f~\xfaI/?\\\x9b\xd3\xcdz\xe8\x81{v\xfdcm\x9bVW\x94\x9d\xcc\x8f\x80A\xb1\x1b\x8e\x14w\x08\x1aTN\x980!::z\xd4\xa8Q\xfb\xf6\xed\xdb\xb3g\xcf\xe8\xd1\xa3\x9b7on\x1d\xf0@\x9b\xbdt \x04\xe1\xbc\xfc\x83G\x9f\xcc\t\x13&amp;l\xdd\xba\xd50\x8cJ{\xc5\x94f\xbai\xd3&amp;\xa5T\x1d\x1d\x90:\x01\x9a\xbf\xd3\x9a\xbf\r3\x80\xcc\xcc\xcc\xfb\xef\xbf\xff\xbc\xe7:\xfd\xf1&amp;QX\x14\x9es\x9d\xc2\xa9\xea\x99\xc2v_i\xddVZZ\xfa\xe3\x8f?&amp;\'\'\xb3\x8a9A\xd5\xfb\x11\xa5\x94\xdf\xef\xf7z\xbds\xe6\xcc\x99?\x7f\xbe\xb5\x97\xc0*\x16\x85\xa2\xa2\xa2\x8e\x1c9r\xf9\xe5\x97c\xaeVch\xfe\x8ej\xfea\xba\xcb\x14\xdeKJJ\x9ey\xe6\x99\x1e=z\x04\x9c\xeb\xc4\x98\xc6LQ^\xbe\xb9\xef-\xbd\xcaN\xe6\x87\xed\\\xa7p:\xff\x91\xe2\xac\xd2\x91\xe2%%%\xe7\xcbb\x84\xdfT\xbf~\xfd\xe4\xe4d\xca\x04\xa5&lt;\xce\xaa\x8f"\xe9\xe7\xa5\x94\x93\'On\xd4\xa8\x11\x9d;F\x7fE\xf3\x86\xb2\xb2\xb2\xcf?\xff\x9c\xfdzu\x08~\x13\x9a\xbfc\x9b\x7f\x98f\x004b:r\xe4\xc8UW]\xc5*\xf2|iTU~\xae\xd3\xf8Q\xcco\xdau\xaeS8\x9d\x9d)L\xf7\xc1\x1ao~\xf5\xd5Wm\xda\xb4\xc1\x18\xb3f\xacE\x9e\x1a\xff\x06\x9a4\xfc\xe9O\x7f\xfa\xdb\xdf\xfef\xe5l\xb0\x8am\x80U\xabV\x8d\x193\x06\xdb\x00\xd5\x82\xe6oqZ\xf3\x0fS\x17C[\xfc\xc9\xc9\xc9\xd7_\x7f=\x8d\xaa8\xd7\x18c\xed\xaen\xbd\xf7_/M\x9e\xf2\x80\xbf\xf4\x94\xbf\xac,\xe2\xdf~\xc6\x98a\xe8\xfe\xb22\x7fq\xc9\xe4)\x0f\xec\xfd\xd7K\xed\xaen\xcd*\xee\x86\xa6i\xd7_\x7f}rr2z\xff\x1a\x0b\xdc\xd4\xad\x19\n!m\xdb\xb6=\xe7\xdf\xe6\xe5\xe5\xd5\xe6\x97\xbb\x13\x9a\xbf\xc5i\xcd?|\xbd\x0cM\xc9\xfb\xf7\xefO\xfbi\x9a\xc6\x95R\x97^\x92\xd4\xa9{\xe73\xb9\'y\xad\xdbm\x1dB\x07\x85\x9f\xc9=\xd9\xa9{\xe7K/IRJi\x1a\xa7\x81@\xff\xfe\xfd)\x17\xc2\xeekt5M\xd3\xe2\xe3\xe3\xcf\xf9W\x94 \x04\xd5\x85\xe6oqT\xf3\x0f\xdfM\xa77\xf8\xb6\xdbn\xb3\x1e\xd6g\x8c\xed9p\xe8\x87\xc3G\xa2\xeb\xd7s\xdb\xa2\xaaR*\xba~\xbd\x1f\x0e\x1f\xd9s\xe0\x10cLJ)\x84\xf0z\xbd\xb7\xddv\x1b\xb3\xfb\xe1@`\xe7\xef\xe8\xbd^o\x98\xaf$2\xa0\xf9\x07rN\xf3\x0fk\x00PJ]y\xe5\x95W^y%\x8d\x02t]/)9\xf5\xce\x9e\x03,&amp;F\x08w\x8dy\x85\x90,&amp;\xe6\x9d=\x07JJNQ\x9aJ\xe0\xcdA\x00\xb0\x97R\xea\xf8\xf1\xe3\xe7\xfc+:\x11\x08\xaa\x0b\xcd?\x90s\x9a\x7fX;\x1a\x8ar\xb7\xdf~;\x0b\x88r[\xdf\xda\xce\x84\xe0u;\xdf\xb7\xda\xb8\xc6\x98\x10[\xdf\xda^\xfe%\xe7\x8c\xb1\xdbo\xbf\x9d\xc6G\xb6^\x9a\xdb\xd1\xc3G\x9f|\xf2\t\xfbu\xb6\x0f\rZ\xaf\xb8\xe2\n\x86\'\x81k\x04\xcd\xdf\xe2\x9c\xe6\x1f\xd6\x00@\xcdf\xc0\x80\x01\xb4)D-j\xef\x81C?\x1e\xfb\xde\x13\x1d\xe5\x9ei\xa0R\xca\x13\x1d\xf5\xe3\xb1\xef\xf7VL\x00i\xdbg\xc0\x80\x01\x0c\x9d\x8b\xadh\xa9\xfa\x87\x1f~\xf8\xe8\xa3\x8f\x02Wc\xe9\xbf\xa3\xa3\xa3\xff\xeb\xbf\xfe\x8b\xe1=\xaa\x114\x7f\xe2\xa8\xe6\x1f\xd6\x00@\x07.\xb6o\xdf\xbeU\xabV\xd4\xd2t]/.9\x95\xb1k\xbf\xab\xa6\x814\x01\xcc\xd8\xb5\xbf\xb8b\x02(\xa5l\xd5\xaaU\xfb\xf6\xed\xf1\xa0\xa9\xbd\xe8c\xb9|\xf9\xf2S\xa7N\xd1\xc7\x95\xbeO\xd3\x82k\xaf\xbd\xf6\xd2K/\xc5\x1a]\xcd\xa0\xf9\x13G5\xffp\x7f\x8ei\x1a\xd8\xaf_?\xe6\xe2i\xe09\'\x80\xfd\xfa\xf5\xc3\xfa\x8f\xbd(\xbb\xff\xe0\xc1\x83\xabV\xad\xa2\xe73\x03\xffV)5t\xe8P:V\xda\xae+\xac\xeb\xd0\xfc\x99\xc3\x9a\x7f\xb8\x03\x00\xa6\x81\x8e\x9a\x00\x82\x85\x1e\xc8\xfc\xf9\xe7\x9f\x87\x0c\x19RVV\xc6\x026\x00h\x03\xb3I\x93&amp;#F\x8c\xc0\x14\xad6\xd0\xfc\x9d\xd6\xfc\xc3\x1d\x00\xce7\r\xdc\xb6\xfb}\x16S\xcf\r\xd3@!$\x8b\xa9\xb7m\xf7\xfbN\x98\x00\x02\xa1\xa7\x7fssso\xb9\xe5\x96\xec\xecl\xab\x82\x07\xa1\xdej\xde\xbcy\x89\x89\x89\xf4\xa1\xb5\xf1R\xeb44\x7f\xa75\x7f\x1b\x962i\x1a\xd8\xbf\x7f\x7fV\xbe\xb4\xca\x18c\xbb\xf6\x1fd\x8c\xb9\xa1eUz\xbd4\x01\xec\xdf\xbf?\xd6\x7f\xecB\xe72~\xfb\xed\xb77\xdex#\x1dR\x16\xf8F\xd0\t\x10\xa9\xa9\xa9\x0f&lt;\xf0\x00\xaa\xc1\xd4\x1e\x9a?sR\xf3\xb7!\x00\xd0\x00\xaao\xdf\xbe\xac\xfc\t\x08\xc9\x18\xdb\xb6\xeb\xfd\xc2\xe3\xb9\x1e\xaf\'\xb2\xa7\x81J)\x8f\xd7Sx&lt;w\xdb\xae\xf7\x19cB\x94\xcf\x82\xe9n`h\x19~\xb4\xee\xff\xd1G\x1fu\xef\xde\xfd\xf0\xe1\xc3tH\x99\xf5\xb7\xd4\xfb\xb7l\xd9r\xfd\xfa\xf5\x0coP0\xa0\xf9;\xaa\xf9\xdb\x10\x00(\xe8\xb5o\xdf&gt;))\xa9\xa2*\xa6\x9e\x93{b\xcf\xfe\x83ZLLd\x9f\x82 \xa5\xd4bb\xf6\xec?\x98\x93{\x82s\x9d\xbe\x93\x94\x94\xd4\xbe}{\x86\x07\x80\xc3\xcb\xaaK\xb5u\xeb\xd6^\xbdz}\xff\xfd\xf7t6\xbd\xf5\x03\xd4\xfb_r\xc9%o\xbd\xf5\xd6E\x17]\x84\xe4\x9f\xa0@\xf3wT\xf3\xb7g\x06 \x84\x88\x8f\x8f\xa7\xb8\xa7\xeb:\xbd\xf0\xadomgnH\x05\xe0\x1a%\x00p^^\xb4\xb6o\xdf\xbe\xf1\xf1\xf1\x81\x87\x0fC\xa8Y\x0b\xd0\x0b\x17.\x1c8p`III\xa5\xb4\x1fk\xec\xbfc\xc7\x8e6m\xda\x08!\xd0\xfb\x07\x05\x9a\xbf\xa3\x9a\xbf\x9d\x9f\xe9A\x83\x06\xb1\x80i`\xc6\xae\xfd\x91=\r\xb4&amp;\x80\x19\xbb\xf6\xb3\x80\t \xdd\x07\x08\x1b\xca\xbb8s\xe6\xcc\xddw\xdf={\xf6l\xca\xf1\x0f\x1c{R\xef\xdf\xb1c\xc7]\xbbvQu\x01,\xfd\x07\x1d\x9a\xbf\x13\x9a\xbf=\x01\x80\x06S]\xbat\xf9\xf54\xf0ddO\x03\x03&amp;\x80\'\x03\'\x80]\xbataX\xff\t\x17\xea\xfd\xf3\xf3\xf3o\xbe\xf9\xe6\r\x1b6\x18\x86A\xe7?\xd3\xdf\xd2\xb4\xc04\xcd\xfe\xfd\xfbo\xdf\xbe\xbdy\xf3\xe6\xe8\xfd\x83\x0e\xcd\xdf9\xcd\xdf\x9e\xff+M\x03\xe3\xe2\xe2*M\x03\xb7\xbc\xb5=\xc2S\x014m\xcbY\x13\xc0\xb8\xb88\xac\xff\x84\x07\x1dCVPP\xd0\xb7o\xdf]\xbbvy&lt;\x1e\xd34+\xe5\xfb\x0b!f\xce\x9c\xf9\xdak\xaf\xc5\xc6\xc6J)\xd1\xfb\x07\x1d\x9a\xbfs\x9a\xbf\xcd\xa3\xceJ\xd3\xc0wv\x1f(\xf9\xe5\xa4\xc7cD\xde4P)\xe5\xf1\x18%\xbf\x9c|g\xf7\x01\xe6\x98\t\xa0\xabPaB!\xc4\xc0\x81\x03?\xfc\xf0C\x8f\xc7\x13x\xe63\xe5\xfe\xc7\xc4\xc4l\xdc\xb8\xf1\xb1\xc7\x1e\xa3\xb2|\x98\x96\x85\x14\x9a\xbf\xed\xcd\xdf\xb6\xcf\xb75\rl\xd6\xac\x19\xed\xc8q\xces\x7f9\xf9\xe9\xe7G\xb4\xe8h)#\xed\x13 \xa5\xd2\xa2\xa3?\xfd\xfcH\xee/\'\xadE\xe7f\xcd\x9aa\xfd\'lh8\xff\xf0\xc3\x0fo\xdf\xbe\xfd\xec\xde_\x08q\xc9%\x97\xec\xd8\xb1c\xc8\x90!\xa6i\xd2{d\xe3\xd5F64\x7f\x874\x7f\xdb\xfe\xc7\xd64\xb0c\xc7\x8e\xac\xa2\x92\x9f\x90\xf2\xb5\x7f\xee`^\xafR\x91\xb6\x0e\xa8\x94d^\xefk\xff\xdc!\xa4\xb4:\x97\x8e\x1d;b\xfd\'&lt;h)\x7f\xdf\xbe}\xcb\x96-\x0b\xac\xf4\xcb*z\xff\xe4\xe4\xe4\xdd\xbbw_w\xddu~\xbf\x1f\xf5~C\r\xcd\x9f9\xa3\xf9\xdb9\xf0\xa4\x89\xde\x1dw\xdcA_J)\x18c\xff\xd8\xb6\xbb,\xbf\xd0\xe3\x89\xb4\x16\xe8\xf1\x18e\xf9\x85\xff\xd8\xb6\x9bU\xbcRV\xf1\xda#o\xc2\xeb@\xd4\xc6\xd2\xd2\xd2XE\xd5_\xfa&gt;e\x7f&amp;\'\'o\xdf\xbe\xbde\xcb\x96\xa6iz&lt;\x1e;/\xd45\xd0\xfc\x9d\xd0\xfc\xed\x0c\x00\xd66Hll\xac\x10B)\xc69?z\xec\xfbC\x99\x9f\xf2\xc8:\x1eV\x08\xc9cb\x0ee~z\xf4\xd8\xf7\x9cs\xa5\x98\x10"66\</t>
        </is>
      </c>
    </row>
    <row r="444">
      <c r="A444" s="1" t="n">
        <v>442</v>
      </c>
      <c r="B444" t="inlineStr">
        <is>
          <t>grid_number</t>
        </is>
      </c>
      <c r="C444" t="inlineStr">
        <is>
          <t>What is the missing number of the part denoted with a question mark?</t>
        </is>
      </c>
      <c r="D444" t="inlineStr">
        <is>
          <t>['1', '2', '6', '5']</t>
        </is>
      </c>
      <c r="E444" t="inlineStr">
        <is>
          <t>5</t>
        </is>
      </c>
      <c r="F444" t="inlineStr">
        <is>
          <t>There is a 3x3 grid of numbers. The first row is [1, 9, '?']. The second row is [8, 6, 1]. The third and last row is [8, 5, 2].</t>
        </is>
      </c>
      <c r="G444" t="inlineStr">
        <is>
          <t>We observe that [8, 6, 1] sums to 15, and [8, 5, 2] also sums to 15. Thus, the pattern is that the numbers in each row add up to the same value.</t>
        </is>
      </c>
      <c r="H444" t="inlineStr">
        <is>
          <t>Based on the pattern that the numbers in each row add up to the same value, the missing number of the row [1, 9, '?'] should be 5.</t>
        </is>
      </c>
      <c r="I444" t="inlineStr">
        <is>
          <t>b'\x89PNG\r\n\x1a\n\x00\x00\x00\rIHDR\x00\x00\x02\x00\x00\x00\x02\x00\x08\x02\x00\x00\x00{\x1aC\xad\x00\x00{xIDATx\x9c\xed\xddw\x9cS\xc5\xda\x07\xf0gfN\xca\x96l\x92\xad,\xbd#\n\x82T\x05\x14,\xa0b\xb9*\x08"\xa2RU\xda\xc5\xde\x05\xcb\xb5_\xf5\x8a\x85\x0b*\\\xbdb\xf7\xb5\xeb\x02bA\x14\x10\x94&amp; \xbd.\xdb7\xd9\xf4\x9c33\xef\x1f\xb3\x9b\x8b(\xb0\xc0&amp;!\xc9\xf3\xfd\xf8Q\xc8\x16\xcf\xferv\x9esf\xe6\xcc\x10)% \x84\x10J=4\xde\x07\x80\x10B(&gt;\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00\x08!\x94\xa2\xb0\x00 \x84P\x8a\xc2\x02\x80\x10B)\n\x0b\x00B\x08\xa5(-\xde\x07pB\x90R\xc6\xfb\x10\xe2\x80\x10\x12\xefC\xa8\x85\xf9\xc7\x17\xe6\x9f\xb2R\xb4\x00H)\x85\x10RJB\x08!\x84\xd2T\xbc\x13\x8ac\x08\x98?`\xfe\xf1\x86!\x00\x00I\xa9\xe2\xaf\xder\x00`\x8c\x1d\xf8\xba\xdb\xed\x16B\x10\x92*i\xa8k\x1f\x87\xc3q\xe0\x8b\xea\x97\x81R\x1a\xbd+#\xcc_\xc1\xfc\xe3+^\xf9\x9f\x80R\xe5-\x97Rr\xce5\xad\xf6\x8e\xc7\xe3\xf1\xacX\xb1b\xd9\xf2\xe5\xbf\xfe\xf2KUU\xd5\xc6\x8d\x1b\r\x83\x03\x01H\x890\x00\x08\x00@\xdb6m\x1c\x0eG\x8f\x1e=\xbau\xeb\xd6\xabW\xaf&amp;M\x9a\xa8\x0f\x1a\x86A)m\xd8\x0b"\xcc\xff\x0f0\xff\xf8\x8ay\xfe\'.\x99\x02\x0c\xc3P\x7f\x08\x85B\x1f\x7f\xfc\xf1\x90!CZ\xb4h\x11\xef\xe0O,N\xa7s\xe0\xc0\x81s\xe6\xcc)--UY\xe9\xba\xae\xae\x890\xff\x18\xc0\xfc\xe3+\xaa\xf9\x9f\xc8\x92\xfc\x0e@\xfdt\x84\x10\xb7\xdb=g\xce\x9c7\xdexc\xed\xda\xb5\x91\x8ff\xdal\x8d\x9b\xb6\xc8+(h\xd9\xe6$Gv\x0e7\x8cT\xb8\xfb\x93 )\xa1\xba\x1e\xde\xb4~\x8d\xdbU\xbdg\xe7\xb6\xea\xaa\xca\xc8G\x0b\x0b\x1b\x8f\x1cy\xf5\xb8q\xe3:t\xe8\x00\x00B\x88\xe3\xb9\x14\xc2\xfc\xff\x0c\xf3\x8f\xafX\xe6\x7f\xe2K\xe6\x02\xc09W}\x9ds\xe7\xce}\xf2\xc9\'7m\xda\xa4^o\xdc\xb4\xf9\xe9g\x9d\xd3\xff\xbc\x0bO\xea\xd45\xbf\xa00#\xd3\xc64H\xeaw\xf9/H\t\x86\x01\xa1`\xa8\xb2\xbcd\xcb\xef\x1b~\xfcv\xe1\xd2o\x16n\xde\xb8^}4;;{\xca\x94)7\xdf|\xb3\xddn7\x0c#\xd2upT0\xff\xc3\xc0\xfc\xe3+\x06\xf9\'\x84\xa4-\x00\xea\xec/..\x1e3fLQQ\x91z\xb1}\xc7N\xd7\xde0e\xe0E\x97\xe7\xe4\xe5I\t\xa1PX\x0f\xebBp)E\x92\xc6pH\x04@M}0\x99\xcc\x16\xabE\xd3\xc0S\xe3_\xf1\xe3w\xf3^zv\xe9\xb7\x0b\xd5\xe7t\xe8\xd0\xe1\xd5W_\xed\xdb\xb7\xaf\x1a!&lt;\xaa\xcbC\xcc\xff\xf00\xff\xf8\x8av\xfe\x89"9\x0b\x80*\xdaEEEc\xc6\x8e-\xde\xb7\x0f\x00Z\xb5m?v\xf2m\x17]&gt;&lt;\xcb\x91\xe5\xf5\xf8u=\x0c@(\xa5\x84@\xed\x90P\xaa\x92RJ!\xa4\x94L\xd32239\x17K\xbfY\xf0\xca\xcc\'\x97-\xf9\x06\x00\xcc\x16\xcb\x13\x8f?&gt;m\xda\xb4\xa3\xfa\x1d\xc0\xfc\xeb\x0f\xf3\x8f\xafh\xe4\x9f@\x92\xb0\x00\xa8\xb3\x7f\xce\x9c9\x13&amp;LP\xaf\\=f\xe2\xb4{\x1e\xcc\xcd\xcfu\xbb\xbc\xdc0(c\xc9\xf7F6\x08\xce9!\xc4\x96\x95\xc5\xb9\xf1\xc6\xec\x17\x9e\x7f|\xba\xd7S\x03\x00\xe3\xc7\x8f\x9f={6\xe7\xbc&gt;\x93\xe40\xffc\x86\xf9\xc7W\x83\xe4\x9fX\x92\xad\x00\xa8;\xdf\xc8\xd9owd?\xf0\xe4\xcc+F\\]\xe3\xf6\x87\xc3\xe1$\xee\xcbk@\xea\xd7 \'7k\xd5\xf2\x9f\xef\x9d:~\xd3ok\xa0\xeew\xe0\x88\xd7A\x98\xff\xf1\xc3\xfc\xe3\xebx\xf2O8IU\x00\x0e:\xfbs\xf3\x1b\xcd\x9c\xf7~\x9f\xfe}\xcbJ\xaa\x99\xa6%\xd3\xdb\x16\x03\xba\xae;\x9c\xce\xca\xf2\xd2\x1b\xaf\xfe\xdb\x9aU\xcb\xe1\x80\xeb\xa0\x83\x1e#\x8a\xc0\xfc\x1b\x10\xe6\x1f_\xc7\x90\x7f"J\x9e\x02\xa0\xde\x98E\x8b\x16\r\x1c8\x10\x00\x9c9\xb9\xef\x16\xfd\xd4\xa2u[wu\xb5f2\xc5\xfb\xe8\x12\x127\x0c\xb3\xd5\xc2(\x1b=\xe4\xfc\x15K\xbf\x05\x80\x193fL\x9f&gt;\xfd/\xe7E`\xfe\r\x0e\xf3\x8f\xaf\xa3\xca?A%I\x01P\xd3uKKK\xbbt\xe9ZVV\x9aew\xcc\x9a\xffI\xf7\xd3\xfb\xba].M\xc3\xb3\xff\xd8q\xce-V\x8b\xd7\xed\x1e;\xec\xc2\rk\x7f%\x84\x14\x15\x15\r\x1c8\xf0\xa0\xeb \xcc?J0\xff\xf8\xaag\xfe\x89+If\xffJ)9\xe7\xa3F\x8d*--\x01\x80\xfb\x1f\x9f\xd9\xa7\x7f?W5\x9e\xfd\xc7\x8b1\x16\n\x04\xb3\xf3\xf2\x9f\x99=\xdf\xeepJ\t\xa3F][RRB\x08Q\xab\xca(\x98\x7f\x94`\xfe\xf1U\xcf\xfc\x13W2\x14\x00U\x8d\xe7\xcf\x9f\xbfp\xe1B\x00\xb8r\xd4\xb8!\xd7\x8c,-\xa96\xe1\x9doC`\x9a\xe6v\xb9\xda\x9f|\xd2=\xffx\x0e@\x96\x96\x96\xdc}\xf7\xdd\x94\xd2\xc8\xbd#\xe6\x1fU\x98\x7f|\x1d1\xff\x84\x96\xf0]@jE\x0b\x97\xcb\xd5\xbbw\xef\xed\xdb\xb77m\xd1\xea\xfdE+,\x16\xab\x1a\xca\x8f\xf7\xd1%\x0f\xce\xb9\xc3i\x9fx\xcd\x90\x05\x9f}h\xb1X\x96,Y\xd2\xa3G\x0f)\xa5ZB\x12\xf3\x8f6\xcc?\xbe\x0e\x95\x7f\xa2/\x14\x91\xd8G\x0f\x00jr\xee\xdc\xb9s\xb7n\xdd*\x84\x187\xe5\x8e\xdc\xfc\xecp8\x8cg\x7f\xc3"\x84\xe8ac\xd2\xed\x0fX\xac\xd6P(4}\xfat\xd5\xf4`\xfe\xb1\x81\xf9\xc7\xd7\xa1\xf2\x8f\xf7q\x1d\xaf\xc4.\x00RJ\xc6X \x10\x98;w.!\xa4U\xdb\x0e\x97\x0c\x1d\xe1\xae\xf6&amp;\xcd\x18\xfd\x89\x83R\xea\xf5z;u\xedr\xfe%C\x00\xe0\xfb\xef\xbf\xdf\xb8q#c\x8cR\x8a\xf9\xc7\x00\xe6\x1f_\x87\xca?\xd1G\x02\x12\xbb\x00\xa8\xe72\x16-Z\xf4\xdbo\xbfI)GO\xbc%\xcbn\xe3\x86\x11\xef\xe3JN\x94\xd2pH\x1f3\xe9\xb6\xb4\xf4\x0c\x9f\xcf\xf7\xca+\xaf\xa8\x171\xff\xd8\xc0\xfc\xe3\xeb/\xf3\xc7\x02\x10\x7f\xf3\xe6\xcd#\x84\xe4\x176\x1et\xf1\x15^\x8f\x9f&amp;\xc5\xf4\xac\x13\x10\xa5\xd4\xe7\xf3w\xea\xda\xb5W\xdf\xb3\x08!\xef\xbf\xff\xbe\xd7\xeb\x05\x00u\xf9\x89\xf9G\x1b\xe6\x1f_\x7f\xce\xdf\xef\xf7k\x9a\x96\xd0\x1dA\t\\\x00T\xff\x8f\xdb\xed^\xb1\xe2g)e\x9f\xb3\xce\xcb\xcd\xcf\xd5u\x1d{?\xa3HJB\xe0\xdc\x0b/\x93R\xee\xdbW\xbca\xc3\x06\xc30\x96/_\x8e\xf9\xc7\x08\xe6\x1f_\x7f\xcc\x7f\xcd\x9a5\x90\xe07\x01\t\\\x00T\xee+W\xae\xdc\xbbw\x0f\x00\xf4\x1f88\xdeG\x94\xfc(c\x81@\xf8\xf4~gg\xda\xb287\xbe\xff\xfe\xfbu\xeb\xd6\x15\x17\x17\x03\xe6\x1f\x13\x98\x7f|\x1d\x94\xff\x97_~\x05u\xbb\xee$\xa8\x04.\x00*\xf7\x15+~\x06\x80\xf4\x8c\x8c\x8e\x9d\xba\x84\x82\xe1D\x9f\x95u\x82#\x84\x84C\xa1\xc2\xa6\xcd[\xb4n\x0b\x00k\xd6\xacY\xbat)\x00dddb\xfe1\x80\xf9\xc7\xd7A\xf9\xaf\\\xf93\x00$t\xe6\t|\xe8\xeaVw\xd5\xaa\x95\x00\xd0\xb4y\xab\x82\xc2&amp;x\xff\x1b\x03B\x88\xb4tK\x87SN\x05\x805k\xd7~\xf1\xe5\x97\x00\xd0\xb8y\x0b\xcc?60\xff\xf8:0\xff\x8d\x1b7z\xbd\xde\x84~(,\x81\xa7\x8b\xa9y\xb8\xe5\xe5\xe5\x00\x90\x9d\x9b\x97\x9ei\xf3zj\x12\xba\x1a\'\x04)%cPP\xd8\x04\x00\xaa\xab\xaaTG\\v\x0e\xe6\x1f#\x98\x7f|\xa9\xfc\x1b\x156\x05\x00\x97\xcb\x1d\x08\x04233\xe3}P\xc7.Q\x0b\x80z\x06\xcf\xe5rm\xde\xbc\x19\x00\xda\xb4?Y\xd3d\xe2\xd6\xe1\x04B\t1\x0ch\xd3\xfed\x00(--\xad\xa8\xa8\x00\xcc?\x860\xff\xf8R\xf9\xb7n\xdf\x11\x00jj\xdc\x1b7n\xcc\xcb\xcb\x13B$\xe8\xdap\x89Z\x00\x14)\xa5\xae\x1b\x00\xe0\xcc\xce\xa14\x19\x1e\xccK\x08R\x823;\x07\x00\x0c\xc3PW\xa0\x98\x7f,a\xfe\xf1\x15\xc9_\x08a$\xf8S\x17\t\x7f\xc3\xa8:=\x13\xfdmH8*\xf0\xc8\xeeH\x98\x7f\x8ca\xfe\xf1\x15\t&lt;\xd1\x07]\x12\xbe\x00(\x89\xfe6$\x9c\x83\x02\xc7\xfcc\x0c\xf3\x8f\xaf\xa4\t&lt;I\n\x00B\x08\xa1\xa3\x85\x05\x00!\x84R\x14\x16\x00\x84\x10JQX\x00\x10B(Ea\x01@\x08\xa1\x14\x85\x05\x00!\x84R\x14\x16\x00\x84\x10JQX\x00\x10B(Ea\x01@\x08\xa1\x14\x85\x05\x00!\x84R\x14\x16\x00\x84\x10JQX\x00\x10B(Ea\x01@\x08\xa1\x14\x95\xd8\xfb\x01 t\xb4\xa4\x94R\n)\x01@\x82\x04 P\xb7\xac2I\x9a%\x1eOX\xb2Nm\xf8P\x97?\x00\xa1\x14\xf3\x8f=,\x00\xf1$8\x87?\x9e\xf4\x94\x12\xf5;\x81\x1a\x96\x94R\x08N)5\x99-f\xb3\x851\xd5\xea\x00H\x10\x02\x0cC\x84CA]\xd7\t\x00M\xcc\xad\x9dNXRJ)\x84\x04I)3\x99\xcd&amp;\x93\x991Bh\xdd\x89/AJ\xe0\x1c\xf4p8\x1c\x0e\xa9\xf7\x88\x10\xec\x99\x88\x11,\x00\xf1\xa1\xae\x832\xb3\xec\x07\xed\xe2\x14\n\x06\x850\xb0\x064 \xd5\xf4[,\xd6\xf4\x0c[(h\xec/\xde\xb3g\xc7\xb6\x92\xfd\xfb\xdcUU\xba\x116[\xac\xb9y\x05M\x9b\xb7l\xde\xaaMN~\x9e\x14\xe0\xf5x\xa4\x10X\x06\x8e\x9f\x10BJa2\x99\xd3l6\xc6\xc0\xef\x0b\x96\x97\xec/)\xde[^VR]Y\x11\xf0\xfb8\xe7&amp;\x93\xc9\xe1\xcc\xcek\xd4\xb8Y\x8bV\x85M\x9a\xa7\xa5\x9b\x03\x81p0\xe0\xa7\x94\xe1\rA\x0c`\x01\x88\x03!8c\x9a-+\xe3\xbf\xaf\xcc\xfa\xec\x83\xb7\x08\xa1RJB@Jy\xc7\x83O\x9d\xd2\xa5{\xd0\xef#\xb8\xbbwCP\x9b\xb5\xda\x1d\xb6=\xbbv\xbf\xf9\xea{\x8b\xbf\xfct\xe3\xfa\xd5\x9e\x1a\xf7\x9f?\xb3q\xd3\xe6\xddO\xefw\xd1\x15#\xfa\x9d=\xd0d6{j\xdc\x8c\xe1o\xc71RW\xfd\xe9\x19\x99f\x0b\xab(\xab\xfc\xe9\xfb\xaf\x7f\xf8f\xe1\xaf+~\xdc\xbdc\xeb_\x86\x0f\x00\xe9\x19\x99\xed;\x9e\xd2\x7f\xd0\xc5\x83/\x1b\xde\xb6C;O\x8d\x8fs\x8e{\xdcG\x1b\x9e\xe2\xb1\xc6\r#=#\xc30\xf4\xfbn\x9e\xf8\xd6k/\x1f\xf4Qwu\x95\xa61)%^\xfc\x1c?\xceyzFF8\x14z\xfe\xf1\x87\xff;\xe7\x85\xca\x8a2\xf5:!\x84PJ\x00T\x1f\x90\x94 \x04/\xde\xbb\xbb\xf8\xfd\xf9\x9f\xbe?\xbf{\xef~S\xee\x9c\xde\xef\xdc\xf3j\\\x1eH\xa2\xbd\x9fbFJi\xb1ZM&amp;\xd3\xda_~\xfe\xf4\xfd\xf9_\x7f\xf1\xd1\xde\xdd;\x0f\xfc\x04J\x19!Pw\x9b+%\x80\x14\xc2\xef\xf3\xae^\xb9|\xf5\xca\xe5\xaf\xbd\xf0\xf4\xc8\xb1\x13o\xb8\xf9n\x8b\xd5\x1a\x0c\x04\x12t\xb3\xf5D\x81\x05 \xa6\x0c\xc3p8\x1d;\xb7m\xbdk\xd2\xe8U\xcb\x7fP\'w\xed`\x18!RJM\xd3pg\xef\x06\xc1\xb9a\xcb\xb2o\xdf\xb2\xe9\xce\x89\xd7\xaf\xfde\x05\x000\xa6\xd5\x8d\x00K\x10\x02\x08Q\xd9K)I\xdd0\xa4\x94r\xd5\xf2\x1f\xae\xbfb\xe0\x8d\xb7\xdc\xf3\xf7\xbb\x1f\n\x05\x83B\x08\xac\x01\xf5\'\xa50\x9b\xcd\xdb6o|\xe1\x89\x07\xbf\xfe\xea\x13\xae\xf6.\xa6\x94\x12Z\x9b&lt;@\xed \xbcJU\xfe\xef- \x84\x10B=5\xeeY\xcf&gt;\xb6\xec\x87o\x9f{\xf5\xed\xbc\x82F\xc1@\x10\xef\x03\xa2\x07\x93\x8d\x11)\x84\x10"\'\xcf\xb1\xf8\xab\xcfG\x0c&gt;s\xd5\xf2\x1f\x98\xa6q\xce9\xe7\xe2\x80\x7f$6\xff\r\x81s\x9ei\xb3m\\\xb7\xfa\xda\xbf\x9d\xbb\xf6\x97\x15\x9a\xa6\x11B87\xd4\x18#\xa5TJ\xf5\x86\x08!\x84\x94\x92\x10J\x08\xe1\x9c\x0b!(c\x94\xd2Y\xcf&lt;z\xc7M\xd7\x9a\xcc&amp;U\x98\xe3\xfd\x03%\x0c)\xa5f2WWV,\xf8\xecCnp\xa6i\x84P)\x84\x10\x9c\x10B)\x83\xc8\\ !\xa4\x10\xea\x8f\x8c1B\x88\x10\x82s\x83\x10\xa2\x99L\xab\x7f\xfei\xfc\xb0\xc15n\x97\xc9d\xc2\xfc\xa3\x07\x0b@,p\xce5\x93)\xd3f\x9b\xf9\xf8?n\xbc\xfa\x92\x8a\xb2\x12\xc6\x98\xba8B\rN\na\xb5ZJ\xf7\x17\xdft\xcde\xe5\xa5\xfb5M3\x0c#r\x8d\xa9Z\xf9,\xbb\xa3M\xfb\x8e\xa7t\xe9\xd6\xa6}\xc7L[\x96\x10\\\xd5\x06\x00PeX3\x99&gt;}\x7f\xfe\xf4[n\xca\xb0eb\x03T\x7f\x942\xaf\xc7\xd3w\xc09g_p\t!\x00R\x12\x02\x8c1)%\xe7\x9csCJiMK\xcf\xc9+h\xd2\xace\x93f-\x1c\xd99\x00P[z)\x05\x00)\xa5\xa1\xeb\x9a\xc9\xb4e\xd3o\xd3o\xb9\xc9b\xb5`\xfe\xd1\x83]@Qg\x18\xba-\xcb\xeevU\xddq\xd3\xb5_}\xf2\xbe\xea\x80V\x03\\B\x88x\x1f]\x12\x92\x00\x9a\xc9\xf4\xc0\xcd7\xee\xdf\xbb[\xb5\xfeP\xd7\xc3\x06\x00\xe7\\p\xc9\x90\x91cN9\xb5[\x96\xc3\xa9\x99L\x86\xae\xbb\xaa*W\xaf\xfci\xfe\xab/\xad\\\xf6\x83\xea\xed\xa9m\x834\xd3\xfbo\xbe\xd6\xb1s\xd7\xebo\x9aR]\xe9b\x1a\xfe\xb2\xd4\x0b\x01\x10B^=z\xe27E\x9f\x01!\x82s\x00HK\xcf\xe8q\xc6\x99g\x9cu\xee\xc9\x9d\xbb\x166m\x9ei\xb3k&amp;\r\x00B\xc1`YI\xf1\xaf?\xff\xf8\xe1\xfcy\x1b\xd7\xad&amp;\x94J!\x00\xc0\xd0u\xc6\xb4\x05\x9f}\xf8M\xd1\x17\xe7\\p\x91\xc7]\x83\xf3\xb2\xa2\x01\xcf\xe9(R\x13\x10\xb3s\x9d\xab\x7f^y\xc7\xc4\xeb\xb6\xfd\xbe\x811\x8ds\x03\xa4T\xad?\xa5L\x08\x1e\xef\xc3L*\x9c\x1bv\xa7\xe3\xd3\xf7\xde\xfen\xd1\x17\xec\x8f\xad\x7f\xa6-\xeb\xa1gf]z\xe5\x08!!\x14\x08\x1a\x06\xe7\xbaN\x08\xcd+(\xbc\xf4\xca\x11\x17^v\xe5\xab/\xfc\xf3\x9f\x0f\xdd\xad\xc6}\xa5\x94\x9c\x1b\x94\xd2g\x1e\xbe\xa7\xef\xd9\x83\x9a\xb5h\x15\x0cbgt\xbdP\xc6\xbc\x1eo\xdf\xb3\xcf\xed\xd4\xa5\xfb\xfa\xd5+;v\xeez\xc9\x90\xab\xcf\xb9\xf0\xd2\x96m\xda\x9b\xcc\xc4\xd0A\xd7\xc3\x91\xde\xce\xb4\xb4\x8c\xdc\xfcF\xa7\xf5\xecy\xd5\xf57\xbc\xf8\xe4\xc3\xb3\x9e}\xf4\x80\x0b#I\x08y{\xde\xacs.\xb8(\xbe?Q\x12\xc3\x02\x10-\xea\x96\xd6\x99\xedx\xef\xf5y\x0f\xde19\xe0\xf7\xa9\xd6_\xdd\x01\x08\xceG\x8e\x9d\xb4\xee\xd7\x9f\xd7\xfe\xb2\x02o\x05\x1a\x10\xa5Z\xd0\x1f\x98\xf3\xfc\x93\x91K~\xd5\xf3c\xb5\xa6\xbd\xf8\xfa\xff\xf5\x1ftNE\xa9\x0b\x08\xa1\x94\x12\xa2\xc6!\x85\xae\x87CU\x01B\xe9\xd4;\xeft\xe6\xe4\xdd;u,c\x8cs.\xa5\xa4\x94\xfa|\xde\x97\x9e~\xe4\x999o\x04\x02~\xec2\xad\')%\xa5d\xda=\x0f\x97\x97\xee\xbfx\xc8U\xe9\x99i\x01\x7f\xd8\xe7\xf5H!\x08%\x7f|\xce\x8b\xebz\xd8\xe7\x15\x8c\xb1{\x1e\xfd\x87\xc7\xe3~\xf3\x95\x17\xd5\x85\x91\x1a\x9eY\xb5\xec\x87}\xbbw\xe7\xe67\xd2\xf50\x8e\xc678&lt;\xa1\xa3BJ\x99\x96\x9e\xae\x99\xb4\x87\xee\x98v\xd7\xe4\xd1\x01\xbf\x8fR\xa6\xae(\x01@p~\xc3\xb4\xbb\x1fxr\xa6\xdf\xe7\x8d\xf7\x91&amp;\x15\xc1yFf\xfa\xcf?.\xd9\xb8\xeeW\x80\xda\xce\x07B\xa9\x10b\xf2\x9d3\x06\x9c\x7fN\xd9\xfe*\xa6ij\xc8\xb1n\x1a"!\x840M#\x84\x94\xec\xaf\xbef\xdc\x981\x93n\xe5\x9c\xab\xe1J5\x05\xe8\xcb\x8f\xdf\xdd\xb0vmZz\x06\xd6\xe9z\xa2\x94\xfa\xbd\x81&gt;\xfd\xcf\x1bz\xcdh\xc3\xe0\xd5\x15\xaep(H)e\x9a\xa6\x9e\xf0:\x10\xa5T\xd34)\xa5\xab*x\xe3\xb4{\x1c\xcel5b\xac\x06\xe7=5\xee\x1d[\x7f7[\xcc\x12\xc3\x8f\x02,\x00\rOJ\xc94\xb6g\xe7\xf6\xf1\xc3.\xfa\xcf\xbf\xffU7\xc3\x813\xc6\x84\x10\x84\xd2\x19O\xbft\xd7\xc3\x8fVWV\xf8}&gt;\xa8\x9b\x06\x8a\x8e\x9f\x94\xd2d\xa2\x8b\xbf\xfa\x14\x00(\xa3\xa0Z\x7f\xce\x9b\xb5h}\xd5\xf57TUxMf\xd3\xa1\xbe\x96\x10\xa2iZu\xa5o\xf2\xed\xf7\xb7h\xddVJ\xa1&amp;\x0bQ\xc6\xf4p\xf8\xe3\xf7\xfe\x9b\x96f\xc26\xa8\xfe\x08%\x81\x80\xdf\xedr\x03\x80\x9a\x0bt\xf8\xcf\xa7\x94\x86\xc3\xa1\xfc\xc2\xc6]z\x9c\xae\xfe\n\xb5+\xa3@I\xf1^\xc6\x08\xfe\x9aD\x03\x16\x80\x86\'\xa54[\xcc\x0f\xde6q\xd9\x92\xc5&amp;\xb3Yu&amp;\xa8I\x9f9\xb9\xf9\xb3\xdf\xfal\xd4\x84\x9b\\U\x1e\xce\x85\xae\x87\xd4\x17\xc4\xfb\x90\x93\x04e\x9a\xcf\x1b\xfce\xc5R\x00P\x8d\xb5jG\x06]r\x853;\xcb0\x8e\xb0\xc6\x06!D\xd7u\xbb\xd3~\xdd\x8d\xd3\xa4\x94j\xa2\xba\xfa&gt;\x8b&gt;\xff\xc8UU\xa3\x99\x0eY?\xd0\x9fQJ\x8f\xf21.\xc9\x18\x146i\x0e\x00\x07\xae\x91\xe5\xf3z\xd5[\xd1\xb0\x87\x87\x00\x0b@\x94\x08.n\x9d\xfe\x98\xcd\xee0t\x83P\xca\x98\xc6\r\xe3\x94S\xbb\xbd\xf9\xf9w\x03\x06]PY^\xc54MJa\xe0L\xd0\x86#\xa54\x99M\xe5e%\xbbwnW\x7f\x85\xba\xe6\xbbg\x9f\xb3\x0cC\xd2z\xf4 3\xc6|\xbe\xe0y\x83/s8s\x04\xe7jr:!d\xf7\xf6\xad\x1b\xd7\xaf\xb6\xa6\xa5a/P4\xd5\xad\x0f\xf7G\xf80p\xf4`\x01hx\x94\xd2\x80?pZ\xaf\x9e\x0f&lt;1S\xf5$pn\\x\xd9\xb0\xd7?\xfe\xbay\xab\xb6\xd5U.M3\x01!B\x08\xc1\xb15i0RJ\x93f*\xdf_\xec\xf5\xd4\x00\x80\x94\xa0\x9ao\xb3\xd9\xdc\xbce\x1b=l\x10z\xe4\x02@\x08\t\x87B\x8d\x1a7\xe9\xd6\xbb/D:"\x18\x93 \x7f]\xf1\x93\xd9L\xb1\x17(\xaa\xb8\x80\xf2\xd2\xfd\x00\x91\'\x84\x01\x00\x1c\xd99B\x00\xae\x90\x18\rX\x00\xa2\x821VU\xee\x1a2\xf2\x9a\xd1\x13o\xe1\x861\xe5\xae\x19\xcf\xbd\xf6\xb6f\xb2\xf8}&gt;\xed\x80\xe9\xe4Rbk\xd2`\xa4\x94\x94Q\x97\xabJ\xcd\xb2\x8d\\H\xda\xb2\x1cY\x8el\xce\xeb\xbd\xc6\xaa\x94L\x83S\xbb\xf7\x02\x88,W\x00\x00\xf0\xdb\xda_\xb8\x00\xc0\x89(\xd1\xa1\xd6AqWW\xff\xb6\xf6\x17\x00\x10R\x00\x80\x1a\rn\xda\xbc\xa5a\xe0\x82\x1cQ\x81\xd3@\xa3\x851\xe6q\x07n\xbc\xf9\x9e~g\x0f:\xf3\xbc\xf3}5\x1e\t2r3[\xfb\xb8Q\\\x8f0\xf9\x10\x02~\xbf\xaf\xf6O\xea\xdfRZ\xd3\xd3\x8fn9\x01B\x04\x87Vm\xda\x03\x80\x14\xb5k\xd7\x00\xc0\xaem[\x02\xbe\xa0\x1a[F\r\xce0\x8c\xdc&lt;\xe7[\xf3\xde.\xd9\xb7\xb7\xee)\x19*\xa5l\xdc\xacy\xabv\x1dB\xc1`}z\xf0\xd0\xd1\xc2\xb39j\x08\xe1\xdc\xb0X\xad}\xcf\x1e\xe4q\xb9\xd5\x12\x94\xf1&gt;\xa6\xe4\xa7\x9a\xec\x83\x1dM\xd3A\x08\x08!\x1d\xce\x1c\xa8k\xfaU\xf1(+\xdd\xef\xf5\xb8\xd5\x8ar\rr\xa8(\x82\x1bFff\xe6\x9e\x9d{\x9e\x7f\xec\x81\xc8\x95\xbeZ&amp;}\xe0\xe0\xcb\xb3s\x9c\x86\x1e\xc6{\xafh\xc0&amp;)\x8aT\x1f\xb4\xcf\x8bO\xb1\xc7\x8e\xc5j\x05\xa8\xeb\xfe\x91\x12\x00\x82~\xbf\x1e\xd6\x8f\xa6\x03\x81H\t\x7f~\xe8\xd7\xeb\xa9\xf1\xd4\xb8q@\xb2\xc1q\xc3HKO\xf7\xfb}\x7f\x1f3\xact\x7fqd\xe0]J\x91i\xcb\x1a9nR\xc0\x1f\xc2\xdf\xa0(\xc1\x02\x10]\x91\x15\x10Q\xb4\x11\x02\x82\xcb,\xbb\x03\xfe8\xb8R\xe3vUWU0\xcdT\xcfy\x84RJ\xc6\xa0\xacl?\x00\x1c\xb8-O8\x14\xf4y&lt;\x8c2\xbc\x03h@\x86adfe\xb9]\xd5\xe3\x87]\xb4z\xe52\xf5\xac\x0c\x000M\x13B\xfc\xfd\xee\x87Z\xb7k\x1b\x0c\x04p\x00 J\xb0\x00\xa0$A\x80\xea\x86\x9eW\xd0\xd8bMSk\x7f\xaa\xb5\x1ct=\xbc\xed\xf7\rf3\x13\x7f\xd9;\xf4\'RJ\xca\xc8\x8f\xdf,\x84\xba\xdd`T\x8b/\x84\x08\x86\x82\xf5\x99J\x84\xea\xc90tg\xb6c\xfb\x96M\xa3\xfev\xce\xaf?\xff\xc8\x98\xc69\x07\x00M3\x19\xba~\xf9\x88\xeb\xaf\xbbq\xaa\xab\xba\x06\x97\xe1\x8b\x1e,\x00(I\x10Jt=\\P\xd8\xb8I\xb3\x16P\xd7v\xabK\xf8o\x17|\xae6{9\xe27\x11\x82\xa7\xa5\xa7o\xdf\xbc\xb5\xe8\xd3\x0fI\xddJ\x96\x91\xef&amp;\xea?\x95\x08\x1d\x96Z\x1d:\'\xd7\xf9\xdd\xc2\xa2k.9{\xdb\xef\x1b\x18cj\xa5,\xa6i\x86\xa1_t\xc5U\x8f&lt;\xf7o\x9f\xcf\x87\xd7\xfeQ\x85\x05\x00%\x0fn\x18Y\xf6\xcc\xae=NWK\xcc\x00\x80z\x98k\xe1\xe7\xff\xb7\xf5\xf7-\xe9\xe9\xe9\x9c\x1fn\xedU\xd5\xf5l\xb5\x9a\x1f\xbf\xff6\xaf\xc7\xad\x06!\xd5\x87\xeavm\xc3\xdf\x97\x06\xa06\x81qf\xdb\xe7\xbe4s\xfcU\x17UU\x94Q\xc68\xe7\xb5\xdb\xf2\x18\xc6\x88\xd17&gt;\xfd\xef7\xf4\xb0.\x85\xc4\x02\x10UxB\xa3dB8\x97\xe7]t\xb9\xdap\nj\xf7\x1a\xa4&gt;\xaf\xe7\x89\xe9\xb7Y\xacf\xa61\xb59\xccA_&amp;\x850\x0c\xddl6\xdb\x1dY\x8f\xdc}\xcb\xd7_~\xcc4\xed\x0f+uK\t\x00L\xd3p\xdd\x8e\xe3&amp;\xa5\x94Y\x8e\xac\xa7f\xdc\xf3\xf0]S\xa5\x10\x94R\xc19\xa5T\xed\xd2v\xcb}\x8f&gt;\xf4\xcc\xcb\xc1@P\x15\xefx\x1fm\x92\xc3\x02\x80\x92\x07c\xcc\xe7\xf5\xf5\x1dp^\xfb\x93;\xabu\xdc\x00@\x08N)[\xfc\xe5\'\xf7\xdf&lt;\xd1l6;\xb2\x1d\x9a\xa6I!j\xb7\xe1\x14\x1c\x00,ii9yNWu\xe5\xd4\xebG\xcc{\xf9Y\xb5tG\xe4\xdb\xaaf\x882f\xb1X\x04\x16\x80\xe3\xc3\xb9\xb0;\xb3\x9e}\xe4\xfeY\xcf&gt;\xc6\x98\x06\x00B\x085\xf6\x9b\xe5p\xce\xfc\xcf\x07\x93\xef\xb8\xbb\xc6\xed\x96R\x12\xdc}!\xfa0b\x94T8\xe7\xe9\x19\xe9\x93n\x7f@\xca\xff-\xfe\xa3\xb6{|k\xee\xcb#\x06\x9f\xf5\xc5\x87\xef\xd6\xb8]\x96\xb4t\x9b\xddn\xb3\xdb3mv \xb0}\xcb\xa6\x99\x8f\xff\xe3\xf2\xb3{|\xfe\x7fo3M\xe3\xdcpf\xe7\xa6\xa5\xa7\x1f\xf8\x9d\xcd&amp;sZz\x86\x14xYz\xec87\xec\x0e\xfb\xc7\xef\xbc\xf5\xd2\xd3\x8f\xa8{,\xb5!0\xe7\xbcy\xab\xb6o|\xf2\xcd\xe0\xcb\xae\xa8\xac\xa8VKF\xc7\xfb`S\x02\x0e\xaf\xa3\xa4\xc2\x18\xabq\xd5\\x\xd9\xd0\xc5_\x8e\xfa\xf8\xdd7L&amp;\x93\xae\xebP\xb7?\xcf\xdaU\xcb\xff&gt;fxvn~\x8b\xd6m\xb3s\xf34\xcd\xe4\xf3\xd4\x94\xec\xdf\xb7s\xebf\xc3\xd0\x01@3\x99\xb8aX\xd3\xd2\x9f\x9a\xf5\xc6=S\xc7\x06\xfc\xfeHKdMK\xcf\xc8\xb4q\\\x0b\xe8XI)\xcdfK\xe9\xfe\xe2\xc7\xee\xbd\x99\x10\xa2v\x84W\xbd\xff\x1d;w\x9d5\xff\x93F\x8d\x9bVUVk\x1a.\xb9\x1a;X\x00P\xb2!\x94\x04|\xbe\x19O\xbf\xb8\x7f\xdf\xee\x15K\xbfS3\xca\xa5\x10\x91m\xc7\xab*\xca\xaa*\xca\x0e\xfa*\xc64B\x89\xa1\xeb\x00\xf0\xe4K\xf3:\x9crje\xdd\xe7\xa8\x19\xa5v\x873--]\x1cv\x18\x19\x1d\x86\x10&lt;\xd3f{\xf5\x85\xa7+\xcaK\xd5\xeex\xaa\xf7\xbfM\xfb\x8e\xaf\xbc\xf3\x8537\xcf\xe3vc\xeb\x1fc\xd8\x05\x84\x92\r!\xc40\xb8\xa6\x99^~\xf3\xa3\x0b.\x1d\xca\rC\n\xc1\x18c\x8cIY;,L\xd5\xdf\x99\xc6\xb4ZB\x08C\xd7\xd332\x9e\x9a\xf5\xc6\x90\x91W\xee\xda\xbeEp\xae6\x07V\x8b\x10d\xe7\xe6\xa5gd\xaa\x99B\xf1\xfe\x11\x13\x12c\x9a\xd7\x1bX\xf0\xe9\x87u\xbb}\x11)ezF\xe6?g\xcf\xcf-h\xe4\xf3zq\xbe\x7f\xeca\x01@I\x88R\x1a\x0e\x875\xcd\xfc\xec\xabo?\xfc\xec\xecf-[s\xce9\xe7R\n)%\x80TS\x1197\xb8QKJ\xd1\x7f\xe0\xe0\xf9_\xfcp\xe9\x95#=5\xbc\xb2\xbcL\x95\n\x00 @\x00\xa0\xb0Is\x93Y\xc3\xfd\x00\x8e\x8d\x94\xc2l\xb6\x14\xef\xde\xb5}\xeb&amp;)\xa5\x94\x822&amp;\xa5\xbc\xea\xfa\x1b\xba\xf6\xe8\xeav\xb94l\xfd\xe3\x01CG\xc9\x89R\xca9\x0f\xf8|#F\x8f\x1ft\xf1\xe5_\x7f\xf5\xc97_}\xf6\xdb\x9aU\xe5\xa5%\xba\x1e\x8e\xcc\x04MK\xcfh\xda\xbce\x8f\xd3\xcf\xbc\xf0\xf2a\xbd\xfa\xf4\x17R\xb8\xaa*\xf3\nrwm\xdf\x02\xea92!\xd4\xb3_-\xda\xb4\xa3\x0c\xb7o;FRH\xcd\xa4\xed\xdf\xb7\'\x14\x0c\xd6=U\xc7)\xa5\x17\xfe\xed\xca\x80\xdf\xc0\x15\x96\xe2\x05\x0b\x00JZ\x84\x10 \xc4U\xed\xb2\xa6\xa5\x0f\x1b5f\xe8\xc81U\x95\x15e%\xc5\xd5\x95\x15\xa1`\x90R\x9a\x9e\x91\x99\x93W\x90\xdf\xa80\xcb\x9e\xa9\xeb\xd2\xe7\xf5\x00\x80\xa6\x998\x87\xdf7\xac\x03\xa8}\x00L\xad0\xda\xee\xa4S\x04\xee\x07p\xac$\x00\xa5\xc4UU\t\x00\x84R)\xa4\x94"\'/\xbfI\xb3\x96\xe1\xa3[\xaa\x0f5$,\x00(\xc9\xa9\x15f\\\xd5n\x02\x90\x96\x96\xde\xa6\xfd\xc9\x9a\xa6\xa9\x06G\x08a\x18\x86\x1e\x0eWW\xb9\x0eX\xb6\x8fxj&lt;\x1b\xd6\xfe\n\x00R\nB\x88\x10\xdcd2\xb7\xebx\x8a\x1e\xc2\xa6\xea\xd8\x11\x02\xe1pH\xd34\xca\x18H)\x84\xc8\xce\xcdW\xbblb\xa6\xf1\x82\x05\x00%?B\x88\xead\xe0\x9c\x1b\x86\x1f@F\xd6vP\xd4\x13I\x00 \x84HOO\xdf\xb0v\xf5\xee\x1d[\xa1n\xf2\xa8\x94\xb2e\xdbv\xcdZ\xb4\t\x85B\x7f^&amp;\x1a\xd5\x13!\x10\n\x86\x0c\xc3\x80\xba\x87\xec&lt;5n5\x12\x80\xf7U\xf1\x82\x05\x00\xa5\x10\xd5\xdc\x1f\xe6\x13\xa4\x10\x16\xab\xf6\xe3w\x8b8\xe7L\xd3\xb8a\xa8a\x80\x9e}\xfa\xdb\xb2\xd2\xab+]8S\xe5\xd8PJ\x83\xc1p\xc7S\xbb\xdex\xf3=\x84\x12)\x01\xa4\xcc\xce\xcb\xc7\xb5\xb5\xe3\x0b\xcff\x84\xfe\x872\xe6\xf3\x85\xbe\xfc\xf8]\x00\xa8]MH\x08\x00\x180\xf0"\xceqa\xb2cG\x08\t\x05C\x1d;w\xedqz\xaf\xda\xbb/\x00\xce\xc1S\xe3\x8d\xf3\x91\xa56,\x00\x08\xd5\xe2\xdc\xc8r\xd8\x17\x7f\xf9\xf9\x86\xb5\xbfF\xb6\xa5\x15B6o\xd9\xa6\xfb\xe9}\xfd&gt;?\xeeKu&lt;\x08!\xe1P(\xe0\xf7\x93\xff\xad\xaeJp\xfeO|a\x87&amp;B\x00j\x1f\x18\xca\xf4P\xf8\x85\'\x1f\x04\x00\xb5\xee?!\x14@^&lt;\xf4jg\xb6]=$\x8c\x8e\x07!D\xd34\xca(\xa5\x941\x8a\xad\x7f\xdca\x01@\x08\x00\x80\x1bzN\xae\xed\xa5\xa7\xff\xb1~\xf5J\xca\x98\x10\x9c\x10"\xa4\xb0e\xd9\xaf\xb8\xfaz\x9f\x0f\xb7\xa5m\x00B\x08)\xa5\xd9bM\xcf\xc84[\xacj}\x8ex\x1fTJ\xc3. \x94\xea\x84\x10B\x88\xfcF\xd9\xef\xbc\xfe\xc6K\xff|\x84\xd6mKK)\xe3\xdc\x189vR\xeb\xb6\xad\xab*p\xf8\xf7x\t!\xd2\xd33\xa4\x94\xbbwnsWW\xd9\x9d\xd9\xcd[\xb5\x01 \x01\xbf\x0f\xe7V\xc5\x0b\x9e\xd3(iI)\x0e\xb3\x87\x97\xda\x97J\x08a\xb5Z3l\xd6\xd7\xff={\xc6\xed\x13\x01\x88\x14\x02\xa4\xa4\x94rn\xb4h\xddv\xdc\x94\xdbj\xdc\xd8\xfb\x7f\xbc\x84\x10\xe9\x19\xe9\xbf\xad\xf9\xe5\x9f\x0f\xdd\xb5z\xe5\xf2\x80\xdf\x97\x96\x9e\xd1\xadW\x9f[\x1fx\xacc\xa7\xae~\xac\x01q\x82\x05\x00%\'J\xa9\xa6YB\xa1\xa0\x10\xa2v\xfd\x065\x85G\x02\x10 \x840\xcdd\xb5ZMf\xbaw\xe7\xee\x87\xee|\xf8\xbd7^Q\xbb\x08\xabu\xca\x80\x10\xc6\xd8\xc3\xcf\xfc\xdbf\xb7{j&lt;\xd8[}&lt;\xa4\x94f\x8be\xff\xbe\xbd\xe3\x87\x0f\xae\xae\xacP/\x06\xfc\xbe\xa5\xdf.\xdc\xb8n\xf5{\x0b\x97\xe5\x176\xd1\xc3a\x9cd\x15{X\x00P\x12\xa2\x94\xfa}\xde\xea\xaa\xcaf-ZY\xd3\xac\xaa\xf5\xae\xad\x02\x04\xa4\x04\xc3\x00wu\xd5o\xabW.\xfc\xfc\xa3\x8f\xdf}\xa3\xba\xb2\x82P\xaan\n\x08!\x941n\x18\xf7=\xf6\xaf\xbe\xe7\x9cS\x8d\x9d?\xc7Mp\x9e\x91ay\xfd\xff\xde\xad\xae\xac0\x99\xcd\x86\xae\xab\x9c5\x93\xb9\xaa\xb2\xfc\xd3\xf7\xdf\x9az\xd7\xbdU\x81\x00\xe6\x1c{\x988J6R\x08\x93\xd5Z\xb6m\xff\xc8\x8b\xcfj\xd6\xb2u\xebv\'5j\xdc\xcc\x91\x9dc\xb1X8\xe7~\x9f\xb7\xb2\xa2l\xcf\x8em\xdb\xb7\xfe\xbeo\xf7N\xf5%jS*\xf5\x07!\x047\x8c\xa9w=x\xfd\xc4\xa9\xd5\x95nl\x95\x1a\x00!B\xc2\x8e\xad\xbf\x13B\x04W\x0b\xb2\x82\x94Rp\x83\x10\xb2m\xf3F\\d)^\xf0\xe4FIHJI)\r\xf8\xfd\x1b\xd7\xad\xde\xb8n\xf5a&gt;\x931M\x08\xce9\xa7\x94\x12B8\xe7&amp;\x93\xf9\x9eG\x9f\x195a\x92\xbb\xda\x8d=?\rF\x82a\xe8\x7f~\xeeWJ\xc9\r\x1d\x1f\x07\x8e\x17,\x00\xf1T\xb7\x14\x8d\x9ar\x8eW@\r\x8c1&amp;\xa5\xa0\x94JP\x8f\x1e\xc9\xba\xb5\xfd\xeb\x86\x80\xa5\x14\xb2v\xb5\x1f5\xf3\xa7K\xf7\xdew?\xf2L\xcf&gt;}\xaa\xab\xb0\xf5o8RR\n\xb9\xf9\x8d\x0eZ\x8a\x83\x10J\x88\xc8+(d\xb8\xcev\x9c\xe0\xc8{&lt;\xa9\xceP59Z\xfd\x1b\x97FiXj8\xb7\xae\xf5\x07\xb5\x15\x0cH\x00B\x80\x105\r\x88s.\x84h\xdf\xb1\xd3C\xcf\xccz\xfd\x93\xc5]{\x9e^]\xe9\xc2\xd6\xbf\x01\x11J\xc3a\xde\x7f\xe0`\xb5\t\x8f\xa6i\x8c1M\xd387\xa4\x94\xe7\\xi8\xcc\t\xce\x02\x8a\x07\xbc\x03\x88\x1bB\x88#;\x87i\xda\x81;\xe4i\x9a\tk@\x83 \x84\xea\xe1\xb0\x04\t\x87\xdd\xc5\xb7i\xf3\x96\xddz\xf7\x1dt\xc9\x90&gt;\xfd\xcf\xcb\xb2\xdb&lt;5^\x9f\xc7\x83\xfd\xfe\r\x8bR\xea\xf3\xfaz\xf69s\xf2\x1d\xd3_x\xf2A\xa3n5PB\xc8\xd4\xbb\x1e\xec\xdd\xaf\xbf\xcf\x8b\xd3@\xe3\x03O\xf48 \x84\x18\x86\x91a\xcbz\xfb\xcb\xa5\x07\xdd\xf9\xa6gf\x06\x038\xeb\xfc\xb8\x10J\xf5P\xa8Q\x93\xa6\xff\xf9d\xf1\xf6\xcd\x1b\xf7\xef\xdd]UU\xe9\xadq\x87\x82AB\xc0b\xb1\xda\xec\x8e\xdc\xfcF\xcd[\xb5i\xd5\xb6C\x8b\xd6m\xb3ss\xa4\x04\xbf\xd7\xe7\xaav1\xa6a\xf8\xd1@)\r\xf8\xfcS\xee\x9cqz\xbf\xb3\xbf]\xf8yEYin~\xc19\x17\\\xda\xe3\x8c~^\x8f\x07[\xffx\xc1\x02\x107\xea\x0e\xe0\xa0\x8e\x7f\xce9\xde\x01\x1c?\t\xa0iZ\xaf&gt;\xfd\xfb\xf6\x1f@\x08\x08\tR\xfco\x1a(\xa5@\x08\x08\x01\xba.\xc2\xa1\xa0\xbb\xda\r\x00\x8c\xd2\xc8\xae\x00(*\x08\xf1zjz\xf49\xf3\x8c\x01\xfd\x05\x07\xca@\x0f\tO\x8d\xbbn\x1f\x1e\x14\x07x\xc6\xc7\xd3\x9f\xd7\x17\xc3\xa1\xe0\x86"\xa5\xf4y=R\x8a\xda\x1e\xff\x03\x9e\x03\xab\xdd\x10\xe6\x7f\xbb\xc1`\x03\x14#\x94R\x9f\xd7+\x85P\x8fc\x10J\xb1\xf5\x8f/,\x00\xf1\x84\xcd}TQJq\x9a\xc3\x89\x86R\n\xd8\xe1s\xc2\xc0w\x02!\x84R\x14\x16\x00\x84\x10JQX\x00\x10B(Ea\x01@\x08\xa1\x14\x85\x05\x00!\x84R\x14\x16\x00\x84\x10JQX\x00\x10B(Ea\x01@\x08\xa1\x14\x85\x05\x00!\x84R\x14\x16\x00\x84\x10JQIR\x00pM\x85\x18;(p\xcc?\xc60\xff\xf8J\x9a\xc0\x13\xbb\x00D6r\xd2\xf50\xae\xa1\x19K\xba\x1e\x06\xcc?~0\xff\xf8R\xf9\x03\x80\xca?q%j\x01P\xdb\xa7dee\xb5k\xd7\x16\x006\xad_\xa3\x1b\x80\xab\x8a\xc7\x80\x90\xd2d\x82M\xeb\xd7\x00@AAA\x9b\xb6\x98\x7fLa\xfe\xf1\xa5\xf2\xff}\xfdZ\x00\xc8\xca\xb2\xb7k\xd7\x0e\x12\xf9\x86 \x81\xcf\x18)\xa5\xa6i\xb9\xb9\xb9\x00\xe0rU\x85\x83\xa1\xc4}\x1b\x12\x8b\x90PYQ\x06\x006\x9b\xad\xa0\xa0\x000\xff\xd8\xc2\xfc\xe3+\x92\x7fFF\xba\xd3\xe9\x04,\x00q\xa1n\xbeN=\xb5\x0b\x00\xec\xde\xbe\xb5\xa2t\xbf\xd9l\xc6\xddT\xa2\x8dR\x1a\nru\x05\xda\xa9S\xa7\xf3\x07\r\x02\x80=;\xb6a\xfe\xb1\x81\xf9\xc7\x97\xca\x7f\xe3\xfa\xd5\x00\xd0\xae]\xbb\x8c\x8c\x0c!\x04\x16\x808P\xa1\xf7\xe8\xd1\x1d\x00&lt;5\xeem[6\x99-f\x99\xe0]r\'8)\xa5\xd9l\xae,+\xd9\xb9m3\x00t\xea\xdc\xb9_\xbf~\x80\xf9\xc7\n\xe6\x1f_\x07\xe5\xdf\xb5kWJiB\x0f\x03$p\x01P=\x9eg\x9cqFvv\xb6\x10b\xe9\xb7\x0b5\x8d\x08\xbc\x02\x8a&amp;)\x845\xcd\xb2z\xe5\xb2\xaa\x8arJ\xe9\x99\xfd\xfa\xf5\xea\xd5\xcb\xe1p`\xfe\xb1\x81\xf9\xc7\xd7A\xf9\x0f\x1a4\x08\x12\xb9\xff\x07\x12\xba\x00\x10B\x84\x10\x85\x85\x85]\xbat!\x84|\xb7\xf0\xf3\x1a\xb7_\xd3p\x8f\xb3(\x12R2F\x16}\xf1\xb1\x94\xd2\xe1pt\xef\xde===\xbdk\xd7\xae\x98\x7fl`\xfe\xf1uP\xfe}\xfb\xf6\x05H\xec\xb1\xf7\x04&gt;t\xa8\x1b\x06\x18&gt;\xfc*)\xe5\xcem[V,\xfd&amp;#3\x83s\x1e\xef\xe3JNRJ\xab\xd5\xbag\xd7\xde\x1f\xbe)\x02\x80\xf3\xcf\xbf@\x8d\x80]u\x15\xe6\x1f\x0b\x98\x7f|\xfd9\x7f\xbb\xdd\xce9\xc7;\x80\xb8Q\xdby\x0f\x1d:\xa4\xa0\xa0@J\xf9\xca\xcc\xa7\x12z@\xe6\x04\xc79\xcf\xb0Y\xdfz\xed\xa5\xca\xf22\xc6\xd8\x84\t\xe3\xd5d\xdc\xa1C\x87b\xfe1\x80\xf9\xc7\xd7_\xe6\x1f\xef\x83:^\x89]\x00\x08!\x86a\xe4\xe4\xe4\\s\xcd5R\xca\x9f\x7f\xfc\xfe\xfbE\x0b\xb2\xb2lx\x11\xd4\xe0\xa4\x94\x16\xabu\xdf\xae}\xef\xbc&gt;\x87\x10r\xdai\xa7\r\x180@\x08\xc19\xc7\xfcc\x00\xf3\x8f\xafC\xe5\xaf\xaeA\x13Wb\x17\x00\x00\xa0\x94J)\'L\x98\xe0p8\x00`\xf6s\x8fq\xbc\x08\x8a\x02n\x18YY\xd6\xff\xcc\xfaWue\x05\x00\xdc~\xfb\xed\x00 \xa5\xc4\xfcc\x03\xf3\x8f\xafC\xe5\x1f\xef\xe3:^\xc9P\x00\x84\x10\xed\xdb\xb7\x9f6m\x9a\x94r\xe5\xb2%\xf3^\xfeWNn\x96\xae\xeb\xf1&gt;\xb4\xe4\xc1\r\xc3\xee\xb0/[\xf2\xe3\xebs\x9e\x07\x80\xb3\xce\xea?l\xd80u\xf9\x83\xf9\xc7\x00\xe6\x1f_\x87\xc9?\xde\x87v\xbcH\x12\x141\xb5"\x8a\xd7\xeb\xed\xd6\xad\xdb\xf6\x1d;222^\xff\xe8\x9b\xce\xdd\xba\xd7\xb8\xdc\x0c\'E\x1c7)\x84f2\x19z\xf8\xaa\x0b\xfbm\xd9\xf4\x1b\xa5l\xf9\xf2e\xdd\xbauS\x97\x9f\x80\xf9G\x19\xe6\x1f_G\xcc?\xa1%\xfc\x0f\x00\x00\x84\x10B\x88\xddn\x9f?\x7f\xbe\xc6\x98\xdf\xeb\xbdk\xf2\xf5U\x15\xe5f\xab\x05;C\x8f\x93\x94RJi\xb5Z\x1e\xb8u\xe2\xe6\x8d\xeb\xa5\x94O?\xfdT\xf7\xee\xdd\x85\x10\x91\xb3\x1f\xf3\x8f\x1e\xcc?\xbe\xea\x93\x7fBK\x86\x9f\x01\x00(\xa5\x86a\xf4\xee\xdd\xfb\xa9\xa7\x9e\x92\x00[6\xfd6~\xf8\xc5\x8cR\x8b\xd5\xca\r#\xdeG\x97\xa8\x84\x10R\x8a\xfcB\xfb\x8c;\xa6|\xf6\xc1|\x00\x18:t\xe8\xb4i\xd3\x0c\xc38\xe8\xe6\x17\xf3\x8f\x06\xcc?\xbe\xea\x9f\x7f\xe2J\x92\x02\x00\x00\x9a\xa6\x19\x861m\xda\xb4\xf1\xe3\xc7\x03\xc0\xba_\x7f\x1e{\xe5`\x8f\xdbe\xb3\xdb\xb1?\xf4\x18p\xc30\x99L\x99\x99\xb6\xbb&amp;O~{\xee\xcb\x00\xd0\xb3g\xcf\xd9\xb3g\x1f\xaa\xeb\x13\xf3oX\x98\x7f|\x1dm\xfe\t*y\n\x00\x000\xc6\x84\x10\xb3g\xcfV\xbf\x03\xcb\x96,\x1e?|\xf0\x8e-\x9br\xf3\x9c\x9c\xf3\x84^\xb2#\x96\xa4\x94\x86\xae\xdb\xecv]\x0f\xdd1\xf1\xfa7_yQ\x08\xd9\xb3g\xcf\xa2\xa2\xa2\xc3\xaf}\x88\xf97\x08\xcc?\xbe\x8e9\xffD\x94\x0c\x83\xc0\x07R\x03b\x8c\xb1\t\x13&amp;\xcc\x993\x07\x00\x1c\xce\x9c{\x1f{\xee\xb2\xe1\xd7\xe8:\xf7{=\x84\xd2\xe4\xe8\xbc\x8b\x06)%\xe7\xdcb\xb5\xdal\xd6\x15K\x7f\x9c~\xdbD\xb5\xead\xaf^\xbd\xbe\xfa\xea+\xa7\xd3y\xc4\xaeO\xcc\xffx`\xfe\xf1u\xfc\xf9\'\x9cd+\x00P7nC)}\xf0\xc1\x193f&lt;\xa8^\x1c|\xd9\xb0\x1bo\xb9\xfb\xe4S\xbb\x86\xc3\x86\xdf\xe7\x03\x90\x94\xb2d\xaa\xe4\xc7\xa3vc))-VkF\xa6u\xef\xee}o\xbe\xfa\xe2\xdc\x17\xff\x19\x0e\x87\x01`\xd8\xb0a\xb3f\xcd\xaa\xff\xd9\x8f\xf9\x1f-\xcc?\xbe\x1a6\xff\xc4\x92\x84\x05\x00\x0e\xf8\x1d(**\x1a3flq\xf1&gt;\x00\xb0Z\xad\x83/\x1f~\xed\rSO\xe9\xd2\x8d\x10\x08\x06\xc2\xe1pH\x08!\xa5$\xa9\xf7\xab \x01\xa4\x94\x84\x00!\xd4d6\xa7\xa5Y\x19\x83=\xbb\xf6\xbe\xfb\xfa\xecw_\x9fS^Z\x02\x00f\xb3\xf9\x89\'\x9e\x986m\x1a\x00\x1c\xd5\xd9\x8f\xf9\x1f\x11\xe6\x1f_Q\xcd?\x81$g\x01P\x0c\xc3\xd04\xad\xb8\xb8\xf8\xbe\xfb\xee\x9b?\xff\xadP(\x08\x00ii\xe9}\x06\x9cw\xf6\xf9\x97\xf4\xee\xd7\xbf\xb0Isk\x9a\x8510\x0cH\xde\x18\x0e\xc9d\x02! \x1c\xe6\xe5\xa5%kV\xfe\xf4\xed\x82/\x96,\xfe\xaa\xacd\xbf\xfa\xe8\xc0\x81\x03\x1f~\xf8\xe1\xde\xbd{\xab\xe5e\x8e\xa1\x89\xc0\xfc\x0f\x0f\xf3\x8f\xafh\xe7\x9f\x10\x92\xb9\x00\x00\x00\xe7\\\r\xd9/_\xbe\xfc\xb1\xc7\x1e[\xb8p\xa1\xdf\xefW\x1f\xb2ee\xb5n\xd7\xb1M\xfb\x8e\x8d\x9b5k\xd9\xe6$gv\x8ea\x18\xc9\xfa6\xff\x91$\x84\xeazx\xd3\xfa5U\x95\xe5\x9b7\xac\xdb\xb6yceyY\xe4\xc3}\xfa\xf6\x9d&lt;i\xd2\x88\x11#\xe0\x80\x00\x8f\r\xe6\xffW0\xff\xf8\x8a]\xfe\t@&amp;;!\x84a\x18\xea\xcf\xeb\xd6\xad\xbb\xed\xb6\xdbZ\xb6j\x15\xef\xd4OD\xf9\xf9\xf9\xd7^w\xdd\x82\x05\x0bTV\x9cs\xce9\xe6\x1f3\x98\x7f|E)\xff\x13\\\x92\xdf\x01D\xa8\xbeNU\xcc=\x1e\xcf\xc6\x8d\x1b\x97.]\xbaj\xd5\xaau\xeb\xd6\xb9\\\xee\xfd\xfb\x8bS\xef\x99I\x92_\x90\x9f\x91\x91\xd1\xb5k\xd7\xce\x9d:\xf5\xee\xdd\xbb{\xf7\xeeyyyp\xc0L\x92\x06\xfc\x9fa\xfe\x7f\x82\xf9\xc7WL\xf3?a\xa5\xcaR!j\xfb0)%!\xc4f\xb3\xf5\xec\xd9\xd3d2QJ\xab\xab\xab)cee\xa5)R\x08\xeb\x10\x00\xb0ge\xe5\xe4\xe4t\xef\xd6\xed\x8c3\xce\xe8\xde\xbd\xbb\xcdfS\x1f\xe3\x9c7\xf8x\x17\xe6\xffG\x98\x7f|\xc5:\xff\x13W\\\xee;b,r\x0b\x1c\n\x85&gt;\xfe\xf8\xe3+\xae\xb8\xa2i\xd3f\xf1\x0e\xfe\xc4\x92\x95\x95u\xeey\xe7\xcd\x9e=\xbb\xb4\xb4Te\xa5\xeb\xbaj20\xff\x18\xc0\xfc\xe3+\xaa\xf9\x9f\xc8\x92\xbc\x0bH\xfdt\x84\x10\xb7\xdb=g\xce\x9c7\xdexc\xed\xda\xb5\x91\x8ff\xdal\x85M\x9a\xe7\x15\x14\xb4ls\x92#;\x9b\x1b\x89\xbd\xbb[=I\x90\x84\x10C\xd77\xad_\xe3vU\xef\xd9\xb9\xcdU]\x15\xf9haa\xe3\x91#\xaf\x1e7n\\\x87\x0e\x1d\xe0\xb8g\xbfa\xfe\x7f\x86\xf9\xc7W,\xf3?\xf1%s\x01\x88\x8c\xe0\xcf\x9d;\xf7\xc9\'\x9f\xdc\xb4i\x93z\xbdq\xd3\xe6\xa7\x9fuN\xff\xf3.&lt;\xa9S\xd7\xfc\x82\xc2\x8cL\x1b\xd3 \xa9\xdf\xe5\xbf %\x18\x06\x84\x82\xa1\xca\xf2\x92-\xbfo\xf8\xf1\xdb\x85K\xbfY\xb8y\xe3z\xf5\xd1\xec\xec\xec)S\xa6\xdc|\xf3\xcdv\xbb]\xcd&amp;&lt;\x86\xff\x05\xe6\x7f\x18\x98\x7f|\xc5 \xff\x84\x90\xb4\x05@\x9d\xfd\xc5\xc5\xc5c\xc6\x8c)**R/\xb6\xef\xd8\xe9\xda\x1b\xa6\x0c\xbc\xe8\xf2\x9c\xbc&lt;)!\x14\n\xeba]\x08.\xa5H\xd2\x18\x0e\x89\xa8e\x84)5\x99\xcc\x16\xabE\xd3\xc0S\xe3_\xf1\xe3w\xf3^zv\xe9\xb7\x0b\xd5\xe7t\xe8\xd0\xe1\xd5W_\xed\xdb\xb7\xef1L\x85\xc6\xfc\x0f\x0f\xf3\x8f\xafh\xe7\x9f(\x92\xb3\x00\xa8\xa2]TT4f\xec\xd8\xe2}\xfb\x00\xa0U\xdb\xf6c\'\xdfv\xd1\xe5\xc3\xb3\x1cY^\x8f_\xd7\xc3\x00\x84RJ\x08\xa8\x11\xa1\x94%\xa5\x94j\x8a\x88\xa6edfr.\x96~\xb3\xe0\x95\x99O.[\xf2\r\x00\x98-\x96\'\x1e\x7f|\xda\xb4iG\xf5;\x80\xf9\xd7\x1f\xe6\x1f_\xd1\xc8?\x81$a\x01Pg\xff\x9c9s&amp;L\x98\xa0^\xb9z\xcc\xc4i\xf7&lt;\x98\x9b\x9f\xebvy\xb9aP\x86\xab\xa0\xfc5\xce9!\xc4\x96\x95\xc5\xb9\xf1\xc6\xec\x17\x9e\x7f|\xba\xd7S\x03\x00\xe3\xc7\x8f\x9f={\xb6\x9a\x1dq\xc4\xe80\xffc\x86\xf9\xc7W\x83\xe4\x9fX\x92\xad\x00\xa8;\xdf\xc8\xd9owd?\xf0\xe4\xcc+F\\]\xe3\xf6\x87\xc3\xe1$\xee\xcbk@\xea\xd7 \'7k\xd5\xf2\x9f\xef\x9d:~\xd3ok\xa0\xeew\xe0\x88\xd7A\x98\xff\xf1\xc3\xfc\xe3\xebx\xf2O8IU\x00\x0e:\xfbs\xf3\x1b\xcd\x9c\xf7~\x9f\xfe}\xcbJ\xaa\x99\xa6%\xd3\xdb\x16\x03\xba\xae;\x9c\xce\xca\xf2\xd2\x1b\xaf\xfe\xdb\x9aU\xcb\xe1\x80\xeb\xa0C=#\x83\xf97 \xcc?\xbe\x8e!\xffD\x94&lt;\x05@\xbd1\x8b\x16-\x1a8p \x008sr\xdf-\xfa\xa9E\xeb\xb6\xee\xeaj\xcdd\x8a\xf7\xd1%$n\x18f\xab\x85Q6z\xc8\xf9+\x96~\x0b\x003f\xcc\x98&gt;}\xfa_\xce\x8b\xc0\xfc\x1b\x1c\xe6\x1f_G\x95\x7f\x82J\x92\x02\xa0\xa6\xeb\x96\x96\x96v\xe9\xd2\xb5\xac\xac4\xcb\xee\x985\xff\x93\xee\xa7\xf7u\xbb\\\x9a\x86g\xff\xb1\xe3\x9c[\xac\x16\xaf\xdb=v\xd8\x85\x1b\xd6\xfeJ\x08)**\x1a8p\xe0A\xd7A\x98\x7f\x94`\xfe\xf1U\xcf\xfc\x13W\x92\xcc\xfe\x95Rr\xceG\x8d\x1aUZZ\x02\x00\xf7?&gt;\xb3O\xff~\xaej&lt;\xfb\x8f\x17c,\x14\x08f\xe7\xe5?3{\xbe\xdd\xe1\x94\x12F\x8d\xba\xb6\xa4\xa4D--\x10\xf94\xcc?J0\xff\xf8\xaag\xfe\x89+\x19\n\x80\xaa\xc6\xf3\xe7\xcf_\xb8p!\x00\\9j\xdc\x90kF\x96\x96T\x9b\xf0\xce\xb7!0Ms\xbb\\\xedO&gt;\xe9\x9e\x7f&lt;\x07 KKK\xee\xbe\xfbnJi\xe4\xde\x11\xf3\x8f*\xcc?\xbe\x8e\x98\x7fBK\xf8. \xb5\xa2\x85\xcb\xe5\xea\xdd\xbb\xf7\xf6\xed\xdb\x9b\xb6h\xf5\xfe\xa2\x15\x16\x8bU\r\xe5\xc7\xfb\xe8\x92\x07\xe7\xdc\xe1\xb4O\xbcf\xc8\x82\xcf&gt;\xb4X,K\x96,\xe9\xd1\xa3\x87\x94\x92\x10\x82\xf9\xc7\x00\xe6\x1f_\x87\xca?\xd1\x17\x8aH\xec\xa3\x87\xba\xa5\xfb\xe6\xce\x9d\xbbu\xebV!\xc4\xb8)w\xe4\xe6g\x87\xc3a&lt;\xfb\x1b\x16!D\x0f\x1b\x93n\x7f\xc0b\xb5\x86B\xa1\xe9\xd3\xa7\xab\xa6\x07\xf3\x8f\r\xcc?\xbe\x0e\x95\x7f\xbc\x8f\xebx%v\x01\x90R2\xc6\x02\x81\xc0\xdc\xb9s\t!\xad\xdav\xb8d\xe8\x08w\xb57i\xc6\xe8O\x1c\x94R\xaf\xd7\xdb\xa9k\x97\xf3/\x19\x02\x00\xdf\x7f\xff\xfd\xc6\x8d\x1b\x19c\x94R\xcc?\x060\xff\xf8:T\xfe\x89&gt;\x12\x90\xd8\x05@=\x97\xb1h\xd1\xa2\xdf~\xfbMJ9z\xe2-Yv\x1b7\x8cx\x1fWr\xa2\x94\x86C\xfa\x98I\xb7\xa5\xa5g\xf8|\xbeW^yE\xbd\x88\xf9\xc7\x06\xe6\x1f_\x7f\x99?\x16\x80\xf8\x9b7o\x1e!$\xbf\xb0\xf1\xa0\x8b\xaf\xf0z\xfc4)\xa6g\x9d\x80(\xa5&gt;\x9f\xbfS\xd7\xae\xbd\xfa\x9eE\x08y\xff\xfd\xf7\xbd^/\x00\xa8\xcbO\xcc?\xda0\xff\xf8\xfas\xfe~\xbf_\xd3\xb4\x84\xee\x08J\xe0\x02\xa0\xfa\x7f\xdcn\xf7\x8a\x15?K)\xfb\x9cu^n~\xae\xae\xeb\xd8\xfb\x19ER\x12\x02\xe7^x\x99\x94r\xdf\xbe\xe2\r\x1b6\x18\x86\xb1|\xf9r\xcc?F0\xff\xf8\xfac\xfek\xd6\xac\x81\x04\xbf\tH\xe0\x02\xa0r_\xb9r\xe5\xde\xbd{\x00\xa0\xff\xc0\xc1\xf1&gt;\xa2</t>
        </is>
      </c>
    </row>
    <row r="445">
      <c r="A445" s="1" t="n">
        <v>443</v>
      </c>
      <c r="B445" t="inlineStr">
        <is>
          <t>polygon_sides_color</t>
        </is>
      </c>
      <c r="C445" t="inlineStr">
        <is>
          <t>What is the missing color of the part denoted with a question mark?</t>
        </is>
      </c>
      <c r="D445" t="inlineStr">
        <is>
          <t>['red', 'orange', 'green', 'purple']</t>
        </is>
      </c>
      <c r="E445" t="inlineStr">
        <is>
          <t>red</t>
        </is>
      </c>
      <c r="F445" t="inlineStr">
        <is>
          <t>There are 6 colored polygons arranged in a triangle with color ['orange'] in the top row, ['blue', 'red'] in the middle row, and ['blue', 'orange', '?'] in the bottom row.</t>
        </is>
      </c>
      <c r="G445" t="inlineStr">
        <is>
          <t>We observe that the polygon with 6 sides is blue in color and the polygon with 7 sides is orange in color. Thus, the pattern is that the polygons with the same number of sides have the same color.</t>
        </is>
      </c>
      <c r="H445" t="inlineStr">
        <is>
          <t>Based on the pattern that the polygons with the same number of sides have the same color, the missing color of the part with 3 sides should be red.</t>
        </is>
      </c>
      <c r="I445" t="inlineStr">
        <is>
          <t>b'\x89PNG\r\n\x1a\n\x00\x00\x00\rIHDR\x00\x00\x02\x00\x00\x00\x02\x00\x08\x02\x00\x00\x00{\x1aC\xad\x00\x00e\xf0IDATx\x9c\xed\xddw\\S\xd7\xdb\x00\xf0s\xcf\xbdI\x08\x106\xb8w\xad\x88\x8a\x82\x0b\x05\x15\xebD\xad\x13Gk\x9dh\x9dU\x9cu\xe1V\xb4n\xeb\xaa\xabh\xb5\xd6\xfe\xea\xc0U[\xb5NPq\xd4Y\xc5\xfd\xaa \xb2\x02\t\t\x90\xdc{\xce\xfb\xc7\xd5\x94\xb6\xda:\x80\xdc\xe4&gt;\xdf\xcf\xfb\xc7\xfb\xf9\xb5\xc5+I\xces\xce\xf3&lt;y\x0eC)E\x00\x00\x00\xe4\x07[\xfb\x01\x00\x00\x00X\x07\x04\x00\x00\x00\x90)\x08\x00\x00\x00 S\x10\x00\x00\x00@\xa6 \x00\x00\x00\x80LA\x00\x00\x00\x00\x99\x82\x00\x00\x00\x002\x05\x01\x00\x00\x00d\n\x02\x00\x00\x00\xc8\x14\x04\x00\x00\x00\x90)\x08\x00\x00\x00 S\x10\x00\x00\x00@\xa6 \x00\x00\x00\x80LA\x00\x00\x00\x00\x99\x82\x00\x00\x00\x002\x05\x01\x00\x00\x00d\n\x02\x00\x00\x00\xc8\x14\x04\x00\x00\x00\x90)\x08\x00\x00\x00 S\x9c\xb5\x1f\x00\x80\xc2\'\x08\x02B\x08c\xcc0\x8c\xb5\x9f\x05\x00\xe9b\xe0Rx`O\xc4\xf7\xb3e\xdd\xa7\x84\x08\x840\x0c\xc30\x0c\xc6p\xde\x05\xe0/ \x00\x00\xfbA\x08\x11W\xf9]{\x0f8:9\x07\xd6\xa9U\xc2\xdb\xb3\xe0\xbf \x08\x02\xa5T\x0c\x06p8\x00\x00\x02\x00\xb0\x13\x82 \xb0,+\x08B\xf7O\x07\x18\x12\x8f8\xb98\xa5\xe5\xb0\x8e^\xe5\xfd\xfc\x03k\xf9\xd7i\xdc\xa8\xa1o\xd5\xca\x05\xff}B\x08!\x04\x82\x01\x903\x08\x00\xc0\x1e\xf0\xbc\xc0q\xec\x93\xa7\xc9a\xed;6-\xa3_3\xbe\x03b\x98,\xad\xfe\xc6\xfd\x94\x1b\x0fS\x13\xee\xa4=\xc8 J\xf72\x1e\xa5*\xd5o\xd8\xc8\xbfV\xadz\x81\xb5\xdd]5\x7f\xfd\t&lt;zY6\x80x\x00d\x02\x02\x00\xb0m\x94RB\x08\xcb\xb2\xbf\x1c;\x11\xf1Y\xaf\xa8\xeeU\x87\xf4\n6\xa4\xe7PB\x15\n\xacR)\x91\x92C\x0c\xca\xcf6\xfc\xdf\xb3\x8cK\x89\xcf.\xdeMML1h\x05g\x17\xefr\xbe5\x03\x9b4iR7\xb0N\x85\xb2\xa5\n\xfeLB\x04B S\x04\xec\x1f\x04\x00`\xc3,I\xff\xe8\xc5+\xb6,\x9f\xb1yB\xab\xc6\xf5\xaa\xe8Ru\n\x0e#\x84(B\x94RJ\x11\xa5\x94cY\x95\x92\xc3*\x0eq\x18\xe5\x9bS\xd2\xb2\xee&gt;I\x8f\xbf\x99t\xf9~f\xa6I\xc5\xab&lt;\xab\xd6\x08\xf0\xf5\xab\x19\xdc\xb8Q\xed\x9a\xd5\x1dTJ\xcb\x1fA)\x11\x84\x17ed8\x1c\x00;\x03\x01\x00\xd8*\x9e\xe79\x8e\xcb\xd1\xeb\xfb\x0e\x1a\xa6O\xfcm\xfb\xb4\x8e&gt;\x9e\xce\xba,\x83\x82c_\xf9\xefSJ\tEb\x11X\xa5`\x15J\x05RqH \xf99\xc6\xdb\x8fR\xaf?x~\xe1n\xda\x8d\xa4\\\xb3\xca\xd3\xcd\xa7\\@\xbd\xa0\xc0\xc0\xc0z\x81u\xca\x94\xf2)\xf8C\xa0\x8c\x0c\xec\t\x04\x00`\x93\xc4\xd5\xff\x8f\xdbw\xbat\xed\xde\xd5\x8fD\x8flk\xce5\xe5\xe5\x9b9\xf6\x8dz=)E\x14Q1\xcf\xc3b\xacVqH\xa5@\x98\xa1\xc6\xbc\xc7)\xda\x9b\x0f\x9f\xc7\xdfzv\'Y\x9f\xa4\xe7&lt;\xcbT\xa9\\\xbd\xb6\x7f\xed\x80\xa0\x86\xf5+W,\xef\xa0TX~\x88\xa5\x8c\x0c=\xa6\xc0FA\x00\x006\x86RJ)\xc5\x18\xef\xda{`\xe4\xe0\xfe\xcb\x07\x05\xf4l_\xd7\x90\xa9G\x08\xe1w\xdd\x92\x93\x97\x99"\x16c\x95\x92c\x95\x1cR\xb0\x88\x90\xec\x0c\xdd\x83\xa4\x8c\x84[I\xe7\x12\xd3R\x0cX\x8f\x9c\xcbV\xa9Y\xcd\xd7/$$\x04\xca\xc8\xc0\x0e@\x00\x00\xb6D\xec\xf5D\x08E\xcd\x8e\xfea\xf5\xdc\xdds\xbb\xd4\xaaVZ\x9f\x91\xc3q\x85\xb6\x01\x17#\x01\xa1\x94a\x18\x05\x87U\n\x05rP D\x891\xefAR\xc6\x95{)W\xee\xa7^\xf9?\x9dVpv\xf1*W\xdd?0(\xa8\x91\x7f\xad\x1a\xff\xe81\x8522\xb0\x01\x10\x00\x80\xcd\x10\xd3&gt;:\xbd\xfe\xb3\x01C\x84\xfb\xc7v\xcc\xe9\xe1\xe2\xa0\xd0\xe9\xf3\x14\x85\xb7\xfa\xff\rE\x08\xbd\xac\x1c\xbc8\x1c8(\x10\x8b\x91I,#g\x9c\xbd\xf941I\x7f?\x9dg4\xa5^\x94\x91\x1b\x05}X\xb5J\xc1\xc3\x01\x94\x91\x81dA\x00\x00\xb6\xc1l6+\x14\x8as\t\x97\x06E\x0c\xec\xe4\x87\xe6\rkc2\xe6\x99L&lt;\xfbfI\xffBA\xa9\x98,\xfak\x19\x99R\x93\xdex\xeb\xe1\xf3\xeb\x0f\x9e\x9fOL\xbd\x9bf\xd2\x0b\x0e\x9ee?\xac\xe6\xe7\x1f\x14\x14\x14\xd4\xb0^\x99\x92&gt;\xff\xfd\xa3\x01\xb0\x06\x08\x00@\xea(\xa5\x94\x12\x8c\xd9M1\xdbgL\x8a\\7\xac~\x87\x96\xb5\r\xe9:\xc4\xbc{\xd2\xbf0\x9e\xeaE\x19\x19!\xc4\xb1X\xadR\x88ed\x94\x97\x9f\x92\xae\xbb|7\xf9\xfa\x83\xb4\x8b\xf73S\x0c\n\x8dw\xf92\x95}\x83\x82\x82\x03\xea\xd4\xacS\xd3\x0fA\xc5\x18H\x06\x04\x00 i\x96\xa4\xff\xa8\xb1\x93\x8e\xfe\xb8\xe6@t\xd7\xca\xe5\xbc\xf5ZC!&amp;\xfd\x0b\x85\xa5\x8c\x8c1\xa3\xe48\x85\x83\xc2RF~\x98\x9cq\xeef\xd2\xedg\xfa\xa3W\x9e5l\xd9m\xd3\xc6\xf5\x96\xbf\x14\x00\xd6\x05\x01\x00H\x97\x98\xf4\xcf\xd4j?\xe9\xddO\x95\x9a\xb0k\xfe\',E\x86\xdc\xfc7\xec\xf5\xb4\x96W\x94\x91\x95\x1cr\xe0\x92\x1f&lt;\xf7\x1d\xb4\xed\xec\xc5\xab~\xd5\xab\x89\x8dL\xd6~R w\xf0\x16\x04\x12%\xae\xfe\xf1\xe7.\x84\x844\x0bv\xfb\xbf}+\x06\xf0&amp;&gt;7\xcf$\xf1\xd5\x1f!\xc40\x08c\x86c1\x8b\x19\x81Pc^~N\xb6A\x9b\x94Y\xba\x82O\x9ff\xe5\'G\xcdb\x18\xd8x\x01I\x807"\x90\x1cK\xd2\x7f\xc9\xca\xb5\xeb\x97\xcc\\6\xb8~\xbb\xd0\x9a9\x19zl\xcb\x1d4\x94"\x8e\xc3i\xd9\xc6\x9a\x83\xb7\x9fI\xb8\xecW\xdd\x17\x0e\x01\xc0\xea \x00\x00i\xb1\xe4\xc7\xfbF\x0c\xbb}\xea\x7f{gw.]\xca]\x82I\xffw\xc0\x0bD\xe3\xe52b\xee\xae\'N\xf5\xf6\xed\xda\x01\x95\x00`u\x10\x00\x80\x84\x88i\x9f\xd4\xb4\xf4\x8f;u\xfb\x80{\xb4}F7\xdeLl"\xed\xf3&amp;\xfez\x08\xf8\x1d*\x01\xc0\xea\xe0\xcd\x07$\x81R*\x08\x02\xc7qG~;\xd9\xa4qP7_\xe3\xf6\x05\x9f\x1a\x0c\xa6\xfc7\x1e\xef#}\x0c\x83\xf2M|\x99r^\x9f6);9j&amp;T\x02\x80\xd5\xc1[\x10X\x9fe\xa4Z\xf4\xe2\x95[\x96O\xdf0\xaeE\x93\xfaUui:\x8e\xc36\x9b\xf3\x7f5J\x11\xa7\xc0iZ\xa3\xff\xd0\xef\xe3/^\xfb\xb0j\x158\x04\x00+\x82w\x1e\xb02A\x100\xc6\x84\x90.=\xfb\x1e\xfbn\xfe\xa9\x15\xbd\x9a\xd4\xa9\xacK\xd3)\xecn\xf5G\xe2! \x9f/S\xde\xabI5\xd7\xd5\xdfl\x84C\x00\xb0.x\xff\x01k\x12\x93\xfe\x05\xafr\xe4\xf3\xf9\\;J\xfb\xfc\x13\xa1\xd4\xc1A\xf9{br\xeb\x19G\x13\xef$zyz"\x84l\xb8\xbd\t\xd82\xbb\xfd\x98\x01\x89\xb3$\xfd\x7f9v\xa2Q\xfd\xc0/\x9a\xa9\xd7L\xebb\xc8\xc9\xcf7\xf3v\xbc\xfa#\x840\xc3\xe4\x1a\xf3\xeb\x05T\n*\xcf\xce[\xb8\x94a\x18B\x88\xb5\x1f\n\xc8\x14\x9c\x00\x80\x15X: g\xccY\xf0\xd3\x86\xaf6\x8cm\xd1\xb8\xfe\x9fW9\xda=B\xa9\x83Zy%1\xb9e\xd4\x91;w\xef\xc0!\x00X\x8b,&gt;o@Rx\x9egY6\'G\xdf)\xfc\xd3\x0b\xbb\x97\xc6\xad\xfa\xa4q\xad\xf2\xba\xd4l\x99\xac\xfeH&lt;\x04\x18\xf2\xeb\xd6\xa9\xd4\xa8"\x07\x87\x00`Er\xf9\xc8\x01\x89\xb0\\\xe5X\xb7A\x88\x1f\xba~hy\x7fG\x8e\xcd\xd1\xe7\xbe\xee"_{\xc5`F\xc8\xcd\x9f\x1b\xd1|\xcb\xc6ui\xe9\xe9\x18c8\x8b\x83\xe2\x07\x01\x00\x14\x13J)!\x84\xe3\xb8]{\x0f\xb4h\xd2xv\'\x9f\xe8\xc8\xf6\x86l\x83\x99\x17\x8as\xa6\xbfD\x88\x87\x80\xc0\xda\x95\x1aWT\xcc[\xb0\x04\x0e\x01\xc0*\xa0\x06\x00\x8a\xc3_\xaer\\3w\xf7\x9c\xc2\xbf\xca\xd1\xe6\x10B\x1d\x1cU\x97n&gt;i7\xef\xd4\xff=z\xe0\xe8\xe8\x88\xa0\x12\x00\x8a\x97|?~\xa0\xd8\x98y\x9ee\xd9L\xad\xb6m\xfbN\xd7\x0e|}q\xc3\x80Z\x95|t\xf2^\xfd\x11B\x183\xf9\xc6\xfcz\xfe\x15\xca9\xe5~\xfb\xdd\x0e8\x04\x80\xe2\'\xebO (\x06f\xb3Y\xc1q\xe7\x12.\x85\x844m\xec\xfa(vi_\x07\x8csr\x8a\xf0"_\x1bB\x10b\x184\xfd\xb3F\x0b\xa2\xa3M&amp;\x13|/\x0c\x143\xf8\x10\x82\xa2B)%DP(\x14\x9bb\xb6\x87wl\xbb\xa8G\xb9\xe9#\xda\xe5d\xe8\x05A\x8eI\xffWb1c\xd4\xe5vn\xe1\xefI\x9e\xaf\xdf\xbcU\xfcF\xb4\xb5\x1f\n\xc8\x08\xec8@\x91\x10oNG\x92\xbf\xca\xd1\xea\x04B\x9d\\\xd4\xb1\xc7\xae\x8f\xfc\xee\xde\x83\xbb\xb78\x8e\x13\xc7"Y\xfb\xb9\x80,\xc0\xa7\x11\x14&gt;J)\xa54==\xbd[x\xf7G\'\xbf\xbd\xba9\xa2\xa2\x8f\xbb&gt;\x0bV\xffW\x10\x0f\x01\x9d\xe0\x10\x00\xac\x01&gt;\x90\xa0\xf0\x11B0\xc6\xa7\xe3\x13\xae\x1e\xdf\xbdo\xe5@\xc1F\xaer\xb4\x16\x8a\x10BtV\xbf`\xb1\x12\x00\xdf\t\x00\xc5\x06&gt;\x93\xa0\xa8`\x8e\xf3\xf6r\xa7\xb9\xf9&lt;/`;\x9c\xecYh\xfe&lt;\x04\xd0\xe7\xeb6\xc6@;\x10(6\x10\x00@\x91\xa1\x94\xe7\x05\xc8h\xbf\t\x8a\x10bPT\xef\xa0\xf5\xdf\xacC\xf0m\x00P\\ \x00\x00`},f\xf2\xf5\xb9\x1d\x9a\xd6\xc8IN&lt;\xf4\xcbQ\x8c\xb1 \x08\xd6~(`\xff \x00\x00 \tf\x8188\xa9\xbe\xe8\xe075j\x06\x82C\x00(\x16\x10\x00\x00\x90\x04\x8e\xc5y\xd9\xc6a\xe1\x8dR\xef^\xfc\x19\x0e\x01\xa0X@\x00\x00@*\xcc\x02qtQ\x8f\xebR{\n\x1c\x02@\xb1\x80\x00\x00\x80Tp,\xce\xcb2\x0c\xed\x16\x04\x87\x00P&lt; \x00\x00 !/\x0e\x01]\xe1\x10\x00\x8a\x03\x04\x00\x00$\xe4\xc5!\xa0kP\xda\xbdK\x07\x0f\xff\xca0\x0c\x1c\x02@\xd1\x81\x00\x00\x80\xb4\x98\x05\xe2\xe8\xaa\x1e\xd1\xc1o^\xf4Wp\x02\x00E\n\x02\x00\x00\xd2\xc2bl\xd2\xe5\xf6i\x1bx\xe7\xca\xb9\x9b\x7f\xdc\x82\xe9@\xa0\xe8@\x00\x00@Z\x18\x06\xe5\x9b\xf8\xb2\xe5\xbdz4*99j6\\\x12\x00\x8a\x0e\x04\x00\x00$\x87\xc5\xd8\xa43N\xed\x17z\xfa\x97\xbdp\x08\x00E\x07\x02\x00\x00\x92#\x1e\x02\xca\x94\xf3\xfa4\xa4,\x1c\x02@\xd1\x81\x00\x00\x80\x14\x89\x87\x80)\xfd\x9a\xc1!\x00\x14\x1d\x08\x00\x00H\xd1\x9f\x87\x80&amp;e\'G\xcd\x82C\x00(\n\x10\x00\x00\x90\xa8\x17\x87\x80\xbe\xcd\xe2\x8f\xec\xbbv\xe3&amp;\x1c\x02@\xa1\x83\x00\x00\x80D1\x0c\xca\xcf\xe7\xcbT\xf0\x0e\xab\xe3\xb5\xec\xeb\xb5pQ\x0c(t\x10\x00\x00\x90.\xcc2BN\xde\xa8\xf0\xa0\xfd\xbbv\xa6\xa5\xa7\xb3,\x0b\x89 P\x88 \x00\x00 ]\x98ar\x8d\xf9\xf5\x03+7(\xcb\xcc[\xb8\x14\x0e\x01\xa0pA\x00\x00@\xd2\x18\xcc\x08\xb9\xf9s\x065\xdf\xb2q]Zz:\\\x19\x0f\n\x11\x04\x00\x00$\r3L\xae!\xbfn\x9dJ\x8d*rp\x08\x00\x85\x0b\x02\x00\x00R\xf7\xe2\x10\x10\x01\x87\x00P\xc8 \x00\x00 u\x96C@P\x05n\xee\x82%p\x08\x00\x85\x05\x02\x00\x006\x80\xc1\x0co\xcc\x8f\xfe\xbc\xc5\xce-\x1b\x1e\xfd\xdfch\x07\x02\x85\x02\x02\x00\x006\x80A\x0c\xe1\x85\x92\x9e\x1a&gt;\xdf\x98\x95\x9d\x8d\x10\x82\x00\x00\xde\x1f\x04\x00\x00l\x80@\x88\xd2\xd5q\xf6\xb7\xc7\x1b\xb7\xeaT\xc7\xbf\x96 \x08\x18\xc3\x87\x17\xbc/\xce\xda\x0f\x00\x00\xf8\x0f\x94"\x95\x92Kz\x9c\xbe\xe3\xcc\xd3\xd3\t\xfb(\xa5pS\x18(\x14\xb0\x89\x00@\xea\x04B\x94.\x8e\xf3\xb7\x9cl\xd2\xa6sM\xbf\xea\x84\x10\xd8\xfe\x83B\x01\'\x00\x00$\xed\xc5\xf6\xffI\xfa\xf7g\x9e\x9e\x81\xed?(T\xb0\x8f\x00@\xd2\nn\xffk\xc0\xf6\x1f\x14*8\x01\x00 ]\xb0\xfd\x07E\n\xb6\x12\x00H\x97\xb8\xfd\x9f\xb7\xe5\x04l\xffAQ\x80\x13\x00\x00\x12%n\xff\x9f&gt;N\xff\xf1l\xca\xc9\xb3\xd3a\xfb\x0f\n\x1d\xec&amp;\x00\x90(\x81\x10\xa5\x8b\xfa\xbb\xc3\x97?\xac\x13\x04\xdb\x7fP\x14\xe0\x04\x00\x80D)Xl\xcc\xce]}\xe0\x8fo\xbe\xdf\x07\xdf\xfb\x05E\x016\x14\x00H\x11/\x10\x077\xa7u\xbb\xcfy\x7fP\xb7}\xdb\xd6\x94R\x96e\xad\xfdP\xc0\xde\xc0\t\x00\x00)R\xb0\xd8\xa8\xcb]\xb2\xfb\xea\xc6\x1f\x0e"\x98\xfc\x03\x8a\x06\x9c\x00\x00\x90\x9c\x17\xdb\xff]\xe7|\xaa\xd6\x0bk\xd3\x92\x10\x02\xdb\x7fP\x14\xe0\x04\x00\x80\xe4\xbc\xd8\xfe\xef\x81\xed?(Zp\x02\x00@Z`\xfb\x0f\x8a\r\x9c\x00\x00\x90\x10\xfar\xfb\xbfx\xf7\xd5M;a\xfb\x0f\x8a\x16\x9c\x00\x00\x90\x10A\xa0\x0e.\x8ekw\x9d+\xed\xdb\x00\xb6\xff\xa0\xa8\xc1\t\x00\x00\ta\x19Dya\xdd\xc1\xeb\xf3\xd6\xfe\x80`\xfb\x0f\x8a\x18\x9c\x00\x00\x90\n\x81P\xb5\x8b:\xf6\xf8\r\x93c\x99\x8f\xc3ZSJ\xe1\xab\xbf\xa0H\xc1\xdb\x0b\x00\xa9`\x10B\x88\x99\xb1%n\xc2\x97\x93\xd4j5!\x04\x86\xff\x80"\x05\x01\x00\x00I\x10\x08utQ\xc7\x1e\xbb\x96\x81K|&gt;\xb0/L\xfe\x01\xc5\x00\xdea\x00H\x82e\xfb?i\xf2d\xa5R\t\xb3?A1\x80\x00\x00\x80\xf5\xc1\xf6\x1fX\x05\xbc\xc9@\x91a\x18\x8ec)\xa5\xd0\xca\xf2\x9f`\xfb\x0f\xac\x02\x02\x00(*\x84\xe7\xd3\xd2\xb5\x8cZ\xc5q,!\x10\x03^\x0b\xb6\xff\xc0Z\xe0}\x06\n\x1f\xc6\x98\x10\xd2\xa4q\x83\xda\xcd\xbbv\x1c\xb5\x99Urj\x07%/\x10k?\x97D\x89\x1f\xc2\xe9[\xce\xc0\xf6\x1f\x143\x08\x00\xa0\xf01\x0c\xc30\x8c\x97\x97\xd7\xae\x9f\xfeW\xb1\xd9\x80\xda\x037=J\xd5j\xdc\x9cx\x1eb\xc0\xdf\t\x84:h\xd4\xb1\xbf\xdd\xc8V\x94\x81\xed?(f\xf0V\x03E\x82a\x18J)!\xc2\xca\xa5\x0b\xc6\xcd]\xdbt\xc2\xc1\x83\'oj|\\\x05\x02%\x81\xbf\xa2\x14+\xb9U{.\xf4\xed\xdf_\xa9TB\xef?(N\x0c|\x1aA\x912\x9b\xcd\n\x85\xe2\\\xc2\xa5\x81\x03\xfa\xf7\xaa\x8d\xa7\x0f\x0f\xcb\xcf6\x9a\xcd&lt;\xcb\xc2\xe6\x03\x11J\x1d\xd4\xca\xab\xb7\x93[\xcd8\xfa\xc7\xad[&gt;&gt;\xde\x08!\x08\x00\xa0\xd8\xc0\x87\x10\x14-\x85Ba\xe6\xf9\xa0\x06u\xcf\x9c9\x15\x9f]\xb1\xd3\xd8\xady\x848;;\x98!\x1d\x84\x10%\x94U\xab\xa6m&gt;\xde\'bH\x89\x12&gt;\xb0\xfd\x07\xc5\x0c\x02\x00(r\n\x8e\x13\x04\xc1\xc3\xdd\xfd\xf0\xc1X\xff\x0e_\xd4\x1b\xfc\xed\xf5\x87\xa9.\x9e\xce2/\t\x10J\xd5N\xaaKW\x1e\x9e}\xc4O\xfdr,L\xfe\x01\xc5\x0f\xdep\xa08\xb0,K)%\x84\xcc\x99&gt;y\xc1\xba\x9d\xad\xa7\x1c\xde\xf9\xf3\xef\x1ao\x17B)\x91k\x12R\xdc\xfeGm:\xdeo\xd0Po//\xd8\xfe\x83\xe2\x075\x00P\xacx\x9e\xe78\xee\x8f\xdbw\xbat\xed\xde\xd5\x8fD\x7f\x11f2\xe4\x99L\xb2+\t\x88\xd9\xff+\x89\xc9-\xa3\x8e\xdc\xb9{\xc7\xcb\xd3\x13A\xf6\x1f\x14;y}\xea\x80\xd5q\x1c\xc7\xf3\xbc\x9f\xef\x87\x97\x12\xce\xfc\x81j\xb5\x8b\x8c1\xf2\x82\xb3Fm\xe6\x05k?Z\xb1\x82\xed?\x90\x02\x08\x00\xa0\xb8q\x1c\'\x08\x82\xb3\xb3&amp;\xf6\xa7\xef\xebw\x1d\x1b&lt;rG\xfc\xf5\xc7.&gt;\xae\xf2)\x0b\x13B\xd5N\xaaK\xbfC\xf6\x1fX\x19\xbc\xed\x80\x15\x88%\x01A\x10fEMZ\xfa\xed\xee\x1e\x0bO\x7f\xb33\xce\xa5\x84\x0b\xa1H\x0e%\x01J)\xabRL\xff\xf6d\xff\xc1\xb0\xfd\x07\xd6\x045\x00`MbI\xe0\xc9\xd3\xe4\xb0\xf6\x1d\x9b\x96\xd1\xaf\x19\xdf\x81\xcf\xe7s\xf3\xcd\x9c\xfd\x96\x04(EJ%\xfb\xe4yv\xc0\x17\xbbn\xdd\xb9W\xb2\x84\x0f\x82\xec?\xb0\x12\xbb\xfd\x98\x01\x9b \xa6\x83\xca\x95-}\xf5\xf2\xf9g\x9a\x86-\xc7l\xcf4\xe6k\\\x9d\xec8\x1d$\x10\xc29\xab\x97\xfc\x10\xdf\xacu\xfbR%K\xc0\xf6\x1fX\x11\x04\x00`e,\xcb\x8a\x03p\xf6\xec\xdc\xda\xa2\xcf\x94\xa6\xa3\x7f8}\xe5\x81\x8b\xb7\x8b\x99\xb7\xc3\t\xa2\x94"\x95\x92Kz\x92\xbe\xfd\xf4\x93y\xb3g"\xd8\xfb\x03\xab\x82\x14\x10\x90\x04\xf1[\x02,\xcb\x1e\xf9\xed\xe4\xc8!\x11\x11M\xdc\'\x0ejiH\xd7#J1\xb6\x9f%\x92\x17\x88\xc6\xcbe\xc4\xdc]O\x9c\xea\xed\xdb\xb5C\x10\x04\x96e\xad\xfdP@\xbe \x00\x00\t\x11K\x02\xa9i\xe9\x1fw\xea\xf6\x01\xf7h\xfb\x8cn\xbc\x99\xe4\xe6\x99\xec\xa3$@)\xe28\x9c\x96m\xac9x\xfb\x99\x84\xcb~\xd5}\xa1\xff\x07X\x17\xbc\xf9\x80\x84\x88%\x01\x1fo\xaf\xf3\xf1\'\xd9\xaa\xed\x1a\x0c\xdd\x9a\xaa\xcd\xb1\x9b9\xd2\x02!J\x17\xc7\xf9[N6i\xd3\xb9\x86_u\x98\xfc\x0c\xac\x0eN\x00@r(\xa5\x94\x12\x8c\xd9%+\xd7\xae_2s\xd9\xe0\xfa\xedBk\xe6d\xe81c\xc3\ts\xd8\xfe\x03\t\x82\x00\x00$JL\x07\xc5\x9f\xbb0("\xa2Wmf\xfa\x88v\xb9\xda\x1c"\x10\xdb*\tP\x84\x10\xa5\x84"3/\xb8\x97t\x1f1\xf7\xa7\'\x8e\x90\xfd\x07R\x01\x01\x00H\x97\x18\x032\xb5\xdaOz\xf7S\xa5&amp;\xec\x9a\xff\tK\x91!7_\xe2%\x01J\x11\xa5\x94P\xca0\x8c\x82\xc3*\x85\x02)9\xe4\xc0%?x\xee;h\xdb\xd9\x8bW\xfd\xaaW\x83\xed?\x90\x02\x08\x00@\xd2,;\xe5Qc\'\x1d\xfdq\xcd\x81\xe8\xae\x95\xcby\xeb\xb5\x06\x8e\x93\xd6\xea)^tF)\xc5\x98Qr\x9c\xc2A\x81\x14,"$;C\xf709\xe3\xdc\xcd\xa4\xdb\xcf\xf4G\xaf&lt;k\xd8\xb2\xdb\xa6\x8d\xeba\xfb\x0f$\x02\x02\x00\x90:KI`S\xcc\xf6\x19\x93"\xd7\r\xab\xdf\xa1emC\xba\x0e1\x08[\xaf&amp;@)\xa2\x88\x12B\x11B\x1c\x8b\xd5*\x05R)\x10fP^~J\xba\xee\xf2\xdd\xe4\xeb\x0f\xd2.\xde\xcfL1(4\xde\xe5\xcbT\xf6\r\n\n\x0e\xa8S\xb3NM?\xc40\xb0\xf7\x07\x12\x01\x01\x00\xd8\x06\xcb\xd5\x92\x83"\x06v\xf2C\xf3\x86\xb51\x19\x8b{\x8e4\xa5\xe2N\x9f2\x0c\xa3R\xb0\n\xa5\x02\xa98D\xa9Io\xbc\xf5\xf0\xf9\xf5\x07\xcf\xcf\'\xa6\xdeM3\xe9\x05\x07\xcf\xb2\x1fV\xf3\xf3\x0f\n\n\njX\xafLI\x9fb{B\x00\xde\n\x04\x00`3\xc4\x92\x80N\xaf\xffl\xc0\x10\xe1\xfe\xb1\x1dsz\xb88(t\xfa&lt;E\x91\xa5\x83,%\\J)\x8b\xb1J\xc9\xb1\x0e\n\xc4bd2\xa7\xa4e\xdd}\x92q\xf6\xe6\xd3\xc4$\xfd\xfdt\x9e\xd1\x94\xaaZ#\xc0\xd7\xaffp\xa3\xa0\x0f\xabVqw\xd5\xfc\xf9C(\x11\x04\xc2\x14PDO\x0b\xc0\xdb\x82\x00\x00l\x89%{\x1e5;\xfa\x87\xd5sw\xcf\xedR\xabZi}FN!\x96\x04^Q\xc2uP D\x891\xefAR\xc6\x95{)W\xee\xa7^\xf9?\x9dVpv\xf1*W\xdd?0(\xa8\x91\x7f\xad\x1a\xbeU+\x17\xfc!\x84\x08\x84P\x86a0\xc6\xb0\xe2\x03\xc9\x82\x00\x00l\x0c\xa5Tl\xa1\xd9\xb5\xf7\xc0\xc8\xc1\xfd\x97\x0f\n\xe8\xd9\xbe\xae!S\x8f\xd0\xbb\x97\x04,%\xdc\x17\xdb|%g)\xe1&gt;H\xcaH\xb8\x95t.1-\xc5\x80\xf5\xc8\xb9l\x95\x9a\xd5|\xfdBBB\xea\x05\xd6.\xb8\xcdG\x08\xf1&lt;\x8f\x10\x12W|X\xf4\x81M\x80\x00\x00l\xd2\xdf\xaf\x96\x1c\xd9\xd6\x9ck\xca{\xe39\xd2\x96\x12.\xc30,\xc6j\x15\'\x96p\xa91\xefq\x8a\xf6\xe6\xc3\xe7\xf1\xb7\x9e\xddI\xd6\'\xe99\xcf2U*W\xaf\xed_; \xa8a\xfd\xca\x15\xcb;(\x15\x96\x1fB\x08\x11gy2P\xd7\x05\xb6\t\x02\x00\xb0Ub\x0c\xc8\xd1\xeb\xfb\x0e\x1a\xa6O\xfcm\xfb\xb4\x8e&gt;\x9e\xce\xba,\x83\x82{u\x87%}\x99\xcd\xffK\tW \xf99\xc6\xdb\x8fR\xaf?x~\xe1n\xda\x8d\xa4\\\xb3\xca\xd3\xcd\xa7\\@\xbd\xa0\xc0\xc0\xc0z\x81u\xca\x94\xfaK\tW\x10\x04\xf1\'@n\x07\xd8\x01\x08\x00\xc0\x86Y\xc6\xe9D/^\xb1e\xf9\x8c\xcd\x13Z5\xaeWE\x97\xaa\x13\xcb\xc2\xf4E\xbe\x08QJ9\x96U)9\xac\xe2\x10\x87Q\xbeX\xc2M\x8f\xbf\x99t\xf9~f\xa6I\xc5\xab&lt;_\x94p\x1b7\xaa]\xb3\xba\x83Ji\xf9#\xa0\x84\x0b\xec\x18\x04\x00`\xdb,s\xa4\x7f9v"\xe2\xb3^Q\xdd\xab\x0e\xe9\x15lH\xcf\xa1\x84*\x14X\xa5R"%\x87\x18\x94\x9fm\xf8\xbfg\x19\x97\x12\x9f]\xbc\x9b\x9a\x98b\xd0\n\xce.\xde\xe5|k\x066i\xd2\xa4n`\x9d\neK\x15\xfc\x99P\xc2\x052\x01\x01\x00\xd8\x03\x9e\x178\x8e-x\xb5$b\x98,\xad\xfe\xc6\xfd\x94\x1b\x0fS\x13\xee\xa4=\xc8 J\xf72\x1e\xa5*\xd5o\xd8\xc8\xbfV-(\xe1\x02\x80 \x00\x00\xbb!v\x88\n\x82\xd0\xfd\xd3\x01\x86\xc4#N.Ni9\xac\xa3Wy?\xff\xc0Z\xfeu\x1a7j\xf8\x8fN\xcd\x17%\\\xd8\xe6\x03\xd9\x82\x00\x00\xec\x87\xa5$\xb0k\xef\x01G\'\xe7\xc0:\xb5Jx{\x16\xfc\x17\xa0\x84\x0b@A\x10\x00\x80]\x11\xdf\xcf\x96\xc5\x9d\x12"@\xa7&amp;\x00\xaf\x01\x01\x00\xd8!A\x10\xd0\xcb\x84\xbe\xb5\x9f\x05\x00\xe9\x82\x00\x00\x00\x002\x05\x87b\x00\x00\x90)\x08\x00\x00\x00 S\x10\x00\x00\x00@\xa6 \x00\x00\x00\x80LA\x00\x00\x00\x00\x99\x82\x00\x00\x00\x002\x05\x01\x00\x00\x00d\n\x02\x00\x00\x00\xc8\x14\x04\x00\x00\x00\x90)\x08\x00\x00\x00 S\x10\x00\x00\x00@\xa6 \x00\x00\x00\x80LA\x00\x00\x00\x00\x99\x82\x00\x00\x00\x002\x05\x01\x00\x00\x00d\x8a\xb3\xf6\x03\x80\xf7B)%\x84\xda\xe2\xad\'p?WA\x94RB\x08\xcb\xb2\xd6~\x10 /p!\x0c\xb0\x0e\xf1n^k?\x85\xb4PJ)\xa5\x10\x1aA\xb1\x81\x00`\xab\x08!\x0c\xc3&lt;x\xf8\xf0\xf3A\x03\xcd\xa6|D\x11E6\xf0R\xb2\x98\x15\x04\xbee\xeb\xb0\x193gZ\xeep\x973\xf1\x97p\xf1\xe2\xc5\x1b7n\xf4\xef\xdf\x1f!$\x08\x02\\f\t\x8a\x07\x04\x00[%\x08\x02\xcb\xb2\xbd\xbaw\xf9\xed\xb6\xaeQ\xe7A\x86\xec\x0c\x8c\xa5\x9f@\xa0\x0cf\x05\xb3\xe9\xf8\xba\x897\xae^\xf4\xad\xee\x07\x1b^\xf1u\xfc\xf5\xd7_\xdb\xb4i\x13\xdc\xbc\xf9\x82\xb9sC\x1a7F\x10\x06@\xb1\x80\x1a\x80M\x12W\x8d\xe3\xc7\x8e\xee\xf9\xe5\xf4\xf0\x8d\xe7\x1c]\xbc\x08oF\xb6\xb0XP"8\xbazf={8lp\xc4\x89\xb8s\x84\x10k?\x91$\x98\x10\npwok0tk\xdb6\xb4S\xa7\xa5\x0b\x17\x96)]\x1a\xbd|\xa1\xad\xfdt\xc0nA\x00\xb0U\x84\xd0I\x13\xc7\x05v\x1a\xee\xe8\xea\xadKK\xc2\xac\x02\xd9B\n\x08Q\x94k\xd0\x85\xf6\x1e\xb3n\xc8\xeeC\x07\xf6\xb5\xeb\xd0\x11\xd68\xf4\xb2\x08&lt;54\xb4S\xf5\xeasN\x9ch\x10\x18\xf8\xc5\xc4\x89\xe3\xbf\xf8\x82S(\xc4\x18)\xf3s\x12("\xf0\xae\xb2=\xe2\x8a\xf9\xed\xc6o\xae?54\xeb1"\'3\x95U\xa8\x18\x8c\x19\xcc\xda\xc0\xff\xb1,"D\xa1T7\xeb?m\xc4\xf0af\x93\x99a \x0f\x89\x10B\x14\xa1T\x83\xc1\xdd\xc1aS\x97.1!!\xbb\xe7\xcd\xab\xee\xef\xbf\xf7\xc0\x01\x8c1\xc6X\x10\x04\xf8-\x81B\x07\x01\xc0\xc6\x88\xab@vv\xf6\xec\xd9\xb3[\x0c\x9c\x86\x18l\x1b\x1b\xff\x02\x18\x963\xe82k\x87v\xceQ\x97\x9f7{:\xc6\x18\x12A"\x0ec\x93 \xa4\xe5\xe4\xd4.Y\xf2\xd7&gt;}Fx{\x8f\xe9\xd5\xabI\xcb\x96W\xaf_gY\x96a\x18\x9e\xe7!\x0c\x80B\x04\x01\xc0\xc6\x88\xdb\xff\x05sg\x19]\xaa\xd4i\xde\xd5\xa8\xcbdl\xa0\xf6\xfbw\x0cbx\xb3\xb9\xcd\xe73\x97\x7f\xbd:\xe5\xd93\x86a \x06\x88\x18\x86a16\x98LZ\xa3\xb1\x7f@\xc0\xa9&gt;}j\xa7\xa4\xb4\r\t\x190thZZ\x1a\xc7q\x0c\xc3\x08\x82`\xed\xc7\x04v\x02\x02\x80-\x11[\x06\xef\xde\xbd\xb3f\xc3\xb7\xed\x86\xce\xca5\xe8\x19\xdbL\r3\x18\xe7\x19t\x15k\x06y\x07\xb4\x1f;j8\xc6\x186\xb6\x05a\x86\xc1\x0c\x93i4RJ\x17\xb6n}\xa8s\xe7\xe7\xfb\xf7\xd7\xf4\xf7_\xb5~=\x15\x04\x96e\t!\x102\xc1\xfb\xb3\xc9\xe5C\xb6\xc4\xa6\xc9i_\x8e\xf3\tl_\xc1\xaf\x81\xc9\xa8g\x18[}\x051f\x8d\xfa\xacV\xfd\'\xed9|\xe2B\xc2yH\x04\xfd\x13\x8b1\xa54E\xaf/\xe1\xe4\xf4c\xcf\x9e\xcb\x03\x037N\x9c\xe8\xdf\xa0\xc1\xc1\xc3\x87\xc5\xc2\x00d\x84\xc0{\xb2\xd5\xe5C\x86,\xad\x9f\xb1G\xcf\x85EL\xd5g\xa6a\xd6\x96\x9b\xb8\x18\x867\xe5\xb9\x97\xaa\xe0\xdfq\xf8\xa8\x11C\xa1\x14\xfc:\x1c\xc6&amp;\x9e\x7f\xae\xd7\xb7\xa9R\xe5H\xdf\xbe\xbdU\xaa!]\xbb\xb6\xef\xda\xf5vb"d\x84\xc0{\x82\x00`K\xc4\xd6\xcf\x80N\xc3\\\xbcJ\x0b\xbc\xc9&amp;\x1a\xff\xff\x05f\xb9\x1cmZh\xcf/\xfeH\xc9\xdb\xb1m\x0b\xcb\xb2\xb0\x96\xbd\x12\xc30\x1c\xc6Yyy9yy#\x1b6&lt;\xfe\xd9g\xe5o\xdfn\xd5\xa4\xc9\x84\xa9Su\xd9\xd9bF\x08~u\xe0\x1d@\x00\xb0\r\x7fk\xfd\xd4g\xa6\xda\xf6\xf6\xdf\x82R\x06\xb3MzO\x9c\xf8\xe5\xa4\xec\xecl\xf4\xb2\xcd\t\xfc\x13\xcb0\x98a\x9e\xe7\xe48`\xbc\xa4m\xdb\x1d-Z\\X\xbf\xbev\xbdzk7l\xc0\x18\x8b\xe1\x13~{\xe0\xad@\x00\xb0\x01v\xd0\xfa\xf9:\x0cf\x8d\xba\xcc\x80\x16\xdd\xf2\\?X0w\x16\x1c\x02\xfe\x13\x87\xb1@i\xb2^_\xd5\xc3cO\xef\xdes\xaaTY&gt;fLP\xb3f\xbf\x1c9\x02\xad\xa2\xe0mA\x00\xb0\x01\xf6\xd1\xfa\xf9:\x0c\xc6\xb99\xfavCg\xad\xd9\xf0\xed\xdd\xbbw\xa0\x1a\xfc\x9f\x18\x84\x14\x18\x1b\xcdf\xad\xd1\xd8\xa1Z\xb5\xe3\xfd\xfa\xb5\xcf\xcd\xed\xfd\xf1\xc7=\xfa\xf4IJN\x86\xc2\x00xs\x10\x00\xa4\xcenZ?_\x87a\xb0\xc9\xa8\xaf\xe0\xd7\xc0\'\xb0\xfd\xb4/\xc7CK\xe8\x1b\xc2\x0c\xc32Lfn\xae\x99\xe7#\x83\x83O\xf5\xeeMO\x9fn\x10\x188y\xc6\x0c\xb3\xd9\x0c\xad\xa2\xe0M\xd8\xd5Rb\x97\xec\xa9\xf5\xf3u0\xcb\xe93\xd3\xc2\x06M\xdb{$\xee\xb7\xa3G \x11\xf4\xe6X\x86A\x08\xa5\xe6\xe4\xb8*\x95\x9b\xbbt\x89\t\t9\xbare\xcd\xda\xb5\xb7l\xdf\x0e3$\xc0\x7f\xb2\xb7\xa5\xc4\xce\xd8[\xeb\xe7\xeb0\x8c\xc0\x9b4\x1e%\x1b\xf4\x187m\xead\xd8\xb7\xbe-\x0ec\xb3e\x86D\xbf~\x13K\x97\x9e\xf1\xf9\xe7M\x0b\xcc\x90\x800\x00^\t\x02\x80\xd4\xd9Y\xeb\xe7\xeb`\x96\xd3kS\x9b\x84\x0f\xb9\xfaX\xb7i\xfdZ8\x04\xbc-\xcb\x0c\x89,\xa3\xb1\xab\x9f_\\\xbf~\xc1\x99\x99mCB\x06\x0e\x1d\x9a\x9a\x9aj\t\x03\xd6~L -\x10\x00\xa4\xcbn[?_\x83A\x0co2\x87\r\x9f?u\xda\x8c\x8c\x8c\x0c\xf8j\xd8;\x10gHh\xf3\xf2xA\x98\xd2\xac\xd9\xc1N\x9d\xd2\x0e\x1e\xac\xe3\xef\xbf`\xe9R\x1e\n\x03\xe0\x1f \x00H\x94\x1d\xb7~\xbe\x0e\x83q\x9e!\xbbzP\x1b\\\xaa\xd6\x82\xb93\xa1\x1d\xe8\x9dY\n\x03%\x9d\x9d\x7f\xe8\xde}m\xc3\x86?\xcd\x9d\xebW\xbbv\xec\xc1\x830C\x02\x14\x04\x01@\xa2\xec\xbb\xf5\xf3u0f\x8d:m\xc7Q\x0bW~\x13\x93x\xfb\x16\xc4\x80\xf7!\xce\x90H\xd1\xeb\x1b\x97+w\xb4O\x9f\x11\xde\xde#\xbbwo\xdf\xad\xdb\xf5\x1b7\xc4VQ\x9e\xe7\xad\xfd\x8c\xc0\xca \x00H\x91\xdd\xb7~\xbe\x16\xc3\x98\xf3s}*\xf8~\xd0\xac\xc7\xc4q\x91\x90\x05zO\xe2\x0c\x89\x1c\x93)37w@@\xc0\xb1\xde\xbd\xcb\xdf\xba\xd5\xbcQ\xa3\xc8/\xbfLOK\xe38\x8eR\n\x85\x019\x93\xc7\xb2bk\xe4\xd0\xfa\xf9:\xe2\x80\xa0\xb6\x83\xa2\x0e\x9e\xbc\xf4\xdb\x91_\xa1\x1a\xfc\xfe\xc4o\x0c\xa4\x19\x0cj\x96]\x12\x16\xb6\xf7\xe3\x8f\x13\xbf\xfb\xae\x86\xbf\xff\xaa\xf5\xeb\x19\x86\x11\x7f\xc3p\xd2\x92\'\xb9,+6D.\xad\x9f\xafG\x89\xa0tpn1xvd\xe4h\x9e\x17\x18\x18\x10T\x18\xc4\x19\x12\xcft\xba\x0f\xdc\xdd\xff\xd7\xab\xd7\xf2\x80\x80\x8d\x13\'ZfH@a@\x9e \x00H\x11!t\xb2\x0cZ?_\x87\xc1\xacQ\xa7\rl\xd5\xe3\x91\x0e\xafZ\xb1\x04\xb3,\xecO\x0b\x05\x83\x10\x87q\xae\xd9\xfc\\\xafo\xf3\xc1\x07G\xfb\xf6\x15gHt\xff\xec\xb3\xc4;w`\x86\x84\x0cA\x00\x90\x16\x9e\xe7Y\x96\xfdv\xe3\xbakOs\xe4\xd0\xfa\xf9/x\xb3\xf9\xe3\xd1\x8b\xa7\xcf\x9c\xad\xcd\xcc\xc4P\x0c(&lt;\xf8\xe5pi}^\x9e8CB\x93\x90\x10\xd2\xa8Q\xc1\xe1\xd2\x10qe\x02\x02\x80\x84\x88\xa9\xff\xec\xec\xac\xb9\xf3\x17\xb6\x1d\x1eM\x11\xb2\xfb\xd6\xcf\xd7a0\xce7\xe8*\xd6\x0c\xf2\xa8\xd1|\xd2\x84\xb1\x0c\xb4\x03\x156q\xb8\xb48Cbe\x87\x0e?\xb6lya\xc3\x86\xda\xf5\xea\xc1\x0c\tY\x81\x00 !b\xf3\xcf\xdc\x99QF\xe7\x8a5\x1a\x87\xe5\xea\xb3\xe4\xd0\xfa\xf9:\x18\xb3y\x06}\xd8\xd09\x9b\xb7\xffx\xfb\x8f?\xa0%\xb4(p\x18\x9b\ty\xae\xd7\xd7\xf0\xf6\x8e\xed\xdd;\xaab\xc5\x99C\x86\x047o\x1ew\xf6,\xcc\x90\x90\x03\x08\x00R!\xae\xfe\x89\xb7o\xad\xfc&amp;\xa6\xd3\xe8EF\x9d\x16\xcbx\xf5G\xe8EK\xa8{\x89\n\xfe\x1d\x86\x0e\x1d&lt;\x10ZB\x8b\x88X\x180\x98L\x19\x06C\xe7\xea\xd5\xcf\xf4\xed\xdbD\xab\ro\xd3\xa6g\x9f&gt;I\xc9\xc90C\xc2\xbeA\x00\x90\nJ)\xc30\x13\xc7\x8d\xf9\xa0Y\x0f\x9f\n\xd5\xcc\xf9\xb9r\xab\xfd\xfe\x13f9\xa3.\xb3y\xef1\x17\xef\xa6\x1c:\xb0\x0fZB\x8b\x8e\xd8*\x9a\x95\x97\'\x08\xc2\x94\xe6\xcd\x8fv\xeb&amp;\x0e\x97\x86\x19\x12\xf6\r\x02\x80$\x88\xad\x9f\xc7\x8e\xfcr\xf0DB\xdbAQ9Z\xd9\xb5~\xbe\x0e\x15x\x85R\xdd\xac\xff\xb4\x11\xc3\x87\x99Mf8\x07\x14)\x96a(Bi99\xee\x0e\x0e\x9b\xbat\x89\t\t\xd9=o^u\x7f\xff\xbd\x07\x0e@a\xc0.A\x00\xb0&gt;J)\x83\x90\xc9d\x1a\x1b\x19\x19\xf2\xd9\x97J\xb5\x86\x08\xf0\x1d\xfd\x17\x18\x963\xe82k\x87v\xceQ\x97\x9f7{:T\x02\x8a\x01\x87\xb1\xc92\\\xbaO\x9f\x11\xde\xdecz\xf5jR`\xb84|c\xc0n@\x00\xb0&gt;B\x08f\xd9-\x9b7\xdcM77\xee&lt;\xd8\x98\x9d\x01\xdb\xff\x82\x18\xc4\xf0fs\x9b\xcfg.\xffzu\xca\xb3g\x0c\xc3@\x0c(j\x96\xe1\xd2Z\xa3\xb1\x7f@\xc0\xa9&gt;}j\xa7\xa4\xb4\r\t\x190thZZ\x1a|c\xc0n@\x00\xb021\xf5\x9f\x91\x911u\xda\x8c\xf6#\x17\xf0\xa6|\x84\xe4\x9e\xfa\xff\x1b\x06\xe3&lt;\x83\xaeb\xcd \xef\x80\xf6cG\r\x87;#\x8b\x8d8\\:\xd3h\xa4\x94.l\xdd\xfaP\xe7\xce\xcf\xf7\xef\xaf\xe9\xef\xbfj\xfdz*\x08P\x18\xb0\x03\x10\x00\xacLl\xfeY0w&amp;.U\xcb7\xa8M\x9eA\'\x97\xb9oo\x03c\xd6\xa8\xcfj\xd5\x7f\xd2\x9e\xc3\'.$\x9c\x87DPqb1\xa6\x94\xa6\xe8\xf5%\x9c\x9c~\xec\xd9sy`\xe0\xc6\x89\x13\xfd\x1b48x\xf80\x0c\x97\xb6u\xb0\xd6XS\xc1\xd6\xcf\x8e\xa3\x16B\xeb\xe7k1\x0co\xcas/U\xc1\xbf\xe3\xf0Q#\x86B)\xb8\xf8\x89\xc3\xa5\x9f\xeb\xf5m\xaaT9\xd2\xb7oo\x95jH\xd7\xae\xed\xbbv\xbd\x9d\x98\x08\x19!\xdb\x05\x01\xc0\x9a\xfe\xda\xfa\xe9\x0b\xad\x9f\xffB\x9c\x12\x1a\xda\xf3\x8b?R\xf2vl\xdb\x02-\xa1\xc5\x8fy9C"\'/od\xc3\x86\xc7?\xfb\xac\xfc\xed\xdb\xad\x9a4)8C\x02^\x14\xdb\x02\x01\xc0j\xa0\xf5\xf3\xadQ\xca`\xb6I\xef\x89\x13\xbf\x9c\x94\x9d\x9d\x8d`J\xa85\x883$\x9e\xe7\xe48`\xbc\xa4m\xdb\x1d-Z\\X\xbf\xbev\xbdzk7l\xc0\x18\x8b\x81\x19^\x17[\x01\x01\xc0:\xa0\xf5\xf3\x1d0\x985\xea2\x03Zt\xcbs\xfd`\xc1\xdcYp\x08\xb0"q\xb8t\xb2^_\xd5\xc3cO\xef\xdes\xaaTY&gt;f\x8ce\xb84\xb4\x8a\xda\n\x08\x00\xd6\x01\xad\x9f\xef\x86\xc187G\xdfn\xe8\xac5\x1b\xbe\xbd{\xf7\x0eT\x83\xad\x88AH\x81\xb1\xd1l\xd6\x1a\x8d\x1d\xaaU;\xde\xaf\x9f8\\\xbaG\x9f&gt;I\xc9\xc9P\x18\xb0\t\x10\x00\xac\x00Z?\xdf\x19\xc3`\x93Q_\xc1\xaf\x81O`\xfbi_\x8e\x87\x96P\xab\x13gHd\xe6\xe6\x9ay^\x1c.-\xce\x90\x98&lt;c\x86\x19fHH\x1e\x04\x00+\x80\xd6\xcf\xf7\x81YN\x9f\x99\x166h\xda\xde#q\xbf\x1d=\x02\x89 )`\x19\x06!$\x0e\x97\xde\xdc\xa5KLH\xc8\xd1\x95+k\xd6\xae\r\xc3\xa5%\x0e\xd6\x9d\xe2\x06\xad\x9f\xef\x8ba\x04\xde\xa4\xf1(\xd9\xa0\xc7\xb8iS\'\xc3\xeeR:8\x8c\xcd\x96\x19\x12\xfd\xfaM,]z\xc6\xe7\x9f7-0C\x02\xc2\x80\xd4@\x00(n\xd0\xfa\xf9\xfe0\xcb\xe9\xb5\xa9M\xc2\x87\\}\xac\xdb\xb4~-\x1c\x02\xa4\xc32C"\xcbh\xec\xea\xe7\x17\xd7\xaf_pff\xdb\x90\x90\x81C\x87\xa6\xa6\xa6\xc2pi\xa9\x81\x00P\xac\xa0\xf5\xb3\xb00\x88\xe1M\xe6\xb0\xe1\xf3\xa7N\x9b\x91\x91\x91\x01_\r\x93\x14q\x86\x846/\x8f\x17\x84)\xcd\x9a\x1d\xec\xd4)\xed\xe0\xc1:\xfe\xfe0\\Zj \x00\x14\x1fh\xfd,D\x0c\xc6y\x86\xec\xeaAmp\xa9Z\x0b\xe6\xce\x84v \t\xb2\x14\x06J:;\xff\xd0\xbd\xfb\xda\x86\r\x7f\x9a;\xd7\xafv\xed\xd8\x83\x07a\x86\x84D@\x00(&gt;\xd0\xfaY\xb80f\x8d:m\xc7Q\x0bW~\x13\x93x\xfb\x16\xc4\x00i\x12gH\xa4\xe8\xf5\x8d\xcb\x95;\xda\xa7\xcf\x08o\xef\x91\xdd\xbb\xb7\xef\xd6\xed\xfa\x8d\x1bb\xab(\xcf\xc36\xc8j \x00\x14\x13h\xfd,|\x0cc\xce\xcf\xf5\xa9\xe0\xfbA\xb3\x1e\x13\xc7EB\x16H\xb2\xc4\x19\x129&amp;Sfn\xee\x80\x80\x80c\xbd{\x97\xbfu\xaby\xa3F\x91_~\x99\x9e\x96\xc6q\x1c\xa5\x14\n\x03V\x01\x01\xa0\x98@\xebgQ\x10\x07\x04\xb5\x1d\x14u\xf0\xe4\xa5\xdf\x8e\xfc\n\xd5`)\x13\xbf1\x90f0\xa8YvIX\xd8\xde\x8f?N\xfc\xee\xbb\x1a\xfe\xfe\xab\xd6\xafg\x18F|\xed\xe0\x0cW\xcc`\r*\x0e\xd0\xfaYt(\x11\x94\x0e\xce-\x06\xcf\x8e\x8c\x1c\xcd\xf3\x02\x03\x03\x82\xa4M\x9c!\xf1L\xa7\xfb\xc0\xdd\xfd\x7f\xbdz-\x0f\x08\xd88q\xa2e\x86\x04\x14\x06\x8a\x19\x04\x80\xe2 \xe6\x7f&amp;\x8c\x19\x05\xad\x9f\x85\x8e\xc1\xacQ\xa7\rl\xd5\xe3a6\xf3\xf5\xb2E\x98ea\x17)q\x0cB\x1c\xc6\xb9f\xf3s\xbd\xbe\xcd\x07\x1f\x1c\xed\xdbW\x9c!\xd1\xfd\xb3\xcfn\xdd\xbe-\x16\x06\xac\xfd\x8cr\x01\x01\xa0\xc8\x89\xad\x9f\x07\xf7\xc5\x1e\xbd\x90\xd8f\xe0\xb4\x1cm:fa\xfb_\xc8x\x93\xa9\xe3\x98e\xf3\xbeZ\xf6\xf4\xc9c\x98\x0fa\x13\xf0\xcb\xe1\xd2\xfa\xbc\xbc1\xc1\xc1\'&gt;\xfd\xd4\xf1\xdc\xb9\x0e\x1f}4g\xf6\xec\'O\x9e\x10B\xe0E,\x06\x10\x00\x8a\x9c\xf8&gt;\xde\xbbg\x97K\xa9*\xce\xee\xde\x847A\xf9\xb7p1\x18\x9b\xf3\x8ce\xaa\xd4\xd0\x1aLg\xe3\xe3\xe1\xd2`\x1b\xc22\x0c\xc30I:])g\xe7-\x9f|\xd2\xc5\xc7g\xfa\x8c\x19\xdf\xac[\x07_\x14(\x1e\x10\x00\x8a\x1c\xc6\x18!4f\xc2\xa4\xd4\x1b\'\xee^8\xaarv\xa3\x04\n\x95\x85\x89\x08\xbc\xa3\xab\xe7\xa9\x9d+\xcb{\xaa;t\xecL)\xc5P`\xb7\x11&lt;!,\xc3\x94ws\xbb\xf6\xecY\xcb\x8d\x1b\xcf99\xfd\xf6\xdbos\xe6\xceeY\x96\x85\x83r\xd1\x83\xcfI\x91\x13\'a\xf9\xf9\xf9\x8d\x1f3:v\xf98\x96e\xe0\x04P\x98(\xe5\x94\x0e\xdag\x0f\xcf\xff\xb0h\xdd\xfaMj\xb5\x03!\x04\x92\xc8\xd2\'PJ(-\xa9\xd1\x18\xcc\xe6\xd1\x07\x0e|\x9e\x90\xd0~\xc6\x8c\xe3\'O6o\xde\x9ca\x18x\x05\x8b\x07\x04\x80\xe2 ~G)j\xd6\\O\xac?\xbbg\xbd\x93\xbb7|\x07\xb8\xb0\x10"8\xba\xb8\xef\xffzb\xc7vm\xda\x84\x85\x89\x15\x17k?\x14\xf87\x94R\x9e\x10\x0f\xb5\xdaI\xa9\\r\xfa\xf4\xc7\xb1\xb1\xea\xce\x9dO\'$\x8c\x19:T\xc1q\xd0\xc8[\x9c\xe0\x9b\xa8\xc5\x81a\x18\x81\x10\x8d\xc6y\xce\xdc\xf9\x03F\x8c\x0bh\xd5\x93\xe5\x94\x94\x08\xd0\x0b\xf4\x9e(!*G\x97\xfb\x97\x8f\']9v\xfc\xc7;b\xb7\x95\xb5\x1f\n\xfc\x1b\x9e\x10G\x85B\xa3R\xed\xbays\xf5\x95+^!!?n\xda\x14\xe0\xef\x8f\x10\xe2y\x1e2?\xc5\x0cN\x00\xc5\x84cYA\x10\xfa\x0e\x8chX\xa3\xe2\x91o\xa3\x9d\xdc\xbd\xe0\x10\xf0\xfe(\xa5J\x95j\xdf\xf2\xf1\x13\xc6\x8e\xaeZ\xb5\xaa\xf8}\x0bk?\x14x5\x81\x10\x86aJj4O\xb3\xb3\xc3\x7f\xfcqEV\xd6\x94\x98\x98C\xbbw\x07\xf8\xfb\x8b\xbd\xff\xd0\x00Z\xfc\xe0\xd3R\xac0\xc3,\\\xb2\xe2\x8f#\xdbR\xee^U:j(\xf49\xbc\x07"\xf0Nn^\t\x07c\x94\x86\xe4\xc9\xd3f\xc0\xea/Y\x84RB\xa9\xa7\x93\x13\xa1t\xdc\xe1\xc3}\xcf\x9c\t\x1e3\xe6B||\xe7v\xed\xc4n\x1fX\xfa\xad\x05&gt;0\xc5G\xfc\xb2{\xb3\xd0\xd0O\xc2;\xee_9A\xa9r\xa0\x08:\x9d\xdf\x15\xa5,\xa7\xc8\xd5\xa5\x1f\xdd0s\xc9\xb2\xe5\xee\xee\xee\x90\xff\x91 1\xdd\xafQ\xa9\\\x1d\x1c6$$\xb4\xdd\xb3\'\xafi\xd3c\xe7\xcfG\x8d\x1f\xcfr\x9c \x08\xe2XPk?\xa6|A\r\xa0X\x89-\xea\xcb\xbe^[\xb9|\xe9\x9bq\x07\xaa7j\x97\xab\xd32\x90\xf4|{D\xe0]&lt;\xcb\xecY&lt;\xaaa\xcdJ\x03"\x06C\xedW\x82xB\xd4\n\x85\xab\x83\xc3\xcf\x89\x89K.^T\xf9\xfbo;r\xa4^\xed\xda\x08!q\xe9\x87\x97\xcc\xea \x00\x14+\xb1%\xb4D\t\x9f/\'O\x99\xbfrJ\xb5\xfa-a\xf5\x7f\x07\x94\x10\xa5\xa3&amp;\xe5\xee\xd5?\x8el;\xf1\xdb\x11\xd8\xf7K\x8d@)\x87qI\x8d\xe6fJ\xca\xe0S\xa7\x1e\xbb\xb9\xcd\xd8\xb0!\xbccG\x04K\xbf\xc4\xc0\xe1\xab\xb8\x89-\xa1\x93\xa7N/\xa9\xe6O\xfd\xb0\xc2Q\xe3\x0e\xd5\xe0\xb7E\x11U\xaa\x1c\xf6\xaf\x9c\xf0Ix\xc7f\xa1\xa1\xb0\xfd\x97\x0e1\xdd\xef\xe1\xe8H)\x1dw\xf8p\xbf\xb8\xb8\xa0\xc8\xc8K\x97/\x87w\xec(\xa6\xfb\xc5[!\xad\xfd\x98\xe0\x058\x01\x1471\x0b\xa4Pp\xdfl\x8ai\x1b\xd6\xae^\xfb&gt;J\xb5\x0b\xe1\xcd\xd0\x12\xfa\x86\xa8 8\xbax\xdc\x8c;\x90\xf3\xf0\xc2\xb2\x93\xc9\xf0\xb5/\x89\xa0\x94\x12J5\x0e\x0e,\xc3\xec\xbcre\xc9\x8d\x1b\x8d\xc3\xc3\x8f\xcd\x9cY\xbadI\xf4r"\x96\xb5\x9f\x11\xfc\x1d\x9c\x00\xac@\xac\x06\xb7i\x1b\x16\x1a\xd2\xe8\xe7\xb5Q\x0e\xce.\x04\x86C\xbc1\x86e\x05s\xee\xaf\xeb\xa6~9yJ\x89\x12&gt;0\xf8A\nxB\x94\x1c\xe7\xed\xec|\xe1\xf1\xe3\xf6;w~\xcf\xb2\x1bbcc\xd6\xad+]\xb2\xa4 \x08\x94RX\xfd\xa5\tN\x00\xd6!^_\xb5n\xe3\xb7\xbe\xbe\xbeI\xb7/zW\xa8a\xce3\xc0\x151\xff\x89\x08\xbc\xb3\xbb\xcf\xe9\x9d+\xbc\x95\xf9\x93\xa7N\x87\xd6O\xab\x13\xd3\xfd&gt;\xce\xce\xf7\xd3\xd3G\x1d&lt;x[\xa3\x19\xb3xqD\x9f&gt;\x08\xd2\xfd\xb6\x00&gt;&lt;\xd6!V\x02\xaaU\xab6d\xd0\x80\xbdK\xc7(\x1dT\x08ZB\xff\x13\xa5\x9c\xd2A\x9f\x91|\xe6\xbb\xf9\x8b\x97}\xadPp\xd0\xfaiE/\xd2\xfdj5\x83\xd0\xacc\xc7&gt;9u\xaar\xdf\xbe\x97/_\x8e\xe8\xd3\x07\xd2\xfd\xb6\x02\x02\x80\xd5\x881`\xc1\xa2e8\xf3\xfe\xc5\x83[\xd4.\x1e\x14\xaa\xc1\xff\x8a\x10A\xed\xecrh\xcd\xd4f\x8d\x02{\xf4\xea\x05iek\xa1\x08\xf1\x848\xabT\xae\x0e\x0e?\\\xb9\xd2z\xd7\xae\xc7\xb5k\xff\x12\x17\xf7\xd5\x9c9J\xa5\x12\xba\xfbm\x08\xa4\x80\xacF\xac\x06\xbb\xb9\xb9.^\xb6|\xd0\xf0\xf1\xb5?\ngX\x0e!\n\xb3B_\x89\x12\xa2r\xd4&lt;\xb9}\xf1\xc1\xd9\xd8C\xb7o\xc3\xde\xdfZ^t\xf7;9\x9d~\xf8pV|\xbc\xaaf\xcd\xb5{\xf7\x86\x06\x07#\x18\xe6c\x83 J[\x93x\x08\xe8\xdb?\xa2F\x95\x12Gb\xa2\x9d\xdc\xbc\x08\x8cB|=N\xa9\xdc\xbfl\xec\x90A\x03\xaaU\xab\x06\xd9\xff\xe2\'P\x8a\x10*\xa9\xd1\xa4\x1b\x0c#\xf7\xed\x1b\xf5\xc7\x1f\x83\x16/&gt;q\xecXhp\xb0X\xe9\x85\x89\x0e6\x07&gt;B\xd6$\x96\x82\x15\nn\xd5\x9a\xf5W\xf7\xaf\xd3&amp;\xdf\xe7\x94j\x047\xe1\xfd\x03%\x82\x83\xc6\xed\xc6\xc9\xbd\xa6\x94[\x0b\x16-\xa5\x14V\xffbE(\x15(\xf5ttd1^x\xe2D\xd7_\x7fu\xef\xd1#\xe1\xfcyH\xf7\xdb:\xf8\x14Y\x99\xd8\x12\x1a\xfa\xd1G\x1d\xc3Z\xef]&gt;\xdeQ\xe3\n-\xa1\xff@\x19\xcc\n\xa6\xdc\x03+\xc6\xcd_\xf0\x95\x9b\x9b\x1b!\x90\xff)&amp;\x96t\xbf\xbb\xa3\xe3\xeek\xd7\xc2~\xfc\xf1f\xf5\xea\xfb\x8e\x1f_:\x7f\xbe\x9b\x9b\x1b\xa4\xfbm\x1d\xbcr\xd6\'\x9e\x03\x96\xafZ\x97\x95\x18w+\xee\x80Z\xe3\x0ewF\x16D\x04\xc1\xc9\xcd\xebhLt\x8d\n\xde#GEB\xf2\xa7\xd8\xf0\x84(Y\xb6\x84F\xf3{RR\x97\x1d;6S\x1a\xfd\xfd\xf7\xbb\xb6o\xf7\xf3\xf5\x15\x078C\xba\xdf\xd6A\x11\xd8\xfa0\xc6&lt;\xcfW\xaa\\il\xe4\xe8%\xeb\xa6G6h\x05u\xe0?Q\xca)\x1d2\x93\xee_\xdd\xbf\xee\xf8\xb1c,\x8b\xc5]\xa7\xb5\x1f\xcb\xce\t\x94b\x86)\xa1\xd1&lt;\xc8\xc8\x98\xfa\xeb\xafgYv\xf8\xec\xd9\xa3\x86\x0cA\x08\xf1\x82\x80\x19\x86\xe3`\xe9\xb0\x07\xf0A\x92\x041\x114q\xca4/V\x1f\xbf\xe7\x1b\xb83\xd2\xa2\xc0\x8d\x8f\xadC?\xfa\x08Z?\x8b\x1ayy_\xa3\xa3B\xb1\xe8\xd4\xa9\xae\xbf\xfe\xea\xd1\xa3\xc7\xb9\xf3\xe7G\r\x19B\t\x11\x04\x81cY\x08\xc0v\x03\xc2\xb8$\x88\x19m\x17\x17\x17\xf1\xce\xc8\xc0V\xbd\xe0\xceH\x84\x10%\x82\xca\xc9\x15n|,\x1e\x14!\x81\x10g\xa5\xd2I\xa5\xdau\xe3\xc6\xea+W&lt;CB\xf6m\xdb\xe6\xe7\xeb\x8b\x10\xe2y\x9e\xe38\x88\xbdv\x06"\xb9T\xb0/\xef\x8clP\xa3\xe2\xe1\x8d\xb3\x1c]\xdd\xa1\x1a\x8c\x10\xc3\xb2L\xec\xb2\xb1\x13\xc6F\xc2\x8d\x8fE\x8a\'\x84e\x98\xd2..\xb7\xd2\xd2\xba\xfd\xf0\xc3\xca\xac\xac)11?\xef\xdemI\xf7C\xce\xc7.\xc1\xc7IB\x18\x86\xc1\x0c\xb3v\xfd\xe6\xc4c\xdb\x93n_R\xc9\xfb\xceH"\xf0N\xee\xdeg\xf7\xac\xf7\xc4\xfa\xa8\x99s`\xf5/"\x02\xa5\x84\xd2\x92\x1a\x8d\xc1l\x1e}\xe0\xc0\xe0\xf3\xe7\xdbN\x9f\x9e\x00\xf75\xca\x03|\xa2$D\xbc.&amp;\xb0n\xddOz\x86\xff\xbc.J\xa1r\x90\xef\x80 JYN\x99\x9b\x95vj\xfb\xe29s\xe7k4\xce\x04\xf2?\x85\x8d\xbeL\xf7;)\x95KN\x9f\xfe86V\xdd\xb9\xf3\xe9\x84\x841C\x87\xc2}\x8d2\x01\xc7:i\x11\xe7C,]\xb1\xbaR\xb9R\xd7\x8e\xef\xaa\xd1\xa4S^N\x16\x83e\x97z%D\xd0\xb8{\xed^4\xb2A\x8d\x8a}\x07F\x88\xb5Gk?\x94]\xe1\tqT(4*\xd5\xae\x9b7W_\xb9\xe2\x15\x12\xf2\xe3\xa6M\x01\xfe\xfe\x08&amp;:\xc8\t\x04\x00i\xb1\xdc\x19\x19\xbdp\xd1\xd8\xa9_Vo\xd4V\x86\xab\xbf8\xf6\'\xe9\xf6\xa5\xc4c\xdb/^\xbc\x88\x19\x86\xc0\xde\xbf\xf0\x08\x84p,[R\xa3\xf9\xe3\xf9\xf3\xa8\x13\'R\xcb\x94\x99\x1e\x13\xd3\xb9];\xf4r\xe9\x87t\xbf|\xc0\xf9Nr\xc4\x01A#GE\x96\xf7T\x9d\xfe\xf1k\xb5\xfc\xee\x8c\xa4\x88*\x94\xaa\x9f\xd7M\xfb\xa4gx`\xdd\xba\xd0\xf8_X\xc4\x01\xce\x9eNN\x84\xd2q\x87\x0f\xf7=s&amp;x\xcc\x98\x0b\x90\xee\x971\x08\xf5\x92#f\x81X\x96]\xb7~s\xdbv\xed\xea\xb5\x93\xd7\x9d\x91T\x10\x1c]\xdco\xc6\x1d\xc8ypa\xe9\x89X\xb8\xf1\xb1PPJ\x05J]\x1d\x1c0\xc3lHH\xd8x\xef^P\xd7\xaep_#\x80\x8d\x95\x14\xbd\xb832,,4\xa4\xd1\xa1\xb5Q\x8e\x1a7\xf9\xb4\x842,Kx\xd3/k\xa7\xc0\x8d\x8f\x85E\xbc\</t>
        </is>
      </c>
    </row>
    <row r="446">
      <c r="A446" s="1" t="n">
        <v>444</v>
      </c>
      <c r="B446" t="inlineStr">
        <is>
          <t>color_overlap_squares</t>
        </is>
      </c>
      <c r="C446" t="inlineStr">
        <is>
          <t>What is the missing color of the part denoted with a question mark?</t>
        </is>
      </c>
      <c r="D446" t="inlineStr">
        <is>
          <t>['yellow', 'purple', 'orange', 'green']</t>
        </is>
      </c>
      <c r="E446" t="inlineStr">
        <is>
          <t>yellow</t>
        </is>
      </c>
      <c r="F446" t="inlineStr">
        <is>
          <t>There are 3 squares which overlap each other in the image. The color of the squares are ['blue', 'red', '?']. The part where the first and second squares overlap is purple. The part where the second and third squares overlap is orange.</t>
        </is>
      </c>
      <c r="G446" t="inlineStr">
        <is>
          <t>We observe that the blue and red squares overlap to form purple. Hence, the pattern is that the color of the part where two squares overlap is determined by mixing the two colors.</t>
        </is>
      </c>
      <c r="H446" t="inlineStr">
        <is>
          <t>Based on the pattern that the color of the part where two squares overlap is determined by mixing the two colors, the missing color of the part which overlaps with red to form orange should be yellow.</t>
        </is>
      </c>
      <c r="I446" t="inlineStr">
        <is>
          <t>b'\x89PNG\r\n\x1a\n\x00\x00\x00\rIHDR\x00\x00\x02\x00\x00\x00\x02\x00\x08\x02\x00\x00\x00{\x1aC\xad\x00\x00!KIDATx\x9c\xed\xddo\x90\\e\x81\xef\xf1\xe79\xe7tw\xe6\x0fI\x86\x18\xdc?\xc1\xf2\xa2\xeb\xde\xeb\x92\x85T\x12V)I\xf0\x02\x15\xa1ta\xafE\xf9"\xc2\xa5J\x93  l\x95%\x86\xc8\x1bJ%\xbb\xa5/ \xael\x08\x05\x1bb\xb6\x16\xdd\xb5\xb4\xdc-Xn\xad,\x99\xc2\x92\x98\x04\x8c\x02^)\x8aUd\x97\n\xc1L\x92\xf9\xdb\xdd\xe7\x9cg_&lt;0\x0c\x93\xc9\xa4\xa7\xfb9\xe7&lt;\x7f\xbe\x9f\xb2\xac\x18\xa39\xf4\x9c\xfe}\xa7\xbb\xcftK\xa5\x94\x00\x00\x84\'\xaa\xfa\x00\x00\x00\xd5 \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e0MY\x96)\xa5\xaa&gt;\n\x94G\xf2\xf5\x06 \x84PJI)g\xfe\x02\xde\xe3\x11\x00\x10:\xa5\x94\x1e\xfd\xbb\xef\xbe\xfb\xc8\x91#R\xca&lt;\xcf\xab&gt;(\x94\x81\x00\x00ASJ\xe5y.\xa5\xbc\xf1\xc6\x1b\xbf\xfc\xe5/_}\xf5\xd5###Q\x14\xd1\x80\x10\x10\x00 \\z\xfd\xe38\xde\xbcy\xf3\xfd\xf7\xdf\xdf\xdf\xdf\xbf\x7f\xff\xfe\r\x1b6\xd0\x80@\x10\x00 P3\xd7\xff\x81\x07\x1eh4\x1a\x13\x13\x13I\x92\x1c8p\x80\x06\x04\x82\x00\x00!:u\xfd\x9b\xcd\xe6G&gt;\xf2\x91,\xcbh@8\x08\x00\x10\x9cY\xeb\xdf\xd7\xd7\xd7l67n\xdc\xb8o\xdf\xbe{\xee\xb9\'M\xd3F\xa3A\x03B@\x00\x80\xb0\x9c\xba\xfe\x93\x93\x93\xd7_\x7f\xfd\xee\xdd\xbbGFFn\xbd\xf5\xd6{\xef\xbd\xb7\xd9l\xd2\x80\x10\x10\x00  \xa7[\xff\x07\x1f|pttT\x08q\xf4\xe8Q\x1a\x10\x0e\x02\x00\x84b\xfe\xf5\xcf\xf3&lt;\x8a\xa2$Ih@8\x08\x00\x10\x84N\xd6_\xffI\x1a\x10\x0e\x02\x00\xf8\xaf\xf3\xf5\xd7h@ \x08\x00\xe0\xb9\x85\xae\xbfF\x03B@\x00\x00\x9fu\xb7\xfe\x1a\r\xf0\x1e\x01\x00\xbc\xd5\xcb\xfak4\xc0o\x04\x00\xf0S\xef\xeb\xaf\xd1\x00\x8f\x11\x00\xc0C\xa6\xd6_\xa3\x01\xbe"\x00\x80o\xcc\xae\xbfF\x03\xbcD\x00\x00\xaf\x14\xb1\xfe\x1a\r\xf0\x0f\x01\x00\xfcQ\xdc\xfak4\xc03\x04\x00\xf0D\xd1\xeb\xaf\xd1\x00\x9f\x10\x00\xc0\x07\xe5\xac\xbfF\x03\xbcA\x00\x00\xe7\x95\xb9\xfe\x1a\r\xf0\x03\x01\x00\xdcV\xfe\xfak4\xc0\x03\x04\x00pXU\xeb\xaf\xd1\x00\xd7\x11\x00\xc0U\xd5\xae\xbfF\x03\x9cF\x00\x00\'\xd9\xb0\xfe\x1a\rp\x17\x01\x00\xdcc\xcf\xfak4\xc0Q\x04\x00p\x8cm\xeb\xaf\xd1\x00\x17\x11\x00\xc0%v\xae\xbfF\x03\x9cC\x00\x00g\xd8\xbc\xfe\x1a\rp\x0b\x01\x00\xdc`\xff\xfak4\xc0!V\x9c1\x00\xe6\xe7\xca\xfak4\xc0\x15\x16\x9d4\x00\xe6\xe4\xd6\xfak4\xc0\t\xd6\x9d7\x00frq\xfd5\x1a`?KO\x1d\x00\xc2\xe5\xf5\xd7h\x80\xe5\xac&gt;{\x80\x90\xb9\xbe\xfe\x1a\r\xb0\x99\x03\'\x10\x10 ?\xd6_\xa3\x01\xd6r\xe6\x1c\x02\xc2\xe1\xd3\xfak4\xc0N\x8e\x9dF\x80\xf7\xfc[\x7f\x8d\x06X\xc8\xc93\t\xf0\x95\xaf\xeb\xaf\xd1\x00\xdb8|2\x01\x9e\xf1{\xfd5\x1a`\x15\xe7\xcf\'\xc0\x0f!\xac\xbfF\x03\xec\xe1\xc9)\x058-\x9c\xf5\xd7h\x80%\xbc:\xab\x00\x17\x85\xb6\xfe\x1a\r\xb0\x81\x87\'\x16\xe0\x900\xd7_\xa3\x01\x95\xf3\xf6\xdc\x02\xec\x17\xf2\xfak4\xa0Z\x9e\x9f^\x80\xb5X\x7f\x8d\x06T(\x883\x0c\xb0\r\xeb?\x13\r\xa8J@\'\x19`\t\xd6\xffT4\xa0\x12\xc1\x9dg@\xb5X\xff\xd3\xa1\x01\xe5\x0b\xf4T\x03*\xc1\xfa\xcf\x8f\x06\x94,\xe8\xb3\r(\x13\xeb\xdf\t\x1aP&amp;N8\xa0\x0c\xac\x7f\xe7h@i8\xe7\x80\xc2\xb1\xfe\x0bE\x03\xca\xc1i\x07\x14\x8b\xf5\xef\x0e\r(\x01g\x1eP \xd6\xbf\x174\xa0h\x9c|@QX\xff\xde\xd1\x80Bq\xfe\x01\x85`\xfdM\xa1\x01\xc5\xe1\x14\x04\xccc\xfd\xcd\xa2\x01\x05\xe1,\x04\x0cc\xfd\x8b@\x03\x8a\xc0\x89\x08\x98\xc4\xfa\x17\x87\x06\x18\xc7\xb9\x08\x18\xc3\xfa\x17\x8d\x06\x98\xc5\xe9\x08\x98\xc1\xfa\x97\x83\x06\x18\xc4\x19\t\x18\xc0\xfa\x97\x89\x06\x98\xc2I\t\xf4\x8a\xf5/\x1f\r0\x82\xf3\x12\xe8\t\xeb_\x15\x1a\xd0;NM\xa0{\xac\x7f\xb5h@\x8f8;\x81.\xb1\xfe6\xa0\x01\xbd\xe0\x04\x05\xba\xc1\xfa\xdb\x83\x06t\x8ds\x14X0\xd6\xdf64\xa0;\x9c\xa6\xc0\xc2\xb0\xfev\xa2\x01]\x90J\xa9\xaa\x8f\x01p\x06\xebo\xc4\xac\xd9\x91R\x9a\xfa\x7fN\xd3t\xf9\xf2\xe5;v\xec\xb8\xed\xb6\xdb\x1a\x8dF\xb3\xd9\\\xbbv\xed\xe3\x8f?&gt;44\xc4W\xe7T\x04\x00\xe8\x14\xeb\xdf\x8b&lt;\xcf\xf3&lt;\x97R\xc6q\x1c\xc7q\x14ERJ}\x93fY\x96e\x99\x10B\xfff\x8f\x7f\x11\r\xe8\x1c\x01\x00:\xc2\xfawG)\x95eY\x92$\xfd\xfd\xfd\xf5z=\xcb\xb2\xb1\xb1\xb1\xd1\xd1\xd1\xc9\xc9\xc9V\xabU\xab\xd5\xfa\xfb\xfb\x97,Y288\x98\xe7\xf9\xe8\xe8h\x96eq\x1c\xf7\xf8\x97\xd2\x80\x0e\x11\x00\xe0\xccX\xff\xee\xe4y\xdeh4\x06\x06\x06N\x9c8q\xf8\xf0\xe1\xe1\xe1\xe1\x83\x07\x0f\xbe\xfc\xf2\xcbG\x8e\x1c\x99\x9c\x9c\xcc\xb2,\x8a\xa2\xfe\xfe\xfe\x15+V\\p\xc1\x05W]u\xd5\xe5\x97_&gt;88x\xe2\xc4\t\x1aP\x0e\x02\x00\x9c\x01\xeb\xdf\x9d&lt;\xcf\x07\x06\x06^y\xe5\x95G\x1ey\xe4{\xdf\xfb\xde\xcf\x7f\xfe\xf33\xfeO.\xb8\xe0\x82\xbb\xee\xba\xeb\x13\x9f\xf8\x84~\xe5\xb6\xc7\x03\xa0\x01gD\x00\x80\xf9\xb0\xfe\xdd\xc9\xb2l\xc9\x92%\x0f?\xfc\xf0\xed\xb7\xdf&gt;22\xa2\x7f\xb3V\xab\xe9\xa7\xf8\xf5\xeb\x01B\x08)\xa5\xbe\x01\xf5\xed\xac\x7fs\xfb\xf6\xed_\xfc\xe2\x17GFFx\x1cP\xb4\xd0\xff\xf9\x81y\xb0\xfe\xbdPJ\xbd\xfb\xdd\xef\x1e\x19\x19\xa9\xd5j\xb5Z-\x8e\xe3v\xbb\xddj\xb5Z\xadV\x9a\xa6z\xee\xb3,k\xb7\xdb\xedv;\xcb2\xa5\x94~}\xf8\x8e;\xee\xd8\xb3g\xcf\xd0\xd0\x90~e\xb8\x17\\\x1b:?\x1e\x01\x00sc\xfd{\x94\xe7\xf9\x92%K&gt;\xf6\xb1\x8f\xfd\xe8G?\xd2\xbfs\xce9\xe7\\|\xf1\xc5k\xd6\xacy\xdf\xfb\xde\xb7t\xe9\xd28\x8e\xc7\xc7\xc7_|\xf1\xc5G\x1f}t\xdf\xbe}\xfa\xcfDQ\xa4\x94Z\xb6l\xd9\xc1\x83\x07\xcf&gt;\xfb\xecv\xbb\xcduA\xc5!\x00\xc0\x1cX\xff\xdeeY\xb6t\xe9\xd2\x1f\xfe\xf0\x87\x9f\xfc\xe4\'\xd7\xaf_\xff\xe9O\x7f\xfa\xf2\xcb/_\xb1bE\x92$Y\x96\xe5y\xae\x94\x8a\xa2(\x8e\xe34M\xf7\xec\xd9\xf3\xf9\xcf\x7f\xbe\xd9l\xea\xdf\xcc\xb2l\xfb\xf6\xed[\xb7n=z\xf4h\x92$\xbd\x1f\x0c\r\x98\x13\x01\x00fc\xfdM\x91R\xb6Z\xad\x17^x\xe1\xa2\x8b.\xea\xeb\xeb\x1b\x1b\x1b\xd3\x13\xaf\xbf\xa9\xd7?\x07\xa0\'h\xf9\xf2\xe5_\xff\xfa\xd7o\xbf\xfdv\xfd\xbc\x7f\x9e\xe7\x97^z\xe9c\x8f=666f\xea\xd6\xa6\x01\xa7"\x00\xc0;\xb0\xfefI)\xfb\xfa\xfa\xc6\xc7\xc7\xf5\x05\xfes&gt;\x9f\xa3\xbf\xeb\x1f\x1f\x1f_\xb5j\xd5\xd1\xa3G\xe38\xce\xb2\xec\xbd\xef}\xef\xd3O?\xbdh\xd1\xa2,\xcbL\xfd\xa80\r\x98%\xb8\x7f``\x1e\xac\xbfqJ\xa9\xb1\xb11)e\x92$\xa7\xdbq)\xa5~\xbe\xe8\xbc\xf3\xce\x13o\xbd3\xc4\xc9\x93\'\xa7\xa6\xa6\xcc\xde\xe0\xbc&amp;&lt;\x0bg3\xf0&amp;\xd6\xbf \x1d\xdenR\xca\x99\x850\xf2\xb6\x10\xa7\xa2\x013qB\x03B\xb0\xfe\x95\xd2\x17\x80\x8e\x8f\x8f\xbf\xf6\xdak\xd3\xbf\xb9t\xe9\xd2\xfe\xfe\xfe\xde\xaf\x04=\x15\r\x98\xc69\r\xb0\xfe\x15\xcb\xb2lpp\xf0\x99g\x9ey\xe5\x95W\xf4e\xa0R\xca\x0f|\xe0\x03K\x96,I\xd3\x94\xc7\x01\xc5\xe1\xb4F\xe8X\xffj\xe5y^\xab\xd5\xda\xed\xf6]w\xdd5}M\x8aR\xea\xe3\x1f\xffx\x1c\xc7\xc5]\xa5B\x03\x04W\x01!p\xac\x7f\xb5\xf4-\xbcx\xf1\xe2\xcf~\xf6\xb3\xbbw\xef\xd6\xb7v\x9e\xe7\xef\x7f\xff\xfb\x7f\xf2\x93\x9f$I\xa2\xdfA\xba\xb8\x03\x08\xfc\xba \xcf\xff\xf1\x80y\xb0\xfe\xd5J\xd3\xb4\xd1h4\x1a\x8d\x1bn\xb8a\xf7\xee\xdd3\xdf\xf9\xe7\x9e{\xee)\xee\xf9\x9f\x99\x02\x7f\x1c\xc0\xf9\x8d@\xb1\xfe\xd5J\xd3t\xf1\xe2\xc5\'O\x9e\xbc\xe6\x9ak\xf6\xee\xdd;\xfdlO\x9e\xe7;v\xec\xb8\xf2\xca+\x8f\x1f?\xde\xfb\x9b\xc1u"\xe4\x06\xf0\x14\x10B\xc4\xfaW+M\xd3\xa1\xa1\xa1\xc3\x87\x0fo\xdc\xb8\xf1W\xbf\xfa\x95\x1ez\xfd\xf1\x00\xdf\xfa\xd6\xb7\xb6l\xd9\xf2\xbb\xdf\xfd\xae\x9c\xf5\x9fyH\x01&gt;\x17D\x00\x10\x1c\xd6\xbfZz\xfd\x87\x87\x87\xaf\xbd\xf6\xdac\xc7\x8eM\xaf\xff\xd0\xd0\xd0C\x0f=t\xcd5\xd7\x98z\xff\x9f.\x0e,\xb4\x06\x10\x00\x84\x85\xf5\xaf\x96\xfe\x94\x98\xe7\x9e{\xee\x8a+\xae\x98~\x92\'\xcb\xb2\xf3\xcf?\xff\xdb\xdf\xfe\xf6\xca\x95+\x8f\x1d;V\xc9\xfak\xa15\x80\x00  \xac\x7f\xb5\xf4\x05\xfeR\xcau\xeb\xd6\xfd\xe2\x17\xbfH\x92D\x7fb\xf0\xa5\x97^\xfa\xc8#\x8f,]\xba\xf4\xc4\x89\x13\xb5Z\xad\xda\x83\x0c\xaa\x01^\xfd\xc3\x00\xf3`\xfd+\xa7?&amp;l\xef\xde\xbdz\xfd\xf5\x07\xc2\xac_\xbf\xfe\xfb\xdf\xff\xfe\xc0\xc0\xc0\xc9\x93\'+_\x7f\x11\xd8k\xc2\x9c\xf1\x08\x02\xebo\x83(\x8a\xda\xed\xf6w\xbf\xfb]\xfd8@)\xb5b\xc5\x8a={\xf6\xd4\xeb\xf5\xa9\xa9\xa9\n\x9f\xf9\x99%\x9c\x06p\xd2\xc3\x7f\xac\xbf\r\x94R\xf5z\xfd\xc8\x91#\xbf\xfc\xe5/\xd5[n\xbd\xf5\xd6\xf7\xbc\xe7=ccc%_\xf3sF\x814\x80\xf3\x1e\x9ec\xfd-\xa1\xdf\xf1\xed\x8d7\xde8q\xe2\x84\x10B\x7f&lt;\xc0\xbau\xeb&amp;\'\'m[\x7f-\x84\x06p\xea\xc3g\xac\xbfU\xa2(\x9a\x9c\x9c\x9c\xfed\x98\xc5\x8b\x17/_\xbe\xbc\x84\x1f\xf7\xed\x9a\xf7\r\xe0\xec\x87\xb7X\x7f\x0b\xe9O\x03\xd6\xff&gt;55e\xe7\xf7\xfe3\xf9\xdd\x00.\x03\x85\x9fX\x7f\xdb\xe8\xa7\x80FGG\x9fy\xe6\x19\xfd;\xb5Zm\xed\xda\xb5\xfab\xd0j\x8f\xed\x8c|\xbd6\x94\x00\xc0C\xac\xbf\xb5\xa2(\x1a\x18\x18\xd0\xbfVJ\x8d\x8f\x8f\xbb2A^6\x80\x00\xc07\xac\xbf\xcd\x94Ri\x9a\xeagN\xa2(\xb2\xe1\xc2\xff\xce\xf9\xd7\x00\x02\x00\xaf\xb0\xfe\x96\xd3o\x05\xb1h\xd1"!D\xbb\xdd\x1e\x1d\x1d\x15o}\n\xbc\x13&lt;k\x00\x01\x80?X\x7f\xcb)\xa5\x06\x06\x06~\xfa\xd3\x9f\xee\xdb\xb7ojj\xea\xa2\x8b.\xba\xe2\x8a+\x9a\xcdf\xd1\x9f\xfab\x96O\r \x00\xf0\x04\xebo9\xfd&gt;\x10;v\xec\xf8\xd2\x97\xbe4\xfdQ\xef\xd7_\x7f\xfd}\xf7\xdd\xd7l6\x1d\n\x80\xf0\xa8\x01\x04\x00&gt;`\xfd-\xa7\x94J\x92\xe4\xf8\xf1\xe3+W\xae\xd4\xef\xf9\xa3\x7f\x128\xcb\xb2G\x1f}\xf4\xb2\xcb.\x1b\x1d\x1du\xebk\xe4G\x03\xdc8J`\x1e\xac\xbf\xfd\x94R\x8dF\xe3\xd7\xbf\xfe\xf5\xe8\xe8\xa8\x94\xb2\xddn\xeb\x9f\xff\x8a\xa2\xe8\xf9\xe7\x9f\xaf\xd5j\xce]P\xef\xc7\xcf\x07p\xc7\x80\xdbX\x7f\x87\xcc\xf9\xb5p\xf7\x0b\xe4A\x03\\\xbd\xe9\x01\xc1\xfa\xbbCJ955u\xdey\xe7-[\xb6L\xbf+\x9c~;\xe8&lt;\xcf/\xbc\xf0\xc2V\xab\xe5\xe8W\xca\xf5\x068y\xa3\x03\x82\xf5w\x8a~\xdag\xf9\xf2\xe5_\xfb\xda\xd7\xea\xf5z\xab\xd5\xd2?\rp\xcb-\xb7\\|\xf1\xc5ccc\xee~\xb1\x9cn\x00/\x02\xc3I\xac\xbf\x8b\x94R\x83\x83\x83\x87\x0e\x1dz\xe2\x89\'&amp;\'\'?\xfc\xe1\x0f_v\xd9eSSS\x1e\xac\x90\xa3\xaf\t\x13\x00\xb8\x87\xf5wW\x9e\xe7\xfd\xfd\xfd}}}B\x88V\xab\xe5\xdc\xc5?\xf3p\xb1\x01\x04\x00\x8ea\xfd]\xa7\x9f\xfa\x17BH)\xed\x7f7\xd0\x05q\xae\x01\x04\x00.a\xfda9\xb7\x1a`\xd7\xd1\x00\xf3`\xfda?\xb7^\x13\xe6\x0e\x037\xb0\xfep\x85C\r\xe0&gt;\x03\x07\xb0\xfep\x8b+\r\xe0n\x03\xdb\xb1\xfep\x91\x13\r\xe0\x9e\x03\xab\xb1\xfep\x97\xfd\r\xe0\xce\x03{\xb1\xfep\x9d\xe5\r\xe0\xfe\x03K\xb1\xfe\xf0\x83\xcd\r\xe0.\x04\x1b\xb1\xfe\xf0\x89\xb5\r\xe0^\x04\xeb\xb0\xfe\xf0\x8f\x9d\r\xe0\x8e\x04\xbb\xb0\xfe\xf0\x95\x85\r\xe0\xbe\x04\x8b\xb0\xfe\xf0\x9bm\r\xe0\xbd\x80\xc2R\xf9U\x07\xf3PJ\xe9\xcf\x08\xd4\xeb\xaf\xdf5~\xe3\xc6\x8d\x0f=\xf4\x10\xeb_\x1an\xe4\x12\xcc|\xbf\xa08\x8e\xb3,\x9b~\xbf }/(\xedH\x08\x00\xec\xa2\xd7\xbf\xd1h\xb4\xdb\xed-[\xb6\xdcw\xdf}\xcdfS)\xc50\x95 \xcb\xb2\xa9\xa9\xa9\xaa\x8f"\x08\xd3\r\xd8\xb6m[\xbb\xddn\xb5Z\x1f\xfa\xd0\x87\xbe\xf3\x9d\xef\xacX\xb1BJYZ\x03\x08@(\xf4w\x16_\xf8\xc2\x17\x9e}\xf6Y\xfdMG\xd5G4\x9b\x94\xf2\xc4\x89\x13\x87\x0e\x1d\xd2\x87\x17\xc7\xf1%\x97\\\xa2\x94J\xd3\x94\xf5/\x9a~\xfea\xe5\xca\x95\xdf\xf8\xc67&amp;\'\'\xcb\xfc&amp;4L\xfa\xb1\xf8\xb2e\xcb.\xb9\xe4\x92\xa7\x9ez\xaa\xbf\xbf\x7fbb\xe2+_\xf9\xca\x9dw\xde\xa9O\xfer\x0e#)\xe7\xafA\xe5t\x00~\xfc\xe3\x1f\xef\xdf\xbf\xbf\xeac\x99O=I\xf2&lt;\x8f\xa3(\xcb\xb2\'\x9f|\xb2\xea\xc3\t\xcb\xc4\xc4D\x92$%?\x0b\x11 \xfd|\xe6Yg\x9du\xddu\xd7=\xf5\xd4S\x8dFcbbb\xcb\x96-w\xdcq\x87~\r\xac\xb4#!\x00a\x19\x1c\x1c\x8c\xe38\x8e\xe3V\xabU\xf5\xb1\xcc\xad\x95\xa6\xfa\x17R\x88\xe8\xad{\x82\x85\x8fW&lt;S\xaf\xd7\xb3,\x1b\x1c\x1c\xe4)\x81\xa2M\xaf\xffg&gt;\xf3\x99\xbd{\xf7\xea\xcf\x0c\xd8\xb4i\xd3\xce\x9d;\xcb\xbf\xf1\t@X\xf2&lt;\xcf\xb2L)\xf5\xa1?\xf8\x83\x8f\x9e{\xeex\xbb\x1dY\xf6\xbd\x9e\x12"\x89\xa2c\x93\x93\x7f\xf7\xdcsy\x9eI!\xa3H\xde\xf4\x89?\xfd\xbde\x83\x13\x13\xad8\x8e\x84PB\xd8u\xcc\xee\xca\x95j,\xaa=q\xe87O=\xff\xda\xf4\x07u\xa183\xd7\x7f\xcf\x9e=\xfa:\xb7M\x9b6\xed\xda\xb5+\xcb\xb2(\x8aJ~\xecE\x00B\x94\xe7\xf9\xa5\xe7\x9e{\xf7\xfa\xf5\xc7&amp;&amp;\x12\xfb\x9e^\xcf\x95Z\x94$\x7f|\xf6\xd9[\x87\x87\x93Xf\xb9z\xe9?\x8f\x7f\xf3\x96\x8fF\x83\r1\x95\x8aX\n\xbeI5%\xcb\xc5\xd0@\xf2\xcd\'\x86\x7f\xf1\x9fU\x1f\x8a\xffl[\x7fA\x00\x825\xd1n\x1f\x9b\x988je\x00\x84\x10J\x88\x9b.\xbcP\x08\xb1ux\xb8\x16G\xff\xef\x99WV\xdd\xf8\xf7\xff\xba\xfd\xff\x0c\r\xd6\xa7\xa6\xd28\xe6\x11\x80\x19i\x96\x9f%\xc4\xf8d\xbb\xea\x03\xf1\x9f\x85\xeb/\x08@\xb0")\x93(\xd2\xff\xaa\xfaX\xe6\xf6\xfa\xc4\xc4t\x03\x1aI\xfc\xf3\xffx\xe3\xe3w\xfe\xe0\xf1\xbf\xfa\x8b\xa1\x81\xc6$\r0\'\x89\xa3(\xe2\xc6,\x96\x9d\xeb/\xf8I`X+\x89"\xdd\x80\xbfZ\xb7\xae\x99f\x8d$~\xe6\xa5\xd77l\xfd\xfe\xc8x\xb3oQ\x92e&lt;\r\x047X\xbb\xfe\x82\x00\xc0f4\x00\xae\xb3y\xfd\x05\x01\x80\xe5h\x00\xdce\xf9\xfa\x0b\x02\x00\xfb\xd1\x00\xb8\xc8\xfe\xf5\x17\x04\x00N\xa0\x01p\x8b\x13\xeb/\x08\x00\\A\x03\xe0\nW\xd6_\x10\x008\x84\x06\xc0~\x0e\xad\xbf \x00p\x0b\r\x80\xcd\xdcZ\x7fA\x00\xe0\x1c\x1a\x00;9\xb7\xfe\x82\x00\xc0E4\x00\xb6qq\xfd\x05\x01\x80\xa3h\x00\xec\xe1\xe8\xfa\x0b\x02\x00w\xd1\x00\xd8\xc0\xdd\xf5\x17\x04\x00N\xa3\x01\xa8\x96\xd3\xeb/\x08\x00\\G\x03P\x15\xd7\xd7_\x10\x00x\x80\x06\xa0|\x1e\xac\xbf \x00\xf0\x03\r@\x99\xfcX\x7fA\x00\xe0\r\x1a\x80rx\xb3\xfe\x82\x00\xc0\'4\x00E\xf3i\xfd\x05\x01\x80gh\x00\x8a\xe3\xd9\xfa\x0b\x02\x00\xff\xd0\x00\x14\xc1\xbf\xf5\x17\x04\x00^\xa2\x010\xcb\xcb\xf5\x17\x04\x00\xbe\xa2\x010\xc5\xd7\xf5\x17\x04\x00\x1e\xa3\x01\xe8\x9d\xc7\xeb/\x08\x00\xfcF\x03\xd0\x0b\xbf\xd7_\x10\x00x\x8f\x06\xa0;\xde\xaf\xbf \x00\x08\x01\r\xc0B\x85\xb0\xfe\x82\x00 \x104\x00\x9d\x0bd\xfd\x05\x01@8h\x00:\x11\xce\xfa\x0b\x02\x80\xa0\xd0\x00\xcc/\xa8\xf5\x17\x04\x00\xa1\xa1\x018\x9d\xd0\xd6_\x10\x00\x04\x88\x06\xe0T\x01\xae\xbf \x00\x08\x13\r\xc0La\xae\xbf \x00\x08\x16\r\x80\x16\xec\xfa\x0b\x02\x80\x90\xd1\x00\x84\xbc\xfe\x82\x00 p4 d\x81\xaf\xbf \x00\x00\r\x08\x13\xeb/\x08\x00 h@xX\x7f\x8d\x00\x00B\xd0\x80\x90\xb0\xfe\xd3\x08\x00\xf0&amp;\x1a\x10\x02\xd6\x7f&amp;\x02\x00\xbc\x8d\x06\xf8\x8d\xf5\x9f\x85\x00\x00\xef@\x03|\xc5\xfa\x9f\x8a\x00\x00\xb3\xd1\x00\xff\xb0\xfes"\x00\xc0\x1ch\x80OX\xff\xd3!\x00\xc0\xdch\x80\x1fX\xffy\x10\x80\xb0(\xc5l-\x00\rp\x1d\xeb??\x02\x10\n\xa5\x94R*I\x92\xaa\x0f\xc414\xc0]\xac\xff\x19\x11\x80 (\xa5\xa4\x94R\xca\xe3\xc7\x8fW},\xee\xa1\x01.b\xfd;A\x00\xfc\xa7\x94\xd2w\x86\xcd\x9b7\x1f&lt;x\xb0\x9e$B\x08FkAh\x80[X\xff\x0e\x11\x00\xcf\xe9\xf5\x8f\xe3x\xf3\xe6\xcd\x0f&lt;\xf0@\x1c\xc7y\x9e\x0b!jQ\xc4\xeb\x01\x0bB\x03\\\xc1\xfaw\x8e\x00\xf8l\xd6\xfa\xd7\xea\xf5,\xcb\xf4\x7f\xf5\xc6\xe4d#Ih\xc0\x82\xd0\x00\xfb\xb1\xfe\x0bB\x00\xbcu\xea\xfa\xb7[-)e\x9a\xe7\x91\x94{_x\xe1\x9eC\x87\xde=8\x98\xe6y\xd5G\xea\x12\x1a`3\xd6\x7f\xa1\x08\x80\x9ff\xad\x7fcQ_\xbb\xd5\xba\xf0\xca\x1b\xce=\xffb!\x84\x90Q\xa6\xd4\x1d\xc3\xc3\xf7=\xfb\xec9\xfd\xfd4`Ah\x80\x9dX\xff.\x10\x00\x0f\x9d\xba\xfe\xcd\xa9\xc9\x0f^z\xedU\x7f\xb9C?\xe7\xa3\x84\x10J%Q\xbcux\xf8\xbe\x9f\xfd\x8c\x06,\x14\r\xb0\r\xeb\xdf\x1d\x02\xe0\x9b9\xd7\xffO\xfe\xf7\xa7\xae\xba\xed\xde\xd6\xc4X\x9e\xbf\xf9\x1a\x80\x12"\xcd3\x1a\xd05\x1a`\x0f\xd6\xbfk\x04\xc0+s\xae\xff\xf9z\xfd\'\xc7\x94\xc8\xf5=A\xe5\xd9\xba\x8b\xae\xfd\xa3\xff\xb1&amp;\xcd\xb3Z\x9c\xd0\x80\xee\xd0\x00\x1b\xb0\xfe\xbd \x00\xfe8\xdd\xfa_\xa9\xd7_\xe5R\xbe\xfd\xe5^|\xd6\xbbn\xbb\xe1o\xff\xf0\xf7\xfe\xa8\x9d\xa54\xa0k4\xa0Z\xac\x7f\x8f\x08\x80\'\x16\xb4\xfeB\x88fs\xa2o\xd1\xe0\xcd\xd7}\xf3\xdc\xdf\xff\x9f4\xa0\x174\xa0*\xac\x7f\xef\x08\x80\x0f\x16\xba\xfeB\x88(\x8a[\xad\xa9\xfe\xbe\xb3n\xf9\xbf\x7fC\x03zD\x03\xca\xc7\xfa\x1bA\x00\x9c\xd7\xc5\xfak\xba\x01}\x8bh\x80\x014\xa0L\xac\xbf)\x04\xc0m]\xaf\xbf\x16Eq\xab5I\x03\x8c\xa0\x01\xe5`\xfd\r"\x00\x0e\xebq\xfd5\x1a`\x10\r(\x1a\xebo\x16\x01p\x95\x91\xf5\xd7h\x80A4\xa08\xac\xbfq\x04\xc0I\x06\xd7_\xa3\x01\x06\xd1\x80"\xb0\xfeE \x00\xee1\xbe\xfe\x1a\r0\x88\x06\x98\xc5\xfa\x17\x84\x008\xa6\xa0\xf5\xd7h\x80A4\xc0\x14\xd6\xbf8\x04\xc0%\x85\xae\xbfF\x03\x0c\xa2\x01\xbdc\xfd\x0bE\x00\x9cQ\xc2\xfak4\xc0 \x1a\xd0\x0b\xd6\xbfh\x04\xc0\r\xa5\xad\xbfF\x03\x0c\xa2\x01\xdda\xfdK@\x00\x1cP\xf2\xfak4\xc0 \x1a\xb0P\xac\x7f9\x08\x80\xed*Y\x7f\x8d\x06\x18D\x03:\xc7\xfa\x97\x86\x00X\xad\xc2\xf5\xd7h\x80A4\xa0\x13\xac\x7f\x99\x08\x80\xbd*_\x7f\x8d\x06\x18D\x03\xe6\xc7\xfa\x97\x8c\x00X\xca\x92\xf5\xd7h\x80A4\xe0tX\xff\xf2\x11\x00\x1bY\xb5\xfe\x1a\r0\x88\x06\x9c\x8a\xf5\xaf\x04\x01\xb0\x8e\x85\xeb\xaf\xd1\x00\x83h\xc0L\xac\x7fU\x08\x80]\xac]\x7f\x8d\x06\x18D\x034\xd6\xbfB\x04\xc0"\x96\xaf\xbfF\x03\x0c\xa2\x01\xac\x7f\xb5\xaa\x1f\x14hN\xac\xbfF\x03\x0c\n\xb9\x01\xac\x7f\xe5l\xd9\x94\xc09\xb4\xfe\x1a\r0(\xcc\x06\xb0\xfe6\xb0kV\xc2\xe4\xdc\xfak4\xc0\xa0\xd0\x1a\xc0\xfa[\xc2\xc6e\t\x8a\xa3\xeb\xaf\xd1\x00\x83\xc2i\x00\xebo\x0f{\xc7%\x04N\xaf\xbfF\x03\x0c\n\xa1\x01\xac\xbfUl\xdf\x17\x8fy\xb0\xfe\x1a\r0\xc8\xef\x06\xb0\xfe\xb6qcb\xfc\xe3\xcd\xfak4\xc0 _\x1b\xc0\xfa[\xc8\xa5\x95\xf1\x86g\xeb\xaf\xd1\x00\x83\xfck\x00\xebo\'\xf7\x86\xc6u^\xae\xbfF\x03\x0c\xf2\xa9\x01\xac\xbf\xb5\\\xdd\x1aGy\xbc\xfe\x1a\r0\xc8\x8f\x06\xb0\xfe6s{n\xdc\xe2\xfd\xfak4\xc0 \xd7\x1b\xc0\xfa[\xce\x87\xc5qB \xeb\xaf\xd1\x00\x83\xdcm\x00\xebo?\x7fF\xc7fA\xad\xbfF\x03\x0cr\xb1\x01\xac\xbf\x13|\xdb\x1d\x0b\x05\xb8\xfe\x1a\r0\xc8\xad\x06\xb0\xfe\xae\xf0sz\xec\x11\xec\xfak4\xc0 W\x1a\xc0\xfa;\xc4\xe7\xf5\xa9\\\xe0\xeb\xaf\xd1\x00\x83\xeco\x00\xeb\xef\x16\xff\x07\xa8*\xac\xff4\x1a`\x90\xcd\r`\xfd\x9d\x13\xca\x06\x95\x8c\xf5\x9f\x85\x06\x18dg\x03X\x7f\x17\x855C\xe5`\xfd\xe7D\x03\x0c\xb2\xad\x01\xac\xbf\xa3B\\\xa2B\xb1\xfe\xf3\xa0\x01\x06\xd9\xd3\x00\xd6\xdf]\xe1\x8eQ\x11X\xff3\xa2\x01\x06\xd9\xd0\x00\xd6\xdfi\xa1\xef\x91A\xac\x7f\x87h\x80A\xd56\x80\xf5w\x1d\x93d\x06\xeb\xbf 4\xc0\xa0\xaa\x1a\xc0\xfa{\x80U2\x80\xf5\xef\x02\r0\xa8\xfc\x06\xb0\xfe~`\x98z\xc5\xfaw\x8d\x06\x18Tf\x03X\x7fo\xb0M=a\xfd{D\x03\x0c*\xa7\x01\xac\xbfO\x98\xa7\xee\xb1\xfeF\xd0\x00\x83\x8an\x00\xeb\xef\x19\x16\xaaK\xac\xbfA4\xc0\xa0\xe2\x1a\xc0\xfa\xfb\x87\x91\xea\x06\xebo\x1c\r0\xa8\x88\x06\xb0\xfe^b\xa7\x16\x8c\xf5/\x08\r0\xc8l\x03X\x7f_1U\x0b\xc3\xfa\x17\x8a\x06\x18d\xaa\x01\xac\xbf\xc7X\xab\x05`\xfdK@\x03\x0c\xea\xbd\x01\xac\xbf\xdf\x18\xacN\xb1\xfe\xa5\xa1\x01\x06\xf5\xd2\x00\xd6\xdf{lVGX\xff\x92\xd1\x00\x83\xe6i@\xff\xa2D\xe5s7\x80\xf5\x0f\x01\xb3uf\xac\x7f%h\x80A\xa7m\xc0XS.J\xd2l\xf6\x8d\xc9\xfa\x07\x82\xe5:\x03\xd6\xbfB4\xc0\xa0\xb9\x1b\xb0\xed\x07\xe3\xe3\xad\xb3\xfaj3\xff$\xeb\x1f\x0e\xc6k&gt;\xac\x7f\xe5h\x80A\xa76\xe0\xf0\xcbG\xaf\xfe\xe2?\xbdvlb\xfa\xcf(\xa5X\xffp\xb0_\xa7\xc5\xfa[\x82\x06\x184\xab\x01\xb58\xfa\xd1\xe1W\xbf\xf5\xcf\x87\xe38\x16B\xe4y.\x84`\xfd\xc3\xc1\x84\xcd\x8d\xf5\xb7\n\r0hf\x03\xdaY^\x8b\xa3\xe9QO\x92\xa4\xd1h\xb0\xfe\xe1`\xc5\xe6\xc0\xfa[\x88\x06\x184\xab\x01\xe2\xade\x97R~\xees\x9f\xdb\xbbw/\xeb\x1f\x08\x86l6\xd6\xdfZ4\xc0\xa07\x1b\xb0j\xd5\xf6u\xebb)U\x9e\x0b!\x86\x87\x87w\xee\xdc\xd9h4X\xff@\xb0e\xef\xc0\xfa[\x8e\x06\x18\x94D\xd1\x91\xb1\xb1\xbf\\\xbd\xfa\xd3\x1f\xfc`\xaeT\x12Ey\x9e\xd7\xeb\xf5f\xb3\xc9\xfa\x07\x829{\x1b\xeb\xef\x04\x1a`\x90\x94\xb2\x99\xa6\xef\xea\xeb\xd3\xff1\x8e\xe3V\xab\xc5\xfa\x87\x83E{\x13\xeb\xef\x10\x1a`\x90\x94\xb2\x9d\xe7B\x88(\x8a\xb2,c\xfd\x83\xc2\xa8\t\xc1\xfa;\x88\x06\x18\xa4g\xbe\x95\xa6k\xd6\xac\xd9\xb5k\x97\xfeA0\xd6?\x04\xec\x1a\xeb\xef*\x1a`\xdc\xd2\xa5K\x95RJ)\xd6?\x10\xa1O\x1b\xeb\xef4\x1a`V\x9a\xa6RJ\xd6?\x1cA\xaf\x1b\xeb\xef\x01\x1a`\x10\xd3\x1f\x9ap\x07\x8e\xf5\xf7\x06\r\x00\xba\x13\xe8\xc6\xb1\xfe\x9e\xa1\x01@\x17B\x9c9\xd6\xdfK4\x00X\xa8\xe0\x96\x8e\xf5\xf7\x18\r\x00\x16$\xac\xb1c\xfd\xbdG\x03\x80\xce\x05\xb4w\xac\x7f h\x00\xd0\xa1P&amp;\x8f\xf5\x0f\n\r\x00:\x11\xc4\xea\xb1\xfe\x01\xa2\x01\xc0\x19\xf9?|\xac\x7f\xb0h\x000?\xcf\xb7\x8f\xf5\x0f\x1c\r\x00\xe6\xe1\xf3\xfc\xb1\xfe\x104\x008=o\x17\x90\xf5\xc74\x1a\x00\xcc\xc9\xcf\x11d\xfd1\x0b\r\x00N\xe5\xe1\x0e\xb2\xfe\x98\x13\r\x00f\xf1m\nY\x7f\xcc\x83\x06\x003y\xb5\x86\xac?\xce\x88\x06\x00\xd3\xfc\x19D\xd6\x1f\x1d\xa2\x01\x80\xe6\xc9&amp;\xb2\xfeX\x10\x1a\x00\x08?\x02\xc0\xfa\xa3\x0b4\x00p~\x19Y\x7ft\x8d\x06 pn\x8f#\xeb\x8f\x1e\xd1\x00\x84\xcc\xe1}d\xfda\x04\r@\xb0\\\x9dH\xd6\x1f\x06\xd1\x00\x84\xc9\xc9\x95d\xfda\x1c\r@\x80\xdc\x1bJ\xd6\x1f\x05\xa1\x01\x08\x8dc[\xc9\xfa\xa3P4\x00Aqi.Y\x7f\x94\x80\x06 \x1c\xce,&amp;\xeb\x8f\xd2\xd0\x00\x04\xc2\x8d\xd1d\xfdQ2\x1a\x80\x108\xb0\x9b\xac?*A\x03\xe0=\xdb\xa7\x93\xf5G\x85h\x00\xfcf\xf5z\xb2\xfe\xa8\x1c\r\x80\xc7\xec\x1dP\xd6\x1f\x96\xa0\x01\xf0\x95\xa5\x1b\xca\xfa\xc3*4\x00^\xb2qFY\x7fX\x88\x06\xc0?\xd6-)\xeb\x0fk\xd1\x00x\xc6\xae1e\xfda9\x1a\x00\x9fX\xb4\xa7\xac?\x9c@\x03\xe0\r[&amp;\x95\xf5\x87Ch\x00\xfc`\xc5\xaa\xb2\xfep\x0e\r\x80\x07\xaa\x1fV\xd6\x1f\x8e\xa2\x01p]\xc5\xdb\xca\xfa\xc3i4\x00N\xabr^Y\x7fx\x80\x06\xc0]\x95-,\xeb\x0fo\xd0\x008*\xa9\xe4oe\xfd+\xa7T\x9e\xe5i\x9egU\x1f\x88?&amp;\xa7\xc6\x1a\xf5\xfe\x9b\xae\xbb\xf7\x9b\x0f\xdf\xfc_G^J\xa2x\xeb\xf0\xb0\x10\xe2\xa6\x0b/&lt;21!\xab&gt;\xbc9\xa5y\x9e\xe6y\xaeT\xd5\x07\x82jT\x10\x00\xd6\xdf\x06\xf5z\xdf\x92\xc1wI!\xa2\xa8\x9ao\x02&lt;$E\x96eg\r\x9c\xbd\xed\xa6\x7f\xf8\x9b=\xb7\xbc\xf8\xf2\x81\xe9\x06\xdc\xb6z\xf5T\x9aF\xd2\xba\n\xa4y~v\x7f\x7f\x7f\xadV\xf5\x81\xa0\x1ae\xdf\xf9Y\x7f\x1bH\x19\xfd\xff\x97\x9e~\xe4_\xb67[\x93\xdc\xe0\xe6(!d\x9eg\x8dF\xff\xf2e\xe7\xbe\xf8\x1f\x073\x95K)\xb7\x0e\x0f\xff\xea\xd8\xb1\xb3\xfb\xfa\xd2&lt;\xb7\xad\x00\xb9R\x03\xb5\xda\x93\xbf\xfdm\x14E9OU\x85\xa7\xd4\x00(\xa5\x84\x10\xd3\xeb_\xaf7X\xff\x92I\x19\xc9(\x96Q\xfc\xd2o\x9e}\xe97\xcfV}8&gt;\x93Q$\xa4\x14BH\xa5\xfe\xee\xb9\xe7\xaa&gt;\x9c3\xa8\xd7\xebY\x96E\x11w\xc0\xb0\x94\x1d\x00\xa5\xd4\xcd7\xdf\xac\xd7\xbf\xd5j\xfe\xc9G\xafe\xfdK$\xdbS\xe3*\xcf\x14O\xfd\x17O\xcd\xf8\x86:\x8e")D\x14E\xad4\xad\xf0\x90\xe6\xd1j\xb5\x84\x10cccU\x1f\x08JU^\x00\xb2,\x8b\xe3\xf8\xab_\xfd\xea\xfd\xf7\xdf\xdf\xd7\xd7?99\xb1\xe2\x83\x7f\xf6\xe7\xb7?0&gt;\xf2\xba\x90\x82\xf5/\x9c\x94*O\x7f\xff\x8fW\'\x8d&gt;\x19\xc54\xa0PRH\xa5r\x19\xc5R\xca\xdf&gt;\xfft\x96gq\x1c\xb7\xd2t\xf5\xea\xd5K\x96,Q\xf6\xbd\xe8\x1a\xc7q\x96e\xabV\xad\x12BH\xfb^\xab@Adi\xe7\xa2\xfe\xf6\xff\xd5W_\xfd\xd4\xa7&gt;\xf5\xf4\xd3O\xd7\xeau\x11%\xeb\xaf\xbfs\xf5\xd5[&amp;\x8e\x1f\x8db^\x8a,CRo\xc8(\x16J\x08\xee\xe3ERy.eT\xef\x1f|\xec\xde\xdb~\xf6\xaf\x0f\xd7\x92Z\xab\xd5\xdc\xb4i\xd3\xae]\xbb\xaa&gt;4\xe0m\xe5\x05@\x08\xa1\x94\x92R\x8e\x8c\x8cl\xd8\xb0\xe1\xc0\x81\x03I\x92\xa4iz\xf9\xe6\xbb\xd7\\s\xe3\xf8\xc8\xeb4\xa0\x04J\xe5\xc2\xba\xef&gt;\xfd"\xdf\xb1\xfe\xcf\xff\xfb?\xd6\xeb\xf5V\xab\xa5\xd7?\xcfs}/\xa8\xfa(O\x8b\x97\x01\x82Rj\x00\x84\x10y\x9eGQ4\xdd\x00\xfdJ\x00\r\x807\xf4\xabY\xf5\xbe\xc1\xc7\xee\xbd\xf5\xb9\'\xbe\xab\xafs\xd3\xeb\xaf_e\xb5y\xfd\x11\x9a\xb2k\xaf\xaf6\x1b\x1a\x1az\xfc\xf1\xc7\xd7\xae]\xdbj5\xeb\xf5\xc6\xbf\xed\xdav\xf0\x07;\x07\x86\xce\xc93K_"\x03:1c\xfdoc\xfda\xbf\n\x1e\xee\xd1\x00x\xe9\x9d\xeb\xff\x1d\xd6\x1f\xf6\xab\xe6\xf9&gt;\x1a\x00\xcf\xb0\xfepQe/\xf8\xd0\x00x\x83\xf5\x87\xa3\xaa|\xc5\x9f\x06\xc0\x03\xac?\xdcU\xf1%_4\x00Nc\xfd\xe1\xb4\xea\xaf\xf9\xa5\x01p\x14\xeb\x0f\xd7U\x1f\x00A\x03\xe0 \xd6\x1f\x1e\xb0"\x00\x82\x06\xc0)\xac?\xfc`K\x00\x04\r\x80#X\x7fx\xc3\xa2\x00\x08\x1a\x00\xeb\xb1\xfe\xf0\x89]\x01\x104\x00\x16c\xfd\xe1\x19\xeb\x02 h\x00\xac\xc4\xfa\xc3?6\x06@\xd0\x00X\x86\xf5\x87\x97,\r\x80\xa0\x01\xb0\x06\xeb\x0f_\xd9\x1b\x00A\x03`\x01\xd6\x1f\x1e\xb3:\x00\x82\x06\xa0R\xac?\xfcf{\x00\x04\r@EX\x7fx\xcf\x81\x00\x08\x1a\x80\xd2\xb1\xfe\x08\x81\x1b\x01\x104\x00%b\xfd\x11\x08g\x02 h\x00J\xc1\xfa#\x1c.\x05@\xd0\x00\x14\x8c\xf5GP\x1c\x0b\x80\xa0\x01(\x0c\xeb\x8f\xd0\xb8\x17\x00A\x03P\x00\xd6\x1f\x01r2\x00\x82\x06\xc0(\xd6\x1far5\x00\x82\x06\xc0\x10\xd6\x1f\xc1r8\x00\x82\x06\xa0g\xac?B\xe6v\x00\x04\r@\x0fX\x7f\x04\xce\xf9\x00\x08\x1a\x80\xae\xb0\xfe\x80\x0f\x01\x104\x00\x0b\xc4\xfa\x03\xc2\x9b\x00\x08\x1a\x80\x8e\xb1\xfe\x80\xe6O\x00\x04\r@\x07X\x7f`\x9aW\x01\x104\x00\xf3b\xfd\x81\x99|\x0b\x80\xa0\x018\r\xd6\x1f\x98\xc5\xc3\x00\x08\x1a\x80S\xb0\xfe\xc0\xa9\xfc\x0c\x80\xa0\x01\x98\x81\xf5\x07\xe6\xe4m\x00\x04\r\x80\x10\x82\xf5\x07N\xcf\xe7\x00\x08\x1a\x10&lt;\xd6\x1f\x98\x87\xe7\x01\x104 `\xac?0?\xff\x03 h@\x90X\x7f\xe0\x8c\x82\x08\x80\xa0\x01\x81a\xfd\x81N\x84\x12\x00A\x03\x82\xc1\xfa\x03\x1d\n(\x00\x82\x06\x04\x80\xf5\x07:\x17V\x00\x04\r\xf0\x1a\xeb\x0f,Hp\x01\x104\xc0S\xac?\xb0P!\x06@\xd0\x00\xef\xb0\xfe@\x17\x02\r\x80\xa0\x01\x1ea\xfd\x81\xee\x84\x1b\x00A\x03\xbc\xc0\xfa\x03]\x0b:\x00\x82\x068\x8e\xf5\x07z\x11z\x00\x04\rp\x16\xeb\x0f\xf4\x88\x00\x08A\x03\x1c\xc4\xfa\x03\xbd#\x00o\xa2\x01\x0ea\xfd\x01#\x08\xc0\xdbh\x80\x13X\x7f\xc0\x14\x02\xf0\x0e4\xc0r\xac?`\x10\x01\x98\x8d\x06X\x8b\xf5\x07\xcc"\x00s\xa0\x01\x16b\xfd\x01\xe3\x08\xc0\xdch\x80UX\x7f\xa0\x08\x04\xe0\xb4h\x80%X\x7f\xa0 \x04`&gt;4\xa0r\xac?P\x1c\x02p\x064\xa0B\xac?P(\x02pf4\xa0\x12\xac?P4\x02\xd0\x11\x1aP2\xd6\x1f(\x01\x01\xe8\x14\r(\r\xeb\x0f\x94\x83\x00,\x00\r(\x01\xeb\x0f\x94\x86\x00,\x0c\r(\x14\xeb\x0f\x94\x89\x00,\x18\r(\x08\xeb\x0f\x94\x8c\x00t\x83\x06\x18\xc7\xfa\x03\xe5#\x00]\xa2\x01\x06\xb1\xfe@%\x08@\xf7h\x80\x11\xac?P\x15\x02\xd0\x13\x1a\xd0#\xd6\x1f\xa8\x10\x01\xe8\x15\r\xe8\x1a\xeb\x0fT\x8b\x00\x18@\x03\xba\xc0\xfa\x03\x95#\x00f\xd0\x80\x05a\xfd\x01\x1b\x10\x00ch@\x87X\x7f\xc0\x12\x04\xc0$\x1apF\xac?`\x0f\x02`\x18\r\x98\x07\xeb\x0fX\x85\x00\x98G\x03\xe6\xc4\xfa\x03\xb6!\x00\x85\xa0\x01\xb3\xb0\xfe\x80\x85\x08@Qh\xc04\xd6\x1f\xb0\x13\x01(\x10\r\x10\xac?`1\x02P\xac\xc0\x1b\xc0\xfa\x036#\x00\x85\x0b\xb6\x01\xac?`9\x02P\x86\x00\x1b\xc0\xfa\x03\xf6#\x00%\t\xaa\x01\xac?\xe0\x04\x02P\x9e@\x1a\xc0\xfa\x03\xae \x00\xa5\xf2\xbe\x01\xac?\xe0\x10\x02P6\x8f\x1b\xc0\xfa\x03n!\x00\x15\xf0\xb2\x01\xac?\xe0\x1c\x02P\r\xcf\x1a\xc0\xfa\x03."\x00\x95\xf1\xa6\x01\xac?\xe0(\x02P%\x0f\x1a\xc0\xfa\x03\xee"\x00\x15s\xba\x01\xac?\xe04\x02P=G\x1b\xc0\xfa\x03\xae#\x00Vp\xae\x01\xac?\xe0\x01\x02`\x0b\x87\x1a\xc0\xfa\x03~ \x00\x16q\xa2\x01\xac?\xe0\r\x02`\x17\xcb\x1b\xc0\xfa\x03&gt;!\x00\xd6\xb1\xb6\x01\xac?\xe0\x19\x02`#\x0b\x1b\xc0\xfa\x03\xfe!\x00\x96\xb2\xaa\x01\xac?\xe0%\x02`/K\x1a\xc0\xfa\x03\xbe"\x00V\xab\xbc\x01\xac?\xe01\x02`\xbb\n\x1b\xc0\xfa\x03~#\x00\x0e\xa8\xa4\x01\xac?\xe0=\x02\xe0\x86\x92\x1b\xc0\xfa\x03! \x00\xce(\xad\x01\xac?\x10\x08\x02\xe0\x92\x12\x1a\xc0\xfa\x03\xe1 \x00\x8e)\xb4\x01\xac?\x10\x14\x02\xe0\x9e\x82\x1a\xc0\xfa\x03\xa1!\x00N2\xde\x00\xd6\x1f\x08\x10\x01p\x95\xc1\x06\xb0\xfe@\x98\x08\x80\xc3\x8c4\x80\xf5\x07\x82E\x00\xdc\xd6c\x03X\x7f d\x04\xc0y]7\x80\xf5\x07\x02G\x00|\xd0E\x03X\x7f\x00\x04\xc0\x13\x0bj\x00\xeb\x0f@\x10\x00\x9ft\xd8\x00\xd6\x1f\x80&amp;\x95RU\x1f\x03L\xca\xf3&lt;\x8a\xa2\x91\x91\x91\r\x1b6\x1c8p\xa0^o\xb4Z\xcd\xcb7\xdf\xbd\xe6\x9a\x1b\xc7G^\x97Q\xc4\xfa\x03\xd0\x08\x80\x87N\xd7\x80\xd5Wo\x99&lt;\xf9\xbbF\xffb\xd6\x1f\x80 \x00\xbe:]\x03\xd6\xfe\xc5M?\xfc\xebM\xcf?\xf9\x8f\xac?\x00\x02\xe0\xadY\rH\x92$\xcd\xb2\x15\xff\xeb\xa2W_\xd8\xaf{\xc0\xfa\x03\x81#\x00&gt;\x9b\xa3\x01i\xca\xfa\x03\xd0\xb8\n\xc8g\xb3\xae\x0bJ\xd3\xb4\xaf\xaf\x9f\xf5\x07\xa0\xf1\x08\xc0\x7f\xd3\x8f\x03\xae\xbc\xf2\xca\xfd\xfb\xf7o\xd9\xb2e\xe7\xce\x9d\xac?\x00\x02\x10\x04\xdd\x80#G\x8e&lt;\xf8\xe0\x83\xdb\xb6m\xd3_t\xd6\x1f\x08\x1c\x01\x08\x85RJ/\xfe\xf4/\x00\x04\x8e\xd7\x00B!\xa5TJeY\xc6\xfa\x03\xd0x\x04\x00\x00\x81\xe2\x11\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fe\x1bw\x8a\x88\x0f!\xf8\x04\xa5\x00\x00\x00\x00IEND\xaeB`\x82'</t>
        </is>
      </c>
    </row>
    <row r="447">
      <c r="A447" s="1" t="n">
        <v>445</v>
      </c>
      <c r="B447" t="inlineStr">
        <is>
          <t>grid_number</t>
        </is>
      </c>
      <c r="C447" t="inlineStr">
        <is>
          <t>What is the missing number of the part denoted with a question mark?</t>
        </is>
      </c>
      <c r="D447" t="inlineStr">
        <is>
          <t>['3', '2', '4', '9']</t>
        </is>
      </c>
      <c r="E447" t="inlineStr">
        <is>
          <t>9</t>
        </is>
      </c>
      <c r="F447" t="inlineStr">
        <is>
          <t>There is a 3x3 grid of numbers. The first row is [3, 2, '?']. The second row is [2, 3, 9]. The third and last row is [5, 7, 2].</t>
        </is>
      </c>
      <c r="G447" t="inlineStr">
        <is>
          <t>We observe that [2, 3, 9] sums to 14, and [5, 7, 2] also sums to 14. Thus, the pattern is that the numbers in each row add up to the same value.</t>
        </is>
      </c>
      <c r="H447" t="inlineStr">
        <is>
          <t>Based on the pattern that the numbers in each row add up to the same value, the missing number of the row [3, 2, '?'] should be 9.</t>
        </is>
      </c>
      <c r="I447" t="inlineStr">
        <is>
          <t>b'\x89PNG\r\n\x1a\n\x00\x00\x00\rIHDR\x00\x00\x02\x00\x00\x00\x02\x00\x08\x02\x00\x00\x00{\x1aC\xad\x00\x00{\xe6IDATx\x9c\xed\xddw\x9c\x14E\xda\x07\xf0\xa7\xaaz\xf2\xce\xceFr\x8e\x82(HT@1a\xc0\x8c\x08\xa2\x18\x88*\x8ab\xbcS9\xc1S\xcf\xec\x99\xcf\x03&lt;8\x03\xc6\xd73\x9c\n\x82\x11Q@8\xc9 9\xb3ygvrwW\xd5\xfbG\xed\x8e+\n,\xec\x84\x9d\x9d\xe7\xfby\x83\xce\x06{\x7f\xd3SOwUu\x15\x91R\x02B\x08\xa1\xccCS}\x00\x08!\x84R\x03\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c2\x02\x80\x10B\x19\n\x0b\x00B\x08e(,\x00\x08!\x94\xa1\xb0\x00 \x84P\x86\xd2R}\x00\r\x82\x942\xd5\x87\x90\x02\x84\x90T\x1fB5\xcc?\xb50\xff\x8c\x95\xa1\x05@J)\x84\x90R\x12B\x08!\x94f\xe2\x9dP\nC\xc0\xfc\x01\xf3O5\x0c\x01\x00HF\x15\x7f\xf5\x96\x03\x00c\xac\xf6\xeb&gt;\x9fO\x08AH\xa6\xa4\xa1\xae}rrrj\xbf\xa8&gt;\x0c\x94\xd2\xc4]\x19a\xfe\n\xe6\x9fZ\xa9\xca\xbf\x01\xca\x94\xb7\\J\xc99\xd7\xb4\xea;\x1e\xbf\xdf\xbf|\xf9\xf2\xa5\xcb\x96\xfd\xfc\xbf\xffUTTl\xdc\xb8\xd149\x10\x80\x8c\x08\x03\x80\x00\x00t\xea\xd81\'\'\xa7o\xdf\xbe\xbd{\xf7\xee\xdf\xbf\x7f\xcb\x96-\xd5\x17M\xd3\xa4\x94\xc6\xf7\x82\x08\xf3\xff\r\xcc?\xb5\x92\x9e\x7f\xc3%3\x80i\x9a\xea\x1f\xa2\xd1\xe8G\x1f}t\xf9\xe5\x97\xb7m\xdb6\xd5\xc17,\xb9\xb9\xb9C\x87\x0e\x9d5kVqq\xb1\xca\xca0\x0cuM\x84\xf9\'\x01\xe6\x9fZ\t\xcd\xbf!k\xe4w\x00\xea\xaf#\x84\xf8|\xbeY\xb3f\xbd\xfe\xfa\xebk\xd6\xac\x89}5\xcb\xedn\xd1\xaama\xd3\xa6\xed:\x1e\x97\x93\x97\xcfM3\x13\xee\xfe$HJ\xa8a\xe8\x9b\xd6\xad\xf6y+\xf7\xec\xdcVYQ\x1e\xfbj\xf3\xe6-\xae\xbe\xfa\xaa\t\x13&amp;t\xed\xda\x15\x00\x84\x10\xf5\xb9\x14\xc2\xfc\x7f\x0f\xf3O\xadd\xe6\xdf\xf05\xe6\x02\xc09W}\x9ds\xe6\xccy\xe2\x89\'6m\xda\xa4^o\xd1\xaa\xcd\xc9\xa7\x9d9\xe4\xec\xf3\x8f\xeb\xd1\xabI\xd3\xe6\xae,7\xd3\xa0Q\xbf\xcb\x7f@J0M\x88F\xa2\xe5\xa5E[~\xd9\xf0\xc37\x0b\x97|\xbdp\xf3\xc6u\xea\xabyyyS\xa6L\xb9\xfd\xf6\xdb=\x1e\x8fi\x9a\xb1\xae\x83\xa3\x82\xf9\x1f\x06\xe6\x9fZI\xc8?-4\xda\x02\xa0\xce\xfe\xfd\xfb\xf7\x8f\x1b7n\xc1\x82\x05\xea\xc5.\xddz\\{\xc3\x94\xa1\x17\\\x96_X(%D\xa3\xba\xa1\x1bBp)E#\x8d\xe1\x90\x08\x80\x9a\xfa`\xb1Xmv\x9b\xa6\x81\xbf*\xb4\xfc\x87o\xe7\xbe\xfc\xf7%\xdf,T\xdf\xd3\xb5k\xd7W_}u\xd0\xa0Aj\x84\xf0\xa8.\x0f1\xff\xc3\xc3\xfcS+\xd1\xf9\xa7\x8b\xc6Y\x00T\xd1^\xb0`\xc1\xb8\xf1\xe3\xf7\xef\xdb\x07\x00\xed;u\x19\x7f\xcb]\x17\\6*;\';\xe0\x0f\x19\x86\x0e@(\xa5\x84@\xf5\x90P\xa6\x92RJ!\xa4\x94L\xd3\\YY\x9c\x8b%_\x7f1\xfb\x85\'\x96.\xfe\x1a\x00\xac6\xdb\xe3\x8f=6u\xea\xd4\xa3\xfa\x0c`\xfeu\x87\xf9\xa7V"\xf2O#\x8d\xb0\x00\xa8\xb3\x7f\xd6\xacY\x93&amp;MR\xaf\\5n\xf2\xd4\xfb\x1e,hR\xe0\xf3\x06\xb8iR\xc6\x1a\xdf\x1b\x19\x17\x9csB\x88;;\x9bs\xf3\xf5\x99/&gt;\xff\xd8\xf4\x80\xbf\n\x00&amp;N\x9c8s\xe6L\xcey]&amp;\xc9a\xfe\xc7\x0c\xf3O\xad\xb8\xe4\x9f^\x1a[\x01Pw\xbe\xb1\xb3\xdf\x93\x93\xf7\xc0\x13/\x0c\x1f}U\x95/\xa4\xebz#\xee\xcb\x8b#\xf51\xc8/\xc8^\xb9\xec\xa7\xfbo\x9d\xb8i\xfdj\xa8\xf9\x0c\x1c\xf1:\x08\xf3\xaf?\xcc?\xb5\xea\x93\x7f\xdaiT\x05\xe0\xa0\xb3\xbf\xa0I\xb3\x17\xe6\xbe?p\xc8\xa0\x92\xa2J\xa6i\x8d\xe9mK\x02\xc30rrs\xcbK\x8bo\xbc\xea\x92\xd5+\x97A\xad\xeb\xa0\x83\x1e#\x8a\xc1\xfc\xe3\x08\xf3O\xadc\xc8?\x1d5\x9e\x02\xa0\xde\x98E\x8b\x16\r\x1d:\x14\x00r\xf3\x0b\xde]\xf0c\xdb\x0e\x9d|\x95\x95\x9a\xc5\x92\xea\xa3KK\xdc4\xadv\x1b\xa3l\xec\xe5\xe7._\xf2\r\x00\xcc\x981c\xfa\xf4\xe9\x7f8/\x02\xf3\x8f;\xcc?\xb5\x8e*\xff4\xd5H\n\x80\x9a\xae[\\\\\xdc\xb3g\xaf\x92\x92\xe2lO\xce+\xf3&gt;\xees\xf2 \x9f\xd7\xabix\xf6\x1f;\xce\xb9\xcdn\x0b\xf8|\xe3G\x9e\xbfa\xcd\xcf\x84\x90\x05\x0b\x16\x0c\x1d:\xf4\xa0\xeb \xcc?A0\xff\xd4\xaac\xfe\xe9\xab\x91\xcc\xfe\x95Rr\xce\xaf\xb9\xe6\x9a\xe2\xe2"\x00\xf8\xcbc/\x0c\x1c2\xd8[\x89g\x7f}1\xc6\xa2\xe1H^a\x93gf\xce\xf3\xe4\xe4J\t\xd7\\smQQ\x11!D\xad*\xa3`\xfe\t\x82\xf9\xa7V\x1d\xf3O_\x8d\xa1\x00\xa8j&lt;o\xde\xbc\x85\x0b\x17\x02\xc0\x15\xd7L\xb8|\xcc\xd5\xc5E\x95\x16\xbc\xf3\x8d\x07\xa6i&gt;\xaf\xb7K\xf7\xe3\xee{\xe4Y\x00Y\\\\t\xef\xbd\xf7RJc\xf7\x8e\x98\x7fBa\xfe\xa9u\xc4\xfc\xd3Z\xdaw\x01\xa9\x15-\xbc^\xef\x80\x01\x03\xb6o\xdf\xde\xaam\xfb\xf7\x17-\xb7\xd9\xecj(?\xd5G\xd7xp\xcesr=\x93\xc7\\\xfe\xc5\x7f?\xb0\xd9l\x8b\x17/\xee\xdb\xb7\xaf\x94R-!\x89\xf9\'\x1a\xe6\x9fZ\x87\xca?\xdd\x17\x8aH\xef\xa3\x07\x0059w\xce\x9c9[\xb7n\x15BL\x98rOA\x93&lt;]\xd7\xf1\xec\x8f/B\x88\xa1\x9b7\xdf\xfd\x80\xcdn\x8fF\xa3\xd3\xa7OWM\x0f\xe6\x9f\x1c\x98\x7fj\x1d*\xffT\x1fW}\xa5w\x01\x90R2\xc6\xc2\xe1\xf0\x9c9s\x08!\xed;u\xbdh\xc4h_e\xa0\xd1\x8c\xd17\x1c\x94\xd2@ \xd0\xa3W\xcfs/\xba\x1c\x00\xbe\xfb\xee\xbb\x8d\x1b72\xc6(\xa5\x98\x7f\x12`\xfe\xa9u\xa8\xfc\xd3}$ \xbd\x0b\x80z.c\xd1\xa2E\xeb\xd7\xaf\x97R\x8e\x9d|G\xb6\xc7\xcdM3\xd5\xc7\xd58QJ\xf5\xa81\xee\xe6\xbb\x1cNW0\x18\x9c={\xb6z\x11\xf3O\x0e\xcc?\xb5\xfe0\x7f,\x00\xa97w\xee\\BH\x93\xe6-\xce\xb9px\xc0\x1f\xa2\x8dbzV\x03D)\r\x06C=z\xf5\xea?\xe84B\xc8\xfb\xef\xbf\x1f\x08\x04\x00@]~b\xfe\x89\x86\xf9\xa7\xd6\xef\xf3\x0f\x85B\x9a\xa6\xa5uGP\x1a\x17\x00\xd5\xff\xe3\xf3\xf9\x96/\xffIJ9\xf0\xb4\xb3\x0b\x9a\x14\x18\x86\x81\xbd\x9f\t$%!p\xd6\xf9\x97J)\xf7\xed\xdb\xbfa\xc3\x06\xd34\x97-[\x86\xf9\'\t\xe6\x9fZ\xbf\xcd\x7f\xf5\xea\xd5\x90\xe67\x01i\\\x00T\xee+V\xac\xd8\xbbw\x0f\x00\x0c\x19:,\xd5G\xd4\xf8Q\xc6\xc2a\xfd\xe4\xc1gd\xb9\xb397\xbf\xfb\xee\xbb\xb5k\xd7\xee\xdf\xbf\x1f0\xff\xa4\xc0\xfcS\xeb\xa0\xfc?\xff|&gt;\xd4\xec\xba\x93\xa6\xd2\xb8\x00\xa8\xdc\x97/\xff\t\x00\x9c.W\xb7\x1e=\xa3\x11=\xddge5p\x84\x10=\x1am\xde\xaaM\xdb\x0e\x9d\x00`\xf5\xea\xd5K\x96,\x01\x00\x97+\x0b\xf3O\x02\xcc?\xb5\x0e\xca\x7f\xc5\x8a\x9f\x00 \xad3O\xe3CW\xb7\xba+W\xae\x00\x80Vm\xda7m\xde\x12\xef\x7f\x93@\x08\xe1p\xda\xba\x1e\x7f"\x00\xac^\xb3\xe6\xb3\xcf?\x07\x80\x16m\xdab\xfe\xc9\x81\xf9\xa7V\xed\xfc7n\xdc\x18\x08\x04\xd2\xfa\xa1\xb04\x9e.\xa6\xe6\xe1\x96\x96\x96\x02@^A\xa13\xcb\x1d\xf0W\xa5u5N\x0bRJ\xc6\xa0i\xf3\x96\x00PYQ\xa1:\xe2\xf2\xf21\xff$\xc1\xfcSK\xe5\xdf\xacy+\x00\xf0z}\xe1p8+++\xd5\x07u\xec\xd2\xb5\x00\xa8g\xf0\xbc^\xef\xe6\xcd\x9b\x01\xa0c\x97\xee\x9a&amp;\xd3\xb7\x0e\xa7\x11J\x88iB\xc7.\xdd\x01\xa0\xb8\xb8\xb8\xac\xac\x0c0\xff$\xc2\xfcSK\xe5\xdf\xa1K7\x00\xa8\xaa\xf2m\xdc\xb8\xb1\xb0\xb0P\x08\x91\xa6k\xc3\xa5k\x01P\xa4\x94\x86a\x02@n^&gt;\xa5\x8d\xe1\xc1\xbc\xb4 %\xe4\xe6\xe5\x03\x80i\x9a\xea\n\x14\xf3O&amp;\xcc?\xb5b\xf9\x0b!\xcc4\x7f\xea"\xedo\x18U\xa7g\xba\xbf\riG\x05\x1e\xdb\x1d\t\xf3O2\xcc?\xb5b\x81\xa7\xfb\xa0K\xda\x17\x00%\xdd\xdf\x86\xb4sP\xe0\x98\x7f\x92a\xfe\xa9\xd5h\x02o$\x05\x00!\x84\xd0\xd1\xc2\x02\x80\x10B\x19\n\x0b\x00B\x08e(,\x00\x08!\x94\xa1\xb0\x00 \x84P\x86\xc2\x02\x80\x10B\x19\n\x0b\x00B\x08e(,\x00\x08!\x94\xa1\xb0\x00 \x84P\x86\xc2\x02\x80\x10B\x19\n\x0b\x00B\x08e(,\x00\x08!\x94\xa1\xb0\x00 \x84P\x86J\xef\xfd\x00\xd2\x8e\x94RJ!%\x00HP\x8b\xb7\x13\x00 $\xb6\xb4ocYe\xb0\xc1\x92RT\xbf\x03\xea-\x88\xe5O\t!x=\x94X\xb2\xc6\x1f\x9c\xff\x946\x9a%6\xd3\x08\x16\x80\x84\x93R\n!\x00$c\x9a\xd5j\xb3X-\x94\x12J\xd5\xa9\x0f AJ\x10\x02\x0c\xc30t]\xad3\x9e\xa6\xbb\x0b5dBp)%c\x9a\xcd\xe6\xb0X-\x94\xaaV\xa7V\xfe\xba\xa1\xebQ\xceMB(n\xac\x18GRJ)\x84\x04I)\xb3X\xad\x16\x8b\x951Bh\xcd\xa5\x8e\x04)\x81s0t]\xd7\xa3BpJ)V\xe2\xa4\xc1\x02\x90@RJ\xc1\xb9f\xb5f\xb9\xdd\x8c\x81\xdf\x1f\xda\xbfw\xd7\x81}{\xcaJ\x8a\xbd\x95\xe5\xd1pXJi\xb1\xd9\xb2=9\x05\x85M\x9b\xb7j\xd3\xbce\xab\x9c\\\x8f\x10\x10\x0c\x048\xe7X\x06\xe2@J.8cZ\x96\xdb\xa3i\xe0\xf7\x07w\xef\xdc\xb6o\xcf\xce\xd2\xe2\xa2*o\xa5a\x18\x9a\xc6\xdc\xd99\x85M\x9b\xb7j\xdb\xbeE\xab6\xb9y9\xba\xceC\xc1\x00\x00\xc12POB\x08)\x85\xc5bu\xb8\xdd\x8cA(\x18)-:P\xb4\x7foiIQeyY8\x14\xe4\x9c[,\x96\x9c\xdc\xbc\xc2f-Z\xb7m\xdf\xbce\x1b\x87\xd3\x1a\x0e\xeb\x91p\x88R\x867\x04I\x80\x05 !T\xd3ow8\x1c.[yi\xc5\x92\xaf\xbe\xf8v\xe1\xa7\xabV.\xdb\xb3s{8\x14\xfc\xc3\x1f\xb1\xd9\xec-\xdb\xb4\xeb\xd5\xef\xe4\xb3\x87]6p\xc8Y\x9e\x1cO\x95\xd7\x87\xf7\xc5\xf5\xc19gL\xcb\xc9u\x07\x03\xe1\x1f\xbe]\xf4\xe5\xe7\x1f-_\xf2\xed\xee\xed[#\x91\xf0\xef\xbf\xd9f\xb3\xb7\xeb\xd8y\xe0\xe9C\x87]:\xb2g\xdf\x01\x86a\x84CA\xc6\xf0\x03r,\xd4U\xbf\xd3\x95e\xb5\xb1\xb2\x92\xf2\x1f\xbf\xfb\xf2\xfb\xaf\x17\xfe\xbc\xfc\x87\xdd;\xb6\xfa\xab|\x7f\xf8#NWV\x97n\xc7\x0f9\xe7\xc2a\x97\x8e\xea\xd4\xb5\xb3\xbf*\xc89\xc7\x1a\x9chx~\xc7\x1f\xe7\xdcj\xb5\xbar\xdd;\xb6l\xff\xcf\xdb\xff\xfe\xf8\xbd7\xf6\xec\xdc\x1e\xfb*!\x84PJ\x00~\xed\x03\x02\x90RF\xa3\x91\xed[6m\xdf\xb2\xe9\x83ys\xbb\x9f\xd8\xfb\x86\xa9\x7f:\xff\xd2\x91\xa1`PpN\xf0cp\x94T\xb7[\xb6\xc7\x13\x0c\x04\xde\x9a3\xf3\xed\xb93\xd7\xaf^\x19\xfb*\xa1\x94V\x97UR\xf3\xed2\x1a\x8d\xfc\xb2a\xed/\x1b\xd6\xfe\xfb\x95\xe7\xce\xbd\xf8\xf2)\x7f\x9a\xde\xb9[w_\xa5\x0f\xef\xc3\x8e\x96\x94\xd2f\xb7[,\x965\xff\xfb\xe9\x93\xf7\xe7}\xf9\xd9\x87{w\xef\xac\xfd\r\x942B\xe0\xd7\xf0\x01\xa4\x10\xa1``\xd5\x8ae\xabV,\xfb\xd7\x8bO]=~\xf2\r\xb7\xdfk\xb3\xdb#\xe10\xe6\x9fPX\x00\xe2/\'\xd7SRT\xfc\xe2\x13\x7f}\xe7\xdf\xff\xf4y+\x01@ukJ)\xd4\xb6\xddR\x08 \x04\xaaG\xc1\xaaG\xc6H\r)\xe5\x865\xff\xbbm\xdc\xa8%\xdf,\x9a\xf6\xd8s\x84\x10\xce9\xde\x07\xd4\x9d\xeaX\xc8\xf6\xb8\x17}\xf6\xc9\xf3\x8f&gt;\xb0a\xed*\x00 \x84P\xca\xd4[ \x85\x10\xbf\x16\x80\xea\x02\\\x13?\xe5\xdc\xfc\xfc\xc3w\xbf\xffj\xc1\xf4\'^\xbct\xf4\x18o\x05\xd6\x80\xa3 \xa5\xb0Z\xad\xdb6o|\xf1\xf1\x07\xbf\x9c\xff1W{\x17SJk\x9f\xffj\x14^\xbd\x05\xf2\xe0\xfc\xfdU\xbeW\xfe\xfe\xe8\xd2\xef\xbfy\xf6\xd5\xb7\x0b\x9b6\x8b\x84#x\x1f\x908\x98l\xfc}\xf2\xfe\xdb#\xcf9e\xe6s\x8f\xf9\xbc\x95\x8ci\x84R!\x84\x10\x9c\x10B)U\xcd\xbd\xa8EJI)\xa5\x94\n!8\xe7B\x08J)c\xda\xbb\xaf\xcd\x9a:\xeeJ\xc6T/\x90L\xf5\x9f\x95\x1e\xd4\x85\x7f4\x1a\xb9\xf7\xd6\x897^u\xf1\x86\xb5\xab\x18c*v\xceM\x00\xa2:\x97kf\xa3\x08\xf5\xff\x18c\x84\x10!\x04\xe7j\x10^\xf3W\xf9\xee\xba\xf1\x9a7f\xfd#\'\xd7\xc3M\x9e\xea?+mH)5\x8b\xb5\xb2\xbc\xec\x8b\xff~\xc0M\xce4\x8d\x10*\x7f=\xff\x19\xc4\xe6\x02\t!\xc5\x1f\xe4O\x08\xd1,\x96U?\xfd8q\xe4\xb0*\x9f\xd7b\xb1\xa8\xb2\x81\x12\x01\x0b@\xdcH)\x99\xa6\xf9\xbc\x15\x7f\xbey\xec\xde\xdd;4\x8b\x85\x10\xc2\xb9\tR2\xc6\xa4\x94\x9cs\xce9\x00\xe4\xe5\x17v\xe8\xdc\xb5\xfb\x89\'u?\xf1\xa4\xb6\x1d:\xbb\xb2\xdc\xaa\xe9\x87\x9a\xcd\xa6\xd5\'\xc1b\xb1|5\xff\xe3\xc7\x1f\xb8\xdb\x9d\x9d\xc5\xb9H\xf1\x9f\x97\x0e\xa4\x94V\x9bu\xc5\xd2\xc5c.:\xfd\xbd\xd7f\xab\xb2Z]S\xab\x9b\x18\xce\xb9)\xa5t8\x9d\xf9\x85M\x9a6o\x99\x93\x9b\xa7\xee\xb1T\xddU\xbf\x87sS\xfd\xec\x83w\xdf\xbc\xf8\xcb\x85n\x8f[\xbd;\xe8\x88(e\x01\xbf\x7f\xd0\xe9g\x9eq\xdeE\x84\x00HI\x08\xd4:\xffM)\xa5\xdd\xe1\xcc/l\xda\xb2u\xbb\x96\xad\xdb\xe6\xe4\xe5\x03@\xed\xfc\xa5\x94\xa6ah\x16\xcb\x96M\xeb\xa7\xdfq\x93\xcdn\xc3\x02\x908\xd8\x05\x147\x84\x10=\x1am\xd9\xba\xcd\xb4\xc7\x9e\xff\xcb\xed\x93\xa4\x90\x00\xc0\x18S\xed\xbe+\xcb}\xcaig\r&gt;\xf3\xdc\x1e={7m\xd1\xca\xe9\xca\xb2X,\x00\xa0\xeb\xba\xaf\xb2|\xd3\xfa\xd5\x9f\xbc?o\xfeG\xef\xab{au\xc6\x1b\xa6\xc9\x18{}\xd6\x8bg_0\xfc\xe4\xc1\xa7\x05\x02\x01u\x01\x85\x0eE\x08\xe1p\xd8\x17}\xfa\xf1\xe6\rk\xad6\xbb\x1e\x8d\x80\x9a`\x0e 8\x07\x80&gt;\'\x0f&gt;\xfd\x9c\x0bN8\xa9_\x8bVm\\YnJ\x99a\xe8\xa5\xc5E\xabW\xfc\xf8\xc1[s\xd7\xadZ\x19\x0b_\xb5GR\xca\x19w\xdf\xfc\xc1\x97\xcb5\xcdR\xd3q\x87\x8e\x80\x00\x08!\xaf\x1a;\xf9\xeb\x05\xff\x05BT\xf2\x0e\xa7\xab\xef)\xa7\x9er\xdaY\xddO\xe8\xd5\xbcU\x9b,\xb7G\xb3h\x00\x10\x8dDJ\x8a\xf6\xff\xfc\xd3\x0f\x1f\xcc\x9b\xbbq\xed*B\xa9\x14\x02\x00L\xc3`L\xfb\xe2\xbf\x1f|\xbd\xe0\xb33\xcf\xbb\xc0\xef\xab\xa2\xd8\x11\x97\x00X\x00\xe2\x891V\xe5\xab\x1a=v\xe2\x0f\xdf.\xfa\xfc\xc3w\x99\xa6q\xd3\xcc/lz\xd5\xd8\x1b/\xba\xe2\xeav\x1d;S\x06F\x94\x1b\x86!D\xf5\xdd\x80\xa6iM\x9a\xb7l\xdd\xae\xc3y\x17_\xf6\xd5\xfc\xcf\xfe|\xf3\xd8\xf2\xb2\x92\xeaf\xa8\xe6\xc2g\xce\xcbO\x9fr\xda\xe9\xd8\ttD\x8c1\x7fU\xe0\xae\xe9\x7f\xdb\xbai\xddw_\xcegL\x03\x90\x9cs\t0d\xe8\xb0\xf1\xb7\xdc\xd5\xf7\xe4Sm\x0e\xcd4\xa4\xa1\x1bBp)\x81PR\xd0\xa4Y\xaf\xbe}F^7\xf1\xd5\x17\x9f~\xf6\x91i\xb5\xbb\xe9\x18\xd3vm\xdf\xf2\x9f\xb7_\x1b;\xf9\xd6\xcar/\xd3\xf0\xf3rd\x94\xb1\x80?0\xe8\x8c\xb3z\xf4\xec\xb3n\xd5\x8an\'\xf4\xba\xe8\xf2\xab\xce&lt;\xff\xe2v\x1d\xbbX\xac\xc44\xc00t\xc1\xb9*\xb4\x0e\x87\xab\xa0I\xb3\x93\xfa\xf5\xbb\xf2\xfa\x1b^z\xe2\xa1W\xfe\xfe7\xd5\x17\n\x00\x00\x92\x10\xf2\xf6\xdcW\xce&lt;\xef\x82\xd4\xfeE\x8d\x18\x9e\xd0qF\x08\x84\x82\xe1\xe9O\xbc\xf0\xf3O?\x16\xed\xdbs\xfd\xe4\xa9co\xba\xa3u\xdb\xd6\xa1\xa0\xee\xf7\xf9$HB(Q\x1d=5\xbd=B\xd7\xa3\x91\x88\x14b\xe8\x85\xc3\x1c\xce\xf7&amp;\x8c&lt;/\x1a\x8d\x92_\x9f \x83e\xdf\x7f\xbds\xdb\xb6\x16\xad\xdb\xe8\xd1(\x8e\x06\x1f\x9e\x14\x82s\xf1\xf8\xcbs\xaf&lt;o\xf0\xae\x1d[\x01\xa0M\xbb\x8ew\xcdx\xec\xdc\x8b.\x07\x80\xa0\xdf\x1f\n\x8a\xdf&lt;\xf4\xcb\xc1\xd0\xf5`@PJ\xef\x98v\x9f\xcdf\x7f\xec/w\xaa\x1a\x00\x00\x12$!\xe4\xc3w_\xbf\xf2\xfa\x1b\xf0\n\xb4\xee\xa4\x94\x94\x92\xa9\xf7=TZ|\xe0\xc2\xcb\xaftf9\xc2!=\x18\xf0K!~\xf7\xc457\x0c=\x18\x10\x8c\xb1\xfb\xfe\xf6\x88\xdf\xef{s\xf6K\x942!\xb8\x1a\x1e[\xb9\xf4\xfb}\xbbw\x174if\x18:\x9e\xfcq\x87c\x00qF\x085t=7?\xff\xf1\x97\xfe=\xfb\xdd\xcfg&lt;\xf9\xf7\xbc\xfc\xc2\xf22\xaf\xaeG)c\x8ciTM\xed\xaf9\x95\xd5\xd4\x07\xc6\x98f\xb1\x14\x1f\xa88\xf5\xcc\xd3F^;Q\n\x11\x1b.\xa3\x94\x86C\xa1\x8d\xebV\xd9l\xd6\x9a+#tH\x84\xd2h$\x92W\xd0\xe4\x99\xd9o\xb9\xb2\xdc\x17\x0c\xbf\xf2\xbd\x85?\x0e\xbbtD\xc0_\x15\xa8\xaa"\x942MS\xe3\xc01\x94RM\xd3\x08!\xc5\x07|\xe3n\xbe\xbd\xdf\xa0!j\xcc\x00\x00\xd4(\xe5/\xeb\xd7\xec\xd8\xb6\xc5f\xb7K\xcc\xbfn(\xa5\xa1@x\xe0\x90\xb3G\x8c\x19k\x9a\xbc\xb2\xcc\xabG#\xf4\x8f\xc2\x8f\xe5/\xa5\xf4VDn\x9cz_Nn\x9e\x1a1\x96R\xaaIA;\xb6\xfeb\xb5Y1\xfcD\xc0\x02\x10\x7f\x94\xb1\x80?\xd8o\xe0\xa9\x83\xcf&lt;\xb7\xac\xd8k\x18\x86j_\x8e\xf8\x83\x9a\xc6B!s\xd8eW\x12J\x84\xa8\x1euT\x0f\x01\xec\xd9\xb9\x9d2\x00\x1c\r\xab\x03\xc6X\xc0\xef\xef\xd6\xa3\xe7\xdb\xf3\x97&lt;\xfa\xc2\x1c\x97\xdb\xe3\xad\xf0R\xca\x0e\x7f\tO\x08\x01))%W\x8c\x19\x1f{Q\x15`C\xd7\xb7o\xdeh\xb5Z\x04\xe6_g\x84\x92p8\xe4\xf3\xfa\x00@\xcd\x05:\xfc\xf7SJu=\xda\xa4y\x8b\x9e}OV\xff\n\x00\xea\x81\x99\xa2\xfd{\x19#\x18}"`\x01H\x08u\xd9\x1e\x0c\xf8Y\xdd\x9a~\x85\x10j\xe8F\xcb\xd6\xedrr\xf3\xd5h0\xd4&lt;-\x13\xf0\xfb(\xc1Q\x80\xba\xa2\x94\x86\xc3\xe1\x0e\x9d\x8e3MC\x8fD\xea\xd8wO\x19\x8dF\x8c\xee\'\xf6\xb6X\xad\xa2\xe6\xd9\x0b\xd5r\x15\xed\xdf\xa3n\xc9\x12z\xd8\x8d\x0c\xa5\xf4(\x1f\xa1\x90\x8cA\xf3\x96m\x00\xa0\xf6x{0\x10 \x040\xfcD\xc0\x02\x90(j\x1e\xe1\xd1\xfe\x94\x94\xd2f\xb3\xb9\xb2\xdc\x00\xd5\x9f\x01u\xd63\xc6dM1@uA)\x8dF\xc2\xaa\x8b\xa1\xce?D87s\xf3\xf2\xb3=9\xb5^\x03Pm\x10`\x13\x94h\xbf&gt;\x1b_\x1b&gt;\x88\x978X\x00\x1a\x18BL\xd3\x8c\xaa\xc5j\xd4\x07A\x02\x00\xe4\xe6\x17J\x81\x15\xe0\xe8\x1c\xc3\x12\x1aR\x02\xa5T\xd3,\x07\xbd\x8emPrp\x01\xa5\xc5\x07\x00bO\x08\x03\x00\xe4\xe4\xe5\x0b\x01x\xf6\'\x02\x16\x80\x86DJ\x8b\xa6\x95\x15\x17U\x96\x97\xab\x7f\x05\x005\x18\xd0\xaecgn\x02~\x06\x12\x8dPb\x18z$\x1c\xfa\xf5%)\x01 \xdb\x93+\xf1\x16,\x91\xa4\x94\x9a\xa6\xf9*+\xd7\xaf\xf9\x1f\x00\x08)\x00@\x8d\x06\xb7j\xd3\xce4\x05N\x01J\x04,\x00\r\x08\x17\xdc\xee\xb0,[\xf2\xb5i\x1a\x8c15g\x14\x00r\xf3\x0b\x8e;\xbeg$\x12\xc6EQ\x12JJ\xa9i\x96\xf2\xd2\xd2\x80\xbf\xaa\xf6\x8b\x00\xd0\xbcU\x1b\xf5\xa4v\xca\x0e\xae\xb13M3\xdb\xe3Z\xf8\xe9\x07E\xfb\xf6RJ\xa5\x90j\xbe\\\x8b\xd6m\xdaw\xee\x1a\x8dD(\x16\x80\x04\xc0\x06\xa5\xa1\x10BX,\xd6*_\xe0\xad9\xaf@M\xbb\xa3&amp;\xa4\x9fu\xde\xc5\xcd[6\xc7\x87\x00\x12MJi\xb5\xb2-\x9b\xd6\xa9\xcd\x18\xd48\xbc\x10\xc2fw\xb4\xeb\xd8Y\xd7ul\x83\x12\x84\x9bfVV\xd6\x9e\x9d{\x9e\x7f\xf4\x01\xf2\xeb\x0ci*\xa5\x1c:\xec\xb2\xbc\xfc\\\xd3\xd0\xf11\xecD\xc0\x07\xc1RO-\x93b\xb1X&lt;\xb9\xae{o\xb9i\xfb\x96M\xeaA\x185\x15\xdanw\x8c\x9d|G$\xa2\xe3\xa2\xd0\t\'%\x10X\xfc\xe5|\x00\xa8\xde\xab\x90R\x10\xa2K\xb7\x1e\xad\xda\xb6\xd3\xa3Q|\x0b\x12\x81\x9b\xa6\xc3\xe9\x0c\x85\x82\xb7\x8d\x1bY|`\xbfz\x12\x98\x10"\xa5\xc8rg_=\xe1\xe6p(\x8aO\xe1%\x08\x9e\xd0\xc9 \xa5TO6\xd6\xe0B\xad\x10d\x9aj\xd3\x92\xdc\xfc\x1c)\xc5\xbdSnz{\xee+\x94U\xb7\xfe\x8ciB\xf0\xdb\xa7=r\\\x8f\xe3\xc3\xc1\x10\xf6\xff$\x94\x94\xc2\xe6p\xec\xda\xb6\xe3\x9b/&gt;\x85\x9a\xa1\x17\x02DJy\xd6\xf9\x17;\x9d6\x81\xeb\xc1%\x80i\x9aY\xd9\xd9&gt;o\xe5\xc4\x91\x17\xacZ\xb1\x941\xa6\x9evd\x9a&amp;\x84\xb8\xed\xde\xbfv\xe8\xdc)\x12\x0e\xe3\xbdo\x82\xe0\x1d@\xc2I)\xadV\xab\xc5j\x8d=E\xa4\xb6 \xa7\x14(\x05\xd3\x84\xb2\x92\xa2\xcf\xfe\xf3\xf6\xbf^zz\xcb\xa6\xf5\x94R)\x84ZB\xce4\x8d\xebn\x9c:v\xf2\xed\xde\xca*\\\x85&amp;\xd18\x17\xb9Y\xb6\xa7g\xbd\xe0\xaf\xf2\xa9\xfc\xd5\xea\xa1\xeaq\xe2PP\xa7\x0c\x0bp\x9c\x99\xa6\x91\x9b\x97\xbby\xe3\x86)\xd7_\xb1\xed\x97\r\x8cij9nM\xb3\x98\x86q\xd9\xe8\xeb\xaf\xbb\xf1V&lt;\xf9\x13\n\x93M,)\xa5f\xd1\xf6\xed\xd9]\xb4\x7f\xaf\xa6\xb1\xd8J\x93\xd1h\xd4[^\xbag\xd7\x8e\x8d\xebV\xad^\xb1\xac\xa4h?\x00h\x16\x8b\x14R\x08\x93sn\xb3\xd9o\xbb\xef\xaf\x13\xa6\xdc\x1d\xf0\xfb\xf1\xf2\'\xd1\x04\xe7Y\xee\xac\xd5+\x7f~{\xce+\xb1\xc5\xc8(e\x9c\x9b\xc3\xaf\x1a\xdb\xb1K\xa7\x8ar/n\x0f\x19Gj\x9d\xab\xfc\x82\xdc\xaf\x17,\xb8\xfb\xa6k+\xcaJ\x18cj3\x00\xca\x98i\x1a\x17\x0c\xbf\xf2\xe1g\xff\x19\x0c\x06\xf1\xe4O(&lt;\xa7\x13\x8bs\x9e\x9b\xe7~\xf1\xcd\x7f\xcd|\xee\xb1\xc3|\x1beL\na\x1a\x06\x00\x10B\xce\x1ev\xe9Mw\xdc\x7fb\xdf&gt;\xbe\xca*\xb5^J\xb2\x8e7#I\xa9n\xbc\xfez\xcf\x94H$\xac\xde\x0bB\xa9\x90"/\xbfp\xc2\x94\xbb\x82\x81\x08.\xc4\x1dGj\xb1\xd5\xdc&lt;\xcf\x9c\x97_x\xe4\xfe\xdb\x05\xe7\xb4\xfa\x96\x8b\x12\x02\xdc4G\x8f\xbd\xf1\x81\'^\x88F\xa2RH&lt;\xf9\x13\n\x0b@2\xa8\tm\x9a\xa6\x99\xa6\xa9^Q\xeb\xc1\xa9\xf5g\xd4\x0e\xf2L\xd3\xfa\x9dr\xda\x99\xe7]t\xe6y\x17u\xea\xda1\x180\xcaK\xcb\xadV[j\x8f&lt;\x13\x98\x9c\x17\x14\xe6&lt;|\xef\xdd\xff[\xbeDu\xfe\x00\x00\xa5\x94\x9b\xe6\xd4\xfb\x1fn\xd5\xa65.\x04\x1dWRJ\x99\x9d\x93\xfd\xe4\x8c\xfb^\xf9\xfb\xa3j18\xc1\xb9\xba\xf1\x92\x12\xee\x98\xf6\xb7\x9b\xee\xbc7\xe0\x0f\xa82\x9c\xea\xa3m\xe4\xf0\xb4N\x86\xdf_\xc5\xa8\xe5\xfe\x7f\xb3\xb8\x98\x04\xd3\xd0\x0f\xec\xdb\xb3\xe2\xc7\xc5\xc1`\xa0s\xd7\xe3s\xf3\xf2\xfdUU\x84\xc0\x11\x17\xd2B\xc7\xcc4\x8c\xfc&amp;\xb9o\xcd\x9d\xf3\xea\x8bO\xc5Z\x7f\xc64n\x9ag\x9d\x7f\xc9\xa8\xeb&amp;b\x1ft|q.r\xf2&lt;\xcf&lt;\xf4\x97W\xfe\xfe\xa8\x9a\xe6 j\x06\xbd\xb2sr\x1fyn\xf6\x05\x97\r\xaf\xac\xf0\x115J\x86\x12\x0c\xcf\xecd\xe0\x9c\xab\x8d\xee\x0eZ\xe5D]\xfe\x00!j\xc7\xda\x15K\xbf_\xb1\xf4{\x00\xb0\xdal\x03\x06\x9f1z\xec\x8dg\x9ew\x91\xa1\x1bz4\x82\xd3\xe0\x12\xc14\x8c\xdc\xfc\xdc\xaf\xe7\xcf\x9f~\xe7\x8d\xb5\xba\xfe)\xe7f\xeb\xb6\x1d\x1e\xfa\xfb?\xf5h\x04{ \xe2\x88s\xd3\x93\x93\xf3\xd1;o\xbd\xfc\xd4\xc3L\xd3\xd4\xb60\xaa\xf5o\xd3\xbe\xd3\x0b\xff~\xbfG\xcf\x9e\xe5e\x95\xbf_\x8a\x03%\x08\xd6\xd8\x84\x93R:\x1cN\xb7\'\'\'/\xdf\xed\xc9q{r\xdc\xd9\x1e\xa7+K\xb3X\xaa7J5M5\xc5\xd0b\xb1j\x9a\xc6\x18\xd3\xa3\xd1\xc5_\xce\x9f&lt;\xe6\xd2)\xd7_QYQ\xeat\xb9pO\xda\xb83M\xd3\x93\x97\xbbj\xc5\xf2\xa9\x13F\x1b\xba.\x01\xd4\x02\xf4RJW\x96\xfb\xd9W\xdf\xce+(\x8cFu\xbc\xfd\x8a\x17)\xa5\xd5j+&gt;\xb0\xff\xd1\xfbo\'\x84\xa8\xbd\x16T\xef\x7f\xb7\x13z\xbd\xfe\xf1W\xc7\x1d\x7fbE9\xb6\xfeI\x85w\x00\x89\xa5iZ\x95/4z\xfcM\x97_=\x16\x08\xa9^\xdeGJ\xc3\xd0\xc3\xc1\x80\xb7\xb2\xb2h\xdf\x9e_6\xacY\xb5b\xe9\x9a\x95\xcb\rC\x87\xd8J\xe8\x8c\x11\x80\x85\xff\xfd`\xf3\x865\xb3\xde\xf9\xb4U\xdb\xf6\xe1P\x08\x87"\xe3\xc54\xcd\xec\xec\xec\xad\x9b6\xdct\xf5\xa5~\x9f7\xf6\xe4\x9dZ\x01\xfa\xc9W^\xef\xd9\xb7_e\x85W\xc3\xce\x9f\xf8\x11\x82g\xb9\xdd\xaf\xbe\xf8TYi\xb1\x9a\xf1\xa9z\xff;v\xe96\xfb\x9d\xcfr\x0b\n\xfd&gt;\x1f\xb6\xfeI\x86\xe7w\xc2\xa9;\x00\x97+\xab\xf6bb\x84\x10J\x19c\x8ci\x84R\x88\x84\xcd\xed[6\xfe\xe7\xed\xd7\xde\x98\xfdR4\x12V\x1f\x0c\x00\xd04\xcb\xae\xed[\'\x8f\xb9\xec\xad\xcf\x16[mv^\xb3H=\xaa\x0fn\x9aYn\xf7\xde\xdd;&amp;]yai\xf1\x81\xd8\xac\x7fB\xa9\xe0\xfc\x91\xe7f\x9fw\xc9%\xe5\xa5\xd8\xfa\xc7\x19cZ \x10\xfe\xe2\x93\x0fjv\xfb"RJ\xa7+\xeb\xe9\x99\xf3\n\x9a6\xab\xf2\xf90\xf0\xe4\xc3\xdb\xdbd\x10\x82\x1b\x86a\x1a\xbf\xd2u=\x1c\x0e\x05\x02U\xdeJ_E\x997\x1c\x0e\xb5\xef|\xdc\xb4G\x9f|\xf3\xbf\xdf\xb4n\xd7A\x08\xa1z\x1eL\xd3\xd0,\x96\xad\xbflx\xe1\x89\xbff\xb9\x9d\xb8%d\xfdqn\xba\xb2\xb2J\x0e\xec\x9b8\xea\xc2\xbd\xbbv\xc4Z\x7fUt\xef}\xf8\x99\xd1\xe3\xc6W`\xeb\x1foR\n\xab\xd5\xb6\x7f\xf7\xae\xed[7\xa9\x89o\x941)\xe5\x95\xd7\xdf\xd0\xabo/\x9f\x17\x03O\r,\x00\xc9A~\x8fRZs\x13\xa0QJ#\xe1piIe\xaf\xbe\xfd\xff9\xef\x93\x9c\xbc|\x80\xea\x19\xd0\xdc4)\xa5\xef\xbf\xf1\xea\xf6-[\xedv\x87\xc4]\t\xeb\x81s\xeet\xb9\xcaJ\x8a\'\x8c\x1c\xb6}\xcb&amp;\xc6\xb4X\xeb\xcf9\xbf}\xda#\x13o\xbd\xbd\xa2\x0c\'}\xc6\x9f\x14R\xb3h\x07\xf6\xed\x89F"\xea\xc4VS?\xcf\xbf\xe4\x8ap\xc8\xc4\xed\x16R\x05\x0b@CA)\xb5X,\xe5e\x15\xdd{v\x9fx\xeb\x9f\xd4n\xb4P=2IB\xc1\xc0\xb7\x0b?s8\xad\xb1\xbd\x82\xd1\xd1\xe2\x9c;\x9c\xce\xca\xf2\xb2\t\xa3\x86m\xd9\xb4\x9eiZ\xf5\xa3\xa7\x94r\xceo\xbb\xef\xa1)\xf7\xdcWQ\xee\xc3\'~\x13A\x02PJ\xbc\x15\xe5P\xbdQ\x0f\x91R\xe6\x15\x14\xb6l\xddN\xd7\r\xec\xd8L\x15,\x00\r\x8b\xc5b\xf1WE\xcf\xbdp\xb8\xc3\xe5\xaa\xd5\xe3O\x08!+\x97-\x11\x12pI\xfac\xc39w8\x1dU\xde\x8a\x89\xa3.\xf8e\xfd\x1a\xa6i\xdc4\xd5\x9d\x18\xe7\xfc\xf6i\x7f\xbb\xed\xcf\xd3*\xcb}\x0c\xe7\x9e\'\x0c!\xa0\xebQM\xd34M\xb3X4M\xd3\xf2\n\x9a\xd8\x1d\x0e!\x04\x9e\xd3\xa9\x82\xa7{\xc3B\x081\r\xa3\xb0Y\xf36\xed:B\xcd\x13dR\n)\xe5\xbe\xdd;\xa3\x11\x03\xd7\x04=\x06\x9cs\xbb\xc3\xe1\xaf\xf2M\x1cu\xe1\x865?\xff\xda\xfaS*\x04\xbfg\xc6\x13S\xfetoE\xb9\x8f2\x8a\x8b\xce\'\x0e!\x10\x8dDM\xd3\xd4\xa3Q]\xd7M\xd3\xf4W\xf9(c\x00\x12cO\x15\xbc\xdbmp\x84\x10\x0e\x873;;\x07\x00j\x7f0\x82\x01\xbf\x1e\rS\xca\xa4\x10\xf8\x81\xa9;\xce\xb9\xddn\x0f\x05\xfd7\\y\xd1\xbaU+\xd4S\xbe\xb19?\x7f~\xe8\xa9\x1b\xa6\xdeY^\xe6\xc3n\xe8\x84\xa2\x94F"z\xb7\x13{\xddx\xfb}\x84\x12)\x01\xa4\xcc+l\x82cZ\xa9\x85\x05\xa0!\x12R\x98\xdc\xfc\xfd\xeb\xf8a9Z\x9cs\x9b\xdd\x1e\x89\x84n\x18}\xf1\xea\x95\xcb\xd4\xf4s\xd5\xf3\xa3\xe6\xfcL\xbc\xed\xf6\xf22\\\xe93\xe1\x08!\xd1H\xb4\xdb\t\xbd\xfa\x9e\xdc_\x9d\xc5\x04\x80s\xf0W\x05R|d\x99\r\xcf\xfb\x06FJ\xc6X(\x18\xac(+U\xff\x1a\xfb\x8a\xd3\xe5\xb2\xd9\xec\xba\x8e\x1bC\xd6\x95\xe0\xdcf\xb3\xe9\xd1\xc8\x8d\xa3/\xf9y\xf9\x0f\xbf\xe9\xf9\xe1\xfc\xfe\xbf=;~\xcam\x15\xd8\xfa\'\x0b!D\x8fF\xc3\xa1\x10\x01\x905\xaf\xe0\x8dWja\x87r\xc3"AZ\xac\xd6\x03\xfb\xf6\xec\xdf\xb3\x0b\x00\xd4jq\xaa\xc5o\xd6\xa2\x95\xcdn\xc5G\x01\xeaHpn\xb5\xd9L\xd3\xb8\xe9\xeaKW,]|P\xeb?\xed\xd1\xe7\'`\xeb\x9ftjM\\\xca\xd4\x0ch\x8a\xad\x7f\xca\xe1\xd9\x1fg\xb1\x05\xc5\x8e\xed\xc7\xb9\xc9\x9dN\xcb\xd7\x0b&gt;1\x0c=\xb6A\x92\x9a\xf9\xd3\xed\xc4\x93(\xc3n\xa0:\x11\x82[\xacV\xce\xcd\xc9c.[\xbe\xe4\x1b\xb5\x10\xb7z\xfcBp\xfe\xc0\xe3/\x8c\x9d|Ky)\xce\xf7O6\xb5\xd9\xaf\xd5fW\xe7\xb6\x1e\x89\xc8z|XP\xfd\xe1\x07 \x9e\xa4\x94\x0e\xa7\x13\x00B\xc1 \x01 \x94\x1eUw\r\xe7\xa6\xc3\xe9\xdc\xbf\xb7\xe8\x8dY/\x12B\x84\xac\xbe\xd8W\xcb\xd4\x0c\x18|\x86\x11\xc5\x15\xd2\x8fL\x08a\xb1X\x00\xe4-\xd7\x8d\xf8\xf1\xbb/\x7f\xd3\xfa\x0b1\xfd\x89\x97\xae\xbfi2\xb6\xfe\xc9\'\x84p:]R\xca\xdd;\xb7\xf9*+&lt;\xb9ym\xdaw\x04 \xe1P\x10k@\xaa\xe0g n\xa4\x106\x87\xed\xe7\xe5?\xda\xed\x8e\x93\x06\xf45\r\x08\x05\x83\xa6i\xd4~\x0c\xf8\x8f\x7fP=\x1a/\xb8\xd3\xe9\xa2\x8cN\x9b:\xb1\xa4h\xff\xaf\xab\x133&amp;\x85\xe8\xde\xb3w\xcf\xde\xfdC\xf8Q9\x12!\x84\xa6i\x84\x90[\xae\x1d\xf1\xfdW\x0bb\xad\xbf\n\xf9/\x8f\xbfp\xcd\xa4\xc9%EeL\xd3\x8ea\x81Uz\x94\x15\x1d\xc5\x08!\x9c.\xe7\xfa\xd5\xff{\xfa\xaf\x7f^\xb5bY8\x14t8]\xbd\xfb\x0f\xbc\xf3\x81G\xbb\xf5\xe8\x85\'v\xaa`\x01\x88\x1b!\x84\xd3e\xfbv\xe1gs^~\xe6\x82\xe1\xa3\x86]6\xaaW\xbf\x81y\x05\xb9 A\x8f\x9a\x86\xa1\x9b\xa6)\xa5\x04\x90 \xa1za8B\x08!L\xd3l6\xbb\xcdFwm\xdf9\xe3\xee[\xbe]\xf8\xa9Z\x9cR\xfdZB\x88\x90r\xecMw\xd8\x1d\xb6H$\x82\xdd\xa6\x87!\xa5\xb4X\xad\x94\xc0\xadcG}\xbb\xe8\xb3\xea-\xd8\x08!\x848]\xae\x87\x9f\x9d}\xcd\xf8Q\xe5\x152\xbf\xb0\xe0\xd8~\x7f(\x18V\xe5$\xbe\x87\xdd\xe8I)\xad6\xdb\x81}{\'\x8e\x1aVY^\xa6^\x0c\x87\x82K\xbeY\xb8q\xed\xaa\xf7\x16.m\xd2\xbc\xa5\xa1\xeb\x18l\xf2a\x01\x88\')\xc0\xe9r\x19\x86\xfe\xe1;\xaf\x7f\xf8\xce\xeb\xad\xdbv\xe87hH\xff\x81\xa7u;\xa1W\xb3\x96\xad\xb3\xb3s4\x0b\xa3\x14\xaaW\x98\x97 \x04\x98\xa6\xa8\xf2z7\xad]\xb5\xe8\xb3\x0f\xdf\x7f\xe3_\xde\xca\xf2\xda\xad\xbfj\xc2\x06\x9fq\xee\x85\xc3G\xfa\xbcU\xd8\xfa\x1f\x96$\x84p#z\xe7\xe4\xb1_\xcd\xff8\xb6\x01\'\xa9\xae\xcd\xeeU+\x96.\xfej\x01\xa546\x0b\xa5\xee\xd4=\xc4\xb8\xc9w\xb4\xe9\xd0I\x8f\xe2D\xac\xa3#8w\xb9l\xaf\xfd\xe7\xdd\xca\xf22\x8b\xd5j\x1a\x86Z\xe0D\xb3X+\xcaK?y\xff\xad[\xff|\x7fE8\x8c\x9dr\xc9\x87\x89\xc7\x99\x1a\xe6\xb2X\xad\x86n\xec\xd9\xb5}\xcf\xae\xed\x1f\xcc\x9b\xc34\xadi\xf3\x96-Z\xb5i\xd6\xa2Un^\x81\xc3\xe9"\x84D\xa3\x11_eE\xd1\xfe=\xbbwn\xdf\xb7{\xa7\xfa\xf1\xdf\xb7\xfe\xad\xda\xb4\x7f\xe4\xf9Y\x86\xc9\xb1\xcd9&lt;\xc1\x85\xdb\xe3\xf9\xe6\x8b\xcf\x16~\xfa\x9f\xda\xdb/\xabG\x8dJ\x8b\x0f\xfc\xfb\x95g\xeb\xf9\x9f\xb8h\xc4U\x1d\xbbv\x8f-g\x86\xea\x8a\x10!a\xc7\xd6_\x08!\x82\x0b\xf5\x8eH)\x057\t!\xdb6o\x14\x02\xf0\xd9\xc6\x94\xc0\x02\x10g\xd5\x0b\x0b\x0b!\xa5\xa0\x94\x12B\x01$7\xcd\xfd{v\xa9\x99\x9d\x87R\xb3?j\xf5\x8e\xe4\x84\x10\xd34\xdbu\xec\xfc\xf2\x1b\x1f6i\xd6"\x18\x08\xe0\xe5\x7f\x1d\xc5\x86OjS\x1b0\x1c\xf3\xefTw\x00\x9a\xa6\xe1\x93\xab\xc7H\x82i\x1a\xbfOOJ\xc9M\x03CM\x15,\x00\xf1D\x08\xe8\xd1(\xe7\x1c8W[z\xa9e|\x08!\x10\x1b\x05\xae\xb9z\x945\xff+j\x06\x81U#%\x84P\xed\xd7y\x97\x8c\x98\xf6\xe8s\xf9\x85M\xb1\xf5?*j!\xd5\xdf_\xa4\xd7g!\xd5\xd80r\xfd\x0e-SII)\x144iv\xd0T\x08B(!\xa2\xb0is\x86\xf3\x9bS\x04G\xde\xe3\x862\x1a\x08D.\x18&gt;\xea\xf2\xab\xc7\xe6\x15\x14\n\xce9\xe7BT\x17\x00Z}\xea\x93\xeaI?RV\x9f\xf1\x84PB)\xa1RJ!\x04\xe7\xa6\x94\xa2W\xdf\x93\x9f\x9f\xfb\xde\xb3\xffz\xd7\x93\x93\x17\xc2\xd6\xffh\xa8l9\xe72\xae\xd4\xfb\x88\x05\xe0\xd8\x10Ju\x9d\x0f\x19:LJ\xc9\xb9\xa96\xbe\xd64\x8dsSJy\xe6\xf9\x17\xeb:\xc7\xf9\xcd)\x81w\x00qC\x085t\xa3}\xa7\xe3\x1e\x7f\xe9_{w\xef^\xfa\xdd\xd7K\xbe]\xb8\xee\xe7\x9f\xf6\xee\xdei\xe8\xfa\x11\x7f\\\xb3X\xda\xb4\xeb\xd8\xf7\x94S\xcf\xbd\xe8\xf2\xfe\x83\x86\xd8\x1d\xf6*_\x15!@\xb1\xf5\xaf3)\xa5f\xb1\xb8=9\x7f\xd8\x0bT\x1f\xd8\x05T\x1f\x94\xd2` \xd8o\xe0\xa9\xb7\xdc3\xfd\xc5\'\x1e\x8c\r\xcf\x10Bn\xfd\xf3\x83\x03\x06\x0f\t\x06p\x1ahj`\x01\x88\'BH4\x1a\x0e\x87C\xf9\x05MF\x8c\xb9n\xc4\x98\xeb|\x95\xbe\xfd\xfbv\xef\xde\xb1m\xdf\xee]%E\xfb\xbc\x95\xe5\xc1\x80_\x8f\xeaR\nM\xb38\x9cNOn~a\xd3f\xad\xdbul\xdf\xb1K\xebv\xed=9\xd9\xa6\t\xc1\x80?\x1a\x8d\xe2\x85\xffQ\xa1\x8c\x85C\xa1\x9e\xbd\xfb\x7f\xfa\xfd\xda\x04\xfd\'\x9cYn\xb5cs\x82~\x7f#F)\r\x07CS\xfe4\xe3\xe4\xc1g|\xb3\xf0\xd3\xb2\x92\xe2\x82&amp;M\xcf&lt;\xef\xe2\xbe\xa7\x0c\x0e\xf8\xfd\x18i\xaa`\x01\x883B(c`\x18F\xb42\n\x00\x9a\xa6u\xe8|\\\xd7\xee\'0\x06\x84\x80\x10\x10\xeb\xfb\x01\x00B\x81\xd2\xeae\x11\r\xdd\xd4\xf5he\x85\x97\x00Q;E\xa6\xf2\xcfHO\xea\x0e 7\xbf@&amp;f\xdf\x1c\xd5\xb3\x94\x80_\x9c\x19\x08\t\xf8\xab\xfa\x0e&lt;\xf5\x94\xd3\x87\x08\x0e\x94\x81\x11\x15\xfe*_}\x06\xe7Q=a\x01H\x88\xd82\x87R\x88h8\x1c\x0e\x85\xa0\xfa\xe9/\x02\xb5\xda&amp;5\x1b\xae\xfa\x07\x08\xa1\x84\xe0\xdad\xf5$\xa54\x0c#A\xbf\x1cg\x7f\xd6\x13\xa54\x18\x08Toh!%\xa1\x14[\xff\xd4\xc2\xe6&amp;\xc1\xd4\xb3\xbe\xa9&gt;\x8a\x8c\x82\xcdtCF)\x05\xec\xf0i0\xf0\x9d@\x08\xa1\x0c\x85\x05\x00!\x842\x14\x16\x00\x84\x10\xcaPX\x00\x10B(Ca\x01@\x08\xa1\x0c\x85\x05\x00!\x842\x14\x16\x00\x84\x10\xcaPX\x00\x10B(Ca\x01@\x08\xa1\x0c\x85\x05\x00!\x842T#)\x00\xf8\xf4\x7f\x92\x1d\x148\xe6\x9fd\x98\x7fj5\x9a\xc0\xd3\xbb\x00\xa8\x9d:\x00\xc00t\\\xa51\x99\x0cC\x07\xcc?u0\xff\xd4R\xf9\x03@|\xb7\x9dH\xbet-\x00j\x83\x8e\xec\xec\xec\xce\x9d;\x01\xc0\xa6u\xab\r\x13pU\xf1$\x10RZ,\xb0i\xddj\x00h\xda\xb4i\xc7N\x98\x7fRa\xfe\xa9\xa5\xf2\xffe\xdd\x1a\x00\xc8\xce\xf6t\xee\xdc\x19\xd2\xf9\x86 \x8d\xcf\x18\xb5CSAA\x01\x00x\xbd\x15z$\x9a\xbeoCz\x11\x12\xca\xcbJ\x00\xc0\xedv7m\xda\x140\xff\xe4\xc2\xfcS+\x96\xbf\xcb\xe5\xcc\xcd\xcd\x05,\x00)\xa1n\xbeN&lt;\xb1\'\x00\xec\xde\xbe\xb5\xac\xf8\x80\xd5j\xc5\xfd:\x12\x8dR\x1a\x8dpu\x05\xda\xa3G\x8fs\xcf9\x07\x00\xf6\xec\xd8\x86\xf9\'\x07\xe6\x9fZ*\xff\x8d\xebV\x01@\xe7\xce\x9d].\x97\x10\x02\x0b@\n\xa8\xd0\xfb\xf6\xed\x03\x00\xfe*\xdf\xb6-\x9b\xac6\xabL\xf3.\xb9\x06NJi\xb5Z\xcbK\x8avn\xdb\x0c\x00=N8a\xf0\xe0\xc1\x80\xf9\'\x0b\xe6\x9fZ\x07\xe5\xdf\xabW\xaf\xb8\xef&gt;\x9ddi\\\x00T\x8f\xe7)\xa7\x9c\x92\x97\x97\'\x84X\xf2\xcdBM#\x02\xaf\x80\x12I\naw\xd8V\xadXZQVJ)=u\xf0\xe0\xfe\xfd\xfb\xe7\xe4\xe4`\xfe\xc9\x81\xf9\xa7\xd6A\xf9\x9fs\xce9\x90\xce\xfd?\x90\xd6\x05\x80\x10"\x84h\xde\xbcy\xcf\x9e=\t!\xdf.\xfc\xb4\xca\x17\xd24\xdc\xe3,\x81\x84\x94\x8c\x91E\x9f}$\xa5\xcc\xc9\xc9\xe9\xd3\xa7\x8f\xd3\xe9\xec\xd5\xab\x17\xe6\x9f\x1c\x98\x7fj\x1d\x94\xff\xa0A\x83\x00\xd2{\xec=\x8d\x0f\x1dj\x86\x01F\x8d\xbaRJ\xb9s\xdb\x96\xe5K\xbeve\xb98\xe7\xa9&gt;\xae\xc6IJi\xb7\xdb\xf7\xec\xda\xfb\xfd\xd7\x0b\x00\xe0\xdcs\xcfS#`W^\x89\xf9\'\x03\xe6\x9fZ\xbf\xcf\xdf\xe3\xf1p\xce\xf1\x0e e\xd4\xc6\xeb#F\\\xde\xb4iS)\xe5\xec\x17\x9eL\xeb\x01\x99\x06\x8es\xeer\xdb\xdf\xfa\xd7\xcb\xe5\xa5%\x8c\xb1I\x93&amp;\xaa\xc9\xb8#F\x8c\xc0\xfc\x93\x00\xf3O\xad?\xcc?\xd5\x07U_\xe9]\x00\x08!\xa6i\xe6\xe7\xe7\x8f\x193FJ\xf9\xd3\x0f\xdf}\xb7\xe8\x8b\xecl7^\x04\xc5\x9d\x94\xd2f\xb7\xef\xdb\xb5\xef\x9d\xd7f\x11BN:\xe9\xa4\xd3O?]\x08\xc19\xc7\xfc\x93\x00\xf3O\xadC\xe5\xaf\xaeA\xd3Wz\x17\x00\x00\xa0\x94J)\'M\x9a\x94\x93\x93\x03\x003\x9f}\x94\xe3EP\x02p\xd3\xcc\xce\xb6\xff\xfb\x95\xe7*\xcb\xcb\x00\xe0\xee\xbb\xef\x06\x00)%\xe6\x9f\x1c\x98\x7fj\x1d*\xffT\x1fW}5\x86\x02 \x84\xe8\xd2\xa5\xcb\xd4\xa9S\xa5\x94+\x96.\x9e\xfb\x8f\xe7\xf2\x0b\xb2\r\xc3H\xf5\xa15\x1e\xdc4=9\x9e\xa5\x8b\x7fxm\xd6\xf3\x00p\xdaiCF\x8e\x1c\xa9.\x7f0\xff$\xc0\xfcS\xeb0\xf9\xa7\xfa\xd0\xea\x8b4\x82"\xa6VD\t\x04\x02\xbd{\xf7\xde\xbec\x87\xcb\xe5z\xed\xc3\xafO\xe8\xdd\xa7\xca\xebc8)\xa2\xde\xa4\x10\x9a\xc5b\x1a\xfa\x95\xe7\x0f\xde\xb2i=\xa5l\xd9\xb2\xa5\xbd{\xf7V\x97\x9f\x80\xf9\'\x18\xe6\x9fZG\xcc?\xad\xa5\xfd\x1f\x00\x00\x84\x10B\x88\xc7\xe3\x997o\x9e\xc6X(\x10\xf8\xf3-\xd7W\x94\x95Z\xed6\xec\x0c\xad\')\xa5\x94\xd2n\xb7=p\xe7\xe4\xcd\x1b\xd7I)\x9fz\xea\xc9&gt;}\xfa\x08!bg?\xe6\x9f8\x98\x7fj\xd5%\xff\xb4\xd6\x18\xfe\x06\x00\xa0\x94\x9a\xa69`\xc0\x80\'\x9f|R\x02l\xd9\xb4~\xe2\xa8\x0b\x19\xa56\xbb\x9d\x9bf\xaa\x8f.]\t!\xa4\x14M\x9a{f\xdc3\xe5\xbf\xff7\x0f\x00F\x8c\x181u\xeaT\xd34\x0f\xba\xf9\xc5\xfc\x13\x01\xf3O\xad\xba\xe7\x9f\xbe\x1aI\x01\x00\x00M\xd3L\xd3\x9c:u\xea\xc4\x89\x13\x01`\xed\xcf?\x8d\xbfb\x98\xdf\xe7u{&lt;\xd8\x1fz\x0c\xb8iZ,\x96\xac,\xf7\x9fo\xb9\xe5\xed9\xff\x00\x80~\xfd\xfa\xcd\x9c9\xf3P]\x9f\x98\x7f|a\xfe\xa9u\xb4\xf9\xa7\xa9\xc6S\x00\x00\x801&amp;\x84\x989s\xa6\xfa\x0c,]\xfc\xd5\xc4Q\xc3vl\xd9TP\x98\xcb9O\xeb%;\x92IJi\x1a\x86\xdb\xe31\x8c\xe8=\x93\xaf\x7fs\xf6KB\xc8~\xfd\xfa-X\xb0\xe0\xf0k\x1fb\xfeq\x81\xf9\xa7\xd61\xe7\x9f\x8e\x1a\xc3 pmj@\x8c16i\xd2\xa4Y\xb3f\x01@Nn\xfe\xfd\x8f&gt;{\xe9\xa81\x86\xc1C\x01?\xa1\xb4qt\xde%\x82\x94\x92sn\xb3\xdb\xddn\xfb\xf2%?L\xbfk\xb2Zu\xb2\x7f\xff\xfe\xf3\xe7\xcf\xcf\xcd\xcd=b\xd7\'\xe6_\x1f\x98\x7fj\xd5?\xff\xb4\xd3\xd8\n\x00\xd4\x8c\xdbPJ\x1f|p\xc6\x8c\x19\x0f\xaa\x17\x87]:\xf2\xc6;\xee\xed~b/]7C\xc1 \x80\xa4\x945\xa6J^\x1f\xd5\x1bKIi\xb3\xdb]Y\xf6\xbd\xbb\xf7\xbd\xf9\xeaKs^zZ\xd7u\x00\x189r\xe4+\xaf\xbcR\xf7\xb3\x1f\xf3?Z\x98\x7fj\xc57\xff\xf4\xd2\x08\x0b\x00\xd4\xfa\x0c,X\xb0`\xdc\xb8\xf1\xfb\xf7\xef\x03\x00\xbb\xdd&gt;\xec\xb2Q\xd7\xdep\xeb\xf1={\x13\x02\x91\xb0\xae\xebQ!\x84\x94\x92d\xdeGA\x02H)\t\x01B\xa8\xc5ju8\xec\x8c\xc1\x9e]{\xdf}m\xe6\xbb\xaf\xcd*-.\x02\x00\xab\xd5\xfa\xf8\xe3\x8fO\x9d:\x15\x00\x8e\xea\xec\xc7\xfc\x8f\x08\xf3O\xad\x84\xe6\x9fF\x1ag\x01PL\xd3\xd44m\xff\xfe\xfd\xd3\xa6M\x9b7\xef\xadh4\x02\x00\x0e\x87s\xe0\xe9g\x9fq\xeeE\x03\x06\x0fi\xde\xb2\x8d\xddac\x0cL\x13\x1ao\x0c\x87d\xb1\x80\x10\xa0\xeb\xbc\xb4\xb8h\xf5\x8a\x1f\xbf\xf9\xe2\xb3\xc5_\xcd/):\xa0\xbe:t\xe8\xd0\x87\x1ezh\xc0\x80\x01jy\x99ch"0\xff\xc3\xc3\xfcS+\xd1\xf9\xa7\x85\xc6\\\x00\x00\x80s\xae\x86\xec\x97-[\xf6\xe8\xa3\x8f.\\\xb80\x14\n\xa9/\xb9\xb3\xb3;t\xee\xd6\xb1K\xb7\x16\xad[\xb7\xebx\\n^\xbei\x9a\x8d\xf5m\xfe-I\x085\x0c}\xd3\xba\xd5\x15\xe5\xa5\x9b7\xac\xdd\xb6ycyiI\xec\xcb\x03\x07\r\xba\xe5\xe6\x9bG\x8f\x1e\r\xb5\x02&lt;6\x98\xff\x1f\xc1\xfcS+y\xf9\xa7\x01\xd9\xd8\t!L\xd3T\xff\xbcv\xed\xda\xbb\xee\xba\xab]\xfb\xf6\xa9N\xbd!j\xd2\xa4\xc9\xb5\xd7]\xf7\xc5\x17_\xa8\xac8\xe7\x9cs\xcc?i0\xff\xd4JP\xfe\r\\#\xbf\x03\x88Q}\x9d\xaa\x98\xfb\xfd\xfe\x8d\x1b7.Y\xb2d\xe5\xca\x95k\xd7\xae\xf5z}\x07\x0e\xec\xcf\xbcg&amp;I\x93\xa6M\\.W\xaf^\xbdN\xe8\xd1c\xc0\x80\x01}\xfa\xf4),,\x84Z3I\xe2\xf8\x1f\xc3\xfc\x7f\x07\xf3O\xad\xa4\xe6\xdf`e\xcaR!j\xfb0)%!\xc4\xedv\xf7\xeb\xd7\xcfb\xb1PJ+++)c%%\xc5\x19R\x08k\x10\x00\xf0dg\xe7\xe7\xe7\xf7\xe9\xdd\xfb\x94SN\xe9\xd3\xa7\x8f\xdb\xedV_\xe3\x9c\xc7}\xbc\x0b\xf3\xff-\xcc?\xb5\x92\x9d\x7f\xc3\x95\x92\xfb\x8e$\x8b\xdd\x02G\xa3\xd1\x8f&gt;\xfah\xf8\xf0\xe1\xadZ\xb5Nu\xf0\rKvv\xf6Yg\x9f=s\xe6\xcc\xe2\xe2b\x95\x95a\x18\xaa\xc9\xc0\xfc\x93\x00\xf3O\xad\x84\xe6\xdf\x905\xf2. \xf5\xd7\x11B|&gt;\xdf\xacY\xb3^\x7f\xfd\xf55k\xd6\xc4\xbe\x9a\xe5v7o\xd9\xa6\xb0i\xd3v\x1d\x8f\xcb\xc9\xcb\xe3fz\xef\xeeVG\x12$!\xc44\x8cM\xebV\xfb\xbc\x95{vn\xf3VV\xc4\xbe\xda\xbcy\x8b\xab\xaf\xbej\xc2\x84\t]\xbbv\x85z\xcf~\xc3\xfc\x7f\x0f\xf3O\xadd\xe6\xdf\xf05\xe6\x02\x10\x1b\xc1\x9f3g\xce\x13O&lt;\xb1i\xd3&amp;\xf5z\x8bVmN&gt;\xed\xcc!g\x9f\x7f\\\x8f^M\x9a6we\xb9\x99\x06\x8d\xfa]\xfe\x03R\x82iB4\x12-/-\xda\xf2\xcb\x86\x1f\xbeY\xb8\xe4\xeb\x85\x9b7\xaeS_\xcd\xcb\xcb\x9b2e\xca\xed\xb7\xdf\xee\xf1x\xd4l\xc2c\xf8O`\xfe\x87\x81\xf9\xa7V\x12\xf2O\x0b\x8d\xb6\x00\xa8\xb3\x7f\xff\xfe\xfd\xe3\xc6</t>
        </is>
      </c>
    </row>
    <row r="448">
      <c r="A448" s="1" t="n">
        <v>446</v>
      </c>
      <c r="B448" t="inlineStr">
        <is>
          <t>shape_morph</t>
        </is>
      </c>
      <c r="C448" t="inlineStr">
        <is>
          <t>What is the missing shape of the part denoted with a question mark?</t>
        </is>
      </c>
      <c r="D448" t="inlineStr">
        <is>
          <t>['circle', 'square', 'triangle', 'pentagon']</t>
        </is>
      </c>
      <c r="E448" t="inlineStr">
        <is>
          <t>pentagon</t>
        </is>
      </c>
      <c r="F448" t="inlineStr">
        <is>
          <t>There are eight shapes arranged in a grid. The top left shape is a ? and the bottom right shape is a hexagon. The other shapes do not appear to regular shapes.</t>
        </is>
      </c>
      <c r="G448" t="inlineStr">
        <is>
          <t>We observe that from the bottom right to top left direction, the shapes look like a hexagon but gradually change shape into something like a pentagon. Hence, the pattern is the the shapes are morphing between hexagon and pentagon shapes.</t>
        </is>
      </c>
      <c r="H448" t="inlineStr">
        <is>
          <t>Based on the pattern that the shapes are morphing between hexagon and pentagon shapes, the missing shape at the top left should be a pentagon.</t>
        </is>
      </c>
      <c r="I448" t="inlineStr">
        <is>
          <t>b'\x89PNG\r\n\x1a\n\x00\x00\x00\rIHDR\x00\x00\x02\x00\x00\x00\x02\x00\x08\x02\x00\x00\x00{\x1aC\xad\x00\x00\xa6SIDATx\x9c\xec\x9dg|U\xc5\xf6\xf7g\xf6\xde\xa7\xb7\x9c\x93N\x08\xa4AB\r\tR\x15BI\x00\xf1\x02\xd2BWA\xa5\x84\x0b\x12\x15\x05\xa5\x834\x0bX\x80\x00"\xa8\xa8W\x02x\x01\xf1\n!tA\x08\x90\x04BI!\x05\x12H\xcf\xe9m\xb7\xe7\xc5\xc8y\xf2GDTHN\xce\x9e\xef\x0b?1\x89f\xce\xde3\xeb\xb7f\xad5k \xcf\xf3\x00\x83\xc1`0\xc2\x83h\xec\x01`0\x18\x0c\xa6q\xc0\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c1\x02\x80\xc1`0\x02\x05\x0b\x00\x06\x83\xc1\x08\x14,\x00\x18\x0c\x06#P\xb0\x00`0\x18\x8c@\xa1\x1a{\x00\x18L\x13\x80\xe7y\x8e\xe3\x00\x00$I6\xf6X0\x98\xc7\x06\xe4y\xbe\xb1\xc7\x80\xc1\xb8#\x1c\xc7\xf1&lt;\xcf\xf3&lt;A\x10\x04\xf1\xdb^\x19\xad\x17\x08a\xa3\x0eMX\xf0\xf7\x00\x00\x10\x04\x81\x1f\xfec\x04\x0b\x00\x06\xf3\xffy\xa0\xd1\x07\x00\xd4\xd6\xd6^\xb9rE\xaf\xd7\x0f\x1b6\x0c\xfdZ\xfd\x9fb\x1e\x17\xc8\x1c\xa1\xcd\x16\xcf\xf3\x10B\x08\xe1}\x8f\x9aa\x18\x8a\xc2\xa1\x8b\xc7\x03\x16\x00\x8c\xa0A\xe6\x9e\xe3\xb8\xdf\xdb\x9a\xb2\xb2\xb2s\xe7\xceegggee\x9d&gt;}\xba\xb6\xb6\x16\x000f\xcc\x98M\x9b6i\xb5Z\x96eq8\xe8\x1f\xc2\xd7\x03\x00\x00!|\xe0#5\x1a\x8dF\xa3\xb1\xa0\xa0\xc0l2\xfdk\xc8\x10\xf4\x1f\xb2,\x8be\xe0\x9f\x83\x05\x00#8\xea\x1b\xfd\xfb,\x0e2\xfaY\xd9\xd9\xd9YY\xc7\x8f\x1f7\x1a\x8d\xae\x1f\x89(J\xadT\xd6\xe8\xf5Ou\xe9\xb2\x7f\xdf\xbe\xc0\xc0@\xec\x8a\xfe%\\\xde\xfd\x1f\xb9\xf6\xe8\xa7F\x83!\xbf\xa0\xe0\xf6\xed\xdb\x97/_.))\xb9\x91\x9b\x9b\x9f\x9fo4\x1ai\xa7\x13\x00\xd0\xbd{\xf7\xe1#F\xbc5w.\xc02\xf08\xc0\x02\x80\x11\x04\xc8\xe2#\xd3S\xdf\xe8[\xad\xd6\x9a\x9a\x9a\xf4\xf4\xf4\x93\'O\xe6\xe6\xe5\xe5\\\xb9R\xdf\xe8\x03\x00\xfav\xeb\xc6\xb2\xec\xc9\x0b\x17\xbc\xd4j\xbd\xd1\xe8\xa3\xd5\xd6\xd4\xd5\x05\x04\x06\xee\xdb\xb7\xafK\x97.X\x03\xfe\x08W\xda\xfc!\xe6\xdeh4\x1a\x0c\x86\xfc\xfc\xfc+W\xaeTVV\x9e\xcf\xc8()..\xaf\xa80\xd5{\x05\xfeZ\xad\xd1bi\x13\x11^Z^\xe1d\x18\xbd\xd1(\x13\x89:=\xf5\xd4\xf3\xc3\x87c\x19\xf8\xe7`\x01\xc0x,\x8fb\xf4\xd3\xd3\xd3\xef\x96\x97#\xef\xd2W\xa3\xa96\x18xd\xf4\x19\xe6\xd4\xa5KQaa\xff\x8a\xeb\x9d8p\x90\xc1ln\x1b\x11\xbe7-\xed\xa3\x1d_\x16\xdf\xb9\xc3q\x9cN\xa7KII\x19=z4\x8e\x05\xfd&gt;\x92\xf3\xc0T\xad\xddf3[,W\xaf^-**\xda\xbf\x7f\x7fEe\xe5\xf5\xeb\xd7mV\xab\xddnG\xbf@\x02\xa0Q\xab(\x8a\xd2\x9b,\t={d\xe7\xe6vl\xdd\xdaI\xd37\x8a\x8aF\r\x18p:3\xb3\xa2\xaa\xcad\xb5&amp;\x0e\x1a\xb8eW\xaaL,\xea\xd4\xf9\xff\xc8\x00N\x0e\xff\r\xb0\x00`&lt;\x8a?\xca\xe2\x1a\x8d\xc6\xcc\xccLdz.^\xbc\xe82\xfa\x10\x80\xee\xd1\xd1g\xb3\xb3\x01\x003\xc7\x8f;\x7f%\xa7\xce`\x18\x99\x900"!\x9e\xe5\xb8\xe8\xa8(1EA\x08I\x82p8\x9d\x12\x95\xea\x93m_\xac\xdc\xb2\xc5K\xa5\xca+.\xe6\x01HII\x996m\x9a\x005\x80e\xd9\x87\xb8\xf6\x00\x00\xbd^_PPPSS\x93\x91\x91\x91_PP\\\\\\PP`4\x18\xccf3\xfa\x05o\x95\n\x10\x84\xcd\xe1h\x13\x1e\x06\x00\xac\xac\xadu\xd2\xf4\xc0\xa7{\x9e\xbfr\xc5\xeepN\x1f\x93\x98\x9d\x9b7\xa4O\x9c\xc5f\x0bo\xd92\xd8\xcfO\xa9R\xd5\xd5\xd5\xdd\xbc]\xfa\xfa\x9a5\x9555c\x9f\x1b\xbc\xf9\xfb]2\xb18:6v\xec\xd8\xb1\xb3g\xcf\x06\xb8:\xeb\xaf\x83\x05\x00\xd3\xe4AF\x1f\xdc\xf3=]\xdf\xaf\xa9\xa9\xc9\xc9\xc9)**\xdc\xbf\xff@FFFii\xa9\xebG];\xb4?\x7f%\x07}\xfd\xf6+/g\xdf\xc8m\x11\x188j\xc0\x80v\xad[\xc9%\x12\xa5\\\x0e!$ \xb4\xda\xed\xf5\x1d[\x96e5\xde\xde\xd999\tS^\xae\xaa\xab\xf3\xf7\xf1\xa9\xa8\xaeNJJ\xda\xb0a\x83p4\xe0\xf7\x85\xb0(\x92SPPPRR\x92\x9b\x97w\xf1\xc2\x85\xda\xda\xba\xfc\xfc\xbc\xfa\xc14\x85D"\x16\x8b!\x84\x12\x89$\xb6m\x9b\x83\'NN\x191"\xf3\xfau\x8b\xcd\xda&amp;,\xbc}\xabV&amp;\x8b%\xc8\xcf\xafo\xb7\xae\x0c\xcb\x06\xf9\xf9i\xd5\x1a\x85\\\x06\x01\x80\x14\x05X\xd6I\xd3\x1c\xc7Q\x14EQ\xe4\xd5\xfc\x9b\xc5w\xca\x92W\xaf\xa9\xa8\xa9\x19;x\xf0\x96]\xbb\x00\x00\'N\x9c\xe8\xdd\xbb\xb7p\xde\xc2\xe3\x02\x0b\x00\xa6I\xc2q\xdc\xa3\x97\xee \x82\x03\x03\xa2B\xc3\xd2\xce\x9c\x01\x00|&lt;\x7f\xfe\x81\x13\xc7#\x9a\x07\xc7\xb6m\x1b\xfft\xcf\x90f\xcd EqN\'\xcd0,\xc7\xb1\x1c\x07\xeeU\x9d\xdf\xf7w\x19\x96\x95\xcb\xe5\xd7\n\n\x96m\xdct"#\xc3h\xb1\xd04\x9d\x9a\x9a:j\xd4(!X\x1f\xd7g\xdc\xb7o\xdf\xa5K\x97Jn\xdd\xca\xcd\xcd\xcd\xcf\xcf7\x18\x0c\x0cM\xd7\xff\xcd\xc8\x90\x96u&amp;s\xdb\xf0p\x83\xc9$\x93Ii\'\xed\xa3\xd5\x96\xdc\xb9C@\xb8*9\xf9\xe4\xc5\x8bq]\x9e\xf2R\xabuj\xb5V\xad\xf6\xd5\xe9H\x92\x04$\xc9:\x9d\x04\x844\xc3\xd0\x0c\xe3J!\x00\x08\t\x08\x01\x00&lt;\x00&lt;\xcf+\xa4R\x82$o\x14\x16^+,|m\xe5*\x87\xd3\x19\xe0\xad\xf3i\x1e|\xec\xd81!\xbc\x82\xc7\x0b\x16\x00L\x13\x03E\xf6\xeb\xaf\xf3\xd2\xd2\xd2\xf3\xe7\xcf\xff\xf8\xe3\x8f7rs\xaf\xe6\xe4\xd4w&lt;\x9b\x07\xf8\xb7\r\x8f8\xfc\xcb/\x00\x00\x7fo\xefe\xb3g\xdd\xad\xac\xea\xd0\xbaU\xf7\xe8\xe8@\x1f\x1f(\x12\x01\x00\x9c6\x9b\xc3\xe9\xe4x\x9e\x80\x109\xb6\x0f\x8f$\xb0,\xabV\xab\xefTTt\x1f;\xae\xac\xb2R"\x16\x93"QVffhh(x\x90fx\x0c(\xe3m2\x99\x92\x93\x93\xb7m\xdb\x86\xbe\xe9\xaf\xd5\x1a\xad\xd6\xc8\xd0P\xa3\xc5\\r\xe7\xee\xb0~\xfdr\x8b\x8a*jj:\xb4j\xa5\x94\xcb\x9b\xfb\xfb\x03\x92\x08k\x16\xe4\xa5REGER$\xe9\xa7\xd3\xf9\xe8t\x12\x85\x82w8\x00\x04\x0c\xc3\xb2\x1cG\xd34\x0f\x00\xb8\x17\xc7\x87\xf7^\xc4\x03A1&gt;\x99D"\x92\xc9\xd2N\x9d\x9a\xbexIiE\x85\x93\xa6\xd7\xad[7g\xce\x1c\xac\x01\x7f\t,\x00\x98&amp;C\xfdz\x8f\xb2\xb2\xb2\xc3\x87\x0f\x9f:u\xaa~\xe9N\x80\xb7\xae\xa2\xb6\x96\xe7A\xdfn\xddx\x8e;\x9e\x91\xd1\xbeU\xab\xe5\xb3g]\xbcz5\xb6m\xdbv\x11\x11\xa1AA"\x99\x0cp\x9c\xddj\xa5\x19\x86\xe3y\x00\x00\xf9\xd7\x0f\x97\xd24\xed\xa5\xd3\xfdt\xfc\xf8s\xd3\xa67\x0f\x08 \x01\xe87h\xd0\x17\xdb\xb7{pQ\x102\xac\xf9\xf9\xf9\x93&amp;M:w\xee\x9cV\xa3\xd1(\x95-\x9b5\x93\x88E\xd7n\x16\x8eLH\xb8t\xed\x9aB&amp;\x8d\xef\xd1S\xae\x90\xfb\xa8\xd5\xcd\xfc\xfcZ\xb5lI@\xa8\xd3j\x91(r\x0c\xc3\x03\xc00\x0c\xdaf!\xa7\x1e\x89\xed\xdf\x88\xdd\xa3\xfd\x1fAQ\x9dG\x8c\xac\xa8\xad\x11\x8b\xc4\x15\xd5\xd5G\x8e\x1c\xe9\xdf\xbf?\xd6\x80G\x07\x0b\x00\xa6i\xe0Z\xd5\x06\x83\xe1\xf3\xad[\xdfY\xb0\xc0\xe9p\x00\x00|5\x9a*\x83\x01\xfd\xce\xb8\xe7\x06\xe7\x15\x97\x18M\xa6\xe1\t\xf1\xa3\x07\x0c4Z\xcc\x91!!\xbe:\x9dX.\x07\x1cG;\x1c\x0e\xa7\x93\xe58\xf88:\n0,\xab\xd1jw\xa4\xa6\xae\xdd\xf6\x85\xc5f\xbbu\xf7nZZZ||\xbc\xe7Y\x1f\x97\xee\x1e&gt;th\xdc\xf8\xf1\xb5\xb5\xb5\xadCB\xf2\x8a\x8b\xbbGG\xcf\x9a8\xc1j\xb5\x85\x87\xb4\x0c\xf6\xf3\xd7\xa8\x94j\xa5\x92$\x08J"\x06\x1c\xcf\xb3\xac\xc3\xe9D\x16\xbf~\xda\xe0\xe1\xde\xfd_\x82\xe38\xb1Tz\xab\xac,y\xd5\xea\xa3\xe7\xce\xd9\x1c\x8e\xf0\x88\x88kW\xafR\x14\xf5\x18\xff\x8ag\x83\x05\x00\xe3\xee\xb8L\xaa\xd3\xe9\xdc\xb8q\xe3g\x1b6\x14\x15\x14\xf4\xef\xd9#\xed\xccY\x00\xc0\xcc\xf1\xe3\xce]\xbe\xac7\x9a\xdaGD\x8c\x1d&lt;\xf8\xe9\xce\xb1*\x99L)\x97\x83{\xa5;\xc8\xdf|,F\xbf&gt;&lt;\xcf\x93\x04a\xa7\xe9\xf0\x01\x03\xebLF\x8dRE\x89\xc5\xe7\xce\x9d\x0b\x0b\x0bC5H\x8f\xeb\x0f5.\xae\x80\xdb\xd6\xad[\xa7N\x9d*\x97Ju^^f\x8beqR\xd2K\xc3\x9f\xf7\xd2h\x00\x84\xae$-\xc3\xb2&lt;\x00&lt;\xc7\xd5\xf7\xeb\x9f\xa8!f\x18F\xe3\xeb\xfb\xc5\xb7\xdf\xbd\xbcpadhhMm\xcd\xdau\xeb\'O\x9e\xec\xc1[\xb1\xc7\x0b\x16\x00\x8c\xfb\xe2J\xf3\x02\x9e\xff\xf1\xa7\x9f\xe6\xcf\x9b\x97\x93\x93\x13\x11\x1c\\ZY9$.\xceb\xb75\x0f\x08\x18\x950\xa0}\xebV2\x89\xc4K\xa3\x01\x008\xecvW\x16\x97\x07\x80x\x92\x9e \xcbqr\xb9\xfc\xe0\xb1c\x1f\xef\xdc\x99y\xfd\x86\xdeh\x8c\x8f\x8fOKK\xf3\x98M\x80\xeb\x83$\'\'\xaf_\xbf^\xadT\x1a\xcd\xe6\xb6\xe1\xe1\x8bg\xceL\x1c4\xd0f\xb7\xd3(\xf1{/I\xdb(N7\xc7\xf3b\xb1\xe8\x8b={Od\\8p\xec\x98B\xad\xce\xb9r\xc5\xcf\xcf\x0f\xf7kz\x14\xb0\x00`\xdc\x11T\xd9\x89\xac\xcf\xfe\xfd\xfb\x97\xafX\x91\x93\x9dmw:[4\x0b\xb4Xm\t=zD\x86\x85.IN\x06\x0c\xc3\xd14\xf2\xf1\x19\x96\x05\x004\xb0%\xa2\x19\xc6+0`\xd1\xaa5\xcbSR(\x8ab\x18\xc6cR\x91\xc8\x89\xae\xad\xad\x1d;v\\Z\xdaa\x99D\xa2\xf3\xf2j\x1d\xd2rIRR\xef\x9e=\x8d\xb5\xb5n\xd2\x98\x93\xe58\xa5Bq&amp;3\xb3\xd7\xc4I:\x8d\xc6`2u\xe9\xda\xf5\xe4\xc9\x93$I\xe2@\xd0\x9f\x82\x05\x00\xe3^\xd4\xcf\xf4\x9e={\xf6\xe3\xf5\xeb\xbf\xdf\xb5+@\xa7c\x01\x08\x0f\x0e..+\x9b\x96\x988c\xdcX\x7foo\x93\xd9\xfc\xe8\xa5;Oj\xb4(\x16DQ\xddF\'\xde\xad\xae&amp;I\xb2\xaa\xa6\xe6Hzz\xbf~\xfd\x9a\xb4\x06\xd04-\x12\x89222\xc6\x8d\x1f\x7f\xb3\xa0@)\x97\xfbh\xb5\xc1\x01\x01?|\xfa\x89\xb7Vk0\x18\xdc*\xc0\xc2q\x9cT"\xf9\xec\x9bo\xbf\xda\xbf?\xb7\xb8\xd8f\xb7/[\xbe|\xe1\x82\x058\x10\xf4\xa7`\x01\xc0\xb8\x0b\xf5\xeb;sss\x17.X\xf0\xe3\x8f?\xda\xed\xf6\xf1C\x86\x1c9{\x96\xe7\xf9\xb9\x93\'\xf7\xee\xda\xa5kt\xb4\xddbq2\x0c\xe9\x1e\x1b|\x8e\xe3\xc4\x12IIYY\xf2\xea5\xc732\xac6[\xcb\x90\x90\xc2\x9b7Q&amp;\xa0\xc9y\xa0\xae\xb7\xb0}\xfb\xf69s\xe6X\xccf/\xb5Z.\x95\xf6\xef\xd1}\xcb\xb2e\xb4\xd3I3\x0c\xe5~\xc2\xc6q\x9cJ\xab\xed3n\xfc\x89\x0b\x17|u:\x99L\x96\x95\x93\x83\xa2\x82M\xee\x154$n\xb1\x840\x18\x96eQ\xc7\x1e\x87\xc3\xb1n\xdd\xba\xbe}\xfa\xa4\xee\xde\x1d\x15\x1a\xaaV\xa9\xaajkfO\x9cxd\xdb\xe7\xb3&amp;\x8e\xef\xd2\xae\x9dQ\xafgX\xd6M\xac?\x00\x80 \x08\xbb\xcd\xd6:2r\xd4\x80\x01V\x9b\xaduH\x88\x94\xe7?\xfa\xe8#\x92$\xd1Q\xa6&amp;\x84\xeb-|\xfc\xf1\xc7S\xa6L1\x1a\x8dA\x01\x01r\xa9\xf4\x8d\xc9/m_\xb3\x1a\xe5W\xdc\xd0\xfa#\x9c6\xdb\xc7\xef\xcc\x9f&gt;f\xcc3\xb1\xb1U\xd5\xd5\xc9s\xe6\xa0\xc3\xdb\x8d=.\xb7\x06\xef\x000\xee\x02\xc30\x9b6m\xda\xb2ys\xce\xd5\xab\x83{\xf72\xdb\xec\xe7\xb2\xb3\x16\xce\x98\x11\x15\x1a:r\xf8pZ\xafw8\x9dn[`\x83\x06v\xe8\xcc\x19\xc8\x839\xabW\x97\xdc\xb9\x93\x99\x99\xd9\xa9S\xa7&amp;\x14\x08BC5\x99L\xaf\'\'\x7f\xbem\x9b\x9f\xb7\xb7\xd3\xe9\x84\x10\x1e\xd8\xb4\xf1\xe9\xce\x9d\x8dF\xe3\x13\xcd\xa8\xffs\x18\x86\xd1\xf8\xf8\xac\xf8\xf8\x93\xcf\xf7\xec\xb1;\x9d\x15\xd5\xd5\x1b6lHJJjB\xaf\xa0\xe1\xc1\x02\x80idx\x9e\xa7i\xfa\xd0\xa1C\xcbW\xac\xc88\x7f\x9e\x80\xb0GL\xa7\x0b9W\x0fm\xddRQS3&lt;&gt;^DQz\xa3\x91$I\xc2\x8d\xad\x0f\xcf\xf3\x10\x00\x85J\x15\xd6?\xbe\xa8\xac\x0cB\x18\xdd\xa9\xd3\xa5\x8b\x17Q-\x8a;\xdbM\x04\xea\xec\x96\x9f\x9f?q\xe2\xc4\xf3\xe7\xcf\x87\xb7\x08.)\xbb3\xb8w\xef\xcf\x16-\x0c\xf2\xf55[,\xeeoCQ&gt;\xc6A\xd33\x97-K=tX"\x11S\x94\xe8RffxX\x18\xf0\xe8\x13\xda\xff\x04\xfcP0\x8d\t\xb2;V\xabu\xc4\x88\x11\x97\xce\x9fW)\x14\x00B?\x9d\xf7\x8a\xd7fG\xb4\x08N\x1c2\xc4n\xb7\x1b\xcdf\x11E\xb9\xb3\xf5\x07\xa8U\x1c\xcf3\x0c3c\xecX\x00\x80D"\xc9\xca\xcc\x9c&gt;}z\x93\x08\x04\xa1\x11fff\xf6\xe8\xd1\xe3\xfc\xf9\xf3\x11-Z\xdc\xbe[&gt;u\xf4\xe8\x8f\xe6\xcd\x0b\xf2\xf355\x05\xeb\x0f\x00\x80\x00\xf0&lt;\xef\xa3\xd5\xce\x18;\x8e\x80\x84\xdd\xee\xb0X,kV\xaf&amp;\x08\xc2\xfd_Ac\x81w\x00\x98\xc6\x049\xc8\x99\x99\x99\xdd\xbbw\xa7i\x9a\xe7\xf9\xb7_y\xe5\xe5\x91#[E\x84\xdbL&amp;\'M\xbbm\xc4\xf9\x8f\x10\x8bD/\xce\x7f\'\xaf\xa4\xf8\xda\xcdB\x9b\xdd\xbek\xd7.\xf7\xbf3\x00\r\xef\xd9g\x9f\xfd\xf9\xe7\x9f)\x8a\xd2\xaaTo\xbd\xfc\xf2\xf41\x89R\xa9\xd4j\xb5\xba\xf3\xc8\x7f\x0f\xc30\x1a\x1f\xefE\x1f~t!\'\x87a\xd9\xf39W\xff\xf7\xf3\xcf=z\xf4\xc0\xc7\x02\x1e\x08\x16\x00Lc\x82LOjj\xea\xd81c\x9e\x8b\x8bk\x13\x1e\xbe8i\x86T,6Z,\x14I\xba\x7f\xe4\xe4&gt;\xd0\x86F,\x16\xc7\x0c\x1fq\xf5\xe6M\x82 t:]~~\xbeZ\xadv\xdb\x9at4\xe6\xf2\xf2\xf2\xc8\xc8H\xb3\xd9\xccq\xdc\xb2Y\xb3\x16\xcey\xcdRW\xd7D\x8d&amp;\xcf\xf32\xa9t\xfc\xdc\xb9\x17\xaf^\xbb]^\xae\xd5\xe9\xb2\xb3\xb3}}}\x01\x0e\x04\xfd\x0e\xfc80\x8d\t\xf2?r\xae^\x95\xcbd\x06\xb3\xd9b\xb5JD"\xb3\xd5*\xa2(\xf74\x97\x0f\x07\x95\x9d\x90$\xb9\xea\x8d\xd7\x01\x00\n\x99\xcc\xa0\xd7\xbf\xf3\xee\xbb\x04A\xb8m9\n\x1a\xd8\xa1C\x87\x8cF#\xcf\xf3\xfe\xde\xde\xafM\x9c`\xd3\xeb\x9b\xa8\xf5G8iz\xdc\xe0\xc1b\x91\x88\xe5\xb8\x8a\x8a\x8a\xb7\xdez\x0b\x07\x82\x1eHS}\xc1\x18\xcf\x00\x99\x98K\x97.\xc9%\x92\xa8\xb0\xb0\xe8\xa8(\xbe)\xa4L\x1f\x02I\x92\x16\x8beH\xdf&gt;Kf&amp;ui\xdfN\xa5Pl\xda\xb8\xf1\xe8\xd1\xa3\x14E\xb9\xa7\x06 \xcb\xb8k\xd7.\x82 H\x82\x18\xf0\xf4\xd3j\x8d\xc6\xc90M\xd7\xfaC\x08i\x86y~\xc8\x90\xae\x1d:\xb0,\x1b\x1d\x15\xf5\xbf\x03\x07n\xe4\xe6R\x14\x855\xe0&gt;\x9a\xea;n\xa2\xa0c\xae,\xcb2\xff\x17t\xc1^c\x8f\xae\xd1\xb0\x9a\xcd\x95uu[v\xed\xbaZP@\xc9d\\\x13\x7f\x14\x10B\x9b\xcd\xfe\xda\x0b/\xe4\xe4\x17\xd4\x1a\x0c\x14IN\x9d:\xd5j\xb5\x12\x04\xe1no\x19U\xaf\x9a\xcd\xe6_\x7f\xfd\x15us\x1b\xd4\xeb\x19\x00!h\xca\x1a\x0c\x00  \xb4\xd5\xd5\xad\x9d\xfb\xe6\x92\x993u\x1a\xb5\xd5n\x7fa\xd2$\x93\xc9\xe4\xba\xdf\r\x83\xc0\x02\xf0\xc4AF\x1f5\xc5E\xa7lH\x92\xa4\xfe/\xa8o\t\xcf\xf3\xcc\xbd\x8b\x90\x84\x03M\xd3\xb5z}\xa7\xc8\xc8\x99\x13&amp;\xf4\xeb\xd6\x8d\xb6\xd9\xdc\xbc\xe0\xe7O\x81\x10\xd24\xadQ\xab\xdf\x9f\xfb&amp;\x00\x80\xe5\xb8\x9b7o\xce\x9c9\xd3m\xcf%\xa1\xd0\xff\xd0\xbe}\x17\xff{fL\x9b6N\xbb\x9dl\xfa\xaf\xc0I\xd3~~~*\x85\xbc\xbc\xbaZ!\x97gdd\xbc3\x7f~\x93(\xcajHp\xa3\x8c\'\x88\xab\xa3\x99\xab\x8e\xa2\xaa\xaa\xaa\xa4\xa4\xa4\xbc\xbc\xbc\xaa\xaa\xcab\xb1\xb0,+\x12\x89\xbc\xbd\xbd\x83\x82\x82\xc2\xc3\xc3\x03\x03\x03Q\xeb\x12\x96e\x9bD\xf1\xf8?\xc4\xe5~\xde\xbcy\xd3W\xad\xbeq\xf3\xe6\xc4\x7f=G\x02\xd0\xd4\xddO\x00\x00I\x92f\x93\xe9\x85\x11#\xf6\xa5\x1f\xcd\xce\xcd\xb5:\x1c;v\xec\xe8\xd2\xa5\x8b\xbb\x9dKBm\x97\x8e\x1c9\xa2\xd7\xeb\xcfde\xa9\x14\x8a\x96\x81\x814M{\xc0\xdc\xa3H\xd2PW\xf7\xfa\xab\xaf\xe6\x15\x17o\xde\x95*\x97\xc9&gt;\xdb\xb0a\xe4\xa8Qqqqn\xf5\n\x1a\x17,\x00O\x04\xb4\xd3DQT\xab\xd5z\xfa\xf4\xe9\xff\xfd\xef\x7f\xbf\xfc\xf2K~~\xbe^\xaf\x7f\xe0\x7f\xa2R\xa9\xda\xb7o?l\xd8\xb0\xf1\xe3\xc7\x07\x07\x07\x83{%\x92\r9\xec\x06\x06m\x89\xee\xde\xbd\xeb\xb0\xdbM$\xc9\xb0\x8cX$j\xea\xf1\x1f\x17\x10B\xb3\xc9\xb4\xf3\x83\xf7_|{\xde\xee\xc3\x87\xa5\x12\xc9\xdbo\xbf=h\xd0\xa0\xd0\xd0P\xf7y\xb3h\x18\xbbv\xed\x82\x10V\xd7\xd5\x19\xcdf\x99\\n2\x99\xdc\xa7\xd3\xc6?\x81 \x08\xbb\xc5\xf2\xf6\xab\xaf\xee&gt;\x9cV\xa3\xd7\xfby\xeb\xd6\xae^\xdd\xa7O\x9f\xc6\x1e\x97\x1b\xe1\t\xaf\xd9\rA7\x95_\xbe|\xf9\xcd7\xdf\xec\xd0\xa1\xc3\xc0\x81\x03\xd7\xaf_\x9f\x91\x91\xa1\xd7\xeb\x7f\x1f\x05"I\x92 \x08\x93\xc9t\xf6\xec\xd9y\xf3\xe6u\xec\xd8q\xf1\xe2\xc5N\xa7\xd3\xe3\xeb\x16P4\xb6\xa0\xa0\x80\x84\xb0]\xab\x08\x99D\xea\xab\xd5\xb2\x0c\xd3\xe4\x9dO\x00\x00\x00\x10B\x8ee%bq\xd2\xb8\xb1\x04\x84v\x87\xc3b6\xcf\x9b7\x0fB\xe8&amp;\xaf\x15\xf9(\xa5\xb7o\x9f8q\x02\xbd\x8b)#Gx\x80\xef\xef\x82\x80\xd0\xe9p\x84\x06\x07oZ\xb4h\xca\x88\x11mB\xc3\xd2\x8f\x1e\xdd\xb2y3I\x92\xee\x19\x8bkx\xb0\x00&lt;fP\xd8\xe7\xc6\x8d\x1b\xa3G\x8f\xee\xdc\xb9\xf3\x87\x1f~XXXH\x10\x04EQ\xae\xa8\x0eW\x0f\x96e\xd1\x17H\x18(\x8a\xd2\xeb\xf5\xcb\x96-\xeb\xdf\xbf\xff\xdd\xbbw\xdd0m\xf8\x18A\x1f-33\x93aY\x00`\x97\xf6\xed\x9b\xfb\xfb;="\xfe\x80 I\xd2d4\xf6y\xe6\x99\xf9\xaf\xbe\xda#:\xbauhhjj\xea\xee\xd4Tts@c\x8f\xee\xb7\x03\xc0\xb9yy\x0e\xbb=,88\xacy\xf3\xa7\xda\xb5s6\xfd\x1cL}\xd0+\x18=h`\x9d\xc1p\xa7\xaa\x8a \x88i\xd3\xa7gff\xe2d\x00\x02\x0b\xc0c\x06\x855\x0c\x06\xc3\xee\xdd\xbbQ;r\xe4\xc8\xbb\xfa,\x82{\x01"d\xf7\xd1\xd7(\t\x8cr\xc5\x10B\x91Ht\xfa\xf4\xe9A\x83\x06\xe9\xf5z!\xd4-p&lt;\x7f\xfc\xfc\xf9\x83\'Nx\x8c\xe9wAQ\x94\xa9\xaen\xe9\xecYR\x89$\xb7\xa8\x08\x00\x904sfee\xa5;\x94$\xa2yu\xed\xda5\x92 \xe2\xbavY\x99&lt;G\xa7V\xd3,\xebao\x01Bh\xb1Z\xd7\xbc\xf1:\x01!:[\xfe\xf2\xcb/;\x1c\x0e!\xac\xac?\x05\x0b\xc0c\x06y\x16\xdd\xbau\x1b&gt;|\xb8k!\x91$Y\xbf\x16H.\x97\xfb\xfb\xfb\x87\x86\x86\x86\x86\x86\xfa\xf8\xf8\x00\x00\xd0&gt;\xc0%\x0f\xe8:\x8e\xcb\x97/O\x9f&gt;\xdd\x83\x03A\xe8\xf9\xe4\xe5\xe7k\x14\x8a\x19\x13&amp;$\xbf\xf8"\xcd\xb2\x1e\x90\x01\xbe\x0fdffM\x9c\x00\x00\xf0\xd1jkkj\x86\r\x1b\x86\xfa^4\xae\x01B\t\x80C\x87\x0eq&lt;\xbf}\xcf\xde\xed{\x7f\x90+\x95\xac\xc7M6\x08!\xcbq\xadZ\xb5\x9a2r\x04*u\xcd\xcc\xccLMM\xc5\x81 \x80[A&lt;\tP\x8d\xc1\xc9\x93\'\xfb\xf4\xe9CQ\x14\xba7U\xa1P\xc4\xc5\xc5\r\x1c8\xb0s\xe7\xce-[\xb6\xd4h4b\xb1\x18\x00`\xb3\xd9n\xdd\xbau\xea\xd4\xa9\xed\xdb\xb7_\xbcx\xb1\xbe\xb9G\x81\x82\xf4\xa6\x7f\xbd\xd4\x1f\x81\x02_\xdd\xbbw\xd7WTD\xb4l9\xa4O\x9f\xa9\xe3\xc7\x99\r\x06\x8f\xfc\xa4*\x85\xe2\xc3\x1d;v\x1e\xf8\xf1za\xa1\xc3\xe9\\\xb2d\xc9\xe2\xc5\x8b\x1b\xf1\xca*W\x07\x88\x88\x88\x08\x8a \x9a\xf9\xf9\xae\x98={XB\x82\xc5l\xf6\x8c\x0c\xf0}\xf0&lt;/\x95JG\xcc\x9a\x1d\x12\x14d\xb1\xd9\x0e\xfe\xf2\xcb\xd9\xb3gCBB\xdc\xb6\xc1x\xc3\x80\x05\xe0\x89\x80\xca&lt;\xbau\xebv\xfe\xfc\xf9\xd8\xd8\xd8\x89\x13\'\x0e\x1f&gt;&lt;$$\xe4!\xff\t\xcb\xb2+V\xacX\xb2d\x89\xcb1AgG\x87\x0e\x1d\xfa\xdf\xff\xfe\xd7}\xeaF\x1e\x17\xc8\x00\xe9\xf5\xfa\xb0\xf0p\x95X\xdc\xbeu\xebw\xa6\xbe\xda\xa3S\'\x8b\xd5\xeaa\x9f\x14\xc1r\x9c\xfa\xde\x95U\x00B\x8a$O\x9d:\xd5\xbd{\xf7\xc6z\xb3H{v\xec\xd81e\xca\x14\x00\x80\xb7Fs\xfd\xc7\x03J\xb9\x9c\xf1\xb8\x10\x90\x0b\x8e\xe7U*\xd5\xf6\xdd{f\xafZe\xb6X\xe2\xe3\xe3\xd3\xd2\xd2&lt;\xd2\xb5zt&lt;p\xa5\xb9\x03HV\xd7\xacY\xf3\xed\xb7\xdf^\xb8p!999$$\x84\xe38t\xe8\xd7\x15\xfaw%\x03P\xe8\x7f\xf1\xe2\xc5\xf5\xef\x13G\xc7\x83O\x9c8QSS\xe3\xa9\xd9`\x82 \x08\x08o\x95\x97\xfft\xf2d\xb5^OP\x94\x07~H\x00\x00\x00\x10\x00\xa7\xd5\xbaq\xf1"\xa5\\\x1e\x1e\x1cL\x11\xc4\xb3\x83\x07WWW7V \x08Y\xf9}\xfb\xf6\xa1\x01\xf4\xef\xde\xdd\xc7\xcf\xcf\xe1A\x19\xf8\xdf\x83\xf6\xd6Y\xd7\xaf\x9b-\x16\xa9Dr\xe4\xc8\x91\x8d\x1b7\n&lt;\x10\x84w\x00\r\x01\xc30\x04A&lt;\xdc\xd1C\xb3\xd3h4FDD\xd4\xd4\xd4\xa0\x83\xc1\xe8\x9f\'O\x9e\xec\xd5\xab\x97\x87\xb9*\xc8\xf3\xcd\xcd\xcd\x8d\x8d\x8d\xed\x1d\x13\xd3\xb1M\xd4\x8c\xc4\xc4@??\xcf8\x85\xf4@8\x8e\x93\xcbd\'2.\xbc\xbahq\xf1\x9d2\x8dB\xf1\xfa[o-h\xa4\xbb\xcb\x91\xdd\x8f\x89\x8d\x95\xb2l\xff\x1e=z\xc6\xc4\x0c\x8c\xebe\xb7x\xe6\xf6\x0b\xf1\xdbQ|\x11\xd5c\xcc\xb8\xac\x1b7\x00\x00*\x95\xaa\xb4\xb4T\xa9T\xbam\xaf\xd6\'\x8d\xc7\xbelw\x00\x15\xff\xf0&lt;\x8fj\x81\x1e\xfe\xcb\xc8\xc7\xf7\xf2\xf2z\xfa\xe9\xa7\xc1\xbd\x04\x1d\xfa\xe7\xed\xdb\xb7\xc1\xbd]\x85\xc7\x80&gt;N~A\x01\xcf\xb2&lt;A\xdc\xb8Y(\x93\xc9x\x8f\xcb@\xd6\x87 \x08\xab\xcd\xd6\xafG\xf7\x17\x9e\x1f:i\xe8P\x7f\x1f\x9f\xd5k\xd6\\\xbcx\xb1\xe1+\x82\\\t\x80\x82\xfc\xfc\x9c\x82\x82\xb4\xb3g\x02\xfc|!\xc7{^\x06\xbe&gt;(\x1b,\x16\x897,\\\xa0\x90\xc9F\x0f\x1a\x14\x19\x1c\x9c4s\xa6\x07\xd7Y\xfc)X\x00\x9e \x04A\x90\x7f\xa5\xa9=r\xcaZ\xb6l\t\xee\xed\xd0\xd1?M&amp;\xd3\x93\x1bdc\x81\x04\xe0jN\x0e\xcd0U55\x81&gt;&gt;&gt;\x1a\x8d\x07\x07\xa0\x11\x10B\xbb\xdd&gt;-1\xf1rn.\x80\xd0b6\x8fNLl\xf8&amp;e(\xe8\x91\x96\x96f\xb5Z\xfd}|*kj\xa5\x14\x05&lt;\xcb\xc3x $AX-\x96\x986QW\x0e\xec\xef\xdf\xadk\xde\xad[\xdf\xec\xdc)\xe4\x8a ,\x00\xee\x05\x8a\xf9\xdc\xf7MO\x8a\xfc\xdc\xc7\xad[\xb7|\xb5\xda\x0eQQ\xa1\xc1\xcd=\xdf\xfc\x00\x00!d\x18F\xadP\xacJ\x9es\xeb\xee]\xb1HTTX8\x7f\xfe\xfc\x066@hg\x99\x9a\x9a\n!\xbcSY9\xa4O\x9f\xf6m\xdaX=\xeb\x08\xd8\x1f\x01!dY\xae\xb9\x9f\xdf{\x9b\xb7\xa0\xdbFg\xcd\x9aU^^\xee&gt;\'\xb4\x1b\x12,\x00n\x04r~\xef\xdc\xb9\x03\xee9\xc8\xe8\x9f\xe8\xac\x80\x87\xb9\xc6\xc8\x06]\xc9\xc9\xb9[]\xfd\xf3\x89\x13$A\x92R\xa9\xe7\x15\xa1?\x00\x089\x9e\x8f\x7f\xe6\x99\x01=z8iZ\xa5Tn\xd8\xb0\xe1\xcb/\xbfl\xb0\x0b\x03\xee\xeb\x00\xe1p:\xe3\xbat\x01\xbc\x87\xc7\x7f\xea\xc3\xf1&lt;I\x92\x9b\x16/\x82\x10\xf2\x00TTT\xcc\x9b7O\x98\x81 ,\x00\xee\x02Z\x96\x0e\x87\xe3\xc2\x85\x0b\xe0\x9e\xe9G\xe7\x87\xc3\xc3\xc3\x81\xc7\t\x00\x82"I?\x9d.\xbceK\x95R\xc1zz\xfc\x07\x01\x01@\x85_\x1f\xbe\xfdV\xff\xee\xdd\xc3\x9a7\xa7(j\xe6\xcc\x99\xf9\x05\x05\r\xe3\x84\xfe\xbe\x03D\x8fN\xd1\x0ea\xb8\xff\x08\x92 \xccf\xf3s\xf1\xf1S\x86\x0f\'!l\x1d\x12\xf2\xf5\xd7_\xa7\xa7\xa7\xbb\xed\xa5=O\x0e,\x00\xee\x022\x7f\xbbw\xef\xbeu\xeb\x16:N\x8cz\x07\x85\x84\x84\xb4n\xdd\x1ax\x96\x00\xa0$\xa4\xd5j-((\xa81\x18j\xea\xea|\xb4Z(\x80\x184\x82 \x08\xbb\xdd\xde\xb2Y\xb3\xcf\x16.\xb8VP\xc00\x8c\xc5bY\xb3jU\xc38\xa1\x0f\xec\x00\xe1\xf1\xd9\x97\xfb \x08\xc2j2\xad|\xe3\xf5\x89C\x87\xf2&lt;\x0fx~\xfa\xf4\xe9&amp;\x93\xe9\x811X\x0f\x06\x0b\x80[\x80\xda\xb2WVV\xa2n\x91h\n\xa2\xba\xa0\xd1\xa3GK$\x12tP\xa0\xb1\x87\xf9\xd8@\x02PUUe\xd0\xeb\xfbu\xeb\xd6\xb5c\xc7\xd0f\xcdx!\xd9 \x82 \xccVkdx\xf8\xdc\xc9\x93G\r\x1c\xb0l\xd6\xac\xdd\xa9\xa9\xa9\xa9\xa9\r\xe0\x84\n\xa4\x03\xc4\xc3A\x97\xf6\xf8\xf9\xfa&gt;\x13\x1b\x93_R"\x12\x89\n\n\n\xe6\xcf\x9f/\xb4@\x10\x16\x80\xc6\x07\x15\xf8[,\x96\x91#G\x96\x96\x96\xa28\x00\x9a\x88j\xb5z\xf6\xec\xd9\x9ewZ\x1d)\\II\x89\xc9d\xaa\xac\xad\xd1\x1b\x8d-\x9a5\xa3iZ(\xe6\x1f\x00\x00\x00E\x92f\x93iE\xf2\x9c\xb7\xa6L\xd9\xfe\xc3^\xa3\xc94{\xd6\xac\xaa\xaa\xaa\'j\x83\xd0\\\xaa\xa8\xa88q\xe2\x84R.o\x1b\x1e&gt;5q\xb4\xd0\xac?\x82"Ic]\xddK\xa3F\x8dL\x88w8\x9d\x12\xb1x\xc3\x86\r\xa7N\x9d\x12TE\x90G\x99\x95\xa6\x08\xc30$I\xd6\xd4\xd4\x0c\x1e&lt;\xf8\xf4\xe9\xd3\xae.\xb5\xe8\x8b\xb5k\xd7\x06\x05\x05y^\x1f\x08\xc4\xcd\x9b7\x01\x84\x10\x12\xbeZ/!\xd4 \xfe\x1eT\xfbYTVVTZFRTyEERR\x12\xb8\x17\xa6\x7f\x12 \xd3\xf6\xd3O?\x99\xcd\xe6Z\x83\xe1\xf6\xdd\xf2\xdeO=E\xdb\xed\xc2I\x00\xd4\x07\x12\x84\xc3f[\xff\xce;:\x8d\x86f\x18\xb5R\x91&lt;g\x0ej\xde%\x90@\x90\x07\x9a\x95&amp;\x04:\x02ZPP\xd0\xb7o\xdf\x93\'O\xba\xb6\xff"\x91\x88\xa6\xe9W_}u\xda\xb4i\x1ev\x00\x18\xe1\xda\x01\xf0&lt;\x9fu\xfd\xfa\xe9\x8b\x99://\x0f\x0bs=\n$A\x98M\xa6\xc4a\xc3^\x1e1\x82"\xc9\xf0\x16-v\xef\xde\xbd|\xf9\xf2\'\x1d\x08\xba\x91\x9b\xeb\xeb\xe55\xa4o\xdf\x97\x86?\xafS\xabi\xe1=y\x04\x01\xa1\xc3\xe1\x08\n\x0c\xdc\xb4ha|\xf7\xee\xde^\xda\x8b\x97.\xadZ\xb9R8\x9b\x00,\x00\x8d\x06\x8a\xfb\x1f=z\xb4W\xaf^W\xae\\!I\x12Y@\xd4@t\xd2\xa4I\x9b7oF\x97\x037\xf6H\x1f?\xc8\xdcT\xd7\xd44\xf3\xf1\x99\xf5\xc2\x0b\xafM\x9a\x88:\x836\xf6\xb8\x1a\x01\x82 \xac\x06\xc3\xea\xb7\xe6NKL\xbc[U)\x16\x89V\xacX\x91\x9d\x9d\xfd\x84n,A\x89\xa5S\'O\xda\x1c\x0e\x85\\6"&gt;\x9e\x16R\x01\xe8\xef!I\xd2d0$\x0e\x1dJ\x10DQi\xa9H$Z\xf1\xde{\xd9\xd9\xd9\xeepaC\x03\xe0\x81\xc6\xa5I\x80\xfc\xfa\x94\x94\x94\x81\x03\x07\x96\x97\x97#\x8f\x03\x95\xfd0\x0c3k\xd6\xac\xaf\xbe\xfa\n\x85k=\xd2,\xa2\x0fu\xe5\xf2\xe5\xf2\xda\xda\xdd\xff\xfb\x9f\xc5n\x17\xca!\x80\xdf\x01!d\x19\xc6K\xa1\x98&gt;&amp;Q!\x95\xb1\x1cG\xd3\xf4\x84\t\x13\x0c\x06\xc3c\xafHA\xb1\xc4\xa2\xa2\xa2\xac\xac,\xb3\xcd\xf6\x9f\x83?U\xe9\xeb$b\xb1@\xc2\x1d\x7f\x04$\x08\x87\xc5\xb2~\xfe\xbc\x00\x1f\x1f\xd4\x99\xf1\t=\x7f7\x04\x0b@#\x80\xac\xff\x92%Kf\xcc\x98\x81\xec&gt;\xfa\x0e\xba#l\xed\xda\xb5\x9f|\xf2\t\xf2\x88=\xd2\xfac\x1e\x0e\xb2;O\xee\xceH\xab\xd5*\x90\xf8\xc6\xdf\xe6\x89&gt;\x7f\xb7\x02\x0b@C\x83l\xfd\x8a\x15+\x96.]\x8az@\xa2\xbb\xc0X\x96\xf5\xf6\xf6\xde\xbf\x7f\xff\xdc\xb9sQ,\xc8\x83\xad?r\xac:t\xec\x18\xa0\xd3\x8dz\xf6Y\x85T\xca\xda\xed\x1ey\x0f\xc9\x9f\xc2\xf3&lt;IQz\x8b%\xe5\xfb]\x16\xbb\x8d$\x08\x8a\xa2\xbe\xfd\xf6[oooT,\xfb\x18\xff\x16\xaa/j\xdf\xbe}\xe7\xa7\x9eR\xc8dc\x9f\x1b\xec\xeb\xa5u8\x9d\x1e&lt;\xd3\x1e\x05\x9e\xe3$\n\xc5\x9cU\xab\xcb\xab\xab\x89\'\xf9\xfc\xdd\x10!.\xb9F\x04Y\xff\x1f~\xf8a\xe1\xc2\x85(\xd1\x87z\x85\xb2,\x1b\x19\x19y\xea\xd4\xa9!C\x86\xa0\xcc\xb0g\xcf\xbc\xdfZ\\x{\xdf\xa9\xae\xfe\xf4\xab\xaf&gt;\xfez\xa7\xa7^x\xf0\xa7p\x1c\'\xd7h\xe6\xad}\x7f\xf3\xae]\x81\xbe~N\x9a^\xb0`Att4j!\xfe$\xfe\x1c\x00\xa0W\xaf^r\x89\xc4b\xb5\xed=rD\x04\xa10K\xb0\x10,\xcb\xaa4\x9a]\xfb\xf7s\x1c\x17\xda\xbc9M\xd3\x0b\xde}\xf7\xc9=\x7fw\xa3q\xae\xa3\x13&amp;(\xa6_WW\x97\x94\x94\x84\x8a\xfd\xd1u\xf0\x0c\xc3t\xee\xdc\xf9\xe0\xc1\x83\xfe\xfe\xfe\x8dxG`C\x82\xe4\xade\xcb\x96\x10\xc2\xe8\xa8\xa8\xd86Q\xb5z\xbdB.\x17H7\x08\x17,\xc7)U\xaa]\xfb\xf6m\xdb\xbb\x97\xa2\xa8\x9b\xb7n\x8d\x1a5j\xe1\xc2\x85Oz\x1aDEFV\xe9\xf5\x07\x8e\x1dS\xc9\x15\x8b\x92f(e2\xa1\x9d\x04Fp&lt;/\x91H\xca\xee\xde\x9d\xb1l\xb9\xdedR\xcae\x9dcc\xe7\xbf\xf3\x8eG\x96\xde=\x10\xcf\x978\xf7\x01Y\xb7\xcf?\xff\x1ce}QF\x8ee\xd9v\xed\xda\xfd\xfc\xf3\xcf\xfe\xfe\xfe\xa8.\xa8\xb1\x87\xd9p\x84\x87\x87\x03\x9e\xe7y\xae\xaaN/\xccB\x14\x14\xe6\x0b\r\n\nm\x1e\xc42L\x80\xbf\xff\xc6\x8d\x1b\xc1\xbd\xc3\xbaO\x02d\xd7\x06\x0f\x1e\xacT*u\x1aMp`\xc0\xc9\x0b\x17DR)\'\xc8M\x00\xcfq\x12\x99l\xce\xca\x95\xb5\x06\x83\x88\xa2\x8cf\xcb\xba\xf5\xebE"\x11\xf0\xac\xce+\x0f\x01\x0b@\xc3A\x92$\xcf\xf3\xff\xf9\xcf\x7f\xea\xdf\xf6\xa5T*\xf7\xec\xd9\xe3\xe3\xe3\x83N\x845\xf6\x18\x1b\x08\xd7\x0e@\xa5R\xf9\xe9\xbc\xbd\xd4\xea[w\xee\x88D"A\x19!\x86e\x95*\xd5\x82u\xeb\xd7~\xf1\xc5\xe4\xe1#\xd4*\xd5\'\x9f~\xea\xeb\xeb\xfbD\xcf\xfd\xa1\xad\xa7\xbf\xbf\x7f\\\\\x9c\xd9j\xbdv\xf3\xe6\x96]\xa9\xc2\xcc\xbe0,\xab\xd6jw\xec\xde\xbd\'\xed\x88D,v8\x9d3g\xce\xf4\xbc\xab\xf7\x1e\x8e\x10_|\xa3\x80\xaaz\xca\xca\xca\xae_\xbf\x8e\xee\x01Fz0k\xd6\xac\xc8\xc8H\x9a\xa6\x05\xe5\xfb#\xf1\xf3\xf5\xf5\xd5xy\x1d=w\xee\xfc\xe5\xcbEw\xee@\x92\x14N\x1a\x80\xe38\xa5\\\x9e{\xf3\xe6\xfb\xdb\xb7\xef&gt;tx\xd1\xa7\x9f\x8e\x1a=z\xf4\xe8\xd1\r\xe0\x07\xa04\xc0\xc0\x81\x03\t\x08\'\x8f\x1c1y\xc4p\xab\xd9,4\r\xe0y^$\x12UVU\x9d\xbe\x94\xd9\xaaeK\x9a\xa6#""V\xadZ\xe5\xa9\xa7\xee\xff\x08\x01}\xd4\xc6\x05\x99\xb6\xe2\xe2b\x9b\xcd\x86\xfc_T\x00:n\xdc8\xa1\xcd9pO\x00\xe4ryDD\x84\xb7F\xe3\xad\xd5V\xd7\xd5\xf1\xc2\xd8t\x03\x008\x8e\x93J\xa5%w\xee\xfc{\xf9\x8a\xb6\x11\x11\x14E)\x14\x8a\xb7\xe7\xcfo\x98\x99\x80\xa6_\xdb\xb6mY\x8e;q&gt;\xe3\x9du\xebk\x8dFJH\xea\x0bP\xee]\xa5z\xe7\xc3\x8fv\xee\xdf\x0f!\x04\x10\xa6\xa4\xa4\xa8T*!T\xfe\xd4GXv\xa7\xd1\xa9\xae\xae\x06\x00\xa0\xe3]&lt;\xcf\xfb\xf9\xf9\x85\x86\x86\xfe\xe9}\xf1\x1e\x0c\xc3\xb2\x95\xb5\xb57KJLf\x0b)\x0c\x1b\xc4\x03\x00\t\x82\xa0\xa87\xd6\xacM\xff\xf5\xd7\xc2\xd2R\x86a6l\xd8\xd0*"\xa2a\xba\xfe\xa1?\x11\xd9\xba\xb5D*-\xbc}\xbb\xb0\xb4\xf4lV\xb6D&amp;\x13N\x1a\x80\xe58\xa5Ry\xf0\xc8\x91/~\xf8\x81\xe5\xf9\xbc\xe2\xe2I\x93&amp;\xf5\xef\xdf_PaX\x84@\xedN\xc3\x83L\x9b\xc3\xe1\xa0\xea\xe1\xef\xef/\x97\xcb\x1b{h\x8d\x03\nDth\xdf&gt;\xd0\xc7gP\\\x1c\xcb\xb1B9\n\xc0\xf3\x04\x84GN\x9f&gt;|\xf6\xacX$2\x99\xcd3g\xce|\xf1\xc5\x17\x1b\xcc\xfa\xa04@\xf3\xe0\xe0\xb8\xb88\x08\xa1D,&gt;\x91\x91\x01\x84T\x0cJ@\xc8\xb2\xec\x8c\xa5\xcbx\x9e\x87\x00\xf8\xfb\xfb\xaf^\xbdZ\x80\x1bq\x80\x05\xa0\x81\xb1\xd9l\x0c\xc38\x1c\x0e\xa7\xd3\xc90\x8c\xc1`@sNP\xbb\xce\xfa\xb4h\xd1\xa2\xaa\xae\xee\xca\x8d\x1bE\xb7K\x85\xf0\x08\xd0\xb1\x0f\xa3\xc52\x7f\xdd\xfa\x16\x81\x81N\x9a\x0e\r\x0b[\xb5jU\x03\'\x1e\x91\xfa\x8e\x1e=\x9a\xe7\xf9f~~\x07\x8e\x1f\xcf\xb9~].\x8cM\x00\xcf\xf3$I\x94VV\xbe;m\xaaZ\xa9\xa4\x19\xe6\xd3O?\r\x08\x08\xf0\xbc\xa6\xeb\x8f\x82\x80\x12\x8f\x8d\x0b\x9a[O=\xf5\xd4\x92%K\x90\xb9\xe7y\xde\xdf\xdf\xbf\xb1\xc7\xd5h\xa0\x87\xd0\xae}{\x11E\xf9z{\xdf\xad\xae\xae6\x184\n\x85g\x17\xa4\xf3&lt;/\x95J7o\xdb\xd612\xf2\\v\xb6B\xa9L\xdd\xb5K\xa5R5p/&lt;$6\t\t\tr\xb9\xbc\xa2\xba\xbamD\xb8\x9da\x84P\x89\x8b\x82?\xbfff\x0ex\xe5\xd5\xc1qq\xad[\xb4\x88\x8c\x8d\x1d=z\xb4\xa0*\x7f\xea\x83\x05\xa0\x81@\x02\xd0\xbe}\xfb\xf6\xed\xdb7\xf6X\xdc\x02d\xefZED@\x92\x84\x1c\x17\x15\x1ef\xb3\xd9\xbcT*\xe0\xb9mj8\x8e\x93\xcbdG\xcf\xfe\xfa\xd5\x7f\xf7\x17\xdf)\xd3(\x14\xf3\xde~\xbbs\xe7\xce\r\x7f\xfa\x0f\xa5\xa0\x02\x02\x02"Z\xb5\x92\xb2l\xff\x1e=\xca+\xab\xf86Q\x9e}5&lt;\xcf\xf3$A8i\xe7\xcc\xe5+,6[\xea\xcf?\xabT\xaa\xf4\xb3g\x85\x19\xfcA\x08\xf4c7\x16\xa8\xd7`}\x1a{D\x8d\x06\x12\x80\xc0\xc0@\x99L\xf6\xf3/\xbf\xac\xfd|[v^\x9e\xc4sO$q\x1c\'\x91Hr\x8b\x8b\x87\xfd\xfb\xdf\x90\x80b\x8a\xe2)j\xfa\xf4\xe9\x8d\xe5{"\xab\x17\x16\x1az&gt;\'g\xd5\xd6\xad;\xf7\xef\x17\x89\xc4\x9e\xfa\xf0\x11,\xc7)\x94\xca\xb7\xd7~\x90u\xe3\x86T"\x01\x00\xac^\xbdZ\xadV\x0b\xad\xf2\xa7&gt;X\x00\x1a\x14\xd4j\x8a\xb8\x87\xa0j\xff\x1f\x08\xc7q\x1c\xcf\xb7\x08\x08\x18\xdc\xbb\xb7\x8f\x97\x17\xc70\x9e\xba\x10y\x00\xc4ry\xd2\xd2ef\xab\xf5\xe6\xed\xdb\x0c\xc7\xfd\xef\xa7\x9f|||\x1a\xab\xeb\x1f\xaaJ\x186l\x18\x1a@\xfa\xaf\xbfVWVJD"\x0f.\xc4Bn~\xa76m\x94\n\x85\xdd\xe1\x88\x8f\x8fOJJ\x12l\xf0\x07\x81\x05\xa0AA\xfd\x7f\\\x02\x80N\x845\xf6\xa0\x1a\x07T\x8b\xa2\xd1hZED w\xecJ^&gt;\xa0(\x8f4@\x1c\xc7\xa9\x15\x8a\x0f\xb7l1\x98\xcd\x12\xb1\x18\xf0\xfc\x82\x05\x0b\xbaw\xef\xde\x88\x1d\xc7\x90\xd5\x1b4h\x90\\.W+\x95\xbe\xde\xba\x93\x17/zpO\x08\x9e\xe7eR\xe9\xd0\xe932\xaf_O\x1c8\xd0\xdf\xdf\x7f\xcb\x96-B\xf6\xfd\x11B\xf7@\x1b\x12W\x99\xc1\xed\xdb\xb7kkku:]pp\xb0\xab-Dc\x8f\xae\x11@\x0f$2*\xea\xe0\x8d\x1b\xfd\x9fyF)\x97\xb3N\'\xf4\xb8h,\xcbq\n\x85\xe2\x87\xf4\xf47\xdf\xff\xc0G\xabe\x18\xa6{\xf7\xee\xef4v\xc71$\xc0\x01\x01\x01}\xfa\xf4I;|\xf8\xfa\xcd\xc2-\xbbRG\x0c\x1c\xd8X\xe3y\xa2\xb0\x1c\xa7\xd6j\xd7\xa6\xa4\x1c8~\x1c}\xe7\xeb\xaf\xbf\x0e\r\r\x15H\xef\xc5\x87\xe0i\x8b\xcdmAV\xfe\xf2\xe5\xcb\x03\x06\x0ch\xd3\xa6MLLL\x9b6m\x9e}\xf6\xd9\x9c\x9c\x1c!\\&lt;\xf4@\xd0\xa7n\xdd\xaa\x95\xc1b\xd9\xf4\xcd7\xeb\xbe\xfcRD\x92\x9eW\x8d\x8eB&lt;\x9f\xee\xfc\x06\x00P]W\xa7\xf3\xf6\xde\xb7o\x9fH$j\xf4+\x1f\x04\xd2\x13\x02\xe5~\xf3\xf3\xf3\xbf\xd8\xb3\x97 \x08\x8a$cbb\x84\\\xf9S\x1fO{\xd9\xee\t\xb2tw\xef\xdeMHHHKK\xb3X,&lt;\xcf[,\x96\x9f\x7f\xfe\xb9\x7f\xff\xfew\xee\xdc\x01\xf7V\xa30! \xec\xd3\xb5\xebsqq\x9e\'\x84\x0c\xc3\xa8\xb4\xda\xc5\x9f|jw8"CC\x01\x00\x1b7l\xf0\xf3\xf3s\x87v\xf3\x0f\xec\t!\xf2\xb8\xf3\xd8&lt;\xcf+\xe4\xf2\xb7?\xfc\x88\xe3y\xb1H\xc4\xb0\xec\xb6m\xdb$\x12I\xa3\x0b\xb0;\x80\x05\xa0!@\x8d\xa0w\xed\xdaUYY\xe9\x9ay\x10B\x89DRYY\xf9\xed\xb7\xdf\xa2\xfdxc\x0f\xb3\xa1A\xcb/&amp;&amp;\x86"I\x00\xf8\x8c\x9c\x9c\xd2\x8a\n\xb1\x07\xe5!Y\x96U\xa9\xd5\xc7O\x9f^\xb5u\xeb\xd9\xec\xec\xbc\xa2\xa2\xd1\xa3G\x8f\x1a=\xdaM"\x0f\xbf\xef\tq\xe1\xeaU\xb1g\x1d\x07C\xaf \xf5\xe7CZ\x8d\xa6\x99\xaf/\xc7q\x9bSRbbbP\'\xae\xc6\x1e]\xe3\x83\x1fA\xc3q\xfd\xfau\x08!\xba\x05\x0c\x81\x84!\'\'\x07\x08\xf200\xfa\xc8\x11\x11\x11,\xcf_\xcd/\xb09\xecUuu$Ey\x86\xf9\xe1y\x9e I\x87\xd3\xb9\xf1\xbb\xffp&lt;/\x95H\x14J\xe5\xea\xd5\xab\xdd\xe7\xc4\xe9}=!\x00\x00_\xec\xd9\xeb1\xea\x0b\x00\xe0x^,\x91\x14\xdd\xbe=c\xd9\xb2/\xf6\xee\xbd^T\xd8\xbf_\xbf\xa9\xd3\xa6\xe1\xe0\x8f\x0b\xb7\x98\x88\x1e\x0fZ]4M\xff~u\xf1&lt;O\xd3tc\x0c\xaa\xf1q\x1d\x05\x90H\xa5*\x85\x82")\'M\x13\x9e"\x84&lt;\xcf+U\xaa\x89o\xce\xbdt\xedZ\x80\xaf\xaf\xdd\xe1X\xb3fMXX\x98[\x1d;B\xfb\xce\xc4\xc4D\x9e\xe7}\xb4Z\xb5Ri\xb3Z=&amp;\r\xc0q\x9cT\xa1X\xb3uk\x8d^/\x97\xc9*kj\xdf\x9a7\xcf\x93\x14\xee\x9f\xd3\xf8\xfbP!\x80\xe6\\``\xe0}aG\xf4\xafAAA\xae\xdf\x11\x14\xc8\x03\x95\xc9d\xe1\xe1\xe1\xc0j\x8d\n\x0f\xaf\xac\xa9e\x01\xf0\x80\xf3\xa8(\xf2\xf0\xd5\xde\xbd{\x8f\x1cAI\xfe\x97^z)))\xc9M\x82?.\x90#\x1c\x1f\x1f\xef\xe5\xe5\xd5\xb3S\xa7\x88\x90\x96%w\xef\x86\x07\x07;\x9b\xfeM\xf1\x0c\xcbj\xb4\xda\x8f\xb6n=y\xf1\xa2\x9f\xb7weM\xcd\xbfg\xce\xec\xd3\xa7\x0fv\xff\xeb\xe3!R\xef\xe6 \x8fo\xe8\xd0\xa1&lt;\xcf3\x0c#\x12\x89H\x92\xa4(\x8aa\x18\x9e\xe7\x87\x0f\x1f\x0e\x9e\xe4-\x80n\x8eH$\xd2yye\xe5\xe6n\xf8\xe6\x9b\xa3\xe7\xce\x89\x9a~\x0c\x1a]6b0\x1a\xe7\xbe\xff\x01\x00\x80$\x88\xf0\xf0\xf0\r\x1b6\xa0+\xa0\x1b{t\x0f@\xa9T\x12\x04\xb1\xff\xd8\xb1\xa5\x9fm\xc8\xbc~],\x95\xb2M\xff\x15\x88E\xa2\xca\xcaJ\x93\xc5\x1a\xe0\xe3c\xb1Z\xbbt\xe9\xb2r\xd5*\x1c\xfa\xbf\x0f\xfc,\x1a\x02\x82 8\x8e\xeb\xda\xb5\xeb\xf2\xe5\xcbQ\xcc\x87eY\xd4\x07b\xe5\xca\x95=z\xf4p\xab\xb0@\xc3#W*\xfd\xb4\xda\xa9\x89\x89\xed""\x18\x9b\xad\xa9G\x81x\x9e\x97\xc9\xa4\x1f\x7f\xf5U\xfbV\x11:\x8d\x86a\xd9-[\xb6\xc8\xe5\xf2\x06\xee\xf8\xf6(\xa0M\x98R\xa9\xec\xde\xbd;*\x91\xfc\xf9\xd4i\xc0\xf3M\xbd\x18\x97\xe3y\x99V\xfb\xd6\xfb\x1f,\xd9\xb0\xa1\xd6`\x94K\xa5_}\xfd\xb5J\xa5\xc2\x95?\xf7\xe1F\xbbQ\xcf\x06i\xc0\x82\x05\x0b\x12\x12\x12\x0e\x1c8p\xf7\xee\xdd\xc0\xc0\xc0a\xc3\x86u\xe9\xd2E\xc8\xd6\x1f}\xf6\xd8\xd8\xd8\xe3\xe9\xe97\n\x0bE$\t9\xaeIG\xc3X\x96U*\x95\x07\x8e\x1d_\xb2a\xa3J\xa1\xb0;\x1c3\x92\x92\xfa\xf5\xeb\xe7n\xc1\x1f\x17\x1c\xc7Q\x14\x95\x98\x98\xf8\xd3O?\xf1\x10\x1e\xfe\xe5\x17\xa3\xc1 \xa6(\xa6\xc9:\xcb&lt;\xcf\x8b(\xea\xbf\x07\x0e\x9c\xbfr\x85$\xc9\xec\x1b7^x\xe1\x85\xa8\xc8H\xb7}\x05\x8d\x08~\x1c\r\x07\xd2\x80n\xdd\xbau\xeb\xd6\xcd\xf5M![\x7fp/\x0f\xdc\xbe];\xab\xcd\xa6Q*\x15r\xb9\x83\xa6\x95r\xb9\xd1b\xa1H\xb2\xc99k(\xc8\xc3\xb2\xec\xfc\x0f?\x02\x00Xl6\x9dN\xb7\xf2\xbd\xf7\xd0\x15\xd0\x8d=\xba\x07\x83\x066p\xe0@\xb5Zm6\x9b+jj&gt;\xde\xf9\xcd\xc29\xafY\xea\xea\x9a\xee\xe4\x14\x8bD\xdf\xfd\xf4\x93\x93\xa6I\x82\xf0\xf1\xf1Y\xbbvm\xd3\xfd,O\x14\xfcD\x1a\x14\xa4\x01\x0c\xc3\xa0\x10\x10\x9e\x94\xaeJPJ$\xfa\xf1\xc4\x89\xb5\xdb\xb6-\xdb\x94r\xb3\xb4\xcc\xcb\xdb\x9b$I\xa6\xa9\xb5\x86\x86\x10\x8aE\xa2\x17\xe7\xcd\x97J%2\xa9\x94\xe3\xb8\x8d\x1b7zyy\xb9s\xb7\x0fT\x9a\x1c\x10\x10\xd0\xb3gO\xb4\x1b\xf8t\xe7\xce\x0f6\xa5\xf0&lt;/\x93\xc9\xd8\xa6\xf6\n\x18\x86Qj\xbd\x96n\xdch\xb2X\xc2\x82\x9b\xcbd\xb2\x1f~\xf8\x01]\xbc!\xf0\xb5\xf6@\x04\xda\x84\x00\xe3&amp; \xcb\xa8\xd7\xeb}}}y\x86\x91+\x14\x16\x9bmX\xbf~=c:\x8d\x1b\xfclP\xf3`S]\x1d\x0f@\x93(Ld9N.\x97\xaf\xdb\xbe\xe3\xad\x0f?\x94J\xa5v\xbb}\xea\xd4\xa9\x9b7ov\xff\xb2\x13\x94\x9c\xc8\xca\xcaJHH\xa8\xa9\xa9\x89h\xd1\xe2\xd6\xdd\xbb\xaf\x8c\x1c\xf9\xfa\xe4\xc9\xa1\xcd\x9b\x99\xcc\x16\xca\xbd\xc7\xef\x82\xe58\xb5Ju\xfc\xdc\xf9\xf8)/\xb3\x1c\x0b!\x9c2e\xca\xe7\x9f\x7f\x8e\x83?\x7fD\x13XW\x18\x0f\x06\x95H\xca\xe5\xf2\xbd{\xf7\xc6v\xedj\xb2X\x00\xcfW\xd6\xd6,\xf8\xf8\x93\x82[\xb7w\x1d8 \x95J\xd1\xbd}n^\x1a\xc4\xf3&lt;\t!EQ\x9b\xfe\xf3\x1f\x00\x80\xc3\xe1\xe8\x14\x13\x93\x92\x92\xd2$\xcaN\xd0\x08cbb\xce\x9e=\xdb\xb5k\xd7\x82[\xb7\x82\x03\x03\xb6\xa4\xa6\xbe\xbezuYe\x95J\xa1h\x12\xfb\x00\x1e\x00\x08au]\xdd\xa6\xff|\xc7\xf1\x9cT*Q(\x14o\xcf\x9b\x87\xf7\xd9\x0f\x01\xef\x000\xee\x02\xc30\x9b6m\xda\xb2ys\xce\xd5\xab\x83{\xf72\xdb\xec\xe7\xb2\xb3\x16\xce\x98\x11\x15\x1a:r\xf8pZ\xafw8\x9d\xees\x8c\xf6&gt;\xd0\xc0\x0e\x9d9\x03y0g\xf5\xea\x92;w</t>
        </is>
      </c>
    </row>
    <row r="449">
      <c r="A449" s="1" t="n">
        <v>447</v>
      </c>
      <c r="B449" t="inlineStr">
        <is>
          <t>color_hexagon</t>
        </is>
      </c>
      <c r="C449" t="inlineStr">
        <is>
          <t>What is the missing color of the part denoted with a question mark?</t>
        </is>
      </c>
      <c r="D449" t="inlineStr">
        <is>
          <t>['green', 'purple', 'yellow', 'red']</t>
        </is>
      </c>
      <c r="E449" t="inlineStr">
        <is>
          <t>yellow</t>
        </is>
      </c>
      <c r="F449" t="inlineStr">
        <is>
          <t>There is a hexagon split into six parts with the colors ['blue', 'green', '?', 'blue', 'green', 'yellow'] in an anti-clockwise order.</t>
        </is>
      </c>
      <c r="G449" t="inlineStr">
        <is>
          <t>We observe that a blue part is opposite another blue part, and a green part is opposite another green part. Thus, the pattern is that the colors in opposite parts are the same.</t>
        </is>
      </c>
      <c r="H449" t="inlineStr">
        <is>
          <t>Based on the pattern that spatially opposite parts have the same color, the missing color of the part which is opposite a yellow part should be yellow.</t>
        </is>
      </c>
      <c r="I449" t="inlineStr">
        <is>
          <t>b'\x89PNG\r\n\x1a\n\x00\x00\x00\rIHDR\x00\x00\x02\x00\x00\x00\x02\x00\x08\x02\x00\x00\x00{\x1aC\xad\x00\x00}\xecIDATx\x9c\xed\xddy`T\xd5\xdd?\xfe\xb3\xdcY3\x99\x99\x84-,e5\x82\x80l\x01$D\xc2\xa2 U\xa9\xf8\x13D\xa0T\xfah\xc5Zj\xc3b\x81G\xa3%\x11\x81\xb2\x98\xa2\xb6\xd0\xafO\x05Y\x15m\x05\x14!(aGTVq\r\x01D\xd1\x80\x92I2\xc9l\xb9\xe7s~\x7f\x9cd\xa0(\xca\x92d\x96\xfby\xfd\xd5\x87\xfa\xd8a\x96\xfb9\xf7\x9c\xcf\xfd\xbc\xa9\x94\x92 \x84\x102\x1e\x16\xe9\x17\x80\x10B(2\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d2/\x00E\x92\x94RJ\x19\xe9W\x81"\x86RJ)\x8d\xf4\xab@\x11C\xf1\xf7oX\xba\xaek\x1a\xae\x00\x8cN\xd7u\xce9\x96\x01c\xc2\x02`P\x00\xc0\x18\xfb\xec\xb3\xcf\x1ey\xe4\x11\xc6\x18\x00D\xfa\x15\xa1z\xa5i\x9a\xae\xeb\x0f&gt;\xf8\xe0\x981c"\xfdZP\xc4\xe0\x02\xd0pT\xc9\xf7\xfb\xfd\x0b\x16,p\xbb\xdd\x05\x05\x05\x91~E(b:v\xecx\xfa\xf4\xe9\xa1C\x87v\xee\xdcYJ\xc9\x18\x1e\n\x1a\x0b\xde\x01\x18\x8e\x10\x82s\xbel\xd9\xb2\xf1\xe3\xc7SJ9\xe7\xe1\xef\x00\xc5\xdf\xbf\x01H\x90\x84T\x7f\xe2\x9c\xf3P(4n\xdc\xb8\x97_~\x19\xb7\x04\r\x08\x0b\x80\xb1\xa8S\xdf\xb2\xb2\xb2\x8e\x1d;~\xff\xfd\xf7\x00\x80\x9b?\x06g6\x9b\x85\x10\x05\x05\x05\xfd\xfa\xf5S\x8b\x83H\xbf"T\x7f\xb0\xe0\x1b\x0b\x00p\xce\xb3\xb3\xb3\x8b\x8b\x8b\xd5\xda\x9fRJ(\x95\x00\x1d\x07\x8c\xe82dl\xb0\xb2\x9c1\xbc\x04\xc4\'\t\xc2dM\xf8\xb6\xf0\xe0\xae\x95s$HI\x80Q\xaa\xeb:\x00dee\xed\xd9\xb3\xc7d2U\x7f%\x901\xe0\x1d\x80\x81\x00\x00\xa5\xf4\x8b/\xbe\xe8\xdc\xb93\x00\x9c\xef\x01\xa5\x8cHp$\xa7&lt;\xf8\x8f\xdd\x96\x04\x17\xe8U\x04/\x01\xf1H\x82\xb08\xdc\xab\xa6\xddy\xe2@\x01e\\\x82 \x84PJ\x18\xe3B\x88\xa5K\x97\xde\x7f\xff\xfdx\x13`(X\x00\x0cD\xfd\xb6o\xbb\xed\xb6\xfc\xfc|\xcd\xa4\xe9Uz\xab\x1b\x9a\x95\x97Tz\xce\x941\xceA\x88\x1bo\x1d=\xf4\x8f\xcf\xfa\xcbK\x18\xd7\xc2\xdb\xc4(&gt;\x80\x10Vg\xd2\xc7\xef\xacy\xfb\xb9I\x94q)\x85\xc5\xc4\x07\xf4j\xbay\xf7\xd7\xea\xec\xb7q\xe3\xc6\x1f\x7f\xfc\xb1\xdb\xed\xc6\x87\x03\x8c\x03\x0b\x80Q\xa8\xab\x7f~~\xfem\xb7\xdd\xc69\'D\x82\x94\xd3_z\xe8\x8b\x03\'_\xff\xdbf\xc6\x99\x94\x84R:n\xfe\xa6\x86\xadn\xa8\n\xf8\xf0@8\xbeH\xf5\xd4\xd7\xd2?\xddRZ|R\xd3\xb8\xae\x8b;\x06\xb4\\\xf9\xfc\x90\xd4\xcc\x95\xdf{\x02\x9a\xc6\xab\xaa\xf4\xc7\x1f\x7f\xfc\xe9\xa7\x9f\xc6\x9b\x00\xe3\xc0\x1f\xb9!\xa8\x8d]]\xd7\x1f}\xf4QB\x08cT\x08\xe89\xb8sj\x8f\xd6\x99\xff_\xafF-\x92A\x00c\x0c\x84(xi&amp;\xc53\x80\xb8\x03BX\x13\x93\xf6\xbd\xfe|i\xf1I\xc69\x00h\x1a\x9b;\xf5&amp;W\xcb\xc49\x93{I)\xa5\x04\xce\xd9\xbcy\xf3\n\x0b\x0b\xf1\xb9\x10\xe3\xc0\x02`\x08\xea\xb1\xaf%K\x96|\xfe\xf9\xe7\x9a\xa6\t!l\x0e\xeb\x1d\x0f\x0e\xf0W\x04\xec\x89\xd6a\x0f\r$\x84H\t\x94\xb1SGv\x15\xed\xdbdq\xb8\xd4\x061\x8a\x07Rjf\x9b\xe7\x9b\xe3\x077\xbeD)e\x94\x00\xc8\t\xa3n\xe8\x94\x96R\xf5\xb5\xf7\xd7\xa3nH\xeb\xd4P\x08\xe0\x9c\x85B\xa1\xc7\x1f\x7f\x9cR\xdc\x180\n,\x00\xf1O\x9d\xfd\x16\x17\x17gggSJ\t\x91\x00r\xc0\xc8\xde\xad;6\xaf\n\xea\xbe\x8a@\xfa\xb0\xee\xa9\xddZ\x81\x00\xc6(!t\xdb\xb2\x9c*\x7f\x05e\x1c\x8f\x01\xe2\x03\x800\xdb\x12v.\x7f&amp;PQ\xaa\x96\xffI.K\xee\xe4^\xd2WE$1\'\x98\x17L\xef#%\x01\x01\x9c\xf3\xb5k\xd7\xe6\xe7\xe7s\xce\x85\xc0\x15@\xfc\xc3\x02\x10\xff\xd4\x13\x9e3f\xcc\xf0x&lt;\x9a\xa6\xe9B4l\x964x\\FE\xa9\x8fqF\x08\x01\x01w\xffq\x08\xe7\x0c\x00\x18g\x9eoN\xec{\xfdykb\x12\xe0% \xf6I\x10V\x87\xbb\xe8\x83-\x9f\xedZG\x19\'\x12\x00d\xee\xa3iI\xcd\x12!\xa0\x9b4&amp;J\x03\xfd\x07\xb6\x1aq[\x1b]\x00c\x94R\xfa\xe8\xa3\x8f\xea\xba\x8e\xf7\x01F\x80\x05 \xce\xa9\xcd\x9f\xfd\xfb\xf7\xaf^\xbd\x9as\x0e \x88$\xbfzx\x90\xab\x81C\xd7\x05\xa5\x841\x1a\xa8\x0cv\xe8\xdd&amp;\xe3\xae\x1e\x12$!\x84Rzp\xe3K\x9e\xd3E\x9a\xd9J\xf0\x12\x10\xf3(\x08}\xef\xab\x0b%\x00g\x14\x00\xd2:5\x9c0\xbe\x0b\x94\x07U\xf9\xa7\x94H]\xce\x9d\x9e\xeeJ4\x83\x10\x9c\xb3\xcf?\xff|\xc9\x92%x\x12`\x04X\x00\xe2\x9c:\xfe\x9d2eJ0\x18d\x8c\t\x01\xa9\xddZ\xa5\x0f\xeb^Q\xea\xe7\xbc\xfa\xd3\xa7\x8c\x06*\x82\xc3&amp;\x0c\xb2\'Z%\x00\xe3&lt;PQ\xbas\xc5\x1c\xb3=\x11\xf0$ \x96\x81\xd0m\xae\x06\x1f\xbd\xb3\xfa\xf4\xa7\x1f0\xce%\x08)\xc9\x82\xe9}4\x9b&amp;\x85T\xad\x9e\x8cQQ\x11j\xdb\xb9\xd1\xa4\xfbo\x14 )%\x94\xd2\xec\xecl\x8f\xc7\xc3\x18\xc3\x9b\x80\xf8\x86\x05 \x9e\xa9~\xbe\xb5k\xd7n\xdf\xbe]\xd34!t\xcd\xc4\xef\xfe\xe3\x10\x10@.\xe8\xf3\xa6\x94\x86Bzr\x8a\xeb\xf6\x07\x07\xa8\x86\x10\xca\xd8\x17{6\x9c:\xb2\xcblO\x94\xb8\x0c\x8cQRr\xcd\\QR\xbc\xef\xf5\xe7\xd4\xd9\xaf\x009rh\xdb\xfe\x03[\x89\xd2 \xe7\xe7\xbf\x01\\cP\x1a\xc8z\xa8[\xbbVN\xa1\x0bM\xe3\x1e\x8fG\x9d\x18\xe1M@|\xc3\x02\x10\xb7\xd4\xdaM\xf5u\x10B(%\x002\xed\xd6\xce\x1dz\xb7\xf5W\x06\x19\xfb\xaf\'}8g~o`\xc0\xc8\x9b\x9a\xb4l\xa0ZB\x85^\xb5\xe3\xe5Y\xf8DX\xec\x02\xa1[\x13\x93&gt;|cq\xd9\x99S\x94q\x000\x9b\xf8\xac\xc9\xbd\x08\xc8\x8b\x1e\xf3\xa2\x94\xc8\x90p5Ix\xea\x91\x1e \x89\x94\xe7{\xc6p#(\xbea\x01\x88[j\xec\xcf\xfc\xf9\xf3\x0b\x0b\x0bM&amp;\x93\xae\x8b\x04\xa7m\xf8\x1fn\rT\x06.\xba\xfa+B\x80\xc5f\xba\'k(!\x04@0\xceO\x7f\xfa\xfe\xc7[_\xb5:\x93A\xe8\xf5\xfe\xf2\xd15\x91\x00f{\xe2\xd9\xe3\x1f\x1dz{)e\x8cQ\t \x1f{\xa0Kj\x97&amp;\xc2\x1b\xfa\xe1\x17\x80kL\x94\xf8\xc7\x8c\xea\x98\xd9\xab\xa9\xae\x83\xa61\xf5\xd4\x08\x1e\x05\xc77,\x00\xf1I\x9d\xfd\x16\x15\x15\xcd\x9d;\x971&amp;%H)\x07\x8e\xea\xd3\xa4U\x83PP\xff\xd1\x07\xfd\x19g~o\xa0\xdb\x80\x0e\x1dz\xb5\x95j\x91H\xe9\xeeU\x7f\xf5y\xcer\xcd\x8c\xa7\xc1\xb1F2\xcew,\x7f&amp;\xe8\xf32F\x85\x10)\r\xed\x93\x7f\xd7\x15*C\x8c_\xe2W/\t7\xb1\xdc?\xf5T\xff\xbc\xa6\xf1\xfc\xfc\xfc\xb5k\xd7bKh\x1c\xc3\x02\x10\x9f\xd4\xd9oNNNyy9\xe7\\\xd7E\x93\x96\rn\x1b\xdf\xcfW\xe6\xbf\xe4\xef\x9f\x10I\x88\x14r\xe4\xe4\xa1\x9a\x89\x03\x00c\xbc\xec\xecW\x1f\xbc\xb1\xd8\x9a\x98\x847\x011D\naq\xb8O\xec\xdfzl\xdf&amp;\xca8\x95RJ2gJ\xef\xe4\x16N\x19\xd0/5\xe6\x87s*J\x03\x99\x83\xdb\x8c\xbb+U\x08\xa9ZB\x1f\x7f\xfc\xf1P(\x84\xf7\x01\xf1\n\x0b@\x1cRg\xbf;v\xecX\xb9rex\xf9vO\xd6P\x9b\xdd,\x04\xfc\xc4\x94/\xc6\xa8\xdf\x17l\xd3\xa9\xc5\xa0\xd1\xe9\x12$%\x922v\xe8\xed\xa5g\x8a\x0e\x9bl\x0e)q/86P\xce\xab\x02\x95;\x96\xcf&amp;\x94rFt\x01\x99\xbd\x9a\x8e\x1b\xd3Q\x94\xf8\xb9\xf6S?y\xca\x99\xac\x0c\xcd\x99\xd6\'\xd9m\xd5\xab\x84\xa6\xf1\xc2\xc2\xc2\xf9\xf3\xe7\xe3I@\xbc\xc2\x02\x10\x9f\x84\x10\xd9\xd9\xd9B\x08\xf5\xd3\xed\xd0\xabm\xb7\x01\x1d|\xde\xc0O,\xff\x15\xf5X\xc0\xadc\xfb:\x1b8\xd4&gt;R\xd0\xe7\xdd\xfbj\x9e\xc9j\xc3v\xa0\x98\x00B\xb7:\xdc\x1fo]{\xf6\xc4Q\xb5\xfb\xc7\x19\xcd\xfdSO\xa6\xb1\x9f=\xceg\x94\x80_Oi\xeb\x9e2\xbe3HI\x88d\x8c-X\xb0\xa0\xb8\xb8\x18;\x82\xe2\x12\x16\x80x\xa3\xeb:\xe7|\xd5\xaaU;v\xec\xd04M\x17:\xe7l\xe4\xa4\xa1R\\\xd6=\xbcj\tm\xd8\xd4=l\xc2\xa0\x9a\x96P\xfe\xf9\xee\xf5E\xefo\xb1:\xdc8 (\xdaI\xa9\x99\xad\xe5\xdf}\xbd{\xcd&lt;J\x19\xa3D\x089v\xd8u\x99\x83\xdb\x88\xd2\xc0\x85\xad\x9f\x97\xc28\x03O`\xea#i\xa9\xad]UUB\xd3xII\xc9\x8c\x193\xf0\x99\x80\xb8\x84\x05 \xae\xa8\xa9\x0f\xe5\xe5\xe53g\xceT\'\xbd\x12d\xc6]=Zwj\x1e\xf0]\xdc\xfay)\x9c\xb3\xcar\x7f\xfa\x9d\xddZ\xb6o\n\x00\xaa\x83d\xef\xab\x0bA\xe8\x18\x14\x13\xe5\x00\x84\xd9\xe6\xf8p\xdd\x12_\xe9\xf7\x8c3\x00p%\x9a\x9f|\xb4\xa7\xf4W\xd1\xcb\xfb\xf4\xd5\x83\xc1f\x87yVVO\xf5/T\xeb\x89\x03\x07\x0ep\xce\xf1&amp; \xce`\x01\x88+j\xd3f\xee\xdc\xb9EEEj\xf7\xdf\x9eh\x1d6aP\xd0\x1f\xba\xcc\xdf\x7f\xf5\xbfG\x80\xd5n\x1e&gt;q0\x91DJ\xd5\x12\xfa\xc1G[V\xda\x12\xb1%4zI\x00\xb3\xcdQ\\x\xf0\xc0\x9b/R\xc6(\x01\x009\xe9\xfe\xce\xed\xba4\x16\x15U\x97Y\xfe\t!\\\xa3\xa2,0r\xe4\r\xfd{7\xd5u\xe0\x9c\x86B\xa1\xac\xac,!\x04\xde\x04\xc4\x19,\x00\xf1C5\xfe\xd7\x9c\xdaq\xd5\xfay\xfb\x03\x03\x92S\\\x97j\xfd\xbc\x14\xc6Yey\xa0sFj\xf7\x017\x80\xa8\x1e\x0f\xb0k\xf5\xbc\xf2\xef\xbe\xc6\x01A\xd1\x8c2^\xf0\xd2L\xa1W\xa9\xb1\x1fm\x7f\xe1\xccz\xa8\xbb(\r\xfc\xf4\xd9\xef\x8f\xfc{\x08\x91\x02\x16LO\xd74&amp;t\xa1i\xda\xce\x9d;W\xadZ\x85-\xa1q\x06\x0b@\xfcP\xab3\xd5\xb7\xc79\x13\x00-\xdb7\x1d8\xea&amp;\x9f7\xc0\x7f\xee\xec\xf7G\x81\x80\xe1\x13\x07\xdb\x1cV\x00\xa0\x8c\xfbJ\xbf\xffp\xdd\x12\xb3\xcd\x81\x03\x82\xa2\x90\x04aIp\x16\xed\xdbt\xea\xc8.\xca\x18\x91 %\x99;\xb5\xb7\xab\xb1\x9d\x84\xc4\x95n\xdd1F\xc1\x1bJ\xcbh1a\xd4\r\x02$\xa5\x921:s\xe6\xcc\xb2\xb22l\t\x8d\'X\x00\xe2\x84j\xfd\xdc\xbe}{\xcd\x93;:\x91d\xf8\xc4\xc1\x16\xabI\x88\xab\xd9\xb7e\x8c\x06*C-oh:`do\t\x92\x12\xa0\x8c\x1dx\xf3\xc53\xc7\x0e\xe3\x80\xa0\xe8#)\xe3UA\xff\xb6e9\x84P\xce\xa8\x10\xd0\xbfw\xd3\x11#:\x88\x92+^\xfe+\x8c3\xa8\x08\xe5N\xee\x95\xe4\xb2\xe8\xba\xe0\x9c\x17\x15\x15\xe5\xe5\xe51\xc6\xf0&amp; n`\x01\x88\x07\xea\xb1\xaf`08e\xca\x14J)c\x14@v\x1f\xd8\xb1sFj\xe5\xd5.\xff\x89\xda\x08*\xf5\x0f\xfeuF\xa3\xe6I\x00R\r\x08\xda\xbdf&gt;e\x0c\x07\x04E\x15\x10\xc2\x92\xe0&lt;\xb4\xf1%\xcf7\'\xd4\xd9\xaf\xc5\xcc\x17LO\x97\x02\xae\xfa\xd8\x9eR"\x03zR\xb3\xc4\xdcG{JI\xa4\x04\xce\xf9\xb3\xcf&gt;\xab\x8e\x97\xf048&gt;`\x01\x88\x07\xea\xecw\xcd\x9a5\xfb\xf7\xefW\xbb\xb4\x9a\x89\x0f\x9b0P\xcd\xf7\xbfj\x94\x12]\x17\xee\xc6\x89C\xc7g\x86[B\x0b\xdf{\xfb\xe4\xfe\xad\x16\x87[\xe220JH\xa9\x99\xad\xde\xef\xbf\xd9\xbb6\x8f\xd4$&gt;\x8e\xbe\xa3]\xda\xcd-\xe0\xc7\xc6\xfe\\&gt;\xc6\x19x\x83\x13~\xd3\xb9}\x1b\xb7\xd0\x81sVVV\x96\x93\x93\x83\xcf\x04\xc4\r,\x001O-\xff=\x1e\xcf\xf4\xe9\xd3\x19c*\xf1q\xd0\xe8\xf4V\x1d\x9b\xffp\xea\xe7\x95\xe2\x9cUx|\x19\xc3{\\\xd7\xad%\x08`\x8c\x10Jw,\x9f\xad\x07\xfd\x94cfdT\x00\x10f\xbbc\xf7\xea\xf9\xc1\xcar\xce\x19\x08Hv[g\xff\xb9\x0fxC\xf4jo\xfe\x14\xd5\x12\xaa\xd9M\x8b\x9e\xe8+\t\x11B\xd74\xber\xe5\xca\x9d;w\xaad\xe9\xda\xfa+\xa0H\xc1\x02\x10\xf3\xd4\xf2?;;\xbb\xb8\xb8X\xed\xcf:\x93\x1d\x83\xc7\xf6\r^\xf3\xd5_\x91\x84p\x8d\xdf\xf1\xe0@\xf5@\x00c\xec\xec\x89\xa3\x07\xdf\xfa\x97%\xc1\x85\x99\x91\x11\xa7\xa6~\x9e:\xb2\xfb\xe8\xbb\xab)c\x94H\x90r\xca\xf8\xce)\xed\xdc2\xa0_\xfb\xe7\xcf9\x15\xe5\xc1!\xb7\xb5\x19\x92\xd1B\x08I)\x15Bdee\x05\x83A&lt;\r\x8e\x03X\x00b\x9b\xba\xfa\x873\xfc\xa4\x04)\xc9\xaf\x1e\x1e\xd4\xa0\xa9;\x14\xba\xb2\xd6\xcfKa\x8cV\x96\xfb\xbbf\xb6\xef5\xe4F\xa8N\x8cb{\xd7\xfe\xcd\xfb\xfdil\t\x8d\x06\x8ck;^\x9e\x05Bp\xc6\x84\x80\xf6m\xdcS\x1f\xe9\x01\x9e\x9f\x1f\xfbq\x99(!R\xc8E\xd9\x19f\x13\x07!4M;p\xe0\xc0\x9a5kp@P\x1c\xc0\x02\x10\xdb\xd4\xfe\x8fJ\xf1\xe6\x9c\x0b\x01\xd7uky\xf3\xddi\x15e\xbe\xab&gt;\xfb\xfd!\xc6h\xc0\x17\x1a&gt;qp\x82\xd3\x06\x02(\xa3\xc1\xca\xb2\xdd\xab\xe7\x9b\xacvl\t\x8d )tk\xa2\xfb\xe3w_9\xfd\xe9\xfb\xe1\xc4\xc7EO\xf45\'\x98\xc3\x89\x8f\xd7\x8e1\n\x15\xa1\xf6\xdd\x9b&lt;\xf6@\x97\x9a\x96P6}\xfa\xf4\x92\x92\x12\xbc\t\x88uX\x00b\x98j\xfd\xcc\xcf\xcf\xcf\xcf\xcf\xe7\x9c\x0b\x10\x8c\xd1;\x1e\x1c\xc85^\xbb\xbfJJi(X\xd5\xa4U\x83\x81\xa3\xfaH)\t\x91\x94\xb1\xa3\xef\xae&gt;s\xec\xb0\xd9\xe6\xc0\x96\xd0\x08\x91\x94k!\x9fw\xcf+\x0b\t!*\xf1qHF\x8b!\xb7\xb5\x11\xe5\xc1\xcb\x19\xfbs\xf9TK\xe8\xe4\xdfuMidW\xa7\xc1\xc5\xc5\xc5\x0b\x17.\xc4\x9b\x80X\x87\x05 V\xa9\xb5\xbf\x8am"j\x99&amp;\xa0\xe7\xe0\x1b\xbbf\xb6\xaf,\xf7\xd7\xca\xee\xff\x85\x18g\xbe2\xff\xd0\xf1\xfd\x1a\xb7HV\x99\x91 D\xc1K3)\xe3\xb5\xfb?\x84.\x13\x08aML\xda\xf7\xfa\xf3\xa5\xc5\'\x19\xe7\x00\xa0ilQv\x86\x14\xb2\xd6\x076\xa9\x96\xd0\xe4\x16\xce9\x93{\x81\x94R\x02\xe7l\xde\xbcy\x85\x85\x85X\x03b\x1a\x16\x80X\xa5v\xffUp\xabj\xc9\xb09\xac\xb7?\xd8?\x14\xb8\x82\xa9/\x97\x8f\x12\xa2\x0b\xb0&amp;X\xee|h !D\x05\xc7\x9f:\xb2\xabh\xdf&amp;\x8b\xc3\x85SB\xeb\x9b\x94\x9a\xd9\xe6\xf9\xe6\xf8\xc1\x8d/\xd1\x9a\xd6\xcf\t\xa3nh\xdf\xb51T\\S\xeb\xe7\xa50\x8dAi\xe0\xbe\x11\x1d\xd2:5\x14\x028g*n\x1aw\x81b\x1a\x16\x80\x98\x04\x00\x94\xd2\xe2\xe2\xe2\xec\xeclJ\xa9j\xfd\x1c0\xb2w\xeb\x8e\xcd\x03\xbeP\xad\x9c\xfd\xfe\x10\xe7\xccW\xeeO\x1f\xd6=\xb5[+\x10\xc0\x18%\x84n[\x96S\xe5\xaf\xa0\x0c[B\xeb\x15\x800\xdb\x12v.\x7f&amp;PQ\xaa\x96\xffI.K\xee\xe4^\xd2WU[g\xbf\x17QG\xc1\x96\x04\xf3\x82\xe9}\xa4$ \x80s\xbev\xed\xda\xea\xedG\xec\x07\x8bMX\x00b\x92\x1a\xfb&lt;c\xc6\x0c\x8f\xc7\xa3i\x9a.D\xc3fI\x83\xc7eT\x94\xfa\xea\xe8\xf7_\xfd\xbfK\x08\x08\xb8\xfb\x8fC8g\x00\xc08\xf3|sb\xdf\xeb\xcf[\x13\x93\xb0%\xb4\xdeH\x10V\x87\xbb\xe8\x83-\x9f\xedZG\x19\'\x12\x00d\xee\xa3iI\xcd\x12\xe1\xd2\x89\x8f\xd7NeF\xf6\x1f\xd8j\xc4mmt\x01*3R5 \xe0}@\x8c\xc2\x02\x10{\xd4\xe6\xcf\xfe\xfd\xfbW\xaf^\xcd9\x07\x10D\x92_=&lt;\xc8\xd5\xc0\xa1\xebW&lt;\xf6\xeb\x8a\xa8\xbc\xb0\x0e\xbd\xdbd\xdc\xd5C=fL)=\xb8\xf1%\xcf\xe9"l\t\xadG\x14\x84\xbe\xf7\xd5\x85\x12\x803\n\x00i\x9d\x1aN\x18\xdf\x05\xca\x83uZ\xfeI\xcd\xa3as\xa7\xa7\xbb\x12\xcd \x04\xe7\xe7[\x90\xf1$ \x16a\x01\x88=\xea\xf8w\xca\x94)\xc1`PM\xfdM\xed\xd6*}X\xf7\x8aR\x7f-\xb6~^\ne4P\x11\x1c6a\x90=\xd1*\x01\x18\xe7\x81\x8a\xd2\x9d+\xe6\x98\xed\x89\xd8\x12Z\x0f@\xe86W\x83\x8f\xdeY}\xfa\xd3\x0f\xc2\xad\x9f\x0b\xa6\xf7\xd1lZ-\xb6~^\ncTT\x84\xdavn4\xe9\xfe\x1bE\xf5C!4;;\xdb\xe3\xf1`dX,\xc2\x02\x10cT\xeb\xe7\xda\xb5k\xb7o\xdf\xaei\x9a\x10\xbaf\xe2w\xffq\x08\x08 \xf5\x92\xd6\xa52#\x93S\\\xb7?8\xa0f@\x10\xfbb\xcf\x86SGv\xe1\x94\xd0:\'%\xd7\xcc\x15%\xc5\xfb^\x7fN\x9d\xfd\n\x90#\x87\xb6\xed?\xb0\x95(\xad\xe5\xd6\xcfK\xe1\x1a\x83\xd2@\xd6C\xdd\xda\xb5r\n]h\x1a\xf7x&lt;\xea,\no\x02b\x0e\x16\x80X\xa2VX\xaa\xfb\x82\x10B)\x01\x90i\xb7v\xee\xd0\xbb\xed\xb5\x8f\xfd\xb9|\x9c3\xbf70`\xe4MMZ6P-\xa1B\xaf\xda\xf1\xf2,\xc65&lt;\n\xaeS tkb\xd2\x87o,.;s\x8a2\x0e\x00f\x13\x9f5\xb9\x17\x81:_\xfb\x87QJdH\xb8\x9a$&lt;\xf5H\x0f\x90D\xca\xf3\xddh\xb8\x11\x14s\xb0\x00\xc4\x12\x95\xf95\x7f\xfe\xfc\xc2\xc2B\x93\xc9\xa4\xeb"\xc1i\x1b\xfe\x87[\x03\x95\x81z\xbb\xfa+B\x80\xc5f\xba\'k(!\x04@eF\xbe\xff\xf1\xd6W\xadN\xcc\x8c\xac+j\xec\xcf\xd9\xe3\x1f\x1dz{)ej2\x93|\xec\x81.\xa9]\x9a\x88k\x9b\xfay\xa5\xb8\xc6D\x89\x7f\xcc\xa8\x8e\x99\xbd\x9a\xea:h\x1aS\xcf\xa3\xe0Qp\xcc\xc1\x02\x103\xd4\xd9oQQ\xd1\xdc\xb9sk\xc6\xfe\xc8\x81\xa3\xfa4i\xd5\xe0J\x13\x1f\xaf\x1d\xe3\xcc\xef\rt\x1b\xd0\xa1C\xaf\xb6R-?)\xdd\xbd\xea\xaf&gt;\xcfY\xae\x99\xf14\xb8nH\xc6\xf9\x8e\xe5\xcf\x04}^\xc6\xa8\x10"\xa5\xa1}\xf2\xef\xbaBe\xa8\xae\xcf~\x7f\xec\xb5\x10nb\xb9\x7f\xea\xa9^\x89\xa6\xf1\xfc\xfc\xfc\x9a0"&lt;\n\x8a\x19X\x00b\x86:\xfb\xcd\xc9\xc9)//\xe7\x9c\xeb\xbah\xd2\xb2\xc1m\xe3\xfb\xf9\xca\xfc\x11\xf8\xfd\x13"\t\x91B\x8e\x9c&lt;T3q\x00`\x8c\x97\x9d\xfd\xea\x837\x16[\x13\x93\xf0&amp;\xa0\xd6I!,\x0e\xf7\x89\xfd[\x8f\xed\xdbD\x19\xa7RJI\xe6L\xe9\x9d\xdc\xc2)\xeb\xb2\xf5\xf3RTKh\xe6\xe06\xe3\xeeJ\x15B\xaa\x96P\x15G\x8a\xf7\x011\x04\x0b@lPg\xbf;v\xecX\xb9rex\x91uO\xd6P\x9b\xdd,\x04\xd4\xfb\xcf\x9f\x10B\x18\xa3~_\xb0M\xa7\x16\x83F\xa7K\x90\x94H\xca\xd8\xa1\xb7\x97\x9e):l\xb29\xa4\xc4\xbd\xe0\xdaD9\xaf\nT\xeeX&gt;\x9bP\xca\x19\xd1\x05d\xf6j:nLGQ\xe2\xbf\xba\xc4\xc7\xdaxILV\x86\xe6L\xeb\x93\xec\xb6\xeaUB\xd3xaa\xe1\xfc\xf9\xf3\xf1$ \x86`\x01\x88\x19B\x88\xec\xecl!\x84\xfa\x81u\xe8\xd5\xb6\xdb\x80\x0e&gt;o\xadM\xfd\xbd\n\xea\xb1\x80[\xc7\xf6u6p\xa8\x1d\xaa\xa0\xcf\xbb\xf7\xd5&lt;\x93\xd5\x86\xed@\xb5\x08\x84nu\xb8?\xde\xba\xf6\xec\x89\xa3j\xf7\x8f3\x9a\xfb\xa7\x9eLc\x11&lt;tg\x94\x80_Oi\xeb\x9e2\xbe3HI\x88d\x8c-X\xb0\xa0\xb8\xb8\x18;\x82b\x05\x16\x80\x18\xa0F=\xafZ\xb5j\xc7\x8e\x1d\x9a\xa6\xe9B\xe7\x9c\x8d\x9c4T\x8a\x08\xdfi\xab\x96\xd0\x86M\xdd\xc3&amp;\x0c\ngF~\xbe{}\xd1\xfb[\xac\x0e7\x0e\x08\xaa\x1dRjfk\xf9w_\xef^3\x8fR\xc6(\x11B\x8e\x1dv]\xe6\xe06\xa24P?\xad\x9f\x97\xc28\x03O`\xea#i\xa9\xad]UUB\xd3xII\xc9\x8c\x193\xf0\x99\x80X\x81\x05 \xda\xa9\xa9\x0f\xe5\xe5\xe53g\xceT\'\xbd\x12d\xc6]=Zwj\x1e\xf0\xd5_\xeb\xe7\xa5p\xce*\xcb\xfd\xe9wvk\xd9\xbe)\x00\xa8\xde\x94\xbd\xaf.\x04\xa1\x93\xfa\xdf\x99\x8eG\x00\xc2ls|\xb8n\x89\xaf\xf4{\x15\xf8\xeeJ4?\xf9hO\xe9\xaf\xa2\x91\xfe\xf4\xd5\x83\xc1f\x87yVVO\xf5R\xd5J\xe5\xc0\x81\x03\x18\x1c\x1f\x13\xb0\x00D;\xb5\xb52w\xee\xdc\xa2\xa2"\xb5\xfboO\xb4\x0e\x9b0(\xe8\x0fE\xfc\xf7\xaf\x80\x00\xab\xdd&lt;|\xe2`"\x89\x94\xaa%\xf4\x83\x8f\xb6\xac\xb4%bK\xe8\xb5\x92\x00f\x9b\xa3\xb8\xf0\xe0\x817_\xa4\x8cQ\x02\x00r\xd2\xfd\x9d\xdbui,*\xead\xec\xeb\x95\xe2\x1a\x15e\x81\x91#o\xe8\xdf\xbb\xa9\xae\x03\xe74\x14\neee\t!\xf0&amp; \xfaa\x01\x88j\xaa\xf1\xbf\xe6l\x8d\xab\xd6\xcf\xdb\x1f\x18\x90\x9c\xe2\xaa\xff\xd6\xcfKa\x9cU\x96\x07:g\xa4v\x1fp\x03\x88\xea\xf1\x00\xbbV\xcf+\xff\xeek\x1c\x10t\xed(\xe3\x05/\xcd\x14z\x95\x1a\xfb\xd1\xf6\x17\xce\xac\x87\xba\x8b\xd2@\xa4\xce~\x7f\x88\x12"\x05,\x98\x9e\xaeiL\xe8B\xd3\xb4\x9d;w\xaeZ\xb5\n[B\xa3_\xb4|\x87\xd0\x8fRk(\xd5]\xc79\x13\x00-\xdb7\x1d8\xea&amp;\x9f7P\x0fc\x7f\xae\x08\x08\x18&gt;q\xb0\xcda\x05\x00\xca\xb8\xaf\xf4\xfb\x0f\xd7-1\xdb\x1c8 \xe8\xaaI\x10\x96\x04g\xd1\xbeM\xa7\x8e\xec\xa2\x8c\x11\tR\x92\xb9S{\xbb\x1a\xdbI\xa8n\xa7\xfe]\x11\xc6(xCi\x19-&amp;\x8c\xba\xa1&amp;3\x92\xce\x9c9\xb3\xac\xac\x0c[B\xa3\\t]D\xd0\x85T\xeb\xe7\xf6\xed\xdbk\x9e\xaf\xd1\x89$\xc3\'\x0e\xb6XMBD\xd7\xee*c4P\x19jyC\xd3\x01#{K\x90\x94\x00e\xec\xc0\x9b/\x9e9v\x18\x07\x04]-I\x19\xaf\n\xfa\xb7-\xcb!\x84rF\x85\x80\xfe\xbd\x9b\x8e\x18\xd1A\x94D\xd1\xf2_Q\x99\x91\xb9\x93{%\xb9,\xba.8\xe7EEEyyy\x8c1\xbc\t\x88f\xd1\xf55Ba\xea\xb1\xaf`08e\xca\x14J)c\x14@v\x1f\xd8\xb1sFje\xf4-\xff\x89\xda\x08*\xf5\x0f\xfeuF\xa3\xe6I\x00R\r\x08\xda\xbdf&gt;e\x0c\x07\x04]\x05\x10\xc2\x92\xe0&lt;\xb4\xf1%\xcf7\'\xd4\xd9\xaf\xc5\xcc\x17LO\x97\x02\xa2g\xed\x1f\xa62#\x93\x9a%\xe6&gt;\xdaSJ"%p\xce\x9f}\xf6Yup\x85\xa7\xc1Q+\xea\xae#HQg\xbfk\xd6\xac\xd9\xbf\x7f\xbf\xdaK\xd5L|\xd8\x84\x81j\n\x7f\x14\xa2\x94\xe8\xbap7N\x1c:&gt;3\xdc\x12Z\xf8\xde\xdb\'\xf7o\xb58\xdc\x12\x97\x81WDJ\xcdl\xf5~\xff\xcd\xde\xb5y\xa4&amp;\xf1q\xf4\x1d\xed\xd2nn\x01\xf5;\xf6\xe7\xf21\xce\xc0\x1b\x9c\xf0\x9b\xce\xed\xdb\xb8Up|YYYNN\x0e&gt;\x13\x10\xcd\xb0\x00D#\xb5\xfc\xf7x&lt;\xd3\xa7Og\x8c\xa9\xc4\xc7A\xa3\xd3[ul^\x9fS?\xaf\x14\xe7\xac\xc2\xe3\xcb\x18\xde\xe3\xban-A\x00c\x84P\xbac\xf9l=\xe8\xa7\x1c3#\xaf\x00\x800\xdb\x1d\xbbW\xcf\x0fV\x96s\xce@@\xb2\xdb:\xfb\xcf}\xc0\x1b\xa2\xd1w\xf3\xa7\xa8\x96P\xcdnZ\xf4D_I\x88\x10\xba\xa6\xf1\x95+W\xee\xdc\xb9SeVG\xfa\x05\xa2\x1f\x11\xa5_&amp;\x83S\xcb\xff\xec\xec\xec\xe2\xe2b\xb5\x8b\xeaLv\x0c\x1e\xdb7\x18\xc5W\x7fE\x12\xc25~\xc7\x83\x03\xd5\x03\x01\x8c\xb1\xb3\'\x8e\x1e|\xeb_\x96\x04\x17fF^&amp;5\xf5\xf3\xd4\x91\xddG\xdf]M\x19\xa3D\x82\x94S\xc6wNi\xe7\x96\x01=\x9a?\x7f\xce\xa9(\x0f\x0e\xb9\xad\xcd\x90\x8c\x16BHJ\xa9\x10"+++\x18\x0c\xe2ipt\xc2\x02\x10u\xd4\xd5?\x9c\xb4\'%HI~\xf5\xf0\xa0\x06M\xdd\xa1P\xb4\xb4~^\nc\xb4\xb2\xdc\xdf5\xb3}\xaf!7Bub\x14\xdb\xbb\xf6o\xde\xefOcK\xe8\xe5c\\\xdb\xf1\xf2,\x10\x823&amp;\x04\xb4o\xe3\x9e\xfaH\x0f\xf0Dr\xec\xc7eR\xd9\xf1\x8b\xb23\xcc&amp;\x0eBh\x9av\xe0\xc0\x815k\xd6\xe0\x80\xa0\xe8\x14\xed\xdf\'\x03R\xfb?*k\x9bs.\x04\\\xd7\xad\xe5\xcdw\xa7U\x94\xf9\xa2\xf0\xec\xf7\x87\x18\xa3\x01_h\xf8\xc4\xc1\tN\x1b\x08\xa0\x8c\x06+\xcbv\xaf\x9eo\xb2\xda\xb1%\xf4gI\xa1[\x13\xdd\x1f\xbf\xfb\xca\xe9O\xdf\x0f\'&gt;.z\xa2\xaf9\xc1\\\x0f\x89\x8f\xd7\x8e1\n\x15\xa1\xf6\xdd\x9b&lt;\xf6@\x97\x9a\x96P6}\xfa\xf4\x92\x92\x12\xbc\t\x88B1pA1\x14\xd5\xfa\x99\x9f\x9f\x9f\x9f\x9f\xcf9\x17 \x18\xa3w&lt;8\x90k&lt;V~;\x94\xd2P\xb0\xaaI\xab\x06\x03G\xf5\x91R\x12")cG\xdf]}\xe6\xd8a\xb3\xcd\x81-\xa1?IR\xae\x85|\xde=\xaf,$\x84\xa8\xc4\xc7!\x19-\x86\xdc\xd6F\x94\xd7S\xe2\xe3\xb5S-\xa1\x93\x7f\xd75\xa5\x91]\x9d\x06\x17\x17\x17/\\\xb8\x10o\x02\xa2\x10\x16\x80(\xa2\xd6\xfe*\\\x89\xa8\xc5\x94\x80\x9e\x83o\xec\x9a\xd9\xbe\xb2\xdc\x1f\xe5\xbb\xff\x17b\x9c\xf9\xca\xfcC\xc7\xf7k\xdc"YeF\x82\x10\x05/\xcd\xa4\x8cG\xfa\xa5E5\x10\xc2\x9a\x98\xb4\xef\xf5\xe7K\x8bO2\xce\x01@\xd3\xd8\xa2\xec\x0c)d\xcc|\xf65-\xa1\xc9-\x9cs&amp;\xf7\x02)\xa5\x04\xce\xd9\xbcy\xf3\n\x0b\x0b\xb1\x06D\x1b,\x00QD\xed\xfe\xabxU\xd58asXo\x7f\xb0\x7f(\x10\x15S_.\x1f%D\x17`M\xb0\xdc\xf9\xd0@B\x88\n\x8e?udW\xd1\xbeM\x16\x87\x0b\xa7\x84\xfe8)5\xb3\xcd\xf3\xcd\xf1\x83\x1b_\xa25\xad\x9f\x13F\xdd\xd0\xbekc\xa8\x88\xd2\xd6\xcfKa\x1a\x83\xd2\xc0}#:\xa4uj(\x04p\xceT\x905\xee\x02E\x1b,\x00\xd1\x02\x00(\xa5\xc5\xc5\xc5\xd9\xd9\xd9\x94R\xd5\xfa9`d\xef\xd6\x1d\x9b\x07|\xa1(?\xfb\xfd!\xce\x99\xaf\xdc\x9f&gt;\xac{j\xb7V \x801J\x08\xdd\xb6,\xa7\xca_A\x19\xb6\x84\xfe\x08\x00a\xb6%\xec\\\xfeL\xa0\xa2T-\xff\x93\\\x96\xdc\xc9\xbd\xa4\xaf*\xfa\xcf~/\xa2\x8e\x82-\t\xe6\x05\xd3\xfbHI@\x00\xe7|\xed\xda\xb5\xd5\x1b\x9b\xd8\x0f\x165b\xec\x8b\x15\xc7\xd4\xd8\xe7\x193fx&lt;\x1eM\xd3t!\x1a6K\x1a&lt;.\xa3\xa2\xd4\x17s\xbf\x7fE\x12\x02\x02\xee\xfe\xe3\x10\xce\x19\x000\xce&lt;\xdf\x9c\xd8\xf7\xfa\xf3\xd6\xc4$l\t\xbd\x88\x04au\xb8\x8b&gt;\xd8\xf2\xd9\xaeu\x94q"\x01@\xe6&gt;\x9a\x96\xd4,\x11"\x91\xf8x\xedTfd\xff\x81\xadF\xdc\xd6F\x17\xa02#Uk\x03\xde\x07D\x8f\x98\xbc\xb2\xc4\x1f\xb5\xf9\xb3\x7f\xff\xfe\xd5\xabWs\xce\x01\x04\x91\xe4W\x0f\x0fr5p\xe8z\x14\x8d\xfd\xba"*/\xacC\xef6\x19w\xf5P\x0f0SJ\x0fn|\xc9s\xba\x08[B\x7f\x80\x82\xd0\xf7\xbe\xbaP\x02pF\x01 \xadS\xc3\t\xe3\xbb@y0F\xcb?\xa9y4l\xee\xf4tW\xa2\x19\x84\xe0\xfc|s3\x9e\x04D\x89X\xfdn\xc5\x19u\xfc;e\xca\x94`0\xa8\xa6\xfe\xa6vk\x95&gt;\xac{E\xa9?&amp;Z?/\x852\x1a\xa8\x08\x0e\x9b0\xc8\x9eh\x95\x00\x8c\xf3@E\xe9\xce\x15s\xcc\xf6Dl\t\r\x03\xa1\xdb\\\r&gt;zg\xf5\xe9O?\x08\xb7~.\x98\xdeG\xb3i1\xd1\xfay)\x8cQQ\x11j\xdb\xb9\xd1\xa4\xfbo\x14\xd5\x0f\x85\xd0\xec\xecl\x8f\xc7\x83\x91aQ"\x86/.qC\xb5~\xae]\xbbv\xfb\xf6\xed\x9a\xa6\t\xa1k&amp;~\xf7\x1f\x87\x80\x00\x12\xb3?~EeF&amp;\xa7\xb8n\x7fp@\xcd\x80 \xf6\xc5\x9e\r\xa7\x8e\xec\xc2)\xa1\xd5\xa4\xe4\x9a\xb9\xa2\xa4x\xdf\xeb\xcf\xa9\xb3_\x01r\xe4\xd0\xb6\xfd\x07\xb6\x12\xa51\xd3\xfay)\\cP\x1a\xc8z\xa8[\xbbVN\xa1\x0bM\xe3\x1e\x8fG\x9dr\xe1M@4\xc0\x02\x10aj\x1d\xa4z$\x08!\x94\x12\x00\x99vk\xe7\x0e\xbd\xdbF\xf3\xd8\x9f\xcb\xc79\xf3{\x03\x03F\xde\xd4\xa4e\x03\xd5\x12*\xf4\xaa\x1d/\xcfb\\\xc3\xa3`\xa2\x02\xdf\x13\x93&gt;|cq\xd9\x99S\x94q\x000\x9b\xf8\xac\xc9\xbd\x08\xc4\xf0\xda?\x8cR"C\xc2\xd5$\xe1\xa9Gz\x80$R\x9e\xefs\xc3\x8d\xa0h\x80\x05 \xc2T\xe6\xd7\xfc\xf9\xf3\x0b\x0b\x0bM&amp;\x93\xae\x8b\x04\xa7m\xf8\x1fn\rT\x06\xe2\xe0\xea\xaf\x08\x01\x16\x9b\xe9\x9e\xac\xa1\x84\x10\x00\x95\x19\xf9\xfe\xc7[_\xb5:\x8d\x9e\x19\xa9\xc6\xfe\x9c=\xfe\xd1\xa1\xb7\x97R\xa6\xe6\'\xc9\xc7\x1e\xe8\x92\xda\xa5\x89\x88\xd6\xa9\x9fW\x8akL\x94\xf8\xc7\x8c\xea\x98\xd9\xab\xa9\xae\x83\xa61\xf5\xa4\x0b\x1e\x05G\x03,\x00\x91\xa4\xce~\x8b\x8a\x8a\xe6\xce\x9d[3\xf6G\x0e\x1c\xd5\xa7I\xab\x06\xd1\x93\xf8x\xed\x18g~o\xa0\xdb\x80\x0e\x1dz\xb5\x95jaK\xe9\xeeU\x7f\xf5y\xcer\xcdl\xec\xd3`\xc98\xdf\xb1\xfc\x99\xa0\xcf\xcb\x18\x15B\xa44\xb4O\xfe]W\xa8\x0c\xc5\xee\xd9\xef\x8f\x90\x84\x9bX\xee\x9fz\xaa\xbf\xa3\xa6\xf1\xfc\xfc\xfc\x9a\x98#&lt;\n\x8a\xa48\xfa\x92\xc5 u\xf6\x9b\x93\x93S^^\xce9\xd7u\xd1\xa4e\x83\xdb\xc6\xf7\xf3\x95\xf9\xe3\xea\xf7O\x88$D\n9r\xf2P\xcd\xc4\x01\x801^v\xf6\xab\x0f\xdeXlML2\xecM\x80\x14\xc2\xe2p\x9f\xd8\xbf\xf5\xd8\xbeM\x94q*\xa5\x94d\xce\x94\xde\xc9-\x9c26[?/E\xb5\x84f\x0en3\xee\xaeT!\xa4j\tUA\xa7x\x1f\x10Yqu\x95\x89-\xea\xecw\xc7\x8e\x1d+W\xae\x0c/\x85\xee\xc9\x1aj\xb3\x9b\x85\x808\xfa\xf9\x13B\x08c\xd4\xef\x0b\xb6\xe9\xd4b\xd0\xe8t\t\x92\x12I\x19;\xf4\xf6\xd23E\x87M6\x87\x94F\xdc\x0b\xa6\x9cW\x05*w,\x9fM(\xe5\x8c\xe8\x022{5\x1d7\xa6\xa3(\xf1G[\xe2\xe3\xb5\xa3\x9c\xc9\xca\xd0\x9ci}\x92\xddV\xbdJh\x1a/,,\x9c?\x7f&gt;\x9e\x04DV\xbc}\xcfb\x8b\x10";;[\x08\xa1~\x06\x1dz\xb5\xed6\xa0\x83\xcf\x1b\x03S\x7f\xaf\x82z,\xe0\xd6\xb1}\x9d\r\x1cj\xef+\xe8\xf3\xee}5\xcfd\xb5\x19\xb0\x1d\x08\x84nu\xb8?\xde\xba\xf6\xec\x89\xa3j\xf7\x8f3\x9a\xfb\xa7\x9eLcqy4\xce(\x01\xbf\x9e\xd2\xd6=e|g\x90\x92\x10\xc9\x18[\xb0`Aqq1v\x04EP\x1c^hb\x82\x1a\xf5\xbcj\xd5\xaa\x1d;vh\x9a\xa6\x0b\x9ds6r\xd2P)\xe2\xf6~X\xb5\x846l\xea\x1e6aP83\xf2\xf3\xdd\xeb\x8b\xde\xdfbu\xb8\x8d5 HJ\xcdl-\xff\xee\xeb\xddk\xe6Q\xca\x18%B\xc8\xb1\xc3\xae\xcb\x1c\xdcF\x94\x06b\xbd\xf5\xf3R\x18g\xe0\tL}$-\xb5\xb5\xab\xaaJh\x1a/))\x991c\x06&gt;\x13\x10AX\x00"@M}(//\x9f9s\xa6:\xe9\x95 3\xee\xea\xd1\xbaS\xf3\x80/\x1eZ?/\x85sVY\xeeO\xbf\xb3[\xcb\xf6M\x01@u\xbd\xec}u!\x08\x9d\xc4\xd3\x9e\xf7\xcf\x01\x10f\x9b\xe3\xc3uK|\xa5\xdf\xab\xc0wW\xa2\xf9\xc9G{J\x7f\x15\x8d\xdfO_=\x18lv\x98ge\xf5$\x84\x00\x08\xb5\x06:p\xe0\x00\x06\xc7G\n\x16\x80\x08P\x1b s\xe7\xce-**R\xbb\xff\xf6D\xeb\xb0\t\x83\x82\xfeP\x1c\xff\xfe\x15\x10`\xb5\x9b\x87O\x1cL$\x91R\xb5\x84~\xf0\xd1\x96\x95\xb6D\xa3\xb4\x84J\x00\xb3\xcdQ\\x\xf0\xc0\x9b/R\xc6(\x01\x009\xe9\xfe\xce\xed\xba4\x16\x1516\xf6\xf5Jq\x8d\x8a\xb2\xc0\xc8\x917\xf4\xef\xddT\xd7\x81s\x1a\n\x85\xb2\xb2\xb2\x84\x10x\x13\x10\x11X\x00\xea\x9bj\xfc\xaf9\x01\xe3\xaa\xf5\xf3\xf6\x07\x06$\xa7\xb8\xe2\xa9\xf5\xf3R\x18g\x95\xe5\x81\xce\x19\xa9\xdd\x07\xdc\x00\xa2z&lt;\xc0\xae\xd5\xf3\xca\xbf\xfb\xda8\x03\x82(\xe3\x05/\xcd\x14z\x95\x1a\xfb\xd1\xf6\x17\xce\xac\x87\xba\x8b\xd2@\xfc\x9d\xfd\xfe\x10%D\nX0=]\xd3\x98\xd0\x85\xa6i;w\xee\\\xb5j\x15\xb6\x84FD\xfc\x7f\xe1\xa2\x8dZ\xe9\xa8\x1e8\xce\x99\x00h\xd9\xbe\xe9\xc0Q7\xf9\xbc\x81\x98\x1e\xfbsE@\xc0\xf0\x89\x83m\x0e+\x00P\xc6}\xa5\xdf\x7f\xb8n\x89\xd9\xe6\x88\xfb\x01A\x12\x84%\xc1Y\xb4o\xd3\xa9#\xbb(cD\x82\x94d\xee\xd4\xde\xae\xc6v\x12\x8a\xd5\xa9\x7fW\x841\n\xdePZF\x8b\t\xa3n\xa8\xc9\x8c\xa43g\xce,++\xc3\x96\xd0\xfag\x94+N\x94P\xad\x9f\xdb\xb7o\xafy\nF\'\x92\x0c\x9f8\xd8b5\ta\x94=P\xc6h\xa02\xd4\xf2\x86\xa6\x03F\xf6\x96 )\x01\xca\xd8\x817_&lt;s\xecp\xbc\x0f\x08\x92\x94\xf1\xaa\xa0\x7f\xdb\xb2\x1cB(gT\x08\xe8\xdf\xbb\xe9\x88\x11\x1dD\x89!\x96\xff\x8a\xca\x8c\xcc\x9d\xdc+\xc9e\xd1u\xc19/**\xca\xcb\xcbc\x8c\xe1M@=3\xcaw.\x1a\xa8\xc7\xbe\x82\xc1\xe0\x94)S(\xa5\x8cQ\x00\xd9}`\xc7\xce\x19\xa9\x95FZ\xfe\x13\xb5\x11T\xea\x1f\xfc\xeb\x8cF\xcd\x93\x00\xa4\x1a\x10\xb4{\xcd|\xcaX\x1c\x0f\x08\x02!,\t\xceC\x1b_\xf2|sB\x9d\xfdZ\xcc|\xc1\xf4t)\xc0\x08k\xff0\x95\x19\x99\xd4,1\xf7\xd1\x9eR\x12)\x81s\xfe\xec\xb3\xcf\xaa#1&lt;\r\xaeO\x06\xba\xe8D\x9c:\xfb]\xb3f\xcd\xfe\xfd\xfb\xd5\x8e\xa7f\xe2\xc3&amp;\x0cT\xb3\xf2\r\x85R\xa2\xeb\xc2\xdd8q\xe8\xf8\xccpKh\xe1{o\x9f\xdc\xbf\xd5\xe2p\xcb\xb8\\\x06J\xa9\x99\xad\xde\xef\xbf\xd9\xbb6\x8f\xd4$&gt;\x8e\xbe\xa3]\xda\xcd- ^\xc6\xfe\\&gt;\xc6\x19x\x83\x13~\xd3\xb9}\x1b\xb7\n\x8e/++\xcb\xc9\xc9\xc1g\x02\xea\x19\x16\x80z\xa2\x96\xff\x1e\x8fg\xfa\xf4\xe9\x8c1\x95\xf88htz\xab\x8e\xcd\xe3c\xea\xe7\x95\xe2\x9cUx|\x19\xc3{\\\xd7\xad%\x08`\x8c\x10Jw,\x9f\xad\x07\xfd\x94\xc7af$\x800\xdb\x1d\xbbW\xcf\x0fV\x96s\xce@@\xb2\xdb:\xfb\xcf}\xc0\x1b\xa2F\xba\xf9STK\xa8f7-z\xa2\xaf$D\x08]\xd3\xf8\xca\x95+w\xee\xdc\xa9\xd2\xb0#\xfd\x02\x8d\xc2p\xdf\xbcHQ\xcb\xff\xec\xec\xec\xe2\xe2b\xb5\xd7\xe9Lv\x0c\x1e\xdb7h\xc8\xab\xbf"\t\xe1\x1a\xbf\xe3\xc1\x81\xea\x81\x00\xc6\xd8\xd9\x13G\x0f\xbe\xf5/K\x82+\xce2#\xd5\xd4\xcfSGv\x1f}w5e\x8c\x12\tRN\x19\xdf9\xa5\x9d[\x06tc~\xfe\x9cSQ\x1e\x1cr[\x9b!\x19-\x84\x90\x94R!DVVV0\x18\xc4\xd3\xe0z\x83\x05\xa0&gt;\xa8\xab\x7f8\x0fOJ\x90\x92\xfc\xea\xe1A\r\x9a\xbaC\xa1\xf8o\xfd\xbc\x14\xc6he\xb9\xbfkf\xfb^Cn\x84\xea\xc4(\xb6w\xed\xdf\xbc\xdf\x9f\x8e\xbf\x96P\xc6\xb5\x1d/\xcf\x02!8cB@\xfb6\xee\xa9\x8f\xf4\x00O|\x8e\xfd\xb8L*;~Qv\x86\xd9\xc4A\x08M\xd3\x0e\x1c8\xb0f\xcd\x1a\x1c\x10To\x8c\xfb\xe5\xabOj\xffG%bs\xce\x85\x80\xeb\xba\xb5\xbc\xf9\xee\xb4\x8a2\x9f\xa1\xce~\x7f\x881\x1a\xf0\x85\x86O\x1c\x9c\xe0\xb4\x81\x00\xcah\xb0\xb2l\xf7\xea\xf9&amp;\xab=nZB\xa5\xd0\xad\x89\xee\x8f\xdf}\xe5\xf4\xa7\xef\x87\x13\x1f\x17=\xd1\xd7\x9c`\x8e\xe9\xc4\xc7k\xc7\x18\x85\x8aP\xfb\xeeM\x1e{\xa0KMK(\x9b&gt;}zII\t\xde\x04\xd4\x0fC_}\xea\x87j\xfd\xcc\xcf\xcf\xcf\xcf\xcf\xe7\x9c\x0b\x10\x8c\xd1;\x1e\x1c\xc85\x8e\xdfpJi(X\xd5\xa4U\x83\x81\xa3\xfaH)\t\x91\x94\xb1\xa3\xef\xae&gt;s\xec\xb0\xd9\xe6\x88\x8b\x96PI\xb9\x16\xf2y\xf7\xbc\xb2\x90\x10\xa2\x12\x1f\x87d\xb4\x18r[\x1bQ\x1e\xf3\x89\x8f\xd7N\xb5\x84N\xfe]\xd7\x94Fvu\x1a\\\\\\\xbcp\xe1B\xbc\t\xa8\x1fX\x00\xea\x96Z\xfb\xab\x08$\xa2\x96&lt;\x02z\x0e\xbe\xb1kf\xfb\xcar\xbfaw\xff/\xc48\xf3\x95\xf9\x87\x8e\xef\xd7\xb8E\xb2\xca\x8c\x04!\n^\x9aI\x19\x8f\xf4K\xab\x05 \x8451i\xdf\xeb\xcf\x97\x16\x9fd\x9c\x03\x80\xa6\xb1E\xd9\x19RH\xfc\xecIMKhr\x0b\xe7\x9c\xc9\xbd@J)\x81s6o\xde\xbc\xc2\xc2B\xac\x01\xf5\x00\x0b@\xddR\xbb\xff*\x04U\xb57\xd8\x1c\xd6\xdb\x1f\xec\x1f\n\xc4\xf9\xd4\x97\xcbG\t\xd1\x05X\x13,w&gt;4\x90\x10\xa2\x82\xe3O\x1d\xd9U\xb4o\x93\xc5\xe1\x8a\xed)\xa1Rjf\x9b\xe7\x9b\xe3\x077\xbeDkZ?\'\x8c\xba\xa1}\xd7\xc6Pa\xb8\xd6\xcfKa\x1a\x83\xd2\xc0}#:\xa4uj(\x04p\xceTD6\xee\x02\xd5\x03,\x00u\x08\x00(\xa5\xc5\xc5\xc5\xd9\xd9\xd9\x94R\xd5\xfa9`d\xef\xd6\x1d\x9b\x07|!\xc3\x9e\xfd\xfe\x10\xe7\xccW\xeeO\x1f\xd6=\xb5[+\x10\xc0\x18%\x84n[\x96S\xe5\xaf\xa0,\x86[B\x01\x84\xd9\x96\xb0s\xf93\x81\x8aR\xb5\xfcOrYr\'\xf7\x92\xbe*#\x9f\xfd^D\x1d\x05[\x12\xcc\x0b\xa6\xf7\x91\x92\x80\x00\xce\xf9\xda\xb5k\xab\xb7L\xe3\xab\x1f,\xda\xe0\xb7\xb0\x0e\xa9\xb1\xcf3f\xcc\xf0x&lt;\x9a\xa6\xe9B4l\x964x\\FE\xa9\x0f\x7f\xff\x17\x91\x84\x80\x80\xbb\xff8\x84s\x06\x00\x8c3\xcf7\'\xf6\xbd\xfe\xbc51)F[B%\x08\xab\xc3]\xf4\xc1\x96\xcfv\xad\xa3\x8c\x13\t\x002\xf7\xd1\xb4\xa4f\x89\x10_\x89\x8f\xd7NeF\xf6\x1f\xd8j\xc4mmt\x01*3R5M\xe0}@\x9d\xc2\xcbP]Q\x9b?\xfb\xf7\xef_\xbdz5\xe7\x1c@\x10I~\xf5\xf0 W\x03\x87\xae\x1bb\xec\xd7\x15Qya\x1dz\xb7\xc9\xb8\xab\x87z4\x9aRzp\xe3K\x9e\xd3E1\xdb\x12JA\xe8{_](\x018\xa3\x00\x90\xd6\xa9\xe1\x84\xf1]\xa0&lt;\x88\xe5\xff\x87\xd4\xa3as\xa7\xa7\xbb\x12\xcd \x04\xe7\xe7\xdb\xa6\xf1$\xa0\xee\xe0\x17\xb1\xae\xa8\xe3\xdf)S\xa6\x04\x83A5\xf57\xb5[\xab\xf4a\xdd+J\xfd\x06o\xfd\xbc\x14\xcah\xa0"8l\xc2 {\xa2U\x020\xce\x03\x15\xa5;W\xcc1\xdb\x13c\xae%\x14\x84ns5\xf8\xe8\x9d\xd5\xa7?\xfd \xdc\xfa\xb9`z\x1f\xcd\xa6\x19\xbc\xf5\xf3R\x18\xa3\xa2"\xd4\xb6s\xa3I\xf7\xdf(\xaa\x1f\n\xa1\xd9\xd9\xd9\x1e\x8f\x07#\xc3\xea\x0e^\x89\xea\x84j\xfd\\\xbbv\xed\xf6\xed\xdb5M\x13B\xd7L\xfc\xee?\x0e\x01\x01\x04\x7f\xfc\x97\xa02#\x93S\\\xb7?8\xa0f@\x10\xfbb\xcf\x86SGv\xc5\xd8\x94P)\xb9f\xae()\xde\xf7\xfas\xea\xecW\x80\x1c9\xb4m\xff\x81\xadD)\xb6~^\x12\xd7\x18\x94\x06\xb2\x1e\xea\xd6\xae\x95S\xe8B\xd3\xb8\xc7\xe3Q\xe7gx\x13PG\xb0\x00\xd4&gt;\xb5ZQ\x9d\x0c\x84\x10J\t\x80L\xbb\xb5s\x87\xdem\x8d9\xf6\xe7\xf2q\xce\xfc\xde\xc0\x80\x9175i\xd9@\xb5\x84\n\xbdj\xc7\xcb\xb3\x18\xd7b\xe8(\x18\x84nML\xfa\xf0\x8d\xc5egNQ\xc6\x01\xc0l\xe2\xb3&amp;\xf7"\x80k\xff\x9fB)\x91!\xe1j\x92\xf0\xd4#=@\x12)\xcfw\xd0\xe1FP\x1d\xc1\x02P\xfbT\xe6\xd7\xfc\xf9\xf3\x0b\x0b\x0bM&amp;\x93\xae\x8b\x04\xa7m\xf8\x1fn\rT\x06\xf0\xea\xff\xb3\x84\x00\x8b\xcdtO\xd6PB\x08\x80\xca\x8c|\xff\xe3\xad\xafZ\x9d\xb1\x91\x19\xa9\xc6\xfe\x9c=\xfe\xd1\xa1\xb7\x97R\xa6\xa6\x1c\xc9\xc7\x1e\xe8\x92\xda\xa5\x890\xde\xd4\xcf+\xc55&amp;J\xfccFu\xcc\xec\xd5T\xd7A\xd3\x98z\x86\x06\x8f\x82\xeb\x08\x16\x80Z\xa6\xce~\x8b\x8a\x8a\xe6\xce\x9d[3\xf6G\x0e\x1c\xd5\xa7I\xab\x06FH|\xbcv\x8c3\xbf7\xd0m@\x87\x0e\xbd\xdaJ\xb5d\xa6t\xf7\xaa\xbf\xfa&lt;g\xb9f\x8e\x85\xd3`\xc98\xdf\xb1\xfc\x99\xa0\xcf\xcb\x18\x15B\xa44\xb4O\xfe]W\xa8\x0c\xe1\xd9\xefe\x91\x84\x9bX\xee\x9fz\xaawO\xd3x~~~M\x80R\x8c\x1d\x05E?\xfcF\xd62u\xf6\x9b\x93\x93S^^\xce9\xd7u\xd1\xa4e\x83\xdb\xc6\xf7\xf3\x95\xf9\xf1\xf7\x7f\x99$!R\xc8\x91\x93\x87j&amp;\x0e\x00\x8c\xf1\xb2\xb3_}\xf0\xc6bkbR\x94\xdf\x04H!,\x0e\xf7\x89\xfd[\x8f\xed\xdbD\x19\xa7RJI\xe6L\xe9\x9d\xdc\xc2)\xb1\xf5\xf3\xf2\xa8\x96\xd0\xcc\xc1m\xc6\xdd\x95*\x84T-\xa1*B\x15\xef\x03j\x1d^\x92j\x93:\xfb\xdd\xb1c\xc7\xca\x95+\xc3\x0b\x96{\xb2\x86\xda\xecf!\x00\x7f\xfe\x97\x891\xea\xf7\x05\xdbtj1ht\xba\x04I\x89\xa4\x8c\x1dz{\xe9\x99\xa2\xc3&amp;\x9bC\xca\xe8\xdd\x0b\xa6\x9cW\x05*w,\x9fM(\xe5\x8c\xe8\x022{5\x1d7\xa6\xa3(\xf1\x1b\'\xf1\xf1\xdaQ\xcedeh\xce\xb4&gt;\xc9n\xab^%4\x8d\x17\x16\x16\xce\x9f?\x1fO\x02j\x1d~)k\x99\x10";;[\x08\xa1\xbe\xac\x1dz\xb5\xed6\xa0\x83\xcfk\xe8\xa9\xbfWA=\x16p\xeb\xd8\xbe\xce\x06\x0e\xb5\xab\x16\xf4y\xf7\xbe\x9ag\xb2\xda\xa2\xb6\x1d\x08\x84nu\xb8?\xde\xba\xf6\xec\x89\xa3j\xf7\x8f3\x9a\xfb\xa7\x9eLc\xb1s\x80\x1d\x15\x18%\xe0\xd7S\xda\xba\xa7\x8c\xef\x0cR\x12"\x19c\x0b\x16,(..\xc6\x8e\xa0\xda\x85W\xa5Z\xa3F=\xafZ\xb5j\xc7\x8e\x1d\x9a\xa6\xe9B\xe7\x9c\x8d\x9c4T\n\xbck\xbdb\xaa%\xb4aS\xf7\xb0\t\x83\xc2\x99\x91\x9f\xef^_\xf4\xfe\x16\xab\xc3\x1d\x8d\x03\x82\xa4\xd4\xcc\xd6\xf2\xef\xbe\xde\xbdf\x1e\xa5\x8cQ"\x84\x1c;\xec\xba\xcc\xc1mDi\x00[?\xaf\x14\xe3\x0c&lt;\x81\xa9\x8f\xa4\xa5\xb6vUU\tM\xe3%%%3f\xcc\xc0g\x02j\x17\x16\x80\xda\xa1\xa6&gt;\x94\x97\x97\xcf\x9c9S\x9d\xf4J\x90\x19w\xf5h\xdd\xa9y\xc0\x87\xad\x9fW\x83sVY\xeeO\xbf\xb3[\xcb\xf6M\x01@\xf5\xd3\xec}u!\x08\x9dD\xdfn:\x800\xdb\x1c\x1f\xae[\xe2+\xfd^\x05\xbe\xbb\x12\xcdO&gt;\xdaS\xfa\xab(~\xfaWN=\x18lv\x98ge\xf5$\x84\x00\x08\xb5\xba:p\xe0\x00\x06\xc7\xd7",\x00\xb5CmS\xcc\x9d;\xb7\xa8\xa8H\xed\xfe\xdb\x13\xad\xc3&amp;\x0c\n\xfaC\xf8\xfb\xbfj \xc0j7\x0f\x9f8\x98H"\xa5j\t\xfd\xe0\xa3-+m\x89\xd1\xd5\x12*\x01\xcc6Gq\xe1\xc1\x03o\xbeH\x19\xa3\x04\x00\xe4\xa4\xfb;\xb7\xeb\xd2XT\xe0\xd8\xd7\xab\xc45*\xca\x02#G\xde\xd0\xbfwS]\x07\xcei(\x14\xca\xca\xca\x12B\xe0M@m\xc1\x02P\x0bT\xe3\x7f\xcd9\x15W\xad\x9f\xb7?0 9\xc5\x85\xad\x9f\xd7\x82qVY\x1e\xe8\x9c\x91\xda}\xc0\r \xaa\xc7\x03\xe</t>
        </is>
      </c>
    </row>
    <row r="450">
      <c r="A450" s="1" t="n">
        <v>448</v>
      </c>
      <c r="B450" t="inlineStr">
        <is>
          <t>color_number_hexagon</t>
        </is>
      </c>
      <c r="C450" t="inlineStr">
        <is>
          <t>What is the missing number of the part denoted with a question mark?</t>
        </is>
      </c>
      <c r="D450" t="inlineStr">
        <is>
          <t>['1', '8', '6', '2']</t>
        </is>
      </c>
      <c r="E450" t="inlineStr">
        <is>
          <t>1</t>
        </is>
      </c>
      <c r="F450" t="inlineStr">
        <is>
          <t>There is a hexagon split into six parts with the colors ['red', 'red', 'purple', 'green', 'purple', 'green'] in an anti-clockwise order. The parts are denoted with the numbers [6, 2, 6, '?', 2, 7] respectively.</t>
        </is>
      </c>
      <c r="G450" t="inlineStr">
        <is>
          <t>We observe that the numbers in the green parts add up to 8. Similarly, the numbers in the purple parts also add up to 8. Thus, the pattern is that the numbers in the parts of the same color add up to 8.</t>
        </is>
      </c>
      <c r="H450" t="inlineStr">
        <is>
          <t>Based on the pattern that the numbers in the parts of the same color add up to 8, the missing number of the green part should be 1.</t>
        </is>
      </c>
      <c r="I450" t="inlineStr">
        <is>
          <t>b'\x89PNG\r\n\x1a\n\x00\x00\x00\rIHDR\x00\x00\x02\x00\x00\x00\x02\x00\x08\x02\x00\x00\x00{\x1aC\xad\x00\x00\x9c\x8bIDATx\x9c\xec\x9dwxT\xd5\xd6\xc6w9\xd3K&amp;\x85\x10\x91b\x80\xd0A\x0c"\xbd\x08HUz0 UA\xc4\xabHQ\x04!J\x11\x11\xa5\x89\x9f\r\xaf\nJ\x89\x84\xae \x04\x90\xaarU\x02"\xa0\x10\x8a(WC\x08\x99\xc9\xf4r\xf6\xde\xdf\x1f;\x99\x8b\xa8\x88\x90\x999\x93\xd9\xbf\'\x8f\x8fD$\x879\xe7\xec\xb5\xf6Zk\xbf/d\x8c\x01\x81@ \x10\xc4\x1e(\xd2\x17 \x10\x08\x04\x82\xc8 \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x02\x80@ \x10\xc4("\x00\x08\x04\x02A\x8c"E\xfa\x02\x04\x91\x841\xc6\x18\x8b\xf4U\x08"\x06\x84\x10B\x18\xe9\xab\x10D\x0c(\xde\xff\x98E\x96eI\x12\x19@\xac#\xcb2\xc6X\x84\x81\xd8D\x04\x80\x18\x85R\x8a\x10\xfa\xf1\xc7\x1f\x1f\x7f\xfcq\x84\x10\xa54\xd2W$\x08+\x92$\xc9\xb2&lt;z\xf4\xe8!C\x86D\xfaZ\x04\x11C$\x801\x07\x0f\xf9\x1e\x8fg\xe1\xc2\x85\x16\x8be\xcf\x9e=\x91\xbe"A\xc4h\xd0\xa0\xc1\x7f\xff\xfb\xdf\xee\xdd\xbb7j\xd4\x881\x86\x90h\n\xc6\x16b\x07\x10s\x10B0\xc6+V\xac\x189r$\x84\x10c\x1c|\x06\x10B@&lt;\x0f\x15\x1a\x08!\xa54x\x8f1\xc6~\xbf\x7f\xd8\xb0a\x1f~\xf8\xa1(\t\xc6 "\x00\xc4\x16\xbc\xeb[RR\xd2\xa0A\x83\xa2\xa2"J\xa9(\xfe\xc48j\xb5\x9a\x10\xb2g\xcf\x9ev\xed\xda\xf1\xe4 \xd2W$\x08\x1f"\xe0\xc7\x16\x94R\x8cqVVVAA\x01\xc6\x180\xc6\xe7@(\xa5\x83[\xb7\x1e\xd5\xb1c\x89\xdb\x8dE\x1d\xa0\x82B)5h\xb5\xdf\x9e;7k\xdd:\xca\x18\x03\x0cB$\xcb2\xa5t\xc2\x84\t_~\xf9\xa5J\xa5b\x8c\x89\x86p\xec v\x001\x04\xa5\x14Bx\xfa\xf4\xe9F\x8d\x1aQJ\x833\xa0\x08B\xca\xd8m\xf1\xf1\xc7\xe6\xcf\xb7\xe8\xf5~YFb\t\xa8\x88\x10\xc6\x0cz}\xb7\x17_\xcc=v\x0c#D(\x05\x00@\x08\x10\xc2\x84\x90\xe5\xcb\x97\x8f\x181Bl\x02b\n\x11\x00b\x08\xfenw\xeb\xd6-77W%I\x01Y\xbe\xeb\x8e;.\xdb\xed\xff-.\xc6\x18\xcb\x84\x8ch\xdf\xfe\xedG\x1e\xb9\xe2t\x8aM@\xc5\x83P\x9a`4~x\xe0\xc0c\xff\xfe7F\x880\xaaRI\x8d\xee\xae\x7f\xe4\xcb\xefy\xef799\xf9\xc4\x89\x13\x16\x8bE\x1c\x0e\x88\x1dD\x00\x88\x15\xf8\xea\x9f\x9b\x9b\xdb\xad[7\x9e\xe21J\xf7\xcc\x98q\xf0\xf4\xe9\xe9\x1f\x7f,a\xcc\x07C\x0f\xbc\xf0B\xa3j\xd5\\^\xaf\x18\x08\xa9H\xb0\xb2Z_\x8b\x193\xce\x15\x16\xf2\x19\xd0{:\xdc5\xe3\xf5\xc9\xc3:&gt;n\xb7:$I\n\x04\x02\xd3\xa7O\x7f\xf1\xc5\x17\xc5&amp; v\x10/yL\xc0\xdf\x7fY\x96\xc7\x8f\x1f\x0f\x01\xc0\x08\x11B\xfa\xdfsO\x9bz\xf5\x1e\xe9\xd8\xb1fr\xb2L\x08FH&amp;dZv6\x86\x10\x88\x04\xb0b\xc1\xd3\xff\x85[\xb7\x9e+,\xe4\xc1\x1eKx\xd4\xd3\x0f\xddV\xbd\xf2\xc8\x89\x99\x8c1\xca(\xc2\xe8\xd5W_\xcd\xcf\xcf\x17\xe7Bb\x07\x11\x00b\x02\x9e\xdd\xbf\xf3\xce;\xa7N\x9d\xc2\x92$\x13b\xd6\xe9\xa6\xf6\xeemw\xbb\xe3\x0c\x86i}\xfb\x02\x00(c\x18\xa1\xbd\'O~r\xe4H\x9c^O\xc4\x12PQ`\x8c\xe9\xd4\xea\xfc\x82\x82wv\xed\xe2\xb5\x1dJi\x8fA\x9d\x1b\xa4\xd7-\xb8X\xd8cP\x97\xda\rS)\xa1|$t\xfa\xf4\xe9\x10\x8a\xc2@\xac \x02@\xc5\x87\xf7~\x0b\n\n\xb2\xb2\xb2xq\x97R\xfah\xe7\xce\xe9\xa9\xa9\x9e@\xa0\xc4\xed\x1e\xd6\xb6m\xab:u\x08\xa5\xbc\xec3=;\xdb\xe9\xf5^}&gt;@\x10\xd5\x10J\x8dZ\xed\xccu\xeb\xac.\x97\x84\x11a\xd4h6\x8c\x9c8\xd8\xeb\xf62\xc6t\x06\xed\xe8)\xc3\x18c&lt;\x06\xe4\xe4\xe4\xe4\xe6\xe6b\x8c\t!\x91\xbepA\xc8\x11\x01\xa0\xe2\xc3OxN\x9b6\xcdj\xb5\xaa$I\x96\xe5\x1aIIOu\xef^\xectJ\x081\xc6dB\xe6ddH\x18\x13B$\x8c\xcf\\\xba\xb4h\xeb\xd6\x04\x83Al\x02*\x00\x84\xd2x\x83a\xdb\xd1\xa39\x87\x0ea\x84(\x03\x8c\xb2\xa1Of$WI\xf2{\xfd\x92$9l\xce\x16\xf76k\xdb\xad\x05!\x04!\x04!\x1c?~\xbc,\xcbb\x1f\x10\x0b\x88\x00P\xc1\xe1\xc5\x9f\xc3\x87\x0f\xafY\xb3\x06c\xccO\x81f\xf5\xef_\xd9b\xf1\xcb2\x84\x10#d\xf7z;\xd6\xaf?\xbc];\xca\x18\x00\x00B\xf8\xf6\xae]\xf9\x05\x05:\xb5Z,\x01\xd1\x0e\x840@\xc8\xcb\x9b7S\xc6xq\xbfv\xc3\xd4~#{9\xed\xae\xd2N/\x04\x84\x90\xd1S\x86\x19Lz\xde\xfe=u\xea\xd4;\xef\xbc#:\x01\xb1\x80\x08\x00\x15\x1c\xde\xfe\x9d&lt;y\xb2\xcf\xe7\xe3m\xdeVu\xea&lt;\xd4\xb6\xed\x15\x87C*\x9b\xf4\xc0\x10\xda\xbd\xde\x19\xfd\xfaY\xf4zB\xa9\x84\x90\xd5\xe5\x9a\xb9n\x9dY\xa7\x13\x9b\x80\xa8F&amp;$\xc9dZ\xb1\x7f\xffW\xf9\xf9\x12F\x84R\xc6\xd8\xe8)\xc3\xb4:\r!\x04@\x00\x00@\x08\xb9\x1d\xee\xb4F5\xfb\x0c\xefA)\x05\x10@\x08\xb3\xb2\xb2\xacV+BHd\x00\x15\x1b\x11\x00*2&lt;\xa1\xcb\xc9\xc9\xd9\xb7o\x9f$I2!jI\x9a\x93\x91A\x08\xb9z\xca\x07B\xe8\xf5\xfb\xab&amp;$L\xe9\xdd\x9b\x9f\x0eC\x08m\xfc\xe6\x9b=\'O\x9au:\x91\x06F)\x8c1\xb5$\xfdj\xb5.\xda\xba\x15B\x08 \xa2\x94\xb6\xed\xde\xb2\xc5\xbd\xcd\x1c6\xe7\xd5\x83\x9eX\xc2v\x9bc\xd0\x98\xbeU\xaaW&amp;2\x91$\xc9j\xb5\xf2\x8e\x91\xb8\xfb\x15\x1b\x11\x00*,&lt;w\xe3s\x1d\x80\x1f\xf7\xa5\xb4_\xf3\xe6\xf76h`\xf7x\xae\x19\xf3\x970.\xf1x\xc6v\xee\\\xbbre\x99R\x8c\x90_\x96\xb3rr0\xc6"\x03\x8cRdJ\x13\x8c\xc6\xa5\xdb\xb7\x9f\xbf|\x19#D)U\xa9\xa4\x91\x133y\x9a\x7f5\x10B\xd9/\'UN\xc8\x1c7\xa0t$\xb4lfL\x14\x82*6"\x00TX\xb8\xec\xcf\x82\x05\x0b\xf2\xf3\xf3U*U@\x96\xe3\r\x86\x99\x03\x07\xda=\x9e?=\xe8+\x13\xa2W\xab\xe7ff\x96\xfe\xbf\x08}u\xfa\xf4\xaa\x83\x07\x13M&amp;Y\x0c\x84D\x1b\x94R\x93V{\xf4\xc2\x85e\xbbw#\x84\x00\x04\x94\xd2\xfe\x0f\xdf_\xb7qm\xb7\xc3\xfd\xc7S~X\xc2\xb6\xe2\x92\x9e\x0fvitw}"\x13,\xe1\xd2S#\xa2\x15\\\xa1\x11\x01\xa0b\xc2{\xbfg\xcf\x9e\x9d?\x7f&gt;\x17yf\x8c=\xd6\xa5KZJ\x8a\xc7\xef\xff\xd3\x83\xfe\x18\xa1\x12\x8f\xe7\x81\xf4\xf4\x8e\r\x1a\x10J\x11\x84\x10\x809\x1b6\\\xb2\xd9\xd4\x92$V\x81\xe8\x82\x01 a\xfcBN\x8e\xdd\xe3A\x08\x12B\xe3\x93,\x19\xa3\xfb\xb8]\x1e\x84\xff\xe2\xadg@R\xe1\xe1O\rB\x08QB\xb0\x84ssssrr\xc4Hh\x05F\x04\x80\x8a\t\xef\xfd\xce\x9e=\xdbn\xb7K\x18\x07d\xb9v\xe5\xca\x93z\xf5*v\xb9\xae\xa7\xf3\xc3\x18\xa1t^f\xa6Z\x92\x08\xa5\x18\xe3\x0bEE\xafm\xdf\x9e`4\xca\xa2\x0e\x10=\xf0\xd1\xcf\x1d\xc7\x8e}\x92\x97\x87\x11b\x0c0\xc6FN\x1a\\\xf9\xf6J~\xef\x9f\x87\x7f\x00\x00\xc2\xc8as\xb6\xea\xdc\xfc\xde\xdem\t\xa1|$t\xfa\xf4\xe9~\xbf_\xec\x03**"\x00T@x\xefw\xff\xfe\xfd\xabV\xad\x92\xca\xd2\xb7\xb9\x99\x99F\xad\x96\x10r\x1d\x9d/\x84\x90\xc3\xe3\xb9\xbbf\xcd\xc7\xef\xbb\x8f\x8f\x84"\x84\x96\xed\xde\x9d\xf7\xd3OF\xad\x96\x8a% J\xc0\x089\xbd\xde\x99\xeb\xd6A\x00 B\x84\x90Fw\xd7\xef5\xf8&gt;\xbb\xd5\x81\xa5\xeb\x89\xfc \x8c&lt;n\xcf\xe8)\xc3L\x16\xa3\x1c\x90%I\xca\xcf\xcf_\xb0`\x81\xe8\x04TTD\x00\xa8\x98\x10B\xb2\xb2\xb2\xf8\xd1\x1eBi\xc7\x06\r\x1e\xb8\xeb\xae\x1b\xd1\xfa\xc7\x089\xbc\xde\'\xbbwO6\x9b)\xa5\x18B\xbb\xc73\x7f\xcb\x16\xbdZ-\x96\x80\xa8@&amp;$\xde`X\xf5\xc5\x17\xdf]\xb8\x800\xe2\x1d\xddaO\r\x92\xa4\xbf?\xda\r!\xf4y\xfc\xd5jV\xe97\xa2\'\xe3\x86\x01\x08.\\\xb8\xb0\xa0\xa0@L\x04UHD\x00\xa8h\xc8\xb2\x8c1^\xbdz\xf5\xfe\xfd\xfb\xf9\xb9_\t\xe3y\x99\x99\x84\xb1\x1b\xb1{\xe4#\xa1\xd5\x13\x13\xa7\xf7\xebG\x19\xe3\x02A\x1b\xbe\xfez\xdb\xd1\xa3\xf1\xe2l\xb0\xe2a\x8ci\xd5\xea\x9f\xaf\\\x99\xbbq#\x82\x10BD\t\xedx\x7f\x9b\xd6]\xeeq\xd8\x9c\x7fY\xfd\xbf\n\x8c\xb1\xdd\xea\x18&lt;n\xc0\xed5R\xf8&amp;\xa0\xb8\xb8x\xda\xb4i\xe2L@\x85D\x04\x80\n\x05\x1f\xe1\xb7\xdb\xed\xb3f\xcd\xe2\xa6.\x94\xb1\xe1\xed\xda5KMu\xdc\xb0\xc2\xb3\x84\xb1\xd5\xe5z\xa8M\x9b;k\xd4\xe0\xcddB\xe9\xcb\x9b7\xcb\x94\n\x99x\x85C(5i\xb5\xafo\xdf^h\xb7\xf3\xba\x8d\xc1\xa4\x1f:~\x90\xd7s\xc3\xfa\xde\x10\x10\x99\xe8\x8d\xfa\xe1\x13\x1e\x04e\xb3d\xabW\xaf\xce\xcb\xcb\xe3\'\xc9C\xfb\x17\x10\x84\x17\x11\x00*\x14|\xbd\x9e?\x7f\xfe\xd9\xb3g\xb9\xc7\x8bE\xaf\x9f\xd1\xaf\x9f\xd3\xe7\xc3\xffd\xed.\x95\x0f\x1b8\x90\x05GB\xf3\xf3?\xd8\xb7/\xd1h\x14#\xa1\x8a\x85Rj\xd2\xe9\xbe=w\xee\xcd\x9d;\x11\x84|\xf4\xb3\xcf\xf0\x1e\xf5\x1a\xd7\xf28=\x10\xdd\xe8\x03\x80%\xec(qt\x1b\xd8\xb9q\xf3\xfaD&amp;\x08#\xbf\xdf?a\xc2\x04B\x88\xd8\x04T0D\x00\xa88\xf0d\x8dw\xed0B\xfcL\xef\x94\xde\xbd\xab&amp;$x\xffb\xf4\xf3\xaf\xc0\x08Y]\xaenM\x9a&lt;\x90\x9e^:\x12\n\xe1\x8b\x1b6\xfc|\xe5\x8aV\x08\x04)\x16\x081B\xd3\xb2\xb3\xfd\xb2\x8c0&amp;\x84\xa6TK\x1e4\xa6o\x89\xedoz\xbf\x7f\n!d\xcc\xd4\xe1X\xc2\xfcl\xf0\x81\x03\x07V\xaf^-FB+\x18"\x00T\x1c\xf8\xba\xcc\xe7\xf60\xc6\x84\xd2;k\xd4x\xacK\x17\x9b\xdb-\xfds\x83\'\x08\x80L\xc8\xac\x8c\x0c\xb3NG\x18\xc3\x08\x15\xda\xed\xafo\xdfn\xd2jE\'@\x81\x10J\xe3t\xbaO\xf2\xf2\xf6\x9e&lt;\x19\x0c\xff\xa3&amp;\rIL\x8e\x97\xfd\xf2?\xad\xddq\x81\xa0\xbbZ7\xe91\xa8s\xa9@\x10\x82\xb3f\xcd*))\x11#\xa1\x15\t\x11\x00*\x08|\xf4s\xdf\xbe}\xc1\x93;\x8c\xb1\x99\x03\x07\xea\xd5\xea\x9bK\xd9\x10B\x0e\xaf\xb7i\x8d\x1a\x8fv\xee\xcc+\xbf\x08\xc27w\xee\xcc;\x7f\xde$\x04\x82\x94\x87\x84\xb1\xdb\xef\x9f\x9e\x9d\r\xcaF?\x1b7\xaf\xdfm`\xa7\x92b\xfbM\xa4\xff\x00\x00\x84\x91\xdb\xe9\x1e9q\xb0\xd1l 2\x91\xb0t\xf6\xec\xd9%K\x96 \x84\xc4&amp;\xa0\xc2 \x02@E\x80\x1f\xfb\xf2\xf9|\x93\'O\x86\x10\xf2\xb6m\xeff\xcd\xba5ibu\xb9n\xda\xdfUB\xa8\xd8\xe9\x1c\xdf\xbd{j\xa5J\xa4L h\xee\xa6M\x18!\x91\x01*\n\x99\x908\x9d\xee\x9d\xdd\xbb\xcf\\\xba\x841\xa2\x94\xaa\xd4\xd2\x98\xa9\xc3\x83\x92\x9f7\x01\x84\xd0\xef\xf5\'WI\x1a:&gt;#\xe8\x19\xb9x\xf1b\xde^\x12\x19@\xc5@\x04\x80\x8a\x00\xef\xfdfgg\x1f&gt;|\x98\xa7\xffjI\x9a\xde\xb7/\xa1\xf4V\xa6v \x84~Y\xae\x12\x1f?\xa9W/V6\x12\xba\xe5\xf0\xe1\x1d\xc7\x8e\xc5\x1b\x0c"\rT\x08|\xf4\xf3bq\xf1+[\xb6@&gt;\xfaIi\x87\x9e\xad\xd3\xdb4\xf9S\xd9\x9f\x1b\x07c\xect\xb8\xfa\x0e\xebY5\xb5\n\x91\t\xc6\xb8\xa4\xa4d\xf6\xec\xd9\xe2L@\x85A\x04\x80\xa8\x87\xa7\xffV\xabu\xea\xd4\xa9\x08!\xee\xf8\xf8\xf8}\xf7\xa5\xa7\xa6:\xfe\xa0\xfa\xf9O\x910.r8F\xb4o\xdf*-\x8d{FB\x00f\xae[\xe7\xf6\xfbozc!(_\x08cf\xad\xf6\xc5\x8d\x1bmn7F\x88\x10b\xb2\x18\x1f\x992\xd4\xe5p\xdf\xc8\xe0\xff\xf5\x80\x80\xcaT\xab\xd7\x8c\x9d&gt;\x02\xf02\xa3\x84W\xadZu\xe0\xc0\x01I\x92D\x06P\x01\x10\x01 \xea\xe1\xe9\x7fVVVAA\x01\xb7|I6\x9b\x9f\xec\xde\xdd\xe1\xf5\xfe\xed\xb9\xdf\x1b\x811\xa6\xc2xj\x9f&gt;\\P\x1a!\xf4\xdd\x85\x0bo\xef\xdae\xd1\xeb\xc5Hh\xc4\xa1\x94\x9a\xb5\xda\xbd?\xfc\xf0\xe1\x81\x03\x08A\x06\x00c\xac\xdf\x88\x9e\xd5j\xde~\x1d\xd9\x9f\x1b\x07a\xe4\xb4\xbb\xdavm\x91\xde\xa6\t%\x14AD\x08\x990a\x82\xcf\xe7\x13\xdd\xe0\n\x80\x08\x00\xd1\r_\x91\xb9\x87_p\xf6cF\xff\xfe\xd5\x13\x13\xff\xe9\xe8\xe7_\xc1GB{6m\x9a\xd1\xb2%\x1f\tE\x10\xbe\xb2e\xcb\xc5\xe2b1\x12\x1aq\x18\x84\x12\xc6Y992!\x18aBI\xd5\xd4*\x83\xc7\r\xb0[\x1d\xe5\xb8E\xa3\x84\x8e\x9b1J\xa5\x92\x08!\x92$\xe5\xe5\xe5egg\x0b\x81\xa0\n\x80\x08\x00\xd1\r\xaf\xffp\x17o~\xf2\xabUZ\xda\xa8\x0e\x1d\xae8\x9d71\xfa\xf9W\x94\x8a\x8b\r\x1c\x18o0\xc8\x94"\x84ln\xf7\x8b\x1b7\x1a5\x1a\x12\xcd\x01\x8076\x08\xa5\xf2\xd5_\x84\xc8\x94r\xf7\xc4H_\xe0\xdf \x13\x92`0|t\xf0\xe0W\xa7Oc\x84\x08\xa5\x80\x81\xb1\xd3G\xe8\x0c:B\xaeu}\xb9i\x10Bn\xa7\xa7^\xd3\xb4\xfe\x0f\xdf\xcfGB\x11BS\xa7N-..\x16\x9b\x80hG\x04\x80(\x86\x8f~\xe6\xe6\xe6\xe6\xe6\xe6\xf2\xc1\x7f\x8c\xd0\xd4&gt;}\xa4\xf2\x96m\x81\x10z\xfc\xfe\xb4\x94\x94\xb1]\xba\xf0?\x19A\xf8\xe1\x81\x03\x87\xcf\x9f7i\xb5\xd1\x98\x06\x12J\xb9\xde\xb5Q\xa3\x897\x18*\x99L\x95L\xa6$\xa31\xc9d\xaad6\'\x99L\xf1\x06\x83Z\x92\x94\xbc\xb61\xc6$\x8c\xed\x1e\xcf\xbcM\x9b\x00\x00\x10!Jiz\x9b&amp;m\xbb\xb6p\xda\x9d\xf8\x16\xab\xff\xbf\x07a\xe4vz2F\xf7\x89O\xb2\xf0npAA\xc1\xa2E\x8b\xc4&amp; \xda\x11\x01&lt;Z\xe1\xd5\x1eJi\xa3F\x8dN\x9f:\xa5R\xa9\xfc\x81@F\xcb\x96\xab\x9fx\xe2\xb2\xdd^\x8e\xe9\x7f\xf0\xc7A\x08!\x84-f\xcc8WX\xa8\xc28@H\xc7\x06\r\xb6M\x99b\xf7zQ\xf4h\x04\xf1*\x96I\xa7C\x10^*)9s\xe9\xd2\xd9K\x97.\x16\x17\x97\xb8\\^YF\x10\xea\xd4\xeax\xbd\xbejbb\x8b\xda\xb5+\xc7\xc5\xc9\xd7\x15\xd0\x8e 2!\xc9qq3\xd6\xae}y\xf3f\tc\xca\x18D\xf0\xadO\x16\xd4\xaaW\xc3\xe3\xbea\xe5\x9f\x1b\x86\xc8\xc4\x92\x14\xb7\xe1\x83O\x17?\xf76\x960cL\xc2\xd2\xf1\xe3\xc7k\xd7\xae\xcd\x15\xa8\xca\xf7\xc7\t\xc2\x83\x14\xe9\x0b\x10\xdc$\\\xf8\xe1\xad\xb7\xde:u\xea\x147|7\xebt\xcf\xf6\xee\xed\xf6\xfbC\xf16B\x08eB\x12M\xa6i}\xfb\x8eY\xb6\x8c\x8f\x84\xee=y\xf2\x93#Gz7kf\xbb\xbe\xcf\x8c2\xe0\xbaFq:\x9d\x9f\x90\xcf\x8e\x1e\xfd\xf8\xab\xaf\xbe&lt;}\xfabq\xf1_\xfd\xfe\xe7\xfb\xf7\xcf\xea\xdf\xff\xb2\xc3!)/\x000\xc6tju~A\xc1;\xbbv\xf1\xf8D)\xbd?\xb3k\xbd&amp;\xb5o\xfa\xe4\xd7\xf5\xc1\x12v\xd8\x9c]\x07t\xfad\xd5\x8e\xb3\'\x7f\x92T\x12\xb7\x9b^\xbbv\xad\xd8\x04D/J\x7fi\x05\x7f\n\xa5\x14BXPP\x90\x95\x95\x05!\xe4\xa3\x9f\x8fv\xee\x9c~\xc7\x1d\xce\x90\xe5\xe3\x12\xc6\xc5.\xd7\xb0\xb6m[\xd5\xa9\xc3GB\x01\x00\xd3\xb3\xb3\x9d^/\xc6\x7f\xaf5\x1fY\xf8\xe5%\x18\x8d\x9f\x9f&lt;\xd9s\xfe\xfc\x01\x8b\x17\xaf=t\xe8bq1\x84P\x85\xb1F\xa5\xd2^\xf5eP\xabU\x18+y[S\xaa\xd6\xb7n\x9d\xd5\xe5\x920"\x8c\x1a\xcd\x86\x91\x13\x07{\xdc\xde[\x1d\xfd\xbc\xce\x0f%Do\xd0\x8e\x9e2\x8c1F\t\xc5\x18\xe7\xe4\xe4\x94\x96\x1f\xc5&lt;Xt"\x02@T\xc27\xdd\xd3\xa6M\xb3Z\xad\\\xf4\xbfFR\xd2S\xdd\xbb\x17;\x9dR(3q\xc8\x98L\xc8\x9c\x8c\x0cn4&amp;a|\xe6\xd2\xa5E[\xb7&amp;(\xdb*\x801\x86\x11\xd2\xa9TS\xd7\xac\xb9\xff\x95W\xbe&lt;}\x1aA\xa8\xc2X\x851c,@\x88/\x10\xf0^\xf5\xe5\xf2\xfb\x03\x84(\xd6\x01\x8d;&gt;n;z4\xe7\xd0!\x8c\x10e\x80Q6\xf4\xc9\x8c\xe4*I\xe52\xfa\xf9W`\x8c\x1d6g\x8b{\x9b\xb5\xed\xd6\x82{\r\x05\x07\x10D78J\x11%\xa0\xe8\x83\x8f~\x1e&gt;|x\xcd\x9a5\xfcP&gt;\x03 \xab\x7f\xff\xca\x16KQ\x08\xaa\xffW\x83\x10\xb2{\xbd\x1d\xeb\xd7\x1f\xde\xae\xdd\xfb{\xf7"\x00 \x84o\xef\xda5\xbc}\xfb\x94\xb88\xbf\xfc\x8fE\xc7\xc2\x00c\x0cA(a&lt;\xf2\xed\xb77|\xfd5W6\x05\x00\x04\x08\x01\x00\xa8%\xa9^\x95*\xb5*WN\xb1X\x0c\x1a\r\x00\xc0\xe1\xf5^.)9~\xf1\xa2Z\x92\x94\xb9\xa8A\x08\x03\x84\xbc\xbcy3eL\x85\xb1LH\xed\x86\xa9\xfdF\xf6r\xdao^\xf6\xe3\x86\x7f6 \x84\x8c\x9e2\xec\xc8\x97\xdf{\\^\x8c1\x1fA\xfe\xd7\xbf\xfe\xc5G\x12B\xfb\xd3\x05\xe5\x8d\x88\xdb\xd1\x07\x7f\xd3:v\xec\xb8o\xdf&gt;\xb5J\xe5\x0f\x04Z\xd5\xa9\xf3\xf9\x8c\x19\xe1)\xc43\xc6T\x92ds\xb9\xd2\xa7M+\xf1x$\x84\x02\x84&lt;\xd8\xaa\xd5\xea\'\x9e\xb8TR\x12\xd2\xf0ss\x10\xc6,z\xfd\x98e\xcbV\x1e&lt;\xa8\xc2\x98\xdb\xdaPJ\xab\'%\x8d\xed\xdc\xb9\xfb\x9dw\xdeQ\xa9\x92^\xa3\xc1e\x81\x81\xcf\x86\xda\\.o `\xd0j\x95\xf6\x82\xf0\xde\xef[;w&gt;\xb9|\xb9\x84\x11e\x80R\xfa\xf2\x8a\xe7[u\xbe\xdbn+\xcf\xd9\xff\xbf\xbc\x80\x80\x9cX9\xe1\x8d\xd9\xef\xad~c\xbd\xa4\x92\x88L,\x16\xcb\xd9\xb3g-\x16\x0b\x00@\x81\x19\x80\xe0:\x88\x12P\x94\xc1W\xff\x9c\x9c\x9c}\xfb\xf6\xf1\xde\xafZ\x92\xe6dd\x10B\xc2\xf3\xe6q\xcf\xc8\xaa\t\tSz\xf7\xe6\x93H\x08\xa1\x8d\xdf|\xb3\xe7\xe4I\xb3\xf2TBeJ\x13\r\x86\xb7w\xedZy\xf0\xa0\x841\x1f\xe9\xa1\x94\x0ek\xd7\xee\x8b\x993\xa7&lt;\xf0@\xed\xca\x95eJm.W\x91\xd3y\xd9n\xbfl\xb7\x179\x9d\\A\xcf\xa8\xd3)m\xf5g\x8c\xa9%\xe9W\xabu\xd1\xd6\xad\x10B\x00\x11\xa5\xb4m\xf7\x96-\xeem\xe6\xb09\xc3\x93\x80c\t\xdbm\x8eAc\xfaV\xa9^\x99[\x05X\xadV\xde\x8bR\xda\xdd\x17\xfc-"\x00D\x13|=\xe2\xd3\x17\x00\x00\xae\xcd\xd0\xafy\xf3{\x1b4\xb0\xdf\xb2\xec\xcf\x8d#a\\\xe2\xf1\x8c\xed\xdc\x99\xaf\x9e\\%4+\'\x07c\xac\xa8\xf5\x92\x8f\xca\x9c.(\x98\xb9n]P\xc7\x82R:\xb9W\xaf\xf7\xc7\x8e\xd5k4\x85v\xbb\'\x10\x80\x00`\x84$\x84$\x8c%\x8c%\x840B\xfc\x80X\xa4\xff\x06\xd7"S\x9a`4.\xdd\xbe\xfd\xfc\xe5\xcb\x18!J\xa9J%\x8d\x9c\x98\xc9\xcfg\x85\x07\x08\xa1\xec\x97\x93*\'d\x8e\x1bP\xaa\x12\x8a\xd0;\xef\xbcs\xea\xd4)q, \xea\x10\x01 \x9a\xe0\xa3\x9f\x0b\x16,\xc8\xcf\xcfW\xa9T\x01Y\x8e7\x18f\x0e\x1ch\xf7x\xc2&lt;\x85)\x13\xa2W\xab\xe7ff\x82\xa0g\xe4\xe9\xd3\xab\x0e\x1eL4\x99\x94#\x10D\x183\xa8\xd5\x8b\xb6m+q\xbb\xf9!\x06BiF\x8b\x16\xf3\x06\x0f\xbe\xe2t\x06\x08\xb9\xce\xa8\x0f\x04a[Qo\x14J\xa9I\xab=z\xe1\xc2\xb2\xdd\xbb\x11B\xdc\xf1\xb1\xff\xc3\xf7\xd7m\\\xfb\x16U?\xff)X\xc2\xb6\xe2\x92\x9e\x0fvitw}"\x13,aY\x96\xc7\x8f\x1f/Z\xc1Q\x87\x08\x00Q\x03O`\xcf\x9e=;\x7f\xfe|\x84\x10?\t\xf6X\x97.i))\x9er\x92\xfd\xb9q0B%\x1e\xcf\x03\xe9\xe9\x1d\x1b4(\xf5\x8c\x04`\xce\x86\r\x97l6\x85\xf4NK\xd3\xff\xdf~[\xfb\xd5W\x10B\x06\x00e\xacr\\\xdc\xfc!C\x9c^/\x00@\xc9S\x9e\x7f\n\x03@\xc2\xf8\x85\x9c\x1c\xbb\xc7\x83\x10$\x84\xc6\'Y2F\xf7q\xbb&lt;\xa1\x1b\xfd\xbc\xce\xd5H*&lt;\xfc\xa9A\x08!J\x08\x96pnnn\xd0\x8c(\xdc\x17#\xb8YD\x00\x88\x1a\xf8Y\xdc\xd9\xb3g\xdb\xedv\t\xe3\x80,\xd7\xae\\yR\xaf^\xc5\x91:\x84\xc5\x18\xa1t^f\xa6Z\x92\xb8\xac\xc2\x85\xa2\xa2\xd7\xb6oO0\x1ae\x05\xd4\x01\x08c\x06\x8df\xcb\xe1\xc3\xfc`\x04\x04\x80\xc7\xcbj\x89\x89\x1e\xbf?\xeaV\x7f&gt;\xfa\xb9\xe3\xd8\xb1O\xf2\xf20B\x8c\x01\xc6\xd8\xc8I\x83+\xdf^)\xa4\xa3\x9f\x7f\x05\xc2\xc8as\xb6\xea\xdc\xfc\xde\xdem\t\xa1|$\x94\xdb\x91\x8a}@\x14!\x02@t\xc0{\xbf\xfb\xf7\xef_\xb5j\x95T\x96d\xcd\xcd\xcc4j\xb5$BZ\x05\x08!\x87\xc7sw\xcd\x9a\x8f\xdfw\x1f\x1f\x99G\x08-\xdb\xbd;\xef\xa7\x9f\x8cZm\xc4\x87\xe8\x11\x84^\xbf\xff\xd3#Gx1\x87P\xaa\xd7h\xfa7o\xee\xf2\xf9BzT"D\x94\xea\xf1\xad[\x07\xcb\x1c\x1f\x1b\xdd]\xbf\xd7\xe0\xfb\xec\xd6\x9b1|/\x17\x10F\x1e\xb7g\xf4\x94a&amp;\x8bQ\x0e\xc8\x92$\xe5\xe7\xe7/X\xb0@t\x02\xa2\x88\xe8{\x13b\x16BHVV\x16?\x80C(\xed\xd8\xa0\xc1\x03w\xddU\xe2vGP\x83\x01#\xe4\xf0z\x9f\xec\xde=\xd9l\xa6\x94b\x08\xed\x1e\xcf\xfc-[\xf4jud\x97\x00\xca\x98V\xa5:\x7f\xf9\xf2\x91\x9f~\n\x06\xa2\xe65k\xd6\xaa\\\xd9\x13\x08\x94j\'\x04u@\t\x91\t!\x94\xf2\x13\x15\nD&amp;$\xde`X\xf5\xc5\x17\xdf]\xb8\x800\xe2}\xd7aO\r\x92\xa4H\x1e\xc0\x86\x10\xfa&lt;\xfej5\xab\xf4\x1b\xd1\x931\xc6\x00\x83\x08.\\\xb8\xb0\xa0\xa0@L\x04E\x0b"\x00D\x01\\\xeay\xf5\xea\xd5\xfb\xf7\xef\xe7\xe7~%\x8c\xe7ef\x12\xc6@D\x13m&gt;\x12Z=1qz\xbf~\xb4\xcc3r\xc3\xd7_o;z4&gt;\xa2g\x83\x19cZ\x95\xea\xbb\x0b\x17&lt;\\\x19\tB\x00@\xdbz\xf5\xd4*\x15\xe3R\xcf\x00\xe8\xcbt@\x93\xcd\xe6Jfs\x82\xd1h\xd4\xe90\x84J\x13\x82\xe6\x8e\x8f?_\xb92w\xe3F\xc4\x1d\x1f\t\xedx\x7f\x9b\xd6]\xeeq\xd8\x9c\x11\xa8\xfe_\x05\xc6\xd8nu\x0c\x1e7\xe0\xf6\x1a)|\x13P\\\\&lt;m\xda4T\xdez\xb4\x82\x10!\x02\x80\xd2\xe1\x83\xf6v\xbb}\xd6\xacY\xa8,u\x1d\xde\xae]\xb3\xd4T\x87\xb7\xfcE\x1f\xff)\x12\xc6V\x97\xeb\xa16m\xee\xacQ\x83\xb7\xa9\t\xa5/o\xde\xcc\xcf[E\xea\xaa\x18\x00\x18\xa1c\x17.\x80\xb2aY\x00\xc0]w\xdc\xc1\xcf*\'\x18\x8d*\x84\x8e]\xb8\xf0\xd1\x81\x03s6n\x9c\xf6\xf1\xc7/\xac[\xb7l\xf7\xee/N\x9d\xf2\x06\x02\x89F#\xefjD\xea\xe2\xaf\x81Pj\xd2j_\xdf\xbe\xbd\xd0n\xe7\xd5\x15\x83I?t\xfc \xaf\'\xf2w\x1f@@d\xa27\xea\x87Ox\x10\x94M\xa9\xad^\xbd://O\x18\xc7G\x05B\nB\xe9\xf0\x97j\xfe\xfc\xf9g\xcf\x9eUI\x92L\x88E\xaf\x9f\xd1\xaf\x9f\xd3\xe7\xc3\xca\xe8d\x12J\xcd\x06\xc3\xcc\x81\x03\xfb-\\X:\x12\x9a\x9f\xff\xc1\xbe}\xe3\xbat\t\x850\xf5\x8d\x00\x01\x90\t9UP\xc0\x7fI\x19\xd3\xa8T\xd5\x93\x92\x10\x84\x1aIzo\xcf\x9e\xf7\xf7\xee=\xf2\xd3O\x7f\\\xe5\xef\xa8T\xa9_\xf3\xe6\x8fv\xee|G\xa5JJ\x908\xa5\x94\x9at\xbao\xcf\x9d{s\xe7N\x04!\x80\x80\x12\xdagx\x8fz\x8dk\x15]*\x96T\x91\x7f\x7f\xb1\x84\x1d%\x8en\x03;\x7f\xba:\xf7\xfbo~P\xa9U~\xbf\x7f\xc2\x84\t{\xf6\xec\x89\xf4\xa5\t\xfe\x9eHg\x10\x82\xeb\xc2W\x7f\xde[\x0b:&gt;N\xe9\xdd\xbbjBBy9&gt;\xde:\xdc3\xb2[\x93&amp;\x0f\xa4\xa7\x97\x8e\x84B\xf8\xe2\x86\r?_\xb9\x12)\xcfH\x04\xa17\x10\xb8x\xe5J\xf0;\x16\xbd\xbezb\xe2o6\xdb\x80%K\x1e\x7f\xff\xfdo\xcf\x9d\x03\x00\xa8%\x89\xeb\x80jT*\x15\xc6\x10\x80\x9f._^\xbcm[\x87\xd9\xb3s\x0e\x1d\x8al\x15\xab\x14\x081B\xd3\xb2\xb3\xfd\xb2\x8c0&amp;\x84\xa6TK\x1e4\xa6o\x89-b\xbd\xdf?\x85\x102f\xeap,a~6\xf8\xc0\x81\x03\xabW\xaf\x16#\xa1\xcaG\x04\x00E\xc3WO&gt;]\xc7=\xbf\xee\xacQ\xe3\xb1.]ln\xb7\xa2Twx\xc6=+#\xc3\xac\xd3\x11\xc60B\x85v\xfb\xeb\xdb\xb7\x9b\xb4\xda\xf0\xaf\xa1\xbc\xfe\xe3\xf4\xf9\x8a\x1c\x0e\x00\x00o\x93\xf0\xe9\xcf^\xf3\xe7\xef9qB\xa3R\x01\x00\x08\xa5~Y\xe6:\xa0\xbe@ @\x08B\x88\xcb\xc6\x15\x96\x94\x0c\x7f\xf3\xcd\xf7\xf6\xee\x8d\x8f\xe8H+\xa14N\xa7\xfb$/o\xef\xc9\x93\xc1\xf0?j\xd2\x90\xc4\xe4x\xd9\xaf \xdd=\x84\x90\xdb\xe1\xbe\xabu\x93\x1e\x83:\xf33\xc9\x10\xc1Y\xb3f\x95\x94\x94\x88\x91P\x85#\x02\x80r\xe1\xa3\x9f\xfb\xf6\xed\x0b\x9e\xafa\x8c\xcd\x1c8P\xafV+-\xb1B\x089\xbc\xde\xa65j&lt;\xda\xb93\xaf\xfc"\x08\xdf\xdc\xb93\xef\xfcyS\xf8\x05\x82\x18C\x08\xb9}&gt;\xbb\xc7\x03\x00\xe0\xcb\x8f\x84\xf1\xe3\xef\xbf\xff\xe3\xaf\xbf"\x08}\x81@\xb5\xc4\xc4\xc1\xad[g\xf5\xef?\x7f\xc8\x90\x17\x06\x0c\x18\xda\xb6m\xb5\xc4DB)eL&amp;\x84\x1b\xdf?\xb5b\xc5\x97\xa7N\x99\xb5\xdaH\xf9\x1eK\x18\xbb\xfd\xfe\xe9\xd9\xd9\xa0l\xf4\xb3q\xf3\xfa\xdd\x06v\n\x91\xe5\xcb\xad\x800r;\xdd#\'\x0e6\x9a\rD&amp;\x12\x96\xce\x9e=\xbbd\xc9\x12\x84\x90\xd2\x9eU\xc1\xd5\x88\xf8\xacPx\xba\x17\x08\x04\xda\xb4i\x93\x97\x97\'IR \x10\xe8\xdd\xacY\xf6\xf8\xf1\x91\x1d\xfd\xfc+\xb8\xe6\xbe\xdb\xef\xef0k\xd6OEE\\%4"\x17\xccG\x80\xce\x16\x16\xb6~\xfeyo \x00\xcbb\x00\xc7\xac\xd3e\xf5\xef?\xb8u\xebJf3\xe2\xf9)\x84\x8c\xb1+\x0e\xc7[\xbbv\xcd\xdd\xb8\x11\x00\xc0\xc7\x99\x08\xa5\xf7\xd4\xaa\xb5\xf3\xb9\xe7\xbce\x93\xa3\xe1D&amp;$\xc9dZ\xb0u\xebs\xd9\xd9\x18#\xc6\x00\x96\xd0\xc25s\x1a6\xab\xe7q\x85O\xf7\xe9\xc6!2\x89K0\xaf~k\xfd\xdb/.\xe7\x9e\x91&amp;\xa3\xe9\xf0\xe1\xc35k\xd6\x14\x9e\x91\x8aE\xdc\x15\x85\xc2\'j\xb2\xb3\xb3\x0f\x1f&gt;\xcc\xd3\x7f\xb5$M\xef\xdb\x97P\xaa\x94\x9d\xff\xef\x81\x10\xfae\xb9J|\xfc\xa4^\xbdX\xd9H\xe8\x96\xc3\x87w\x1c;\x16o0\x843\rd|D=\x10\x08\\\xf5C\xf9\x00U\xf5\xa4\xa4\xdc\xe7\x9e\x9b\xd4\xb3\xa7F\xa5*v:/;\x1cENg\x91\xc3q\xc5\xe9\x94$i\xf6\xa0A\x0b\x86\x0e\xa5\x8c!\x08\t\xa5\x18\xa1\xaf\xcf\x9e\xdd}\xe2\x84I\xa7\x0bs!\x8b\x8f~^,.~e\xcb\x16\xc8G?)\xed\xd0\xb3uz\x9b&amp;a\x96\xfd\xb9q0\xc6N\x87\xab\xef\xb0\x9eUS\xabp\xe3\xf8\x92\x92\x92\xd9\xb3g\x8b3\x01JF\x89O\x92\x80\xab&gt;X\xad\xd6\xa9S\xa7"\x84\xb8\xe3\xe3\xe3\xf7\xdd\x97\x9e\x9a\xea\x08\xa3\xea\xe7?E\xc2\xb8\xc8\xe1\x18\xd1\xbe}\xab\xb44\xee\x19\t\x01\x98\xb9n\x9d\xdb\xef\x0f\xb3U\x08w0\x0e\x9eF\xe6\xf9\xbbA\xa3Y\xf5\xaf\x7f\xddu\xc7\x1d\xbf\xd9l&lt;&gt;IW}1J\x7f+.\xfeW\xd7\xae\xf75n\xcc\xff+?B\xbc\xf9\xdbo%\x84\xc2\xbcM&amp;\x8c\x99\xb5\xda\x177n\xb4\xb9\xdd\x18!B\x88\xc9b|d\xcaP\x97\xc3\x1d\xd9\xc1\xff\xeb\x01\x01\x95\xa9V\xaf\x19;}\x04\xe0\x05L\t\xafZ\xb5\xea\xc0\x81\x03\x92$\x89B\x902Q\xea\xc3\x14\xdb\xf0\xf4?++\xab\xa0\xa0\x00#$\x13\x92l6?\xd9\xbd\xbb\xc3\xebU`\xf1\xe7j\x18c*\x8c\xa7\xf6\xe9\x13\x94_\xfe\xee\xc2\x85\xb7w\xed\xb2\xe8\xf5\xe1V\t\xbd\xaah\x83!\xa4\x8c=\xda\xb9s\x9b\xbau/\xdb\xedjI\xfa\xe3.\nB\x08 \xa4\x94\x8e\xee\xd4\t\x94\xd9\xc20\x00\xbe=w\xce\xee\xf1\x84S=\x82Rj\xd6j\xf7\xfe\xf0\xc3\x87\x07\x0e \x04\x19\x00\x8c\xb1~#zV\xaby{Dd\x7fn\x1c\x84\x91\xd3\xeej\xdb\xb5Ez\x9b&amp;\x94P\x04\x11!d\xc2\x84\t&gt;\x9fOt\x83\x95\x89\xa2W\x93\xd8\x84\xaf\x9b\xdci/8\xfb1\xa3\x7f\xff\xea\x89\x89\xca\x19\xfd\xfc+\xf8Hh\xcf\xa6M3Z\xb6\xe4#\xa1\x08\xc2W\xb6l\xb9X\\\x1c\xce\x91P\xca\x98Z\x92JWm\x08\t\xa5\x12\xc6\x19-Z8\xbc\xde\xebLOa\x08=~\xff]5jX\xf4\xfa\xe0\xee\xe1bq\xf1\x15\xa7S\x15F\xd7{\x06\xa1\x84qVN\x8eL\x08F\x98PR5\xb5\xca\xe0q\x03\xec\xd6p\x18~\xdd:\x94\xd0q3F\xa9T\x12!D\x92\xa4\xbc\xbc\xbc\xec\xecl!\x10\xa4LD\x00P\x1c\xbc\xfe\xc3\xbd\xb61\xc62!\xad\xd2\xd2Fu\xe8p\xc5\xe9T\xd4\xe8\xe7_Q*[6p`\xbc\xc1 S\x8a\x10\xb2\xb9\xdd/n\xdch\xd4h\xc23N\xc3+fF\x8d\x86\x8f{\xf2&amp;p\x82\xc1p[|\xbc|]\xdf4\x08\xa1Li\xbc\xc1p{B\x02(+\x1c\xb9|&gt;\xab\xcb\x85\xc3U\x05\x92\tI0\x18&gt;:x\xf0\xab\xd3\xa7y#\x1a00v\xfa\x08\x9dAGH\xf8\\_n\x1a\x84\x90\xdb\xe9\xa9\xd74\xad\xff\xc3\xf7\xf3\x91P\x84\xd0\xd4\xa9S\x8b\x8b\x8b\xc5&amp;@\x81\x88\x00\xa0,\xf8\xe8gnnnnn.\x1f\xfc\xc7\x08M\xed\xd3G\x8a\x1eq\x15\x08\xa1\xc7\xefOKI\x19\xdb\xa5\x0b\xbff\x04\xe1\x87\x07\x0e\x1c&gt;\x7f\xde\xa4\xd5\x86#\r\x84\x900f\xd6\xe9,z=\xb8\xca\xa5\xf6F&gt;@\xeex\xac\xd7h\x82\xdf\x91\t\xf1\x85k\n\x881&amp;al\xf7x\xe6m\xda\x04\x00\x80\x08QJ\xd3\xdb4i\xdb\xb5\x85\xd3\xee\xc4\x8a\xad\xfe\xff\x1e\x84\x91\xdb\xe9\xc9\x18\xdd\'&gt;\xc9\xc2\xbb\xc1\x05\x05\x05\x8b\x16-\x12\x9b\x00\x05\x12\x1d\x8fT\x8c\xc0s\xffRs%\x00x\xf7\xaf\xff=\xf7\xf4l\xda\xd4\xaa\x00Y\x82\x1b\x07#T\xectN\xee\xd5\xabfr\xb2L\x08ocL\xcb\xce\xc6\x10\x82\xd0\xaf\xa4\x10\x00B\x88Y\xa7\xe3\x89&lt;\xa7\xc4\xed\xb6\xdd\xd84*\xfb\xbd\x19$\x820l\xe9?\xa14\xc1h\\\xb8u\xeb\xb9\xc2B\tcJ)\x96\xf0c3FQ\x12M\xeb&amp;\x84\xd0\xef\xf5W\xaeZi\xe4\xa4\xccR\xcfH\x8c^}\xf5\xd5\xfc\xfc|\x11\x03\x94F\xd4\xac)\xb1\x00\xaf\xfes{U,I2!f\x9d\xee\xd9\xde\xbd\xdd\\\xd22z\xe0C8f\x9dnZ\xdf\xbe\xa0l\xac~\xef\xc9\x93\x9f\x1c9\x12\xa7\xd7\x87a\xa4\x920\xa6S\xab\x1bT\xad\xca\'y\x10\x84&gt;Y&gt;SP\xa0\x91\xa4\xeb\x18\x150\x00\x10B\xde@\xc0\xeev\x07\xbf\xa9Q\xa9\xc2\xb3q\xe1\x16f\xf9\x05\x05\xef\xec\xdaU*XMi\x8fA\x9d\xeb5\xa9\xedv*w\xf4\xebO\xc1\x12v\xd8\x9c]\x07t\xaa\xdd0\x95\x12\x8a1\xe6F\xd6\xa2\n\xa44\xa2\xe9\xa9\xaa\xd8PJ!\x84\x05\x05\x05YYY\x10B^\xc8~\xb4s\xe7\xf4;\xee\xe0\x9eV\x91\xbe\xc0\x7f\x86\x84q\xb1\xcb5\xacm\xdbVu\xea\xf0\x91P\x00\xc0\xf4\xecl\xa7\xd7\x8bC\xdfP\xe5u\xff\xd6ii\x8c/\xeb\x10\x02\x00\xf6\x9c&lt;\xf97?\x9a1\t\xa1"\x87\xe3W\xab\x15\x94\x1d\x1fK0\x1a\xe3\x8dF9\xf4\xae;\x84R\xa3V;s\xdd:\xab\xcb%aD\x185\x9a\r#\'\x0e\xf6\xb8\xbd\xca\x1d\xfd\xfck\x08!z\x83v\xf4\x94a\x8c1\x1e\x03rrrJ\x0b\x9bb$T1D\xdf\x83UQ\xe1\xa7%\xa7M\x9bf\xb5Z\xb9\xe8\x7f\x8d\xa4\xa4\xa7\xbaw/v:\xa3\xd1\xc1\n\x00\x00\x19\x93\t\x99\x93\x91\xc1-\xcc$\x8c\xcf\\\xba\xb4h\xeb\xd6\x84\xd0\x8b\xac!\x08\xdd&gt;_\xdb\xbau\xcd:\x1d)\xcb\xde7}\xf3\xcdoV\xebu,\x8b\xf9\xbe!\xef\xa7\x9f\xdc~\x7f\xf0\x1c@ZJJ\x82\xc1 \x87\xf8\xfc\x1dw|\xdcv\xf4h\xce\xa1C\x18!\xca\x00\xa3l\xe8\x93\x19\xc9U\x92\x14&gt;\xfa\xf9W`\x8c\x1d6g\x8b{\x9b\xb5\xed\xd6\x82\xbb\x18\x05G\x1b\xc4&gt;@9D\xe5\xcaR\xf1\xe0\xc5\x9f\xc3\x87\x0f\xafY\xb3\x86\x0b\xa93\x00\xb2\xfa\xf7\xafl\xb1p\t\xfbH_\xe0\xcd\x80\x10\xb2{\xbd\x1d\xeb\xd7\x1f\xde\xae\x1d/\xbc@\x08\xdf\xde\xb5+\xbf\xa0@\x17\xe2\x91P\x08\xa17\x10HMN\xeev\xe7\x9d\x00\x00\x04\x00F\xe87\x9b\xed\x8d\xdc\xdc\x04\xa31\xf0g\x19(\x03\xa5\xb2q\xcb\xf7\xed\xbb\xfa\x9b\x1d\xea\xd7\xd7\xa8T\xa1v\xb8\x84\x10\x06\x08yy\xf3f\xca\x18/\x94\xd7n\x98\xdaod/\xa7\xdd\x15\x15\xa3\x9f\x7f\x0e\x04\x84\x90\xd1S\x86\x19Lz&gt;\xdd\xc0\x87\x9bE\'@9\x88\x00\xa0\x08x\xfbw\xf2\xe4\xc9&gt;\x9f\x8f\xb7L[\xd5\xa9\xf3P\xdb\xb6W\x1c\x8e\xa8\x18\xfd\xfc+0\x84v\xafwF\xbf~\x16\xbd\x9eP*!du\xb9f\xae[g\x0e\xbd\xb8\x02\x17(}\xb4S\'\x08!\x03\x80/\xacK&gt;\xfbl\xf3\xe1\xc3U\xe2\xe3eBdJ\xb9\x8b\x19eL\xa6\x94Rz[B\xc2;\xbbw\xef9q\x02AH\x19c\x8ciT\xaa\x07\xd2\xd3\xdd&gt;_HKp\\\xf6g\xc5\xfe\xfd_\xe5\xe7K\x18qK\xb2\xd1S\x86iu\x1aB\x88\xf2G?\xff\n\xae\x12\x9a\xd6\xa8f\x9f\xe1=JUB!\xcc\xca\xca\xb2Z\xad\xc22L!\x88\x00\x10yxr\x94\x93\x93\xb3o\xdf&gt;I\x92dB\xd4\x924\'#\x83\\wh=*\xe0\x9e\x91U\x13\x12\xa6\xf4\xee\xcdO\xb4!\x846~\xf3\xcd\x9e\x93\'\xcd!V\t\xe5\x02\xa5\xed\xea\xd5\x1b\xd4\xb2%\xa1\x14C\xc8\x18\xf3\xcb\xf2\xf07\xde\xf8\xe8\xc0\x81\x04\xa31\xc1`0h4:\xb5\xda\xa8\xd1$\x1a\x8df\x9dn\xf1\xd6\xad\x93W\xae\xe4\nq\xfc\xf0pF\x8b\x16\x8d\xabWw\xf9\xfd\xa1\x0b\x00\x8c1\xb5$\xfdj\xb5.\xda\xba\x15B\x08 \xa2\x94\xb6\xed\xde\xb2\xc5\xbd\xcd\x1c6g\x14\xa7\xff\x00\x00\x00\xb0\x84\xed6\xc7\xa01}\xabT\xaf\xcc\xad\x02\xacV+\xefr\x89M\x80\x12\x10\xc5\xb8\x08\xc3\x18\xa3\x94\x12B\x1a5j\x94\x9f\x9f\xafV\xa9\xfc\x81\xc0\x83\xadZ\xad~\xe2\x89K%%Q\x9d\xfe\x07\x81\x10"\x08[\xcc\x98q\xe6\xd2%\x95$\x05d\xb9U\x9d:\x9f\xcf\x98\x11j\xcb-&gt;\xd4os\xb9:\xcc\x9e\xfd\xcb\x95+\x18!\x9e\xd7\x03\x00z4m:\xb0E\x8b\xda))\x1aIrz\xbd\'/^\\{\xe8\xd0\xc1S\xa7\xf8\xff\xc8O`%\x99L\x07g\xce\xac\x1c\x17\xe7\x93\xe5\xd0\x05\x80\x00!\xb7Y,SV\xaf^\xf0\xe9\xa7\x12\xc6\x941\x8c\xd1[\x9f.H\xad[C\x99\xaa\x9f\xff\x14"\x93\xf8$\xcb\x86\xe5[\x17M{\x13K\x98Q\x86\x10:~\xfcx\x9d:u\x84Jh\xc4\x11\x01 \xc2\xf0\xf4\xff\xa5\x97^\x9a&gt;}\xbaJ\xa5\x92e\xd9\xa2\xd7\x7f9{vJ\\\\\xf4V\xff\xaf\x81Pj\xd1\xeb\xb7\xe4\xe5=\xf8\xdak|\xc5\'\x94\xfe\xfb\xd1G\x87\xb7o_\x14b\xcfHB\xa9I\xa7\xcb;\x7f\xbe\xf7\xab\xafr\x17\x1d\xde_\t&gt;\xf6*\x8c\x83-\x01\x04!\x03\x00C(S\xaa\xc28g\xc2\x84\xaeM\x9a\x84T\xcb\x9aR\xaa\xd7h\xce\\\xba\xd4q\xf6l\xa7\xcf\x87\x10\x94e\xf2\xe0\xd8\xbeO\xbc0\xdav\xa5Di\xa2\xff7\r\xa5T\xab\xd3N\x184\xfd\xf8\xb7?\xa8\xd4\xaa\x80?\xd0\xb5k\xd7\x1d;v\xf0\x87?\xd2W\x17\xd3\x88\xf0\x1bIx\xef\xf7\xec\xd9\xb3\xf3\xe7\xcfG\x08q\x13\x80\xc7\xbatIKI\xf1(^\xf6\xe7\xc6\xc1\x08\x95x&lt;\x0f\xa4\xa7wl\xd0\xa0\xd43\x12\x809\x1b6\\\xb2\xd9\xae3\x93S^?\xda\xee\xf1\xdc]\xb3\xe6\x96g\x9e\xa9U\xb92\x97\x08\xc5\x10\xaa%\x89{@\x06\x08\x81\x10\xaa0Va\xcc\x8b?2\xa5I&amp;S\xf6\xf8\xf1\xdd\xef\xbc3\xd4N\x06\x0c\x00\t\xe3\x17rr\xec\x1e\x0fB\x90\x10\x1a\x9fd\xc9\x18\xdd\xc7\xed\xf2D\xe3\xe8\xe7_\xc2\x80\xa4\xc2\xc3\x9f\x1a\x84\x10\xa2\x84`\t\xe7\xe6\xe6\x06m\x8e"}q1M\x05z\xc8\xa2\x10\xde\xfb\x9d={\xb6\xddn\x970\x0e\xc8r\xed\xca\x95\'\xf5\xeaU\x1cU\xe7~o\x08\xc6\x08\xa5\xf323\xd5\x92D(\xc5\x18_(*zm\xfb\xf6\x84\xd0{.J\x08\xd9\xdc\xee\xf4\xd4\xd4\xdd\xd3\xa7\x8f\xed\xd2\xc5\xa8\xd5\xca\x94\xfae9@\x08+\xbd4\x16 $@\x88\xcc5\xe3Z\xb6\xfc|\xc6\x8c\x9ew\xdd\x15\xea\xd3\xd7|\xf4s\xc7\xb1c\x9f\xe4\xe5a\x84\x18\x03\x8c\xb1\x91\x93\x06W\xbe\xbdR\x94\x8e~\xfe\x15\x08#\x87\xcd\xd9\xaas\xf3{{\xb7%\x84\xf2\x91Pnt*FB#\x8b\xf8\xf4#\x06\xdf\xff\xee\xdf\xbf\xbfS\xa7N\xb0L\x81\xe0\xe3\xa7\x9e\xea\xdd\xacY\xa8\x8b\xe3\x11A&amp;\xa4\x92\xd9\xfc\xcc\xaaUK&gt;\xfb\x8c\x17\xbb\x8d\x1a\xcd\xe7YY|\xbb\x13\xea\x93n\x84R\xb5$\x19\xb5\xda\x13\x17/~\x9a\x97\xb7\xf7\x87\x1f\xce\x14\x14X\x9dN\xbe\xe8[\xf4\xfa\xd4\xe4\xe46u\xea\xf4\xba\xeb\xae\xf4\xd4T\xbf,{\xfc\xfe0\xdc\x02\x04a\xe7\xb9s\x8f]\xb8\x80%I\x96\xe5Fw\xd7_\x923\xd7\xe7\xf6ATqV\x7f\x0ecL\xa5\x96\xae\x14\xda\x1e\xed9\xd1Y\xe2\xe2\x0ews\xe7\xce}\xee\xb9\xe7D!(\x82\x88\x00\x101\xf8\xe6\xb7S\xa7N\xfb\xf7\xef\xe7\xbd\xdf\x8e\r\x1al\x9b2\xc5\x1e\x85\xe7~o\x04\xde\x92\xb5\xba\\\xad\xb2\xb2\x8a\x1c\x0e\x8cP\x80\x90\x8c\x96-W?\xf1\xc4\xe5\x10w\x02\x82\x17@\x19\xd3\xa9\xd5z\xb5\xda/\xcbV\xb7\xdb\xe1\xf1\xf8eY-I&amp;\xad6\xce`\xd0\xaaT\xbe@\xc0\xe9\xf5\xf2\xaeuH/\x86\x87\xc37w\xee|j\xc5\n\x8c\x11\x03\x0000oEV\x8b\x8e\xe9\xce\x12W\x85\xaa\xff\x94Ad\x12_\xc9\xb2l\xde\x8a\x0f_[+\xa9$BH\xbc%\xfe\xc4\x89\x13\xc9\xc9\xc9\x00\x00\xd1\r\x8e\x08\xe2C\x8f\x0c\\\xeay\xf5\xea\xd5\xfb\xf7\xef\xe7\xe7~%\x8c\xe7ef\x12\xc6@\x05\r\xc9|$\xb4zb\xe2\xf4~\xfdh\x99g\xe4\x86\xaf\xbf\xdev\xf4h|\xe8\xcf\x06\xf3\x0b\xc0\x08y\x03\x81"\xa7\xd3\xe9\xf3\xe9T\xaa\xdb,\x96;*U\xba\xcdb\xd1\xa9\xd5n\x9f\xaf\xc8\xe1p\xf9|\x18\xa1P\xaf\xfe\xdc\xf1\xf1\xe7+W\xe6n\xdc\x88\xb8\xe3#\xa1\x1d\xefo\xd3\xba\xcb=\x0e\x9b\xb3B\xae\xfe\x00\x00\x8c\xb1\xdd\xea\x18&lt;n\xc0\xed5R\xe4\x80,IRqq\xf1\xb4i\xd3\xc4\x99\x80\x08R1\x1f5\x85\xc3\xa7\xdf\xecv\xfb\xacY\xb3\xf8ZC\x19\x1b\xde\xae]\xb3\xd4T\x87\xd7[\x81S!\tc\xab\xcb\xf5P\x9b6w\xd6\xa8\xc1\x1b\xe0\x84\xd2\x977o\x96)\r[\xc9\x1bA(!\x84 $\x8c\xf9e\xd9\x17\x08\xf8e\x990\x16\xfc~\x18\xae\x81Pj\xd2j_\xdf\xbe\xbd\xd0n\xe7\xc7b\r&amp;\xfd\xd0\xf1\x83\xbc\x9e\x8a|\xf7\x01\x04D&amp;z\xa3~\xf8\x84\x07\x01\x00\x94R\x9e\x03\xe5\xe5\xe5\xf1\xd3\xef\x91\xbe\xbeX\xa4\xe2&gt;m\n\x86\xaf}\xf3\xe7\xcf?{\xf6,\xb7|\xb1\xe8\xf53\xfa\xf5s\xfa|\xb8"\x16\x7f\xae\xa6T\xf2l\xe0@\xc6\x97\x00\x84\xbe\xca\xcf\xff`\xdf\xbeD\xa31\xcc\x9e\x91\x10\x00\x18$\x8c?\x97Rj\xd2\xe9\xbe=w\xee\xcd\x9d;\x11\x84\x00\x02Ji\x9f\xe1=\xea5\xae\xe5qz*^\xf5\xffj\xb0\x84\x1d%\x8en\x03;7n^\x9f\xc8\x04a\xe4\xf7\xfb\'L\x98@\x08\x11\x9b\x80\x88 \x02@\xb8\xe1\x89O~~\xfe\x82\x05\x0b\x82\x8e\x8fSz\xf7\xae\x9a\x90\xa0|\xc7\xc7[\x87{Fvk\xd2\xe4\x81\xf4\xf4\xd2\x91P\x08_\xdc\xb0\xe1\xe7+W\xc2\xe9\x19\x19I \xc4\x08M\xcb\xce\xf6\xcb2\xc2\x98\x10\x9aR-y\xd0\x98\xbe%6G\x85\x19\xfc\xbf&gt;\x84\x901S\x87c\t\xf3\xb3\xc1\x07\x0e\x1cX\xbdz\xb5\x18\t\x8d\x08"\x00\x84\x1b\xbe\xc6\xf1\x198\xee\xf9ug\x8d\x1a\x8fu\xe9\xc2\x8f)E\xfa\xea\xc2\x01W\xe9\x99\x95\x91a\xd6\xe9\x08c\x18\xa1B\xbb\xfd\xf5\xed\xdbMZm\x18:\x01\x91\x85P\x1a\xa7\xd3}\x92\x97\xb7\xf7\xe4\xc9`\xf8\x1f5iHbr\xbc\xec\xaf \xe7\xfe\xae\x0f\x17\x08\xba\xabu\x93\x1e\x83:\x97\n\x04!8k\xd6\xac\x92\x92\x121\x12\x1a~D\x00\x08+|\xe2m\xdf\xbe}\xc1S0\x8c\xb1\x99\x03\x07\xea\xd5\xea\xd8I\x7f\xb8JO\xd3\x1a5\x1e\xed\xdc\x99W~\x11\x84o\xee\xdc\x99w\xfe\xbc)\xc4\x02A\x11G\xc2\xd8\xed\xf7O\xcf\xce\x06\x00@\x84\x08!\x8d\x9b\xd7\xef6\xb0SI\xb1=F\xd2\x7fP\xea\x19\xe9\x1e9q\xb0\xd1l 2\x91\xb0t\xf6\xec\xd9%K\x96 \x84b\xe7-P\x08"\x00\x84\x0f~\xec\xcb\xe7\xf3M\x9e&lt;\x19B\xc8[\xa0\xbd\x9b5\xeb\xd6\xa4\x89\xd5\x15\xcd\xaa\xbf\xff\x1c\t\xa1b\xa7s|\xf7\xee\xa9\x95*q\xdfc\xbf,\xcf\xdd\xb4)l\xe6\x8b\x11A&amp;$N\xa7{g\xf7\xee3\x97.a\x8c(\xa5*\xb54f\xea\xf0\xa8\x96\xfc\xbc\t\xb8gdr\x95\xa4\xa1\xe33\x82\x9e\x91\x8b\x17/\xe6-\xb1\x8a\x9d\x01(\r\x11\x00\xc2\x07\xef\xfdfgg\x1f&gt;|\x98\xa7\xffjI\x9a\xde\xb7/\t\xb1\xd9\x88\x02\x81\x10\xfae\xb9J|\xfc\xa4^\xbdX\xd9H\xe8\x96\xc3\x87w\x1c;\x16o0T\xc84\x90\x8f~^,.~e\xcb\x16\xc8G?)\xed\xd0\xb3uz\x9b&amp;n\x87\xbb"\x0f\xff\xfc\x19\x18c\xa7\xc3\xd5wX\xcf\xaa\xa9U\xb8q|II\xc9\xec\xd9\xb3\x85Jh\x98\x89\xad\xc7.\x82\xf0\xf4\xdfj\xb5N\x9d:\x15!\xc4\x1d\x1f\x1f\xbf\xef\xbe\xf4\xd4T\x87\'\xac\xa2\x8f\\\x1c\x9fP\x1a\xfc\njd\x86\x13\t\xe3"\x87cD\xfb\xf6\xad\xd2\xd2\xb8g$\x04`\xe6\xbaun\xbf\xbfBn\x86\x08cf\xad\xf6\xc5\x8d\x1b\xb97=!\xc4d1&gt;2e\xa8\xcb\xe1\xae\xa8\x83\xff\xd7\x03\x02*S\xad^3v\xfa</t>
        </is>
      </c>
    </row>
    <row r="451">
      <c r="A451" s="1" t="n">
        <v>449</v>
      </c>
      <c r="B451" t="inlineStr">
        <is>
          <t>color_hexagon</t>
        </is>
      </c>
      <c r="C451" t="inlineStr">
        <is>
          <t>What is the missing color of the part denoted with a question mark?</t>
        </is>
      </c>
      <c r="D451" t="inlineStr">
        <is>
          <t>['yellow', 'purple', 'red', 'green']</t>
        </is>
      </c>
      <c r="E451" t="inlineStr">
        <is>
          <t>green</t>
        </is>
      </c>
      <c r="F451" t="inlineStr">
        <is>
          <t>There is a hexagon split into six parts with the colors ['green', 'blue', 'orange', '?', 'blue', 'orange'] in an anti-clockwise order.</t>
        </is>
      </c>
      <c r="G451" t="inlineStr">
        <is>
          <t>We observe that a blue part is opposite another blue part, and a orange part is opposite another orange part. Thus, the pattern is that the colors in opposite parts are the same.</t>
        </is>
      </c>
      <c r="H451" t="inlineStr">
        <is>
          <t>Based on the pattern that spatially opposite parts have the same color, the missing color of the part which is opposite a green part should be green.</t>
        </is>
      </c>
      <c r="I451" t="inlineStr">
        <is>
          <t>b'\x89PNG\r\n\x1a\n\x00\x00\x00\rIHDR\x00\x00\x02\x00\x00\x00\x02\x00\x08\x02\x00\x00\x00{\x1aC\xad\x00\x00~\x8aIDATx\x9c\xed\xddy|U\xd5\xd5?\xfe\xbd\xd7&gt;wLn\x06\x84\x10\x11\xa8\x90 U\x90\x08\x88\x80\x81\xe0,j\x15\xab80\x89\xa8O\xd5\xda\xf6\x1b\x19,Q\x03\x02\xf2\x00\n\xc8S\xed\xef\xd1&gt;Z\xb5\xc8$UA\xd4" C D@FA\xc10(\n&amp;\x08\xdc\x0c7w&lt;{\xed\xdf\x1f;\\)\x15\x052\xdd{\xcfz\xbf\xfaG\xab\xbc\xfa\xba\xdc\xe1\xac\xb3\xf7^g}\xb8R\x8a\x11B\x08\xb1\x1eh\xea\x17@\x08!\xa4iP\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FS\xbf\x00\xd2\x94\x94RJ\xa9\xa6~\x15\xa4\xc9p\xce9\xe7M\xfd*H\x93\xe1\xf4\xfb\xb7,\xd34\r\x83\xee\x00\xac\xce4M!\x04\x95\x01k\xa2\x02`Q\x88\x08\x00\xbbw\xef\xfe\xfd\xef\x7f\x0f\x00\x88\xd8\xd4\xaf\x884*\xc30L\xd3|\xe8\xa1\x87\x06\x0f\x1e\xdc\xd4\xaf\x854\x19\xba\x01\xb4\x1c]\xf2\x03\x81\xc0\x8c\x193\xd2\xd2\xd2V\xadZ\xd5\xd4\xaf\x884\x99K.\xb9\xe4\xd0\xa1C\xfd\xfb\xf7\xef\xdc\xb9\xb3R\n\x80\x0e\x05\xad\x85V\x00\x96#\xa5\x14B\xbc\xf9\xe6\x9b\xf7\xdf\x7f?\xe7\\\x08\x11\xfd\x0e\x00p\xfa6$6\xce\x18*\xc5N|\xccB\x88p8&lt;l\xd8\xb0\x7f\xfc\xe3\x1f\xb4%hAT\x00\xacE\x9f\xfaVVV^r\xc9%G\x8f\x1eED\xda\xfc\xb18\xbb\xdd.\xa5\\\xb5jU\xdf\xbe}\xf5\xcdAS\xbf"\xd2x\xa8\xe0[\x0b"\n!\n\x0b\x0b\xcb\xca\xcaj\xef\xfd9\x07\xce\x10U\xaf[.\xeb\xfb\xdb\xee\xfe\xea \x08\xda\x07HL\n\x95\xc3e;\xb0\xf3\xd0\xa2\xffo\x85B\xc5\x94\xe2\xc0M\xd3D\xc4\xfc\xfc\xfc\xf5\xeb\xd7\xdbl6\xa5\x14\x1d\x08[\x07\xad\x00,\x04\x119\xe7_}\xf5U\xe7\xce\x9d\x111\xda\x03\xca9WJ\xa5\xb5\xf0LZ\xf4x\x92\xc7i\x9a\x92.\x01\t\t%\xbaS\\\xd3\xee\xff\xdb\xce\xf5\xa5\x00\x1cQ1\xc68c \x84\x94\xf2\x8d7\xde\x18&gt;|8-\x02,\x85\n\x80\x85\xe8\xdf\xf6\x8d7\xde\xb8l\xd92\xc3\xb0\x99f\xa4eV\x17\x7f\xc5\xd1\xeac\xdf\x83\x00\x94\xb2\xcf\xed\xdd\x87\x8f\xff\xad\xaf\xc2\x0f\x02\x18S\x8cQ\x19H\x1c(19\xd5U\xfc\xfe\xd67\x9ey\x17\x00\x14\xa2\xcd\x10y\x9d[\xad\xd8\xf6\xad&gt;\xfb\xcd\xc8\xc8\xd8\xb5kWZZ\x1a=\x1c`\x1d\xb4\xd8\xb7\n}\xf5_\xb6l\xd9\xb2e\xcb\x84\x10\xa8\x90s\xb8\xee\xe1)\xdd~\xf3 c\x8a1\xc6\x81\x97,\xd9z\xf0\xcb\xc3\xeed\'c\x0c\x00\x008\xfd\'1\xfe\xc3\x81\xdbl"\x14\x88|\xf4\xeaj\xc6\x98\x00\xa6\x18\xbb\xe6\xb2\xd6s\xc7\xfd\xa6E\xaaK)%\x04\x94\x95\x95\xcd\x9c9\x93z\x82-\x85\n\x80%\xe8\x8d]\xd34\xff\xf4\xa7?1\xc69\x08\x94\xb2c\xee\xadm:\xf5\xca\xe9?,-\xf3B\x94\x12\x00\xa4\xc4\x85/,\xe5\x82n\xff\x12\rJt\xa7\xba\x96\xbe\xb1\xf6\xc8w\xc7\x85\x00\x89\xca\x100\xf9\xfe+[d\xa6L\xbc\xaf\x97RJ!\n\x80\xe7\x9f\x7f\xbe\xb4\xb4\x94j\x80uP\x01\xb0\x04\xfd\xd8\xd7+\xaf\xbc\xb2g\xcf\x1ea\x08)M\x87\xdb\xd3\xfb\x9e\xc7\x83\xfe*\x87;\xe5\xca{F2\xc6\x142\x0e|\xf7\xa6\xfd\xdbV\xefv{\x9c(\xe9\x12\x90 \x94Rv\x87\xad\xfc\x9bc\xab\x16|\xaa7w\x10\xd5\x83\xfd;u\xbb\xf8|_y\xd5}7t\xea\x9a\xddB"\n\x01\xe1p\xf8\xa9\xa7\x9e\xd2gBM\xfd\xaaIc\xa0\x02\x90\xf8\xf4\xd9oYYYaa!\xe7\x9c1\xae\x10/\xbb\xe9\xfe\x96Y92\x1c\x0c\xd5Tu\xba\xf6\x9e\x0b.\xbe\x02Q\x02\x08\xc6\xd8;\xb3\x96\x06\xfca!\x80\xae\x01\x89\x01Q9\xdd\xf6E/-\xaf\xa9\n\x08\x01\x88*-\xd91aX\xafp0\x82\x8a\xb9\xdd\xf6\xa9#r\x95b\x12Q\x08\xb1p\xe1B\xbdI(\xa5l\xea\x17N\x1a\x1c\x15\x80\xc4\xa7\x9f\xf0,((\xf0z\xbd\xc2\xb0Ii\xa6f\xb4\xe9q\xfb#\xc1j/\x80\xc1\x98Bi\xe6\xdd\xf7\x14\x08\x81\x88 \xa0\xfc\xe0\xb1\x8f\xdfX\xebNu\xd1" \x01 \xaa\xa4\x14\xd7\xf6\xa2=\x9b\x96}\x0e\xc0\x95R\xa8\xd4\xb8\xc1=[fxBa\xd3f@Mu\xf0\xba+.\xfc\xed\x95YR"\x00\xe7\x9c\xff\xe9O\x7f2M\x93\xd6\x01V@\x05 \xc1\xe9\xcd\x9f\xcd\x9b7\xcf\x9b7O\x08\x81\x88L\xa9\xdc\xc1O\xb8\xd33\xa4\x19f\x9cs\x10a\x7fu\xdb.\xb9\x9d\xaf\x1d\xa4\x10\xf5\x80\xc8U\x0b&gt;-\xff\xe6\x98\xdda\xd0% \xdeq\xc6\xa4)?|u\x15\xa2\xd2\x9b\xfb]\xb3[&lt;: \'\xe0\x0b\x89\x13\x0f|\xa0TS\x1e\xc8MM\xb2K)\x85\x80={\xf6\xbc\xf2\xca+t\x12`\x05T\x00\x12\x9c&gt;\xfe\x1d5jT(\x14\xe2 P\x9a\x17\\|E\xa7k\xee\x0eV\x1d\x07Q\xfb\x18 \x80\x08\xfb}\xb9\x83F;\x92R\x14"\x08\xa8\xa9\n,\xfa\xeb\ng\x92S\xb7\x8a\x938%%&amp;\xa7\xbb\x8b\x17m\xd9\xbb\xed \x08P\x88J\xb1\xa9#r\x9d\x0eCJ\xa5\x8f\xfa\x01x\xc0\x1f\xee\xd8!\xe3\xb1[s\x10\x15g\x8cs^XX\xe8\xf5z\x01\x80\xee\x00\x12\x1b\x15\x80D\xa6[?\x17.\\\xb8f\xcd\x1a\xc30\xa44\x85a\xcb\xbb\xef)\x94\xe6\xbf\xf5\xf8sn\x86\x83\x9e\xe6\xadz\xdf\x95\xaf\x1f\x0e\xe3\xc07\xaf\xd8\xb9{\xe3~W\x92\x83j@\x9cR\x8a\x19\x86\xa88R\xbd\xf4\x8d"\xce\xb9\xe0L\xa2\xba#7\xfb\xba+.\xac\xf1\x85\x84\xf8\xf1\x0b \x04\x04\xab\x82#\x07vo\x7f~\xaa)\xa5a\x08\xaf\xd7\xabO\x8ch\x11\x90\xd8\xa8\x00$,}\xef\xa6\xfb:\x18c\x8c\x83B\xbc\xe8\xca[\xdbv\xe9\x13\xf6W\xf3\x7f\x9f\xfb\x08B\x84j\xaa.\xbbyDz\xabv(\x11\x00\xcc\x88|\xef\xc5e\xa0;\xc6I\x1cB\x89Ii\xae\xe5o\x15\xffp\xc8\x0b\xc0%*\xbbML\x18\xd6K\xfdGE\xe7\x9cELy\xdeyI\x05\xf7\xf4P\x8a\xa9\x93z\xc6h#(\xb1Q\x01HXz\xec\xcf\xf4\xe9\xd3KKK\r\x9bM\x9a\x11grZ\xdf\xa1c\xc3\xfej\xdd\xed\xf3\xef\xb8Bis\xb8\xae\x1a&gt;\x8e1\x85\xa8@@\xe9\xb6oJ\x96lMNsI:\r\x8e7\x88\xca\x99d?\xf8\xe5\xf7\xab\x17n\xe4P\xdb\xfa\x99\x7f\xfbe\x9d/j\xe9\xf7\x87\x01N}\xd2\xc3\x10PS\x19\x18\xde\xbfS\x9f\xce\xadL\x89\x86\x00\xfd\xd4\x08\x1d\x05\'6*\x00\x89I\x9f\xfd\xee\xdb\xb7o\xda\xb4i\x00\xa0\x14SJu\xbdyD\xfa\x05Yf8\xc8~\xeaI/\x0e"TS\x95\xd5\xb3\x7f\xdb.}\x14"\xe7\xc08{\xff\xe5\x95\x95\xc7|\x86!\xe8"\x10w@\xc0\xa2\x97\x96\x07|A\x01\\\xa2j\x99\xee~\xfc\xcen\xe1@X\x9cf\xe8\xbfb\xcc0`\xfc\x90\x9e\x00\\\xa24\x84X\xb6l\xd9\xc2\x85\x0b\xa9%4\x81Q\x01HL\xfa\xecw\xe2\xc4\x89UUUB\x18\xd2\x8c\xa4\xb7j\xd7\xf3\xce?\x04\xab\xbd\xf0\xb3\xa3\xbe\x14\xca\xabG\x8c\x17\x86\r\x11\x05\xc0\xd1\xc3\xde\xe5\xb3\x8b\x93\xd3\xdc\xd4\x12\x1aGPbR\x8asgq\xe9\xd6\xd5_\x82\xa8-\xff\x93\xee\xeb\x9d\xd92%\x146O\xf7\x9c\xb7\x00^S\x1d\xbc\xaeW\xfbAWu\x94R\xe9\x96\xd0\xa7\x9ez*\x1c\x0e\xd3: QQ\x01H@\xfa\xec\xb7\xa8\xa8h\xce\x9c9B\x18\xa6\x94\x8c\xb1\xab\x86\x8f\xb3\xb9\x92\x15\xca\x9f\x19\xf1\xc6\x01\xc2\x01_f\x87\xae\xdd~\xf3\x90BT\x0c8\xf0\xd5\x0b7~\xfd\xc5!\xa7\xdbN\x97\x80x\x01\x02\x82\xfe\xf0\xa2\x97\x963\xce\x04\xe7Rb\x9f\xce\xadF\xdc\xd4\xb9\xa6*`\xfc\xec\xaco\x0e\x10\x0e\x84\xa7\x8c\xc8m\xe6qFLi\x18\xa2\xb4\xb4t\xfa\xf4\xe9t\x12\x90\xa8\xa8\x00$&amp;)eaa\xa1\x94\x92\x03(\x94m\xbb\xf4\xc9\xea\xd9?\xe4\xab\xe4?\xb1\xfb\xffo\x00D8\xe0\xbb|\xc0\xc3\xee\xb4\xe6\xfa00\xe0\x0b~\xf4\xea\x1a\xbb\xd3F\xed@qAJLJq\x95|\xb0\xed\xe0\x9e\xef\xf5\x85[\x00\x1f?\xb8\xa70\xe0\x17+8p\x16\n\x99mZ\xa7\xfdq@\x8eR\x8a)\x05\x1cf\xcc\x98QVVF\x1dA\t\x89\n@\xa21MS\x081w\xee\xdc\xa2\xa2"\xc3\xb0Ii\x82\x10W\x8f\x18\xaf\xf0\xcc\xb6q97\xc3\xc1\x94\x16\xads\xef\x1d\xa3\x14*\xc5\x00\xf8g\xcb?\xdf^\xb4\')\xc5E5 \xc6)\xa5\xecv\xe3\xe8\xf7\x15K^Y\x19m\xfd\xbc\xa7\xdfE\xd7\xf5n_S\x1d\x14\xffq\xf6\xfb\x9f\x84\x80@u\xf0\x89\xbb{d\xb7J\xd5\x8b\x80\xe3\xc7\x8f\x17\x14\x14\xd03\x01\t\x89\n@B\xd1S\x1f\xaa\xaa\xaa&amp;L\x98\xc09(\xc6\x14b\xe7k\x07\xb5\xcc\xce\t\x07|\xfc\xcc"\xbfA\x18A_E\xa7k\xee\xcah\xd7\x19\x119\x00\xa2\xfa\xf0\xd5U\xd2\x944&amp;4\xc6!*g\x92c\xc5\x9c\xf5U\xc7|\xba\xf535\xc9\xfe\xf4\xe0\x9e\x91`\x84\x9f\xc1\xd5\x9f\xe9\'\x87\xa5r\'\xd9\x9f\x19\xda\x8b1\x86(\xf5\xfd\xc4\x96-[j\x9f$\'\t\x84\n@B\xd1\xcd?\xd3\xa6M\xdb\xb7o\x9f\x10\x02\xa5\xe9HJ\xcd\x1d4:\x12\xf4\xffT\xeb\xe7i))m\xce\xa4\xbca\x05L)D\x06\x02\xf6n;\xb8\xee\xbd\xcd\xc9\xa9nj\t\x8dY\x88\xca\xe5v\x1c\xd8\xf5\xdd\xcay%\xd1\xd6\xcf\xc7n\xcd\xb9\xf8\xa2\x8c` \x02g\\\xbd\x85\xe05\xd5\xc1!7\\\xa2[B\x05\xf0p8\x9c\x9f\x9f/\xa5\xa4E@\x82\xa1\x02\x908t\xe3\xbf&gt;\xb5\x13 t\xe4c\xef\xbb\xfe\x9f\xa7\xf9\x05\xa7k\xfd&lt;\x1d.D\xc8W\xd1\xae\xfb5\xd9=\xfb+\x94\x8cs\xce\xf9\xfb/\xaf&lt;\xf6}\x85\xddN\x03\x82b\x14g\x8c\x0b\xbep\xe6R3"\x05p\x89\xd8.3e\xe4\xc0\xee\xc1\xaa\xa08\xcb\x9cg\xc5\x98\x94\xf8\xdc\x83}\x0c\x01\xa6\x94\x86a\xac]\xbbv\xee\xdc\xb9\xd4\x12\x9a`\xa8\x00$\x0e}]\xae\xed\xdb\x13\x02Qf\xb4\xeb\xdc\xf5\x96\x07B5\x95?\xdf\xfay\x1a\x1c\xa5\xcc\x1b\xf6\xa4\xc3\xedQ\xa8\x00\xa0\xea\xb8o\xf9\x9c\xf5\x0e\x1a\x0e\x11\x93P\xa2\xcb\xe3\xdc\xb6z\xf7\xeeM\xfb\xf5\xd4O\xa5\xd8\xa4\xfbz\x9f\xd7\xcc\x1d9\xfb\xbd;\x01&lt;\xe0\x0f\xf7\xbe\xac\xcd\x83\xfd;!*\xce\x14p&gt;a\xc2\x84\xca\xcaJj\tM$T\x00\x12\x84n\xfd\\\xb3f\xcd\x8fO\xee(\x957\xac\xc0p\xb8\x94\xfc\xb9\xd6\xcf\xd3\xe1\x00a\x7fuF\xfbK/\xbb\xe9~\x85\xa8\x18\xe7\xc0W\xce+\xf9\xe6\x8bC4 (\x06\t\x01\xa1@\xe4\x9dYK\x19c\x02@J\xd5\xa7s\xab!7\\RS\x15\xfc\xf9\xd6\xcf\xd3\x01\x80\xb0?&lt;aX\xaf\xb4d\x87)\xa50\xc4\xbe}\xfbf\xcd\x9a\x05\x00\xb4\x08H\x18T\x00\x12\x81~\xec+\x14\n\x8d\x1a5\x8as\xae[?;\xf4\xba\xe9\xc2\xee\xd7\x84|\x15\xfc\\n\xff\x19\xd3\xa7\xc1\xd5\xde\xcbo\x7f$\xb5e[\x85R\x0f\x08Z\xf2\xca\xaa3&lt;N$\x8dFJty\x9c\xab\x17n(?x\x0c\x04HD\xbbM&lt;\xf7@\x1f)\xcf\xbdPs\xceBa\xb3e\x86g\xdc\xe0\x9ez@\x90\x00\xf1\xc2\x0b/\xd4\x1e/\xd1ipB\xa0\x02\x90\x08\xf4\xd9\xef\xfc\xf9\xf37o\xde\xaco\xff\x85a\xcb\xbdw\xb4\x9e\xef\x7f\xee\xff\xbf\x9cK3\x9c\xdc,\xb3\xe7\x9d\x7f\xd4[\n\x00|\xeb\xaa/v\x16\x97&amp;y\x9ct\x1a\x1c#t\xeb\xe7\xf1\xb2\xca\x8f^]\xad[?\x11\xd5\xdd};\xf4\xee\xd6&amp;\xe0\x0f\x9fI\xeb\xe7\xe9\x08\x01\x01_\xe8\xd1\xdb\xbat\xb8 \xcd\x94(\x04TVVN\x9c8\x91\x9e\tH\x18T\x00\xe2\x9e\xbe\xfd\xf7z\xbdc\xc7\x8e\x05\x00\xc5\xb8B\xec\xf6\x9b\x87Zf\xe7\xfc\xe7\xd4\xcf\xb3\x05\xc2\x08T\x1e\xbb\xf4\xbaA\x17\\\xdc\x03\xa5\xe4 \x18g\x8b^Z\x1e\nF\xce\xf6\\\x914\x10\x85\xca\x99\xecX\xf2\xcaJ\x7fu\x10\x80\x9bR5\xf38\'\x8f\xc8\r\xd7\x84\xa1n\x9f&gt;gL\xa2r:m3\xfe+\x8f1&amp;\xa5i\x081g\xce\x9c\xb5k\xd7\x1a\x86A\x1bA\t\x80~\xc3qO\xdf\xfe\x17\x16\x16\x96\x95\x95\x01\x08)MwZ\xf3\xcb\x07&lt;\x1c\x0e\xf8\xce\xaa\xf5\xf3\xf4\x14\x08\xa3\xf7\xdd#\xf5\x03\x01\x00pp\xcf\xf7\xab\x16lp\xd3" \x06\xe8\xc6\xff\xdd\x1b\x0f\x14/\xde\xa2[?\x95R\x7f\x1c\x90\xd3\xb6u\xda\xcf\x8c\xfd9s\x02x\x8d/tkn\xfbk\xbb\xb6\x91\xa88p)e~~~(\x14\xa2\xd3\xe0\x04@\x05 \xbe\xe9\xab\xff\x89\x0c?\x81J1\xa5\xfa\x0c\x1a\x93\xd2\xa2\xf5\xd9\xb6~\x9e\x0e\x07\x11\xf4Ud\xf5\xb8\xfe\xd7}\x06(\x94\x9c\x03\xe7\xfc\xa3\xd7V\x1f/\xab\xa4\xcc\xc8&amp;\xc7\x19\x03\x01\xef\xbd\xb8LJ\x14\x00Rb\x87\xd6iO\xdc\xdd#P}\xd6\xad\x9f?C\xa2\x9a\xf9\xbb&lt;\xbbMH)\r\xc3\xd8\xb2e\xcb\xfc\xf9\xf3i@P\x02\xa0\x02\x10\xdf\xf4\xfe\x8fN\xf1\x06\xa1\x13\x1f{\\z\xfd\x90@\xf5\x8f\x89\x8fu\x07 \xc2\x81\x9a\xbe\xc3\x9et&amp;\xa7\xa1\x94\x1c\xc0_\x1d\\\xf2\xcaJ\x87\xcb\xfe\x9f\xe9"\xa4\xd1H\x89\xee\x14W\xc9\x92\xad\xa5\xdb\xbe\xa9M|dl\xc6Cyn\xb7-\x9a\xf8Xw\x00\xdc\xef\x0fw\xf9uf\xfe\xed\x97\xd5\xb6\x84\x02\x8c\x1d;\xf6\xf8\xf1\xe3\xb4\x08\x88wT\x00\xe2\x98n\xfd\\\xb6l\xd9\xb2e\xcb\x84\x10\x88\x92\x03\xf4\xbe{$\x08\x83\xd5\xef\xcf\x92s3\x1cHo\xd5\xbe\xeb\xcd#\xf4\x0f\x9e\x03/^\xbc\xe5\xeb]\x87\x9cnj\tm\x1a\x8a1C@\xb0&amp;\xf4\xc1\xdfV1\xc6\xf4\xd8\x9fk\xbb\xb6\xb95\xb7\xfd)\x89\x8fu\'\x00\xc2\xfe\xf0\xe3wvk\x99\xee\x96\x12\x85\x80\xb2\xb2\xb2\x993g\xd2" \xdeQ\x01\x88W\xfa\xde_\xc761\xc69\x08\x94\xb2c\xeemYW\\\x1f\xf4U\xfc\xe2\xd4\xcf\xb3\x05B\x04\xab\xbd=\xef\xfcCZ\xe6\x85(%\x00H\x89\x0b_X\xca\x05\xcd\x07j\x1a(\xd1\x9d\xeaZ\xfa\xc6\xda#\xdf\x1d\x17\x02$*C\xc0\xcc\xdf\xe5\xd5\xa1\xf3\xf3\xb4tKhf\xcb\x94\x89\xc3z\xa3R\nQ\x00&lt;\xff\xfc\xf3\xa5\xa5\xa5T\x03\xe2\x1a\x15\x80x\x85\'\x05\xb7\nCHi:\xdc\x9e\xdew\xe7G\x82\x81:v\xfe\x9c\x06W\xd2\xb4\xbb=W\xde3\x921\xa6\x90q\xe0\xbb7\xed\xdf\xb6z\xb7\xdb\xe3\xa4\xb8\x98F\xa6\x94\xb2;l\xe5\xdf\x1c[\xb5\xe0S\xcek\xc7\xfe&lt;\xd8\xbfS\x97\x8e-\x03?\x95\xf8Xw\x86\x80@up\xe8\xf5\x17w\xcdn!\x11\x85\x00\x1d7M\xbb@q\x8d\n@\\BD\xceyYYYaa!\xe7\x9c1\xae\x10/\xbb\xe9\xfe\x96Y9\x91\x80\x8f\xf3\x06\xf9X\xb90\x82\xd5\x15\x9d\xae\xbd\xe7\x82\x8b\xaf@\x94\xba\xc5\xe8\x9dYK\x03\xfe\xb0\x10@\xd7\x80\xc6\x84\xa8\x9cn\xfb\xa2\x97\x96\xd7T\x05\x84\x00D\x95\x96\xec\x980\xacW8\x10\xa9c\xeb\xe7\xcf\x90R\xb9\xdd\xf6\xa9#r\x95b\x12Q\x08\xb1p\xe1B\xbd\xfdH-\xa1q\x8a\n@\\\xd2c\x9f\x0b\n\n\xbc^\xaf0lR\x9a\xa9\x19mz\xdc\xfeH\xb0\xda[\x8fg\xbf?\t\xa5\x99w\xdfS \x04"\x82\x80\xf2\x83\xc7&gt;~c\xad;\xd5E\x8b\x80F\x83\xa8\x92R\\\xdb\x8b\xf6lZ\xf6\xb9\x1e\xfb\x83J\x8d\x1b\xdc\xb3e\x86\xa7^Z?OGO\t\xbd\xee\x8a\x0b\x7f{e\x96\x94\xa83#u\x03\x02\xad\x03\xe2\x14\x15\x80\xf8\xa37\x7f6o\xde&lt;o\xde\xbc\xda\x87\xf2\x95\xca\x1d\xfc\x84;=C\x9a\xe1zi\xfd&lt;\x1d= \xa8m\x97\xdc\xce\xd7\x0e\xd2\x8f\x19s\xceW-\xf8\xb4\xfc\x9bc\xd4\x12\xdah8c\xd2\x94\x1f\xbe\xbaJ?\x96\x81\x88]\xb3[&lt;: \'\xe0\x0b5\xc2\xd3y(\xd5\x94\x07rS\x93\xecRJ!\xa2-\xc8t\x12\x10\x97\xa8\x00\xc4\x1f}\xfc;j\xd4\xa8P(\xc4A\xb7~^\xd1\xe9\x9a\xbb\x83U\xf5\xd9\xfay:\x00"\xec\xf7\xe5\x0e\x1a\xedHJQ\x88 \xa0\xa6*\xb0\xe8\xaf+\x9cINj\x07j\x04Rbr\xba\xbbx\xd1\x96\xbd\xdb\x0e\xd6\xb6~*6uD\xae\xd3a\xd4c\xeb\xe7\xe9\x00\xf0\x80?\xdc\xb1C\xc6c\xb7\xe6 *\xce\x18\xe7\xbc\xb0\xb0\xd0\xeb\xf5RdX&lt;\xa2\x02\x10gt\xeb\xe7\xc2\x85\x0b\xd7\xacYc\x18\x86\x94\xa60ly\xf7=\x85\xd2\xac\xd3\xd8\x9f3\xc7\xb9\x19\x0ez\x9a\xb7\xea}W\xbe\x1e\x10\xc4\x81o^\xb1s\xf7\xc6\xfd4%\xb4\xa1)\xc5\x0cCT\x1c\xa9^\xfaFQ4\xf1\xf1\x8e\xdc\xec\xeb\xae\xb8\xb0\xde[?OG\x08\x08V\x05G\x0e\xec\xde\xfe\xfcTSJ\xc3\x10^\xafW\x9fE\xd1" \xeeP\x01\x88\'\xfa\x0eKw_0\xc6\x18\x07\x85x\xd1\x95\xb7\xb6\xed\xd2\xa7\xeec\x7f\xce\x1c\x08\x11\xaa\xa9\xba\xec\xe6\x11\xe9\xad\xda\xa1D=%\xf4\xbd\x17\x97\x81\x00F\xd7\xff\x86\x84\x12\x93\xd2\\\xcb\xdf*\xfe\xe1\x90W\'&gt;\xdamb\xc2\xb0^\x8d\xf98\x1e\xe7,b\xca\xf3\xceK*\xb8\xa7\x87\x9e\x12\x1a\xedF\xa3\x8d\xa0\xb8C\x05 \x9e\xe8\xcc\xaf\xe9\xd3\xa7\x97\x96\x96\x1a6\x9b4#\xce\xe4\xb4\xbeC\xc7\x86\xfd\xd5\xf54\xf6\xe7\x0cq\x85\xd2\xe6p]5|\x1cc\nQ\x81\x80\xd2m\xdf\x94,\xd9\x9a\x9c\xe6\xa2\x01A\r\x04Q9\x93\xec\x07\xbf\xfc~\xf5\xc2\x8d\xd1\xc4\xc7\xfc\xdb/\xeb|QK\x7f\xc3\xb4~\x9e\x8e!\xa0\xa620\xbc\x7f\'\x9d\x19i\x08\xd0\xcf\xa3\xd0Qp\xdc\xa1\x02\x107\xf4\xd9\xef\xbe}\xfb\xa6M\x9b\x06\x00J1\xa5T\xd7\x9bG\xa4_\x90U_c\x7f\xce\x1c\x07\x11\xaa\xa9\xca\xea\xd9\xbfm\x97&gt;\n\x91s`\x9c\xbd\xff\xf2\xca\xcac&gt;\xc3\x10t\x11h  `\xd1K\xcb\x03\xbe\xa0\x00.Q\xb5Lw?~g\xb7p ,\x1ak\xf1\x17\xa5\x183\x0c\x18?\xa4\'\x00\x97(\r!\x96-[\xf6c\x18\x11\x89\x13T\x00\xe2\x86&gt;\xfb\x9d8qbUU\x95\x10\x864#\xe9\xad\xda\xf5\xbc\xf3\x0f\xc1j\xef9%&gt;\xd6\xc7KBy\xf5\x88\xf1\xc2\xb0!\xa2\x008z\xd8\xbb|vqr\x9a\x9bZB\xeb\x1dJLJq\xee,.\xdd\xba\xfaK\x10\xb5\xe5\x7f\xd2}\xbd3[\xa64h\xeb\xe7\xe9\x08\xe05\xd5\xc1\xebz\xb5\x1ftUG)\x95n\t\xad\x8d#\xa5u@\xfc\xa0\x02\x10\x1f\xf4\xd9oQQ\xd1\x9c9s\x840L)\x19cW\r\x1fgs%+&lt;\x97\xc4\xc7\xba\xe3\x00\xe1\x80/\xb3C\xd7n\xbfyH!*\x06\x1c\xf8\xea\x85\x1b\xbf\xfe\xe2\x90\xd3m\xa7K@\xfd\x02\x01A\x7fx\xd1K\xcb\x19g\x82s)\xb1O\xe7V#n\xea\\S\x158\xb7\xc4\xc7\xba\xe3\x00\xe1@x\xca\x88\xdcf\x1eg\xc4\x94\x86!JKK\xa7O\x9fN\'\x01q\x84\n@\xdc\x90R\x16\x16\x16J)u\xe2c\xdb.}\xb2z\xf6\x0f\xf9*\xeb}\xec\xcf\x99\x03\x10\xe1\x80\xef\xf2\x01\x0f\xbb\xd3\x9a\xeb\xc3\xc0\x80/\xf8\xd1\xabk\xecN\x1b\xb5\x03\xd5#)1)\xc5U\xf2\xc1\xb6\x83{\xbe\xd7\x97W\x01|\xfc\xe0\x9e\xc2\x80&amp;\xac\xb3\xc0Y(d\xb6i\x9d\xf6\xc7\x019J)\xa6\x14p\x981cFYY\x19u\x04\xc5\x0b*\x00q\xc04M!\xc4\xdc\xb9s\x8b\x8a\x8a\x0c\xc3&amp;\xa5\tB\\=b\xbc\xc2\xa6\xdel\xe5\xdc\x0c\x07SZ\xb4\xce\xbdw\x8cR\xa83#?[\xfe\xf9\xf6\xa2=I).\xaa\x01\xf5B\'&gt;\x1e\xfd\xbeb\xc9++\xa3\xad\x9f\xf7\xf4\xbb\xe8\xba\xde\xedk\xaa\x83uI|\xac;! P\x1d|\xe2\xee\x1e\xd9\xadR\xf5"\xe0\xf8\xf1\xe3\x05\x05\x05\xf4L@\xbc\xa0\x02\x10\xeb\xf4\xd4\x87\xaa\xaa\xaa\t\x13&amp;p\x0e\x8a1\x85\xd8\xf9\xdaA-\xb3s\xc2\x01_\xa3\xb5~\x9e\x0e\x08#\xe8\xab\xe8t\xcd]\x19\xed:#\xa2N\r\xfb\xf0\xd5U\xd2\x944&amp;\xb4^\xe8\xcc\xaf\x15s\xd6W\x1d\xf3\xe9\xd6\xcf\xd4$\xfb\xd3\x83{F\x82\x11\xde\xa4W\x7f\xa6\x9fI\x96\xca\x9dd\x7ffh/\xc6\x18\xa2\xd4w*[\xb6l\xa1\xe0\xf8\xb8@\x05 \xd6\xe9\xe6\x9fi\xd3\xa6\xed\xdb\xb7O\x08\x81\xd2t$\xa5\xe6\x0e\x1a\x1d\t\xfa\x1b\xb7\xf5\xf3\xb4\x94\x946gR\xde\xb0\x02\xa6\x14"\x03\x01{\xb7\x1d\\\xf7\xde\xe6\xe4T7\xb5\x84\xd6\x11\xa2r\xb9\x1d\x07v}\xb7r^I\xb4\xf5\xf3\xb1[s.\xbe(#\x18\x88@\x0c\xd4X= h\xc8\r\x97\xe8\x96P\x01&lt;\x1c\x0e\xe7\xe7\xe7K)i\x11\x10\xfb\xa8\x00\xc44\xdd\xf8\xaf\xcf\xd6\x04\x08TJ)\xd5\xfb\xae\xff\xe7i~A\xe3\xb7~\x9e\x0e\x17"\xe4\xabh\xd7\xfd\x9a\xec\x9e\xfd\x15J\xc69\xe7\xfc\xfd\x97W\x1e\xfb\xbe\xc2n\xa7\x01Au\xc2\x19\xe3\x82/\x9c\xb9\xd4\x8cH\x01\\"\xb6\xcbL\x199\xb0{\xb0\xaa&gt;\x13\x1f\xebH1&amp;%&gt;\xf7`\x1fC\x80)\xa5a\x18k\xd7\xae\x9d;w.\xb5\x84\xc6\xbeX\xf9\x0e\x91\x9f\xa4\xaf\x9e\xb5\xdduB \xca\x8cv\x9d\xbb\xde\xf2@\xa8\xa6\xb2\xa9Z?O\x83\xa3\x94y\xc3\x9et\xb8=\n\x15\x00T\x1d\xf7-\x9f\xb3\xdeA\xc3!\xea\x00%\xba&lt;\xcem\xabw\xef\xde\xb4_O\xfdT\x8aM\xba\xaf\xf7y\xcd\xdc\x91X\xdaa\x13\xc0\x03\xfep\xef\xcb\xda&lt;\xd8\xbfSmf$\xe7\x13&amp;L\xa8\xac\xac\xa4\x96\xd0\x18G\x05 v\xe9\xd6\xcf5k\xd6\xfc\xf8|\x8dRy\xc3\n\x0c\x87K\xc9\xa6i\xfd&lt;\x1d=%4\xa3\xfd\xa5\x97\xddt\xbfBT\x8cs\xe0+\xe7\x95|\xf3\xc5!\x1a\x10t\xce\x84\x80P \xf2\xce\xac\xa5\x8c1\x01 \xa5\xea\xd3\xb9\xd5\x90\x1b.\xa9\xa9\n6U\xeb\xe7\xe9\x00@\xd8\x1f\x9e0\xacWZ\xb2\xc3\x94R\x18b\xdf\xbe}\xb3f\xcd\x02\x00Z\x04\xc4\xb2\xd8\xfa\x1a\x91(\xfd\xd8W(\x14\x1a5j\x14\xe7\\\xb7~v\xe8u\xd3\x85\xdd\xaf\t\xf9*xl\xdd\xfe3\xa6O\x83\xab\xbd\x97\xdf\xfeHj\xcb\xb6\n\xa5\x1e\x10\xb4\xe4\x95UM~P\x19\xa7\xa4D\x97\xc7\xb9z\xe1\x86\xf2\x83\xc7@\x80D\xb4\xdb\xc4s\x0f\xf4\x91\r\x11\xf9Xg:3\xb2e\x86g\xdc\xe0\x9ez@\x90\x00\xf1\xc2\x0b/\xd4\x1e\\\xd1ip\xac\xa2\x02\x10\xa3\xf4\xd9\xef\xfc\xf9\xf37o\xde\xaco\xff\x85a\xcb\xbdw\xb4\x9e\xc2\xdf\xd4\xaf\xee\xa7p.\xcdpr\xb3\xcc\x9ew\xfeQoV\x00\xf0\xad\xab\xbe\xd8Y\\\x9a\xe4q\xd2i\xf0Y\xd1\xad\x9f\xc7\xcb*?zu\xb5n\xfdDTw\xf7\xed\xd0\xbb[\x9b\x80?\xdc\xb4\xad\x9f\xa7#\x04\x04|\xa1Go\xeb\xd2\xe1\x824S\xa2\x10PYY9q\xe2Dz&amp; \x96Q\x01\x88E\xfa\xf6\xdf\xeb\xf5\x8e\x1d;\x16\x00\x14\xe3\n\xb1\xdbo\x1ej\x99\x9d\xd3\x98S?\xcf\x16\x08#Py\xec\xd2\xeb\x06]pq\x0f\x94\x92\x83`\x9c-ziy(\x18\x89\x9d\x13\xcb\xb8\xa0P9\x93\x1dK^Y\xe9\xaf\x0e\x02pS\xaaf\x1e\xe7\xe4\x11\xb9\xe1\x9ap\xc3%&gt;\xd6\x11gL\xa2r:m3\xfe+\x8f1&amp;\xa5i\x081g\xce\x9c\xb5k\xd7\x1a\x86A\x1bA\xb1)F\xbfL\x16\xa7o\xff\x0b\x0b\x0b\xcb\xca\xca\x00\x84\x94\xa6;\xad\xf9\xe5\x03\x1e\x0e\x07|1\xd2\xfayz\n\x84\xd1\xfb\xee\x91\xfa\x81\x00\x008\xb8\xe7\xfbU\x0b6\xb8i\x11p\xc6t\xe3\xff\xee\x8d\x07\x8a\x17o\xd1\xad\x9fJ\xa9?\x0e\xc8i\xdb:\xadI\xc6\xfe\x9c9\x01\xbc\xc6\x17\xba5\xb7\xfd\xb5]\xdbHT\x1c\xb8\x942???\x14\n\xd1ipl\xa2\x02\x10s\xf4\xd5\xffD\xd2\x9e@\xa5\x98R}\x06\x8dIi\xd1:vZ?O\x87\x83\x08\xfa*\xb2z\\\xff\xeb&gt;\x03\x14J\xce\x81s\xfe\xd1k\xab\x8f\x97URf\xe4\x19\xe2\x8c\x81\x80\xf7^\\&amp;%\n\x00)\xb1C\xeb\xb4\'\xee\xee\x11\xa8\x8e\xa1\xd6\xcf\x9f!Q\xcd\xfc]\x9e\xdd&amp;\xa4\x94\x86al\xd9\xb2e\xfe\xfc\xf94 (6\xc5\xc1\xf7\xc9j\xf4\xfe\x8f\xce\xda\x06\xa1\x13\x1f{\\z\xfd\x90@uc$&gt;\xd6\x1d\x80\x08\x07j\xfa\x0e{\xd2\x99\x9c\x86Rr\x00\x7fup\xc9++\x1d.{c\xe6\x96\xc4))\xd1\x9d\xe2*Y\xb2\xb5t\xdb7\xb5\x89\x8f\x8c\xcdx(\xcf\xed\xb65B\xe2c\xdd\x01p\xbf?\xdc\xe5\xd7\x99\xf9\xb7_V\xdb\x12\n0v\xec\xd8\xe3\xc7\x8f\xd3" \x06Q\x01\x88-\xba\xf5s\xd9\xb2e\xcb\x96-\x13B J\x0e\xd0\xfb\xee\x91 \x0c\x16/?\x1e\xce\xcdp \xbdU\xfb\xae7\x8f\xd0?x\x0e\xbcx\xf1\x96\xafw\x1dr\xba\xa9%\xf4\xe7(\xc6\x0c\x01\xc1\x9a\xd0\x07\x7f[\xc5\x18\xd3c\x7f\xae\xed\xda\xe6\xd6\xdc\xf6\x8d\x96\xf8Xw\x02 \xec\x0f?~g\xb7\x96\xe9n)Q\x08(++\x9b9s&amp;-\x02b\x10\x15\x80\x18\xa2\xef\xfdu\xb8\x12c\x9c\x83@);\xe6\xde\x96u\xc5\xf5A_E\x13N\xfd&lt;[ D\xb0\xda\xdb\xf3\xce?\xa4e^\x88R\x02\x80\x94\xb8\xf0\x85\xa5\\\xc4\xf6\x06VSC\x89\xeeT\xd7\xd27\xd6\x1e\xf9\xee\xb8\x10 Q\x19\x02f\xfe./&amp;;?OK\xb7\x84f\xb6L\x998\xac7*\xa5\x10\x05\xc0\xf3\xcf?_ZZJ5 \xd6P\x01\x88!xR\xbc\xaa0\x84\x94\xa6\xc3\xed\xe9}w~$\x18\x88\xd9\xce\x9f\xd3\xe0J\x9av\xb7\xe7\xca{F2\xc6\x142\x0e|\xf7\xa6\xfd\xdbV\xefv{\x9c\x14\x17\xf3\x93\x94Rv\x87\xad\xfc\x9bc\xab\x16|\xcay\xed\xd8\x9f\x07\xfbw\xea\xd2\xb1e\xa0q\x13\x1f\xeb\xce\x10\x10\xa8\x0e\x0e\xbd\xfe\xe2\xae\xd9-$\xa2\x10\xa0\x83\xaci\x17(\xd6\xc4\xd7e%\x91!"\xe7\xbc\xac\xac\xac\xb0\xb0\x90s\xce\x18W\x88\x97\xddt\x7f\xcb\xac\x9cH\xc0\xc7y\x9c}R\\\x18\xc1\xea\x8aN\xd7\xdes\xc1\xc5W J\xdd\xbc\xf4\xce\xac\xa5\x01\x7fX\x08\xa0k\xc0\x7fBTN\xb7}\xd1K\xcbk\xaa\x02B\x00\xa2JKvL\x18\xd6+\x1c\x88\xc4l\xeb\xe7\xcf\x90R\xb9\xdd\xf6\xa9#r\x95b\x12Q\x08\xb1p\xe1B\xbd\xb1I-\xa1\xb1#\xfe\xbeX\x89J\x8f}.((\xf0z\xbd\xc2\xb0Ii\xa6f\xb4\xe9q\xfb#\xc1jo\\\x9c\xfd\xfe$\x94f\xde}O\x81\x10\x88\x08\x02\xca\x0f\x1e\xfb\xf8\x8d\xb5\xeeT\x17-\x02N\x81\xa8\x92R\\\xdb\x8b\xf6lZ\xf6\xb9\x1e\xfb\x83J\x8d\x1b\xdc\xb3e\x86\'\xc6[?OGO\t\xbd\xee\x8a\x0b\x7f{e\x96\x94\xa83#uk\x03\xad\x03b\x07\x15\x80\x98\xa07\x7f6o\xde&lt;o\xde\xbc\xdaG\xe7\x95\xca\x1d\xfc\x84;=C\x9a\xe1\x18o\xfd&lt;\x1d= \xa8m\x97\xdc\xce\xd7\x0e\xd2\x0f0s\xceW-\xf8\xb4\xfc\x9bc\xd4\x12z\n\xce\x984\xe5\x87\xaf\xae\xd2\x0fO b\xd7\xec\x16\x8f\x0e\xc8\t\xf8Bq\xd1\xfay:(\xd5\x94\x07rS\x93\xecRJ!\xa2\xcd\xcdt\x12\x10+\xe2\xf8\xbb\x95H\xf4\xf1\xef\xa8Q\xa3B\xa1\x10\x07\xdd\xfayE\xa7k\xee\x0eV\xc5G\xeb\xe7\xe9\x00\x88\xb0\xdf\x97;h\xb4#)E!\x82\x80\x9a\xaa\xc0\xa2\xbf\xaep&amp;9\xa9\x1d(JJLNw\x17/\xda\xb2w\xdb\xc1\xda\xd6O\xc5\xa6\x8e\xc8u:\x8c\xb8h\xfd&lt;\x1d\x00\x1e\xf0\x87;v\xc8x\xec\xd6\x1cD\xc5\x19\xe3\x9c\x17\x16\x16z\xbd^\x8a\x0c\x8b\x11T\x00\x9a\x9en\xfd\\\xb8p\xe1\x9a5k\x0c\xc3\x90\xd2\x14\x86-\xef\xbe\xa7P\x9a1:\xf6\xe7\xccqn\x86\x83\x9e\xe6\xadz\xdf\x95\xaf\x07\x04q\xe0\x9bW\xec\xdc\xbdq?M\t\xd5\x94b\x86!*\x8eT/}\xa3(\x9a\xf8xGn\xf6uW\\\x18G\xad\x9f\xa7#\x04\x04\xab\x82#\x07vo\x7f~\xaa)\xa5a\x08\xaf\xd7\xabO\xb9h\x11\x10\x0b\xa8\x0041}\x1f\xa4{$\x18c\x8c\x83B\xbc\xe8\xca[\xdbv\xe9\x13\xcbc\x7f\xce\x1c\x08\x11\xaa\xa9\xba\xec\xe6\x11\xe9\xad\xda\xa1D=%\xf4\xbd\x17\x97\x81\x00F\xd7\x7f\xc6PbR\x9ak\xf9[\xc5?\x1c\xf2\xea\xc4G\xbbML\x18\xd6+1\x1e\x9a\xe3\x9cELy\xdeyI\x05\xf7\xf4\xd0SB\xa3}n\xb4\x11\x14\x0b\xe2\xfe\xfa\x12\xeft\xe6\xd7\xf4\xe9\xd3KKK\r\x9bM\x9a\x11grZ\xdf\xa1c\xc3\xfe\xea\x98\x1f\xfbs\x86\xb8Bis\xb8\xae\x1a&gt;\x8e1\x85\xa8@@\xe9\xb6oJ\x96lMNsY|@\x10\xa2r&amp;\xd9\x0f~\xf9\xfd\xea\x85\x1b\xa3\x89\x8f\xf9\xb7_\xd6\xf9\xa2\x96\xfexk\xfd&lt;\x1dC@Me`x\xffN:3\xd2\x10\xa0\x9ft\xa1\xa3\xe0X@\x05\xa0)\xe9\xb3\xdf}\xfb\xf6M\x9b6\r\x00\x94bJ\xa9\xae7\x8fH\xbf +\xf6\xc7\xfe\x9c9\x0e"TS\x95\xd5\xb3\x7f\xdb.}\x14"\xe7\xc08{\xff\xe5\x95\x95\xc7|\x86!,~\x11\x00\x01\x8b^Z\x1e\xf0\x05\x05p\x89\xaae\xba\xfb\xf1;\xbb\x85\x03a\x11\xff\x8b\xbf(\xc5\x98a\xc0\xf8!=\x01\xb8Di\x08\xb1l\xd9\xb2\x1fc\x8eH\xd3I\x9c/Y&lt;\xd2g\xbf\x13\'N\xac\xaa\xaa\x12\xc2\x90f$\xbdU\xbb\x9ew\xfe!X\xed\x8d\xb1\xc4\xc7z\xa0P^=b\xbc0l\x88(\x00\x8e\x1e\xf6.\x9f]\x9c\x9c\xe6\xb6lK(JLJq\xee,.\xdd\xba\xfaK\x10\xb5\xe5\x7f\xd2}\xbd3[\xa6\xc4i\xeb\xe7\xe9\x08\xe05\xd5\xc1\xebz\xb5\x1ftUG)\x95n\t\xad\r:\xa5u@\x93\xa2\x02\xd0d\xf4\xd9oQQ\xd1\x9c9s\x840L)\x19cW\r\x1fgs%+\x8c\xad\xc4\xc7\xba\xe3\x00\xe1\x80/\xb3C\xd7n\xbfyH!*\x06\x1c\xf8\xea\x85\x1b\xbf\xfe\xe2\x90\xd3m\xb7\xe6%\x00\x04\x04\xfd\xe1E/-g\x9c\t\xce\xa5\xc4&gt;\x9d[\x8d\xb8\xa9sMU \xd6\x12\x1f\xeb\x8e\x03\x84\x03\xe1)#r\x9by\x9c\x11S\x1a\x86(--\x9d&gt;}:\x9d\x044\xadD\xfb\x9e\xc5\x17)eaa\xa1\x94R\'&gt;\xb6\xed\xd2\'\xabg\xff\x90\xaf2\x8e\xc6\xfe\x9c9\x00\x11\x0e\xf8.\x1f\xf0\xb0;\xad\xb9&gt;\x0c\x0c\xf8\x82\x1f\xbd\xba\xc6\xee\xb4Y\xb0\x1dHJLJq\x95|\xb0\xed\xe0\x9e\xef\xf5EP\x00\x1f?\xb8\xa70 !\xab!p\x16\n\x99mZ\xa7\xfdq@\x8eR\x8a)\x05\x1cf\xcc\x98QVVF\x1dAM\x88\n@\xd30MS\x081w\xee\xdc\xa2\xa2"\xc3\xb0Ii\x82\x10W\x8f\x18\xaf0q\xb7D97\xc3\xc1\x94\x16\xads\xef\x1d\xa3\x14\xea\xcc\xc8\xcf\x96\x7f\xbe\xbdhOR\x8a\xcbR5@\'&gt;\x1e\xfd\xbeb\xc9++\xa3\xad\x9f\xf7\xf4\xbb\xe8\xba\xde\xedk\xaa\x83\xb1\x99\xf8XwB@\xa0:\xf8\xc4\xdd=\xb2[\xa5\xeaE\xc0\xf1\xe3\xc7\x0b\n\n\xe8\x99\x80&amp;D\x05\xa0\t\xe8\xa9\x0fUUU\x13&amp;L\xe0\x1c\x14c\n\xb1\xf3\xb5\x83Zf\xe7\x84\x03\xbe\x04h\xfd&lt;\x1d\x10F\xd0W\xd1\xe9\x9a\xbb2\xdauFD\x9d\x1a\xf6\xe1\xab\xab\xa4)\x13i\xcb\xfb\x17\xe9\xcc\xaf\x15s\xd6W\x1d\xf3\xe9\xd6\xcf\xd4$\xfb\xd3\x83{F\x82\x11\x9e\xa0W\x7f\xa6\x9fv\x96\xca\x9dd\x7ffh/\xc6\x18\xa2\xd4\xf7@[\xb6l\xa1\xe0\xf8\xa6\x92\xb0\xd7\x9aX\xa6\x9b\x7f\xa6M\x9b\xb6o\xdf&gt;!\x04J\xd3\x91\x94\x9a;ht$\xe8O\x94\xd6\xcf\xd3RR\xda\x9cIy\xc3\n\x98R\x88\x0c\x04\xec\xddvp\xdd{\x9b\x93S\xdd\x16i\tET.\xb7\xe3\xc0\xae\xefV\xce+\x89\xb6~&gt;vk\xce\xc5\x17e\x04\x03\x11H\xe8J\xa8\x07\x04\r\xb9\xe1\x12\xdd\x12*\x80\x87\xc3\xe1\xfc\xfc|)%-\x02\x9a\x04\x15\x80\xc6\xa6\x1b\xff\xf5\t\x98\x00\x81J)\xa5z\xdf\xf5\xff&lt;\xcd/H\xa4\xd6\xcf\xd3\xe1B\x84|\x15\xed\xba_\x93\xdd\xb3\xbfB\xc98\xe7\x9c\xbf\xff\xf2\xcac\xdfW\xd8\xed\x96\x18\x10\xc4\x19\xe3\x82/\x9c\xb9\xd4\x8cH\x01\\"\xb6\xcbL\x199\xb0{\xb0*&gt;\x12\x1f\xebH1&amp;%&gt;\xf7`\x1fC\x80)\xa5a\x18k\xd7\xae\x9d;w.\xb5\x846\x89\xc4\xff\xc2\xc5\x1a}\x8d\xab\xed\x81\x13\x02Qf\xb4\xeb\xdc\xf5\x96\x07B5\x95\x89\xd7\xfay\x1a\x1c\xa5\xcc\x1b\xf6\xa4\xc3\xedQ\xa8\x00\xa0\xea\xb8o\xf9\x9c\xf5\x0e\x0b\x0c\x87@\x89.\x8fs\xdb\xea\xdd\xbb7\xed\xd7S?\x95b\x93\xee\xeb}^3w\xc4\x1a\xfb`\x02x\xc0\x1f\xee}Y\x9b\x07\xfbw\xaa\xcd\x8c\xe4|\xc2\x84\t\x95\x95\x95\xd4\x12\xda\xf8\xa8\x004*\xdd\xfa\xb9f\xcd\x9a\x1f\x9f\x82Q*oX\x81\xe1p)\x99h\xad\x9f\xa7\xa3\xa7\x84f\xb4\xbf\xf4\xb2\x9b\xeeW\x88\x8aq\x0e|\xe5\xbc\x92o\xbe8\x94\xf0\x03\x82\x84\x80P \xf2\xce\xac\xa5\x8c1\x01 \xa5\xea\xd3\xb9\xd5\x90\x1b.\xa9\xa9\n&amp;^\xeb\xe7\xe9\x00@\xd8\x1f\x9e0\xacWZ\xb2\xc3\x94R\x18b\xdf\xbe}\xb3f\xcd\x02\x00Z\x0442\xab|\xe7b\x81~\xec+\x14\n\x8d\x1a5\x8as\xae[?;\xf4\xba\xe9\xc2\xee\xd7\x84|\x15\xdc*\xb7\xff\x8c\xe9\xd3\xe0j\xef\xe5\xb7?\x92\xda\xb2\xadB\xa9\x07\x04-yeU\x02\x1f\x812\xc6\xa4D\x97\xc7\xb9z\xe1\x86\xf2\x83\xc7@\x80D\xb4\xdb\xc4s\x0f\xf4\x91\xf1\x15\xf9Xg:3\xb2e\x86g\xdc\xe0\x9ez@\x90\x00\xf1\xc2\x0b/\xd4\x1e\x89\xd1ip#\xa2\x02\xd0x\xf4\xd9\xef\xfc\xf9\xf37o\xde\xaco\xff\x85a\xcb\xbdw\xb4\x9e\x95\xdf\xd4\xaf\xaeqq.\xcdpr\xb3\xcc\x9ew\xfeQo\x83\x00\xf0\xad\xab\xbe\xd8Y\\\x9a\xe4q&amp;\xe4i\xb0n\xfd&lt;^V\xf9\xd1\xab\xabu\xeb\'\xa2\xba\xbbo\x87\xde\xdd\xda\x04\xfc\xe1Dm\xfd&lt;\x1d! \xe0\x0b=z[\x97\x0e\x17\xa4\x99\x12\x85\x80\xca\xca\xca\x89\x13\'\xd23\x01\x8d\x8c\n@#\xd1\xb7\xff^\xafw\xec\xd8\xb1\x00\xa0\x18W\x88\xdd~\xf3P\xcb\xec\x9c\xc4\x98\xfay\xb6@\x18\x81\xcac\x97^7\xe8\x82\x8b{\xa0\x94\x1c\x04\xe3l\xd1K\xcbC\xc1HB\x9e\x85*T\xced\xc7\x92WV\xfa\xab\x83\x00\xdc\x94\xaa\x99\xc79yDn\xb8&amp;\x1c\x8f\x89\x8fu\xc4\x19\x93\xa8\x9cN\xdb\x8c\xff\xcac\x8cIi\x1aB\xcc\x993g\xed\xda\xb5\x86a\xd0FP\xa3\xb1\xdc7\xaf\xa9\xe8\xdb\xff\xc2\xc2\xc2\xb2\xb22\x00!\xa5\xe9Nk~\xf9\x80\x87\xc3\x01_\xc2\xb7~\x9e\x9e\x02a\xf4\xbe{\xa4~ \x00\x00\x0e\xee\xf9~\xd5\x82\r\xee\x84[\x04\xe8\xc6\xff\xdd\x1b\x0f\x14/\xde\xa2[?\x95R\x7f\x1c\x90\xd3\xb6uZ\x82\x8d\xfd9s\x02x\x8d/tkn\xfbk\xbb\xb6\x91\xa88p)e~~~(\x14\xa2\xd3\xe0FC\x05\xa01\xe8\xab\xff\x89&lt;&lt;\x81J1\xa5\xfa\x0c\x1a\x93\xd2\xa2\xb5\x15Z?O\x87\x83\x08\xfa*\xb2z\\\xff\xeb&gt;\x03\x14J\xce\x81s\xfe\xd1k\xab\x8f\x97U&amp;Xf$g\x0c\x04\xbc\xf7\xe22)Q\x00H\x89\x1dZ\xa7=qw\x8f@\xb5%Z?\x7f\x86D5\xf3wyv\x9b\x90R\x1a\x86\xb1e\xcb\x96\xf9\xf3\xe7\xd3\x80\xa0Fc\xe9/_\xa3\xd1\xfb?:\x11\x1b\x84N|\xecq\xe9\xf5C\x02\xd5\xf1\x9d\xf8Xw\x00"\x1c\xa8\xe9;\xecIgr\x1aJ\xc9\x01\xfc\xd5\xc1%\xaf\xact\xb8\xec\x89\x91\x88\xc2\x18\x93\x12\xdd)\xae\x92%[K\xb7}S\x9b\xf8\xc8\xd8\x8c\x87\xf2\xdcn[\\\'&gt;\xd6\x1d\x00\xf7\xfb\xc3]~\x9d\x99\x7f\xfbe\xb5-\xa1\x00c\xc7\x8e=~\xfc8-\x02\x1a\x07\x15\x80\x06\xa7[?\x97-[\xb6l\xd92!\x04\xa2\xe4\x00\xbd\xef\x1e\t\xc2`\xf4\x15\xe7\xdc\x0c\x07\xd2[\xb5\xefz\xf3\x08\xfd\x83\xe7\xc0\x8b\x17o\xf9z\xd7!\xa7;\x11ZB\x15c\x86\x80`M\xe8\x83\xbf\xadb\x8c\xe9\xb1?\xd7vmskn\xfb\x04H|\xac;\x01\x10\xf6\x87\x1f\xbf\xb3[\xcbt\xb7\x94(\x04\x94\x95\x95\xcd\x9c9\x93\x16\x01\x8d\x83\n@\xc3\xd2\xf7\xfe:\x02\x891\xceA\xa0\x94\x1dso\xcb\xba\xe2\xfa\xa0\xaf"!\xa7~\x9e-\x10"X\xed\xedy\xe7\x1f\xd22/D)\x01@J\\\xf8\xc2R.\x12ak\x0c%\xbaS]K\xdfX{\xe4\xbb\xe3B\x80De\x08\x98\xf9\xbb&lt;\x8bu~\x9e\x96n\t\xcdl\x992qXoTJ!\n\x80\xe7\x9f\x7f\xbe\xb4\xb4\x94j@#\xa0\x02\xd0\xb0\xf0\xa4\x10Ta\x08)M\x87\xdb\xd3\xfb\xee\xfcH0`\xc1\xce\x9f\xd3\xe0J\x9av\xb7\xe7\xca{F2\xc6\x142\x0e|\xf7\xa6\xfd\xdbV\xefv{\x9cq\x1d\x17\xa3\x94\xb2;l\xe5\xdf\x1c[\xb5\xe0S\xcek\xc7\xfe&lt;\xd8\xbfS\x97\x8e-\x03\x89\x92\xf8Xw\x86\x80@up\xe8\xf5\x17w\xcdn!\x11\x85\x00\x1d\x91M\xbb@\x8d\x80\xaeA\r\x08\x119\xe7eee\x85\x85\x85\x9cs\xc6\xb8B\xbc\xec\xa6\xfb[f\xe5D\x02&gt;\xce\xe9\xcd\xaf\xc5\x85\x11\xac\xae\xe8t\xed=\x17\\|\x05\xa2\xd4mQ\xef\xccZ\x1a\xf0\x87\x85\x80\xf8\xbd\x06 *\xa7\xdb\xbe\xe8\xa5\xe55U\x01!\x00Q\xa5%;&amp;\x0c\xeb\x15\x0eD,\xd8\xfa\xf93\xa4Tn\xb7}\xea\x88\\\xa5\x98D\x14B,\\\xb8Po\x99RKh\x83\xa2oa\x03\xd2c\x9f\x0b\n\n\xbc^\xaf0lR\x9a\xa9\x19mz\xdc\xfeH\xb0\xdak\xf1\xb3\xdf\x9f\x84\xd2\xcc\xbb\xef)\x10\x02\x11A@\xf9\xc1c\x1f\xbf\xb1\xd6\x9d\xea\x8a\xd3E\x00\xa2JJqm/\xda\xb3i\xd9\xe7z\xec\x0f*5np\xcf\x96\x19\x1e\xcb\xb6~\x9e\x8e\x9e\x12z\xdd\x15\x17\xfe\xf6\xca,)QgF\xea\xa6\tZ\x074(*\x00\rEo\xfel\xde\xbcy\xde\xbcy\xb5\x0f\xb8+\x95;\xf8\twz\x864\xc3\x96m\xfd&lt;\x1d= \xa8m\x97\xdc\xce\xd7\x0e\xd2\x8fFs\xceW-\xf8\xb4\xfc\x9bcq\xda\x12\xca\x19\x93\xa6\xfc\xf0\xd5U\xfa\x11\x07D\xec\x9a\xdd\xe2\xd1\x019\x01_\xc8\xe2\xad\x9f\xa7\x83RMy 75\xc9.\xa5\x14"\xda6M\'\x01\r\x88\xbe\x88\rE\x1f\xff\x8e\x1a5*\x14\nq\xd0\xad\x9fWt\xba\xe6\xee`\x95\xd5[?O\x07@\x84\xfd\xbe\xdcA\xa3\x1dI)\n\x11\x04\xd4T\x05\x16\xfdu\x853\xc9\x19w\xed@Rbr\xba\xbbx\xd1\x96\xbd\xdb\x0e\xd6\xb6~*6uD\xae\xd3aX\xbc\xf5\xf3t\x00x\xc0\x1f\xee\xd8!\xe3\xb1[s\x10\x15g\x8cs^XX\xe8\xf5z)2\xac\xe1P\x01h\x10\xba\xf5s\xe1\xc2\x85k\xd6\xac1\x0cCJS\x18\xb6\xbc\xfb\x9eBiZn\xec\xcf\x99\xe3\xdc\x0c\x07=\xcd[\xf5\xbe+_\x0f\x08\xe2\xc07\xaf\xd8\xb9{\xe3\xfe\xf8\x9a\x12\xaa\x143\x0cQq\xa4z\xe9\x1bE\xd1\xc4\xc7;r\xb3\xaf\xbb\xe2Bj\xfd\xfc\x19B@\xb0*8r`\xf7\xf6\xe7\xa7\x9aR\x1a\x86\xf0z\xbd\xfa\xfc\x8c\x16\x01\r\x84\n@\xfd\xd3w+\xba\x93\x811\xc68(\xc4\x8b\xae\xbc\xb5m\x97&gt;\xd6\x1c\xfbs\xe6@\x88PM\xd5e7\x8fHo\xd5\x0e%\xea)\xa1\xef\xbd\xb8\x0c\x04\xb0\xb8\xb9\xfe3\x94\x98\x94\xe6Z\xfeV\xf1\x0f\x87\xbc:\xf1\xd1n\x13\x13\x86\xf5J\x98G\xdb\x1a\x08\xe7,b\xca\xf3\xceK*\xb8\xa7\x87\x9e\x12\x1a\xed\xa0\xa3\x8d\xa0\x06B\x17\xa3\xfa\xa73\xbf\xa6O\x9f^ZZj\xd8l\xd2\x8c8\x93\xd3\xfa\x0e\x1d\x1b\xf6W[x\xec\xcf\x19\xe2\n\xa5\xcd\xe1\xbaj\xf88\xc6\x14\xa2\x02\x01\xa5\xdb\xbe)Y\xb259\xcd\x15\x17\x03\x82\x10\x953\xc9~\xf0\xcb\xefW/\xdc\x18M|\xcc\xbf\xfd\xb2\xce\x17\xb5\xf4S\xeb\xe7/1\x04\xd4T\x06\x86\xf7\xef\xa43#\r\x01\xfa\x19\x1a:\nn T\x00\xea\x99&gt;\xfb\xdd\xb7o\xdf\xb4i\xd3\x00@)\xa6\x94\xeaz\xf3\x88\xf4\x0b\xb2\xac&lt;\xf6\xe7\xccq\x10\xa1\x9a\xaa\xac\x9e\xfd\xdbv\xe9\xa3\x109\x07\xc6\xd9\xfb/\xaf\xac&lt;\xe63\x0c\x11\x17\x17\x01\x10\xb0\xe8\xa5\xe5\x01_P\x00\x97\xa8Z\xa6\xbb\x1f\xbf\xb3[8\x10\x16\xb4\xf8;\x03\x8a1\xc3\x80\xf1Cz\x02p\x89\xd2\x10b\xd9\xb2e?\x06(\x91zE\xdf\xc8z\xa6\xcf~\'N\x9cXUU%\x84!\xcdHz\xabv=\xef\xfcC\xb0\xdak\x99\xc4\xc7z\xa0P^=b\xbc0l\x88(\x00\x8e\x1e\xf6.\x9f]\x9c\x9c\xe6\x8e\xf1\x96P\x94\x98\x94\xe2\xdcY\\\xbau\xf5\x97 j\xcb\xff\xa4\xfbzg\xb6L\xa1\xd6\xcf3$\x80\xd7T\x07\xaf\xeb\xd5~\xd0U\x1d\xa5T\xba%\xb46B\x95\xd6\x01\xf5\x8d\n@}\xd2g\xbfEEEs\xe6\xcc\x11\xc20\xa5d\x8c]5|\x9c\xcd\x95\xac\xd0*\x89\x8fu\xc7\x01\xc2\x01_f\x87\xae\xdd~\xf3\x90BT\x0c8\xf0\xd5\x0b7~\xfd\xc5!\xa7\xdb\x1e\xcb\x97\x00\x10\x10\xf4\x87\x17\xbd\xb4\x9cq&amp;8\x97\x12\xfbtn5\xe2\xa6\xce5U\x01\xeb$&gt;\xd6\x1d\x07\x08\x07\xc2SF\xe46\xf38#\xa64\x0cQZZ:}\xfat:\t\xa8w\xf4\xa5\xacgR\xca\xc2\xc2B)\xa5N|l\xdb\xa5OV\xcf\xfe!_%\x8d\xfd9+\x00"\x1c\xf0]&gt;\xe0awZs}\x18\x18\xf0\x05?zu\x8d\xddi\x8b\xd9v )1)\xc5U\xf2\xc1\xb6\x83{\xbe\xd7\x97*\x01|\xfc\xe0\x9e\xc2\x80\x18\xaeY\xb1\x088\x0b\x85\xcc6\xad\xd3\xfe8 G)\xc5\x94\x02\x0e3f\xcc(++\xa3\x8e\xa0\xfaE\x05\xa0\xde\x98\xa6)\x84\x98;wnQQ\x91a\xd8\xa44A\x88\xabG\x8cWH\x1b\x97g\x8fs3\x1cLi\xd1:\xf7\xde1J\xa1\xce\x8c\xfcl\xf9\xe7\xdb\x8b\xf6$\xa5\xb8b\xb0\x06\xe8\xc4\xc7\xa3\xdfW,yee\xb4\xf5\xf3\x9e~\x17]\xd7\xbb}Mu\xd0j\x89\x8fu\'\x04\x04\xaa\x83O\xdc\xdd#\xbbU\xaa^\x04\x1c?~\xbc\xa0\xa0\x80\x9e\t\xa8_T\x00\xea\x87\x9e\xfaPUU5a\xc2\x04\xceA1\xa6\x10;_;\xa8evN8\xe0\xa3\xd6\xcfs\x00\xc2\x08\xfa*:]sWF\xbb\xce\x88\xa8S\xc3&gt;|u\x954e\x0cn\xa6\xeb\xcc\xaf\x15s\xd6W\x1d\xf3\xe9\xd6\xcf\xd4$\xfb\xd3\x83{F\x82\x91\xc4N\xbao \\\x0f\x08J\xb2?3\xb4\x17c\x0cQ\xea\xbb\xab-[\xb6Pp|=\xa2\x0bS\xfd\xd0\xcd?\xd3\xa6M\xdb\xb7o\x9f\x10\x02\xa5\xe9HJ\xcd\x1d4:\x12\xf4S\xeb\xe79SR\xda\x9cIy\xc3\n\x98R\x88\x0c\x04\xec\xddvp\xdd{\x9b\x93S\xdd1\xd5\x12\x8a\xa8\\n\xc7\x81]\xdf\xad\x9cW\x12m\xfd|\xec\xd6\x9c\x8b/\xca\x08\x06"\x10\x83\xf5*\x1e\xe8\x01ACn\xb8D\xb7\x84\n\xe0\xe1p8??_JI\x8b\x80\xfaB\x05\xa0\x1e\xe8\xc6\x7f}N%@\xa</t>
        </is>
      </c>
    </row>
    <row r="452">
      <c r="A452" s="1" t="n">
        <v>450</v>
      </c>
      <c r="B452" t="inlineStr">
        <is>
          <t>polygon_sides_number</t>
        </is>
      </c>
      <c r="C452" t="inlineStr">
        <is>
          <t>What is the missing number of the part denoted with a question mark?</t>
        </is>
      </c>
      <c r="D452" t="inlineStr">
        <is>
          <t>[4, 8, 6, 7]</t>
        </is>
      </c>
      <c r="E452" t="inlineStr">
        <is>
          <t>7</t>
        </is>
      </c>
      <c r="F452" t="inlineStr">
        <is>
          <t>There are 6 numbered polygons arranged in a triangle with number [3] in the top row, [6, 5] in the middle row, and [9, '?', 4] in the bottom row.</t>
        </is>
      </c>
      <c r="G452" t="inlineStr">
        <is>
          <t>We observe that the polygon with 3 sides has the number 3, the polygon with 6 sides has the number 6, the polygon with 9 sides has the number 9, the polygon with 4 sides has the number 4, and the polygon with 5 sides has the number 5. Thus, the pattern is that the number inside the polygon represents the number of sides the polygon has.</t>
        </is>
      </c>
      <c r="H452" t="inlineStr">
        <is>
          <t>Based on the pattern that the number inside the polygon represents the number of sides of the polygon, the missing number of the polygon with 7 sides should be 7.</t>
        </is>
      </c>
      <c r="I452" t="inlineStr">
        <is>
          <t>b'\x89PNG\r\n\x1a\n\x00\x00\x00\rIHDR\x00\x00\x02\x00\x00\x00\x02\x00\x08\x02\x00\x00\x00{\x1aC\xad\x00\x00\x92\xe6IDATx\x9c\xed\xddwxT\xc5\x16\x00\xf0\x99\xb9e\x93l\x92\xddT\x9aT\xe9\x04\xa4\x87\xa2\x11\xa5\x89\xd8\xa5\x89\x14\x01)\x0f\x01A\x10D@\x9a\x88"M@$tDP\x8a\x80\x05\x15A\x05\x14\xa4\xf7j\xe8\x1dR6\x9b\xddlv\xf7\xde\x99y\x7f\x0c\xac\x91&amp; l=\xbf\xef}\xef\x934.\xb9\xbb\xe7\xcc=3s\x06s\xce\x11\x00\x00\x80\xd0C|}\x01\x00\x00\x00|\x03\x12\x00\x00\x00\x84(H\x00\x00\x00\x10\xa2 \x01\x00\x00@\x88\x82\x04\x00\x00\x00!\n\x12\x00\x00\x00\x84(H\x00\x00\x00\x10\xa2 \x01\x00\x00@\x88\x82\x04\x00\x00\x00!\n\x12\x00\x00\x00\x84(H\x00\x00\x00\x10\xa2 \x01\x00\x00@\x88\x82\x04\x00\x00\x00!\n\x12\x00\x00\x00\x84(H\x00\x00\x00\x10\xa2 \x01\x00\x00@\x88\x82\x04\x00\x00\x00!\n\x12\x00\x00\x00\x84(H\x00\x00\x00\x10\xa2 \x01\x00\x00@\x88\x82\x04\x00\x00\x00!\n\x12\x00\x00\x00\x84(H\x00\x00\x00\x10\xa2 \x01\x00\x00@\x88\x82\x04\x00\x00\x00!\n\x12\x00\x00\x00\x84(H\x00 \x000\xc68\xe7\xbe\xbe\n\x00\x82\r$\x00\xe0\xef(\xa5\x84\x10\x8c1\xa5\x14\xd2\x00\x00\xf7\x11$\x00\xe0\xbf(\xa5\x08\xa1\x8d\x1b7v\xeb\xd6-==]\x92$\x91\x06|}]\x00\x04\tH\x00\xc0\xdfq\xceg\xcd\x9aU\xb9r\xe5\xa9S\xa7\xba\xddnI\x92\x18c\x8c1__\x17\x00\x01\x0f\x12\x00\xf0w\x18cI\x92._\xbe\xdc\xa7O\x9f\x1a5j\xfc\xf8\xe3\x8f\x84\x10B\x08T\x84\x00\xf8\x8f \x01\x80\x00@)\x95$I\x92\xe4\x03\x07\x0e&lt;\xfd\xf4\xd3O?\xfd\xf4\x81\x03\x07DEH\xd7uH\x03\x00\xdc\x1bH\x00 0p\xce)\xd5\xc5\x7f\xff\xf8\xe3\x8f5j\xd4\xe8\xd3\xa7\xcf\x95+WdY\x86\x89\x01\x00\xee\r$\x00\x10\x188\xe7U\x92\xaa\xbd3`x\xa41\x12!\xa4i\xda\xd4\xa9S\xabW\xaf&gt;o\xde&lt;M\xd3`b\x00\x80{\x00\t\x00\x04\x06\xceydd\xd4\xb0\xc1#V.]\xd7\xe2\xc5\xb6\xa2\xecs\xfe\xfc\xf9\xce\x9d;?\xf6\xd8ck\xd7\xae\x15\x13\x03P\x11\x02\xe0\xceA\x02\x00\x01\x831z\xe5\x8a\xa5T\xc92\xd3&amp;\xcdY&lt;\xff\x9b\xaaUj\x88\x8fo\xdd\xba\xb5I\x93&amp;\xaf\xbc\xf2\xca\x81\x03\x07DEH\xd7u\xdf^*\x00\x01\x01\x12\x00\x08 X\x96e\xa73/3+\xf3\xf1\x94FK\x17\xfd\xf0\xd1\x98\xa9\x05\x12\x0b"\x84\x08!_}\xf5U\x8d\x1a5\x86\r\x1bf\xb5ZeYf\x8c\xc1\xc4\x00\x00\xb7\x07\t\x00\x04\x18B\x88,\xcbVk6\xe7\xbc\xe3\xab]W\xaf\xdc\xd8\xabG\x7fI\x92\x10B\x9a\xa6\xbf\xff\xfe\xfb\xb5k\xd7\x9e7o\x1e!D\x92$J)L\x0c\x00p+\x90\x00@@\x12\x11?3+#&amp;&amp;v\xc8;\xef\xaf^\xb9\xf1\x99\xa7_\xe2\x9c!\x84\xfe\xfa\xeb\xaf\xce\x9d;7j\xd4\xe8\x97_~\x91$\t&amp;\x06\x00\xb8\x15H\x00 \x80\xc9\xb2\xaciZVVf\xb9\xb2\x15S\xa7~&gt;7uI\x99\xd2\xe5\xc5\xa7~\xf9\xe5\x97F\x8d\x1au\xe9\xd2\xe5\xaf\xbf\xfe\x82\xa5\xa2\x00\xdc\x14$\x00\x10\xd80\xc6\xb2,;\x1c\xb996k\x93F\xcd\x7fX\xb9q\xf8\x90\x0f\xe3b\xe3\xc5\xa7\xe6\xce\x9d\x9b\x9c\x9c&lt;b\xc4\x08\xab\xd5\nKE\x01\xb8\x0e$\x00\x10\x0c\x08!\x84H99V\xc6y\x8f\xd7\xdf\xfc\xf9\xfb?;\xb6\xeb*\xcb2B(;;{\xe4\xc8\x91\xc9\xc9\xc9_}\xf5\x15\xf4\x90\x00 ?H\x00 xH\x92\x84\x10\xcb\xca\xce4\x9bc\xc6\x8e\xfe\xe4\xfb\xaf\xd77Hi$&gt;u\xf4\xe8\xd1W^y\xa5I\x93&amp;[\xb7n\x85\x1e\x12\x00\x08\x90\x00@\x90\xc1\xb2$k\x9a\x96\x9dm)_&gt;i\xe1\x9c\x95\xf9\'\x06\xd6\xae]\xfb\xd8c\x8fu\xe9\xd2\xe5\xfc\xf9\xf301\x00\x00$\x00\x10\x84D\x03Q\x87#\xd7\x9ekk\xda\xe8\x99\xefW\xac\xef\xff\xe6\xbb\xb1\xb1\xf1\x08!M\xd3\xe6\xce\x9d[\xbdz\xf5\xf7\xdf\x7f\x1f\x9aK\x83\x10\x07\t\x00\x04-Q\xf1\xb7\xe6d#\x84\x06\xbe5|\xf5\xca\r-_zUL\x0c\\\xb9re\xd8\xb0a\xd0\\\x1a\x848H\x00 \xc8I\x92\x84\x10\xcf\xc8LOL(0m\xd2\xdc\xa5\x8b~|\xb4^\x03\xf1\xa9\x1b\x9bKC\x1a\x00!\x05\x12\x00\x08\x05X\xec\x18\xc8\xc8L\xafY\xad\xf6W\x0b\xbf\x9f:qv\xc9\x12\x0f\x8b\xcf\xe5o.\r\xa7N\x82\x90\x02\t\x00\x84\n\xb1c \xd7\x91\x9b\x93cm\xf1R\xbbUK\x7f\xe9\xdb\xfb\x9d\xa8\xa8ht\xad\xb94\x9c:\tB\r$\x00\x10ZD\x8f\xa0,KFDD\xc4\xbb\x03G\xafZ\xba\xae\xe5KW\x9bK_\xb9r\xe5\xbaS\'a\xa9(\x08n\x90\x00@(\x92%\x99R\x9a\x9e~\xb9T\xc92S\'\xce]4oU\xbd:)\xe2Sbb\xe0\xba\xe6\xd2\x90\x06@P\x82\x04\x00B\x94\xa8\x089\x9dy\x99\x96\x8c\x06)\x8d\x17\xcd\xff\xe6\xe3\x0f\xa6\x89\x89\x81\xfc\xcd\xa5\xe1\xd4I\x10\xc4 \x01\x80\x90F\x08\x91%\xd9\x9a\x93\xedt\xe6ux\xb5\xeb7\xcb~\xcd\xd7\\Z{\xff\xfd\xf7\xc5\xa9\x93\xba\xaeK\x92\xa4\xeb:L\x0c\x80`\x02\t\x00\x00$\xbaFgd\xa6\x87\x87G\x88\xe6\xd2\xcf&gt;\xfdR\xfeS\'\x1f}\xf4\xd1_~\xf9E\x96e\x98\x18\x00\xc1\x04\x12\x00\x00W\xc9\xb2L\xa9.\x9aKO\xffd\xc1\x17\xf3V\xe6?u\x12\x9aK\x83\xe0\x03\t\x00\x80\xbfy\x9aK\xdb\xec9O&lt;\xde$\xff\xa9\x93\x98\\m.=r\xe4HOsiH\x03 \xa0A\x02\x00\xe0zb\xa9\xe8u\xa7N\xca\xd2\xd5\xe6\xd2#F\x8cHNN\xce\x7f\xea$T\x84@\x80\x82\x04\x00\xc0\xcd\xe5?ur\xe8;c\xbe\xffz\xfd\xe3\x8f\xfd\xdd\\:\xff\xa9\x93\xb0T\x14\x04(H\x00\x00\xdc\x8e\xe8!\x91\x99\x95Q\xbe|\xd2\x17sW\xde\xf4\xd4\xc9\x0b\x17.\xc0\xc4\x00\x08D\x90\x00\x00\xf8\x17\x9e\x89\x01{\xae\xed\xa6\xa7NV\xabV\r\x9aK\x83@\x04\t\x00\x80;"\x9aC\xfc\xf3\xd4\xc9n\xa2L\xe4i.\r\xa7N\x82\xc0\x02\t\x00\x84\n\xce9c\x94R\x9dR\xca\x18\xe3\xd7\x88\xc5&lt;\xe2\x83\xff\xfaC\xfe&gt;u\xd2\x14\xf3\xd1\x98)\xd75\x97\xbe\xee\xd4IH\x03\xc0\xcfA\x02\x00\xc1O\x84xY\x92\xa3\xa2L\xb1\xb1\xf1fsL\xa41RU\r\x8a\xa2\x84\x85\x85EEF\xc7\xc4\xc4\xc6\xc4\xc4\x86\x87G0\xc6\x18\xfb\xd7:&gt;\x96%Y\xd3\xb5\xac\xac\x0c\xd1\\z\xca\x84Y7=u\x12\x9aK\x03?\x87a\x84\x02\xfc\x16\xa5T\x92\xa4\xdf~\xfb\xed\xc9\'\x9fD\x08\xd5\xa9\xfd\xe8\xb2E?\xd8s\xed\x84\xdc\xe9\xc0\x851\x86\x107FD*\xaaz\xe9\xf2\xc5\xfd\x07v\xef\xdb\xbf\xfb\xc4\xc9c\x97._p\xe4\xe52\xca\x14E\x89\x8a2\x15-Z\xbcb\xf9\xa4\x1a\xd5\x92\xcb\x97\xadH\x08\xc9\xb1\xe5\x10\x89`\x84\xef\xec\xe7#S\xb4\xd9f\xcfI\x9d3e\xfe\xc2\x99YY\x19\xe2S\x89\x89\x89C\x87\x0e\xed\xde\xbd\xbb\xaa\xaa\xe2\xcb\xee\xfc\xb2\x01\xf0\x0eH\x00\xc0\x7f\xfd\xc7\x04@)\x8d\x880\xca\xb2\xbck\xf7\xb6e+\x16\xad\xfb\xed\xa7\x8b\x17\xcf\xdf\xe6\xeb\x15E\xa9W\'\xa5k\xe7\xdeO&gt;\xde\xc4f\xcf\xe1\x9cc\xfc\xef9\xc0s\x9dfS\xcc\x89S\xc7&amp;~\xf2\xc1\xcao\x97\xe8\xba.&gt;\x95\x94\x944n\xdc\xb8f\xcd\x9a\x89/#\x84\xdc\xe1\xcf\x04\xc0\x0b`H\x02\x82\x13\xe7&lt;&amp;&amp;\xf6\xaf\xb4C=z\xb7\x7f\xa1U\xa3\x85\x8b\xe7\\\xbcx\x9e\x10\xa2*\xaaA5\xa8\x8a\xaa(\x8a"+\x8a\xa2\xaa\xaaAQTI\x924M\xdb\xf0\xfb/\xed:\xbd0\xfc\xfd\x81\x06C\x18\xc6w:&lt;\xba\xee\xd4\xc9e\x8b~\xbc\xae\xb9t\xfeS\'a\xc7\x00\xf0\x1f\x90\x00@\x10b\x8c\x19\x0caS\xa7\x8f\x7f\xa1U\xa3\xef\x7fX\xc9\x18\x93eY\x96\x15\xc6\x98[s\xbb\xdc.\xb7\xe6\xd64M\xd35Ms\xbb\xdd.Ms\x8b\xf1\xbe$I\x92$\xcd\x9a;m\xf0{}\x8d\x11\xc6\xbb\x89\xd4\xf9N\x9d\xac\x9e\x9c\xbf\xb94\xfa\xe7\xa9\x93\xb0c\x00\xf8\x0f\xd9\xd7\x17\x00\xc0\x83\xc0UE\xcd\xb1f;\x1c\x0eU5P\xaa\x8b\x9a\x0c!\xa4J\xe5j5\xaa\xd6.Y\xb2t\x8c9V\x92d\x9b\xcdz\xec\xc4_\x1b6\xae;\xf2\xd7!\x84\x10\xa5\x14#,\xcb\xca\x97K\xe6\xd7\xa8V\xbbm\xeb\xd7\xb2\xb3-b\xad\xe7\x9d\x10;\x06\xec\xb96\x84p\x87W\xbb6i\xf4\xcc\xbc\x853\xe6\xcc\x9fn\xb3\xe5\x88S\'W\xacX1z\xf4\xe8v\xed\xda)\x8a\x02\x13\x03\xc0\xe7`\x0e\x00\xf8\xaf\xff8\x07\x10i\x8c|\xa5\xe3s\x1b\xff\xf8\x15!d\x8a6\xb7i\xd5\xf1\xc5\xe7Z\x95-S!"&lt;\x82#\xce\x19\xe7\x88c\x8c\t!\xb9\xb9\xf6\xaf\x96~&gt;\xf2\x83\xc1\x9a\xe6F\x08\x89\xe2O\xb1\xa2%~\xfa\xf6\x0fI\x92\x19\xe7\xf7P\xb6\xd7u]UU\x93)f\xff\x81\xdd3fM^\xb6b\xb1\xe7S\xc9\xc9\xc9\xa3G\x8fn\xdc\xb8\xb1\xf82Q\x1a\xba\xfb\xbf\x01\x80\xff\nF\x1f 81\xc6\xdc\x9a\xf6\xe1\xe8O\n\x14(\xf4\xe2\xf3\xad\x7f\xfc\xf6\x8fQ\xc3\xc6\x95/W\xc9\xedveY2,\x96\xacl\xab\xc5j\xcd\xce\xce\xb6dff\xb8\xdd\xee\x9e\xdd\xfb\xbd?|\xbc(\x041\xc60\xc6\xa7\xcf\x9c\xdc\xbeskD\x84\x91\xdf\xd3\xce^Y\xfe\xc7\xa9\x93\x8b\xe7\x7f\x93\xbf\xb9t\x93&amp;M\xae;u\xf2\xbe\xfe\xeb\x01\xb8#\x90\x00@p"\x84\xb8\\y\x05\n\x14\xfaf\xe9/\x93\xc6\xcd(\\\xa8HFfz^\x9e\x03c,I\xb2\x94\x8f\x08\xc1\x17/]h\xdd\xb2C\x95\xa4j\x8c1B\x08\xc1\x04c|\xf0\xd0^EV\x18\xbf\xc7\xd6\x0e\x7f\x9f:\x99\x95\xf1xJ\xa3\xfc\xcd\xa5o&lt;u\x92s\x0e\x13\x03\xc0\xcb \x01\x80\xa0\x851\xd14-!!\xd1\xe9\xcc\xcb\xcb\xcb\x13\xe7y\xdd\xe2+1\xe7\xdc\xa0\x1a\xea$?\x8a\x10"\x98 \x848\xe7\x19\x99\xe9\x1c\xddK\xfd\'?B\x88,\xcb\xd75\x97\xce\x7f\xead\xb5j\xd5\xe6\xcd\x9b\'\xa6\xa0\xefpC2\x00\xf7\x05$\x00\x10\xcc0\xc6\x9a\xa6aL\xfe}\xda\x00#\x84Q\x8c9\x16!\xe4\x99\x16\xbb\x8f\xa5\xf9\xfc\xcd\xa5\xaf;u\xf2\xc2\x85\x0b\xf9\x9bK\xc3\xa9\x93\xc0k \x01\x80 wWA\xdcf\xcfA\x08a\x848B\x18\xe3\x84\xf8D\x8c\xf0}\x8c\xc4b\xa9\xe8\x8d\xa7Nb\xfcwsi8u\x12x\r$\x00\x00\x10B\x08#\xa4i\xda\xde}\xbb\x10B\x1cq\xce\x18\xe7\xbcb\x85*\x9a\xae\x89\x8a\xd0}\xfb\x8b\xfey\xea\xe4\xf2/\x7f\x1a&gt;\xe4\xc3\xd8\x98\xbf\x9bK\'\'\'\x8f\x181\xc2s\xea$T\x84\xc0\x83\x03\t\x00\x00\xa4in\x93)f\xd7\xeem\xdbvl\xc6\x18s\x8e8\xe2\xc5\x8a\x96\xa8Q\xad\xb6\xc3\x91\x8b\xefk\x02\x10&lt;\xa7NRJ\xaf5\x97\xee*\xcbWO\x9d\x1c9rdrr24\x97\x06\x0f\x1a$\x00\x10*\xf8?1\xc6(\xa3:\xd5\x19\xa3\xb1\xb1\xf1\x19\x99\xe9\xef\xbe\xd7\xd73a\xc09\x7f\xa3\xfb[1\xe6\x18]\xd7\x1f\xdc\x1a}11\x90\x95\x9di6\xc7\x8c\x1d\xfd\xc9\xf7_\xafo\x90\xf2\xf7\xa9\x93\xd75\x97\x86\x89\x01p\xdfA\x02\x00\xa1B\x96\x15U5\x88\xff\x19\x0c\x86\x88\xf0\x88\xe8(S\\l|DD\xe4\xfa\rk[\xbc\xd2\xf4\xe0\xe1\xfd\xd7V\xe5k/&gt;\xd7\xaam\xeb\xd7\xac9\xd9w\xbe\r\xf8\xde/L\x925M\xcb\xce\xb6\x94/\x9f\xb4p\xce?N\x9d\xcc\xdf\\\x1a&amp;\x06\xc0}\x07\xad \x80\xbf\xf3\x0c{\xff\xcb\x9a\x1c\x8c\xb1\xc5\x92\x99\xe7t\x88&amp;\xcf\x94Q\x87\xc3\x91\x9eq\xf9\xd0\xe1\xfd\xeb7\xae\xdb\xba}\x13B\x08c"6d\xbd\xda\xa6\xd3\xa8\xf7\xc6\xe79\xf3\xd0\x1dt\x84\xbe/\xc4\x1aP\x87#\x17!\xd4\xb4\xd13\xf5\xeb&gt;&gt;s\xce\x94y\x9f\xa7fY25M\x9b;w\xee\xf7\xdf\x7f\xdf\xbbw\xefA\x83\x06)\x8a\xe2\x9dK\x02\xa1\x00ZA\x00\xff%ZAl\xdc\xb8\xb1A\x83\x06\x9c\xf3Z5\xea.\xff\xf2G\x87\xc3q\xb7\xfds(\xa5&amp;\x93\xb9\xdf\xc0\xee\xdf\xad^!\xd6\xdas\xce\xddn\x97g~U\xec\x03 Dz\xa4J\xf5n\x9d{=\xfb\xf4K\x8e&lt;\x87\xd8\x0f\xfc\x00\xfeY\xff~\xb5\xb2$GFE\x9d:}b\xf6\xbci+\xbeY\x92\x9bk\xd74\r!T\xb1b\xc57\xdf|\xb3C\x87\x0e\xaa\xaaB\x13!\xf0\xdf\xc1k\x08\xf8/\x11\xe3*V\xach2\x99\x11B\xc7O\xfe\x95\x91\x9e\xae\xaa\xea=\x8cZ0\xc2.\x97+/\xcf\x91\xeb\xb0\xe7\xe59\x9c\xce&lt;\xb1\xe3W\x96eQa\x7f\xe2\xf1\xc6\xb3?[\xfc\xfd\x8a\xf5\xed\xdav\xc8u\xe4j\x9a\xe6\xab\xfe&lt;\x18cM\xd74\xb7\xbbx\xb1\x92\xd5\xab%G\x84\x1bE7S\x84\xd0\xa1C\x87v\xec\xd8!\x92\x01\x0c\xdd\xc0\x7f\x07% \xe0\xefD\xed\x1b!\xa4\xeb\xfa=we@\xd7"&amp;g\x7f\xc7\xcd\xab\xfd81A\x08m\xdf\xb1\xe5\xaf\xb4#s\x16|\xd6\xe8\xc9\xa7^x\xb6U\x81\xc4\x82\xd9V\x8bD\x1e\xf8\x04\xc0ut]\x8f\x880\x86\x87\x85\xff\xb2\xfe\xa7\xa9\xd3\xc7o\xd9\xf6\x87\xe7S\xcd\x9a5\x9b0aB\x85\n\x15\xbc|I \x88A\x02\x00\xfe\xee\xbe\xcc\x01p\xce\x8dFct\xb4I"\x12e\x94s\xae\xebZ^^\x1ec\x8c!\x86\x10\xb2\xe7\xda\xec\xb9\xb6\xf3\x17\xcen\xda\xbc~\xce\xbc\xe9\x03\xdfz\xef\xe5\x17_\xc9\xc9\xb1z\xad\xd2"\xea]\t\xf1\x89\xfb\x0f\xee\xb9\xae{\xe8u\xc7\x8aya^\x1a\x84\x08\x98\x03\x00\xfeK\xf4\xe6\xb4X,\x0f?\\\xdab\xc92\x99\xcc\xebVo\x8d\x8d\x8d\xbb\x87\xfa\x0c\xc6\xd8\xe1ph\x9a[l\xf3e\x9c\xb9\x9cN\xab\xcdz\xf1\xe2\xf9C\x87\xf7o\xfas\xfd\xf6\x9d[\x10B\xb2\xacp\xce)\xd5\x11B\x03\xfb\r{\xb3\xf7;99\xd9\xe4\x01?\x07\xe4?Xx\xe6\x9c\xa93\xe7L\xb1\xd9mbZ\x02\x0e\x16\x06\x0f\x14$\x00\xe0\xbf\xeec\x02@\x08\x89MU\x9e?bLD+PI\x92\x9cN\xe7\xf6\x9d\x7f\x8e\xfe\xe0\xdd}\x07vcL0Fb\xc1e\xea\xa7_&lt;\xd3\xecEkN\xf6\x03\xaa\x05\x89\x0e\xa0Q\x91QD\x92V\xac\xfar\xeag\x13\xd2\x8e\x1d\xc1\x18q\x8eTU\xed\xde\xbd\xfb\xd0\xa1C\x13\x13\x13\x11\x0c\xfc\xc1\x83\x01\t\x00\xf8\xaf\xfb\x9b\x00n|\xa9_\xdd\x12\x868\xc1$:*:\xd7\x91\xdb\xbe\xf3K[\xb7o"\x84 \x849g\xa5J\x96\xf9a\xd5\xc6\xfb\xf4\xaf\xb9\xfe/\xd7u\x1a\x16\x16\x16i\x8c\xda\xb4e\xe3\xc4O\xc6\xfc\xb1y\xbd\xe7s\xcd\x9a5\x1b7n\\RR\x12\x82\xa3\xe4\xc1\x83\x04\x8f\x93 T\xe0\x1b\x88~\x0c\xb2$\x13B,\xd9\x96\xf0\xf0\xf0\xf7GL\x08\x0b\x0b\x13;\x851\xc6\xc7O\xfc\xb5u\xdb&amp;\xa31\x92\xb2\xfb\xb9\xfd\x8aR\x8a\x10\x8e\x8fK\xb8\x92~\xb9W\xbf\xce\xad^m\xe6\x89\xfeIII_~\xf9\xe5\x0f?\xfc\x90\x94\x94$\x96\xab\xc2ya\xe0\xc1\x81\x04\x00\x00B\x08)\x8ab\xb3\xe5\x94/W\xa9F\xb5d\xce9\xc6W\xcf\x84\xd9\xbdw\xbb"+\xf7\xebAY4w3\x9bb\x10B\x1fM\x1c\xd9\xfc\xc5\xc7\x97\xadX$v\x9f%&amp;&amp;\x8e\x1e=z\xe7\xce\x9dm\xda\xb4\x11_\x06\xa1\x1f&lt;h\xb0\n\x08\x80\xbf\xc9\xb2\xfcp\xc92\x9b\xfe\xdc\x801\xe6\x08q\xce/\\&lt;\xcf\x18\xc3\xffyK\xb0\xe8&gt;d\x8c0J\xb2\xbc|\xe5"Q\xee\x17\x9fR\x14\xa5}\xfb\xf6\xa3F\x8d*R\xa4\x08\x82r?\xf0"H\x00\x00\xfc\r#,\xc9\x9e\xe0\xcb\x11B\x9a\xe6\xe6\xe8?\x0e\xff\xb9Ni\x98!,&lt;&lt;b\xff\xfe\xddc\xc7\x0f_\xbfq\x9d\xe7s\x8d\x1b7\x1e=ztrr2\xbav@&lt;D\x7f\xe05\x90\x00\x00\xf0\xc0\x8c\xb1\x8c\x8ct\x84\x908\x12\x06!\x14i\x8c"\x98\xa0{\xcd\x01\x94RI\x92c\xcd\xe6\x0b\x17\xcf\x8d\xfa`\xf0\xe2%\xf3\xc5&gt;^\x84PRR\xd2\x90!C\xda\xb4i\x83\xae\xcd\xf4\x8a\xed\xbe\x00x\r\xbc\xe0@\xb0\xe2\xa2\x94\x7f\xe7\xdf IR\x8e\xcd\xba\xff\xc0ntm\x01\x12B\xa8X\xd1\x12\xf7V\xfe\x11\xcb\xf6\xa3\xa3My\x0e\xc7\x8c\xd9\x9fL\xfbl|fV\x86\xf8\x99&amp;\x93i\xc0\x80\x01\x03\x07\x0e\xf4\xac\xee\x87Q?\xf0\tH\x00 \x08q\x84$"\xc9\xb2\x92\x97\xe7@\x08\xdd\xc92J\xb7\xdb\x9d\x98P\xe0\xebU_\x9d:s\x92\x10\xc2\x18\xc3\x98#\x84\x1ey\xa4\x86\xe6v\xdfU"\xb9Z\xee7F\x12L~^\xb7z\xec\xc7\xc3=\xe5~\xcey\xe7\xce\x9d\x07\r\x1aT\xb6lY\x04\xe5~\xe0k\x90\x00@\x10\x92\x89\x94c\xb3Z,Y\x15*$q\xce\x1d\x8e\\M\xd3\xae\x1d\xf4\x8b\xf3\'\x03\xb1\xe2\x93#\x14\x17\x97p\xea\xcc\x89\x0f\xc6\r\x13\x9f\x15g\xc2\x94-S\xa1j\x95\x1a\x8e\xbc\xbb\xe8?\xaa\xebzX\xd8\xcd\xcb\xfd\r\x1b6\x1c&lt;xp\xc3\x86\r\x11\x94\xfb\x81\x7f\x80\x04\x00\x82\r\xe7LV\xc22\xb32^~\xa5\xe9\xe3\x8f5z\xe9\xb9\xd6\xd5\xaa\xd5J\x88O\x94$\x89\xea\xba\xae\xeb\x94Q\xce8\xc2\x88\x10"K\xb2\xac(\x8c\xb2-[\x7f\x7f\xfb\xdd^\xe7\xce\x9f\xc1\x980\xc6dY\xd1u\xed\xf5\xd7zF\x1a\xa3,\xd9\x99\x92\xf4\xef\xef\x141\x9c\x8f\x8b\x8d?\x7f\xf1\xecu\xe5\xfer\xe5\xca\r\x1a4\xa8S\xa7N\xe2\xcb\xc4\xb1\xc0\x0f\xf6\xb7\x00\xc0\x1d\x80W!\x08B\x9csY\x96\xf3\x1c\x8e\xefV\x7f\xfd\xdd\xea\xaf\x0b\x15*R\xadJ\xcdG\xaaT/[\xa6B\xc1\x02\x85L\xd1fE5p\xc6r\x1d\xb9\x19\x19W\xfeJ;\xfc\xeb\x86\x9f\x7f\xf9\xed\'\x84\x90(\xfe(\x8a\xa2iZ\xca\xa3O\xb6j\xd1\xde\x9a\x93\xfd\xaf\xd1\x9f1\xc697\x99\xcc\xb9\xb9\xf6\xcf\x17\xcd\x1a\xff\xc9\x98+W.a\x82\x11Bf\xb3\xb9o\xdf\xbe}\xfb\xf65\x99L\xe2\xcb`\xd4\x0f\xfc\x07$\x00\x10\x9c8\xe7\x8a\xa2`\x8c)\xa3\x17/\x9e\xbfx\xf1\xfc\x0fk\xbeA\x08\x11B\xc2\xc3#dIf\x9cin\xb7\xd3\xe5\xf4|\x8b\xe8\x00!\x11I\xd3\xb4G*W\x9f2q\x0e\xa5\xbag9\xd0\xad\xfe\x16Jidd\x14\xc1\xe4\xb7\r?\x8f\x9f\xf4\xfe\x9e};\xc5\x97s\x06\xe5~\xe0\xef \x01\x80\xa0\xe5\xc8s\x88\xff\x90e\x99\x10\t!\xce\x18\xd3u=7\xd7\xee\xf9\x1aB\x88$\xc9\x18!\xc6\x98Nu\xf1\xc1\x97\x9eo=\xea\xbd\x8f\x8d\x11\x91N\x97\xf36\xd5\x7fQ\xee7\x99\xcc\xfb\x0f\xec\x99:\xfd\xe3\xef~Xq\xf5\x13\x1c%\'\'\x8f\x193\x06\xca\xfd\xc0\xcfA\x02\x00\xc1\x06c\xe2v\xbb\n\x15,2~\xec\xf4\x15\xdf|\xb5s\xd7V\x97\xdb\x85\x90~\xd3/f\x8c1\xe6\x16\xff-\x11\xa9n\x9d\xc7\xba\xbc\xf6\xbf\xc6\r\x9b;\x9dy\xb7\x89\xfe\x9er\xff\xb9\xf3g&amp;M\x19\x9b:g\x8a\xe8O\xc79/R\xa4\xc8\xe8\xd1\xa3\xdb\xb7o/\xcb\xb2\xae\xeb\xb0\xba\x1f\xf83xi\x82\xe0$I\xd2\xabm^k\xf1R\xdb\xe3\xc7\x8f\xee\xda\xb3}\xef\xfe]i\xc7\x8e^I\xbfl\xb5Z\\n\x17\xa5\x14#$\xc9\xb21"2!\xa1@\xc9\xe2\xa5\xaa&gt;R\xa3N\xf2cI\x15\xab\xc8\x92\x9cc\xcb\x11\xad\xe2n\xfc\xb1W\x9b\xf9\x98crs\xed\x0b\x16\xcd\x9a\xf8\xc9\x98\xcbW.\x89\xafT\x14e\xe0\xc0\x81\xbd{\xf7\xf64p\x86\xd0\x0f\xfc\x1c\xbc@Ap\xe2\x9c[\xb2-\x84\xe0R\xa5\xcaV\xacP\xa5]\xdb.n\xb7;7\xd7\x9e\x97\xe7p\xb9\x9c\x9a\xaea\x84U\x83!,,&lt;\xd2\x18\x19\x11\x1eA\x88\xe4r;\x1dy\x0e\xcen&gt;O+\xca\xfd\xe2\xbc\xc6_\xd7\xaf\x197q\xd4\x9e};\xc5\xa7\x18cm\xda\xb4\x192d\x88h\xe0\x0c5\x1f\x10( \x01\x80\xa0%B\xb0\xd3\x95\'\xb6\x83\x89\xc5\x97&amp;\x93\x99\x10\x82\xd1\xd5^o\x8c1Ji\xb65\x1b!\x8e1!\x84\xa0\x9b\xc5m]\xd7UU\x8d\x8d\x8d\xdf\x7f`\xf7u\xe75&amp;\'\'\x8f\x1e=\xbaq\xe3\xc6\xe8Z\xe8\x87\x81?\x08\x14\xf0J\x05A\x8e\xe0\xbfc\xba(\xe0\\\xf7\x05\x18\xe3\xdb\x8c\xd6\xc5\xb2\xfd\xf8\xb8\x84K\x97/~\x9a:q\xce\xfc\xe96[N\xfer\x7f\xbbv\xed\x14E\x11?\x16B?\x08,\xf0z\x05!\xe4\xae\xda\xeb3\xc6\x18g\xe6\xe8\x18\xb7\xe6\xfe|\xd1\xac\xe93\'\x9d&lt;u\\|JQ\x148\xaf\x11\x04\x01H\x00\x00\xdc\x84\xae\xeb\xa2\xdc\xff\xcbo?}\x9a:q\xf3\x96\xbf\x0f\x86\xcc\x7f^#\x94\xfbA@\x83\x04\x00\xc0?\x88\xe1|B|\xe2\xfe\x83{\xae+\xf7\'%%\x8d\x1b7\xaeY\xb3f\x08\x1a8\x83\xa0\x00/_\x00\xae\x12u|\xb3)\xc6f\xcf\xf9h\xc2\xc8\x99s\xa6\xd8\xec6Q\xeeOLL\x1c:th\xf7\xee\xdd\xa1\x813\x08&amp;\x90\x00\x00\xb8\xba\xc43*2\x8aH\x92\xe7\xbcF1_\x00\xe5~\x10\xc4 \x01\x80\x10\xc7u\x9d\x86\x85\x85\xc5\x98c7m\xd98\xf1\x931\x7fl^\x7f\xf5\x13\xfc\x1f\xe5~Q\xf3\x81\xe8\x0f\x82\t$\x00\x10\xba\xc4p&gt;&gt;.\xe1\xc4\xa9c\xef\x0c}s\xe5\xb7Kt\xfdj\xc7\x88\x1b\xcfk\x84\xd0\x0f\x82\x0f$\x00\x10\x8a\xfeQ\xee\x9f8r\xfe\xc2\x99YY\x19\xe2S\x89\x89\x89\xbd{\xf7\x86\xf3\x1aA(\x80\x04\x00B\xcb\xd5\xf3\x1a#\x8c\x92,{\xca\xfd\xe2S\x8a\xa2\xb4o\xdf~\xd4\xa8QE\x8a\x14AP\xee\x07!\x00\x12\x00\x08\x1d\\\xa74\xccp\xf3\xf3\x1a\x1b7n&lt;z\xf4\xe8\xe4\xe4d\x04\xab\xfbA\xc8\x80\x04\x00B\x02\xa5T\x92\xe4X\xb3\xf9\xc2\xc5s\xd7\x9d\xd7xc\xb9\x1fV\xf7\x83\x10\x01/t\x10\xe4D\x1d?:\xda\x94\xe7p\xcc\x98\xfd\xc9\xb4\xcf\xc6gfe\x88\x9e\x10&amp;\x93i\xc0\x80\x01P\xee\x07!\x0b\x12\x00\x08ZW\xcb\xfd\xc6H\x82\xc9\xcf\xebV\x8f\xfdx\xb8\xa7\xdc\xcf9\x9c\xd7\x08\x00$\x00\x10\xa4\xc4y\x8d7-\xf77l\xd8p\xf0\xe0\xc1p^#\x00\x90\x00@\xb0\xf1\x9c\xd7x\xfe\xe2\xd9\xeb\xca\xfd\xe5\xca\x95\x1b4hP\xa7N\x9d\xd0\xb5&gt;\xcfP\xee\x07\xa1\x0c^\xfd x0\xc68\xe7&amp;\x9397\xd7\xfe\xf9\xa2Y\xe3?\x19s\xe5\xca%L0B\xc8l6\xf7\xed\xdb\xb7o\xdf\xbe&amp;\x93I|\x19\x8c\xfa\x01\x80\x04\x00\x82\x81h\xe6\x13\x19\x19E0\xf9m\xc3\xcf\xe3\'\xbd\xbfg\xdfN\x84\x11B\x883(\xf7\x03ps\x90\x00@\xc0\x13\xe5~\x93\xc9\xbc\xff\xc0\x9e\xa9\xd3?\xfe\xee\x87\x15W?\xc1Qrr\xf2\x981c\xa0\xdc\x0f\xc0MA\x02\x00\x01\xccS\xee?w\xfe\xcc\xa4)cS\xe7L\xd14-\xffy\x8d\xed\xdb\xb7\x97eY\xd7uX\xdd\x0f\xc0\x8d\xe0-\x01\x02\x928\xdd\xd7l\x8e\xc9\xcd\xb5/X4k\xe2\'c._\xb9D\x08A\x08)\x8a2p\xe0\xc0\xde\xbd{{\x1a8C\xe8\x07\xe0\xa6\xe0\x8d\x01\x02\x0c\xe7\\\xd7u\xa312&lt;,\xfc\xd7\xf5k\xc6M\x1c\xb5g\xdfN\xf1)\xc6X\x9b6m\x86\x0c\x19\x02\xe75\x02p\' \x01\x80@"bzBB\x81\x037\x9c\xd7\x98\x9c\x9c&lt;z\xf4\xe8\xc6\x8d\x1b{\xbe\x0c\x06\xfe\x00\xdc\x1e\xbcC@\xe0\xe0(&gt;.\xc1\xe1\xc8\xfdd\xdaGs\x16|f\xb3\xe5\xe4/\xf7\xb7k\xd7NQ\x14\xd1\xd1\x01B?\x00w\x02\xde\' p`\xf4\xf9\xe2\xd9\x8b\xbe\x9aw\xe2d\x9a\xf8\x00\x9c\xd7\x08\xc0\x7f\x819\xe7\xbe\xbe\x06\x00n\x8es\x8e1\xb6X,\x0f?\xfc\xb0\xc5b\x11\xe3}\xcfg\xf3\x9f\xd7(j&gt;\xa2\xc5\x1b\x00\xe0\x0e\x11__\x00\x00w\x04c\xec\x19\xdd\'%%\xfd\xf0\xc3\x0f?\xfc\xf0CRR\x12\xa5\x94s.\xcb2D\x7f\x00\xee\x16\x94\x80@\x00\x90$I,\xfeILL\x1c:th\xf7\xee\xdd\xa1\x813\x00\xff\x1d$\x00\xe0\xef0\xc6\xd9\xd9\xd9\xb2,\xf7\xec\xd9s\xc8\x90!P\xee\x07\xe0~\x81\x04\x00\xfc\x9d\xa6i/\xbe\xf8\xe2\xd0\xa1C\xabT\xa9\x82\xae\x1d\xda\x05\xd1\x1f\x80\xff\x0e&amp;\x81\x81\xbf\xf3\x0c\xf6E\xe8\x87Z?\x00\xf7\x0b$\x00\x10\x00D\xb9_tz\x00\x00\xdc/\x90\x00\x00\x00 D\xc1\x90\n\x00\x00B\x14$\x00\x00\x00\x08Q\x90\x00\x00\x00 DA\x02\x00\x00\x80\x10\x05\t\x00\x00\x00B\x14$\x00\x00\x00\x08Q\x90\x00\x00\x00 DA\x02\x00\x00\x80\x10\x05\t\x00\x00\x00B\x14$\x00\x00\x00\x08Q\x90\x00\x00\x00 DA\x02\x00\x00\x80\x10\x05\t\x00\x00\x00B\x14$\x00\x00\x00\x08Q\x90\x00\x00\x00 DA\x02\x00\x00\x80\x10\x05\t\x00\x00\x00B\x14\x1c\n\x0f\x00\xf8\x1b\xe7\xdcs\x00\'\x1c\xbf\x1c\xf4\xe0HH\x00\x00b\x8c1\xc60\xc6\x92$\xf9\xfaZ\x80\xf7@\x02\x00 t\x89\xb8O\x08!\xe4j58\'\'g\xc3\x86\rK\x97.u\xb9\\K\x96,\xe1\x9c{&gt;\x05\x82\x0f\x94\x80\x00\x089\xf9\xe3\xbe\x88\xef\xe7\xce\x9d[\xbbv\xed\xef\xbf\xff\xf1\xcb/\xeb\xce\x9c9#\xbe\xacR\xa5J\xc3\x87\x0f\xd7u]\x96!P\x04\'x\x02\x00 T\xdc8\xde\x17q\xff\x9bo\xbe\xd9\xb0aCvvv\xfe/V\x14E\xd3\xb4u\xeb\xd65l\xd8\x90R\n\xa5\xa1\xa0\x04\t \xb0\x89)\xbb@\x9c\xac\x83\xc2\x82\xd7\x88\xb8/I\x92\xe7ur\xab\xb8o0\x18\x8a\x15-\xd9\xfc\xa9\xe7\x8e\x1dO\xfb\xfe\xc7\x95\x84\x90\x92%Kn\xdb\xb6\xcdd2\xc1\x9cpP\x82\x04\x00|\x83s\x0e\x01\xe5\xc1\xe1\x9c\x8b\xc1A\xfe\xb8\x7f\xf8\xf0\xe1\xd5\xabW\xafY\xb3f\xc7\x8e\x1d\xf9\xe3\xbe\xaa\x1a\xaa$Um\xdc\xf0\xe9\x06)\x8d\x8b\x17+\x19\x1f\x97\x90\x9eq\xa5\xc93u\xce_8\xc7\x18k\xd5\xaa\xd5\x92%K\xa0\x10\x14\x94 \x01\x04*1\xf0?q\xe2D\xcf\x9e=)\xa5\xe2\r\xef\xeb\x8b\xfaw\x92$QJSRRF\x8c\x18!\xca\x11\xbe\xbe\xa2\xa0"\x82&gt;\xe7&lt;\x7f\xb0\x16q\x7f\xd5\xaaU\xdb\xb7ow\xbb\xdd\x9e\x8f\xab\xaaZ%\xa9\x9a\x88\xfbe\xcbT\x08\x0f\x0fw:\x9d.\x97\xd3\xe5v\xc5\x98c\xb7l\xfd\xfd\x95\x8e\xcf!\x8et\xaa\xcf\x9d;\xb7S\xa7NP\x08\n&gt;\x90\x00\x02\x95x7v\xec\xd8\xf1\xf3\xcf?\xf7\xf5\xb5\xdc\x8b#G\x8e\x94-[\x16\x16\x99\xdc\x177\xc6}J\xe9_\x7f\xfdu\xd3\xb8o2\x99\x93*&gt;\xf2h\xbd\x06O6h\xea\x89\xfbNg\x1ec\x14\xe3\xab\xd3\x03\xba\xae%&amp;\x14\x1c\xf9\xc1\xe0i\x9f\x8d\x97e\xc5`P7o\xde\\\xa5J\x15\xc8\xd9A\x06\x12@@\x12\xd1\x7f\xe3\xc6\x8dO&gt;\xf9\xa4$I\xf9\xdf\xde\xfeOUUM\xd3\x1a7n\xbcf\xcd\x1a\x18T\xfe\x177\x8d\xfb[\xb7n]\xb9r\xe5\x8f?\xfex,\xed\x98\xcb\xed\xf2|\xb1)\xda\\\xbbf\xdd\xc6\r\x9f\xae_\xafA\xb1\x87J(\x8a\xe2t]\x1f\xf7\xf3c\x8c\x19#\x8cm:&lt;\xb3y\xcb\xef\x08\xa1j\xd5\xaam\xdf\xbe\x1d\xc1\x06\xb1\xe0\x02\t  QJ\x11BO&gt;\xf9\xe4\xc6\x8d\x1b1\xc6\r\x1b4\xed\xd1\xad\xaf\xcd\x96C\x88\xff\x06S\xce\x99\xaa\xaa\x97.]\x1c8\xa4\x97\x98\x96\\\xb3fM\x93&amp;M \x07\xdc-\xcff]\xcf\xef-\x7f\xdc?x\xf0`\xfe/\xce\x1f\xf7\x8b\x17+)IR^\x9e\xc3\xe5rq\xcen\x1a\xf7=\x18c\x06CXz\xfa\xe5f\xcf?\x9am\xb50\xc6\xfa\xf6\xed;i\xd2$\x98\x0c\x08&amp;\x90\x00\x02\x8f\x88\x98\x0b\x17.\xec\xd0\xa1\x83$\xc9\x84\xe0\x1fV\xfd^\xa3Zm{\xae]\xf2\xe3\x04\x80\x10\xa7\x8cEGE\xbd\xd1\xb7\xf3\xa2\xaf\xe6a\x8c\xcb\x96-\xbbo\xdf&gt;Y\x961\xc60\xa8\xfcW7\xc6}\x9b\xcd\xb6m\xdb\xb6\x9f~\xfa\xe9\xc6\xb8_\xa4\xf0C\xf5\xeb&gt;^\xabF\xddzuR\x8a\x17/u-\xee;9\xbf\x8b!\xbc\xae\xeb\xb1\xb1q\xcb\xbe^\xd4\xa7\xff\xeb\xaa\xaa\xba\xdd\xeee\xcb\x96\xb5h\xd1\x02rv\xd0\x80\x04\x10`\xc4d\xaf\xcdf\xabQ\xa3\xc6\xc9\x93\xa7\x18\xa3=^\x7fs\xc4\xd0\x8f\xd23.\xcb\xb2\xec\xd77\x13#\xce\xb8A5Xs\xacO&gt;U\xc3f\xb71\xc6\xc6\x8c\x19\xf3\xee\xbb\xefB@\xb9\x8d\x1b\x9b4\xe4\xe4\xe4\xac_\xbf~\xd5\xaaU\xbf\xfc\xf2\x8bg\xd3\x96P\xb8\xf0C\xf5\xeb&lt;\xde\xb8\xe1\xd3\xb5k\xd6+P\xa0 B\xe8\x1e\xe2~~\xba\xae\'\xc4\'\x0e\x18\xdc\xf3\xf3E\xb3\t!qqq\xfb\xf7\xefOLL\x84\xc9\x9b\xe0\x00\t \xc0\x88\x07\xf0\x91#G\x8e\x181B\x92\xa4\x98\x98\xb85\xdfn2\x9bc4M\x0b\x88A\xb4\xae\xeb\xb11q\xd3gN\x1c=v\x08!\xc4l6\x1f&lt;x011\x11\xc1\xce\x80\x7f\xbai\x93\x86[\xc6\xfdB\x0f\xd5\xaf\xfbw\xdcg\x8c9\x1c\x0eMs\xa3\xff\\\xb2\x17\xabu\x15Yi\xfeb\xca\xe1\xa3\x07\x11B\x9e\xc9\x1b(\x04\x05\x01H\x00\x81\xc4\xb3\xf4\xb3F\x8d\x1av{.\xa5\xfa\xd8Q\x93;w\xfc_Ffz\xa0\xbc\x1b9G\x04cLp\x93g\xea\x9e:}\x82s\xfe\xdak\xaf\xcd\x9b7\x0f\x1e\x02\x84[m\xd6\xfd\xfe\xfb\xefw\xec\xd8q]\xdc/[\xa6|\x83\x94\xc6\x8f\xd5\x7f"\xa9\xe2#\x85\n\x16\xa6\xf7/\xee\xe7G)\x8d4F\xee?\xb8\xa7E\xdbf\xba\xaei\x9a6b\xc4\x08h\x11\x11\x1c \x01\x04\x92\xfcK?\t!\x15\xca\'\xadZ\xb2\x8eq\xe6\xeb\xeb\xba;\x94RS\xb4\xf9\xa7\xb5\xdfu\xe9\xd1\x86\x10"\xcb\xf2\xe6\xcd\x9b\xabW\xaf\x1e\xcaU\x85;\xdf\xac\x8b\x10*[\xa6B\x83\x94F\x8d\x9f|\xbaJ\xe5j&amp;S\x8c\xaekNg\x9eX\t\xf6\x80\x96\xe8\xe8\xba\x9e\x10\x9f0k\xde\xf4!\xc3\xfbI\x92\x8c1\xfa\xe3\x8f?\x92\x93\x93aUh\xa0\x83\x04\x100\xf2/\xfd\xc4\x18\xeb\xba\xbep\xce\x8a\x86O&gt;\x95\x9dm\t\xb8\xb13c,*2\xaau\xfbg6\xfd\xb9\x01!\xf4\xf8\xe3\x8f\xaf_\xbf&gt;\x04\x1f\x02n\x8c\xfbg\xce\x9c\xf9\xf5\xd7_W\xadZu}\x93\x06\xd5P\xb1B\xe5\x9a5\xea4i\xd8\xbcJ\xe5j&amp;\x93Y\xd34\x87#W\xa7:\xc6\x98\xe0\x07\xbe4\x93R=66\xfe\xb5\xd7[\xfe\xb4\xf6;\x8cI\xc9\x92%\xf6\xed\xdb\x17\x16\x16\x06\xabB\x03\x1a$\x80\x80\x91\x7f\xe9\'B\xe8\xa9&amp;\xcf\xce\x9e\xbe8\xc7\x96\x13\x88A\x931\x16\x11a&lt;|\xe4\xc0\xb3/7`\x8cQJCgy\xc9m\x9a4\xacZ\xb9j\xdf\xfe}6\x9b\xcd\xf3\xc5\xf9\x9b4\x94-S&gt;&lt;,B\xd3\xaf\xc6}r\xdbE\x9c\x0f\xe2\xb2eY\xb6\xdbm\xcf\xb5x\xe2\xdc\xf9\xb3\x8c\xb1N\x9d:\xcd\x9d;\x17\nA\x01\r\x12@`\xb8q\xe9\xe7\xea\x95\x1b\xcb\x97\xad\x98\xeb\xc8\r\xd0gp]\xd7\xe3\xe3\x12\x86\x8f\x1e8c\xf6\'\x84\x90\x12%J\xec\xda\xb5+222XG\x94w\xd5\xa4\xc1\xa0\x1a*\xff\x1d\xf7o\xbeY\xd7\xfb\xc4\x04\xfe\x9au\xab_\xeb\xdaB\xf4\n\x85\x16\x11\x81\x0e\x12@\x00\xb8\xf9\xd2\xcfa\x1feff\x04\xee\xe0\x8bs\xae(Jv\xb6\xa5\xe9s\xf5-\x96LJiPN-\xdet\xb3\xee\xae]\xbb6l\xd8\xb0r\xe5\xca\x1d;v\xe4\x8f\xfb\xd1\xd1\xa6\xe4Z\xf5\xeb\xd4~\xb4~\xdd\x94re+\xf9I\xdc\xcfO\xd7\xf5\xf8\xf8\x84\xd1\x1f\xbc;m\xc6\x04EQTU\xdd\xb7o_\xa9R\xa5`2 @A\x02\x08\x00\x81\xbe\xf4\xf3V\xc4C\xc0\xdc\x05\x9f\r~\xaf\xaf$\xc9\x91\x91\xc6\x9d;w\x96*U*\x08f\x83o\xdf\xa4\xe1\xf6\x9bueY\xf6\xb7\xb8\x9f\x1f\xe7&lt;"\xc2\xd8\xba\xdd\xd3\x7fn\xfd\x03!T\xa7N\x9d?\xfe\xf8\x03A\x8b\x88\xc0\x04\t\xc0\xdf\x05\xc1\xd2\xcf\xdb#\x98\xbc\xd0\xba\xd1\xe1#\x07\x18c\x1d:tX\xb0`A@\x97\x14\xc4T\xcd\x9d5i0\xd5\xaeU\xaf\xf1\x93\xd75ipr\xce\xfd0\xee{PF#\xc2\x8d\'O\x1d{\xbee\xc3\xdc\xdc\\Juh\x11\x11\xb8 \x01\xf8\xbb\xe0X\xfay+\x94R\xb39\xe6\x97_\x7fj\xdf\xe5%Y\x969\xe7\xbf\xfe\xfakJJJ@\xe7\x00\x84\x90\xcdf\xfb\xf5\xd7_\xd7\xaf_\xbfv\xed\xda\xeb\xe2\xbe\xd8\xb4\xf5\xe4\x13M+W|\xa4D\x89\x87\xef\xadI\x83o\xe9\xba\x1e\x17\x17\xbft\xf9\x17\x9e\x16\x11?\xff\xfcs\xe3\xc6\x8d\x03\xfd\xae\x85 H\x00~-\x98\x96~\xde\n\xa54:\xca\xd4\xe5\x7fm\xd6\xac\xfd\x1e!\x94\x92\x92\xf2\xdbo\xbfq\xce\x03\xee\x1f\xc89\xd7u\xfd\xa7\x9f~Z\xb1b\xc5\xbau\xeb\xce\x9d;\x97\xff\xb3\xd75i\xe0\x9c;\x9dy\x81\x15\xf7\xf3\xd3u=!!\xb1\xef\x80n\x8b\x97\xcc\'DJH\x88\xdf\xbbw/\xb4\x88\x088\x90\x00\xfcZ0-\xfd\xbc\x15\xc6Xxx\xc4\xc9\x93\xc7\x9ek\xf9\xa4\xc3\xe1\xa0T\x9f?\x7f~\xc7\x8e\x1d\x03k8)Z&amp;dee\x15(P@\xd7u\xcf\xc7\x8b&gt;T\xacN\xedG\x1b7l~\xdf\x9b4\xf8\x16\xe7\x9c\x10I\xd7\xb5\x17Z5\xfc+\xed(B\xbcq\xe3\xc6?\xff\xfcs`\xdd5\x00\t\xc0\x7f\x05\xdf\xd2\xcf[\xd14\xad@b\xc1\x91c\xde\x996c\x02!Rbb\xc2\xc1\x83\x07\xcdfs\x00u\t\x15\t\xc0b\xb1\x94-[6;;\x9b\x10\xf2J\xab\xd7\x9ek\xfer\xd92\xe5\xe3\xe2\x12\x10\xe7\xb9A\x11\xf7\xf3\xa3\x94FEE\xef\xdb\xbf\xbb\xd5\xab\xcd\xdc\x9a[\xd3\xb4I\x93&amp;\xf5\xed\xdb\x17&amp;\x03\x02HP\xc5\x91`"\x02\x8a\xd5j\x1d9r$!\x12\xa5z\x97\x8e=\xabT\xaef\xb3\xdb\x82,\xfa#\x84dY\xce\xb6Z\xbau\xe9]\xbcX\t\x84\xf8\xa5K\x97&amp;N\x9cH\x08\x11\xdd\x8f\x03\x0b\xa5L\xd7\xf5\x88\x08\xe3\xbbo\x8f\xaaW7\xc5`\x08\xcb\xce\xb6d[\xb3)\xd5%I\xca\xbf\xf9+\xd0I\x92d\xb5f\xd7\xaeY\xb7\xff\x9bC4M\x93ee\xc0\x80\x01{\xf6\xec\x91eY&lt;\xb9\x02\xff\x17l\xa1$hPJ\t!\x93\'O&gt;~\xfc8\xc6(&gt;&gt;\xb1k\xe7^\xb9\xb9\xf6\xa0|\xbe\xc6\x18\xbb\xdd\xee\x02\x05\n\xf5\xec\xf6\x16cL\x92\xe4\x8f?\xfe8--M\x92\xa4@\xcc\x01\x08!\xce\xb9%;\xcbn\xcf\x11\x8fq\xc1\x14\xf7\xf3S\x14%=\xe3J\xb7.\xbd\x9b6j\xae\xeb\x1a\xe7\xbcc\xc7\x8e\xb9\xb9\xb9\x08!(-\x04\x04H\x00\xfeH\xf4\t8~\xfc\xf8\xa4I\x93$I\xa6\x94\xf6\xef\xf3\xeeCE\x8a9\x9d\xce\xa0\x8c#\x08!Y\x96\xb3\xb22[\xb7\xecP\xabF\x1dJu\xb7\xdb=d\xc8\x10\x14\xc8qD\x92$B\x823\xee\xe7\x871vk\xda\xfb#&amp;\xc6\xc5% \x84\xf6\xed\xdb\xd7\xbbwoI\x92\xe0!  @\x02\xf0G\xa2\xfe3j\xd4(\xab\xd5\xca9\xabT\xb1J\x8b\x17\xdbf[-\xc1]Z\xe5\x9c+\xb2\xf2f\xafw\x08!\x92$/[\xb6l\xc3\x86\r\x10J\xfc\x1c!$/\xcfQ\xa4p\xd1\xf1c?\x15\xa7~\xce\x9b7o\xd9\xb2e\xb2,\xe7\x9f\x0c\x07\xfe\t\x12\x80\xdf\xf1,\xfd\\\xb4h\x91,\xcb\x8c\xb1w\xfa\x8f0FF\x06}\x1c\x94$)\xdbji\xfc\xe4S\xcf?\xd3\x82R\x1dc\xdc\xbf\x7f\x7f]\xd71\x86\xa5\n~M\x96eKvV\xf3\xa7^\xe8\xd9\xed-\xb7\xdb\xad(J\x8f\x1e=N\x9c8!^\xbd\xbe\xbe:p;\x90\x00\xfc\x11\xa5t\xd8\xb0a\x94R]\xd7\x9fj\xf2\xec\x13\x8f7\x0e\xa6\x85\xff\xb7!IR\xae#wP\xff\xe1f\x93\x19c\xbcs\xe7\xce\xd4\xd4\xd4\x00\x9d\r\x0e)\x92$Y\xb2\xb3\xfa\xf5y\xb7J\xe5j\x9a\xa6eee\xbd\xfa\xea\xab\x9a\xa6\x896V\xbe\xbe:pK\x90\x00\xfc\x8b\xae\xeb\x92$-^\xbcx\xe3\xc6\x8d\xb2,+\x8a\xfaV\x9fwE7\x08__\x9a7`\x8c\xf3\xf2\xf2J\x95,\xfdZ\xfb\xee\xa2\xbf\xd8\xb0a\xc3,\x16\x0b!\x04\xe2\x88?\xc3\x18SJ\x15Y\x9e2~\xb6\xc9dV\x14e\xcb\x96-c\xc6\x8c\x81\n\x9e\x9f\x83\x04\xe0G\xc4.\xca\x9c\x9c\x1c\xb1\xf4S\xd7\xf5\xce\x1d{\x04\xeb\xd2\xcf[\x91$\xc9\x92m\xe9\xd9\xfd\xad\x12\xc5Kr\xce-\x16\xcb\xb0a\xc30\xc6\xf0\x10\xe0\xe7$I\xb2\xe5\xda*\x94O\x1a9t\x9c\xa6i\xaa\xaa\x8e\x1c9r\xed\xda\xb5\xb0*\xd4\x9f\x85JX\t\x08b\xcc\xfb\xd1G\x1f\x1d?~\x1c!^\xbcX\x89^=\xfa\xdbl\xb6P(\xfex\x88\x8e\x17\x91\x91Q}{\r\x16\x19155\xf5\xe8\xd1\xa3P\x08\xf2\x7f\x8a\xacdfe\xb4z\xb9\xddK\xcf\xb7v\xbb\xdd\x84\x90\xf6\xed\xdb\xa7\xa7\xa7\xc3\xbd\xf3[\x90\x00\xfc\x85X\xfa\x99\x96\x966~\xfcxI\x92\x19c=\xbb\xbd\x95\x98X\xd0\xedv\x85H\xfd\xc7C\x96e\xab5\xbb\xe5K\xaf\xd6\xaeY\x971\xa6\xebz\x9f&gt;}`*8 \x10Br\x1d\xb9cFN*W\xb6\x02B\xe8\xf2\xe5\xcb={\xf6\x84\x078\xbf\x05\t\xc0_\x88\xe86d\xc8\x10\xb7\xdbM\xa9^\xabF\x9d\xd6-;dee\x06\xf7\xd2\xcf\xdb\xa0L\x7fg\xc0HY\x96\t!?\xff\xfc\xf3\xcf?\xff\x0c\x05e\xff\x871vk\xae\xa8\xa8\xe8qc\xa6a\x8ceYY\xbe|\xf9\xf4\xe9\xd3aU\xa8\x7f\x82\x04\xe0\x17\xc4\xd2\xcf\r\x1b6,[\xb6L\x92dB\xc8\x9b\xbd\xdeQd%d\xc7\xbc\x84\x10\x9b\xcdV\xbf\xee\xe3\xad[\xb4\x17s\xe0}\xfa\xf4q\xbb\xdd\xf0\x1c\xe0\xffdI\xb6Z\xb3\x93k\xd7\x1f\xf8\xd6{\xba\xae)\x8a2h\xd0\xa0\xfd\xfb\xf7\xc3\xaaP?\x04\t\xc0\xf7\xc4\xb6/\x97\xcb\xd5\xbf\x7f\x7f\x8c\t\xa5\xfa\xb3\xcd_j\xfcd\xb3lkH,\xfd\xbc\x15I\x92\xec\xb9\xb6\xb7\xfa\x0c1E\x9b0\xc6G\x8f\x1e\x1d?~&lt;T\x93\x03\x82,\xcb\xd9\x16K\xcf\xeeo\xd5\xab\x93\xa2i\x9a\xddn\x7f\xf5\xd5Wm6\x1b\xac\n\xf57\x90\x00|O\xcc\xfd~\xf5\xd5W;w\xee$\x84DEE\xf7\xe990/\xcf\x11:+\x7fn\nc\xect:\x0b\x17*\xd2\xe7\x8d\x81\xe2W4a\xc2\x84K\x97.AA9 p\xc45\xcd=i\\j\\\\\x82$I\xfb\xf7\xef\x1f&lt;x0\x14\xf1\xfcMH\x87\x18\x7f\xe0\xe9#\xff\xce;\xefH\x92D\xa9\xde\xf1\xd5\xaeU*W\xb3\xe7\xda}\x9e\x00\x18g\x94\x8a\xedh:\xa5:\xa5\xbaNu\x9d\xea\x94R\xef\x84`I\x92m\xb6\x9c\x0e\xafv-Y\xe2a\xceyVV\xd6\xe0\xc1\x83aO\xc0M\xf1{\xf2\xe0\xae\x87\x10\x92\x97\x97W\xb4h\xf1\xf1c?\xa5\x94\xaa\xaa\xfa\xe9\xa7\x9f~\xfd\xf5\xd7\xb0*\xd4\xaf@\x02\xf011\xb6\x9d8q\xe2\xa5K\x978\xe7\xc5\x8b\x95\xe8\xd6\xa5wv\xb6/\xdb\xfep\xce)\xd5\x11Ba\x86p\x93\xc9\x1c\x1b\x13\x1f\x1f\x97\x10\x1b\x13\x1f\x1b\x13\x1f\x1f\x9b\x10\x1f\x9b\x10c\x8e\r\x0f\x8f\xf0B\x14\xc6\x18\xe9T\x8f\x087\x0e}g\x8cX\x12\xbax\xf1b\xf1\x9c\x04\x0f\x01\xf9a\x8c\x95\xbb\xf7\xa0_c\xb2,[,YO7}\xae\xc3\xab\xaf\xbb\xddnI\x92\xbav\xedz\xfc\xf8q\xb8}\xfe\x03\xa6\xd4|ID\xff\xb4\xb4\xb4\xa4\xa4$J\x19\xa5\xfaG\xefOy\xadC\xf7\x8c\x0c\xdf\x1c\xf8\xce9g\x8c\x85\x85\x85G\x84G\xd8sm\xa7\xcf\x9c:q\xe2\xaf\xb3\xe7Ogff8\xf2\x1c\x9c3\x83\x1a\x16\x19\x19U\xa0@\xc1\xa4\x8a\x8f\x94-SA4\xeay\xd0W\xc5\x18\x8b\x8a\x8cj\xdd\xfe\x99M\x7fn@\x08=\xfe\xf8\xe3\xeb\xd7\xaf\xf7\xb7\x93\xa7&lt;\x07\xc2&lt;\xfcpi\x8b%\xcbd2\xaf[\xbd566N\xd3\xb4\x07\xfd+\xc2\x18\xeb\xba&amp;\x9a0\xdf\xf1\xf7 \xc4\x11!$22\xea\x81]\x17B\xd7~-\xb2\xac\xbc\xd8\xba\xf1\xbe\xfd\xbb\x10B\r\x1b6\\\xb7n\x9d\xbf\xdd\xbe\x90\x05\t\xc0\x97\xc4\xdb\xa0U\xabV\xcb\x96-C\x08\xd5\xaaQg\xd9\xe2\x9f|U\xfd\xa7\x94*\x8a\x12\x15\x19\xf5\xd7\xb1\xa3\xdf|\xb7\xec\xe7u\xab\x8f\xa6\x1dv\xbb]7\xfd\xe2:\xb5\x1f]\xfe\xe5O6[\x8e\x17.\x951\x16\x11a&lt;|\xe4\xc0\xb3/7`\x8cQJ\x97-[\xd6\xa2E\x0b\xbf\n"\xbeJ\x00\x94R\x93\xc9\xfc\xdd\xea\x15\x03\x87\xf4"Db\xec\x8e\xaa+\x04\x13\xc6Y\xb1\xa2%\x96,\\\xad(\xca\x03\xed5B)5F\x18O\x9c:\xf6\xf4\x0b)\xba\xaei\x9a6b\xc4\x88\xe1\xc3\x87\xc3\xc1a\xfe\x00n\x80\xcf\\\xb7\xf4\x93s&amp;\x96~:|\x91\x92)\xd5##\xa3\xadV\xcb\x84\xc9c\x16-\x99g\xb3\xe5\x88\x8f\xcb\xb2|\xad\xa9=G\x1c!\x8c%I\x12\x1b\xfd\xbd6t \x84\xd8\xed\xb6j\x8f\xd4\xec\xd2\xb1\xe7\x8c\xd9\x9f\x10B\x06\r\x1a\xd4\xb8q\xe3\xc8\xc8H\x11v\xbds\x19\xfe\x8aKD\xba\x92~)\'\xc7z\xb7\xdfi\xb5f?\x80\xeb\xb9\x9e$I\xf6\\{\x85r\x95\x86\xbd3\xe6\xdd\xe1\xfd\x14E\x191b\xc4\xa3\x8f&gt;\xda\xb0aC\xbfJ\xe1\xa1\t\xe6\x00|\xc3\xaf\x96~\xeaT7\x99b\xf7\xec\xdd\xf1b\xeb&amp;3f\x7fb\xb3\xe5\xc8\xb2\xac(\nBH\xd7u\xb7\xdb\xe5r9].\x97\xcb\xedr\xb9\x9c\x0eG\xae\xa6\xb9].\x17B\xde\x8b\xbcbIh\xd7\xce\xbd\xe2\xe3\x131\xc6\'N\x9c\x98&lt;y2,)AH$e\x9cm\xcd\xc6\x18+\xb2"NQ\x96\xff\x8d\xaa\xaa\xe2\xff\xbds\x91\xb2,gY\xb2:w\xfc\xdfK\xcf\xb7\xd64\x8d\x10\xd2\xbd{\xf7\xac\xac,\x14\xc8\x07\xfe\x04\x07x\x02\xf0\r\xd1\xf8A,\xfd\x94$9""\xd2WK?)\xd5\xcd\xd11\x1b~_\xd7\xb5g\xdb\xdc\\\xbb,\xcb\x8cq\xb1i\x13c\\\xael\xc5\xf2e+\x16)R4:\xda,K\xb2\xcb\xe5\xb4dg\x1d9z0&gt;.\x911\xea\xb5\xd1\xb7X\x12\xfaP\x91b\xfd\xfb\xbc;\xf8\xbd\xbe\x92$O\x9a4\xa9]\xbbv\xa5J\x95\x12\xf3(\xde\xb9\x0c?$\x1e\xcd\xb2-\x99\xf9\x17\xf6\xdc\xe1\x9e\xdb{xh\xb8g\x84\x10\x9b\xdd\xf6\xfe\x88\x89\xdbwn9\x7f\xe1\xec\xf1\xe3\xc7\xff\xf7\xbf\xff-Y\xb2\x04\nA\xbe\x05\xbfz\x1f\xb8\xd5\xd2\xcf\xcb\x97/\x89q\xb7\xd70\xc6\x8c\xc6\xa8\x83\x87\xf7u\xef\xd5.7\xd7.\x11\x891\xc6\x18SUC\xbbW:\xb7x\xf1\x952\xa5\xcb\x1b\x8d\x91\x12\x918\xe2\x88#\x8c1G\xdc\xedv\xdb\xed6\xa73\xcf\x9b\xe5\x17qp|\x8b\x17\xdb~\xf1\xd5\xdc\xc3G\x0eX\xad\xd6Q\xa3F-X\xb0 \xe4\xd7\x93`F\x99%;\x0b\xa1\xab\x8fd\xd1Q\xa6\x01\xfd\x86\x1a\x0ca\x8cQ|\xab\xa74\x8c9gQ\x91\xd1"wz\xe1&gt;b\x8c5\xcd\x1d\x15\x15=\xf1\xa3\xcf^\xe9\xf8\x1c\xc1d\xe9\xd2\xa5O=\xf5T\xa7N\x9d\xa0\x10\xe4C\x90\x00|@\x0c\xff\xc5\xd2OB\x88\xaf\x96~r\xce%Ir:\xf3\xde\xec\xff\xba\xcd\x96#I\x92X\x05\xf4p\xa92\x9f\x8c\x9fU\xabf]g^\x9e\xd3\xe5\xcc\xce\xb6p\xc4E\x84\xe0\x08a\x840&amp;\xb2,{\xff\xe1\x9dR\x1ae\x8e~\xa7\xff\x88\xf6]^\x92ey\xd1\xa2E]\xbatIII\t\xe5\x08\x821b\xfcj\x02\x10\xe1&gt;!\xa1@\xa7\x0e=\xaeN\xed\xde\xa6L\x87\x11c\xccn\xb7y\xed&gt;J\x92\x94\x93\x93\xdd \xa5q\x8f\xae}\xa7}6^\x96\x95\xde\xbd{\xd7\xa8Q\xa3J\x95*!\xfe\x18\xe7C\xf0K\xf76O\xd7\xcf\x8f?\xfe\xd8\xd3\xf5\xb3@\x81B\xa2\xd1\x8dw\xaf\x84FG\x99f\xcc\xfa\xe4\xf0\xd1\x83\x92$\x8b\xe8_\xaeL\x85\xa5\x8b~\xa8\xfaH\xcd\xf4\x8c+\x8e&lt;\x07BH\x92$Y\x92%I\x96$Y\xfc\x87\xaf\xb6bI\x92\x94\x9dmy\xe2\xf1&amp;M\x1b?\xa3\xeb\xba87-\xc4\x9f\x000&amp;\x9a\xa6\xe5\x9f\xce\x8d\x8a\x8cr:\x9d\x99\x99\x19\xd9\xd9\x16Kv\xd6-\xffg\xc9\xf2\xce$p~\xb2\xacdd\xa6\x0f\xec7\xac^\x9d\xc7\xc4\xd2\xd5\xd7^{\x8dR\n-"|\x05\x12\x80\xb7\xf9I\xd7O\xcey\x98!\xec\xd4\x99\x13s\x17|F0A\x9c#\x84\xa2\xa2\xa2?\xfdd~bBA\xab\xd5\xa2\xc8\x8a\x1f\x0e\xca0\xc6:\xd5\xdf\xe9?"**Z\x92\xe4\x8d\x1b7.\\\xb80dg\x83\xc5\xe68\xa73\xcff\xb7y&gt;h2\xc5\x84\x87\x87\x13\x82\xa5;\xe0\x93\xcb\xd6)\x9d4nflL\x1c!d\xf7\xee\xdd\x03\x06\x0c\x08\xd9;\xe8s~\xf7\x0e\x0fn\xfe\xd3\xf5\x931j4F\xae\xfcf\x895\'\x1b\x13,\n\x02\xbdz\xf4\xafR\xb9\xba\xd5\x9a-\xcb^\x9d\x8a\xb8sbIhR\xa5G:\xbe\xda\x95R\x9d\x10\xe9\x9dw\xde\xc9\xca\xca\n\xd9.\xa1\x18c\x97\xcbi\xb3Y\x11B\xe2\xdf\x1f\x1b\x1bG0\xf1\xdb_\x06!$/\xcfQ\xacX\x89\x11C?b\x8c\xa9\xaa:y\xf2\xe4\xe5\xcb\x97C\x8b\x08\x9f\x80\x04\xe0=~\xb5\xf4S\x92\xe4\x1c\xbb\xed\xdb\xd5\xcb1\xc6\x08aJi\x81\x02\x85\xda\xb4\xeah\xb5\xfa\xb2\x0b\xc5\x9d\x10\xb3\x</t>
        </is>
      </c>
    </row>
    <row r="453">
      <c r="A453" s="1" t="n">
        <v>451</v>
      </c>
      <c r="B453" t="inlineStr">
        <is>
          <t>color_overlap_squares</t>
        </is>
      </c>
      <c r="C453" t="inlineStr">
        <is>
          <t>What is the missing color of the part denoted with a question mark?</t>
        </is>
      </c>
      <c r="D453" t="inlineStr">
        <is>
          <t>['red', 'yellow', 'orange', 'green']</t>
        </is>
      </c>
      <c r="E453" t="inlineStr">
        <is>
          <t>red</t>
        </is>
      </c>
      <c r="F453" t="inlineStr">
        <is>
          <t>There are 3 squares which overlap each other in the image. The color of the squares are ['yellow', 'blue', '?']. The part where the first and second squares overlap is green. The part where the second and third squares overlap is purple.</t>
        </is>
      </c>
      <c r="G453" t="inlineStr">
        <is>
          <t>We observe that the yellow and blue squares overlap to form green. Hence, the pattern is that the color of the part where two squares overlap is determined by mixing the two colors.</t>
        </is>
      </c>
      <c r="H453" t="inlineStr">
        <is>
          <t>Based on the pattern that the color of the part where two squares overlap is determined by mixing the two colors, the missing color of the part which overlaps with blue to form purple should be red.</t>
        </is>
      </c>
      <c r="I453" t="inlineStr">
        <is>
          <t>b'\x89PNG\r\n\x1a\n\x00\x00\x00\rIHDR\x00\x00\x02\x00\x00\x00\x02\x00\x08\x02\x00\x00\x00{\x1aC\xad\x00\x00!HIDATx\x9c\xed\xdd}\x90]e\x81\xe7\xf1\xe79\xe7\xdc{\xd3\xb7;\xe9\x84\x18\xd8\x9dMQ,\xbajM\x99\x01\xd6$\n+\x81-BE\\-\xa9B\xc7\xda\x8d\xa2S\x90\x04\x17AGK\x94hm\x15%\xc2V\xe9\xd6\x84\xd4@\x85f\xa0B\xc8\xee\xa23\x96[\xee\x16J-8&amp;\x85%!\x01\xc47DYe\xd1\xd1\x8d\x81t:\xfdz\xef=\xe7&lt;\xfb\xc7\x13\x9a\xa6\xd3\xe9\x97{\x9fs\xce\xf3\xf2\xfd\x94e1]qr\xe8~\xee\xef\xdb\xf7\xa5oK\xa5\x94\x00\x00\x84\'\xaa\xfa\x02\x00\x00\xd5 \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e0\x94,\xcb\x94RU_\x05\xca#\xf9z\x03\x10B(\xa5\xa4\x943\xff\x01\xde\xe3\x1e\x00\x10:\xa5\x94\x1e\xfd;\xee\xb8\xe3\xe8\xd1\xa3R\xca&lt;\xcf\xab\xbe(\x94\x81\x00\x00ASJ\xe5y.\xa5\xbc\xe1\x86\x1b\xbe\xf4\xa5/}\xf0\x83\x1f\x1c\x1e\x1e\x8e\xa2\x88\x06\x84\x80\x00\x00\xe1\xd2\xeb\x1f\xc7\xf1\xf6\xed\xdb\xef\xbd\xf7\xdef\xb3y\xe8\xd0\xa1-[\xb6\xd0\x80@\x10\x00 P3\xd7\xff\xbe\xfb\xeek4\x1a\x13\x13\x13I\x92\x1c&gt;|\x98\x06\x04\x82\x00\x00!:}\xfd[\xad\xd6{\xde\xf3\x9e,\xcbh@8\x08\x00\x10\x9cY\xeb\xdf\xd7\xd7\xd7j\xb5\xb6n\xddz\xe0\xc0\x81]\xbbv\xa5i\xdah4h@\x08\x08\x00\x10\x96\xd3\xd7\x7frr\xf2\xdak\xaf\xdd\xbbw\xef\xf0\xf0\xf0\xcd7\xdf|\xd7]w\xb5Z-\x1a\x10\x02\x02\x00\x04\xe4L\xeb\x7f\xff\xfd\xf7\x8f\x8e\x8e\n!\x8e\x1d;F\x03\xc2A\x00\x80P\xcc\xbf\xfey\x9eGQ\x94$\t\r\x08\x07\x01\x00\x82\xb0\x98\xf5\xd7\x7f\x92\x06\x84\x83\x00\x00\xfe[\xfc\xfak4 \x10\x04\x00\xf0\xdcR\xd7_\xa3\x01! \x00\x80\xcf\xba[\x7f\x8d\x06x\x8f\x00\x00\xde\xeae\xfd5\x1a\xe07\x02\x00\xf8\xa9\xf7\xf5\xd7h\x80\xc7\x08\x00\xe0!S\xeb\xaf\xd1\x00_\x11\x00\xc07f\xd7_\xa3\x01^"\x00\x80W\x8aX\x7f\x8d\x06\xf8\x87\x00\x00\xfe(n\xfd5\x1a\xe0\x19\x02\x00x\xa2\xe8\xf5\xd7h\x80O\x08\x00\xe0\x83r\xd6_\xa3\x01\xde \x00\x80\xf3\xca\\\x7f\x8d\x06\xf8\x81\x00\x00n+\x7f\xfd5\x1a\xe0\x01\x02\x008\xac\xaa\xf5\xd7h\x80\xeb\x08\x00\xe0\xaaj\xd7_\xa3\x01N#\x00\x80\x93lX\x7f\x8d\x06\xb8\x8b\x00\x00\xee\xb1g\xfd5\x1a\xe0(\x02\x008\xc6\xb6\xf5\xd7h\x80\x8b\x08\x00\xe0\x12;\xd7_\xa3\x01\xce!\x00\x803l^\x7f\x8d\x06\xb8\x85\x00\x00n\xb0\x7f\xfd5\x1a\xe0\x10+N\x0c\x80\xf9\xb9\xb2\xfe\x1a\rp\x85E\x87\x06\xc0\x9c\xdcZ\x7f\x8d\x068\xc1\xbas\x03`&amp;\x17\xd7_\xa3\x01\xf6\xb3\xf4\xe8\x00\x10.\xaf\xbfF\x03,g\xf5\xe9\x01B\xe6\xfa\xfak4\xc0f\x0e\x1c  @~\xac\xbfF\x03\xac\xe5\xcc\x19\x02\xc2\xe1\xd3\xfak4\xc0N\x8e\x1d#\xc0{\xfe\xad\xbfF\x03,\xe4\xe4I\x02|\xe5\xeb\xfak4\xc06\x0e\x1f&amp;\xc03~\xaf\xbfF\x03\xac\xe2\xfcy\x02\xfc\x10\xc2\xfak4\xc0\x1e\x9e\x1c)\xc0i\xe1\xac\xbfF\x03,\xe1\xd5\xa9\x02\\\x14\xda\xfak4\xc0\x06\x1e\x1e,\xc0!a\xae\xbfF\x03*\xe7\xed\xd9\x02\xec\x17\xf2\xfak4\xa0Z\x9e\x1f/\xc0Z\xac\xbfF\x03*\x14\xc4\t\x03l\xc3\xfa\xcfD\x03\xaa\x12\xd0!\x03,\xc1\xfa\x9f\x8e\x06T"\xb8s\x06T\x8b\xf5?\x13\x1aP\xbe@\x8f\x1aP\t\xd6\x7f~4\xa0dA\x9f6\xa0L\xac\xffb\xd0\x802q\xe0\x802\xb0\xfe\x8bG\x03J\xc3\x99\x03\n\xc7\xfa/\x15\r(\x07\xc7\x0e(\x16\xeb\xdf\x1d\x1aP\x02N\x1eP \xd6\xbf\x174\xa0h\x1c&gt;\xa0(\xac\x7f\xefh@\xa18\x7f@!X\x7fSh@q8\x82\x80y\xac\xbfY4\xa0 \x9cB\xc00\xd6\xbf\x084\xa0\x08\x1cD\xc0$\xd6\xbf84\xc08\xce"`\x0c\xeb_4\x1a`\x16\xc7\x110\x83\xf5/\x07\r0\x88\x13\t\x18\xc0\xfa\x97\x89\x06\x98\xc2\xa1\x04z\xc5\xfa\x97\x8f\x06\x18\xc1\xb9\x04z\xc2\xfaW\x85\x06\xf4\x8e\xa3\tt\x8f\xf5\xaf\x16\r\xe8\x11\xa7\x13\xe8\x12\xebo\x03\x1a\xd0\x0b\x0e(\xd0\r\xd6\xdf\x1e4\xa0k\x9cQ`\xc9X\x7f\xdb\xd0\x80\xeepL\x81\xa5a\xfd\xedD\x03\xba \x95RU_\x03\xe0\x0c\xd6\xdf\x88Y\xb3#\xa54\xf5\xff9M\xd35k\xd6\xec\xde\xbd\xfb\xd3\x9f\xfet\xa3\xd1h\xb5Z\x1b6lx\xf4\xd1GW\xadZ\xc5W\xe7t\x04\x00X,\xd6\xbf\x17y\x9e\xe7y.\xa5\x8c\xe38\x8e\xe3(\x8a\xa4\x94\xfaS\x9aeY\x96eB\x08\xfd\xc1\x1e\xff"\x1a\xb0x\x04\x00X\x14\xd6\xbf;J\xa9,\xcb\x92$i6\x9b\xf5z=\xcb\xb2\xb1\xb1\xb1\xd1\xd1\xd1\xc9\xc9\xc9v\xbb]\xab\xd5\x9a\xcd\xe6\xe0\xe0\xe0\xc0\xc0@\x9e\xe7\xa3\xa3\xa3Y\x96\xc5q\xdc\xe3_J\x03\x16\x89\x00\x00\x0bc\xfd\xbb\x93\xe7y\xa3\xd1\xe8\xef\xef\x1f\x19\x19y\xee\xb9\xe7\x0e\x1e&lt;x\xe4\xc8\x91\xdf\xfc\xe67G\x8f\x1e\x9d\x9c\x9c\xcc\xb2,\x8a\xa2f\xb3\xb9v\xed\xda\x0b.\xb8\xe0}\xef{\xdf\xe6\xcd\x9b\x07\x06\x06FFFh@9\x08\x00\xb0\x00\xd6\xbf;y\x9e\xf7\xf7\xf7\xbf\xfc\xf2\xcb\x0f?\xfc\xf0\xb7\xbe\xf5\xad\x9f\xfc\xe4\'\x0b\xfeO.\xb8\xe0\x82\xdbn\xbb\xed\x03\x1f\xf8\x80~\xe6\xb6\xc7\x0b\xa0\x01\x0b"\x00\xc0|X\xff\xeedY688\xf8\xe0\x83\x0f\xder\xcb-\xc3\xc3\xc3\xfa\x83\xb5ZM?\xc4\xaf\x9f\x0f\x10BH)\xf5\'P\x7f\x9e\xf5\x07\xef\xbc\xf3\xce\xcf\x7f\xfe\xf3\xc3\xc3\xc3\xdc\x0f(Z\xe8\xff\xfe\xc0&lt;X\xff^(\xa5\xce9\xe7\x9c\xe1\xe1\xe1Z\xadV\xab\xd5\xe28\xeet:\xedv\xbb\xddn\xa7i\xaa\xe7&gt;\xcb\xb2N\xa7\xd3\xe9t\xb2,SJ\xe9\xe7\x87o\xbd\xf5\xd6}\xfb\xf6\xadZ\xb5J?3\xdc\x0b^\x1b:?\xee\x01\x00sc\xfd{\x94\xe7\xf9\xe0\xe0\xe0{\xdf\xfb\xde\xc7\x1f\x7f\\\x7f\xe4\xec\xb3\xcf\xbe\xe4\x92K\xd6\xaf_\xff\xe67\xbfy\xe5\xca\x95q\x1c\x8f\x8f\x8f\xff\xeaW\xbfz\xe4\x91G\x0e\x1c8\xa0\xffL\x14EJ\xa9\xd5\xabW\x1f9r\xe4\xac\xb3\xce\xeat:\xbc.\xa88\x04\x00\x98\x03\xeb\xdf\xbb,\xcbV\xae\\\xf9\x9d\xef|\xe7\x9ak\xae\xb9\xec\xb2\xcb&gt;\xfa\xd1\x8fn\xde\xbcy\xed\xda\xb5I\x92dY\x96\xe7\xb9R*\x8a\xa28\x8e\xd34\xdd\xb7o\xdfM7\xdd\xd4j\xb5\xf4\x07\xb3,\xbb\xf3\xce;\xbf\xf8\xc5/\x1e;v,I\x92\xde/\x86\x06\xcc\x89\x00\x00\xb3\xb1\xfe\xa6H)\xdb\xed\xf6/~\xf1\x8b\x8d\x1b7\xf6\xf5\xf5\x8d\x8d\x8d\xe9\x89\xd7\xdf\xd4\xeb\x9f\x03\xd0\x13\xb4f\xcd\x9a\xaf}\xedk\xb7\xdcr\x8b~\xdc?\xcf\xf3\xcb/\xbf\xfc\xbb\xdf\xfd\xee\xd8\xd8\x98\xa9\xcf6\r8\x1d\x01\x00\xde\x80\xf57KJ\xd9\xd7\xd77&gt;&gt;\xae_\xe0?\xe7\xe39\xfa\xbb\xfe\xf1\xf1\xf1\x8b.\xba\xe8\xd8\xb1cq\x1cgYv\xdey\xe7=\xf9\xe4\x93\xcb\x96-\xcb\xb2\xcc\xd4\x8f\n\xd3\x80Y\x82\xfb\x17\x06\xe6\xc1\xfa\x1b\xa7\x94\x1a\x1b\x1b\x93R&amp;Ir\xa6\x1d\x97R\xea\xc7\x8b\xce?\xff|\xf1\xda;C\x9c&lt;yrjj\xca\xec\'\x9c\xe7\x84g\xe14\x03\xa7\xb0\xfe\x05Y\xe4\xe7MJ9\xb3\x10F\xde\x16\xe2t4`&amp;\x0e4 \x04\xeb_)\xfd\x02\xd0\xf1\xf1\xf1?\xfe\xf1\x8f\xd3\x1f\\\xb9re\xb3\xd9\xec\xfd\x95\xa0\xa7\xa3\x01\xd38\xd3\x00\xeb_\xb1,\xcb\x06\x06\x06\x9ey\xe6\x99\x97_~Y\xbf\x0cTJ\xf9\xd6\xb7\xbeupp0MS\xee\x07\x14\x87c\x8d\xd0\xb1\xfe\xd5\xca\xf3\xbcV\xabu:\x9d\xdbn\xbbm\xfa5)J\xa9\xf7\xbf\xff\xfdq\x1c\x17\xf7*\x15\x1a x\x15\x10\x02\xc7\xfaWK\x7f\x86W\xacXq\xfd\xf5\xd7\xef\xdd\xbbW\x7f\xb6\xf3&lt;\x7f\xcb[\xde\xf2\xa3\x1f\xfd(I\x12\xfd\x0e\xd2\xc5]@\xe0\xaf\x0b\xf2\xfc_\x0f\x98\x07\xeb_\xad4M\x1b\x8dF\xa3\xd1\xf8\xc4\'&gt;\xb1w\xef\xde\x99\xef\xfc\xb3k\xd7\xae\xe2\x1e\xff\x99)\xf0\xfb\x01\x9co\x04\x8a\xf5\xafV\x9a\xa6+V\xac8y\xf2\xe4\xd5W_\xbd\x7f\xff\xfe\xe9G{\xf2&lt;\xdf\xbd{\xf7UW]u\xe2\xc4\x89\xde\xdf\x0cn1Bn\x00\x0f\x01!D\xac\x7f\xb5\xd24]\xb5j\xd5s\xcf=\xb7u\xeb\xd6\x17^xA\x0f\xbd\xfe\xf5\x00w\xdf}\xf7\x8e\x1d;^}\xf5\xd5r\xd6\x7f\xe6%\x05\xf8X\x10\x01@pX\xffj\xe9\xf5?x\xf0\xe0\x87?\xfc\xe1\xe3\xc7\x8fO\xaf\xff\xaaU\xab\x1ex\xe0\x81\xab\xaf\xbe\xda\xd4\xfb\xfftqa\xa15\x80\x00 ,\xac\x7f\xb5\xf4o\x89\xf9\xd9\xcf~v\xe5\x95WN?\xc8\x93e\xd9;\xde\xf1\x8e\x87\x1ezh\xdd\xbau\xc7\x8f\x1f\xafd\xfd\xb5\xd0\x1a@\x00\x10\x10\xd6\xbfZ\xfa\x05\xfeR\xcaM\x9b6\xfd\xf4\xa7?M\x92D\xff\xc6\xe0\xcb/\xbf\xfc\xe1\x87\x1f^\xb9r\xe5\xc8\xc8H\xadV\xab\xf6"\x83j\x80W\xff2\xc0&lt;X\xff\xca\xe9_\x13\xb6\x7f\xff~\xbd\xfe\xfa\x17\xc2\\v\xd9e\xdf\xfe\xf6\xb7\xfb\xfb\xfbO\x9e&lt;Y\xf9\xfa\x8b\xc0\x9e\x13\xe6\xc4#\x08\xac\xbf\r\xa2(\xeat:\xdf\xfc\xe67\xf5\xfd\x00\xa5\xd4\xda\xb5k\xf7\xed\xdbW\xaf\xd7\xa7\xa6\xa6*|\xe4g\x96p\x1a\xc0\xa1\x87\xffX\x7f\x1b(\xa5\xea\xf5\xfa\xd1\xa3G\x9f\x7f\xfey\xf5\x9a\x9bo\xbe\xf9\xdcs\xcf\x1d\x1b\x1b+\xf95?\x0b\n\xa4\x01\x9c{x\x8e\xf5\xb7\x84~\xc7\xb7W^yeddD\x08\xa1\x7f=\xc0\xa6M\x9b&amp;\'\'m[\x7f-\x84\x06p\xf4\xe13\xd6\xdf*Q\x14MNNN\xfff\x98\x15+V\xacY\xb3\xa6\x84\x1f\xf7\xed\x9a\xf7\r\xe0\xf4\xc3[\xac\xbf\x85\xf4o\x03\xd6\xff=55e\xe7\xf7\xfe3\xf9\xdd\x00^\x06\n?\xb1\xfe\xb6\xd1\x0f\x01\x8d\x8e\x8e&gt;\xf3\xcc3\xfa#\xb5Zm\xc3\x86\r\xfa\xc5\xa0\xd5^\xdb\x82|}m(\x01\x80\x87X\x7fkEQ\xd4\xdf\xdf\xaf\xffY)5&gt;&gt;\xee\xca\x04y\xd9\x00\x02\x00\xdf\xb0\xfe6SJ\xa5i\xaa\x1f9\x89\xa2\xc8\x86\x17\xfe/\x9e\x7f\r \x00\xf0\n\xebo9\xfdV\x10\xcb\x96-\x13Bt:\x9d\xd1\xd1Q\xf1\xdao\x81w\x82g\r \x00\xf0\x07\xebo9\xa5T\x7f\x7f\xffSO=u\xe0\xc0\x81\xa9\xa9\xa9\x8d\x1b7^y\xe5\x95\xadV\xab\xe8\xdf\xfab\x96O\r \x00\xf0\x04\xebo9\xfd&gt;\x10\xbbw\xef\xfe\xc2\x17\xbe0\xfd\xab\xde\xaf\xbd\xf6\xda{\xee\xb9\xa7\xd5j9\x14\x00\xe1Q\x03\x08\x00|\xc0\xfa[N)\x95$\xc9\x89\x13\'\xd6\xad[\xa7\xdf\xf3G\xff$p\x96e\x8f&lt;\xf2\xc8\x15W\\1::\xea\xd6\xd7\xc8\x8f\x06\xb8q\x95\xc0&lt;X\x7f\xfb)\xa5\x1a\x8d\xc6K/\xbd4::*\xa5\xect:\xfa\xe7\xbf\xa2(\xfa\xf9\xcf\x7f^\xab\xd5\x9c{A\xbd\x1f?\x1f\xc0\r\x03nc\xfd\x1d2\xe7\xd7\xc2\xdd/\x90\x07\rp\xf5S\x0f\x08\xd6\xdf\x1dR\xca\xa9\xa9\xa9\xf3\xcf?\x7f\xf5\xea\xd5\xfa]\xe1\xf4\xdbA\xe7y~\xe1\x85\x17\xb6\xdbmG\xbfR\xae7\xc0\xc9O: X\x7f\xa7\xe8\x87}\xd6\xacY\xf3\xd5\xaf~\xb5^\xaf\xb7\xdbm\xfd\xd3\x00\x9f\xfa\xd4\xa7.\xb9\xe4\x92\xb1\xb11w\xbfXN7\x80\'\x81\xe1$\xd6\xdfEJ\xa9\x81\x81\x81\xa7\x9f~\xfa\xfb\xdf\xff\xfe\xe4\xe4\xe4\xc5\x17_|\xc5\x15WLMMy\xb0B\x8e&gt;\'L\x00\xe0\x1e\xd6\xdf]y\x9e7\x9b\xcd\xbe\xbe&gt;!D\xbb\xddv\xee\xc5?\xf3p\xb1\x01\x04\x00\x8ea\xfd]\xa7\x1f\xfa\x17BH)\xed\x7f7\xd0%q\xae\x01\x04\x00.a\xfda9\xb7\x1a`\xd7\xd5\x00\xf3`\xfda?\xb7\x9e\x13\xe6\x06\x037\xb0\xfep\x85C\r\xe06\x03\x07\xb0\xfep\x8b+\r\xe0f\x03\xdb\xb1\xfep\x91\x13\r\xe0\x96\x03\xab\xb1\xfep\x97\xfd\r\xe0\xc6\x03{\xb1\xfep\x9d\xe5\r\xe0\xf6\x03K\xb1\xfe\xf0\x83\xcd\r\xe0&amp;\x04\x1b\xb1\xfe\xf0\x89\xb5\r\xe0V\x04\xeb\xb0\xfe\xf0\x8f\x9d\r\xe0\x86\x04\xbb\xb0\xfe\xf0\x95\x85\r\xe0\xb6\x04\x8b\xb0\xfe\xf0\x9bm\r\xe0\xbd\x80\xc2R\xf9\xab\x0e\xe6\xa1\x94\xd2\xbf#P\xaf\xbf~\xd7\xf8\xad[\xb7&gt;\xf0\xc0\x03\xac\x7fi\xf8$\x97`\xe6\xfb\x05\xc5q\x9ce\xd9\xf4\xfb\x05\xe9[AiWB\x00`\x17\xbd\xfe\x8dF\xa3\xd3\xe9\xec\xd8\xb1\xe3\x9e{\xeei\xb5ZJ)\x86\xa9\x04Y\x96MMMU}\x15A\x98n\xc0\xce\x9d;;\x9dN\xbb\xdd~\xf7\xbb\xdf\xfd\x8do|c\xed\xda\xb5R\xca\xd2\x1a@\x00B\xa1\xbf\xb3\xf8\xdc\xe7&gt;\xf7\xec\xb3\xcf\xeao:\xaa\xbe\xa2\xd9\xa4\x94###O?\xfd\xb4\xbe\xbc8\x8e/\xbd\xf4R\xa5T\x9a\xa6\xac\x7f\xd1\xf4\xe3\x0f\xeb\xd6\xad\xfb\xfa\xd7\xbf&gt;99Y\xe67\xa1a\xd2\xf7\xc5W\xaf^}\xe9\xa5\x97&gt;\xf1\xc4\x13\xcdfsbb\xe2+_\xf9\xca\x97\xbf\xfce}\xf8\xcb\xb9\x8c\xa4\x9c\xbf\x06\x95\xd3\x01\xf8\xe1\x0f\x7fx\xe8\xd0\xa1\xaa\xafe&gt;I\xad\x9e\xe7y\x14\xc7Y\x96\xfd\xe0\x07?\xa8\xfar\xc2211\x91$I\xc9\x8fB\x04H?\x9e\xb9|\xf9\xf2\x8f}\xeccO&lt;\xf1D\xa3\xd1\x98\x98\x98\xd8\xb1c\xc7\xad\xb7\xde\xaa\x9f\x03+\xedJ\x08@X\x06\x06\x06\xe28\x8e\xe3\xb8\xddnW}-sK;\xaf]\x98\x94\xf1k\xdf\xf8[x\x7f\xc53\xf5z=\xcb\xb2\x81\x81\x01\x1e\x12(\xda\xf4\xfa_w\xddu\xfb\xf7\xef\xd7\xbf3`\xdb\xb6m{\xf6\xec)\xff\x93O\x00\xc2\x92\xe7y\x96eJ\xa9\xb5\x7f\xfe\xae\xf3.\xba\xbc35.\xa5]\x8f\xae(\xa5\xa2$\x99\x1c9\xfe\xe3\xef=\x98\xe7\xb9\x10RJy\xe9\xc6\x0f\r._\xd3jMDQ,\x84\x12\x82\xefO\xcdP*o\xd4\xfb\x9e\x7f\xf1\xc9\xdf\xfc\xee\xb9\xe9_\xd4\x85\xe2\xcc\\\xff}\xfb\xf6\xe9\xd7\xb9m\xdb\xb6mhh(\xcb\xb2(\x8aJ\xbe\xefE\x00B\x94\xe7\xf9y\x17^\xb6\xf9\x86\xff&lt;~\xfch\x94\xd4\xaa\xbe\x9c7RJ(\x15\xd7\x97\xbd\xe9\xdc\xb7=6\xb43\x8e\xe3&lt;\xcf\x8f\xbd\xfa\xbb\x8f\xfc\xbb/\xf4-[\xdejO\xc6q,\xf8&amp;\xd5\x90&lt;OW\x0c\xbc\xe9\xbf\xff\xaf;_\xfc\xbf\xcfV}-\xfe\xb3m\xfd\x05\x01\x08V\xa751&gt;\xfc\xa7\x89\x91W\xa2\xd8\xca3\xa0\xd4\xfa\xabo\x10B&lt;6\xb43\x8e\x93_\xfe\x9fCw\xdc\xf3\xefo\xfa\xf8\xdd}\xcb\x96\xb7\xc6\'\xe3\xc8\xab_$[\xa1&lt;\xcf\x94\x10\xed\xf6d\xd5\x17\xe2?\x0b\xd7_\x10\x80`I\x19Eq\xa2\xffS\xf5\xb5\xccm|\xf8O\xd3\rH\x92\xfa\x1f\x8e\xbex\xcfC7\x7f\xea\xe3w\xf7-[\xdenOF4\xc0\x908Jl{\x18\xd0?v\xae\xbf\xe0\'\x81a\xad(Nt\x036o\xbf#M\xdbIR\xff\xdd\x1f_\xf8\xdb\x07o\x9c\x9c\x1a\xad\xd7\xfb\xf2\x9c\xa7\x85\xe1\x06k\xd7_\x10\x00\xd8\x8c\x06\xc0u6\xaf\xbf \x00\xb0\x1c\r\x80\xbb,_\x7fA\x00`?\x1a\x00\x17\xd9\xbf\xfe\x82\x00\xc0\t4\x00nqb\xfd\x05\x01\x80+h\x00\\\xe1\xca\xfa\x0b\x02\x00\x87\xd0\x00\xd8\xcf\xa1\xf5\x17\x04\x00n\xa1\x01\xb0\x99[\xeb/\x08\x00\x9cC\x03`\'\xe7\xd6_\x10\x00\xb8\x88\x06\xc06.\xae\xbf \x00p\x14\r\x80=\x1c]\x7fA\x00\xe0.\x1a\x00\x1b\xb8\xbb\xfe\x82\x00\xc0i4\x00\xd5rz\xfd\x05\x01\x80\xebh\x00\xaa\xe2\xfa\xfa\x0b\x02\x00\x0f\xd0\x00\x94\xcf\x83\xf5\x17\x04\x00~\xa0\x01(\x93\x1f\xeb/\x08\x00\xbcA\x03P\x0eo\xd6_\x10\x00\xf8\x84\x06\xa0h&gt;\xad\xbf \x00\xf0\x0c\r@q&lt;[\x7fA\x00\xe0\x1f\x1a\x80"\xf8\xb7\xfe\x82\x00\xc0K4\x00fy\xb9\xfe\x82\x00\xc0W4\x00\xa6\xf8\xba\xfe\x82\x00\xc0c4\x00\xbd\xf3x\xfd\x05\x01\x80\xdfh\x00z\xe1\xf7\xfa\x0b\x02\x00\xef\xd1\x00t\xc7\xfb\xf5\x17\x04\x00!\xa0\x01X\xaa\x10\xd6_\x10\x00\x04\x82\x06`\xf1\x02Y\x7fA\x00\x10\x0e\x1a\x80\xc5\x08g\xfd\x05\x01@Ph\x00\xe6\x17\xd4\xfa\x0b\x02\x80\xd0\xd0\x00\x9cIh\xeb/\x08\x00\x02D\x03p\xba\x00\xd7_\x10\x00\x84\x89\x06`\xa60\xd7_\x10\x00\x04\x8b\x06@\x0bv\xfd\x05\x01@\xc8h\x00B^\x7fA\x00\x108\x1a\x10\xb2\xc0\xd7_\x10\x00\x80\x06\x84\x89\xf5\x17\x04\x00\x104 &lt;\xac\xbfF\x00\x00!h@HX\xffi\x04\x008\x85\x06\x84\x80\xf5\x9f\x89\x00\x00\xaf\xa3\x01~c\xfdg!\x00\xc0\x1b\xd0\x00_\xb1\xfe\xa7#\x00\xc0l4\xc0?\xac\xff\x9c\x08\x000\x07\x1a\xe0\x13\xd6\xffL\x08\x0007\x1a\xe0\x07\xd6\x7f\x1e\x04 ,J\xa9\xaa/\xc1%4\xc0u\xac\xff\xfc\x08@(\x94RJ\xa9$I\xaa\xbe\x10\xc7\xd0\x00w\xb1\xfe\x0b"\x00APJI)\xa5\x94\'N\x9c\xa8\xfaZ\xdcC\x03\\\xc4\xfa/\x06\x01\xf0\x9fRJ\xdf\x18\xb6o\xdf~\xe4\xc8\x91\xa4V\xd7\x1f\xad\xfa\xba\\B\x03\xdc\xc2\xfa/\x12\x01\xf0\x9c^\xff8\x8e\xb7o\xdf~\xdf}\xf7\xc5q\x9c\xe7\xb9\x10"J\x12\x9e\x0fX\x12\x1a\xe0\n\xd6\x7f\xf1\x08\x80\xcff\xad\x7f\xbd^\xcb\xb2S;51\xf2jRo\xd0\x80%\xa1\x01\xf6c\xfd\x97\x84\x00xk\xd6\xfa7\xea\xb5v\xbb\x13I\x99g\xa9\x8c\xa2\x9f\xfc\xef\xffv\xe8\x1fv\x0f\x9cuN\x9e\xa5U_\xa9Kh\x80\xcdX\xff\xa5"\x00~\x9a\xb5\xfe}}\x8dV\xbb\xf3\x99\x8f\xaf\xbb\xe2\xe2\x7f!\x84\x88\xa4Py\xf6\xf8\xd0\x97\x8e\xfc\x8f=\xfd\xab\xce\xa6\x01KB\x03\xec\xc4\xfaw\x81\x00x\xe8\xf4\xf5\x9f\x9cl]w\xcd\xdb\xfef\xd7\x15\xf9\xa9\xc7|\x94\x12"J\x92\xc7\x86v\xd2\x80.\xd0\x00\xdb\xb0\xfe\xdd!\x00\xbe\x99s\xfd\xb7}\xf8\xed\x7f\xb7k\xb3\x1am\xa7y&gt;\xfd\xe7\xf24\xa5\x01]\xa3\x01\xf6`\xfd\xbbF\x00\xbc2\xf7\xfa\xff\xe5\xdb\x87vm\xee\x8c\xb5\xa5\x10\x91\x94B\x88,S\x97\xff\xe5\xc6\xb7\xad\xff\x97y\x9a&amp;\xb5\x1a\r\xe8\x0e\r\xb0\x01\xeb\xdf\x0b\x02\xe0\x8f3\xae\xff\xdfl\xce\xc6\xda2Wb\xc6-ap\xf5\xf2\xcf\xee\xf9\xab\xb5\xff\xea\x9f\xa5\x9d\x0e\r\xe8\x1a\r\xa8\x16\xeb\xdf#\x02\xe0\x89\xf9\xd7?\xcaU\x14\xbd\xe1\x9605\xd1n\x0e,\xfb\xf4\xdf^{\xee\xdb\xff9\r\xe8\x05\r\xa8\n\xeb\xdf;\x02\xe0\x83\x05\xd7_F\xb3o\tq\x1c\xb5\xa6\xda\xcd\xe5}\x9f\xb9\xfb\x134\xa0G4\xa0|\xac\xbf\x11\x04\xc0y]\xac\xbf\x16\x9dj\xc02\x1a\xd0;\x1aP&amp;\xd6\xdf\x14\x02\xe0\xb6\xae\xd7_\x8b\xe2\xa85I\x03\xcc\xa0\x01\xe5`\xfd\r"\x00\x0e\xebq\xfd5\x1a`\x10\r(\x1a\xebo\x16\x01p\x95\x91\xf5\xd7h\x80A4\xa08\xac\xbfq\x04\xc0I\x06\xd7_\xa3\x01\x06\xd1\x80"\xb0\xfeE \x00\xee1\xbe\xfe\x1a\r0\x88\x06\x98\xc5\xfa\x17\x84\x008\xa6\xa0\xf5\xd7h\x80A4\xc0\x14\xd6\xbf8\x04\xc0%\x85\xae\xbfF\x03\x0c\xa2\x01\xbdc\xfd\x0bE\x00\x9cQ\xc2\xfak4\xc0 \x1a\xd0\x0b\xd6\xbfh\x04\xc0\r\xa5\xad\xbfF\x03\x0c\xa2\x01\xdda\xfdK@\x00\x1cP\xf2\xfak4\xc0 \x1a\xb0T\xac\x7f9\x08\x80\xed*Y\x7f\x8d\x06\x18D\x03\x16\x8f\xf5/\r\x01\xb0Z\x85\xeb\xaf\xd1\x00\x83h\xc0b\xb0\xfee"\x00\xf6\xaa|\xfd5\x1a`\x10\r\x98\x1f\xeb_2\x02`)K\xd6_\xa3\x01\x06\xd1\x803a\xfd\xcbG\x00ld\xd5\xfak4\xc0 \x1ap:\xd6\xbf\x12\x04\xc0:\x16\xae\xbfF\x03\x0c\xa2\x013\xb1\xfeU!\x00v\xb1v\xfd5\x1a`\x10\r\xd0X\xff\n\x11\x00\x8bX\xbe\xfe\x1a\r0\x88\x06\xb0\xfe\xd5"\x00\xb6pb\xfd5\x1a`P\xc8\r`\xfd+G\x00\xac\xe0\xd0\xfak4\xc0\xa00\x1b\xc0\xfa\xdb\x80\x00T\xcf\xb9\xf5\xd7h\x80A\xa15\x80\xf5\xb7\x04\x01\xa8\x98\xa3\xeb\xaf\xd1\x00\x83\xc2i\x00\xebo\x0f\x02P%\xa7\xd7_\xa3\x01\x06\x85\xd0\x00\xd6\xdf*\x04\xa02\x1e\xac\xbfF\x03\x0c\xf2\xbb\x01\xac\xbfm\x08@5\xbcY\x7f\x8d\x06\x18\xe4k\x03X\x7f\x0b\x11\x80\nx\xb6\xfe\x1a\r0\xc8\xbf\x06\xb0\xfev"\x00e\xf3r\xfd5\x1a`\x90O\r`\xfd\xadE\x00J\xe5\xf1\xfak4\xc0 ?\x1a\xc0\xfa\xdb\x8c\x00\x94\xc7\xfb\xf5\xd7h\x80A\xae7\x80\xf5\xb7\x1c\x01(I \xeb\xaf\xd1\x00\x83\xdcm\x00\xebo?\x02P\x86\xa0\xd6_\xa3\x01\x06\xb9\xd8\x00\xd6\xdf\t\x04\xa0p\x01\xae\xbfF\x03\x0cr\xab\x01\xac\xbf+\x08@\xb1\x82]\x7f\x8d\x06\x18\xe4J\x03X\x7f\x87\x10\x80\x02\x05\xbe\xfe\x1a\r0\xc8\xfe\x06\xb0\xfen!\x00Ea\xfd\xa7\xd1\x00\x83ln\x00\xeb\xef\x1c\x02P\x08\xd6\x7f\x16\x1a`\x90\x9d\r`\xfd]D\x00\xccc\xfd\xe7D\x03\x0c\xb2\xad\x01\xac\xbf\xa3\x08\x80a\xac\xff&lt;h\x80A\xf64\x80\xf5w\x17\x010\x89\xf5_\x10\r0\xc8\x86\x06\xb0\xfeN#\x00\xc6\xb0\xfe\x8bD\x03\x0c\xaa\xb6\x01\xac\xbf\xeb\x08\x80\x19\xac\xff\x92\xd0\x00\x83\xaaj\x00\xeb\xef\x01\x02`\x00\xeb\xdf\x05\x1a`P\xf9\r`\xfd\xfd@\x00z\xc5\xfaw\x8d\x06\x18Tf\x03X\x7fo\x10\x80\x9e\xb0\xfe=\xa2\x01\x06\x95\xd3\x00\xd6\xdf\'\x04\xa0{\xac\xbf\x114\xc0\xa0\xa2\x1b\xc0\xfa{\x86\x00t\x89\xf57\x88\x06\x18T\\\x03X\x7f\xff\x10\x80n\xb0\xfe\xc6\xd1\x00\x83\x8ah\x00\xeb\xef%\x02\xb0d\xac\x7fAh\x80Af\x1b\xc0\xfa\xfb\x8a\x00,\r\xeb_(\x1a`\x90\xa9\x06\xb0\xfe\x1e#\x00K\xc0\xfa\x97\x80\x06\x18\xd4{\x03X\x7f\xbf\x11\x80\xc5b\xfdKC\x03\x0c\xea\xa5\x01\xac\xbf\xf7\x08\xc0\xa2\xb0\xfe%\xa3\x01\x06\xcd\xdb\x80egj\x00\xeb\x1f\x02\x02\xb00\xd6\xbf\x124\xc0\xa035`br\xee\x06\xb0\xfe\x81 \x00\x0b`\xfd+D\x03\x0c\x9a\xb3\x01w?t\xd3\xe4\xd4X\xa3\xd1\x9c\xf9\'Y\xffp\x10\x80\xf9\xb0\xfe\x95\xa3\x01\x06\x9d\xde\x80\x7f\xfa\x7f\xbf\xde\xbd\xf7\x93\'G_\x99\xfe3J)\xd6?\x1c\x04\xe0\x8cX\x7fK\xd0\x00\x83f5 \x8a\x93_\xfd\xf6\xc8\xc1\xa7\xfe&gt;\x8ec!D\x9e\xe7B\x08\xd6?\x1c\x04`n\xac\xbfUh\x80A3\x1b\x90gi\x14\'\xe2\xb5YO\x92\xa4\xd1h\xb0\xfe\xe1 \x00s`\xfd-D\x03\x0c\x9a\xd5\x80\xe9\xd3,\xa5\xfc\xe4\'?\xb9\x7f\xff~\xd6?\x10\x04`6\xd6\xdfZ4\xc0\xa0\xe9\x06\\\xb1\xfd\xab2\x8as\xa5\x84\x10\x07\x0f\x1e\xdc\xb3gO\xa3\xd1`\xfd\x03A\x00\xde\x80\xf5\xb7\x1c\r0(\x8a\x93\xb1\xe3G\xdf\xf5\xa1\x9b\xff\xe2\xca\xff\xa0\xf2&lt;\x8a\x93&lt;\xcf\xeb\xf5z\xab\xd5b\xfd\x03A\x00^\xc7\xfa;\x81\x06\x18$\xa5L\xdb\xad\xe6\xe0j\xfd\x7f\xc6q\xdcn\xb7Y\xffp\x10\x80SX\x7f\x87\xd0\x00\x83\xa4\x94y\x9a\n!\xa2(\xca\xb2\x8c\xf5\x0f\n\x01\x10\x82\xf5w\x10\r0IJ!D\xdai\xaf_\xbf~hhH\xff \x18\xeb\x1f\x02\x02\xc0\xfa\xbb\x8a\x06\x18\xb7r\xe5J\xa5\x94R\x8a\xf5\x0fD\xe8\x01`\xfd\x9dF\x03\xccJ\xd3TJ\xc9\xfa\x87#\xe8\x00\xb0\xfe\x1e\xa0\x01\x061\xfd\xa1\t7\x00\xac\xbf7h\x00\xd0\x9d@\x03\xc0\xfa{\x86\x06\x00]\x081\x00\xac\xbf\x97h\x00\xb0T\xc1\x05\x80\xf5\xf7\x18\r\x00\x96$\xac\x00\xb0\xfe\xde\xa3\x01\xc0\xe2\x05\x14\x00\xd6?\x104\x00X\xa4P\x02\xc0\xfa\x07\x85\x06\x00\x8b\x11D\x00X\xff\x00\xd1\x00`A\xfe\x07\x80\xf5\x0f\x16\r\x00\xe6\xe7y\x00X\xff\xc0\xd1\x00`\x1e&gt;\x07\x80\xf5\x87\xa0\x01\xc0\x99y\x1b\x00\xd6\x1f\xd3h\x000\'?\x03\xc0\xfac\x16\x1a\x00\x9c\xce\xc3\x00\xb0\xfe\x98\x13\r\x00f\xf1-\x00\xac?\xe6A\x03\x80\x99\xbc\n\x00\xeb\x8f\x05\xd1\x00`\x9a?\x01`\xfd\xb1H4\x00\xd0&lt;\t\x00\xeb\x8f%\xa1\x01\x80\xf0#\x00\xac?\xba@\x03\x00\xe7\x03\xc0\xfa\xa3k4\x00\x81s;\x00\xac?zD\x03\x102\x87\x03\xc0\xfa\xc3\x08\x1a\x80`\xb9\x1a\x00\xd6\x1f\x06\xd1\x00\x84\xc9\xc9\x00\xb0\xfe0\x8e\x06 @\xee\x05\x80\xf5GAh\x00B\xe3X\x00X\x7f\x14\x8a\x06 (.\x05\x80\xf5G\th\x00\xc2\xe1L\x00X\x7f\x94\x86\x06 \x10n\x04\x80\xf5G\xc9h\x00B\xe0@\x00X\x7fT\x82\x06\xc0{\xb6\x07\x80\xf5G\x85h\x00\xfcfu\x00X\x7fT\x8e\x06\xc0c\xf6\x06\x80\xf5\x87%h\x00|ei\x00X\x7fX\x85\x06\xc0K6\x06\x80\xf5\x87\x85h\x00\xfcc]\x00X\x7fX\x8b\x06\xc03v\x05\x80\xf5\x87\xe5h\x00|bQ\x00X\x7f8\x81\x06\xc0\x1b\xb6\x04\x80\xf5\x87Ch\x00\xfc`E\x00X\x7f8\x87\x06\xc0\x03\xd5\x07\x80\xf5\x87\xa3h\x00\\Wq\x00X\x7f8\x8d\x06\xc0iU\x06\x80\xf5\x87\x07h\x00\xdcUY\x00X\x7fx\x83\x06\xc0QI%\x7f+\xeb_9\x95\xab,\xcd\xf3,\xaf\xfaB&lt;!\x85\x98\x18\x9bj4\xeb7\xed\xbev\xd7\x7f\xdc\xfbO/\x1e\x8d\xe3\xe4\xb1\xa1\x9dB\x88\xf5W\xdf0~\xfc\xa8\x906\x1e\xe9&lt;K\xf3,U\x8ac\x10\xa8\n\x02\xc0\xfa\xdb\xa0\xd1W\x1f|\xd3\x80\x90"\x8e\xab\x7f!\x80/d\x9e\xe5+\xce\xea\xffO\x0f\xdfx\xd7\x8d\x0f&gt;\x7f\xf8\xb7\xd3\r\xd8x\xcdMY{JHi[\x06\xf2\xb4\xd3\xbf\xea\xecZ\xa3Y\xf5\x85\xa0\x1ae\x07\x80\xf5\xb7A\x14\xc9\x9f?\xf9\xe2\x7f\xbd\xf3\x7f\xb6&amp;;\x91e\x93\xe4.%\x94\x142\xcb\xf2e\xcd\xfa\x9asW\xff\xf2\xc8os\x95I)\x1f\x1b\xda\xf9\xca\xcb/\xf4\r\x9e\x95\xa7\xa9\xb4\xec\xb3\xadT^[\xd6\xff\xd2\x8f\x0fDQ\x94\xe7\xdc\x0f\x08N\xa9\x01PJ\t!\xa6\xd7\xbf\xd1\xa8\xb3\xfe%\x8b"\x19\xc72\x8e\xe5\xaf\x9f}\xe9\xd7\xcf\xbeT\xf5\xe5\xf8,\xd6i\x95"\x13\xf2\xc7\xdf{\xb0\xea\xcbY@\xbd^\xcf\xb2,\x8a\xb8;\x18\x96\xb2\x03\xa0\x94\xba\xf1\xc6\x1b\xf5\xfa\xb7Z\xed\xeb&gt;\xf46\xd6\xbf&lt;R\x8c\x8dw\xb2Le\x99\xaa\xfaR\xfc\x97\xe5\xaf\x7f\x92\xa38\x16BFQ\x94v\xda\x15^\xd2&lt;\xda\xed\xb6\x10bll\xac\xea\x0bA\xa9\xca\x0b@\x96eq\x1c\xdf~\xfb\xed\xf7\xde{o\xb3\xd9711\xf9o\xdf\xf5g\x7f\xb7\xe7\xbd\x9dc\x13\x89\x10\xac\x7f\xd1\xa4\x14"U\xff\xe6_\x9f\xd3\xecK\xe2H\xce\x9c\'\x18\'\x85\xc8s!c\x19K\xf1\x8f\x87\xfe\xa0\x0f\x7f\xdai\xbf\xf3\x9d\xef\x1c\x1c\x1c\xd4w\x85\xad\x12\xc7q\x96e\x17]t\x91\x10\xc2\xb6\xc7\xa9P\x1cY\xdaY\xd4\xdf\xfe\xff\xfe\xf7\xbf\xff\xc8G&gt;\xf2\xe4\x93O\xd6\xeb\xb5z"\xfe\xcb\xce\x8b\xb7o\xbf0=6\x91$\xdc\xf7,E#\x16&lt;\xeb[\x82\\\t)\xc5@\xed\xb3\x9f}\xfc\xae}?\xab\xd5j\xadV{\xdb\xb6mCCCU_\x19\xf0\xba\xf2\x02 \x84PJI)\x87\x87\x87\xb7l\xd9r\xf8\xf0\xe1$I\xd24\x1d\xba}\xd3\xb6\x1d\x17\xa6\x7f\xa2\x01e\xc8\xf9\xc6\xbfx*Wy$k\x03\xf5\xeb\xff\xfa\xb1\xfb\xff\xe1\x85F\xbd\xdej\x9fZ\xff&lt;\xcf\xf5\xad\xa0\xeak&lt;#\x9e\x06\x08J\xa9\x01\x10B\xe4y\x1eE\xd1t\x03\x1a\x8dZ\xab\xd5\xa1\x01\xf0\x86^\xffx\xa0\xbe\xfd3\x8f\xdd\xf7\xf7\xbf&lt;\xf5:\xb7m\xdb\x86\x86\x86\xf4\xb3\xac6\xaf?BS\xf6\xe0\xeaW\x9b\xadZ\xb5\xea\xd1G\x1f\xdd\xb0aC\xab\xd5i4j\xdb\xbf|\xf0\xbe{\x7f\x9c\x9c\xddLS^\x88\x06\x87\xbd\xbe\xfe\x7f\xcd\xfa\xc3\x01\x15|\xc7M\x03\xe0\xa57\xac\xff7Y\x7f8\xa0\x9a\x87\\h\x00&lt;\xc3\xfa\xc3E\x95=\xe6N\x03\xe0\r\xd6\x1f\x8e\xaa\xf2IW\x1a\x00\x0f\xb0\xfepW\xc5\xaf\xba\xa1\x01p\x1a\xeb\x0f\xa7U\xff\xb2K\x1a\x00G\xb1\xfep]\xf5\x01\x104\x00\x0eb\xfd\xe1\x01+\x02 h\x00\x9c\xc2\xfa\xc3\x0f\xb6\x04@\xd0\x008\x82\xf5\x877,\n\x80\xa0\x01\xb0\x1e\xeb\x0f\x9f\xd8\x15\x00A\x03`1\xd6\x1f\x9e\xb1.\x00\x82\x06\xc0J\xac?\xfccc\x00\x04\r\x80eX\x7fx\xc9\xd2\x00\x08\x1a\x00k\xb0\xfe\xf0\x95\xbd\x01\x104\x00\x16`\xfd\xe11\xab\x03 h\x00*\xc5\xfa\xc3o\xb6\x07@\xd0\x00T\x84\xf5\x87\xf7\x1c\x08\x80\xa0\x01(\x1d\xeb\x8f\x10\xb8\x11\x00A\x03P"\xd6\x1f\x81p&amp;\x00\x82\x06\xa0\x14\xac?\xc2\xe1R\x00\x04\r@\xc1X\x7f\x04\xc5\xb1\x00\x08\x1a\x80\xc2\xb0\xfe\x08\x8d{\x01\x104\x00\x05`\xfd\x11 \'\x03 h\x00\x8cb\xfd\x11&amp;W\x03 h\x00\x0ca\xfd\x11,\x87\x03 h\x00z\xc6\xfa#dn\x07@\xd0\x00\xf4\x80\xf5G\xe0\x9c\x0f\x80\xa0\x01\xe8\n\xeb\x0f\xf8\x10\x00A\x03\xb0D\xac? \xbc\t\x80\xa0\x01X4\xd6\x1f\xd0\xfc\t\x80\xa0\x01X\x04\xd6\x1f\x98\xe6U\x00\x04\r\xc0\xbcX\x7f`&amp;\xdf\x02 h\x00\xce\x80\xf5\x07f\xf10\x00\x82\x06\xe04\xac?p:?\x03 h\x00f`\xfd\x819y\x1b\x00A\x03 \x84`\xfd\x813\xf39\x00\x82\x06\x04\x8f\xf5\x07\xe6\xe1y\x00\x04\r\x08\x18\xeb\x0f\xcc\xcf\xff\x00\x08\x1a\x10$\xd6\x1fXP\x10\x01\x104 0\xac?\xb0\x18\xa1\x04@\xd0\x80`\xb0\xfe\xc0"\x05\x14\x00A\x03\x02\xc0\xfa\x03\x8b\x17V\x00\x04\r\xf0\x1a\xeb\x0f,Ip\x01\x104\xc0S\xac?\xb0T!\x06@\xd0\x00\xef\xb0\xfe@\x17\x02\r\x80\xa0\x01\x1ea\xfd\x81\xee\x84\x1b\x00A\x03\xbc\xc0\xfa\x03]\x0b:\x00\x82\x068\x8e\xf5\x07z\x11z\x00\x04\rp\x16\xeb\x0f\xf4\x88\x00\x08A\x03\x1c\xc4\xfa\x03\xbd#\x00\xa7\xd0\x00\x87\xb0\xfe\x80\x11\x04\xe0u4\xc0\t\xac?`\n\x01x\x03\x1a`9\xd6\x1f0\x88\x00\xccF\x03\xac\xc5\xfa\x03f\x11\x809\xd0\x00\x0b\xb1\xfe\x80q\x04`n4\xc0*\xac?P\x04\x02pF4\xc0\x12\xac?P\x10\x020\x1f\x1aP9\xd6\x1f(\x0e\x01X\x00\r\xa8\x10\xeb\x0f\x14\x8a\x00,\x8c\x06T\x82\xf5\x07\x8aF\x00\x16\x85\x06\x94\x8c\xf5\x07J@\x00\x16\x8b\x06\x94\x86\xf5\x07\xcaA\x00\x96\x80\x06\x94\x80\xf5\x07JC\x00\x96\x86\x06\x14\x8a\xf5\x07\xcaD\x00\x96\x8c\x06\x14\x84\xf5\x07JF\x00\xbaA\x03\x8cc\xfd\x81\xf2\x11\x80.\xd1\x00\x83X\x7f\xa0\x12\x04\xa0{4\xc0\x08\xd6\x1f\xa8\n\x01\xe8\t\r\xe8\x11\xeb\x0fT\x88\x00\xf4\x8a\x06t\x8d\xf5\x07\xaaE\x00\x0c\xa0\x01]`\xfd\x81\xca\x11\x003h\xc0\x92\xb0\xfe\x80\r\x08\x8014`\x91X\x7f\xc0\x12\x04\xc0$\x1a\xb0 \xd6\x1f\xb0\x07\x010\x8c\x06\xcc\x83\xf5\x07\xacB\x00\xcc\xa3\x01sb\xfd\x01\xdb\x10\x80B\xd0\x80YX\x7f\xc0B\x04\xa0(4`\x1a\xeb\x0f\xd8\x89\x00\x14\x88\x06\x08\xd6\x1f\xb0\x18\x01(V\xe0\r`\xfd\x01\x9b\x11\x80\xc2\x05\xdb\x00\xd6\x1f\xb0\x1c\x01(C\x80\r`\xfd\x01\xfb\x11\x80\x92\x04\xd5\x00\xd6\x1fp\x02\x01(O \r`\xfd\x01W\x10\x80Ry\xdf\x00\xd6\x1fp\x08\x01(\x9b\xc7\r`\xfd\x01\xb7\x10\x80\nx\xd9\x00\xd6\x1fp\x0e\x01\xa8\x86g\r`\xfd\x01\x17\x11\x80\xcax\xd3\x00\xd6\x1fp\x14\x01\xa8\x92\x07\r`\xfd\x01w\x11\x80\x8a9\xdd\x00\xd6\x1fp\x1a\x01\xa8\x9e\xa3\r`\xfd\x01\xd7\x11\x00+8\xd7\x00\xd6\x1f\xf0\x00\x01\xb0\x85C\r`\xfd\x01?\x10\x00\x8b8\xd1\x00\xd6\x1f\xf0\x06\x01\xb0\x8b\xe5\r`\xfd\x01\x9f\x10\x00\xebX\xdb\x00\xd6\x1f\xf0\x0c\x01\xb0\x91\x85\r`\xfd\x01\xff\x10\x00KY\xd5\x00\xd6\x1f\xf0\x12\x01\xb0\x97%\r`\xfd\x01_\x11\x00\xabU\xde\x00\xd6\x1f\xf0\x18\x01\xb0]\x85\r`\xfd\x01\xbf\x11\x00\x07T\xd2\x00\xd6\x1f\xf0\x1e\x01pC\xc9\r`\xfd\x81\x10\x10\x00g\x94\xd6\x00\xd6\x1f\x08\x04\x01pI\t\r`\xfd\x81p\x10\x00\xc7\x14\xda\x00\xd6\x1f\x08\n\x01pOA\r`\xfd\x81\xd0\x10\x00\'\x19o\x00\xeb\x0f\x04\x88\x00\xb8\xca`\x03X\x7f L\x04\xc0aF\x1a\xc0\xfa\x03\xc1"\x00n\xeb\xb1\x01\xac?\x102\x02\xe0\xbc\xae\x1b\xc0\xfa\x03\x81#\x00&gt;\xe8\xa2\x01\xac?\x00\x02\xe0\x89%5\x80\xf5\x07 \x08\x80O\x16\xd9\x00\xd6\x1f\x80&amp;\x95RU_\x03L\xca\xf3&lt;\x8a\xa2\xe1\xe1\xe1-[\xb6\x1c&gt;|\xb8\xd1\xa8\xb5Z\x9d\xa1\xdb7m\xdbqa\xfa\xa7\x898\x92\xac?\x00\x8d{\x00\xbe\x99\xef~\xc0\x9af*\x04\xeb\x0f@\xe3\x1e\x80\x9f\xcex?\xe0\x86\x8b\xae\xdf\xf1\xbd\xfb\xbf\xf5\x02\xeb\x0f\x80\x00xkV\x03\x92$\xc9\xb3t\xd3\x86?\xfb\xc1S\x7fh4\xea\xadV\x9b\xf5\x07\x02G\x00|vz\x03\xd24m\xd4k\xadv\x87\xf5\x07\xc0s\x00&gt;\x9b\xf5|@\x9a\xa6\xcdf\x1f\xeb\x0f@\xe3\x1e\x80\xff\xa6\xef\x07\\u\xd5U\x87\x0e\x1d\xda\xb1c\xc7\x9e={X\x7f\x00\x04 \x08\xba\x01G\x8f\x1e\xbd\xff\xfe\xfbw\xee\xdc\xa9\xbf\xe8\xac?\x108\x02\x10\n\xa5\x94^\xfc\xe9\x7f\x00\x108\x9e\x03\x08\x85\x94R)\x95e\x19\xeb\x0f@\xe3\x1e\x00\x00\x04\x8a{\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fa\xffA \x85\xb4[\\\xf2\x06\x00\x00\x00\x00IEND\xaeB`\x82'</t>
        </is>
      </c>
    </row>
    <row r="454">
      <c r="A454" s="1" t="n">
        <v>452</v>
      </c>
      <c r="B454" t="inlineStr">
        <is>
          <t>shape_size_hexagon</t>
        </is>
      </c>
      <c r="C454" t="inlineStr">
        <is>
          <t>What is the size of the missing shape denoted with a question mark if it is a square?</t>
        </is>
      </c>
      <c r="D454" t="inlineStr">
        <is>
          <t>['large', 'medium', 'small']</t>
        </is>
      </c>
      <c r="E454" t="inlineStr">
        <is>
          <t>medium</t>
        </is>
      </c>
      <c r="F454" t="inlineStr">
        <is>
          <t>There are 7 shapes with different sizes in the image, of which there is a missing square in the center. The other shapes are arranged around the center, which are ['square', 'triangle', 'pentagon', 'square', 'triangle', 'pentagon'] in anti-clockwise order. Their corresponding sizes are ['medium', 'small', 'large', 'medium', 'small', 'large'].</t>
        </is>
      </c>
      <c r="G454" t="inlineStr">
        <is>
          <t>We observe that the squares are medium size, the triangles are small size, and the pentagons are large size. Hence, the pattern is that each shape appears with a distinct size.</t>
        </is>
      </c>
      <c r="H454" t="inlineStr">
        <is>
          <t>Based on the pattern that each shape appears with a distinct size, the size of the missing square should be medium.</t>
        </is>
      </c>
      <c r="I454" t="inlineStr">
        <is>
          <t>b'\x89PNG\r\n\x1a\n\x00\x00\x00\rIHDR\x00\x00\x02\x00\x00\x00\x02\x00\x08\x02\x00\x00\x00{\x1aC\xad\x00\x00N\xf7IDATx\x9c\xed\xddy|U\xd5\xb97\xf0\xb5\xd7\xde\xe7d\xc0$L"\xa0\xd6)\x82m\xa15Ad0\x85\xa8@\xe2\x00\x88L\xe2\xf0V\x10\xd4\x97\x02\rS\xc5\x02b\x10\xdaR\x02D\xb0\xdcR)\xc8kE\x8c\xa2W\x115(\x10\xc0DP\x08\x17A-IA/V\x92\x062\x9c$\x04N\xce^k\xbd\x7f&lt;9\xdb\x90\x10\x08\xc9\x19\x92\xb3\x7f\xdf\xcf\xfd\xf4s3\x80;\x87\x9c\xf5\xdb\xfbY\xcfZKSJ1\x00\x00\xb0\x1f\x1e\xec\x0b\x00\x00\x80\xe0@\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b0))\xa5\x942\xd8W\x01\xc1\x84\x00\x00\xb0#!\x04\xe7\x9cs.\x84\x08\xf6\xb5@\xd0 \x00\x00\xecE)e\x9a\xa6\xae\xeb\xdf}\xf7\xdd\xbe}\xfbt]\xc7\xa3\x80m!\x00\x00l\x84\x06z\xc30222\xfa\xf6\xed\xdb\xaf_\xbf\xd4\xd4Tz\x140M3\xd8W\x07\x81\xa6)\xa5\x82}\r\x00\x10\x08B\x08]\xd7M\xd3\x9c={vzz:cL\xd34\xa5TRR\xd2\xfa\xf5\xeb\xbbt\xe9BO\x06\x9a\xa6\x05\xfbJ!@\xf0\x04\x00\x10\xfa\x94R4\xfa\xe7\xe6\xe6&amp;$$\xa4\xa7\xa7s\xcei\xf47\x0c#33\xb3W\xaf^\x19\x19\x19\x86a0\xefS\x02\xd8\x01\x02\x00 \xc4\t!4M\xd3u}\xed\xda\xb5\x89\x89\x89\xfb\xf6\xed3\x0cCJ\xa9i\x9a\xaes\xba\xeb/((\x18;v\xec\xf4\xe9\xd3ir\x18\xe5 \x9b@\t\x08 \x94\x99\xa6i\x18Fqq\xf1\x94)S6m\xda\xc4\x18\xd3u]\x08\xa1\xeb\\\x08\xc9\x18\xd39\x17Rr\xce\x19cR\xca&gt;}\xfa\xac^\xbd:&gt;&gt;\x9e\x92\x00\xe5\xa0\xd0\x86\'\x00\x80\xd0D\xbd=\x86adgg\xf7\xef\xdf\x7f\xd3\xa6MT\xdf\x97R\xd2\xe8\xff\xf3\xee7\xdd=\xa0\x8f\xf0\x16|\xe8\x9b\xf7\xed\xdb\x97\x98\x98\xb8j\xd5*\xfaf4\x89\x866\x04\x00@\x082M\x93z{RSS\x13\x13\x13\xf3\xf2\xf2\x0c\xc3\x10BpMSJ\t!\x9fx\xe4\xc1\xcf\xb6\xbd\xfe\xc9\x96\r\xcb\x16\xce2t]JI\xf3\xc3\xba\xaeWTTL\x9b6m\xec\xd8\xb1\xc5\xc5\xc5\xf4I\xd4\tB\x15J@\x00!\x85\xe6{\r\xc3(((\x18?~|ff&amp;c\x8cs.\xa54t\xdd\x14"\xfa\x8a6i/\xcc\x9e4\xf1aYy\xc6\xf4x\x9c\x1d\xdb\x7f\xba3g\xc2\xd4y\xf9\xc7O\xd0\x9a\x00\xc6\x18\x8d\xfb\xdd\xbau[\xb9reRR\x12cLz\xcbD\x10J\xf0/\n\x10:j\xb7\xf9\xf7\xea\xd5+33\xd30\x0c\xba\xcf\xe3\x9c\x9bB\xf4\xef\xfd\xcb\xcf\xb7\xbf1i\xd2\xc3\xd5\xa5eR\x08]\xd7\xdd\xa7\x8a\x13\xee\xe8\xfd\xf9\xce7\x9fx\xe4A!\x84R\x8ak\x1a\xcd\x1c\xe4\xe5\xe5%\'\'\xa7\xa6\xa6\xd2\xf3\x04f\x86C\x0f\x9e\x00\x00BD\xfd6\x7f\xef|\xafN\xa5\xfc\xdf&gt;\xf9\xe8\xd2\x85\xb3\x1c\x0e\xc3]y\x86:&gt;\xad?\xe8p:\xb4\x88\x88\xd7\xdfxo\xca\xef\x16\x95\x94\x95\x1b\x86A\x83&gt;cLJy\xc7\x1dw\xac_\xbf\xfe\xe6\x9bo\xc6\xccp\x88A\x00\x00\xb4zJ)*\xe2\xe7\xe6\xe6N\x9e&lt;y\xdf\xbe}\xd6\xd8Me\x9f.\x9d:\xae[\xf5B\xf2}\x83\x84\xab\\\n\xc9\xf5\xba\x8f\xfe\xf478;\xb4\xcb\xfb*o\xfco~\x9f\xf3\xc5\xa1\x1f\xff\x06\xc30M\xb3C\x87\x0e/\xbd\xf4\xd2C\x0f=\xc4\xbcI\x13\xf8\x1f\x13|\x0e% \x80\xd6\xad\xa16\x7f\xfa\xaa)\xc4\x90\xc4~\xfb\xb7\xbf\x91|\xef]\xee\xe2R\xa5T\xfd\xd1\x9f1F\x7f\x83\xfbtI\xb7\x9b\xae\xcbz\xef\x95\xe7f=]\xd3D\xe4\x9d\x19...\x1e7n\xdc\xa4I\x93***\xe89#\xb0?%\xf8\x05\x9e\x00\x00Z\xb1\x86\xdb\xfcu!\x84\xa1\xebK\x16\xcc\x981u&lt;\xf3\x98\xee\xb3\xe7\x0c\xe3\xd2\xb7\xed\xf4|\xa0\xb7\x8b\xf9\xe8\xfdO\xa6&gt;\xb3\xf8_\xdf~O\xedC\x8c1\xda:4&gt;&gt;~\xf5\xea\xd5}\xfa\xf4\xa1\x8c\xc1\xccp\xab\x86\x00\x00h\x95\xac\xf1733s\xda\xb4iyyyV\x0f\x0f\xe7\x9a\x10\xf2\xe6\x1b\x7f\xb2n\xd5\xa2\x84;\xfb{\x8aK\xd9\xe5\x8c\xd4\xd4G\x14\xd6\xbe\xdd\xe9\xc2\xa2\xc93\x17\xbe\xf9\xde6\xe6\xed#\xaa\xc9\x15\xc3X\xbatiJJ\nC9\xa8\x95C\x00\x00\xb4&gt;t\xe3\xcf\x18KMM}\xfe\xf9\xe7\x19cT\xa9\xa7e\xbd\x8c\xb1\'\x1ey0\xed\x0f\xcf\xb4\x8d\x89v\xbb\xcak\xcf\xf7^\xd6\x7f",&lt;\x9c9\x1d+\xff\xfa\xea\xbcE/V\x9c\xa92\x0c\xdd4\x05%\x01c\x0c[\xc8\x85\x00\x04\x00@kb\xb5\xf9\xe7\xe7\xe7O\x9d:533\xb3\xd6l\xadn\x9a?\xb6\xf9\xab\xca3\x1e\x8f\xa79\xb7\xe7J*\xa9\x94\xf3\xca\xf6\x07\xf6\xe6N\x9a6\xff\xe0\xe1\x7f\xea:\x97R\xd1\x16r\xa6iv\xe9\xd2e\xfd\xfa\xf5X(\xd0z!\x00\x00Z\rk\x90\xcd\xc8\xc8\x98&lt;yrqqqM\xbf\xa6\xa61M\x93R\xf6\xef}\xeb\xba\x97\x16u\xffy\xb7\xea\x922_\xf5k\x9a\x1e3\xacmTyY\xc5\xdcE\xe9/\xad}\x9d\xd5\xeb.MIIY\xbat)M\x15\xa0\x1c\xd4\xba \x00\x00Z\x07*\xfbTTT\xcc\x9d;w\xd5\xaaU\xcc;\x10S\xa3\'c\xec\xb9YO\xcf\x9b\xf9\x94\xc3\xe9\xa8\xd3\xe6\xdf|B\x08\x87\xc3\xd0b\xa2\xdfx\xed\x9d\xe9s\x97\x14\x14\x9d\xb6\xcaA\x0c[\xc8\xb5f\x08\x00\x80\x96\xaev\x9b\xff\xa4I\x93rssi\xbeW)u^\x9b\xff\xd0\xc1\xa2\xd4u\xc16\x7f\x9f\\\x83\x10"\xacC\xbb\x93\xdf~?~\xea\xbcmY\x9f1k\x87\t\xc30M3**j\xf9\xf2\xe5\x13\'Nd\x98\x19n=P\xb3\x03h\xd1\xac6\xffU\xabV%&amp;&amp;\xe6\xe6\xe6R\xb1E\xd34M\xd3L!F\x0f\x1d\xbc\x7f\xe7\x9b\xc9\xf7\xdc\xe5&gt;U\xdcP\x9b\x7f\xf3i\x9af\x18\x86\xbb\xb8\xb4k\xe7+37\xbf\xfc\xdc\xec\xa7\xebo!7i\xd2\xa4q\xe3\xc6Y[\xc8\xf9\xe32\xc0\xb7\xf0\x04\x00\xd0rYm\xfe\x93\'O\xce\xc8\xc8`u\xda1u\xbed\xc1\xcc\x19\xd3&amp;\xb0jO#\xdb\xfc\x9bOJ\xc9\x98\xe6\xe8\xd8\xee\xd3\x1d\xd9\xde-\xe4\xb8\x94\x8ay\x17\nt\xeb\xd6m\xdd\xbauw\xdcq\x07\x16\n\xb4|\xf8\xb7\x01h\x89\xac\xdd\xfc333\xfb\xf7\xefO\xe75\xd2!\x8e4\xfa\xc7\xf5\xb8e\xcfG\xaf\xcd\x98\xf1\xa4\xa7\xa2\xd2\xe3v\x07f\xf4g\x8cq\xce9\xd7\xdcE\xa7km!\'i\x0b9jO\xca\xcb\xcbKLL\xc4Y\xf3\xad\x02\x9e\x00\x00Z\x9c\xc6\xb4\xf9/\xff\xe3\x9c\xe8\xe8\xa8&amp;\xb7\xf97\x9f\x10\xc2\xe1phW\xb4yy\xed\xc6Y\xf3\x97\x96W\x9e\xa1\t\x89\xda\x0b\x05V\xadZu\xf3\xcd7c\xa1@\x8b\x85\x00\x00hA.\xda\xe6o\x98\xa6\xd9\xbem\xf4K\x7f\x9e7n\xec0u\xf6\xac\xa7\xbaYm\xfe&gt;\xb9Z)\xa5\xb3}\xdb\xa3_\xe5M\x982\x97\xb6\x90SJ)\xc5\x0cC\xa7-\xe4V\xaf^=f\xcc\x18\x86\x85\x02-\x12\xfe=\x00Z\n\x9a\xda\xa5\xdd\xfc\xfb\xf5\xebG\xbb\xf9K)\x19\xed\xe6o\x9a\xfd{\xff\xf2\xb3m\xaf\x8f{dD\xb5\xab\\\x98\xc1\xef\xb4\xa9\xd9B\xae\xb8\xb4{\xec\xf5Y[6\xfc\xf6\xc9G\xbd\xbdI\xdc\xdaBn\xec\xd8\xb1\xd3\xa6M\xab\xa8\xa8@9\xa8\x05\xc2\x13\x00@\x8b\x10\xc46\xff\xe6\xab\xd9B.&amp;\xfa\xa3\xad\x9fL\x98:\xbf\xa0\xe84]\xb6\xa6i\xd6\x16r/\xbf\xfc2\x16\n\xb44\x08\x00\x80 \xb3\xbae\xf6\xed\xdb7y\xf2\xe4\xa0\xb4\xf97\x1f\x1d5\x1c\xd6.\xe6\xe4\xf7\'S\xe6\xfc\xe1\xcd-\x1fS\xa3j\xed\x85\x02\x8b\x17/\x9e:u*\xc3B\x81\x16\x03\x01\x00\x10L\xd6P\x98\x9e\x9e&gt;{\xf6lz\x0e\xa0\xd3\xb8\x94RJ\xa9\xd1C\x07\xa7\xff\xe9\xf7]\xaf\xed\xea.-k\xf9S\xa9\xa6)\xc2"\xc2\x99\xd3\xb1|\xe5\xbagR\x97\x99B\xd6\xd9Bn\xcc\x981+V\xac\xe8\xda\xb5+f\x86[\x02\x04\x00@p\xd4&gt;\xbd=%%%##\xa3\xd6-\xb3n\x9a\xc1i\xf3o&gt;\x1a\xe8\x1d\xed\xda\xee\xfdl\xff\xe4\x19\xa9\xd6\x16r\xcc{\xd6&lt;\xb6\x90k9\x10\x00\x00A`\r|\x99\x99\x99\xe3\xc7\x8f/((\xa0\x1b\x7fM\xd3h7\xff\xb8\x9e\xb7\xac^\xbe\xa0o\xbf\xdb&lt;\xa5e\xac\x15.\xa72M3\xacmtyiy\x9d-\xe4\xe8\xc7d\x8c-X\xb0`\xde\xbcy\xd8B.\xb8\x10\x00\x00\x81f\xd5y\x16-Z\x94\x9a\x9a\xca\xac6\x7f\xef\xfe\x9aS&amp;\x8e[&lt;/%\xba]\xb4\xbb,hm\xfe\xcd\xf7\xe3\x16r\x1b\xdf\x99&lt;\xeb\x85\x0b\x9e5\xbfn\xdd\xban\xdd\xbaaf8X\x10\x00\x00\x81cm\xeb\x96\x9f\x9f?~\xfc\xf8\xec\xec\xec\xfam\xfe\xab\xd3\xe6\x8f}x\x84r\x95{&lt;fk\xbf5\xae\xd9B\xaec\xfb\xbc#G\xa7&gt;\xb3x[\xd6gu~\xde\x98\x98\x98\xb4\xb44l!\x17,\x08\x00\x80\x00\xb1\x06\xb8M\x9b6M\x992\xe5\xc7\xdd\xfc\xbdc\xe2\x90\xc4~\xab\x96\xcc\xed\xd6\xa3\xbb\xfbtI(M\x90\x9a\xa6\x19vE\x1b\xc6\xd8\x82?\xbe\xb40\xed\xaf\x8c1\xean\xb2\x9ex&amp;N\x9c\x98\x96\x96\x16\x13\x13c-\x81\x86\xc0@\x00\x00\x04\x82\xd5\xe6?c\xc6\x8c\xb5k\xd7\xb2\x0b\xb5\xf9\xa7&gt;;\x851\xd6\x02\xdb\xfc\x9bOJ\xa9i\x9a\xd1\xbe\xedG\xef\x7f2\xed\x99\xc5\xf9\xdf~\x8f-\xe4Z\x02\x04\x00\x80\x7f5\xd4\xe6\xcf\xbc]1\xb17\\\xbbj\xc9\xdc\xe4\xfb\x07\x99%eJ\xa9\x10\x1e\xfbL\xd3\x0ck\xdf\xeetA\xd1\x94\xdf-z\xe3\xbf?b\x8c\xe9:\x17\xe2\x02g\xcd\xe3Q 0\x10\x00\x00~T\xbf\xcd\x9f\x06;\xab/~\xf4\xb0!\xab\x97=\xd7\xb1s\'wI\xa9\x1d\x86&lt;a\nG\x98S\xbb"\xf2\xe5\xb5\xaf\xcf\x9c\xbb\x04g\xcd\x07\x17\x02\x00\xc0/.\xd9\xe6\x1f\xd5&amp;r\xd1\xbc\xdfN{\xfa1V\xedq\x9f;g\x87\xd1\x9f\xd4l!\xd7\xb1\xfd\x81}\xb9\x93g,\xfc\xfc\xe0\x11\x9ds\xa9\xce;k&gt;==}\xcc\x981\xb4\x14.\x84\x1f\x89\x82\x0e\x01\x00\xe0{\x8di\xf3\x7fy\xe5\x0b\xbd\xfa\xc6W\x9f*\xe1\x9a\xa6q\xdb\xdd\xe7\x9a\xa6\x19\x16u\x85\xc7\xe3\x99\xfd\\\xda\x8bk\xfe\xc1\x1a&gt;k\x1e\xe5 \xffA\xb4\x02\xf8\x18UxL\xd3|\xfe\xf9\xe7\x93\x93\x93\xad\xd1_\xd7u\xda0g\xca\xc4qY[6\xf4\x8a\xfb\xb9\xfb?\xa7u\x9d\xdbp\xf4g\x8c\x19\x86Q]Y\xc5M\x91\xbe\xe2\xf9M//\xed\xd2\xa9#M\x89\xd3\xab\xc79OOOOHH\xb0\x8e\xc0\xc4\xad\xaa?\xe0\t\x00\xc0g\xac6\xff\xbc\xbc\xbc\t\x13&amp;\x84|\x9b\x7f\xf3\xd5l!\xd7\xa1\xedE\xce\x9a\xc7\x16r\xfe\x83\x00\x00\xf0\rkxZ\xbbv\xed\xacY\xb3\\.\x97M\xda\xfc\x9b\xcf4\xcd\xb0\x88\x08\xe60\x96\xafZ\xffL\xeark\x89\x80U\x0e\x1a3f\xcc\xea\xd5\xab;t\xe8\x80r\x90o!\x00\x00|\x80\x06&amp;\x97\xcb5k\xd6,\x1b\xb6\xf97_\xcd\x16r\x1d\xda}\xba3\xc7{\xd6\xfcy\xcd\xb2\xdd\xbau[\xb9reRR\x12\x16\n\xf8\x10\x02\x00\xa0Y\xac\xf1(;;{\xc2\x84\tyyy\xd6\xc8E\xf3\xbd7\xdfp\xedJ{\xb4\xf97\x9fi\x9aa1\xd1e\xae\xf2Y\xbf_\xf2\xf7\xd7\xdef\x8c\xd11\xc8\xd6\x16r\xcf?\xff\xfc\x82\x05\x0b\x18\x16\n\xf8\x08\x02\x00\xa0\xe9\x1aj\xf3\xa7\xf5M\x8c\xb1\xb1\x0f$\xbf\xf4\xe7y\x1d\xbb\xd8\xa5\xcd\xbf\xf9\x84\x10\x0e\xa7C\x8b\x88x\xfd\x8d\xf7\xa6\xfcnQ\xfd-\xe4\xac\xb3\xe6\xb1\x85\\\xf3!\x00\x00\x9a\xa2v\x9b\xff\xf8\xf1\xe3333\xd9\x8f\xb3\x975m\xfe\xcb\x16?3i\xe28UY\xe5qW\xeb\xadd7\xff\x96\xa0f\xa1@\x87vy_\xe5\x8d\xff\xcd\xef\xe9\xacy\xa6\x94\xf4.\x14\xe8\xd0\xa1\xc3K/\xbd\xf4\xd0C\x0f1\xcc\x0c7\x0f\x02\x00\xe0\xb2]\xac\xcd_\xd3\x84\x94\xb7\xc7\xf5X\xbd\xfc\xb9^}\xe2\xabO\x97\xe0.\xb5ih\x0b9O\xb5g\xd1\xb25\rm!\xb7|\xf9\xf2\xa8\xa8(\x94\x83\x9a\x0c\x01\x00py\xe8\x96\xd34\xcd\xd9\xb3g\xa7\xa7\xa7\xb3z+\x98~\xfb\xd4\xa3K\x17\xcer8\x1c\xee\x8aJ\x0cL\xcdQs\xd6|\xbb\x98\x8f\xb6|\\s\xd6\xbc\xa1Sm\xcd:k~\xf5\xea\xd5}\xfa\xf4\xc1\xccp\xd3 \x00\x00\x1a\xeb\xa2m\xfe\xbai\x8a.\x9d:\xaeX\xfc\xcc\xd8GF\x88R\x97\x10Ro\x91\xa7\xb7\xb7.5\'\n\xb4k{\xf2\xfb\x93)\xcf\xfe\xf1\xcd\xf7\xb61o\xa9\xad\xfe\x16r(\x07].\x04\x80\xad\xe1D\xd6\xc6\xbbH\x9b?\xdd~\x0eI\xec\xb7~\xd5\xa2\xae7\\\xeb..\xd3u\x94}|\xc94EXd83\x8c\x95\x7f}u\xde\xa2\x17\xb1\x85\x9c\xaf \x00\xecK)\x85\xf7I#5\xd8\xe6_sz\xbb\xfe\xfb\x19\x93R\xe7LaR\xba\xab\xce\xa2\xec\xe3\x0fRJ\xa5\x98\xf3\xca\xf6\x07\xf6\xe6N\x9a6\xdf:k\xbe\xf6\x16r8k\xfer\xe15\xb2)\x1a\xfd\xf7\xee\xdd[]]\x8d\x9b\x80\x8b\xa3m\t\xb2\xb3\xb3o\xbf\xfd\xf6\xb5k\xd7\xd2\r\xa6\x94R\xd7\xb9i\x8a\x9bo\xb8v\xe7{\xebS\x17\xce\xf6T\x9d\xf3\x9csc\xf4\xf7\x13\xce\xb9\xaes\xf7\x7fN\xf7\x8a\xfby\xd6\x96\rS&amp;\x8e\x13B*\xa5h&gt;F\xd7\xf5\x82\x82\x82\xe4\xe4\xe4\xe9\xd3\xa7\xd7~,\x83\x8bC\x00\xd8\x11\x8d\xf8\xe5\xe5\xe5III\xbbv\xed\xd24\x8df/\xa1\x0ek;\xe2\xf4\xf4\xf4\xc4\xc4DZ\xe4%\x84\xe0\\\xa3Ml\xc6&gt;\x90\x9c\x93\xf9zB\xc2\xed\xee\xff\x9c\xe6\\\xc3]\xa7\xbf\x19\x0e\xa3\xba\xbc2*\xcc\xb1j\xe5\x0b?n!g\x9c\xb7\x85\x1c\xfdKq\xceqgsI\xf8}\xb5#:\x9fo\xfe\xfc\xf9\xe5\xe5\xe5\xf3\xe7\xcf\xa7\xfeE\xbc[.\xa8\xba\xbaz\xe8\xd0\xa1\xd6}\xa5\x10\x82iL\x08\x19\xd5&amp;\xf2o\xe9\xa9\x9b\xfe\xb1\xb2C\xf4\x15\xd5\xaer\xc3\x81\x1b\xff\x00\xd1u]\x08\xe9&gt;U&lt;v\xdc\xf0\xfd\xdb\xdf\x18\x92\xd8\xcf4\x05cLJi=\xab\xf5\xee\xdd{\xcb\x96-\x8c1\xdc\xd9\\\x1c\x02\xc0v\xa8&lt;z\xf4\xe8\xd1\xd5\xabW\x1b\x86\xb1o\xdf\xbe5k\xd6\xe0\x91\xf9\x82\x94R\x0e\x87\xa3\xa2\xa2B\xd7u\xc30\xa4\x94\x9ck\x86\xae\xf7\x89\xef\xb9s\xcb+\x93\x9e|\xa4\xba\xa4L\x98\xd8\xd43\xd04M3\x0c\xc3]\\\xda\xb5\xf3\x95\x99\x9b\xd7&gt;7\xf3\xa9\xa8+"iB\x8bfk\xca\xcb\xcb\xdb\xb4i\x83)\xaeK\xc2}\x9f\xedP7KRR\xd2\xb6m\xdbhP\x8b\x89\x899v\xecX\xdb\xb6m\x19cx\xcf\xd4F\xa3\xc9?\xfe\xf1\x8f\xc7\x1e{\x8cv\xf8QJ]\xdd\xa5\xd3\xd1\x9c\xf7\xda\xb4\x8fq\x97\xe2\xc6?\xc8\xa4\x94R\xa9\xb0k\xaf^\xba`\xe9\xef\x16\xa6\xd3\x89\x0bR\xca[n\xb9\xe5\xc8\x91#X\x82wIx\x02\xb0\x17\x1a\xfd\xb7m\xdb\xb6m\xdb6\x9a=\xd34\xad\xb4\xb4t\xfe\xfc\xf94\xb1\x19\xec\x0blY\xe8\xd6~\xd0\xa0AQQQTL\xe0\x9c\x17\x16\x15\x7f\xf9\xd5Qi\n\x8e6\xff`\xe3\x9ck\x8c\xc92W\xf6\xe7\xffc}\x8616t\xe8Pk]\x1e\\\x04~\x83m\x84:\x7fL\xd3\x9c6m\x9aU\xf4\xa7\x8a\xd0\x9a5k\x8e\x1e=\x8aBP\x1d\x14\x8a\x9d;w\x1e0`\x00c\x8c\xa6\x19\x85\x10o\xbd\xff\t\x0f\x0f\xc3k\x15tJ)gx\xf8\xc9oOl\xdf\xb3\x8fy\xa7\x014M\x1b9r$\xc3\xe3l# \x00l\xe4\x82c\xfd\x05S\x01,\xf4*\x8d\x1e=\x9a&gt;TJ2\xc6\xb2r\xf6\xcb\xaa\xb3(\xfd\x07\x9d\x94\x92E\x84\x7f~\xf0\xab\xca3g\xad\xf6\xdc\xee\xdd\xbb\xc7\xc5\xc5Q\x87h\xb0/\xb0\xa5C\x00\xd8\x05\xb53\xd6\xa9\xf6\xd0\xf3r\x9d\xba\x10\x1e\x9ck\xa3Ad\xf0\xe0\xc1\x91\x91\x91B\x08)\x95\xa6i_\xfd\xf3_G\xbf\xf9\x97\x11\x11.%\xf22\xd84\xb6e\xdb.\xc6\x98\xa6\xd5\xfc&gt;\'\'\';\x9dN\xfc\x1a7\x06\x02\xc0.\xac\xd6\xcf\xd2\xd2Rj\x91\xae]\xf4\xa7\x0f\xa7M\x9bV]]\x8d\xe7\x80\xda\xe8U\xba\xea\xaa\xabz\xf6\xec\xc9j\x96#\xe9\xeej\xcf\x96\x8fw\xb1\xf0p)1\xca\x04\x8dR\xca\xe1t\xb8\n\x8a&gt;\xda\x99\xcd\x18\x13B\xd2\xef\xf3\xddw\xdf\xcdP\xffi\x1c\x04\x80-X\xad\x9f\xd4\xf1)\x84\xa0Q\xfe\xe1\x07\x92j\xadk\xd5\x8f\x1e=\x9a\x96\x96\x86\x99\x80:\xe8\xc5\x195j\x14cL\xd34\xaa\x02\xbd\xbdu\x87&lt;{\x16\xdb\xbd\x05\x91\x94R\x8b\x8c\xdc\x9d\xb3\xbf\xb0\xa8\x98s\x9d&gt;\xd3\xb9s\xe7\x81\x03\x072\xec\x0c\xda8x\x8dl\xc1\xba\xc1\xaf\xd9\xb3\x9es\xc6\xd8\xad=\xbao\xd8\xb0\xea\xc1{\xee\xa4j)\xad\xa5\\\xb6lYaa!:\x82j\xa3\x97k\xd8\xb0aTX\xa0*P\xee\xe1o\x8e~\x9dgDD\xa0\n\x14L\\\xdb\xbcu;c\x8c\xf3\x9ab]rr2\xb5l\xe1\t\xa01\x10\x00\xa1\xaf~\x89\x9fn\xff\x97&gt;7\xdd\x08\x0f{\xe1\xf7Sc\xa2\xa3\x98R\x8c1\xceyII\xc9\xb3\xcf&gt;\x8be\xf4\xb5\xd1#Qlll||&lt;M\xa5\xe8\xba\xee\xf1\x98[&gt;\xde\x8d*P\xb0X\xf5\x9f\xcc\xac\x1cV\xab\xfecM\xd7Cc \x00B\\\xfd&amp;\x1f\xca\x80Q\xf7\x0f\x1a4d\xe0\xd9\x1f~\xe8\x1e\xdf\xf3\xb7\x13\xc7\x89\x9a\xad\xcdL\xce\xf9\xc6\x8d\x1bsss\xad\x93\xcd\x81ykhVs!\xaa@A\xd7P\xfd\'!!\x81\xa1\xfe\xd3hx\x99B\\\x9d\xd6O\xa5\xa4R\xca\xe9t,\x9a3EI\xc9\r\xc3,-K\xf9\xcd\xe37]\x7f\xad\x10\x92sM\xd3\xb4\xea\xea\xea\x94\x94\x14!\x04\x1e\x02,\xa8\x02\xb5D\x17\xaa\xffDGG\xa3\xfe\xd3x\x08\x80PV\xbf\xf5\x93s]J9\xf3\xa9\xc7\xba\xc7\xfd\xdcSQi\xe8\xba\xa8\xf6\xb4\xeb\xd2i^\xcaD\xa5\x14\xd78\x1d\xb1\xb4g\xcf\x9e\x8d\x1b7\xa2%\xd4\x82*P\x8b\x82\xfa\x8f\xaf \x00BY\x9d\xd6O\xc6\x98R\xea\xaaN\x1df\xfc\xe6\xd7\xb2\xf2\x0c\xd7u\xc6\x98a\x18\x9e\xe2\xd2\xc7\x1e\x1b\x99\xd0\'\xce\x14B\xd79\xfd\xa9\xd4\xd4T\x97\xcb\x85\x96P\x0b\xaa@-\x07\xea?\xbe\x82W*d\xd5o\xfd\xa4\xdb\xd8?\xcc\x99\xd2\xf1\xda\xab=\xe7\xdc\xd6c\xb2RL\xe7|E\xea,\xa7\xd3\xa1TM\xd7\xe3\xb1c\xc7\xd2\xd3\xd3k6@\x86\x8bU\x81\xf2Q\x05\n\x02\xceQ\xffi&gt;\x04@\xc8\xaa\xdf\xfa)\xa5\x8c\xff\xc5O\x1f\x1e7\xdc,+\xd3k\x1d\\\xa5\xeb\xbc\xba\xbc\xe2\xb6\x01}\x1f\x1a\x9eL\xe7\x9bSZ\xacX\xb1\xe2\xd8\xb1c\x98\r&amp;\x17\xaa\x02q\x8f\xc7|73\x8ba_\xa0\x00\xa2\xfaO\xe9\x0f\x85\xa8\xff4\x1f\x02 45\xd4\xfa\x99\xf6\xdc\xf4\xf06m\xa4\x90u\xee\x914]\x17\x15\x95\x7f\x9c\xff\xdb\xf6\xedb\xe8\xed\xa4i\x9a\xcb\xe5Z\xb8p!\xd6\x04X\xeaU\x81\x14c,sg\x0e\xab\xf6p\x8e\xbb\xce\x00\x91Ri\x11\x11\xb9\x87\xbe*,*\xa6\xc72)e\x97.]P\xffi\x02\xbcX!\xe8"\xad\x9f\x89\x83~\xe5)s\xd5\xdf$\x8bk\x9a8w\xaek\xec\xf5\xd3\'="\xa5\xd29\xa7\x08y\xed\xb5\xd7\xf6\xec\xd9c\x18\x06\nA\xac\xd6V\xc3V\x15\x881v\xf0\xc8?\x7f\xf8\xdf\x7f;\xc2\x9c\x98,\t\x0c\xa5$3\xf4\xcc]{\x19c\x9ck\xf4\xcb&lt;d\xc8\x10\xd4\x7f\x9a\x00\x01\x10\x82.\xd2\xfa\xa9I\xc9\x1ax\x87p\xdd0K]\xb3S&amp;v\xbb\xe9:!%\xad\x05\x13B\xa4\xa4\xa4\xb8\xddn\xcc\x063\xc6\xe85\xb9\xe1\x86\x1bn\xb8\xe1\x06JY]\xd7]\xe5\x95\x99;sXd\xa4\x10xN\n\x04\x87\xc3p\x97\x96\xbf\xfb\xe1N\xc6\x18\x1d\xd1\xc3\x18\xbb\xeb\xae\xbb\x98\xf7\xb0kh&lt;\x04@\xa8\xb9x\xebguEeC\xcf\xc8\x9a\xc6\xa4\x10aWD\xbe\xf8\xc2l\xa5\x94\xa6\xd5\xcc\x06\xe7\xe6\xe6n\xda\xb4\t\x1b\x04\x11!\x84\xd3\xe9\x1c6l\x18\xabUm\xd8\xbcu;\x13\x02E\xa0\x00\x10B\xf2\xc8\xc8\x03\xb9_\xe6\x7f{\x82s\xae\x14\x13BDEE\r\x1e&lt;\x98y\xb7n\x85\xc6C\x00\x84\x9a\xc6\xb4~6D\xd7u\x8f\xab"\xf9\xde\xbb\x07\x0f\xec+\x84\xa4\x96P\xce\xf9\x9c9sJJJ\xf0\x10\xc0\xbc{L\x8e\x1c9\x92\x12\x91Bq\xcf\xde\x03?\x1c?\xe1\x08\x0f\xc3\xeb\xe3oJI\xe6p\xbc\xf3\xe1N\xba\xd1\xa1\xdf\xf0\x01\x03\x06t\xe9\xd2\x85~\xf3\x83}\x81\xad\x0c\x02 \xa44\xbe\xf5\xf3"\x94\x10/\xbe\xf0;\xc3\xd0\x95\xaa\x99N(,,\\\xbe|9\x1e\x02\x18ct\xeal\\\\\\ll,\x8d8\xba\xaeWTVef\xa1\n\x14\x08\x0e\x87\xe1.u\xbd\xb7m\x17c\xccZ\x7fG\xfd?\xf8\xe5l\x02\x04@Hi|\xebgC8\xe7\x9e\xca\xaa\x9f\xc6\xf5x\xf2\xd1\x91T\x02\x12Br\xce\x97.]\x8a3#\tU\x81\x86\x0f\x1f\xceP\x05\n\xac\x1f\xeb?\xc7\xcf\xab\xff$%%1\xd4\x7f\x9a\x04\x01\x10:.\xb7\xf5\xb3!\\\xe7\xb2\xaaj\xe1\x9c)\xed\xdaF\xd3d\x00m\x10\x843#\t\xaa@\xc1\xd2P\xfd\xa7s\xe7\xce\xa8\xff4\r\x02 D4\xa1\xf5\xb3!\x9a\xa6\x99\xe7\xaa;\\\xd39u\xe6\xd3TS\xc2\x99\x91\xb5\xa1\n\x14,\xa8\xff\xf8\x1c\x02 D4\xad\xf5\xb3!\\\xd7MW\xc5SO&gt;\x1c\xff\x8b\x9fJoKh\xed\xe2\x92\xcd\xefsQ\x05\n&lt;\xd4\x7f\xfc\x01\x01\x10\n\x9a\xdc\xfa\xd9\x10j\tuF\x84\xa7=7\xdd:=\xb8\xf6\xf4\xb2\xcdo\xb8\x1a\xaa\x02\x9d&lt;~\xc2\x11\x1en\xf3t\xf4\x13\xa5$s\xa2\xfe\xe3c\x08\x80P\xd0\x9c\xd6\xcf\x86\xe8\xba\xee)+O\x1c\xf4\xabQ\xf7\x0f\xa2\x12\x10e\xc0\xfc\xf9\xf3qfdCU\xa0\x0fwf\xb3\xc8pT\x81\xfc\xc1\xe10\xce\x15\x97\xa1\xfe\xe3[\x08\x80V\xef\xa2\xad\x9f]\x1b\xd9\xfayA\xb4\x18l\xd1\x9c)N\xa7\x83)e=g\xe0\xccH\xd6@\x15h\xcb\xb6\xddL*\xdc\x8c\xfa\x9c\x94\x92GD|y\xf8\x9b\xfc\xe3\'4MC\xfd\xc7W\x10\x00\xad^\xfd\xd6O!\xc4\xad=\xba?4fXuI\x99\xa6\xd5\xd4(\x9a@c\xec\x9c\xab\xbc\xfb/\x7f\x9a2\xe9\x11!\xa5\xae\xebtf\xe4\xeb\xaf\xbf~\xe0\xc0\x01\x9b\x17\x82\xac*\x10=\x1b\xd1\xf1\x00\x9f\x1f&lt;\xe2\xfa\xcf)\x87\xd3a\xf3t\xf49)%s:v\xed=@\xdd\r\x94\xb8\x03\x07\x0eD\xfd\xa7\x99\x10\x00\xad\xdb\x05\xfbs\x1c\x0ec\xcd\xd2\xf9\x91\x9d\xaftF\x84;\xa3\xda8\xaeh\xfa\xffE\xc4\xc40\xa5\x16?\x97\xf2\x8b\x9fu\xb3\xce\x8ct\xbb\xdd3g\xce\xb4\xf9T0\x8dA={\xf6\xbc\xea\xaa\xab\xa4\x94J1\xce\xf5\x82\xff\x9c\xda\x9d\xb3_\x8b\x8c\xb4s4\xfa\x83\xaesy\xf6\xdc\xe6\xf7\xb73\xc6\x94\xaa\x19\xf1\x07\r\x1a\xc4P\xffi\x1e[\xbf\x87[;\xa5\x94RJJ\xd9\xa3G\x8f\xbc\xbc&lt;\xab.\xefp\x18\t\xbdoe\x8c]n\xf3\xcf\x05I)\x1d\xe1\xe1\xc7\x8e}\xf7\xed\x89\x1fj7\x98fdd\x8c\x1e=\x9a\x12\xa8\xf9\xff\x95\xd6\x88~\xf6\xc7\x1f\x7f|\xc3\x86\r\x86a0\xa6LS\xfcz\xcc\xd0W\xd6-\xab.)\xb3\xed\xcb\xe2sR*Gd\xf87_\x1d\xfd\xe5\xddcM\xb3\xa6\xfa\xefp8\x0e\x1d:t\xcb-\xb7P\t4\xb8W\xd8z]zi(\xb4X\xb4R\xf7\xbf\xfe\xeb\xbf\x8e\x1e=Z\xbb=\xdf\xe31w\xe6\xec\xf7\xc7\x7f\x91n\x17\xe8\x7f\xe7\xce\x9d;|\xf8p\x9a\x0e\xb5\xf33\xf8\x981c6l\xd8`mK\x99\x99\x95\xe3*(\x8a\x8ej#LlM\xec\x1bR\n\x16\x1e\xbe\xe5\xe3\xdd\x1e\x8fi\x18\x06mR\x1b\x1f\x1f\xdf\xbd{w\x8c\xfe\xcd\x84\xd7\xae\xb5\xaa\xd3\xfaY\xe7IN\xd7\xb9\xeeS\xb5\xc72)\xa5a\x18\xf9\xf9\xf9iiiv&gt;/\x8c\x86\x9e\x84\x84\x04\xaaD3\xc68\xd7\x0b\x8b\x8aQ\x05\xf2-]\xe7\xf2\xec\xd9\xb7\xb7\xee`\xb5\xea?#G\x8e\xb4y+\x9aO \x00Z+\x9a\xfbz\xfe\xf9\xe7\xcb\xca\xca\x1c\x0e\x07c\x8c\xd7B\xfb\xb8\xf9\x10M/[\x18c\x86a\xa4\xa5\xa5}\xfb\xed\xb7\xb6\xcd\x00M\xd3\x84\x10\xd1\xd1\xd1\xc9\xc9\xc9\x8c1]\xd7\xe9ft\xf3\xd6\xed\x0c\xeb\xc1|DJeDD\x1c\xfd:/\xf7\xf07\x9a\xa6I\xa9.\xb8#74\r^\xbeV\xc9\xda\xa9\x7f\xe5\xca\x95J\xa9\xea\xea\xea&amp;\xb7\xfa4\x8di\x9a\xa6i\x96\x96\x96\xce\x9a5\xcb\xaa~\xd8\x96\xd5\x8dN+\x00\xa8\n\x84^ \x9f\xa8]\xff\xa1\xfe\x1f\xa5T||&lt;\xad\xc0@\x004\x13\xe6\x00Z%z\nn\xdf\xbe\xfd\xf6\xed\xdb\x83\xd8\x92\xafi\x9a5-\x1c\x94\x0b\x08\xba\xdaU Z\x1fgU\x81\x86\x8e\xb8G^\xce\x16LpA\xf5\xea?\x9cy\xd7`SSr\xb0/\xb0uC\x00\xb4J\x14\x00\xd7_\x7f\xfd\xf5\xd7_\x1f\xeck\xb1\xb5\xdaU\xa0W^yE\xd7u\xc6\x94\x94l\xf3\xd6\xedCG\xde\x1b\xec\xabk\xf5\xa4T\x8e\xc8\x88o\xbe:j\xd5\x7f\x18C\xfd\xc7\x97\x10\x00\xad\x18\xf5\x80\x06\xfb*\xb0\x0e\x931\xc6F\x8f\x1e\xfd\xca+\xaf\xa0\x17\xc8\xb7\x1a\xea\xffA\xfd\xc7W\x10\x00\xad\x18mA\x13\xec\xab\xb0\xbb\x86\xaa@\xbbr\xf6\x0fC\x15\xa8yt]G\xfd\xc7\xaf\xf0\n\x024\x8bU\x05\xb2\xf6\xa5\xa1q\xe9\x9d\x0fv\xa0\x17\xa89\xa4TFD\xf8\xd1\xaf\xf3\xd1\xff\xe3?x\x11\x01|c\xcc\x981\xd4\x99.\xa5b\x8ce\x7f\xf1?\xee\xb2\n\xc3\xc0\xed\x7f\x13I)YXX\xce\x81C\x1e\x8f\xe9mnV\xb7\xddv\x1b\xea?&gt;\x84\x17\x11\xa0\xb9h0\xea\xd7\xaf_\xdb\xb6mi\x1a\x80s\xfe\xaf\xef\xbe?\x90{\x98GF`w\xe8\xa6\xe1\x1acB\xbc\xb3u\x07}HS)C\x86\x0c\xb1\xf9.\x84\xbe\x85\x00\x00h.\xba\xf1o\xdb\xb6m\xbf~\xfd\x98wE\x9e\x92\xea\x9d\x0fw0\x87\x936\n\x85\xcb\xa2\x94r\x84\x87\xfdp\xfc\xc4\xee\xbd\x07\x18c\xb4\xfa\x84s&gt;d\xc8\x10\xe6\r\x03h&gt;\x04\x00\x80\x0fH)5M\x1b3f\x8c\xf7C\xc1\x18{o\xdb.w\xa9\xcb\xe1@\xab\xc5e\x13B\xb2\xc8\xc8\xcc\xac\x9c\x8a\xca*\xda\x89DJ\x19\x1b\x1b\xdb\xabW/;\xaf;\xf19\x04\x00\x80\x0f\xd0\x90\x94\x94\x94\x14\x15\x15%\x84P\x8aq\xce\xf3\x8f\x9f8\x90\xfb%\xc7I\xf1\x97\x8f\xea?\x9b\xb7n\xaf\xf9\x90s\xc6\xd8\xf0\xe1\xc3\x9dN\xa7\xb5\xe9!4\x1f\x02\x00\xc0\x07\xe8\x16\xb5s\xe7\xce\x03\x06\x0c`V\x15H\xa9w&gt;\xdc\xc9\x1c\x0eT\x81.\x8bU\xff\xd9s~\xfdg\xe4\xc8\x91\x0c\xf5\x1f\x9fB\x00\x00\xf8\x06\xcdL\xd2\xbe@\x0cU\xa0fh\xa8\xfe\x13\x17\x17\x87\xfa\x8fo!\x00\x00|\x03U _A\xfd\'`\x10\x00\x00\xbe\x81*\x90O\xa0\xfe\x13H\x08\x00\x00\x9fA\x15\xa8\xf9P\xff\t$\x04\x00\x80\xcf4\\\x05:\x8c*P#\xa1\xfe\x13H\x08\x00\x00\x9f\xb9P\x15HSJm\xfe`\x07s\x18\xa8\x02]\x92R\xca\x11\x1e\xfe\xefc\xff[\xbb\xfe\xa3i\x1a\xea?~\x82\x00\x00\xf0\xa5:U \xda\x1d:+\xe7\x0bYu\x16\xe5\x8bK\x92R\xb2\x88\xf0\xcf\x0f\x1e\xa9]\xff\xe9\xde\xbd;\xea?~\x82\x00\x00\xf0%\x1a\xa4\x06\x0f\x1e\x1c\x19\x19)\x84\x90Ri\x9a\xf6\xd5?\xffu\xf4\x9b\x7f\x19\x11\xe1\xb4O\x1c\\\x8c\xc6\xb6l\xdb\xc5\x18\xd3\xb4\x9a\xfaOrr2\xea?~\x82\x00\x00\xf0%\xbai\xbd\xea\xaa\xabz\xf6\xec\xc9\x18\xe3\x9c\xeb\xba\xee\xae\xf6l\xf9x\x17\x0b\x0f\xa7ia\xb8 \xa5\x94\xc3\xe9p\x15\x14}\xb43\x9b1&amp;\x84\xa4\xc7\xa9\xbb\xef\xbe\x9b\xa1\xfe\xe3\x1f\x08\x00\x00\x1f\x93R\xea\xba&gt;j\xd4(\xc6\x98\xa6iT\xfa\x7f{\xeb\x0ey\xf6\xac\xae\xe3\x1d\xd7 )\xa5\x16\x19\xb9;g\x7faQ1\xe7:}\xa6s\xe7\xce\x03\x07\x0ed8\x00\xc0?\xf0\x9a\x02\xf8\x18\rU\xc3\x86\r\xa3\xc2\x05U\x81r\x0f\x7fs\xf4\xeb&lt;#"\x02U\xa0\x8b\xe1\x1a\xf5\xffp^SLKNN\xa6\x96*&lt;\x01\xf8\x03\x02\x00\xc0\xc7h\xc3\xfa\xd8\xd8\xd8\xf8\xf8x:\x1b@\xd7u\x8f\xc7\xdc\xf2\xf1nT\x81\x1ab\xd5\x7f2\xb3rX\xad\xfa\x8f5\x9d\x0e\xfe\x80\x00\x00\xf0\xbd:\x8bWQ\x05\xba\xa4\x86\xea?\t\t\t\x0c\xf5\x1f\xbf\xc1\xcb\n\xe0{\xa8\x025\xc5\x85\xea?\xd1\xd1\xd1\xa8\xff\xf8\x0f\x02\x00\xc0\xf7P\x05\xba,\xa8\xff\x04\x0b\x02\x00\xc0/P\x05j&lt;\xd4\x7f\x82\x05\xaf,\x80_4\\\x05\xcaG\x15\xe8\x028G\xfd\'\xf0\x10\x00\x00~q\xa1*\x10\xf7x\xccw3\xb3Xx\x18\x958\x80y\xeb?\xa5?\x14\xa2\xfe\x13x\x08\x00\x00\x7f\xa9W\x05R\x8c\xb1\xcc\x9d9\xac\xda\xc39\xeejkH\xa9\xb4\x88\x88\xdcC_\x15\x16\x15\xd3c\x93\x94\xb2K\x97.\xa8\xff\x04\x00^\\\x00\x7f\xa1\xc1k\xe8\xd0\xa1V\x15\x881v\xf0\xc8?\x7f\xf8\xdf\x7f;\xc2\x9c\x94\x07\xa0\x94d\x86\x9e\xb9k/c\x8cs\x8d\xea?C\x86\x0cA\xfd\'\x00\x10\x00\x00\xfeB\'\x82\xddp\xc3\r7\xdcp\x83RJ\xd34]\xd7]\xe5\x95\x99;s\x18\x8e\x07\xf0r8\x0cwi\xf9\xbb\x1f\xeed\x8cI))\x17\xef\xba\xeb.\xe6\xddK\x15\xfc\x07\x01\x00\xe0GB\x08\xa7\xd39l\xd80V\xab\x9a\xb1y\xebv&amp;\x04\x8a@\x8c1!$\x8f\x8c&lt;\x90\xfbe\xfe\xb7\'8\xe7J1!DTT\xd4\xe0\xc1\x83\x99wkU\xf0\x1f\x04\x00\x80\x1fQ\x05c\xe4\xc8\x914\'L\xd3\x9b{\xf6\x1e\xf8\xe1\xf8\tGx\x18\xeep\x95\x92\xcc\xe1x\xe7\xc3\x9d4ON\x199`\xc0\x80.]\xba\xd0Q0\xc1\xbe\xc0\x10\x87\x00\x00\xf0#]\xd7\x95Rqqq\xb1\xb1\xb14\xa2\xe9\xba^QY\x95\x99\x85*\x10c5\xf5\x1f\xd7{\xdbv1\xef\x11\xca\xcc\xdb\xff\x83F\xa9\x00@\x00\x00\xf8\x17U\x81\x86\x0f\x1f\xceP\x05:\xdf\x8f\xf5\x9f\xe3\xe7\xd5\x7f\x92\x92\x92\x18\xea?\x01\x81\x00\x00\xf0/T\x81\x1a\xd2P\xfd\xa7s\xe7\xce\xa8\xff\x04\x06\x02\x00\xc0\xbfP\x05j\x08\xea?A\x87\x00\x00\xf0;T\x81\xeaC\xfd\xa7%@\x00\x00\xf8]CU\xa0\x93\xc7O8\xc2\xc3\xedY\x05RJ2\'\xea?A\x86\x00\x00\xf0\xbb\x86\xaa@\x1f\xee\xccf\x91\xe1\xf6\xac\x029\x1c\xc6\xb9\xe22\xd4\x7f\x82\x0b\x01\x00\x10\x08\x17\xac\x02m\xd9\xb6\x9bIe\xc3\x9b])%\x8f\x88\xf8\xf2\xf07\xf9\xc7Oh\x9a\x86\xfaO\xb0\x18\xc1\xbe\x00\x00[\xb0\xaa@\xcb\x97/\x97R2\xa6\x18c\x9f\x1f&lt;RVx*22\xcc\xe31\xed\x14\x03\x9ai\x9a\\\xd7w\xed=\xa0\x942\x0cC)%\x84\x188p \xd5\x7f\xb0\x01\\\xc0 \x00\x00\x02\x81\x06\xb5\x9e={^u\xd5U\'O\x9e\xa4*P\xc1\x7fN\xed\xdd\x7f(y\xdc(V\xe9bv:%&amp;\x8c1\xa6\xeb\x9b\xdf\xdf\xce\x18SJj\x1ag\x8c\r\x1a4\x88y\xb7P\r\xee\xe5\xd9\x07\x02\x00 \x104M\x13BDFF\x0e\x1e&lt;x\xc3\x86\r\xba\xaeS\xa5{\xf1\x8bk\xf7~uT\x9c\xa9\xe2\xb6\xa9{(\xa5t\x9d\x9f9s6\xf7\xf07\x8c1)\x15c\xc2\xe9tR\xfd\x07\xa3\x7f i\xf6\xec@\x00\x08&lt;!\x84\xae\xeb\x1f|\xf0\xc1}\xf7\xddG\xed@\xc1\xbe\xa2\x16A\xd7u!D\xdf\xbe}srr\xa8#(\xd8Wd#x\x02\x00\x08\x10\x1a\xda\x12\x12\x12:w\xee\\XXHG\xc4x; \x15c\xf6\x99\x04\xa0\x1fV\x99\xa6`\xb5fG\xe8!\t\x01\x10Hx\xad\x01\x02\x84\x06\xb8\xe8\xe8\xe8\xe4\xe4d\xc30\xc2\xc2\xc2\x0c\xc3\xf0\x8ew\xf6\x19\xfd\x99\xf7\x87\xd5\x0c\xc3p8\x1c\x9a\xa6\x85\x85\x85\xd5\xd91\x1b\x02\x03% \x80\xc0\xa1*\xd0\xd6\xad[\xef\xbf\xff\xfe`_K\x0br\xeb\xad\xb7\x1e8p\x80!\x00\x02\x0e\x01\x00\x108t.\xd8\xd9\xb3g_|\xf1E\xb7\xdb\x1d\xec\xcb\t&gt;\x9a\x0b\x190`\xc0\x9dw\xde\x89\xfe\x9f\xc0C\x00\x00\x00\xd8\x14&amp;\x81\x01\x02\x8d\xd6=\x05\xfb*Z\x10k/ \x080&lt;\x01\x00\x00\xd8\x14R\x17\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d8\x17p\x01RJ\xa5T\xb0\xaf\xc2\xf74M\xe3\x1c\x89\x0bp1x\xfb\x07\x92\x16\x92\xaf5\x00\x00\\R\xcbz\x02PJi\x9av\xf0\xe0\xc1\xb2\xb2\xb2`_\x8b\xef\xb5m\xdb6..\x8e~\xc6`_\x0b@\x8b\x83\xb7\x7f\xe0\xb5\xac\'\x00)%\xe7\xbc_\xbf~{\xf7\xee\r\xf6\xb5\xf8^\xdf\xbe}?\xfb\xec3\xfa\x19\x83}-\x00-\x0e\xde\xfe\x81\xd7\xb2\x9e\x00H\x9b6m8\xe7\xba\xae\x0b!\x82}-\xbeA?K\x9b6m\x82}!\x00-\x1d\xde\xfe\x81\xd4\x12\x03@J)\xa5\xd44MJ\xc9\x18\xe3\x9c\xb7\xa8\x87\xa6\xc6SJ\xd1\x8f@?\x0b\xfd\xff\x00p\x11x\xfb\x07RK\x0c\x80:Z\xe6\x0b\x07\x00\x01\x80\xb7\xbf_\xb5\xe8\x00\xd04M)uk\x8f\xee\xed\xda\xb7U\xa6hE7\x02J)\xcd\xd0KK\xca\xfe\xe7\xc8\xd1Vt\xd9\x00-\x07\xde\xfe\x01\xd0\n\x02`\xd5\x1f\xe6$\xdc{7++gz\x0b\x9a&lt;\xb9\x04!Y\xdb\xe8O?\xd8\xfe\xaba\xe3[\xf8o\x80MP\xb3\x83\xf2\xaa\xf3U\xad\x96`\\\x1d\\\x00\xde\xfe\x01\xd0\xa2\x03\x80TU\x9d\x93\x15\x95\xd5\x95g\xf4\xd6\xf3\x1b \x84t\xea\xbc\xaa\xea\\\xb0/\xc4\xee\xac\x82\xb2\xae\xeb\x8c\xb1K\xbe\x1b\xe9\xfb9\xe7-\xaaU\xc3\xce\xf0\xf6\xf7\xabV\x10\x00\x9ck\xdc+\xd8\xd7\xd2XJ1\xce9\xe7-:\xfcC\x18\x8d\xe3\x86a\xd4\xfe\xb5)**\xfa\xe1\x87\x1fN\x9d:u\xfa\xf4\xe9\xf2\xf2\xf2\xea\xeaj\xa5\x94\xd3\xe9\x8c\x89\x89\xe9\xd4\xa9\xd35\xd7\\\xf3\x93\x9f\xfc$22\x92\xbe\xdf\x9a\x81\x0c\xe6\x8f\x01x\xfb\xfbY+\x08\x00\x80F\xa2\xbe\x0bZsO\xe3\xc5\xd7_\x7f\xbdg\xcf\x9eO?\xfd\xf4\xf0\xe1\xc3\xdf}\xf7\x9d\xcb\xe5j\xe8\xcf\x1a\x86\xd1\xa5K\x97[o\xbdu\xf0\xe0\xc1\xf7\xde{\xefM7\xdd\xc4\x18\x13B\xb4\xde.\x14\x80KB\x00@\x88\x10B\xe8\xbaN\xa5\x9eo\xbe\xf9f\xf3\xe6\xcd\xef\xbe\xfb\xee\xc1\x83\x07\xeb\xb4\x93\xd7\xaf\x05\xd1\xac\x80i\x9a\xdf\x7f\xff\xfd\xf7\xdf\x7f\xbfe\xcb\x969s\xe6\x0c\x1b6l\xd6\xacY\xbdz\xf5b\xde\x05J\x81\xfdi\x00\x02\x01\x01\x00\xa1@)\xa5\xeb\xba\x94\xf2\xbd\xf7\xde\xfb\xdb\xdf\xfe\xf6\xf1\xc7\x1f\x9b\xa6I_2\x0c\x83y\xb7\x18SJ5\xb4\xbc\xa8\xf6&lt;pUU\xd5\xa6M\x9b\xdez\xeb\xad\x94\x94\x94E\x8b\x16\x85\x85\x85!\x03 $\xe1w\x1aZ=\xea\xea\xd9\xb8qc\xef\xde\xbdG\x8c\x18\xf1\xe1\x87\x1f\x9a\xa6I\x13\x00\x9a\xa6\x99\xa6i\x9a\xe6%\xf7\x98\xa4\xf2\x91\x10\xc24M\x9a4\x16B\xa4\xa5\xa5\r\x1e&lt;\xb8\xb0\xb0\x90s\x8e\x86t\x08=\x08\x00h\xf5h\x83\xad\xf5\xeb\xd7\xe7\xe6\xe6:\x9dN]\xd7i\xdc\xaf?\xe8\xd3\xf4\x80~\xbe\xfaU~\xebA\xc1\xe1p\xec\xd9\xb3g\xc8\x90!\xa7O\x9f\xa6\xae\xc4\x80\xfe`\x00~\x86\x00\x80V\x8f\xc6\xe5\x17^xA\xd7u\xd34\x85\x10\xb5Gj\xba\x9d7\x0c\x83Fp\xba\xcd\xaf\x8dr\x82\x92\xa0\xce_\xeb\xf1x\x1c\x0e\xc7\xe1\xc3\x87\xc7\x8d\x1bG\x7f\x16\x19\x00\xa1\x04s\x00\xd0\xeaQ\xf5\xbfo\xdf\xbe\xfd\xfb\xf7\xdf\xb3g\x8f\xb5\x8f\x18\xcd\xf7\xd2(O\xdf\xd9\xbe}\xfb\xae]\xbbv\xe8\xd0!**\xca\xe9tz&lt;\x1e\x97\xcb\xf5\xef\x7f\xff\xfb\xc4\x89\x134g@\x7fU\xedQ\x9e2\xe0\x93O&gt;IOO\x9f1c\x06M5\x07\xe3\xa7\x04\xf0=\x04\x00\x84\x02\x9a\xa4\x9d9s\xe6\x9e={\x18c\x86a\xd0\xa3\x00c,&amp;&amp;f\xe0\xc0\x81III\xb7\xdf~\xfb\x8d7\xde\xd8\xae]\xbb:\x05\x1f\xb7\xdb\xfd\xed\xb7\xdfn\xdf\xbe}\xfd\xfa\xf5\x07\x0e\x1c`\xde5\xa8\xd67P3\xe8\xa2E\x8b\x1e}\xf4\xd1+\xaf\xbc\xb2\xa5m\xe9\x0e\xd0d(\x01A(0\x0cC)u\xdf}\xf7\xf5\xe8\xd1\x83&amp;r\x19c\xbf\xfa\xd5\xaf\xfe\xfa\xd7\xbf\x1e9r\xe4\xddw\xdf\x9d&lt;y\xf2m\xb7\xdd\xd6\xbe}{\xda\x9a\xb1v\xfd\',,\xec\x96[n\xf9\xcdo~\xb3o\xdf\xbe\x17_|\xd1\xe9t\xb2\xf3\xfbD)]JKK7l\xd8\xa0iZ\xc8lS\x0c\x80\x00\x80\x10!\x840\x0cc\xda\xb4i\xe1\xe1\xe1\xe3\xc7\x8f\xcf\xce\xce\xde\xbd{\xf7SO=u\xcd5\xd7H)\xad9a\xa5T\xedy`\xce9\x15\xf7M\xd3\xe4\x9cO\x9b6m\xf3\xe6\xcd4aPg\xad\x80\xa6i\x19\x19\x194[\x10\xc4\x1f\x13\xc0\x87\x10\x00\x10"\xa8\xdf\xff\xe1\x87\x1f&gt;t\xe8\xd0\xbau\xeb\xfa\xf7\xefO\xcb\xbbh\xc4\xb7\xbaB\xebWo\xa85\x88\xfexuu\xf5\xfd\xf7\xdf?g\xce\x9c:\x8d\xff\x14\x1e\x87\x0f\x1f&gt;q\xe2\x84\xb5U=@k\x87\x00\x80\x90\xd2\xa6M\x9bn\xdd\xbaQmG\xd34\xba\x97o\xe4\x9f\xa5\xef\x97R\xce\x981\xa3C\x87\x0eB\xfc\xb8\x051\xa5\x88\xdb\xed\xfe\xea\xab\xaf\x98\xb7\xef\x08\xa0\xb5C\x00@H\xa1zN\xfd\x9e\xceF\xa2\x8aP\xdb\xb6m\x07\x0c\x18\xc0\xbc}D\xd6\x97\x18c\xdf}\xf7\x1dC\x00@\xa8@\x00@H\xa1zNs\xfe\x06\x9a\'\xe8\xd1\xa3\xc7\x05\xbfZRR\xd2\x9c\xbf\x1c\xa0EA\x00\x00\xd4\xa5iZLL\xcc\x05\xbf\xe4\xf1x\x02|1\x00\xfe\x83\x00\x00\xb8\x80\x86\x06zj\x12\x05\x08\r\x08\x00\x80\xba\x94R\x05\x05\x05\x17\xfcR\x87\x0e\x1d\x02|1\x00\xfe\x83\x00\x008\x0fu\x8b\x1e:t\x88\x9d?\xd9K\xad\x9f\xd7_\x7f=k\xc4\xd1\x92\x00\xad\x02\x02\x00\xe0G\xd4&lt;\xfa\xfd\xf7\xdf\x7f\xf1\xc5\x17\xb5\xfb\xfd\xe9\xff\x0f\x0f\x0f\xff\xd9\xcf~\xc6\x10\x00\x10*\x10\x00\x00?\xa2\x00HOO\xaf\xaa\xaa\xd2u\xddz\x02\xa0\xc7\x82_\xfc\xe2\x17\xd7^{-\xad\t\x08\xeeu\x02\xf8\x04~\x8f\x01j\xd012\xfb\xf7\xef\xff\xcb_\xfe\xc29\xaf\xb3\xe7\x8fRj\xdc\xb8q\xd8\x0b\x08B\t\x02\x00\x801\xefVB\xff\xf9\xcf\x7f\x1ez\xe8!\xb7\xdb\xcdjM\x00\xd0\xea\xb0N\x9d:\xfd\xfa\xd7\xbf\xc6^@\x10J\x10\x00\x005\x07\xca\x17\x15\x15\xdd{\xef\xbd\xc7\x8e\x1d\xa3S\x01\xac\xaf\xd2y\x90\x0b\x17.l\xd7\xae\x1d\xd5\x88\x82x\xa9\x00&gt;\x84\x00\x00\xbb3MS\xd7\xf5\xef\xbe\xfb\xee\xee\xbb\xef\xce\xcd\xcd\xb5\xce\x93!t\xb4@RR\xd2\x93O&gt;\x89\xd3` \xc4 \x00\xc0\xd6\xa8\xee\xff\xc5\x17_\x0c\x1c8\xf0\xc8\x91#\x86a\xd4\x1f\xfdo\xba\xe9\xa6W_}\x95\xa1\xf9\x07B\x0e\x02\x00l\x8aN~7\x0cc\xf3\xe6\xcdw\xddu\xd7\x89\x13\'\xe8Ha\xeb\x1bh\xf4\xbf\xfa\xea\xab\xb7n\xddJ\x07\x81\xa1\xf9\x07B\x0c~\xa1\xc1\x8e\xa8\x94\xaf\xeb\xfa\xe2\xc5\x8bG\x8d\x1aUYYY\xa7\xed\xc7\xba\xf7\xdf\xb1cG\xf7\xee\xdd\xe9T\xc8 ^0\x80?\xe0L`\xb0\x1d:\xec\xe5\xdc\xb9sO&lt;\xf1\xc4\xc6\x8d\x1b\xadC\xc1\xaco\xa0\xd1\xbfw\xef\xdeo\xbf\xfd\xf65\xd7\\\x83\xd2?\x84*\x04\x00\xd8\x8bu\xc0\xef\x83\x0f&gt;\x98\x95\x95EE\x7f\xab\xe3\x93v\x936Ms\xc4\x88\x11\x1b6l\x88\x8a\x8a\xc2\xe8\x0f!\x0cO\xb5`#t\xb4oYYYrrrVV\x96\xc3\xe1\xa03#\xe9\xab\xf4( \x84x\xf6\xd9g\xdf~\xfb\xed\xa8\xa8(:[&amp;\xb8\xd7\x0c\xe0?x\x02\x00\xbb\xa0:\x8fRj\xd4\xa8Q\x9f\x7f\xfe\xb9\xc3\xe1\xa8\xbd\xe73u\x7fFFF\xfe\xfd\xef\x7f\x7f\xe8\xa1\x87h\x92\x00u\x7f\x08m\x08\x00\xb0\x0b\xba\x9d\x9f1c\xc6\xf6\xed\xdb/8\xfa_}\xf5\xd5\x9b7o\xee\xd3\xa7\x0f\xf5\x86\x06\xf1R\x01\x02\x03\xbf\xe5`\x0bT\xca\xcf\xce\xce^\xb1b\x05\xcd\xf1Z_\xa2\xd1\xbf[\xb7n\x1f|\xf0\xc1M7\xdd\xe4\xf1x\x1c\x0eG\x10/\x15 `\x10\x00`\x0b\xb4\x86k\xfe\xfc\xf9\xcc{\xea/}\x9e\xba?\xbbu\xeb\xb6}\xfb\xf6k\xae\xb9\xc64M\x8c\xfe`\x1f(qB\xe8\xa3\xce\x9f\x83\x07\x0ffee\xd5\xee\xf7\xa7Y\xdf\x8e\x1d;\xbe\xff\xfe\xfb4\xfa\xa3\xf2\x03\xb6\x82\x00\x80\xd0G=\xfe\xef\xbe\xfbn\xfd\xd5\xbcJ\xa9\xbf\xfd\xedo7\xdf|\xb3\xc7\xe3\xc1\xe8\x0fv\x83\x00\x80\xd0G\x83~vv6\xab\xb5\xc93m\xf99d\xc8\x90\x11#F\xa0\xf2\x03\xf6\x84\x00\x80\x10Gw\xfd\xd5\xd5\xd5\xc7\x8e\x1dc\xe7\x1f\xf3\xcb\x18{\xea\xa9\xa7\xea|\x06\xc0&gt;\x10\x00`\x0beee\xa7O\x9ff\xde\x00\xa0\x83\xbd"""\xfa\xf4\xe9C\x9b\x02\x05\xfb\x02\x01\x82\x00\x01\x00!\x8eF\xfc\xf2\xf2\xf2s\xe7\xceY\x9f\xa4\xa6\xa0k\xae\xb9\xe6\xaa\xab\xae\n\xda\x95\x01\x04\x1b\x02\x00l\xa1\xba\xba\xba\xf6f\x9f\x14\x00\xed\xdb\xb77\x0c\x83\xf6\x87\x08\xde\xa5\x01\x04\r\xda\x1e\xc0\x16h\x94\xe7\x9ck\x9aF\xb3\x02J\xa9\xb0\xb00\xebK\xc1\xbe@\x80 @\x00\x80-H)k?\x01PchUUU\xf0\xae\x08 \xf8\x10\x00\x10\xe2\xe8\xee\xfe\xc6\x1bo\xdc\xb1cG\x9d/\xc5\xc4\xc40\x1c\xf4\x086\x86\x00\x80\x10G\xe3{\x9b6m\xee\xbc\xf3\xce\x8b|\x03\x80\r!\x00\xc0\x16\xea\x9c\xf9E\xb0\xe13\xd8\x1c\x02\x00l\x01\xcd\xfe\x00\xf5\xe1\xf6\x07\x00\xc0\xa6\xf0\x04\x00va\x9d\x08F\x9d\xa0\x8c1]\xd71\x01\x00v\x86\x00\x00[\xa0\x1d\xa1\xebW\x81p\xe6;\xd8\x19\x02\x00B\x1f\x8d\xfe\x1e\x8f\xe7\x83\x0f&gt;\xc8\xce\xce.**\x8a\x8a\x8a\xba\xf5\xd6[\x87\x0e\x1d\xda\xa9S\'\xfaj\xb0\xaf\x11 \x08\x10\x00\x10\xe2h|?t\xe8\xd0\xf8\xf1\xe3\x0f\x1e&lt;X\xfbK\x9d:u\xfa\xf3\x9f\xff\xfc\xeb_\xff\x1a\x19\x00\xf6\x84\x00\x80PF\x15\xff\xa2\xa2\xa2{\xee\xb9\xa7\xa0\xa0\xa0\xce\x91/EEE\x8f?\xfex\x87\x0e\x1d\xee\xbf\xff~\xd4\x82\xc0\x86p\xd7\x03\xa1L\x08\xa1i\xda\xfa\xf5\xeb\x0b\n\n\x9cN\xa7y&gt;\xc304M[\xb4h\x11\xb6\x03\x02{B\x00@(\xa3a}\xd7\xae]t\x00@\x9d\xaf\n!\x94R\x87\x0f\x1f.((\xa0\xed\xe1\x82q\x8d\x00A\x83\x00\x80PFU\x9d\xa2\xa2"\xa5T\xfd\xf1\x9d&gt;SUUUXX\xc8\xea\x1d\x16\x06\x10\xf2\x10\x00\x10\xfa\xeao\x02a\xa1G\x04\xfa\x06\x04\x00\xd8M+\x98\x04\x96RI)\xa5\x94\xad\xa8H+k`@\t2j\xef\x89\x89\x89\xd14\xad~\x95\x9fV\x849\x1c\x8ev\xed\xda1\xec\n\xd7"\xe1\xed\xefW\xad \x00"#\xc3y\xd4\x15\xe1B2\xbd\xd5&lt;\xaf8\x84dQWDF\x86\x07\xfbB\xec\x8e\x02 &gt;&gt;&gt;++\x8bs^g\x1a\x80R\xe1\xba\xeb\xae\xfb\xc9O~B\xa7\xc4\x04\xeb:\xa</t>
        </is>
      </c>
    </row>
    <row r="455">
      <c r="A455" s="1" t="n">
        <v>453</v>
      </c>
      <c r="B455" t="inlineStr">
        <is>
          <t>venn</t>
        </is>
      </c>
      <c r="C455" t="inlineStr">
        <is>
          <t>What is the missing number of the part denoted with a question mark?</t>
        </is>
      </c>
      <c r="D455" t="inlineStr">
        <is>
          <t>['4', '1', '0', '3']</t>
        </is>
      </c>
      <c r="E455" t="inlineStr">
        <is>
          <t>3</t>
        </is>
      </c>
      <c r="F455" t="inlineStr">
        <is>
          <t>There are 3 overlapping circles containing the numbers [2, 5, '?']. The overlapping part between the first and second circle contains the number 7. The overlapping part between the second and third circle contains the number 8.</t>
        </is>
      </c>
      <c r="G455" t="inlineStr">
        <is>
          <t>We observe that the circles with 2 and 5 overlap to form the part 7, where 2 + 5 = 7. Hence, the pattern is most likely that the numbers in the overlapping parts are the sum of the numbers in the corresponding circles.</t>
        </is>
      </c>
      <c r="H455" t="inlineStr">
        <is>
          <t>Based on the pattern that the numbers in the overlapping parts are the sum of the numbers in the corresponding circles, the missing number of the circle where the overlapping part is 8 should be 3.</t>
        </is>
      </c>
      <c r="I455" t="inlineStr">
        <is>
          <t>b'\x89PNG\r\n\x1a\n\x00\x00\x00\rIHDR\x00\x00\x02\x00\x00\x00\x02\x00\x08\x06\x00\x00\x00\xf4x\xd4\xfa\x00\x00\x9c\xedIDATx\x9c\xec\xddu\x9cTU\x1b\xc0\xf1\xdf\xbdw:\xb6\xe9\xee\x12$\x14\x05)\x0bl\xb11PD\x01\xc1\xc4.P\x141AQTD\xc5DQ\xc4\xc0\x04\x15P@\x04\x14\x10\x94\x94\xee\xd8\x9c\x9e\xb9\xf1\xfeqg\x960^\x84]vg\xe6|?\x1f_}7\xef\xce3\xf7\x9e\xe7\x9c\xf3\x9cs$\xc30\x0c\x04A\x10\x04AH+rE_\x80 \x08\x82 \x08G\x9f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x89\x04@\x10\x04A\x10\xd2\x90H\x00\x04A\x10\x04!\rY*\xfa\x02\x84\x8aa\x18\xc6\x01\xff\xbd\xff\xff?\xf8\xf3\t\x92$\xfd\xe5\xbf\x0f\xfe\xb7P9$\xe2wpl\xff.\xae\xfb;8\xc6"\xbe\x95\xd3\xfe\xf1\xdd\xff\xdf\x07\xff\xf7\xfe\xc4\xfd+\x1cL2\xfe\xdf\x13AHZ\x89\xd0\xea\xba^\xfa\xdf\x89\x87\xba,\x97\xfd\xe0\x8f\xa6i\x7f\xf9=\xfb7"B\xd9J4\xee\xfb7\xf2\x89\xd8\x96\xc7k\x9ex\x1f\x19\x86Q\xfa\xf3\xcb\xebw\t\xff\x1c\xdf\xf2\xb8\x7f\r\xc3\xf8\xdb\xe7\x84\xb8\x7fS\x9bH\x00R\xc8\xc1\x0fhEQ\xfe\xf5\xeb\x03\x81\x00&gt;\x9f\x8f\xe2\xe2b\xfc~?~\xbf\x9fP(D0\x18DUU\xa2\xd1\x18\xba\xaec\xb1(X\xadV\xac6\x1b.\xa7\x13\x97\xcb\x8d\xc7\xe3\xc6\xe3\xf1\x92\x95\x95\x89\xdb\xed\xc6\xe9t\xfe\xe3\xef\xd9\xff\xe1R\x9e\rT*K\xc4U\xd7u\xc0lx\xff\xad\x11\x08\x04\x02\xc4b1\xf6\xec\xd9CAA\x01\x91h\x94h$Jaa\x01&gt;\x9f\x0fUU\x89D\xa3\x18\x86\x81\xcdj\xc5j\xb5\xe2r\xb9\xc8\xce\xce\xc6\xe5ra\xb1X\xc8\xcc\xcc\xa4z\xf5\xea\xd8l6\xbc^\xef\xbf^\x9b\x88\xef\x919\xb8\xb1\xff\x7f\xf1\xd54\x8d`0Hqq1%%%\xf8\xfc~\x82\x81\x00\xc1`\x88P(\x84\xa6\xa9D\xa3Q\x0c\x03\xac6+\x16\x8b\x05\x87\xdd\x8e\xd3\xe5\xc2\xedr\xe1\xf1x\xf0z\xbddff\xe1v\xbb\xb0\xd9l\xffzm\x9a\xa6\x01\xfb\x12&gt;\x11\xdf\xd4 \x12\x80$\xb6\x7f\x83o\xb1\xfcu6\xc70\x0cv\xed\xda\xcd\xa6M\x1bY\xbf~\x03\xeb\xd6\xadc\xfd\x86\xf5l\xd9\xb2\x85\x9d;v\xb0{\xf7.\x8a\x8b\x8b\x89D\xa2\x87}\r.\x97\x93\xac\xaclj\xd4\xa8A\xf5\xea\xd5\xa9_\xbf\x01\r\x1a\xd4\xa7q\xe3\xc6\xd4\xaf_\x9f\xbau\xeb\x92\x9d\x9d\xfd\xb7\xd7\xae\xeb\xbah0\xfe\xc1\xfe\r\xfe?%s~\xbf\x9f\xad[\xb7\xb2i\xd3&amp;V\xae\\\xc9\xd6\xad[Y\xbdz5\xf9\xf9\x05l\xde\xbc\t\x9f\xcfGII\xc9\x11]\x87\xdb\xed\xc6\xedvS\xbbvm\xaaT\xa9B\x83\x86\r\xa9W\xaf\x1e\xcd\x9a6\xa5^\xbdz4h\xd0@\xc4\xf70\x1cJ|#\x91\x08;w\xeeb\xe3\xc6\xf8\xbd\xbb~=\xeb\xd7\xafg\xdb\xb6m\xec\xdc\xb1\x83\xbd{\xf7RRR\x82\x1ao\x9c\xff+\t\xf0x\xbd\xe4\xe6\xe6\x96\xde\xbf\r\x1b6\xa2~\xfdz\xe6\xfd\xdb\xa0\x01\xb5k\xd5\xc2\xe3\xf1\xfc\xe5{E|S\x83H\x00\x92\xc8\xfe\x0f\rEQ\xfer\xd3m\xdd\xba\x95\x15+V\xb0x\xf1b\x96,Y\xc2\x1f\x7f\xfc\xc1\xbau\xeb\x08\x87\xc3\x7f\xfb\xf3\x14\x8b\x15oF&amp;\x99Y\xd9x\xbc\x19x\xbc^\x9cN\x17\x0e\xa7\xd9\x03\xb4Zm\xc8\x8a\x8c\xaaj\xa8j\x94X4J8\x14"\x18\x0c\x10\xf0\xf9\xf0\xf9\x8a)*,\xc0\xef\xf3\x81\xa1\xff\xed\xef\xc8\xcc\xcc\xa4i\xd3\xa6\xb4n\xdd\x9a\xf6\xed;\xd0\xbe};\x9a5kFNN\xce\x01_\x97x\xa0\xfc\xbf\x9eO*\xdb\xbf\x87\x7fp\x83\x10\x0e\x87Y\xb3f-\xbf-\xfb\x8d%\x8b\x17\xb3t\xe9RV\xadZ\xc5\x8e\x1d;\xfe\xf1\xe7Y\xac6\xdc\x1e\x0fn\x8f\x87\xac\xac\x1c\xbc\x99\xd9(\x8a\x82\xc5jE\x91e,V\x1b\x92$\xa1\xaa14UEUUt]#\xe0\xf7QTP\x80\xcfWL(\x18$\x1c\n\xfe\xe3\xef\xc8\xca\xca\xa2Y\xb3f\xb4l\xd9\x92\xf6\xed\xdb\xd3\xbe}{Z\xb4h\xf1\x97\xa4@\xc4\xf7\xc0\x91\x92\x83\x13vUU\xd9\xb0a\x03\xcb\x96-g\xf1\xe2_Y\xbat)+V\xac`\xcb\xe6\xcdh\xfa\xdf\xdf[6\xbb\x83\x8c\xcc\xac\xd2\xfb\xd7\xe5\xf6\xe0t\xba\xb0;\x9d(\x8a\x12\xef\xd5\x9b\xf1UU\x95h$l\xde\xbf\x01?~_\t%\xc5\xc5\x14\x17\x15\x10\n\x06\xfe\xf1\x9a\xabV\xadJ\xf3\xe6\xcdi\xd3\xe6X\xda\xb7oO\xdb\xb6\xc7\xd2\xb4iS\xdcn\xf7\x01_\x97\x98\xfeK\xe7\xf8&amp;#\x91\x00Tr\xff\xf6\xd0\xd8\xbcy3\x0b\x16,`\xce\x9c9\xfc\xf4\xd3O,[\xb6\x8cX,v\xc0\xd7x3\xb3\xa8[\xbf\x11\xf5\x1a6\xa6N\xfd\x86\xd4\xaeS\x9fj5k\x91\x93W\x95\xcc\xec\x1c\xdcn/v\x87\x03\x9b\xcd\x86\xd5fC\x92d$\t\x12\xb9\x85$A\xe2\x1db\x18\xe6?\xba\xa6\x11\x8dE\x89F"D\xc2!\xfc\xbe\x12\x8a\n\xf2\xc9\xdf\xb3\x9b\x1d\xdb6\xb3m\xcbF6\xad\xff\x93\xcd\x1b\xd6\xb1e\xd3\x06"\xe1\xd0\x01\xd7\x94\x9d\x95E\xdb\xf6\xed\xe9r\xd2It\xed\xd6\x8d\xf6\xed\xda\x91\x9b\x9b{\xc0\xd7\xa8\xaa\x9a\x16\x0f\x93\x7fj\xf4UU\xe5\x8f?V0o\xde\\~\x9c3\x87E\x0b\x17\xb2~\xfd\xfa\xbf|\x7ffV6u\x1b4\xa2V\x9dz\xd4k\xd4\x94j\xd5kR\xbb^C&lt;^/yUk\xe0\xf6xP,\x16\xb3ap8\x91\xa04\xb8\xa5\xf9\xa3\x01F\xe2?\x80h$J(\x14 \x16\x8d\x12\x8dF\xd8\xb3k\x07~\x9f\x8f\x9d\xdb\xb6\xb0s\xdb\x16\xb6l\xda\xc0\x96\x8d\xeb\xd9\xbci\x1d\xbbwl\xff\xcb5\xe5\xe6\xe6\xd2\xb6m[N:\xe9$\xbau\xebF\xfb\xf6\xed\x0fH\x08\x12C\xca\xe9\x1c_\xc30X\xbdz5?\xfd4\x9f9s~\xe4\xe7\x9f\x7ff\xd5\xaaU\x7f\xf9\xfe\xbc\xaa\xd5\xa9\xd7\xa0\x11\xf5\x1a5\xa1N\xbd\x06\xd4\xacS\x9f\xaa\xd5j\x90\x9d[\x85\xcc\xacl\x9cn76\x9b\x1d\x9b\xdd\x8e\xd5bE\x92\xa5}q\x95\xcc^\xfe\xc1\xf7\xaf\xa6\xaaD\xa3\x11\xa2\x91\x08\xe1P\x90\x92\xe2"\x8a\n\xf2\xd9\xbbg\'\xdb\xb7lb\xdb\x96Ml\\\xb7\x86\xcd\x1b\xd7\xb3m\xf3&amp;t\xfd\xc0\x11\x86\x9a5kr\xdcq\xc7\xd1\xa5kW\xbat\xe9B\x9b\xd6mp\xbb]\x07\xfcm\xe9\x12\xdfd\'\x12\x80J*\xd1c\xda\xbf\xd1\xd74\x8d%K\x960c\xc6\xb7L\x9f\xfe\r\x0b~\xfe\x99Ht\xdf\xf0}Ff\x16M[\xb6\xe6\x98\xb6\x1dh\xd9\xba-\xf5\x1b7\xa7F\xad:de\xe7\xe0p:P\x94\xf8\x03@\x03M\xd3\xd1\xe2=\xbe\xc4\xef2\xdf\n\xc6~\r\xc2\x81\xa4\xfd\xfe\xc7\x1c\xf63opEQP,\x16\x14EB\x8e?\xe3\xd4\x18\x04\x03~\n\xf3\xf7\xb0u\xf3F\xd6\xafY\xc5\x8a\xe5K\xf8\xe3\xb7_Y\xbd\xe2w\xd4\xd8\xbe\xeb\xce\xcd\xcd\xa5k\xd7\xae\xf4\xea\xd5\x8b\x93O&gt;\x99f\xcd\x9a\x95~.\xf10\xf9\xbb\x11\x8fd\xf5O\x8dB~~&gt;s\xe6\xcca\xfa\xf4\xe9\xcc\x9e=\xfb/\rBvN\x1eM[\x1cC\xab\xb6\xedi\xde\xeaX\xea7nJ\x8dZu\xc8\xcc\xce\xc5yP|u\xdd@Uc\xe8\x9a\x8ea\xe8\xa51\x8e_\xc1\x01\xff\xa2\xf4e\xddW\x11.+\n\xb2$!\xc92\x16\x8b\x15E\x91\x91e\x90\x15\xd05\x88FTJ\x8a\x0b\xd9\xb3k\x07\x9b\xd6\xff\xc9\x9a\x15\xcbY\xb9|)\xabW.g\xf3\x86u\x07\\w\xd5\xaaU\xe9\xd2\xa5\x0b={\xf6\xa2\xc7\xc9=h\xd6\xb4\xe9\x01\xafE\xaa\xc5\x17(\x9d3\xdf?\xbe&gt;\x9f\x8f\xf9\xf3\xe7\xf3\xcd7\xd3\xf9\xee\xbboY\xbe|\xf9\x01\xdfS\xadfmZ\xb4jC\xabc\xdb\xd3\xacU\x1b\xea7jF\x95\xea5\xc8\xc8\xcc\xc2n\xb7"\xcb\xa0\xeb\xe6?\xaa\xaa\xa1i\xea\x01\xf1=\xb4\xfbw_a_\xa2\x81\x96\x15\x0b\x16\x8b\x05Y\xa6\xf4=\x14\x8b\xe9\xf8}&gt;\xf2w\xefd\xf3\xc6\xf5\xfc\xb9\xfa\x0fV,[\xc2\xca\xe5K\xf9s\xf5\x8a\x03~n\x9d:u\xe8\xde\xbd;\xa7\x9f~:\xdd\xbbw\xa7^\xbdz\xa5\x9fK\\\x97\x98&amp;\xa8\x9cD\x02P\x89\xec?\'\x98\xc8\x9cu]\xe7\xe7\x05\x0b\xf8\xec\xd3O\xf9\xf2\xcb/\xf9\xe3\x8f?J\xbf\xde\xe3\xcd\xa4\xedq\'p|\xe7n\xb4\xe9\xd0\x91FM[\x92W\xa5\x1av\xa7\x05C7o\xe2X,\x8a\x16\x8b\x99\xc3\x88\x86Q\xda\x80\x1f\\\xc8s87\xe7\xbe\xb7\x8e\x11\xef]\x18\xa5\xdd\rI\x96\x90es\xb8\xd9f\xb3c\xb1\x98\x0f\xa5` \xcc\xcem[Y\xbbr9K\x16\xfe\xc4\xa2\xf9sX\xbe\xe4\x97\x03z\x19\x9d;w\xe6\xfc\xf3\xcf\xe7\x9cs\xce\xa1e\xcb\x96\xa5\x1f\xff\xbb\x87j2I4v\xfb\'u\x05\x05\x05|\xf7\xdd\xf7L\xfb|\x1a\xdf}\xfb-\xbbv\xed*\xfd\\vn\x1em;\x9c@\x87\x13\xbb\xd0\xba}G\x1a6iNn\x95j8\x1c\nz9\xc7\xf7/\xcb\xca\x0c\xc3lT\x0c\x03$\tY\x96P\x14k\xbc8\xd4\x82\xa2\x80\xaaBqQ![6\xaeg\xe5\xf2\xa5,^0\x97%\x8b\xe6\xb3~\xed\xea\xd2\x9f\xa5\xc82\x9d\xe2\xf1=\xfb\xec\xb3i\xd1\xa2E\xe9\xe7R1\xbe&gt;\x9f\x8f\xd9\xb3g\xf3\xd9g\x9f1}\xfat\xb6n\xddZ\xfa\xb9j5k\xd3\xa1cg\x8e\xeb\xd4\x95Vm\x8f\xa3~\xc3&amp;d\xe5\xe4`\xb5Jh\x1a\xc4b*\xb1h\xccl\xe8K\xe3+\x1d\xd0\x90\x03\x07\x8c\xea\xfc\xd7\xeb\xdd\xf7o\xf3\x1eN\xbc\x87$\xc9L\xec\xadV\x1bV\x9b\x15\xc5b&amp;~~\x9f\x9f\xed[6\xb1\xf2\xf7\xdf\xf8\xf5\xe79\xfc\xba`\x1ekV\xecKd\xecv;\xdd\xbb\xf7\xa0\xf7\x05\xbd9\xa3W/\x1a4hP\xfa9M\xd3\xcam\x05\x92pxD\x02P\t\xfc\xdd\x83c\xf5\xea\xd5|\xf4\xd1GL\x992\x85\xdf~\xfb\xad\xf4\xe3\xf5\x1a4\xa6S\xf7S9\xe9\xe4\xd3i\xdd\xf6x\xaa\xd5\xac\x8d\xcd.\xa3\xc6 \x12\t\xa3\xc6\xa2\xe8\x9a~@\xa6_q\x99w"1H\xf4N$\x14E\xc6j\xb3c\xb7\xdb\x90\x15\x08\x05\xa2l\xd9\xb8\x8e\xa5\xbf\xfc\xcc\xbc\xd9\xdf2\xff\xc7\x99\xe4\xef\xd9\xd7\x08\xf6\xe8\xd1\x83&gt;}\xfap\xce9\xe7P\xabV\xad\xd2\x8f\'\x86\x18\x93\xa1W\x91\xe8\x05%\x1a6]\xd7\xf9\xe1\x87\x1fx\xff\xfd\xc9|\xf1\xe5\x17\xec\xd8\xbeo\x18\xbdI\xf3V\x9c\xd8\xed\x14:w?\x8dV\xc7v\xa0j\xf5\x9a\xd8l\x12\xb1\x18D\xc2\xf1\xf8\xea\x95#\xbe\x07,QK\xac&lt;\xb1X\xb1\xdb\xed\xd8\xec\n\x86\x01\xc5\x85\xc5\xfc\xb9f%\xbf\xcc\xff\x91y\xb3\xbe\xe5\x97\x9f\xe7\x10\x8dD\x00\x90e\x89\x1e=N\xa1O\x9f\xcb8\xfb\xec\xb3\xa9Y\xb3f\xe9\xcfN\xe6\xf8\x02\xfc\xf4\xd3OL\x9e&lt;\x99i\xd3\xa6\xb1i\xd3\xa6\xd2\x8f\x1f\xd3\xb6\x03]N\xe9E\xa7\xae\xa7\xd0\xacU\x1br\xf2\xaa\xa0(\x10\x8d\xeaD#aTU\xc5\xa8D\xf1\x05\x03C\x8f\xc78^\xach\xb3;\xb0\xdb-H\x12\xf8J\x82l\\\xb7\x86\xc5\x0b\xe62w\xd6\x0c\x16\xcc\x9dM\xc0\xef\x03\xc0f\xb3\xd1\xb3W/\xfa\\\xd6\x873\xce&lt;\x83\xdcx\xddO\xa2\xa3\x93,\xf1Me"\x01\xa8@\x07?8B\xa10_\x7f\xfd\x15o\xbe\xf9&amp;_~\xf9e\xe9\x90m\xdd\x06\x8d8\xf5\x8c\xf3\xe8\xd1\xf3lZ\x1d\xdb\x81\xec\xdc,t\x1d\xc2\xa1\x08\xd1h\x04#&gt;j %\xc9\rU:\x04n\x18\xc8\x8a\x82\xdd\xee\xc0\xee\xb4b\xe8\xb0k\xc7\x0e\x96,\x9a\xcf\xcc\xaf?\xe3\xc7\xef\xbf!\x7f\xcfn\xc0,&amp;\xbc\xe0\x82\x0b\xb9\xfa\xea\xab9\xf9\xe4\x1e\xa5?KU\xd5J;||p\x8fg\xeb\xd6\xadL\x992\x85w\xdey\x97%K\x16\x97~]\x93\xe6\xad8\xe5\x8cs\xe9v\xdaY\xb4h\xd3\x96\xcc,/\x9aj\x16\xfe\xc5\xa2Q3\xbe\xb2\x14\xaf\xcf\xa8|\x7f\xe7\xfe\xf6%\x05: a\xb1X\xb0;\x9c\xd8\xec2\xd1\xb0\xca\xc6\xf5\x7f\xb2p\xde\x0f\xcc\xfa\xe63\xe6\xff8\x8bH\xc4,P\xcd\xc9\xc9\xa1w\xef\xde\xf4\xed{5=zt/\xfdy\xc9\x14\xdf]\xbbv\xf1\xd1\xd4\xa9\xbc\xfd\xf6\xdb,\\\xb0\xa0\xf4\xebZ\xb7?\x9e\xd3\xcf\xbe\x80.=N\xa7q\xf3cp{\x1d\xa81\x08\x87\x82\xa8\xb1\x18\x06Fil+\xe3\xdfy0C\xd7\xd1\xe3\xc9\x81\xa2\x98\xf1\xb5\xdb\x15\xd4\x98\xc1\xb6-\x1bY4\xffGf~\xfd9sg\xcd(M\x06j\xd4\xa8\xc1\xc5\x97\\\xc2UW^I\xc7\x8e\x1dK\x7fVe\x8eo:\x10\t@\x058\xb8\xe1\xdf\xbe};\xef\xbe\xfb.\x13\'Nd\xf5js\xb8\xd4\x9b\x99\xc9)\xbd\xce\xe5\xac\x0b.\xa3\xfd\t\'\x91\x93\x9b\x8d\xaaB(\x18@Uc\xec\x9b\x87O\xfe\x1b\'1\x87\t\x126\x9b\r\xa7\xcb\x89$\xc1\x8em\xdb\x99\xff\xc3w|\xfd\xd9\x14f\x7f\xfb\x95\xd93\xc2\x9c"\xb8\xee\xba\xeb\xb8\xe4\x92KJ\xd7\xa7W\xa6\x1e\xe3\xc1\xd7\xf2\xcb/\xbf0q\xe2D&amp;\x7f\xf0\x01\x85\x05\x05\x00T\xa9Z\x9dS\xce&lt;\x973\xce\xbf\x84c;\x9cHf\xb6\x97X\xd4 \x14\x0c\xa2\xa9\xb1\xf80{\xe5\xf8{\x8e\x88a\xa0\x1bF&lt;\x89\x91q8\x9c8\x9cVb1\x9d\rkW\xf3\xc3\xb7_\xf2\xcd\xb4\xa9,\xfd\xe5\xe7\xd2o9\xa9K\x17\xae\xeb\xdf\x9f\x8b/\xbe\xb84\xbe\x95\xa9\xa18\xb8\xe1_\xb6l\x19o\xbc\xf1\x06\x93&amp;Mb\xcf\x9e=\x00\xd4\xae[\x9f^\xe7]L\xcfs.\xa4E\x9bv\xb8=\x0e\xa2a\x8dp8\x88\xa6jI\x93\xd0\x1d\n\xf3y\xa6#I26\xbb\x1d\xa7\xd3\x8e\xae\xc3\x96\x8d\xeb\x99\xf3\xfdt\xbe\xf9l\n?\xcf\x9dU\xfa\xf5\xa7\x9f~:\x03\x06\x0c\xe0\xbc\xf3\xce\xc3n\xb7\x03\x95+\xbe\xe9D$\x00G\xd1\xc1\r\xff\x9a5k\x98\xf0\xea\xab\xbc\xf9\xc6\x1b\xe4\xe7\xe7\x03\xd0\xea\xd8\xf6\x9c\x7f\xe9U\x9cv\xd6\x05\xd4iP\x1fC\x87`\xc0l\xf4\xcd\x1eBj&lt;4\xfe\xc9\xfe\x05r6\x9b\x1d\x97\xdb\x81\xaa\xea\xacY\xb1\x9c\xe9\xd3\xa6\xf2\xd9\x87\xef\xb0u\xf3F\x00\x1a4h\xc0\xc0\x81\x03\xe9\xdf\xbf?U\xabV\x05*\xf6Arp\xc30s\xe6L\xc6\x8d\x1b\xc7\'\x9f|R\xfa5\x1dN\xec\xc2y\x97\\\xc9)g\x9cK\x8d\xda\xb5\xd0\x12I],\x86\x94\x06U\xd3\x89dO\x92\xf6%\x03\xc1@\x98\xa5\x8b\xe6\xf3\xc5\xd4\xf7\x99\xfe\xf9T\x8a\n\xcd$\xa9Q\xa3F\\\x7f\xfd\xf5\x95&amp;\xbe\xfbo\xc2\x04\xf0\xe3\x9c9\xbc8n\x1cS\xa6L)\x9dO\xef~\xda\x99\x9cwi_\xba\x9c|:yU\xf3\x88EuB\xc1\x80\xf9\xdeH\x8b\xf8\xc6\xeb\x98\x00\xbb\xc3\x81\xd3e\'\x12V\xf9}\xe9/|\xf5\xe9\x07|9u2{v\xef\x04\xa0U\xabc\x184h }\xfb\xf6%++\x0b\xa8\\\x89|:\x10\t\xc0Qp\xf0\x1c\xff\xaaU\xabx\xe1\x85\x17x\xe3\xcd7\x08\x05\xcd%r\xa7\x9ey\x1e\x97\\u=\x9d\xba\x9f\x8a\xc7\xeb"\x18\x8c\x10\x89\xaf\xdfO\xd7\x1bb\xff\xa2H\xa7\xcb\x85\xddaa\xef\xae\xbd\xcc\x9a\xfe\x05\x1f\xbe\xf3\x1a\x8b\x17\xcc\x03\xa0z\xf5\xea\x0c\x1at\x03\x83\x07\xdf@\xb5j\xd5\x80\xa3\xfb 98\xb1\xfb\xf6\xdbo\x193f\x0c\xdf|\xf3\r\x00V\xab\x95\x9e\xe7^\xc8\xc5W]\xcf\xf1\x9d\xbb\xe1t\xda\x08\xf8\xc3D\xa3a$$dEf\xbfR\xfc\xb4a$\xf6\x06P\x14\xdcn\x0f\x8aUb\xd3\xfa\x8d|\xf3\xd9\x87L\x9d\xf4\x06\xeb\xd7\x9a\xab j\xd4\xa8\xc9\xc0\x81\x03\x18&lt;xp\xa5\x88\xef\xacY\xb3\x183\xe6Y\xbe\xf8\xe2s\x00\xdc\x9e\x0c\xce\xbd\xf8r.\xbc\xfc\x1a\xda\xb4?\x01\x8bU&amp;\xe0\x0f\x12\x8bF\xd3\xa2\xd1\xff\'\xe6\xfdk\xc6\xc9\xe9\xf2`\xb3\xc9l\xdf\xba\x9do\xbf\xf8\x98)\xef\xbe\xce\xca\xe5K\x01\xa8W\xaf\x1eC\x86\x0ca\xc0\x80\x01\xa5\xcbE\x13+C\x84\xf2%\x12\x80r\xb6\xff\x1by\xe3\xc6\x8d&lt;\xfb\xdcs\xbc:a\x02\xa1P\x08E\xb1p\xde%WpY\xbfA\xb4;\xbe\x13\x92$\x11\xf0\xfb\xd1T\x15Y\x0c\x87\x1d@\xd7u\x0c]\xc7j\xb3\xe1\xf6\xb8\x08\x85"\xcc\xff\xe1;&amp;\xbd\xf6"?|\xf75`&amp;\x027\xddt37\xde8\xe4\x80\x1eEy=H\x0eN\xec\xe6\xce\x9d\xcb\x13O&lt;\xc1\x97_~\t\x80\xdb\xe3\xa5\xf7eWqI\xdf\xebiul{t\x1d\x02~_\xfc\xa1(\xe2\xbb?]77\x92\xb1;\x9c\xb8\xdcv\n\xf6\x16\xf2\xfd\xd7\x9f\xf1\xfe\xc4\x97\xf9\xed\xd7\x85\x80\x19\xdf\x1bo\xbc\x91\x1bo\xbc\xf1\xa84\x14\x07\xc7w\xfe\xfc\xf9&lt;\xf9\xe4\x93|\xf6\xd9g\x00\xe4V\xa9\xca%}\xaf\xe7\xc2&gt;\xd7\xd0\xa8YSbQ\x9d@\xc0/\x96\xbd\xfd\x8d\xc4\xfdk\xb3;p{\x1c\x94\x14\xfb\xf9\xf1\xbb\xafy\xef\xf5\x17Y0\xef\x07\x00\xea\xd6\xad\xc7m\xb7\xdd\xca\x80\x01\x03\xf0x&lt;\x07lz&amp;\x94\x0f\x91\x00\x94\x93D\xcfU\x92$\x8a\x8a\x8ax\xfe\xf9\xe7y\xee\xb9\xe7(,,D\x96\x15.\xbc\xfcj\xae\xbc\xeeF\x8ei\xdf\x01M\xd5\t\xf8\xfd\x7f\xa9$\x16\xfej_\xafB\xc1\xe3\xf5\xa2i:\x0b\xe6\xce\xe4\xcd\x97\x9ee\xf6\xb7_\x01\xd0\xb0aC\xee\xb9\xe7\x1e\xfa\xf7\xef\x8f\xc5b)\x97\xde\xe2\xfe\r\xcf\xaaU\xab\x185j\x14\xef\xbc\xf3\x0e\x00.\xb7\x87\x8b\xaf\xbc\x96\xcb\xfb\xdf@\xd3\x16-\x89DT\x82\x81\x00\x12 \x8b\xf8\xfe+\xc30\xd05\r\x8b\xd5\x8a\'\xc3M\xd0\x1fd\xe67\xd3xk\xfc\xf3,Y4\x1f0\xa7~\xee\xba\xeb.\xae\xbf\xfez\xacVk\xb9,/\xdb?\xbek\xd7\xaee\xd4\xe3\x8f\xf3\xe6\x1bo\x00\x90\x93W\x85+\xfa\x0f\xe6\xe2+\xaf\xa3n\x83\xba\x04\x83Q\xc2\xa1`\xe9\xbe\x18\xc2?K\xc4W\xb1X\xf0x=D#Q\xe6\xcc\x9c\xce[\xe3\x9fc\xfe\x8f3\x01h\xd1\xb2%\xf7\xde{/W\xf7\xed\x0b\x88i\x81\xf2$\x12\x802vp\xaf\xe1\xedw\xde\xe1\xd1G\x1e\xe1\xcf?\xff\x04\xe0\xac\xde\x97\xd2\xff\xc6;h{|GbQ\x8d@\xc0/\xd6\xc6\x1e\xa6\xc4\x83\xdf\xe3\xcd\xc0\xd0u\xe6\xce\x9a\xce\xab\xcf?\xc5\x82\xb9\xb3\x01\xe8\xd4\xa9\x13#F\x8c\xe0\xf4\xd3O/\xfd\xfa#M\xb0\xf6\x9f\x07.))\xe1\x99g\x9e\xe1\xb9\xe7\x9e\xc3\xe7\xf3\xa1(\n\x17^\xde\x8f~\x83o\xa3y\xebc\x08\x07c\x84\x82\x81\xb4\x1e\x06&gt;\\\x89DOQ\x14&lt;\x19^B\xc1\x103&gt;\x9f\xca\xeb\xe3\x9ea\xe5rsY\xec\t\'\x9c\xc0\xc3\x0f?\xcc\x19g\x9c\x01\x98\xf5\x01\x7fw&amp;\xc6\x7f\xb1\x7f|}&gt;\x1fc\xc6\x8ca\xf4\x981\xf8JJp\xb9=\\\xd1\x7f0W\\7\x84z\r\xeb\x13\xf4\x9b;a\xca\x8a\xb9)\x96\xf0\xdf$\x1av\x8f\xd7K,\x16c\xf6\xf4\xcfy\xed\x85\xa7Y\xb2\xc8,\x08\xed\xd1\xa3\x07#F\x8c\xa0[\xb7n\xa5_/:HeK$\x00eh\xff7\xe8\xe2\xc5\x8b\xb9\xef\xbe\xfb\x981c\x06\x00\x1dO\xea\xce\r\xb7\xdfO\x97\x93{\xa2i\x1a\x01\xbfh\xf8\xcb\x8a\xaei Ix32\x88F\xa3|\xf3\xd9\x14\xc6\x8f\x19U\xbacY\xbf~\xd72b\xc4\xc3\xd4\xad[\xf7/\x85\\\xff\xc5\xfe\r\xcc\xd4\xa9Syp\xd80V\xad\\\t@\x8f\xd3\xcf\xe2\x86;\x1e\xe0\xb8\x13;\x13\x89\xc4\x08\x05\x02f\xafE\xc4\xf7\x88%\x1a\x8a\x8cL/%\xc5%|\xfc\xde\x9b\xbc\xf6\xfcS\xec\xdc\xb1\r\x80\xab\xae\xea\xcb#\x8f\x8c\xa0A\x83\x06\x07\x9c\xa6w8\xbf\'q\xff~\xfc\xf1\'&lt;\xf8\xe0\x83\xac\\i\xbe\x87z_\xd6\x97\x01\xb7\xdcM\xf3\xd6\xc7\x10\x0cD\x08\x87B\xa2j\xbd\x8c$\xe2\xeb\xcd\xf0\x12\n\x06\xf9\xfc\xa3\xf7y\xe5\xb9\xc7Kw\x94\x1ct\xc3\r&lt;4|85j\xd48\xa2\xfbW\xf8+\x91\x00\x94\x81\xfd{\xfd\xa1P\x88\xc7\x1f\x7f\x9c\xa7\x9ez\x8aH$B\xcd\xda\xf5\x18r\xd7\x83\xf4\xbe\xac/6\xab\x9d\x92\x92b\xd1\xf0\x97\x93\xfd\x1b\x8a\xc2\x82B\xde}u\x1c\xaf\xbf\xf04~\xbf\x8f*U\xab\xf2\xd8\xc8\x91\x0c\x180\x00\xf8o\xbd\xc5\xfd\xe7"7m\xda\xc4\xbd\xf7\xde\xcb\xe4\xc9\x93\x01h\xdc\xac%7\xde5\x8c3{_\n\x80\xdfW"\x86\x82\xcb\x89\xa6\xa9X,V22\xddl\xdd\xbc\x95\xd7\xc7=\xc3{\xaf\xbfD,\x16#//\x8f\x11#F0d\xc8\x10\xe0\xc8\xe2{\xdf}\xf7\xf3\xfe\xfb\xef\x01\xd0\xaecgn\xbe\xe7!\xba\x9e\xd2\x93X4F \x10\x10\r\x7f9I$`\x19\x99\x1ev\xef\xda\xcd[\xe3\xc7\xf2\xe6K\xcf\x12\x0e\x87\xa8U\xab\x16\x8f=\xf6\x18\xd7\\s\rP6\xa3=\x82H\x00\x8eXbG+0\x8b\xc0n\xbb\xed6~\xfd\xf5W\x00\xae\xbc\xfeF\x06\xdf~?5j\xd5\xa4\xb8\xc8\'\nZ\x8e\x12MU\xb1\xd8ldd\xb8X\xb9\xfcw\xc6&gt;&gt;\x9c\x19_\x98K\xf1\xce&gt;\xfbl\x9e}\xf6Y\x9a4irHs\x8b\xfb\xf7\n\xdf|\xf3M\xee\xbd\xef&gt;v\xed\xdc\x89\xddn\xa7\xdf\rC\xb9\xfe\x96\xbb\xc8\xce\xcd\xa1\xb8\xa8\x040\x90e\x11\xdf\xf2\x94H\xb6\x1d\x0e\x07.\x8f\x83E?\xfd\xc4\xb3#\x1f(\x9d\xf6\xe9\xd9\xb3\'\xcf&gt;\xfb,-[\xb6&lt;\xa0\x0e\xe7\x9f\xec\x1f\xdf7\xdex\x83\xfb\xee\xbb\x8f]\xbbv\x91\x99\x95\xcd\x90;\x87qy\xff\x1bp8\x9c\x94\x14\x8b\xc4\xfdh\xd1T\x15\xab\xdd\x8e\xd7\xebd\xd9\xe2%&lt;7j\x18\xb3g\x98\x85\xb5\x17\\p\x01\xa3G\x8f\xa6A\x83\x06\xa26\xa0\x0c\x88\x04\xe0\x08$\xb2\xd0X,\xc6\xc8\x91#\x199r$\xba\xae\xd3\xb2u;\xee\x1e\xf1\x14]O=\xcd\\\xee\x15\t\xa3\x88l\xf5\xa8J4\x14n\x8f\x1bE\xb1\xf0\xd9\x07\xef0f\xe4\x03\xec\xdc\xbe\x95\x9c\x9c\x1c\x9ez\xea)\xae\xbb\xee:\xe0\x9f\xe7\x16\x13\xf1\xdd\xb5k\x17C\x87\x0e\xe5\xfd\xf7\xdf\x07\xa0\xc3\x89\'q\xef#\xcf\xd0\xe1\xc4\x13\xf1\x95\x98\xcb\xbdD|\x8f\xaeD|\xbd\x19\x99hZ\x8c\xf7^\x7f\x99qO\x8d\xa0\xb8\xa8\x90\xcc\xccLF\x8d\x1aU:\x1a\xf0w\xf1\xdd\x7f\xd4n\xc7\x8e\x1d\xdc~\xfb\xed\xa5\xa3:\xa7\x9fs\x01w\x0c{\x9c\xa6-\x9aQ\\\xe4\x17s\xcf\x15 \x11\x1f\x8f\xc7\x8b$\xc1G\xef\xbd\xc1s\x8f=\xc8\xde\xdd\xbb\xa8R\xa5\nO?\xfdt\xe9h\x80\x88\xcf\xe1\x13\t\xc0a\xd8\x7f\xc8p\xe5\xca\x95\x0c\xba\xe1\x06\xe6\xfc\xf8#\x00\xd7\xdf|\x17\x83\xefx\x10oF\x06%EEb9_\x05Kl9\x9c\x95\x93\xc9\x96M\x9byf\xc4=|1\xd5|\xd0_u\xd5U&lt;\xf7\xdcs\xe4\xe6\xe6\x1e0\xa4\xb8\x7f\xcf\xf1\xeb\xaf\xbff\xc8\x8d7\xb2q\xc3\x06\xecv\x07C\xee|\x80\xfe7\xde\x89\xd5f\xc3WR"\x86\x83+\x98\x1e\xdf`\'+\xdb\xcb\xea?V\xf2\xf8\xb0;\xf81\xbe,\xf4\x92K.\xe1\xf9\xe7\x9f\xa7z\xf5\xea\xff\x18\xdf/\xbf\xfc\x92\x1bo\xbc\x91M\x9b6\x91\x9d\x93\xcb\x9d\x0f=\xc1\xc5W\xf5GU5\x82\x81\x80\x18f\xae`\x899\xff\xac\xec\x0c6\xae_\xcf\xd3\x0f\xdd\xcd7\xd3\xa6\x02\xd0\xaf_?\xc6\x8c\x19Cvv\xb6\x98\x128L"\x01\xf8\x8f\xf6\x7fxL\x9a4\x89\x9bo\xbe\x99\xc2\xc2B\x1a4n\xca\xb0\'\x9e\xa7{\xcf^\xf8\x8a\x03\xa5;\x96\t\x95\x83\xaa\xaa8\x9cN\xecv;\x1f\xbd\xfb:O\x0e\xbf\x8b\xe2\xa2B\x9a5k\xc6k\xaf\xbdF\x97.]\xd04s-z\xe2A2|\xf8p\x1e}\xf4Q\x00Z\xb6i\xc7\xf0\xa7\xc6\xd1\xf1\xa4\xce\x14\x17\x8a^ae\xa3\xaa*n\xb7\x1bI\x96yk\xfcs\x8c\x1d5\x9cP(H\x83\x06\ry\xf5\xd5\t\x9cz\xea\xa9\x07\x1c\xb1\xad\xeb:\xc3\x86\rc\xd4\xa8Q\x00t=\xa5\x17\x0f&lt;&gt;\x96&amp;-\x9aQTP\x02\x88B\xb3\xcaDUU\x9c.\x17V\xab\x95\x0f\xde\x9a\xc0S\x0f\xdd\x8d\xdfWB\x8b\x96-y\xfd\xb5\xd7\xe8\xd4\xa9\x93\x98\x128\x0c"\x01\xf8\x0f\x12\x0f}UU\xb9\xeb\xae\xbbx\xee\xb9\xe7\x008\xf7\xe2+\xb8\xef\xb11T\xa9Z\x8d\xa2\xc2"\xd1+\xac\xa4\x8c\xf8\x8en\xd9\xb9\x99\xac\\\xfe;\x0f\xdd9\x84_\xe6\xcf\xc1f\xb3\xf1\xcc3\xcfp\xf3\xcd7\x03\xb0c\xc7\x0e\x06\x0c\x18P\xba\xa1O\x9f~\x83\xb8k\xc4\x93x&lt;\x19\x94\x14\x17c\xb1(\xa4\xe3\xce}\x95\x9d\x99\x9cCVN\x06\xbf\xce\xff\x99\xe1w\x0cf\xe5\xf2\xa5(\x8a\xc2\xa8Q\xa3\xb8\xfb\xee\xbb\x01\xf3P\xa6\xeb\xaf\x1f\xc0\xf4\xe9\xdf \xc92\xb7\xdc\xf30\x83n\xbb7~\\\xb5\xe8\xf5WV\xe6h\x80AvN&amp;\xbf/\xfd\x8d\x87\xee\x1c\xc2\x92\x85?a\xb7\xdb\x193f\x0cC\x86\x0c9\xa2U \xe9H$\x00\x87(1\xc4\xb4m\xdb6\xfa\xf5\xeb\xc7w\xdf}\x87\xcdf\xe3\xae\x11O\xd1\xef\x86[\t\x85BD\xc3\x111\x17\x9c\x04TU\xc5\xe3\xf1\x10\x8bE\x19\xfd\xe8\xfd\xbc5~,\x00\x83\x87\x0c\xe1\x92\x8b/\xe6\xba\xeb\xaec\xc3\x86\rx32x`\xd4X.\xe9\xdb\x0f_\x89\x18\xd5I\x16\xaa\xaa\x92\x91\x91\x89\xcfW\xcc\xa8\xfb\x87\xf2\xf1\xfbo\x02\xe6\x90\xf1e\x97]\xc6\xc0\x81\x03\xd9\xb2e\x0b\xb5\xea\xd4\xe3\xd1g_\xa1G\xaf^\x14\x15\xf8D\xc3\x91$TU\xc5\xe3\xf5\x12\r\x87y\xfa\x91{y\xf7\xd5q\x00\x0c\x1a4\x88\xe7\x9f\x7f\x1e\x9b\xcd&amp;F\xe8\x0e\x91H\x00\x0eA\xa2\xf1_\xb8p!\x97_~9\xeb\xd7\xaf\xa7N\xbd\x86&lt;&gt;n"\x9d\xbbw\xa70\xbf\xb8\xf48^!9\xe8\x9a\x86lQ\xc8\xc8\xf0\xf0\xe1\xdb\x13y\xf6\xb1a\xec\xde\xb9\xbd\xf4\xf3\xad\xdb\x1d\xc7CO\xbfH\xfb\x8e\x1d)\xd8+j9\x92\x8d\xa6iX\xadV\\n\x17o\x8e\x1f\xcb\xf8\xd1\xa3\xc8\xdf\xbb\xbb\xf4\xf3\'\xf7:\x87\x07\x1f\x1fK\xdd\x06\r)*,\x12\xbd\xfe$\x93(\xe0\xf4f\xb8\xf9\xe0\xad\x89&lt;z\xef-\x84\x82\x01N&gt;\xf9d&amp;M\x9aD\x8d\x1a5D]\xc0!\x10-\xd6\xff\x91x\x13M\x9d:\x95\xd3N;\x8d\xf5\xeb\xd7\xd3\xa9\xeb)\xbc\xf3\xf9,:\x9e\xd4\x9d\xfcD\xe3 \x1a\xff\xa4"+\n\xba\xa6S\x90_\xc8u7\xf5\xe7\xb4\xb3{\x97\xf6\xfe\x1cN\'\xb7\xdc\xf7\x08]N\xee\xc8\xae\x1d{P,\x16\xd1\xf8\'\x19\xc5b!\x16\x8b\xe2+\xf11\xe4\x8e[\xe9xR\xf7\xd2\x18z\xbc^\x06\xdcr\x0f\xcdZ5$\x7f\xcf^\xd1H$!EQ\xd0u\x9d\xc2\x82"\xfa\xf4\xeb\xcf\x9b\x1f\xcf\xa0n\x83F\xcc\x9a5\x8b\xee\xdd\xbb\xf3\xdbo\xbfa\xb1XPU\xb5\xa2/\xb5R\x13\xad\xd6?\xd8\x7f\x99\xd0\xb8q\xe3\xb8\xf8\xe2\x8b\xf1\xf9|\\t\xc5\xb5\xbc2\xf9\x0b\xf2\xaaV\xa7\xa4H\xf4\x1c\x92\x95\xb9\x8aC&amp;#3\x8b\xbb\x06\x0f\xe5\xbd\xd7_\x02\xa0~\xa3\xa6\x84C!\xee\x19r\r\x9fL\x9eF\xb5\x9aU\xc4C$\t\xe9\xaa\x8a\xcdf\xc7j\xb32\xf8\xaa\xbe|\xfd\xd9\x14l6;M\x9a\xb7\xc2\xef\xf31\xa4oo\xbe\x98\xfa9Uk\xe4\x89\xf8&amp;)I\x92P\x14\x0b\xf9{\x8bh\xd7\xb13\xef|6\x93\xe3;wc\xed\xda\xb5\x9cz\xeai|\xfb\xed\xb7"\t\xf8?D\x02\xf07\xf6_\xe6\xf7\xd0C\x0f\x95\x16\x87\xddt\xf7p\x9exq"\xba\xae\x13\t\x87\xc4|\x7f\x92JT\x82[m6\xee\xbd\xe9Z\xde\x1a\xff\x1c\xb2,3b\xccx&gt;\x9f\xf3\x0b\xbd\xce\xbb\x98\x82\xbd{\xb8\xe5\xdaK\x98:\xe9]r\xabd\xa1\x89\x87H\xd2\xd04\r\xbb\xc3A,\x16\xe5\xa6\xab/b\xda\x87\xef\xe2r\xbb\x19\xf3\xea{|2{!\xbd\xce\xbd\x88\xa2\x82|n\xee\'\xe2\x9b\n,\x16\x0b%EE\xe4U\xad\xce\xab\x1f|\xc9Y\x17\\J~\xfe^\xce=\xf7\\\xa6L\x99"\x92\x80\x7f!\x12\x80\x83$\xaaH\x15Ea\xe8\xd0\xa1&lt;\xf2\xc8#\xc8\xb2\xcc\xc3\xcf\xbc\xc4\xed\x0f\x8e\xa0\xa4\xb88\xbe\xfb\x9f(0IF\xban\xce\rK\x12\xdcv\xdd\xe5|\xf2\xfe[\xb8=^\xc6\xbd5\x95+\xfa\x0f@\xd3d\xc6N\xfc\x80\xbe\x03n&amp;\x16\x8dr\xd7\xe0\xaby{\xfc\xcb\xe4T\xc9B\xd3\xc4C\xa4\xb2\xd34\r\xa7\xcb\x85\xdfW\xc2\r\x97\x9f\xc7\x0f\xdf~E\x95j5x\xed\xc3\xaf\xe9u\xde\x05\xa81\x9d\xb1o|\x18\x8fo\xe4\xc0\xf8\x8aF"i)\x16\x0b\xe1P\x08I\x92\x19\xf3\xea\xfb\xf4\x1dp3\x91H\x84\xcb.\xbb\x8c\xd7_\x7f]$\x01\xff@\x14\x01\xeeg\xff\x9e\xff\xe0\xc1\x83\x19?~&lt;v\x87\x83\xc7_\x98\xc8\x05}.\'\x7f\x8f(\x06Kff\xe3oC\xd75n\xed\xdf\x87\x1f\xbe\xfd\x92\x9c\xdc*\x8c\x9d\xf8\x01\x9dO&gt;\xd9,\xf6\x8b\xaf#\xce\xc8\xf22\xe6\xd1\xe1\xbc\xf4\x8c\xb9\x0f\xc0\xfd\x8f=\xcb\xf57\xdfFA~\xb1\xa8.\xae\xa4\xcc\xc6\xdfIqA\x017\\y&gt;\xcb\x16/\xa4N\xfd\x86\xbc\xf4\xce\'4?\xa6\rE\x85\x85(\xb2\x02\x92DF\xa6\x971\x8f\x0e\xe3\xa5\xd1#\x01\x11\xdfT\x91\xd8\xa7%#\xd3\xcb\x98\x91\xc3x\xe9\x193\xbe/\xbd\xf4\x12\x83\x07\x0f\x16\x85\x81\x07\x11\t@\xdc\xfe\x8d\xff\xc0\x81\x03y\xf5\xd5Wq\xb9=\x8cy\xf5=z\x9e{.\xf9{\xc4|\x7f2\xd3u\x1d\x8b\xd5\n\x86\xceM\xd7\\\xcc\x9c\xef\xbf\xa1J\xb5\xea\xbc\xf4\xeeg\xb4;\xbe#\x85\x05\x85X,V 1\n\xa4\x93\x9d\x93\xc9\x8bO?\xc1\xe8G\xef\x03\xe0\xbe\x91c\x18x\xebP\xf2\xf7\x16\xa1(\xe2\xbdP\x99\x946\xfe\x85\x05\x0c\xb8\xec\x1c\xfe\xf8\xedW\x1a6i\xce\xf8\xf7\xa7Q\xafA\xe3\xf8\xfe\rf\xcc\x0e\x8c\xef\xe3\x8c~\xf4~@\xc47U\xfcS|\xc7\x8d\x1b\xc7\x8d7\xde(\x92\x80\xfd\x88\x04\x80\x03\x1b\xff!C\x86\xf0\xf2\xcb/\xe3\xf1f\xf0\xdc\xeb\x1fp\xca\x19g\x90\xbfw_\xe3 $\x1f]\xd7Q,\n\x8a,s\xcb\xb5\x972k\xfa\x17T\xad^\x93W\xde\x9f\xc61m;PT\xf8\xd7\xf8&amp;\xde\x139y\x99\x8c\x1f\xf3\x0cO=t\x17\x00\xc3\x9e|\x81k\x87\xdcD\xc1\x9e"Q\x03RI\xe8\xf19\x7f\xbf\xbf\x84\x81\x97\x9d\xc3\xb2\xc5\x0bi\xdc\xbc\x15\x13&amp;\x7fN\xcd\xdau\xf1\x95\xf8\xfe\xf2\xc0\xff\xa7\xf8\x0e\x7fr\x1c\xfd\x86\xdc(\xe2\x9b\xe4\xfe)\xbe\x13&amp;L`\xc0\x80\x01"\t\x88K\xfb\x04`\xffj\xff;\xef\xbc\x93\xd1\xa3G\xe3r{\x18;\xf1CN=\xf3L\xf2\xf7\x14\x9a=G!)\x19\x86\x81$\x99K\xfbn\xbf\xfe\n\xbe\xfel\nyU\xaa1a\xf2\x17\xb4n\x7f\xdc\xdf6\xfe\xfb\xd34\x95\xdc\xbc,^|\xfaI\x9ey\xe4^\x00\x1e\x1f\xf7\x06\x97]\xd3\xcf|o\x88\xc4\xb0B\xe9\xba\x8e\xd5jEUc\x0c\xb8\xecl~\xfdy.\r\x9b4\xe7\xb5)_Q\xa3V]\x02&gt;\xdf\xbf6\xe4\x7f\x17\xdf\'\xc6\xbd\xc1\xa5"\xbe)\xe1\xaf\xf1\x95x\xef\xbdI\\~\xf9\xe5"\t@\x14\x01\x966\xfe#G\x8ed\xf4\xe8\xd1\xd8\xed\x0e\x9ey\xe5]\xd1\xf8\xa7\x80DA\xa7\xc7\xeb\xe5\xa1\xdb\x07\xf3\xf5gS\xc8\xcc\xce\xe1\xc5w&gt;6\x1b\xff\x82\xff\xff\x807\x97\x19\x153\xe4\xce{\xb8\xf9\x9e\x87\x01\x18&gt;t\x10_\x7f\xfa)9\xb9\xd9\xa2\xb0\xa8\x02\x19\x86\xb9\x94S\x96%\x86^\xd7\x87_\x7f\x9eK\x9d\xfa\ry\xe5\xfdi\xd4\xac]\x17\xff\xffi\xfc\xe1\xc0\xf8\xdet\xf7\xc3\x00\x0c\xbb}\x10\xdf|\xfa\x99\x88o\n\xf8\xeb\xfdk\xd0\xaf_?\xbe\xf9\xe6\x1bQ\x18H\x9a\x8f\x00$2\xc0W_}\x95\x81\x03\x07\xa2\xc82O\xbc\xf8&amp;\x17]\xd5Wd\xff)@\xd3Trr\xb3x\xfa\xe1\x07yy\xccc\xb8\xdcn\xc6\xbd\xfd1\xddN\xedIa\xfe\xa1\'w\x899\xc5\xac\xecL\x1e\xbd\xf7v\xde|\xf9Y&lt;\xde\x0c^\xfb\xf0+\xda\x9fp\x12%Eb\xb8\xf8hK$w\xde\x0c/w\r\xbe\x86\xcf&gt;x\x87*\xd5j\xf0\xfaG\xdf\xd0\xace\xeb\x03\xe6\xfc\x0f\xedg\x99\xf1}\xe4\x9e\xa1\xbc5\xfe9&lt;\x19\x99f|;v\x16\xf1Mr\x7f\x17\xdf\xcc\xcc,\xbe\xff\xfe;:t\xe8\x90\xd6\xdb\x06\xa7m\x02\x90h\xfc\xbf\xfa\xea+\xce;\xef|4M\xe5\x81Q\xcfq\xfd-\xb7\xb2w\xb7h\xfc\x93\x9d\xaa\xaa\xe4V\xc9\xe2\x9dW\xc6\xf3\xd0\x9d\x83\x91\x15\x85g\xc6\xbfK\xef&gt;}\xc8\xdf\xfd\xdfGv\xcc\xdb\xc4\xc0\xe3\xcd\xe0\xceA}\x996\xe5]\xaa\xd7\xac\xcd;\xd3fQ\xabn=\x82\x81`\xda&gt;D*B"\xb9{b\xd8}L\x18\xfb\x04\x1eo\x06\x13&amp;\x7f\xc1\xf1\'u\xa5\xa8\xe0\xbf\x17\xec\xee\x8b\xaf\x97;\x06\xf6\xe5\xf3\x8f&amp;Q\xbdVm\xde\x9d6\x9b\x9au\xea\x8a\xf8&amp;\xb9\xfd\xe3k\xde\xbf\x93\xa8[\xb7\x1es\xe7\xce\xa1N\x9d:\xf1\xa5\xdd\xe97 \x9e\x96\t@"\xe3[\xbe|9\xdd\xbbw\xa7\xb0\xb0\x90\x01\xb7\xdc\xcd}#\x9f\xa4 _T\x00\';UU\xc9\xca\xce\xe2\xc7\xef\xa63\xf8\xaa\xf3\x89F"\xa5\x15\xde{\x0f\xa3\xf1O0t\x1dYQP,\n\x83\xfa\x9c\xcbO?|G\xabc\xdb\xf3\xf6\xa7\xdfc\xb1\xd9\xd0T\x15IJ\xbf\x87\xc8\xd1\xa6\xaa\xe6\xbc\xee\xbb\xafO`\xf8\xd0AX,\x16\x9e}m2g]x\x11\x05GP\xb0\x9b(\x04V,2\x03/;\x97\xf9?~\xcf1m\x8f\xe3\xad\xcf\xbe\xc3\xa2X\xd14M,\x01Nb\x7f\x17\xdf\x13N8\x81\x993g\xe2p8J\x8fyO\'i\xf7\xb4J\x9c\xf8UPP\xc0%\x97\\Jaa!g]p\x19w=\xfc\x04E\x85%b\x83\x9f$\xa7i\x1an\x8f\x9b\xf5kWs\xcf\x8d\xd7\x10\x8dD\xe8;\xe0f\xae\xbf\xc5\\\xdeu$5\x1d\x92,\xa3i\x1a 1z\xc2\xbb4j\xda\x92?~[\xcc}\xb7\\\x8f\xc3\xe1$\xfdR\xe9\xa3O\x8b\'wsg\xcdb\xd4}\xb7\x01p\xe7COr\xceE\x17Qp\x84\xd3vr&lt;\xbe\x122\xa3\'\xbcK\xc3&amp;\xcd\xf9}\xe9/&lt;x\xcb\x00\x9c.\'i\xd8WJ)\x07\xc7\xb7Q\xd3\xe6,X\xb0\x80\x01\x03\x06\x96~.\xdd\xa4U\x02\x90X\x1a"I\x12W_}5\xabW\xaf\xe2\xd8\x0e\'\xf0\xd8\xf3\xaf\x11\n\x860\x0c\xd2.\x03L%\x86a`\xb1X\x88\x84\xc3\xdc9\xa8/{w\xef\xa2\xfb\xe9gq\xff\xa81\x94\x14\xfa\xca$\xb9\x93e\x99H8Lvn\x15\x9e}\xed=\xb2\xb2s\x98\xf1\xf9T^xr\x04\xd9\xb9\x19i_TT\x9etM\xc7\xe9r\xb2u\xf3F\xee\x19r\r\xe1p\x88\xcb\xfb\x0ff\xc0\xad\xb7\x1fqr\x97 \xcb2\xe1p\x98\x9c\xbc\xaa\x8cy\xf5=2\xb3\xb2\xf9\xfa\xb3)\xbc\xf8\xf4cd\xe7\x88\xf8&amp;\xbb\xfd\xe3;z\xc2{dfg\xf3\xde{\x93x\xea\xe9\xa7\xd3\xb2(0\xad\x12\x80\xc4\xd0\xff\xf0\xe1\xc3\xf9\xf2\xcb/\xa9V\xbd&amp;\xcf\xbc\xf2.v\xbb\x9dX,\x96\x96s@\xa9D\xd7u&lt;^7\x8f\xde{+\xcb\x97,\xa2A\xe3f&lt;1n"jLE7\x8c2K\xee\x14E\xc1WRB\xabc\x8fe\xc4\xe8W\x90e\x99\x97F\x8fd\xfa\xb4id\xe7d\xa5\xddC\xe4\xa80\x0cd\xc5\x8c\xdf\xbd7\xf6g\xc7\xb6-\x9c\xd8\xf5d\x1e\x18\xf5,%E\xfe2\x1d\xb93\xe3[L\xebv\xedx\xf8\x99\x97\x90d\x99qO\x8f\xe0\xbb\xaf\xbe"+[l\x19\x9c\xec\x0e\x88\xef\xd3/#\xcb2\xf7\xdf\x7f?3g\xce\xc4b\xb1\xa4\xd5H@\xda\xb4x\x89\xe5~_~\xf9%#G\x8e\xc4j\xb5\xf2\xe8s\xaf\xd2\xa0qc\x02\xfe\x80(\xf0Ir\xaa\xaa\x92\x93\x9b\xc9\xa4\xd7_\xe1\xe3\xf7\xde\xc0\xe5\xf6\xf0\xe4Ko\x92\x93W\x95H8\\\xe6\xc9\x9d\xc5b\xa1 \xbf\x88\xf3.\xb9\x98AC\xefC\xd74\x86\xdf~\x03\x9b\xd6\xaf\xc7\xe5r\xa2\xebz\x99\xfe\xbet\xa7i\x1a\x99Y^F?\xfa\x00\x0b\xe6\xce\xa2F\xad:&lt;\xf1\xe2\x9b\x80\xb9\x11PY\x8f\xdcY,V\n\xf2\x8b\xe8}Y\x1f\xae\xbf\xe9.4Ue\xf8\xed\x83\xd8\xb6y\x13\x0e\xa7\x88o\xb2\xdb\x17\xdf\xcb\xb8\xeef3\xbe\xfd\xfa\xf5c\xd7\xae]\xc8\xb2\x9c6\xf1M\x8b"\xc0\xc4\xb0\xff\xf6\xed\xdb9\xee\xb8\xe3\xd9\xb9s\x07\xb7\xdc;\x82\xdb\x1e\x18.\x96\xfb\xa5\x00]\xd7p\xb9\xdd\xac^\xb1\x9c\xab\xce\xe9\x81\xdfW\xc2\xc3O\xbf\xc4\xd57\x0c&gt;\xac\x8a\xffCg`\x18\xe0t9\x19p\xd99\xcc\x9d9\x9d\xce\xddO\xe3\xf5)_\x11\n\x85\xc5tR\x19\xd1T\x95\xcc\x9c,fL\xfb\x84\x9b\xae\xb9\x08\x8b\xd5\xca\xf8I\xd3\xe8vZ/\x8a\n\xcbs\x8bn3\xbe\x0e\xa7\x9d\xeb.&gt;\x8b\xf9?~O\xb7\xd3\xced\xc2\xe4\xcf\t\xf8\x03b\xc40\xe9\xc5\xe3\xeb\xb0s\xdd%f|\xcf=\xf7\\\xa6M\x9b\x966\x9b\x04\xa5\xc5;\xd8\x88\x0f\xff^\x7f\xfd\xf5\xec\xdc\xb9\x83n\xa7\x9e\xc1\x90;\x1f\xa0(\xbfD4\xfeI\xce,\xeaT\x88F"\x0c\xbbm\x10~_\t\xe7^|%W\r\x18L\xc1\xde\xe2r\xde\xc8I*\xddI\xf2\xd1g_\xa1Z\x8dZ\xfc\xf4\xc3w\x8c\x7f\xf6\t\xb2\xb2\xbdb*\xa0\x0c\x18\xba\x8e\xdd\xe9d\xdb\xe6\xcd&lt;r\xcf\xcd\x18\x86\xc1\xa0\xa1\xf7q\xca\x19\xbd\xe2\xbb8\x96\xe7C\xda\x8c\xaf\xa1\xc3\xc8\xe7^!\xafj5~\xfc\xeek^\x1f7Z\xd4\x03\xa4\x84x|\r3\xbeU\xaaV\xe7\xf3\xcf?\xe7\xf9\xe7\x9fO\x9bz\x80\x94O\x00\x12\xf3\xfe\xcf?\xff&lt;\xdf|\xf3\r\xd5\xaa\xd7d\xc4\xe8\x97QU\x95\x94\x1f\xfaH\x03\xba\xa6\x91\x99\xe5\xe1\x85\'\x1fa\xf9\x92E\xd4o\xd4\x94\x07\x1f\x7f\x8e` xTzh\xb2,\x13\n\x86\xa8S\xaf\x1e\x0f&gt;\xf1&lt;\xb2,3\xfe\xd9\xc7Y\xf8\xd3|\xbc\x19\x19\xe8i4\x9fX\x1e\x0c\xc0f\xb31\xf2\xde[\xd9\xb5c\x1b\x9d\xba\x9d\xca\x8dw&lt;@a\x81\xef\xa8$\xef\xb2,\x13\x0c\x06\xa9\xdf\xa8\x11\xf7?\xf6\x1c\x92$\xf1\xe2\xd3\x8f\xb0\xf4\x97_\xf1x\xbd\xe8\xba\x88o2\xdb?\xbe\xf7=\xf6,\x92$q\xff\xfd\x0f\xb0b\xc5\n,\x16K\xcaO\x05\xa4t\x02\x90X\xf7\xb9r\xe5J\xee\xbf\xff\x01$I\xe2\xde\x91c\xa8\xdb\xa0&gt;\xe1`H\x0c\xe1%9M\xd3\xf0fe0w\xd6,\xde\x1a\xff,\x16\xab\x95\xe1O\xbe@Nn\x1e\xd1H\xf4\xa8\r\xc1[,\x16\x8a\n\x8a8\xfb\x82\x0b\xb9\xec\x9a\x81D\xc2!\x1e\xb9\xfbF\xc2\xa1 \xb2\xa2 \xd6\x07\x1e\x1eUU\xc9\xca\xc9\xe0\x83\xb7^\xe5\xbb\xaf&gt;%;\'\x97\x87\x9fy\t=\xbe\x0b\xe0\xd1b\xb1X(,(\xe6\xfcK\xfbpA\x9f~\x04\x03\x01\x1e\xb9\xfb&amp;\xd4\xd2\xc2a\x11\xdfd\xb6\x7f|/\xbc\xbc\x1f\x81\x80\x9f\x81\x03\x07\xa2iZ\xe9\x8e\x93\xa9*e[\xc0D\xe0t]g\xf0\xe0\xc1\x04\x02~.\xe8s\r\xe7^r\x19\x85\x05bk\xcfd\x97X\xf2\x17\xf4\x07x\xec\xfe\xdb\x88\xc5b\xf4\x1dp3=z\xf5\xa4\xa8\x02\xb6n\x95\x15\x85\x92\x92 \xb7\x0f\x1bE\xc3&amp;\xcdY\xb1l\t\xaf&lt;\xf7\x04\x99Y\x9e\xb4\xaa*.+\xban.\xf9\xdb\xb0v\x1d\xcf&gt;\xf6 \x00\xb7\x0f{\x9c&amp;\xcd\x9b\x1e\xb5\xd1\x9d\xfd\xc9\xb2L\xc0\x1f\xe2\xee\x11OP\xa7~C\x96\xfe\xf23o\xbc\xf4,\x99Y^TU\xc47\xd9%\xe2{\xd7\xc3OP\xb7~C\xe6\xcd\x9b\xc7\xd8\xb1cQ\x14%\xa5\xef\xdf\x94M\x00\x12\xbd\xff\x97_~\x99\x1f~\xf8\x81Zu\xeaq\xc7C\x8f\x13\x0c\x88\x9e\x7f*\xd04\x8d\x8cL7\x13\x9e{\x92\xd5\x7f,\xa3q\xf3V\xdct\xf7pJ\x8a*fE\x87$I\xa8\xb1\x18Y\x</t>
        </is>
      </c>
    </row>
    <row r="456">
      <c r="A456" s="1" t="n">
        <v>454</v>
      </c>
      <c r="B456" t="inlineStr">
        <is>
          <t>polygon_sides_number</t>
        </is>
      </c>
      <c r="C456" t="inlineStr">
        <is>
          <t>What is the missing number of the part denoted with a question mark?</t>
        </is>
      </c>
      <c r="D456" t="inlineStr">
        <is>
          <t>[5, 9, 7, 3]</t>
        </is>
      </c>
      <c r="E456" t="inlineStr">
        <is>
          <t>3</t>
        </is>
      </c>
      <c r="F456" t="inlineStr">
        <is>
          <t>There are 6 numbered polygons arranged in a triangle with number [9] in the top row, [8, 7] in the middle row, and ['?', 4, 6] in the bottom row.</t>
        </is>
      </c>
      <c r="G456" t="inlineStr">
        <is>
          <t>We observe that the polygon with 9 sides has the number 9, the polygon with 8 sides has the number 8, the polygon with 4 sides has the number 4, the polygon with 6 sides has the number 6, and the polygon with 7 sides has the number 7. Thus, the pattern is that the number inside the polygon represents the number of sides the polygon has.</t>
        </is>
      </c>
      <c r="H456" t="inlineStr">
        <is>
          <t>Based on the pattern that the number inside the polygon represents the number of sides of the polygon, the missing number of the polygon with 3 sides should be 3.</t>
        </is>
      </c>
      <c r="I456" t="inlineStr">
        <is>
          <t>b'\x89PNG\r\n\x1a\n\x00\x00\x00\rIHDR\x00\x00\x02\x00\x00\x00\x02\x00\x08\x02\x00\x00\x00{\x1aC\xad\x00\x00\x98\\IDATx\x9c\xec\x9dwxT\xc5\xd7\xc7g\xe6\xde\xbb}\xb3\x9bJ\xef\x1d\x02J/J\xef"\nH\x87\xd01(\x1dTD\xe0GWAADPz\x91\xde{\t\xbd\x88\xd2{\x0f\xa1\xd7\x94\xddlv\xb3\xd9\xdd{\xef\xcc\xfb\xc7\xc0\x9a\x17\x10P\x92\xad\xf3y||\xc8f\xb3\x0c\xb9\xf7\x9e\xef\x99s\xce\x9c\x03\t!\x80\xc1`0\x18\xc1\x07\xf2\xf6\x02\x18\x0c\x06\x83\xe1\x1d\x98\x000\x18\x0cF\x90\xc2\x04\x80\xc1`0\x82\x14&amp;\x00\x0c\x06\x83\x11\xa40\x01`0\x18\x8c \x85\t\x00\x83\xc1`\x04)L\x00\x18\x0c\x06#Ha\x02\xc0`0\x18A\n\x13\x00\x06\x83\xc1\x08R\x98\x000\x18\x0cF\x90\xc2\x04\x80\xc1`0\x82\x14&amp;\x00\x0c\x06\x83\x11\xa40\x01`0\x18\x8c \x85\t\x00\x83\xc1`\x04)L\x00\x18\x0c\x06#Ha\x02\xc0`0\x18A\n\x13\x00\x06\x83\xc1\x08R\x98\x000\x18\x0cF\x90\xc2\x04\x80\xc1x9\x84\x10\x8c\xb1\xb7W\xc1`d#\x90\xcd\x04f0\x00\x00$\x13\x10B\x84\x10\x84\x10\x00 \xcb\xb2\xfb\xcf\x0cF\x80\xc1\x04\x80\x11\xa4P\x07\x9f\xde\xff\x08!\x84\x9e\xdf\r\x9bL&amp;\x87\xc3\x91;wn\x00\x80$I\x1c\xc71\x19`\x04\x18L\x00\x18A\xc1?9\xf8n\xecv{JJ\xca\x95+W\x8e\x1f?~\xf3\xe6\xcdK\x97.%$$\x88\xa28`\xc0\x80\xfe\xfd\xfbGEE\x01\x00dY\xe68\xceK\xff\x02\x06#\xeba\x02\xc0\x08@\xe8]\xfdj\x07?))\xe9\xf2\xe5\xcb\xb7n\xdd:w\xee\xdc\x85\x0b\x17n\xdc\xb8\x91\x92\x92b\xb3\xd9^\xfc\xb4\xdc\xb9sO\x980\xa1s\xe7\xce\x82 \xd0\xac\xc0\x8b\x9f\xc6`\xf8#L\x00\x18\x81\x80;aK\x08y\xa9\xb9\xb7X,\x0f\x1f&gt;\xbcw\xef\xde\x89\x13\'N\x9d:\xf5\xe0\xc1\x83\xf8\xf8x\xb3\xd9\xfcO\x1f\xa8\xd5jy^\xb0XR\xdd\xafT\xadZu\xfc\xf8\xf1\r\x1b6\x04,"\xc4\x08\x14\x98\x000\xfc\x8f\xe7\xe294\xa4\x93\xf9\r\x18c\x93\xc9t\xf9\xf2\xe5\xd3\xa7O\xdf\xb9s\xe7\xcc\x993W\xae\\1\x9b\xcd\xa2(\xbe\xf4\x03\x15\x82\xc2`4\x16*P4_\xde\x02eJ\x97+V\xa4D\xde\xbc\x05\x8c\x06\xe3\xae=\xdb\xa6\xfc&lt;11\xe9\t\xc7q\xb2,\x03\x00\xda\xb7o?v\xec\xd8\xe2\xc5\x8b\x03\x16\x11b\xf8?L\x00\x18~\xc0k\x13\xb6\x16\x8b\xe5\xfa\xf5\xeb\xf7\xef\xdf?u\xea\xd4\x89\x13\'\xee\xdf\xbf\xff\xe8\xd1\xa3W8\xf8FChDDT\xb1\xa2%\x8a\x17-Y\xb4h\xc9\xe2EKFE\xe6\x08\r\rW(\x14\x08q\x92$\x8a\xa2K\x96e\x9dV\x7f\xff\xe1\xbdE\xbf\xcf\x9a=o\xba(\x89&lt;\xcfK\x92d0\x18\x06\x0f\x1e&lt;h\xd0 \x83\xc1\xc0"B\x0c\xbf\x86\t\x00\xc3\xd7\xa1n~\xe6W222\x92\x93\x93\xe3\xe3\xe3/\\\xb8p\xee\xdc\xb9\x9b7o^\xb9r%11\xf1\x9f&gt;A\x10\x84\x1cQ\xb9\xf2\xe7+X\xach\xc9\xfc\xf9\n\x96*\x19]\xb8`Q\xa3\xd1\x18\x12b\xe4\x10\'\xcb\xb2KtI\x92(J"\xc1\x84\x00\x02!D\x10\x01\x00dYV\xa9T\x1a\x8d\xf6\xc2\xc5\xb3\xd3\x7f\xfda\xeb\xf6\xf5\x00\x00\x08!!\xa4D\x89\x12\xc3\x86\r\xeb\xde\xbd;`\xa5\xa2\x0c\xbf\x85\t\x00\xc3w\xa1A\x1e\x84\x90\xd9l\xbeq\xe3\x06\xad\xcc9~\xfc\xc4\xd5\xabWL&amp;\xd3K\x13\xb6\x94\xb0\xd0\xf0\xbcy\xf3\xe7\xce\x99\xb7L\xe9\xb2eJ\xbf\x93+g\x9e|y\x0b\x18\x0cF\x9e\xe7!D\x92(:]NY\x96$Ir\x07\x91(/]\x83,\xcb:\x9d\x9e\xe7\xb8\xb8=\xdb\xbe\xffa\xf4\xf5\x1bW!\x04\xf4\xb9\xa9_\xbf\xfe\xc4\x89\x13\xabV\xad\nXb\x80\xe1\x870\x01`\xf8.4\xc8\xfe\xf9\xe7\x9f\xafX\xb1"55\xf5\x9f\xde\xa6\xd5\xea\x8c\x86\xd0"\x85\x8b\x95)\xfdN\x81\xfc\x05K\x16/\x937O~\xa31L\xa3\xd6p\x1c\'I\x92$\x89.\xd1E\xcd=\x01\x04A\x08!\x82\x10\x00\xf0\xa6\xc6\x1ac\x0c\x00\xd1\xeb\r\x19v\xfb\xd2\x95\x0bf\xfc\xf6c\x8a)\x99\xe79I\x92\x05A\x88\x89\x89\x197n\\\x9e&lt;y\x00K\x0c0\xfc\n&amp;\x00\x0c\x1fE\x92$\x9e\xe7g\xcf\x9e\xdd\xa7O\x9f\xe7\xbe\x15\x11\x11Y\xb8`\xd1|y\x0b\x16*T\xa4T\x89\xe8\xa2EJ\x84\x85\x86\x87\x1aC\x05A\x81\t\x16E\xd1\xe5r\xc9\xb2(\xcb\x98\x00\x02\xc1\xab\x1c\xfc\x7f\x85,\xcb\x1c\xc7\x87\xe8C\x1e&gt;\xba?\xfd\xd7\x1f\x96\xae\x98O\x83?\x18\xe3\xa8\xa8\xa8\xfe\xfd\xfb\x7f\xf5\xd5W\n\x85\x82%\x06\x18\xfe\x02\x13\x00\x86/B\xad\xff\x9e={\x1a6l(\x08\nQt\xbdS\xaeB\xad\xf7\xea\x95(^&amp;O\xee\xbc\x05\xf2\x17\n\x0f\x8f\x10\x04\x05\xc7q\x92(\xb9\\NI\x96$I\xc2\x04g\xa1\xb9\xff\x07\x88$\xcb*\x85J\xab\xd3\xfdy\xf4\xf0\xd4\x9f\'\xfe\xf1\xe7\x01\xf7\xf7\xa2\xa3\xa3G\x8c\x18\xd1\xbe}{\xc0\x12\x03\x0c\x7f\x80\t\x00\xc3\xe7\xa0Q\x94\x0b\x17.\xd4\xad[\xd7b\xb1H\x92\xd4\xbaU\xc7i\x93g\x0b\x82B\x92%Y\x96].\xa7(\x8a\x99\x8f\xf5\x02\x00&lt;ij\t!\x18\xcb:\xad\x1eq\xdc\xfa\x8d+~\xf9mJ\xfc\x8d\xab\x00\x02@\x00\x00\xa0i\xd3\xa6\x93\'O\x8e\x8e\x8e\x06L\x06\x18\xbe\r\x13\x00\x86oA\xe3\'f\xb3\xb9n\xdd\xba\x17.\\\x00\x00\xbcS\xb6\xc2\xc65{i\xe6\x96\x1a\xd3\xect\xf0\xff\x05t\xa9\x86\x10\xa3\xd5\x966{\xfe\xf4EKf\x9bL)\xb4TT\xa1P\xc4\xc6\xc6\x8e\x1c9\x92\xf5\x90`\xf82L\x00\x18&gt;\x84\xbb\xec\xa7a\xc3\x86{\xf6\xec\x01\x00\xe4\xcd\x93o\xeb\xfa\x83z}\x88\xcb\xe5\xf2\xcd\xa8:5\xeeFC\xe8\xcd\xdb7\xa6\xfe&lt;q\xcd\xfa\xe5\x00\x00\x848\x8c\xe5\xa8\xa8\xa8\x91#G\xc6\xc6\xc6\xb2\xc4\x00\xc37a\x02\xc0\xf0!h\xe8\xff\xd3O?\x9d;w\xae \x08j\xb5f\xc9\xfc\xf5\x15\xcaW\xb1Z-\x1c\xc7{{u\xaf\x80H\x92\xacR\xa9\xb5\x1a\xed\xde\xfd;g\xce\x9e\xfa\xe7\xd1C\xee\xefEGGO\x9e&lt;\xb9i\xd3\xa6\x80\x95\x8a2|\x0c&amp;\x00\x0c_A\x14EA\x10\xa6M\x9b6x\xf0`\xa5R\xe9t:\x7f\x99:\xbf}\xdb.O\x9e&lt;\x16\x04\xc1\xdb\xab{=\x84\x10\x19\xcb\xc6\x10\xa3K\x14\xd7\xae_\xf6\xeb\x9c\x9fn\xddN@\x08bL\x00\x00\xed\xdb\xb7\x1f1b\x04M\x0cP\x9d\xf3\xf6z\x19\x0c&amp;\x00\x0c\xdf\x80\xda\xc4u\xeb\xd6\xb5n\xddZ\xa1P\xb8\\\xae\xb1\xa3&amp;\xc7\xf6\x1a\x90\x92\x92\xc4\xf3~`\xfd\xdd\xc8\xb2\x0c!\x0c\x0b\r\x7f\xfc\xe4\xd1\xc2%\xb3\xe6/\x9ci\xb5Y\xdd\x89\x81\xaf\xbe\xfa\x8a6\x97\xa6\xcd-Xb\x80\xe1]\x98\x000\xbc\x0f\r\xa3\x9f&lt;y\xb2Q\xa3FV\xabM\x92\xc4v\xadc~\xfeq\xae\xc9\x9c\xe2\xa7&amp;\x92\x9a{\x83\xc1x\xe9\xd2\xf9\xa9\xd3\xbf\xdd\xb2}=x\x96\x18\xa0\xcd\xa5\xdd=$^\xecd\xc7`x\x0c&amp;\x00\x0c/C\xb3\xa3\xa9\xa9\xa9\x95*U\xbau\xeb\x16\x00\xa0z\xd5\x9ak\x97\xef\xb0\xda\xac\xc0\xb3\xc5\x9dY\x0b!D\x96%\xadV\xcf!\xee\xe0\x1f{~\xfci\xc2\xd9\xf3\xa72\xf7\x90\x18&gt;|x\xfd\xfa\xf5\x01K\x0c0\xbc\x07\x13\x00\x867q\xdf~5j\xd48z\xf4(\x00\xa0x\xd1\x92\xab\x97\xef\xd0iu\xa2(\x06\x80kL\x9b\x98\x1a\x0c\xc6\xf4t\xdb\xc6\xcd\xab\x7f\xfcybb\xe2cws\xe9\x1e=z\x0c\x1b6\x8c6\x97~\xb1\xe7\x1d\x83\x91\xdd0\x01`x\x93\xcce?&lt;/\xe8\xb4\xba\xe5\x8b7\x97+[\xdebI\r\xa44)\x8dq\x19B\x8c\x0f\x1e\xdd\x9b&gt;s\xf2\xf2U\x8bDQ\xa42@\x9bK\x0f\x1c8\xd0h42\r`x\x18&amp;\x00\x0c\xafA\xcb~\xc6\x8e\x1d;f\xcc\x18\x9a\xf8]4wM\xd3F\x1f%%\'\xfaE\xd9\xcf\xbfE\x92$\x95J\xa5Vk.\\8\xf3\xdd\x8f\xa3\x0f\x1c\xda\xe3\xfeV\xe9\xd2\xa5\x0f\x1e&lt;\x18\x1e\x1e\x0e\xfc9\xea\xc5\xf0;\xfc~\x8b\xcd\xf0S$I\x12\x04a\xf1\xe2\xc5c\xc6\x8cQ(\x94.\x97k\xc2\xe8\x1f\x1b7h\x96\x9c\x92\x14\x90\xd6\x1f\x00\xc0\xf3\xbc(\x8a\xa9\xa9\xe6\x92%\xa3\x97\xcc\xdf\xb0`\xf6\xaabEK\x00\x00T*\xd5\xe5\xcb\x977l\xd8\x00!\xa4\xa1!\x06\xc33\xb0\x1d\x00\xc3\x0b\xd0\x90\xc8\x89\x13\'\xea\xd4\xa9\xe3r\xb9$I\xea\xda\xb9\xf7\xd4I\xb3\x9e$&gt;\xf2\xed\x03_Y\x03\xcd{\xebuz\x97(\xfe&lt;s\xd2\xf4\x99\x93!\x84\x95*U:v\xec\x18\xc68\x002\x1f\x0c\x7f\x81\t\x00\xc3\xd3P\x1b\x97\x94\x94T\xa6L\x99\xe4\xe4dBH\xa3\x06\xcd\x16\xce^\x95fM\xf3\x91&amp;?\x9eA\x92$\xb5Z\xedt:k\xd6\x7f\'9%I\xa1P\x9e&gt;}\xaaL\x992L\x03\x18\x1e\x83\xddg\x0c\x8fB\x1d\x0e\xbb\xdd\xde\xacY\xb3\xa4\xa4$BH\x99\xd2\xe5~\xfcn\xa6\xc3\xe1\x00A\x16\xfe\xe6y&gt;##\xc3\x10b\xa8W\xa71\x00\xc0\xe5r.Z\xb4\x08&lt;\xdb\x1f0\x18\x1e\x80\t\x00\xc3s\x10B$IB\x08\xf5\xed\xdb\xf7\xc4\x89\x13&lt;/\x18B\x8c3\xa7-\n\r\rw\xba\x1cA\xe8\xf6B\x081\xc6\xad[u\xa2\xff\xf6-[\xb6\xd03\x01\xde^\x17#X\x08\xbaG\x8e\xe1EdY\x16\x04a\xf0\xe0\xc1\x8b\x16-\xe2yA\x92\xc4\xb9\xbf-/V\xa4DZ\x9a\x8f\xf7z\xcb.8\x8e\xb3g\xa4\xbf\x13\xfdn\xbe|\x05\x00\x00\xf1\xf1\xf1\x87\x0e\x1d\x02\x00\xb0T0\xc330\x01`x\x08Z\xf2?w\xee\xdci\xd3\xa6)\x95JI\x12\'\x8c\x99R\xeb\xbdz\xa9\x16s \x95\xfc\xff[DQ2\x18B?\xfa\xe0\x13\x00\x00\xc6x\xf1\xe2\xc5A\x15\x07cx\x17&amp;\x00\x0cO \xcb2\xcf\xf3G\x8f\x1e\x8d\x8d\x8d\x15\x04\xc1\xe9t\xf6\xeb3\xf4\xf3O\x07\xa7\x98\x92\x83\xd9\xfa\x03\x00\x10BN\x97\xf3\xc3\x0fZq&lt;\x0f\x00\xd8\xb1cgRR\x12\xc7q\xac:\x83\xe1\x01\x98\x000\xb2\x1d\xda\xf6\xf2\xd6\xad[\xcd\x9a5\xe38N\x14\xc5\x16\xcd\xdb\x0e\x1b:\xfaI\xe2c\x16\xefF\x08\xd9\xed\xe9%\x8b\x97\xae\\\xb1\x1a\x00 ))q\xdb\xb6m\x80E\x81\x18\x1e\x81\t\x00#{q\x8fxl\xdb\xb6\xad\xc9d\x92$\xa9l\x99w\xbf\x1b?\xcd\xe9r\x81 +\xfb\xf9\'0\xc6J\x95\xaa\xe5G\xed\x00\x00\x10\xc2\xb5k\xd7\x026;\x8c\xe1\x11\xd8M\xc6\xc8Fh\xd7{\x84\xd0\xa7\x9f~z\xf2\xe4I\x84Phh\xd8\x82\xd9\xab\xd4j\xb5\xcb\xe5d6\x8e\xc2q\x9c\xdd\x9e\xfe^\xf5\xda\x1a\x8d\x96\x10\xb2o\xdf\xfe\xf8\xf8x\x84\x10\xab\x07ed7\xec\tdd#\x18c\x9e\xe7\xfb\xf4\xe9\xb3v\xedZA\x10\x14\n\xe5\x82Y\xabr\xe6\xc8\x95\x9e\x9e\xce\x82?n \x84\x0e\x87\xa3p\xa1\xa2\r\xea6\x01\x00dd\xd87n\xdc\x08\xd8\x81\x00F\xf6\xc3\x04\x80\x91]\xd0\x92\xf6\xd9\xb3g\xcf\x9e=[\xa1P\x8a\xa28v\xe4\xa4\xf7j\xd4N\xb3\xa6\x05y\xe2\xf7\x9f\xf8\xf0\x83V\x00\x00\x08\xe1\xbau\xeb\xd8y`\x86\x07`w\x18#[\xa0E\x9f{\xf6\xec\xe9\xd3\xa7\x8fR\xa1t\xb9\x9c\xc3\xbf\x1c\xdb\xb3\xdb\xe7\x89\x89O\x98\xf5\x7f\x11\x9a\n\xaeR\xa9zdd\x0eB\xc8\x89\x13\'N\x9c8\x81\x10b\xa9`F\xb6\xc2\x04\x80\x91\xf5\xd0\xa2\xcf\x0b\x17.\xb4o\xdf\x9e\xe7y\xa7\xcb\xd9\xa6U\xc7\xbe\xb1C\x02\xb5\xcf\xf3\xdb\x03!t:\x9d\xb9r\xe6\xf9\xe8\x83V\x00\x00\x8c1M\x05\xb3bPF\xb6\xc2\x04\x80\x91\xc5\x10B\x10B)))\x9d:uJII\x91$\xe9\x9d\xb2\x15&amp;\x7f;\xd3\x9e\x91\xc1j~^\x01\x84\xd0%\xba\x1a7lN#?\xcb\x96-KKK\xe3y\x9ei\x00#\xfb`\x02\xc0\xc8b\x08!\xb2,\xb7o\xdf\xfe\xc2\x85\x0b\x00\x80\xbcy\xf2-\x9e\xb7\x16cY\x96%&amp;\x00\xaf\x80\xe3\xb8\xf4t[\xe5J\xd5\xcaF\xbf\x0b\x00x\xf4\xe8\xd1\x91#G\x00K\x053\xb2\x13&amp;\x00\x8c\xac\x84\xf6z\xfb\xed\xb7\xdf\xf6\xec\xd9#\x08BdD\xd4\x8c\x9f\x16F\x84G:\x9d\xc1\xd8\xeb\xed\xdf"\xcb\xb2F\xa3m\\\xbf\x19\xfdr\xd9\xb2e\xde]\x0f#\xe0a\xcf$#\xebILL\x84\x10\x8a\xa2\xd8\xbeML\x9dZ\xf5\xcd\xa9\xe6\xe0\xec\xf5\xf6oA\x08edd4\xa8\xff\x81J\xa5\x06\x00l\xda\xb4\xe9\xc9\x93\'\xac-\x04#\xfb`\x02\xc0\xc8z\x04Axf\xb3`\x86\xc3\xb7|\x7f\x1a\x8c\x92e\x99\x10L\x08!\x04\xcb\xb2,\xcb\x92/DZh-Pt\xe9r\xd5*\xbf\x07\x00\xb0\xd9l[\xb6l\x01\xac-\x04#\xdb\xf0\xa1\'\x93\x110d\xf6X}\xc7\xfaS3\xaa\xd3\x85\x84\x85E\x18\x0cF\x95J#\x08\x82J\xa51\x18\x8ca\xa1\x11Z\xad\x8ef/\xbc\xbdL\x00!j\xf6AK\xfa\xe7\xb9s\xe7\xb2\x03\x01\x8c\xec\x83m\xcc\x19\x81\x0f!\x18\x00h4\x86Z\xadi\x87\x8f\xec?v\xe2\xc8\xf5\xebW\x92\x92\x13].\xa7B\xa1\x88\x8a\xccY\xaadt\xf5j5\xcb\xbfSI\xa5R\xa7\xa5Y\xbc8\x99\x12!\x94n\xb75\xaa\xff\xc1\xe4\xc8\x1cIIO\xce\x9e=w\xf3\xe6\xcd\xa2E\x8b2\x19`d\x07L\x00\x18\x01\x0e\xc6\xb2B\xa1\xe48~\xf9\xcaE\x0b\x16\xffv\xf9\xea\x85\x17\xdf\xb3=n\x13\xf8\x19T,_\xe5\xd3\x9e\x03\x9a5ma\xb7\xdbeY\xf2\x8a\xc1\x85\x10\xba\\\xae\xa8\xa8\x9c\xefU\xab\xb5q\xcb\x1a\x97\xcb\xb9l\xd9\xb2\xd1\xa3G3\x01`d\x07\xec\x96b\x042\x18\xcb*\xa5\xdajM\xeb\xfdY\x87/\x86\x7f~\xf9\xea\x05\x08\xa1\xc0\x0b\n\x85R\x10\x14&lt;/\xd0\x0eE\x82 @\x08O\x9d9\x1e\xdb\xaf\xf3\xe0/c\t\xc1\n\x85\xc2\x8bY\x01Y\x96[|\xd4\x8eZ\xfc\xa5K\x97\xb19\x91\x8cl\x82\t\x00#`!\x84(\x04e\x9a5\xads\x8f\x96\xbb\xf7\xed\xe08\x1e!\x84\x10\x12%\xd1\xe5r\x8a\xa2K\x92DQ\xa4\x7f\x16\x11B\x1c\xe28\x8e[\xb3~Y\x8f\xd8\xf6\xb4\x95\x85W\xcao\xe8\x81\x80\xf7\xaa\xd5\xa4s"o\xdeL8t\xe8\x10\x84\xd0\x17\xf2\x13\x8c\x00\x83\t\x00#`!\x84\x08\na\xc8W\xb1\x17/\x9d\xe3yA\x96%\x00\x80,\xcb\x91\x919:w\xe89i\xe2/\xb3f,\xf9i\xf2\xacO{\xf6\xcf\x97\xb7\x80,\xcb\x98`Y\xc6\x02/\x1c\xf9\xeb\xc0\x17_\x7f\xaeVi\xbcU\x7f)I\x92^o\xc8&lt;\'\xd2+\xcb`\x04&lt;,\x07\xc0\x08LdY\n5\x86\xadX\xfd\xfb\xde\x03q&lt;\xcfK\x92H;\xec\xb7o\xd3\xe5\xeb/\xc6\xe4\xcc\x99\x9b`\x82\t\x86\x10r\x88\x1b\xd4\xef\xebi\xbf|?g\xc1/\x08q\x92,\xf1&lt;\xbfe\xfb\xfa\xda\xb5\x1atl\xd7=55\xc5\xf3\x87\x18\x9e\xcd\x89\xfcd\xf6\xfc\xe9.\x97k\xf7\xee\xdd6\x9bM\xa7\xd3\x11B\xd8ijF\x16\xc2v\x00\x8c\xc0\x84\xe3x\xab\xcd:k\xee4\x08!\xcd\xa0b\x8c\xbbt\xea5}\xea&lt;\x9dN\x9f\x92\x92lN5Y,\xa9\xa9\xa9\xe6\xe4\x94$\x9e\xe7\xbf\x1d\xff\xd3\x97\x83\xff\x87\xb1\x0c!\xc2\x18C\x08\xa7\xfe\xfcmJJ\x92 (&lt;\xbf\x0f@\x08ed\xd8\x8b\x17+Q\xb2D\x19\x00\xc0\xa3G\x8f6o\xde\x0c\xd8\x81\x00FV\xc3\x04\x80\x11\x80\xc8\xb2\xac\xd5\xea\x8e\x9f\xf8\xf3\xfa\x8d\xab\xd4e\xc6\x18\x17*Xd\xc4\xb0\t\xa9\xa9fQt\xf1&lt;\xcf=\x83\xe7y\x8cqb\xe2\x93!\x03\x877\xa8\xdb\x04c\x19\x02\x88 z\xf8\xe8\xfe\x96m\xebt:=\xc6^0\xbb\xb2,\xabU\x9a6\xad:\xd3/i[\x08V\x08\xc4\xc8Z\xd8\xfd\xc4\x08H\x08\xcf\xf3\x7f\xfcy\x00\x00\x80 \x82\x10\x01\x00\xda\xb5\x8e1\x1aBE\xd1\x85\xd0\xf3\x155\xb4\xee\xdf\xe5r\r\x194B\x10\x14\x98`\x00\x01\x84p\xc3\xe6\xd5N\xa7\x13z\xc3\xecr\x1cg\xcf\xb0\xd7\xaf\xd3X\xab\xd5\x01\x00\xfe\xf8\xe3\x8fG\x8f\x1e!\x84X[\x08F\x16\xc2\x04\x80\x11\x80@\x88DQ\xbcx\xe5\x1c\x00\x80\x00\x82\xb1\x0c!\xacZ\xe5=\xa7\xd3\xf1\xa2\xf5\xa7 \xc4\xa5\xdbm\xe5\xca\xbc[\xad\xca{\x84\x10\x00 !\xe4\xfc\x85\xd37o\xc5\xab\x94*L&lt;]\x12\n!t82\xf2\xe7/X\xa5Ru\x00@ZZ\xda\xf2\xe5\xcb\x01\x8b\x021\xb2\x14&amp;\x00\x8c\x00\x84VR&gt;y\xf2\x88~I\x08\xd1\xebCr\xe7\xca\'J\xe2+\x92\xa8\x84\x10\x9e\x17j\xd7\xac\x0f\x00\x80\x00 \xc49]\xce\xf3\x17\xcf\xa8\x94j\x82\xbd\xe3w#\x88\xda\xb5\xeeB\xff\xbcf\xcd\x1av\x1c\x8c\x91\xb5\xb0\x9b\x89\x11h\xd0R\x19\xa7\xd3a\xb3Y\xdd/\xeau!j\xb5\xfa\xd5g\xbb\x10\x84\x92$\x96,^\x06\x00 c\x19!\x08\x00\xb8r\xf5"D\x10\x00/\x08\x00B\xc8\x9e\x91^\xad\xca\xfb\x91\x919\x00\x00lN$#\xcba\x02\xc0\x08@ \x80\x84\x10Y\xfe\xdb\xdcs\x1c\x87^_@\teY\x0e\x0b\x8bx\x1aj\'\x00\x00p\xe7\xee-Y\x96\x01\xf0B\xf1\xe5\xb39\x91\xb9\xdcs"\xd7\xad[\x07\xd8\x9cHF\xd6\xc1\x04\x80\x11\x80`B8\x8eW(\x94\xeeW\xd2\xed\xe9.\xd1\xf5\xda"z\x02\x80\xfb-T\x01\x92\x92\x13\xe99\xe1l[\xec\xab\xa0c\x15\x1a5\xf8\x90\n\xd0\xc6\x8d\x1b\xedv;\x9b\x10\xc0\xc8*\x98\x000\x02\rZ\xf8\xaf\xd1hB\x8d\xa1\xee\x17SSM\x89\x89Ox^x\x85\xe9$\x84\x08\x82p\xfb\xee-\x1aj\xa7\xef\xb4\xdb\xd3].\xa7\xb7\x8e_q\x1c\x97nO/\xffN\xc5bEJ\x00\x00\xe2\xe3\xe3\x0f\x1c8@\xff\x81^Y\x0f#\xc0`\x02\xc0\x08@0\x96\xd5jM\xa1\x82E\xa8\xe1\xe68N\x96\xe5\x93\xa7\xfeR)U\xaf0\x9d\x84\x10\x04\xd1\x9auK\x01\x00n\x8b/\x8a.Y\x96!\x84\xc4\x1bi\x00\x00\x80$IFcX\xcb\x8f\xda\xd1U\xd1Z \x06#K`\x02\xc0\x08H\x08\x84\xb0jeZ\xd0\xf94h\xbet\xe5B\xbb=\x9d\xe7\xf9\x17\x93\xa8\x18cQ\x14s\xe6\xc8\xb5b\xcd\xe2}\x07veN\xb4z=\xd6\x82\x10J\xb7\xa77n\xf0\xa1^\xa7\'\x84l\xda\xb4\xe9\xf6\xed\xdb\x1c\xc7\xb1M\x00\xe3\xeda\x02\xc0\x08@\x10\xe2\xecv{\xdd:\x8dt:=\xc6\x98\x10\x82\x10\xbaz\xed\xd2w?\x8e\x0e\x0b\r\xa7\xe5@\xf23\x08!j\xb5&amp;**\xc7\xca5K\xbe\xf9\xdf \xda4\xc2\xfdQ\x02\xcf\xd3p\x10\xf4F\x1e\x18\xd0\x88\x96,\xeb\xf5!J\xa5\n\x00\xe0p8l6\x9bWV\xc2\x08&lt;\x98\x000\x02\x10Z\x06Z\xb8`\xd1\x0em\xba\x10B\xa8\xbf\x8c\x10\x9a\xbb`\xc6\xe7\x03\xbb\xde\xb9{K\xad\xd6\x18\x8d\xa1\xa1\xc60\xa3\xc1\xa8P(\xae\xc7_\x19\xf8\xc5\xa7}\x07us:\x9d\x18c\x9e\xff\xbb\xfb\x9bR\xa9\xca4\xe2\xd8\x0b\xc8\xb2\xac\xd3\xe9\xf7\x1d\x88KNI\x82\x10\xd6\xaaU;::\x9a\x1d\x08`d\t\xac\x1b(#0A\x08Ymi\x03\xfb\r\xdb{ \xee\xe6\xad\x1b&lt;\xcfK\x92\x84\x10Z\xb3~\xf9\xa6\xadk\xcbEW\xc8\x9f\xbf\xa0Z\xa5\xb6\xd9\xac\xb7n\'\\\xbc|\x1ec\x99\xe7\x05I\x12\xbf\x1c&lt;j\xd5\xda%w\xef\xdd\xa6[\x01\x9dN/\x08\n\xa7\xd3ky`\x84\x90\xc3\x91\xb1i\xeb\x1a\x00\x00!\xa4k\xd7.\x00\x00&amp;\x00\x8c,\x81\t\x00#0\x81\x10\xd2\xae\xfasf.\x8b\xe9\xd1\xea\xd1\xe3\x07t\xa8\x16\xcf\xf3.\x97\xeb\xe4\xe9\xa3\'O\x1fu\xbf\x99C\x1cBH\x92\xc4\xbe\xb1Cb:\xf6\x9a1k\x8a\xfb[\x11\xe1\x91\x9c\xf7:\xf0`\x8c5\x1a\xed\xd5k\x97\x8e\x9f:\n\x00\x88\x8c\x8cj\xda\xb4)\xdd\xd3xe=\x8c\x00\x839\x11\x8c\x80\x05!\x94\x9en+^\xac\xd4\x9a\xe5;\xea\xd4jH#\xfe\x92$\x01\x00x\x9e\xa7#!\xa9_/cY\xa3\xd1\x8e\xfcz\xc2\xd8\xff\xfdp\xe7\xee-\x87#\xc3\xfd!9s\xe6F\x1c\xe7\x95\x93\xc0\x00\x00\x8c\xb1R\xa1\xdc\xba}\xbd,I\x00\x80\xa6M\x9bDFF\xd2n\xd5^Y\x0f#\xc0`;\x00F \xc3q\x9c\xcdf\xcd\x93;\xef\xa2\xb9k\xf6\xec\xdb\xben\xe3\xaa3g\x8f\'&amp;=\xa12\x00\x00P)U\xf9\xf3\x17\xacW\xa7I\xfb61E\x8b\x94\xc8\xc8\xb0?z\xfc\x80&amp;\x8d\xa9\xd7\x9f?_A/\x19\x7f\x00\x00\x10\x04\xdeb1o\xde\xbe\x0e\x00\x80\x10\xea\xda\xb5+;\x02\xc6\xc8B\x98\x000\x02\x1c\x8e\xe3\x1c\x0e\x07\x84\xb0i\xa3\x8f\x9b4\xfa()\xe9\xc9\xc3G\x0fRSM\xb2,+U\xaa\xc8\x88\x1cyr\xe71\x84\x84f8\xecfsJdd\x8e\xeb7\xae\x00\x00\xdc\x95\xa0E\n\x17\x17%\x916\x94\xf60\xb2,\x87\xe8C\xfe&lt;\xf6\xc7\xbd{w\x00\x00\xc5\x8a\x15\xabU\xab\x16\xfd\x17y~1\x8c\x80\x84\t\x00#\xf0\xa1\xf9RKZ*\x84@\xaf\x0f\x89\x0e\x0b\xe78\x1e\x02\x80\t\x91$\xd1\xe5r\x99\xcc)\x08A\x9e\x17$I:{\xee\x14\xfd)B\x88\xd1\x10Z\xb8PQ\xef\x9e\x04^\xbb~\x19-Km\xde\xbc9Meg.Rb0\xde\x06v\'1\x82\x05\xea8K\x92$\x8a"=\x1cF\xe7\xc0@\x88hw\x1dA\xe0\x9f$&gt;&gt;}\xf6\x84\xfbG\xca\x94.\x973G\xee\xf4t\x9b\xe7Kn\x08!\n\x85"1)q\xdf\xc18\x00\x80B\xa1\xec\xd6\xad\x1b`C\xc1\x18Y\n\xbb\x99\x18\xc1\x05\x84\x10!\x84\x10\xc7q\x1cB\xc8\x1d\xdb\xc1\x18k\xd4\xda\xa3\xc7\x0e\x9bL\xc9\xee\x04@\xed\x9a\r\x14\x82\x82x|\x1a\x0c]\x8fV\xa3\xdb\xb5w[rr\x12\x00\xe0\xddw\xdf)S\xa6\x0c\xab\xfedd-\xecfb0\x00\x00\x00@\x80\xb1\xbct\xc5\x02\x00\x00\x9d\x0b\xafT(\xeb\xd7m\x9c\xe1\xc8\xf0\x96\xcd%\x04o\xdb\xbe\x81\xfe\xb9w\xef\xde\x00\x00\xd6\xfe\x81\x91\xb50\x01`0\x80(\xba\xc2C#6nY\xfb\xd7\xb1\xc3\x08!\x00\x08!\xa4v\xad\x06%K\x94\xc9p\xd8=\x9f\x01\xa6\xe5\xff\x17/\x9f?z\xe2\x08\x00@\xa7\xd35o\xde\x1c\xb0\xf4/#\xaba\x02\xc0\x08vDQ\x0c5\x86]\xbd~i\xcc\x84\xaf\x9e&amp;{\t\x80\x10\xf6\xee\xd1\x0f\xcb\xb2WZ\x00a\x8c\xd5j\xf5\x9e\xbd\xdb\xe9\x89\x84\x8f?\xfe8G\x8e\x1c\xb4)\xa9\xe7\x17\xc3\x08`\x98\x000\x02\x1c\xda\xf7\x8d\xb6\x84\xcb\x04\xc6\xf8\xe9\xa1\xb0\xc8\xc8\x1c\xd7\xe2\xaft\xeb\xd5\x866\xdb\x81\x10\xc9X\xfe\xa4E\xfb\xf7\xaa\xd7\xb6\xda\xac^\x89\xffp\x1cg\xb7\xa7\xc7\xed\xddF\xbf\xec\xd4\xa9\x93\xe7\xd7\xc0\x08\x06X\x15\x10#\x90!\x84\xa8\xd5j\x85B\xe9r\xb9dI\xc2\x04\x03\x00 \x84\x1c\xc7\t\x82\x82\xe7\xf9\xb44\xcb\xe2\xa5s\xbe\x9b\xfc?s\xaa\t!\x04!\x94e\xa9@\xfeB\xa3\x86\x7fk\xb7\xa7{\xc5\xfa\xcb\xb2\xac\xd7\x87\xfcu\xf4\xf0\x85\x8bg\x01\x00\xb9r\xe5z\xef\xbd\xf7\x00\xab\xffad\x03L\x00\x18\x01\x0b!X\xad\xd6\xfcu\xf4\xf0\xc3\xc7\x0f\xa2\xcb\xbc\x13j\x0cS*\x94\x00@I\x12-i\xa9w\xef\xdd&gt;y\xeaX\xdc\xee-\xd7o\\\x05\x00\xd0\x8a Y\x96\x0c!\xc6Y\xd3\x7f\x0f\r\r\xb7\xd9\xac^\x89\xb9\x13B\x14\x82"n\xf7\x16\x9a\xf2\xed\xd4\xa9SHH\x08+\xffgd\x07\xec\x96b\x04,\x18c\x95J}\xfc\xe4\x9fS\xa7\x7f\xa7P(5j\x8dF\xa3\x81\x109\x1c\x19\xb6t\x9b\xd3\xe9\xa0o\xe3\x10\x07 $\x04\xcb\xb2\x94+g\x9eY\xbf\xfc^\xaelyKZ*\xc7y\xe1\xe9 \x84(\x95\xcaG\x8f\x1fl\xde\xbe\x1e\x00\x80\x10j\xdd\xba5\xc84\xa1\x8c\xc1\xc8B\x98\x000\x02\x19B\xb0F\xa3\x15\x04A\x96q\xaa\xc5\x9cj1\xbb\xbf\xc5\xf3&lt;B\x1c!X\x14E\xfaJ\xd3\xc6\x1f\x8d\xfe\xe6\xfb&lt;y\xf2\xa5\xa6\xa5\xf2\xde\xb0\xfe\xe0Y\xfd\xcf\xbe\x03\xbb\x92\x92\x9e\x00\x00*W\xae\\\xb9re\x8c1\xab\xffad\x07L\x00\x18YOfw\xd5\xbb\xa5\xeb\x10\xa2\x8c\x0c\xbb\xdb\xc4gF\x92$\x00$\x00\x00B\xdc{\xd5kw\xef\x12\xdb\xb0^SQ\x12\xad\xd64oY\xff\xa7\x10\xb2u\xfbz\xfa\xc76m\xda \x84\xe8$\x03o.\x89\x11\xa00\x01`d=\xa2(B\x08\t!\x00\x10\xb5\xeaUs\xd8\xb3\x15\x08\x91\xcb\xe5,]\xaa\\\xc5\nU\x93\x92\x13-\x16\xb3\xcb\xe5\xa2\xcd\xf4\xd5jMTD\x8e\x82\x05\x0bWx\xa7r\xf5\xea\xb5\xa2K\xbfC\x13\xc2\x00z\xb3\xd6\x9e\x10\xa2R\xa9o\xdf\xb9\xb9g\xffN\x00@HHH\xc7\x8e\x1d\x01+\xffgd\x1bL\x00\x18YOTT\x14!D\x10\x84\x95k\x96\xd4\xaf\xdb\xb4R\x85\xaa\x964\x8b\xe7s\x98\x08\xa1\xf4\xf4\xf4zu\x1a\xd7\xaf\xdb\xd8j\xb3:22\x1cN\x07\xc6\xb2 (T*\xb5N\xab\xd7j\xb5\x1c\xe2\x9c.\x87\xdd\x9e\xee\x0bSVdYV\xab\xd5{\x0f\xec\xb2\xdb\xd3\x01\x00\xef\xbf\xff~\xae\\\xb9X\xfb\x07F\xf6\x01Y{qF\xd6\x821\xc6\x187m\xdat\xcf\x9e=\x00\x80\xbcy\xf2m\xdbpH\xaf78\x1c\x19\xde*\xaa\x01\x00\xb8;\xff@\x00\x08!\x98&lt;\x1d\n\x0f\x00\xa1\xcd\x81&lt;\xbf\xb0\x17!\x84\xa8U\xea\xe6\xad\xeb\x9e\xbfp\x06\x00\xb0l\xd9\xb2\x8e\x1d;\xb2\xfa\x1fF\xf6\xc1\x04\x80\x91\xc5\xd0;\xcad2\xd5\xad[\xf7\xc2\x85\x0b\x00\x80\xe82\xef\xacY\xb6C\x10\x04Q\x14\xbd\xd7W\xe7\xf9\xfb\xdc\xd7\xeajh\xfa\xf7\xc2\xc53\xad\xda7r\xb9\\9r\xe4\xb8q\xe3\x86N\xa7#\x84\xf8\xdaR\x19\x01\x83O8&gt;\x8c@\x02B\x881\x0e\x0f\x0f_\xb6lYXX\x98 \x08\x17/\x9d\x1b&gt;j\xa0J\xa9\x06/3\xc4\x1e[\xd5sxe\x19\xaf\x00c\xacR*7lZ\xe5r\xb9\x00\x00\x1f}\xf4\x91N\xa7c\xed\x1f\x18\xd9\n\x13\x00F\xd6\xc3q\x9c,\xcbe\xcb\x96\xdd\xb6m\x1b\x8d`l\xdc\xb2f\xc4\x98\xc1\x91\x919\xe8\x98-\xc6\x8b\xf0&lt;oI\xb3\xec;\xb8\x1b\x00\x80\x10\xea\xd5\xab\x97\xb7W\xc4\x08|\x98\x000\xb2\x05\x8e\xe3$I\xaaV\xad\xda\xec\xd9\xb3%IR*\x95\x8b\x97\xce\x9d5wZxX\x84{\x1e/\xc3\x8d,\xcbZ\xad\xee\xcf\xa3\x87n\xdf\xbd\t\x00(\\\xb8\xc8\xbb\xef\xbe\xeb\x0byiF`\xc3\x04\x80\x91]\xf0&lt;/\x8ab\xef\xde\xbd\xc7\x8c\x19\xe3t:\x05A\x189f\xe8\xa1#\xfb\xc2B\xc3%\xe9%\x85\xf9\xc1\x0c!D\xe0\x85M[\xd6\x10\x8c\x01\x00\x9d;wR(\x14l\xb7\xc4\xc8nX\x12\x98\x91\x8d\x10B$I\x12\x04\xa1[\xb7n\x8b\x17/\x16\x04A\xa3\xd6\xae\xf8}K\xb9\xb2\xe5-\x96TV\xdcB\xa1%\xb3\xc9\xc9IM[\xd44\x99\x92y\x9e\xbfr\xe5J\xd1\xa2EY\x01(#\xbba\xb7\x17#\x1b\x81\x10\xf2&lt;O\x08\xf9\xf5\xd7_+W\xae,\x8a\xa2%-u\xd0\x17\xbdSR\x92\x94J%\x9boE\x91eY\xab\xd5\xef?\xb4\xdbdJ\x86\x10\xd6\xaaU\xabp\xe1\xc2\xcc\xfa3&lt;\x00\xbb\xc3\x18\xd9\x0b=\x12\xac\xd1h\xe2\xe2\xe2\n\x15*\x04\x00\xb8~\xe3j\x9f\xfe1j\x95\xc6=z7\xc8A\x089\x1d\x19\x9b\xb6\xac\xa6\xbf\xab\xae]\xbb"\x84\x98:2&lt;\x00\x13\x00F\xb6\x83\x10\x92e944t\xf5\xea\xd5\xa1\xa1\xa1\x82 \xfcu\xec\x8fA_~\xaa\xd1h\x99\x00`\x8c5j\xcd\xe5\xab\x17\x8f\x9f:J\x08\x89\x8c\x8cl\xda\xb4)K\xff2&lt;\x03\x13\x00\x86\'\xa0EA\x95*U\x9a;w\xae(\x8aJ\xa5r\xcd\xfae\xbf\xce\x9e\x1a\x1e\x16\xf1\xd2Nm\xc1\x03\xc6X\xa5V\x1f8\xb4[\x96$\x08a\xb3f\xcd"##1\xc6\xac\xfc\x9f\xe1\x01\x98\x000&lt;\x04\xcf\xf3\x92$}\xf2\xc9\'\xb3f\xcdr:\x9d\n\x85\xe2\xbb\x1fF\xafZ\xbb$g\x8e\\\xc1\xac\x01&lt;\xcf\xa7\xa6\x9a\xd7oZ\t\x00 \x84\xb4n\xdd\x9a\xed\x8a\x18\x1e\x83\t\x00\xc3sP\r\x88\x8d\x8d\x8d\x8d\x8du\xb9\\\x82 \x8c\x183\xe4\xf0\x91\xfd\x86\x10Cp\x1e\x0e\x90eY\xab\xd1\x9d;\x7f:&gt;\xe1\x1a\x00\xa0X\xb1b\xf5\xea\xd5\x03l\xfa#\xc3S\xb0\xfb\x8c\xe1Qh,h\xd6\xacY\r\x1a4\x10E1-\xcd\xd2\xa3O\xbb\xc7O\x1e\xe9t\xfa ,{\'\x84 \x04\xd7nX\x0e\x08\x00\x00|\xfc\xf1\xc7j\xb5\x9a\xb5\x7f`x\x0c&amp;\x00\x0c\x8f\x02!\xa4%.+W\xae\xacT\xa9\x12\x00 5\xd5\xdc#\xb6]j\xaaY\xa9\x08\xae\xc2PI\x92\xd4j\xb5%\xcd\xb2\xef@\x1c\x00@\xa1Pv\xeb\xd6\r0\xf7\x9f\xe1A\xd8\xad\xc6\xf04\xd4\xc0\x85\x87\x87\xd3\xa2 \x84\xd0\x85Kg\xbf\xfc\xa6\xafJ\xa5\x02\xde\xeb\x16\xe7Ih\xc7lC\x88\x01\x008k\xde\xcf)\xa6d\x84\xd0\xbb\xef\xbeS\xa6L\x19V\xfe\xcf\xf0$\xecVcx\x01Z\x18Z\xa8P\xa1\xb8\xb88\xa5R\xc9\xf3\xfc\xae=\xdb\xbe\x19=8*2\x07\xc6\x81\x1c\x08"\x84\xc8\xb2\xac\xd1huZ\xfd\xae\xbd\xdb\x1b7\xaf\xfe\xf3\x8cI\xf4L\x1c\xed\xfe\x16T{ \x86\xd7a\x02\xc0\xf0\x0e4\x19P\xb9r\xe5_\x7f\xfdU\x92$\x85B\xb9x\xe9\xdc\xdf\xe6\xfc\x14j\x0c\x0b\xd4\x840\xed\x8aa4\x86^\xbdz1\xa6g\xcb\x1e\xb1\xed\xe2o\\\x03\x008\x1c\x8e\xd2\xa5K\xb7l\xd9\x92\x95\xff3&lt;\x0c\x13\x00\x86\xd7\xa0\xdd\xe2\xbav\xed:f\xcc\x18\x97\xcb\xa9P(F\x8e\xfd"n\xcf\xb6\x88\xf0\xc8\x00+\x0c\xa5\xf9\xed\xf0\xb0\x88T\x8by\xf8\xa8\x81\x1f~R\xe7\xc0\xa1=\xd4\xd6\x1b\x0c\x861c\xc6\x1c9r$""\x02\xf8\xde\x98\x1aF`\xc3\x9a\xc11\xbc\x0c\x1d\x18\xf0\xe9\xa7\x9f\xce\x9d;\x97\xe7\x05\x9dV\xb7|\xf1\xe6\x80\xe9\x16\x871&amp;\x84\x18\x0c\xc6\xf4t\xdb\xc6\xcd\xab\x7f\xfcybb\xe2c:/\x01\x00\xd0\xa3G\x8fa\xc3\x86\x15/^\x1c\x00\xc0&amp;\x7f1&lt;\x0f\x13\x00\x86\x97q\xdf\x815j\xd48z\xf4(\x00\xa0x\xd1\x92k\x96\xef\xd4ju\xa2\xe8\xf2\xdf\x8c(!D\x96%\xadV\xcf!\xee\xe0\x1f{~\xfci\xc2\xd9\xf3\xa7 \x04\xf4\x9f[\xbf~\xfd\xe1\xc3\x87\xd7\xaf_\x1f\x00 I\x12\xc7q\xcc\xfa3&lt;\x0f\x13\x00\x86\xf7\xa1\x99\xcf\xd4\xd4\xd4J\x95*\xdd\xbau\x0b\x00\xf0N\xd9\n\x1b\xd7\xec\x15E\x11c\xbf,\x8a\x97$I\xa1P\x18\x0c\xc6K\x97\xceO\x9d\xfe\xed\x96\xed\xeb\x01\x00\x08q\x18\xcb\xb9s\xe7\x9e0aB\xf7\xee\xdd\x01\x00\xb4\xe4\xdf\x7fE\x8e\xe1\xef0\x01`\xf8\x04\xb2,s\x1cw\xf2\xe4\xc9&amp;M\x9a\xa4\xa5\xa5\x89\xa2\xd8\xa6U\xc7\x9f&amp;\xcf\xb6\xda\xac\xfee\x1f\xa9M\x0f\x0b\r\x7f\xfc\xe4\xd1\xc2%\xb3\xe6/\x9ci\xb5Y\xe9\x11h\x85B\xf1\xd5W_\xf5\xef\xdf?**\x8a\x10\x821f)_\x86wa\x02\xc0\xf0\x15h2`\xcf\x9e=\r\x1b6T*\x94N\x97s\xf8\x97c\x87\x0e\x1c\xf1\xf8\xc9#A\x10\xbc\xbd\xba\xd7C\x08\x91\xb1l\x0c1\xbaDq\xed\xfae\xbf\xce\xf9\xe9\xd6\xed\x04\x84 \xc6\x04\x00\xd0\xbe}\xfb\x11#FDGG\x83g\xffRo\xaf\x97\xc1`\x02\xc0\xf0%\xa8e\x9c={v\x9f&gt;}\x14\n\xa5\xcb\xe5\x9c4az\xf7\xae}\x12\x13\x9f\xf8\xb6\x06\x10I\x92U*\xb5V\xa3\xdd\xbb\x7f\xe7\xcc\xd9S\xff&lt;z\xc8\xfd\xbd\xe8\xe8\xe8\xc9\x93\'7m\xda\x14\xb0p?\xc3\xc7`\x02\xc0\xf0-h,\xa8O\x9f&gt;\xb3g\xcf\x16\x04\x81\xe3\xf8\x15\x8b7W\xaeX\xcd\x92f\xf1M\xaf\x99.\xd8h\x08\xbdy\xfb\xc6\xd4\x9f\'\xaeY\xbf\x1c&lt;\x0b\xf7GEE\x8d\x1c9266V\xa1P\xd0&lt;\x87\x7f\x85\xb3\x18\x01\x0f\x13\x00\x86oA\xcf\xca\xf2&lt;\xdf\xa6M\x9b\xb5k\xd7r\x1c\xa7\xd5\xea\xb6\xac\xdd_\xa4p1s\xaa\x89\xe3x\x08\x01\x84\xc8\x17\x9chj\xd3\r!F\xab-m\xf6\xfc\xe9\x8b\x96\xcc6\x99R\xdc\xe1\xfe\xd8\xd8\xd8\x91#GFEE\x81g"\xe1\xed\xf52\x18\xcf\xc3\x04\x80\xe1sP\xc3j\xb1X\x1a7n|\xe2\xc4\t\x00@\x99\xd2\xe5\x96-\xdc\x98\'w&gt;Q\x12\xb1,;].Qta\x8c\t \x10@7\x1e[!!\x04cY\xa7\xd5#\x8e[\xbfq\xc5/\xbfM\x89\xbfq\x15@@\x9bz6m\xdat\xf2\xe4\xc94\xdc/\xcb2B&gt;!W\x0c\xc6\x8b0\x01`\xf8"\xb4\'ZRRR\x992e\x92\x93\x93\t!\xf9\xf2\xe6o\xdc\xb0y\xb1"%\xf2\xe7/T\xb0@\xe1\xa8\xc8\x9cj\x95\x8a\xe3xI\x92$It\x89.I\x92\x08!\x04\x10\x04!\x84\x08B\x00@v\x98]"\xc9\xb2J\xa1\xd2\xeat\x7f\x1e=&lt;\xf5\xe7\x89\x7f\xfcy\xc0\xfd\xbd\xe8\xe8\xe8\x11#F\xb4o\xdf\x1e0\xd3\xcf\xf0\x07\x98\x000|\x14\x1a69q\xe2D\x9d:u\xecv{\xe6o\x19\x0c\xc6\x82\xf9\x0b\xe7\xca\x99\xbbL\xe9reJ\xbf\x93+g\x9e|y\x0b\x18\x0cF\x9e\xe7!D\x92(:]NY\x96\xa8$@\x98e[\x04Y\x969\x8e\x0f\xd1\x87&lt;|t\x7f\xfa\xaf?,]1\x9fZy\x8cqTTT\xff\xfe\xfd\xbf\xfa\xea+\x16\xeeg\xf8\x11L\x00\x18\xbe\x0b-\nZ\xb4h\xd1\x17_|a\xb5\xda\\.\xe7K\xdf&amp;\x08B\x8e\xa8\\\xf9\xf3\x15,V\xb4d\xfe|\x05K\x95\x8c.\\\xb0\xa8\xd1h\x0c\t1r\x88\x93e\xd9%\xba$I\x14%\x91`\x0c\x00\x8d\x19\xfd\xbb-\x02\xc6\x18\x00\xa2\xd7\x1b2\xec\xf6\xa5+\x17\xcc\xf8\xed\xc7\x14S2\xcfs\x92$\x0b\x82\x10\x13\x133n\xdc\xb8&lt;y\xf2\x00\x16\xeeg\xf8\x15L\x00\x18&gt;\r\x8d\x05Y,\x96\x87\x0f\x1f^\xb9r\xe5\xc2\x85\x0b\xe7\xcf\x9f\xbfz\xf5\xea\xa3G\x8f\xcdf\xd3?\xfd\x94\xd1\x10\x1a\x11\x11U\xach\x89\xe2EK\x16-Z\xb2x\xd1\x92Q\x919BC\xc3\xe9\xc8\x01I\x94\x9en\x11d\t\x10\x02^\x99E\xa0Ii\x9dN\xcfs\\\xdc\x9em\xdf\xff0\xfa\xfa\x8d\xab\x99;:L\x9c8\xb1j\xd5\xaa\x80\x95x2\xfc\x10&amp;\x00\x0c_\xe7\xc5\x19)\x18c\x93\xc9t\xf9\xf2\xe5\xd3\xa7O\xdf\xb9s\xe7\xcc\x993W\xae\\1\x9b\xcd\xff\xd4CT!(\x0c\x06c\xa1\x82EK\x97*\x9b/o\xfeR%\xcb\xd2-\x82^g\xe0x\x0ec,I\x92\xcb\xe5\x14E\x91f\x11 \x84\x08"\x00\x80,\xcb*\x95J\xa3\xd1^\xb8xv\xfa\xaf?l\xdd\xbe\x1e\x00\x00!$\x84\x94(Qb\xd8\xb0a\xee\x8e\x0e,\xdc\xcf\xf0G\x98\x000\xfc\x00\x92\t\x08\xe1\x8b1\x16\xbaE\xb8w\xef\xde\x89\x13\'N\x9d:\xf5\xe0\xc1\x83\xf8\xf8x\xb3\xd9\xfcO\x1fh0\x18\xa3"r\xe4\xce\x9d\xb7t\xc9\xb2\xd1e\xde\xc9\x9d+o\x81\xfc\x85\xc2\xc3"\x04\x85\x02!N\x92DQt\xc9\xb2\xac\xd3\xea\xef?\xbc\xb7\xe8\xf7Y\xb3\xe7M\x17%\x91\x96x\x1a\x0c\x86\xc1\x83\x07\x0f\x1a4\xc8`0\xb0p?\xc3\xafa\x02\xc0\xf0?\xe8MK;-\x03\x00\x10B/\x9a\xe0\xa4\xa4\xa4\xcb\x97/\xdf\xbau\xeb\xdc\xb9s\xe7\xcf\x9fOHHx\xf8\xf0\xe1+\xc6\x0cDDD\x16.T,_\x9e\x02eJ\x97+V\xa4D\xde\xbc\x05\x8c\x06\xe3\xae=\xdb\xa6\xfc&lt;11\xe9\x89\xbb\x81s\xfb\xf6\xed\xc7\x8e\x1dK\x1b8\xb3p?\xc3\xdfa\x02\xc0\x08\x04\x9e\xdb"\xbc\x18\x90\xb1\xdb\xedw\xee\xdc\xc9\xbcEHHHHII\xf9\xa7\x0f\xd4j\xb5&lt;/X,\xa9\xeeW\xaaV\xad:~\xfc\xf8\x86\r\x1b\x02\x16\xeeg\x04\nL\x00\x18\x81\tm\xb7\xf9\x8a-\x82\xd9l\xbeq\xe3\xc6\xa5K\x97\x12\x12\x12\x8e\x1f?q\xf5\xea\x15\x93\xc9d\xb3\xd9^\xfc(\xda\xc0\xb9s\xe7\xce\x82 \xb0\x98\x0f#\x90`\x02\xc0\x08\n\xded\x8b\x90\x92\x92r\xe5\xca\x95\xe3\xc7\x8f\xdf\xbcy\x93\n\x83(\x8a\x03\x06\x0c\xa0\r\x9c\x01\x8b\xf90\x02\x0e&amp;\x00\x8c \xe5\xb5[\x04\x93\xc9\xe4p8r\xe7\xce\rX\xcc\x87\x11\xa00\x01`0\x00\xf8\xe7-\x02+\xf1d\x040L\x00\x18\x8c\x97C\xc5\x80\x85\xfb\x19\x01\x0c\x13\x00\x06\x83\xc1\x08R\x98w\xc3`0\x18A\n\x13\x00\x06\x83\xc1\x08R\x98\x000\x18\x0cF\x90\xc2\x04\x80\xc1`0\x82\x14&amp;\x00\x0c\x06\x83\x11\xa40\x01`0\x18\x8c \x85\xf7\xf6\x02\x18\xbe\x88\xfb\x94\xecK{/3\x18\x8c\xc0\x80\x9d\x03`\xfc?\xa8\xdd\xcfl\xf4\xa9\x18\xb0\xd3\xb0\xbe\x06\xc68K\x06\x1d3\x82\x19\x16\x02b\x00\xf0l\xf0!m{\xc0q\x9c\xcb\xe5\xda\xb0a\xc3\xd0\xa1C\x8f\x1e=J7\x01\x10BI\x92h/L\x86\xd7qK\xb2,\xcb\x92$\xc9\xb2\xcc&lt;9\xc6\x7f\x80\xed\x00\x82\x1dj\xfay\xfei0\xf0\xea\xd5\xab\xabV\xadZ\xb5j\xd5\x95+W\xe8+5j\xd4\xe8\xd5\xabW\xeb\xd6\xad\xf5z=`\x1b\x02oC\xe3r\x00\x80\xfb\xf7\xef\xe7\xca\x95+\xf3^\rc\xec\xde\x16\xb0\xcd\x01\xe3M`\x02\x10\xbcd\x8e\xf6\xc8\xb2\xbco\xdf\xbe\xa5K\x97\xae^\xbd\xda\xe1p\xbc\xf8\xe6|\xf9\xf2\xb5k\xd7.&amp;&amp;\xa6\\\xb9r\xf4\x15\xd6%\xcd\xf3\xb8\xfbQ\x0f\x1e&lt;x\xce\x9c9\x85\n\x15*^\xbcx\xadZ\xb5\xca\x97/_\xb6l\xd9\xb0\xb0\xb0\xe7\xde\xfcO\xbd\xaf\x19\x0c\n\x13\x80\xa0\xe39\x17\xfe\xc9\x93\'K\x96,Y\xb2d\xe9\xf9\xf3\xe7\xdc\xefQ*\x95\xb5k6\xa8\\\xb1\xda\x8e\xb8\xcd\xa7\xcf\x9ep\xbf.\xf0B\x9d\xbau\xfa\xf5\xeb\xd7\xb8qc\xa5R\t\x00\xa0\x83\x12\x99\x89\xf1\x00\x92$\xf1&lt;o2\x99:v\xec\x18\x17\x17Gg\xd3\xbb\xbf\x1b\x1e\x1e\xfe\xee\xbb\xefV\xaf^\xbdB\x85\n\x95*U\xca\x9d;\xf7?m\x0eX{;\x86\x1b&amp;\x00A\x04\xb5\x02\xeeh\xcf\x9f\x7f\xfe\xb9h\xd1\xa2-[\xb6&lt;~\xfc\xd8\xfd\x9e\\\xb9\xf2\xb4m\xd5\xe9\xa3f\xadK\x94(\xcds\xbc\xd3\xe98td\xdf\xfa\x8d\xab\xf6\xec\xdfa\xb5\xa6\xb9\xdfV\xb2d\xc9\xf6\xed\xdb\xf7\xec\xd93o\xde\xbc\xf4\x15\xb6!\xc8&gt;\xdca\xba\x13\'Nt\xea\xd4)&gt;&gt;^\x10\x04Q\x14\xf5\xfa\x90\xcc\x17\xc5\x8d^\xa7\xcf\x97?_\xd5\xaaU\xcb\x95+W\xa3F\x8d\xe8\xe8h\x8dF\xf3\xdc\xa7\x81g\xb2\xcd.Y0\xc3\x04 \xf0y\xce\xe5\xb7Z\xadk\xd7\xae\x9d7o\xde\x9f\x7f\xfe\xe9~\x8f \x08\xd5\xaa\xbc\xdf\xf2\xa3v\xf5\xeb6\x89\x8a\xca\xe1t:\xed\xf6t\x02\x08\x87\x90N\x17\x82 \xbay\xfb\xc6\xf6\x9d\x1b\xd7nXq=\xfe\x8a\xfb\xa7\x0c\x06\xc3\xc7\x1f\x7f\xdc\xb9s\xe7z\xf5\xea\xb9CI\xcc\xc7\xccZ\xdc\x9e\xfb\x82\x05\x0b\x06\r\x1ad\xb5Z9\x0e\xc92\x1e\xd8\xf7\xab\x98N\xbd.^&lt;w\xfe\xe2\x99KW\xce_\xbct\xee\xe1\xa3{/}\x9a\xf3\xe7\xcf_\xb2d\xc9\x1a5j\xd4\xa8Q\xa3d\xc9\x92\xf9\xf2\xe5\xcb\xfc]\x16)\nf\x98\x00\x042\xcf\xd5t\x9e?\x7f~\xc9\x92%\xabV\xad\xbaw\xef\x9e\xfb=\x91\x91Q\r\xea6\x8d\xe9\xd8\xb3L\xe9w\x14\n\x85\xcdf\x15E\x17\x84\x7fO\xc8\x92\xb1\x0c\x08P\xa9TZ\xad\xdedJ&gt;\xf4\xc7\xbe\xb5\x1b\x96\x1f\xfac\xaf\xd3\xe9t\x7fH\xb9r\xe5\xfa\xf5\xeb\xf7\xd1G\x1f\xe5\xc8\x91\x03\xb0Dq\xd6A\x83\xfe\x92$}\xf9\xe5\x97\xd3\xa6M\xe38N\x96e\xbd&gt;\xe4\xbbq\xd3\xda\xb6\xeelMKS\xaaT\x82 H\x92\x94\x92\x92\x94p+\xfe\xc6\x8dk\xc7O\xfe\x15\x9fp5\xfe\xc6\xb5\xf4\xf4\x97\xcc7\xd6\xe9t\xa5K\x97\xaeQ\xa3F\xb9r\xe5\xaaU\xabV\xa0@\x81\xcc\x9b\x03\x96F\x0e6\x98\x00\x04 \xd4\xfe\x02\x00\xa8\xe9w:\x9dqqq3f\xcc8\xb0\xff\x80(\x89\xee\xb7U,_\xe5\x93\x16\x1d\x1a\xd6\xff _\xde\x02N\xa7\xc3\x9ea\'\x04#\xf4\xf2\xc1\x874n \x08\x82V\xab\x83\x10\x9e;\x7fj\xfd\xc6U\xdbvnx\xf8\xe8\x81\xfb=9s\xe6l\xde\xbcy\xbf~\xfd2\'\x8a\xd9\x86\xe0?C\xad\xff\xa3G\x8f\xda\xb4is\xe4\xc8\x11\x85B\xe1r\xb9J\x95(3e\xd2\xacJ\x15\xaa&amp;&amp;=\xe1y\x9e\x9e\xd8\x83\x10\n\x82\xa0T\xaa\x04A\x00\x048\x1c\x19w\xef\xdf\xb9y+\xfe\xcc\xd9\x13\'N\xfd\x15\x7f\xe3ZrJ\xd2\x8b\x9f\xafP(r\xe5\xcaU\xa1B\x05\x96F\x0eZ\x98\x00\x04\x14\xaf\xad\xe9\x04\x00\xe8\xf5!\r\xea6m\xd5\xa2]\xad\xf7\xea)\x14J{F\xba\xd3\xe9\xc8\xec\xf2\xbf\xfa\xf3\xa9\xb4h5Z\xa5J\xf5\xe4\xc9\xe3\xbd\xfbw\xae\xdf\xb4\xf2\x8f?\x0f\xb8\xdf#\x08B\xdd\xbau;w\xee\xdc\xb6m[\x9a(\xa6\x1b\x11fD\xde\x1c\xfa{\xe68\xee\xc8\x91#m\xda\xb4y\xf4\xe8\x11\xb5\xfeM\x1b\x7f\xf4\xfd\xf8\xe9\xe1\xe1\x11\xa9\xa9fA\x10\x9e\xfb\x11\n\x00\x00!\xa4T(\x15J%\xcf\xf1\x0e\xa7#%%\xe9\xf6\x9d\x843\xe7N]\xbb~\xe9\xec\xf9\xd3\xb7\xef$\xb8\\\xae\x17\xff\xd2\x88\x88\x882e\xca\x94/_\xbeV\xadZ%K\x96,^\xbc8K#\x07&lt;L\x00\x02\x847\xa9\xe9,^\xacT\xeb\x96\x1d&gt;h\xd2\xa2p\xc1\xa2\x98`\xab-\x8d\xe0\xffh\x971\xc6\x98`\x85\xa0\xd0\xe9B\x9cN\xc7\xc9SG\xd7m\\\xb1g\xdf\x8e\xa4\xe4D\xf7{J\x95*\xd5\xae]\xbbv\xed\xda\x95,Y\x92\xbe\xc2F\xab\xbf\tn;;{\xf6\xec~\xfd\xfaI\x92\x84\x10\xc2\x18\x8f\x186\xfe\xb3O\x07;\x1c\x0e\xa7\xcb\xc1s\xafi\xe2\xe2n\xe6\x81\x10\x12\x04A\xa1P*\x14\nBHZ\x9a\xe5\xf6\xed\x84\x9b\xb7\x13\x8e\x9d8r\xe5\xea\x85\xeb7\xae\x9a\xcd\xa6\x17\x7f\\\xa1P\x14-Z\xd4\x9dF.Q\xa2\x84\xc1`x\xf1\xc3\xd9\xe6\xc0\xdfa\x02\xe0\xdf\xbcIM\xa7J\xa9\xaa\xf9~\xdd\xd6-;\xd5z\xbf^XXDz\xba\xd5\xe1p\x00\x088\xf4\xb6M~\x08!\x18\xcb\x10!\x9dF\'(\x14w\xee\xdc\xda\xb4u\xcd\x86\xcd\xab\xaf\\\xbd\xe8~\x8fZ\xadn\xd4\xa8Q\xdf\xbe}Y\xa2\xf8Mp\x07\xfd\xfb\xf5\xeb7{\xf6lZ\xedc\x081L\x9f2\xbfq\xc3\x0f\xcd\xa9&amp;\x00\xc0\xbf\xfd\xd5=\xdb\x1b`\x00 \xc7qJ\xa5J\xa1P \x88\\\xa2\xeb\xd1\xe3\x07\t7\xaf_\xber\xf1\xc4\xa9\xbf.]&gt;\x9f\x98\xf4\xc4\xe5r\xbe\xf8\t\x91\x91\x91e\xcb\x96\xadU\xab\x16K#\x07\x18L\x00\xfc\x95\x7fS\xd3\xf9I\xc9\x12\xd1\x00\x82\xf4t\x9b(\x8a\xd9\xe1\x83c\x8c\t\xc1J\xa5J\xab\xd5Y\xd3\xd2\x8e\x9e\xf8c\xc3\xa6U\xdb\xe36e\xde\x7f\x94+W.&amp;&amp;&amp;&amp;&amp;\x86%\x8a\xff\tZ\xe9\x1f\x1f\x1f\xdf\xbd{\xf7#G\x8e(\x95J\xa7\xd3Y6\xfa\xdd_\xa6\xce/Q\xac\x94\xc9lr_\xee\xb7\x81:\xef\x00\x10\x08\x91B\xa1P*U&lt;\xcf\xcb\x92l2\xa7&lt;z|\xff\xec\xb9SW\xaf_&gt;}\xe6x\xfc\x8d\xab\xe9\xf6\xf4\x17\x7f\\\xa7\xd3\x95)S\xa6t\xe9\xd25k\xd6,S\xa6\xcc\x8b5\xa6\x00\x00vM\xfd\x05&amp;\x00~\xc6\x7f\xae\xe9\x04\xd9\x7f\\\x8b\x10"c\x99\xe7x\xadV\x87\x10\xba|\xe5\xc2\xd6\x1d\x1b\xb6n[\x7f\xe3\xe6u\xf7{h\xa2\xb8[\xb7n5j\xd4\xa0\xaf\xd0\x10G\x90o\x08\xa8\x8b\x8e\x10\x8a\x8b\x8b\xeb\xd8\xb1\xa3\xc9d\xa2\xbe\x7f\xeb\x96\x1d\xc6\x8f\xfeQ\xab\xd1Ymi&lt;/\xbc\xfe\x83\xfe\xcb\xdf\x8b\t!\x00B\x81\x17\x04A\xa1T(!\x82\x19v\xfb\xdd\xfb\xb7o\xde\xbaq\xfa\xcc\xf1\xb3\xe7O\xdd\xbcu\xe3\xc1\xc3{/\xfd\x84\xfc\xf9\xf3W\xacX\xb1B\x85\n\xd5\xabW\x7f\xe7\x9dw"""@\xa6~\x15\x0c\x1f\x87\t\x80\xdf\x90%5\x9d\x9e\x81V\x8ej4\x1a\x95Jm6\x9bv\xc4m\xde\xb0y\xd5\xd1\xe3\x7f\x88\xe2\xdf5H\xcf\xb5\x18\n\xe6\x13\xc5\xee\x06\x0f\xd3\xa6M\x1b&lt;x0=\xe2\xcbq\xdc\xd7_\x8c\xed\xd3{\xa0\xd3\xe9p\xb9\\\x1eh\xca\x9d)\x8dL\x10\xe2h\x1a\x99\xe38I\x94\xcc\xa9)\xf17\xae\x9e=\x7f\xea\xea\xb5Kg\xcf\x9dz\xf8\xf8\xbe\xcd\xf6\x92\x1a\xd3\xd0\xd0\xd0\xa2E\x8b\xfe\xf4\xd3O5j\xd4\xa0I\xec\xec^3\xe3-a\x02\xe0\xebdGM\xa7g\xa0q!\x9e\x17\xf4\xfa\x10\x97\xcbu\xe9\xf2\xb9%\xcb\xe7\xef\xd9\xbf#)\xe9\xefD1m1\xd4\xb5k\xd7\xe8\xe8h\xfaJ\xb0\x9d(\xa6a\x1f\xab\xd5:h\xd0\xa0\x05\x0b\x16(\x04\x85KtEDD\xfd:mQ\x9dZ\rRL\xc9\xe0\xdf\x07\xfd\xb3\x84g7\x1e\x81\x10\xf1&lt;O3\x07\x84\x10\x8b%5)9\xf1\xfc\x85\xd3\x97\xae\x9c?{\xee\xd4\x95\xab\x17if\xc2M\xed\xda\xb5\x0f\x1c8@\xf7\xa9\x9e_6\xe3_\xc1\x04\xc0w\xc9\xee\x9aN\</t>
        </is>
      </c>
    </row>
    <row r="457">
      <c r="A457" s="1" t="n">
        <v>455</v>
      </c>
      <c r="B457" t="inlineStr">
        <is>
          <t>venn</t>
        </is>
      </c>
      <c r="C457" t="inlineStr">
        <is>
          <t>What is the missing number of the part denoted with a question mark?</t>
        </is>
      </c>
      <c r="D457" t="inlineStr">
        <is>
          <t>['7', '8', '5', '2']</t>
        </is>
      </c>
      <c r="E457" t="inlineStr">
        <is>
          <t>7</t>
        </is>
      </c>
      <c r="F457" t="inlineStr">
        <is>
          <t>There are 3 overlapping circles containing the numbers ['?', 3, 2]. The overlapping part between the first and second circle contains the number 10. The overlapping part between the second and third circle contains the number 5.</t>
        </is>
      </c>
      <c r="G457" t="inlineStr">
        <is>
          <t>We observe that the circles with 3 and 2 overlap to form the part 5, where 3 + 2 = 5. Hence, the pattern is most likely that the numbers in the overlapping parts are the sum of the numbers in the corresponding circles.</t>
        </is>
      </c>
      <c r="H457" t="inlineStr">
        <is>
          <t>Based on the pattern that the numbers in the overlapping parts are the sum of the numbers in the corresponding circles, the missing number of the circle where the overlapping part is 10 should be 7.</t>
        </is>
      </c>
      <c r="I457" t="inlineStr">
        <is>
          <t>b'\x89PNG\r\n\x1a\n\x00\x00\x00\rIHDR\x00\x00\x02\x00\x00\x00\x02\x00\x08\x06\x00\x00\x00\xf4x\xd4\xfa\x00\x00\x9fFIDATx\x9c\xec\xddw|\x14E\x1b\xc0\xf1\xdf\xee^/\xe9\t\xbd#U\x90\xa2(\x08\x82\xa2bE\xac`A\x11\x04\x04\xcb\xabX\xb0\xa1\xa2\xd8\x15\x1b"6\xec\x8a"\x16\x14\x05T@i"\n\x08J\x95\xdeK\xea\xe5\xfa\x96\xf7\x8f\xbd\x0bET\x84\x84\xe4\xee\xe6\xfb\xf9\xf8\xea\x1bB\xb2w\xcf\xed\xce33\xcf\xccH\x86a\x18\x08\x82 \x08\x82\x90R\xe4\xca\xbe\x00A\x10\x04A\x10\x8e&gt;\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12\t\x80 \x08\x82 \xa4 \x91\x00\x08\x82 \x08B\n\xb2T\xf6\x05\x08\x95\xc30\x8c\xfd\xfe{\xdf\xff\x7f\xe0\x9f\xc7I\x92\xf4\x97\xff&gt;\xf0\xdfB\xd5\x10\x8f\xdf\x81\xb1=X\\\xf7u`\x8cE|\xab\xa6}\xe3\xbb\xef\xbf\x0f\xfc\xef}\x89\xfbW8\x90d\xfc\xdb\x13AHX\xf1\xd0\xea\xba^\xf6\xdf\xf1\x87\xba,\x97\xff\xe0\x8f\xa6i\x7f\xf9=\xfb6"B\xf9\x8a7\xee\xfb6\xf2\xf1\xd8V\xc4{\x1e\xff\x1c\x19\x86Q\xf6\xf3+\xeaw\t\x7f\x1f\xdf\x8a\xb8\x7f\r\xc38\xe8sB\xdc\xbf\xc9M$\x00I\xe4\xc0\x07\xb4\xa2(\xff\xf8\xfd~\xbf\x1f\x9f\xcfGqq1\xa5\xa5\xa5\x94\x96\x96\x12\x0c\x06\t\x04\x02\xa8\xaaJ$\x12E\xd7u,\x16\x05\xab\xd5\x8a\xd5f\xc3\xe5t\xe2r\xb9\xf1x\xdcx&lt;^22\xd2q\xbb\xdd8\x9d\xce\xbf\xfd=\xfb&gt;\\*\xb2\x81Jf\xf1\xb8\xea\xba\x0e\x98\r\xef?5\x02~\xbf\x9fh4\xca\xee\xdd\xbb)(( \x1c\x89\x10\tG(,,\xc0\xe7\xf3\xa1\xaa*\xe1H\x04\xc30\xb0Y\xadX\xadV\\.\x17\x99\x99\x99\xb8\\.,\x16\x0b\xe9\xe9\xe9T\xaf^\x1d\x9b\xcd\x86\xd7\xeb\xfd\xc7k\x13\xf1=2\x076\xf6\xff\x16_M\xd3\x08\x04\x02\x14\x17\x17SRR\x82\xaf\xb4\x94\x80\xdfO \x10$\x18\x0c\xa2i*\x91H\x04\xc3\x00\xab\xcd\x8a\xc5b\xc1a\xb7\xe3t\xb9p\xbb\\x&lt;\x1e\xbc^/\xe9\xe9\x19\xb8\xdd.l6\xdb?^\x9b\xa6i\xc0\xde\x84O\xc479\x88\x04 \x81\xed\xdb\xe0[,\x7f\x9d\xcd1\x0c\x83\x9d;w\xb1q\xe3\x06\xd6\xad[\xcf\xda\xb5kY\xb7~\x1d\x9b7of\xc7\xf6\xed\xec\xda\xb5\x93\xe2\xe2b\xc2\xe1\xc8a_\x83\xcb\xe5$##\x93\x1a5jP\xbdzu\xea\xd7o@\x83\x06\xf5i\xdc\xb81\xf5\xeb\xd7\xa7n\xdd\xbadff\x1e\xf4\xdau]\x17\r\xc6\xdf\xd8\xb7\xc1\xff\xbbd\xae\xb4\xb4\x94-[\xb6\xb0q\xe3FV\xacX\xc1\x96-[X\xb5j\x15\xf9\xf9\x05l\xda\xb4\x11\x9f\xcfGII\xc9\x11]\x87\xdb\xed\xc6\xedvS\xbbvmrssi\xd0\xb0!\xf5\xea\xd5\xa3i\x93&amp;\xd4\xabW\x8f\x06\r\x1a\x88\xf8\x1e\x86C\x89o8\x1cf\xc7\x8e\x9dl\xd8\x10\xbbw\xd7\xadc\xdd\xbaul\xdd\xba\x95\x1d\xdb\xb7\xb3g\xcf\x1eJJJPc\x8d\xf3\x7f%\x01\x1e\xaf\x97\xec\xec\xec\xb2\xfb\xb7a\xc3F\xd4\xaf_\xcf\xbc\x7f\x1b4\xa0v\xadZx&lt;\x9e\xbf\xfc]\x11\xdf\xe4 \x12\x80\x04\xb2\xefCCQ\x94\xbf\xdct[\xb6la\xf9\xf2\xe5,Z\xb4\x88\xc5\x8b\x17\xf3\xc7\x1f\x7f\xb0v\xedZB\xa1\xd0A\x7f\x9eb\xb1\xe2MK\'=#\x13\x8f7\r\x8f\xd7\x8b\xd3\xe9\xc2\xe14{\x80V\xab\rY\x91QU\rU\x8d\x10\x8dD\x08\x05\x83\x04\x02~\xfc&gt;\x1f&gt;_1E\x85\x05\x94\xfa|`\xe8\x07\xfd\x1d\xe9\xe9\xe94i\xd2\x84V\xadZ\xd1\xae]{\xda\xb5kK\xd3\xa6M\xc9\xca\xca\xda\xef\xfb\xe2\x0f\x94\x7f\xeb\xf9$\xb3}{\xf8\x076\x08\xa1P\x88\xd5\xab\xd7\xf0\xdb\xd2\xdfX\xbch\x11K\x96,a\xe5\xca\x95l\xdf\xbe\xfdo\x7f\x9e\xc5j\xc3\xed\xf1\xe0\xf6x\xc8\xc8\xc8\xc2\x9b\x9e\x89\xa2(X\xacV\x14Y\xc6b\xb5!I\x12\xaa\x1aESUTUE\xd75\xfc\xa5&gt;\x8a\n\n\xf0\xf9\x8a\t\x06\x02\x84\x82\x81\xbf\xfd\x1d\x19\x19\x194m\xda\x94\x16-Z\xd0\xae];\xda\xb5kG\xf3\xe6\xcd\xff\x92\x14\x88\xf8\xee?Rr`\xc2\xae\xaa*\xeb\xd7\xafg\xe9\xd2e,Z\xf4+K\x96,a\xf9\xf2\xe5l\xde\xb4\tM?\xf8\xbde\xb3;HK\xcf(\xbb\x7f]n\x0fN\xa7\x0b\xbb\xd3\x89\xa2(\xb1^\xbd\x19_UU\x89\x84C\xe6\xfd\xeb/\xa5\xd4WBIq1\xc5E\x05\x04\x03\xfe\xbf\xbd\xe6\xbc\xbc&lt;\x9a5kF\xeb\xd6\xc7\xd1\xae];\xda\xb49\x8e&amp;M\x9a\xe0v\xbb\xf7\xfb\xbe\xf8\xf4_*\xc77\x11\x89\x04\xa0\x8a\xfb\xa7\x87\xc6\xa6M\x9bX\xb0`\x01\xb3g\xcff\xde\xbcy,]\xba\x94h4\xba\xdf\xf7x\xd33\xa8[\xbf\x11\xf5\x1a6\xa6N\xfd\x86\xd4\xaeS\x9fj5k\x91\x95\x93Gzf\x16n\xb7\x17\xbb\xc3\x81\xcdf\xc3j\xb3!I2\x92\x04\xf1\xdcB\x92 \xfe\t1\x0c\xf3\x1f]\xd3\x88D#D\xc2a\xc2\xa1 \xa5\xbe\x12\x8a\n\xf2\xc9\xdf\xbd\x8b\xed[7\xb1u\xf3\x066\xae\xfb\x93M\xeb\xd7\xb2y\xe3z\xc2\xa1\xe0~\xd7\x94\x99\x91A\x9bv\xed\xe8|\xf2\xc9t9\xe5\x14\xda\xb5mKvv\xf6~\xdf\xa3\xaajJ&lt;L\xfe\xae\xd1WU\x95?\xfeX\xce\xdc\xb9s\xf8q\xf6l\x16\xfe\xfc3\xeb\xd6\xad\xfb\xcb\xdfO\xcf\xc8\xa4n\x83F\xd4\xaaS\x8fz\x8d\x9aP\xadzMj\xd7k\x88\xc7\xeb%\'\xaf\x06n\x8f\x07\xc5b1\x1b\x06\x87\x13\t\xca\x82[\x96?\x1a`\xc4\xff\x03\x88\x84#\x04\x83~\xa2\x91\x08\x91H\x98\xdd;\xb7S\xea\xf3\xb1c\xebfvl\xdd\xcc\xe6\x8d\xeb\xd9\xbca\x1d\x9b6\xaee\xd7\xf6m\x7f\xb9\xa6\xec\xecl\xda\xb4i\xc3\xc9\'\x9f\xcc)\xa7\x9cB\xbbv\xed\xf6K\x08\xe2C\xca\xa9\x1c_\xc30X\xb5j\x15\xf3\xe6\xcdg\xf6\xec\x1f\xf9\xe9\xa7\x9fX\xb9r\xe5_\xfe~N^u\xea5hD\xbdF\xc7P\xa7^\x03j\xd6\xa9O^\xb5\x1adf\xe7\x92\x9e\x91\x89\xd3\xed\xc6f\xb3c\xb3\xdb\xb1Z\xacH\xb2\xb47\xae\x92\xd9\xcb?\xf0\xfe\xd5T\x95H$L$\x1c&amp;\x14\x0cPR\\DQA&gt;{v\xef`\xdb\xe6\x8dl\xdd\xbc\x91\rkW\xb3i\xc3:\xb6n\xda\x88\xae\xef?\xc2P\xb3fM\x8e?\xfex:w\xe9B\xe7\xce\x9di\xdd\xaa5n\xb7k\xbf\xd7\x96*\xf1Mt"\x01\xa8\xa2\xe2=\xa6}\x1b}M\xd3X\xbcx1\xd3\xa7\x7f\xcb\xb4iSY\xf0\xd3O\x84#{\x87\xef\xd3\xd23h\xd2\xa2\x15\xc7\xb6iO\x8bVm\xa8\xdf\xb8\x195j\xd5!#3\x0b\x87\xd3\x81\xa2\xc4\x1e\x00\x1ah\x9a\x8e\x16\xeb\xf1\xc5\x7f\x97\xf9Q0\xf6i\x10\xf6\'\xed\xf3?\xe6\xb0\x9fy\x83+\x8a\x82b\xb1\xa0(\x12r\xec\x19\xa7F!\xe0/\xa50\x7f7[6m`\xdd\xea\x95,_\xb6\x98?~\xfb\x95U\xcb\x7fG\x8d\xee\xbd\xee\xec\xecl\xbat\xe9B\x8f\x1e=8\xf5\xd4Si\xda\xb4i\xd9\x9f\xc5\x1f&amp;\x07\x1b\xf1HT\x7f\xd7(\xe4\xe7\xe73{\xf6l\xa6M\x9b\xc6\xacY\xb3\xfe\xd2 df\xe5\xd0\xa4\xf9\xb1\xb4l\xd3\x8ef-\x8f\xa3~\xe3&amp;\xd4\xa8U\x87\xf4\xccl\x9c\x07\xc4W\xd7\rT5\x8a\xae\xe9\x18\x86^\x16\xe3\xd8\x15\xec\xf7/\xca\xde\xd6\xbd\x15\xe1\xb2\xa2 K\x12\x92,c\xb1XQ\x14\x19Y\x06Y\x01]\x83HX\xa5\xa4\xb8\x90\xdd;\xb7\xb3q\xdd\x9f\xac^\xbe\x8c\x15\xcb\x96\xb0j\xc526\xad_\xbb\xdfu\xe7\xe5\xe5\xd1\xb9sg\xce&lt;\xb3\x07\xddN\xedF\xd3&amp;M\xf6{/\x92-\xbe@\xd9\x9c\xf9\xbe\xf1\xf5\xf9|\xcc\x9f?\x9f\xa9S\xa7\xf1\xddw\xdf\xb2l\xd9\xb2\xfd\xfeN\xb5\x9a\xb5i\xde\xb25-\x8fkG\xd3\x96\xad\xa9\xdf\xa8)\xb9\xd5k\x90\x96\x9e\x81\xddnE\x96A\xd7\xcd\x7fTUC\xd3\xd4\xfd\xe2{h\xf7\xef\xde\xc2\xbex\x03-+\x16,\x16\x0b\xb2L\xd9g(\x1a\xd5)\xf5\xf9\xc8\xdf\xb5\x83M\x1b\xd6\xf1\xe7\xaa?X\xbet1+\x96-\xe1\xcfU\xcb\xf7\xfb\xb9u\xea\xd4\xa1k\xd7\xae\x9cq\xc6\x19t\xed\xda\x95z\xf5\xea\x95\xfdY\xfc\xba\xc44A\xd5$\x12\x80*d\xdf9\xc1x\xe6\xac\xeb:?-X\xc0\x17\x9f\x7f\xce\x94)S\xf8\xe3\x8f?\xca\xbe\xdf\xe3M\xa7\xcd\xf1\'rB\xa7Sh\xdd\xbe\x03\x8d\x9a\xb4 \'\xb7\x1av\xa7\x05C7o\xe2h4\x82\x16\x8d\x9a\xc3\x88\x86Q\xd6\x80\x1fX\xc8s87\xe7\xde\x8f\x8e\x11\xeb]\x18e\xdd\rI\x96\x90es\xb8\xd9f\xb3c\xb1\x98\x0f\xa5\x80?\xc4\x8e\xad[X\xb3b\x19\x8b\x7f\x9e\xc7\xc2\xf9\xb3Y\xb6\xf8\x97\xfdz\x19\x9d:u\xe2\x82\x0b.\xe0\xbc\xf3\xce\xa3E\x8b\x16e_?\xd8C5\x91\xc4\x1b\xbb}\x93\xba\x82\x82\x02\xbe\xfb\xee{&amp;\x7f9\x99\xef\xbe\xfd\x96\x9d;w\x96\xfdYfv\x0em\xda\x9fH\xfb\x93:\xd3\xaa]\x07\x1a\x1e\xd3\x8c\xec\xdcj8\x1c\nz\x05\xc7\xf7/\xcb\xca\x0c\xc3lT\x0c\x03$\tY\x96P\x14k\xac8\xd4\x82\xa2\x80\xaaBqQ!\x9b7\xacc\xc5\xb2%,Z0\x87\xc5\x0b\xe7\xb3n\xcd\xaa\xb2\x9f\xa5\xc82\x1dc\xf1=\xf7\xdcsi\xde\xbcy\xd9\x9f%c|}&gt;\x1f\xb3f\xcd\xe2\x8b/\xbe`\xda\xb4il\xd9\xb2\xa5\xec\xcf\xaa\xd5\xacM\xfb\x0e\x9d8\xbec\x17Z\xb69\x9e\xfa\r\x8f!#+\x0b\xabUB\xd3 \x1aU\x89F\xa2fC_\x16_i\xbf\x86\x1c\xd8oT\xe7\xbf^\xef\xde\x7f\x9b\xf7p\xfc3$Ifbo\xb5\xda\xb0\xda\xac(\x163\xf1+\xf5\x95\xb2m\xf3FV\xfc\xfe\x1b\xbf\xfe4\x9b_\x17\xcce\xf5\xf2\xbd\x89\x8c\xddn\xa7k\xd7n\xf4\xba\xb0\x17g\xf5\xe8A\x83\x06\r\xca\xfeL\xd3\xb4\n[\x81$\x1c\x1e\x91\x00T\x01\x07{p\xacZ\xb5\x8aO&gt;\xf9\x84\x89\x13\'\xf2\xdbo\xbf\x95}\xbd^\x83\xc6t\xec\xda\x9d\x93O=\x83VmN\xa0Z\xcd\xda\xd8\xec2j\x14\xc2\xe1\x10j4\x82\xae\xe9\xfbe\xfa\x95\x97y\xc7\x13\x83x\xefDBQd\xac6;v\xbb\rY\x81\xa0?\xc2\xe6\rkY\xf2\xcbO\xcc\x9d\xf5-\xf3\x7f\x9cA\xfe\xee\xbd\x8d`\xb7n\xdd\xe8\xd3\xa7\x0f\xe7\x9dw\x1e\xb5j\xd5*\xfbz|\x881\x11z\x15\xf1^P\xbca\xd3u\x9d\x1f~\xf8\x81\x0f?\x9c\xc0WS\xbeb\xfb\xb6\xbd\xc3\xe8\xc74k\xc9I\xa7\x9cF\xa7\xae\xa7\xd3\xf2\xb8\xf6\xe4U\xaf\x89\xcd&amp;\x11\x8dB8\x14\x8b\xaf^5\xe2\xbb\xdf\x12\xb5\xf8\xca\x13\x8b\x15\xbb\xdd\x8e\xcd\xae`\x18P\\X\xcc\x9f\xabW\xf0\xcb\xfc\x1f\x99;\xf3[~\xf9i6\x91p\x18\x00Y\x96\xe8\xd6\xed4\xfa\xf4\xe9\xcd\xb9\xe7\x9eK\xcd\x9a5\xcb~v"\xc7\x17`\xde\xbcyL\x980\x81\xc9\x93\'\xb3q\xe3\xc6\xb2\xaf\x1f\xdb\xa6=\x9dO\xebA\xc7.\xa7\xd1\xb4ek\xb2rrQ\x14\x88Dt"\xe1\x10\xaa\xaabT\xa1\xf8\x82\x81\xa1\xc7b\x1c+V\xb4\xd9\x1d\xd8\xed\x16$\t|%\x016\xac]\xcd\xa2\x05s\x983s:\x0b\xe6\xcc\xc2_\xea\x03\xc0f\xb3qf\x8f\x1e\xf4\xe9\xdd\x87\xb3\xce&gt;\x8b\xecX\xddO\xbc\xa3\x93(\xf1Mf"\x01\xa8D\x07&gt;8\x82\xc1\x10\xdf|\xf35o\xbd\xf5\x16S\xa6L)\x1b\xb2\xad\xdb\xa0\x11\xdd\xcf\xeaI\xb73\xcf\xa5\xe5q\xed\xc9\xcc\xce@\xd7!\x14\x0c\x13\x89\x841b\xa3\x06R\x82\xdcPeC\xe0\x86\x81\xac(\xd8\xed\x0e\xecN+\x86\x0e;\xb7og\xf1\xc2\xf9\xcc\xf8\xe6\x0b~\xfc~*\xf9\xbbw\x01f1\xe1\x85\x17^\xc4\xd5W_\xcd\xa9\xa7v+\xfbY\xaa\xaaV\xd9\xe1\xe3\x03{&lt;[\xb6la\xe2\xc4\x89\xbc\xfb\xee{,^\xbc\xa8\xec\xfb\x8ei\xd6\x92\xd3\xce:\x9fSN?\x87\xe6\xad\xdb\x90\x9e\xe1ES\xcd\xc2\xbfh$b\xc6W\x96b\xf5\x19U\xefu\xeekoR\xa0\x03\x12\x16\x8b\x05\xbb\xc3\x89\xcd.\x13\t\xa9lX\xf7\'?\xcf\xfd\x81\x99S\xbf`\xfe\x8f3\t\x87\xcd\x02\xd5\xac\xac,z\xf5\xeaE\xdf\xbeW\xd3\xad[\xd7\xb2\x9f\x97H\xf1\xdd\xb9s\'\x9fL\x9a\xc4;\xef\xbc\xc3\xcf\x0b\x16\x94}_\xabv\'p\xc6\xb9\x17\xd2\xb9\xdb\x194nv,n\xaf\x035\n\xa1`\x005\x1a\xc5\xc0(\x8bmU|\x9d\x072t\x1d=\x96\x1c(\x8a\x19_\xbb]A\x8d\x1al\xdd\xbc\x81\x85\xf3\x7fd\xc67_2g\xe6\xf4\xb2d\xa0F\x8d\x1a\\r\xe9\xa5\\u\xe5\x95t\xe8\xd0\xa1\xecgU\xe5\xf8\xa6\x02\x91\x00T\x82\x03\x1b\xfem\xdb\xb6\xf1\xde{\xef1~\xfcxV\xad2\x87K\xbd\xe9\xe9\x9c\xd6\xe3|\xce\xb9\xb07\xedN&lt;\x99\xac\xecLT\x15\x82\x01?\xaa\x1ae\xef&lt;|\xe2\xdf8\xf19L\x90\xb0\xd9l8]N$\t\xb6o\xdd\xc6\xfc\x1f\xbe\xe3\x9b/&amp;2\xeb\xdb\xaf\xcd\x9e\x11\xe6\x14\xc1\x80\x01\x03\xb8\xf4\xd2K\xcb\xd6\xa7W\xa5\x1e\xe3\x81\xd7\xf2\xcb/\xbf0~\xfcx&amp;|\xf4\x11\x85\x05\x05\x00\xe4\xe6U\xe7\xb4\xb3\xcf\xe7\xac\x0b.\xe5\xb8\xf6\'\x91\x9e\xe9%\x1a1\x08\x06\x02hj46\xcc^5^\xcf\x111\x0ct\xc3\x88%12\x0e\x87\x13\x87\xd3J4\xaa\xb3~\xcd*~\xf8v\nS\'Ob\xc9/?\x95\xfd\x95\x93;wf@\xff\xfe\\r\xc9%e\xf1\xadJ\r\xc5\x81\r\xff\xd2\xa5Ky\xf3\xcd7y\xff\xfd\xf7\xd9\xbd{7\x00\xb5\xeb\xd6\xa7G\xcfK8\xf3\xbc\x8bh\xde\xba-n\x8f\x83HH#\x14\n\xa0\xa9Z\xc2$t\x87\xc2|\x9e\xe9H\x92\x8c\xcdn\xc7\xe9\xb4\xa3\xeb\xb0y\xc3:f\x7f?\x8d\xa9_L\xe4\xa793\xcb\xbe\xff\x8c3\xce`\xe0\xc0\x81\xf4\xec\xd9\x13\xbb\xdd\x0eT\xad\xf8\xa6\x12\x91\x00\x1cE\x076\xfc\xabW\xaf\xe6\xd5\xd7^\xe3\xad7\xdf$??\x1f\x80\x96\xc7\xb5\xe3\x82\xcb\xae\xe2\xf4s.\xa4N\x83\xfa\x18:\x04\xfcf\xa3o\xf6\x10\x92\xe3\xa1\xf1w\xf6-\x90\xb3\xd9\xec\xb8\xdc\x0eTUg\xf5\xf2eL\x9b&lt;\x89/&gt;~\x97-\x9b6\x00\xd0\xa0A\x03\x06\r\x1aD\xff\xfe\xfd\xc9\xcb\xcb\x03*\xf7Ar`\xc30c\xc6\x0c\xc6\x8c\x19\xc3g\x9f}V\xf6=\xedO\xeaL\xcfK\xaf\xe4\xb4\xb3\xce\xa7F\xedZh\xf1\xa4.\x1aEJ\x81\xaa\xe9x\xb2\'I{\x93\x81\x80?\xc4\x92\x85\xf3\xf9j\xd2\x87L\xfbr\x12E\x85f\x92\xd4\xa8Q#\xae\xbb\xee\xba*\x13\xdf}7a\x02\xf8q\xf6l^\x1a3\x86\x89\x13\'\x96\xcd\xa7w=\xfdlz^\xd6\x97\xce\xa7\x9eAN^\x0e\xd1\x88N0\xe07?\x1b)\x11\xdfX\x1d\x13`w8p\xba\xec\x84C*\xbf/\xf9\x85\xaf?\xff\x88)\x93&amp;\xb0{\xd7\x0e\x00Z\xb6&lt;\x96\xc1\x83\x07\xd1\xb7o_222\x80\xaa\x95\xc8\xa7\x02\x91\x00\x1c\x05\x07\xce\xf1\xaf\\\xb9\x92\x17_|\x917\xdfz\x93`\xc0\\"\xd7\xfd\xec\x9e\\z\xd5ut\xec\xda\x1d\x8f\xd7E \x10&amp;\x1c[\xbf\x9f\xaa7\xc4\xbeE\x91N\x97\x0b\xbb\xc3\xc2\x9e\x9d{\x989\xed+&gt;~\xf7u\x16-\x98\x0b@\xf5\xea\xd5\x19&lt;\xf8z\x86\x0c\xb9\x9ej\xd5\xaa\x01G\xf7Ar`b\xf7\xed\xb7\xdf2z\xf4h\xa6N\x9d\n\x80\xd5j\xe5\xcc\xf3/\xe2\x92\xab\xae\xe3\x84N\xa7\xe0t\xda\xf0\x97\x86\x88DBHH\xc8\x8a\xcc&gt;\xa5\xf8)\xc3\x88\xef\r\xa0(\xb8\xdd\x1e\x14\xab\xc4\xc6u\x1b\x98\xfa\xc5\xc7Lz\xffM\xd6\xad1WA\xd4\xa8Q\x93A\x83\x062d\xc8\x90*\x11\xdf\x993g2z\xf4\xb3|\xf5\xd5\x97\x00\xb8=i\x9c\x7f\xc9\xe5\\t\xf95\xb4nw"\x16\xab\x8c\xbf4@4\x12I\x89F\xff\xef\x98\xf7\xaf\x19\'\xa7\xcb\x83\xcd&amp;\xb3m\xcb6\xbe\xfd\xeaS&amp;\xbe\xf7\x06+\x96-\x01\xa0^\xbdz\x0c\x1d:\x94\x81\x03\x07\x96-\x17\x8d\xaf\x0c\x11*\x96H\x00*\xd8\xbe\x1f\xe4\r\x1b6\xf0\xecs\xcf\xf1\xda\xab\xaf\x12\x0c\x06Q\x14\x0b=/\xbd\x82\xde\xfd\x06\xd3\xf6\x84\x8eH\x92\x84\xbf\xb4\x14MU\x91\xc5p\xd8~t]\xc7\xd0u\xac6\x1bn\x8f\x8b`0\xcc\xfc\x1f\xbe\xe3\xfd\xd7_\xe2\x87\xef\xbe\x01\xccD\xe0\xc6\x1bo\xe2\x86\x1b\x86\xee\xd7\xa3\xa8\xa8\x07\xc9\x81\x89\xdd\x9c9sx\xfc\xf1\xc7\x992e\n\x00n\x8f\x97^\xbd\xaf\xe2\xd2\xbe\xd7\xd1\xf2\xb8v\xe8:\xf8K}\xb1\x87\xa2\x88\xef\xbet\xdd\xdcH\xc6\xeep\xe2r\xdb)\xd8S\xc8\xf7\xdf|\xc1\x87\xe3_\xe6\xb7_\x7f\x06\xcc\xf8\xdep\xc3\r\xdcp\xc3\rG\xa5\xa180\xbe\xf3\xe7\xcf\xe7\x89\'\x9e\xe0\x8b/\xbe\x00 ;7\x8fK\xfb^\xc7E}\xae\xa1Q\xd3&amp;D#:~\x7f\xa9X\xf6v\x10\xf1\xfb\xd7fw\xe0\xf68().\xe5\xc7\xef\xbe\xe1\x837^b\xc1\xdc\x1f\x00\xa8[\xb7\x1e\xb7\xdc\xf2?\x06\x0e\x1c\x88\xc7\xe3\xd9o\xd33\xa1b\x88\x04\xa0\x82\xc4{\xae\x92$QTT\xc4\x0b/\xbc\xc0s\xcf=Gaa!\xb2\xacp\xd1\xe5Ws\xe5\x80\x1b8\xb6]{4U\xc7_Z\xfa\x97Jb\xe1\xaf\xf6\xf6*\x14&lt;^/\x9a\xa6\xb3`\xce\x0c\xde\x1a\xfb,\xb3\xbe\xfd\x1a\x80\x86\r\x1b2|\xf8p\xfa\xf7\xef\x8f\xc5b\xa9\x90\xde\xe2\xbe\r\xcf\xca\x95+y\xf4\xd1Gy\xf7\xddw\x01p\xb9=\\r\xe5\xb5\\\xde\xffz\x9a4oA8\xac\x12\xf0\xfb\x91\x00Y\xc4\xf7\x1f\x19\x86\x81\xaeiX\xacV&lt;in\x02\xa5\x01fL\x9d\xcc\xdb\xe3^`\xf1\xc2\xf9\x809\xf5s\xc7\x1dwp\xddu\xd7a\xb5Z+dy\xd9\xbe\xf1]\xb3f\r\x8f&gt;\xf6\x18o\xbd\xf9&amp;\x00Y9\xb9\\\xd1\x7f\x08\x97\\9\x80\xba\r\xea\x12\x08D\x08\x05\x03e\xfbb\x08\x7f/\x1e_\xc5b\xc1\xe3\xf5\x10\tG\x98=c\x1ao\x8f{\x8e\xf9?\xce\x00\xa0y\x8b\x16\xdcu\xd7]\\\xdd\xb7/ \xa6\x05*\x92H\x00\xca\xd9\x81\xbd\x86w\xde}\x97\x87\x1fz\x88?\xff\xfc\x13\x80sz]F\xff\x1bn\xa3\xcd\t\x1d\x88F4\xfc\xfeR\xb16\xf60\xc5\x1f\xfc\x1eo\x1a\x86\xae3g\xe64^{\xe1I\x16\xcc\x99\x05@\xc7\x8e\x1d\x199r$g\x9cqF\xd9\xf7\x1fi\x82\xb5\xef&lt;pII\tO?\xfd4\xcf=\xf7\x1c&gt;\x9f\x0fEQ\xb8\xe8\xf2~\xf4\x1br\x0b\xcdZ\x1dK(\x10%\x18\xf0\xa7\xf40\xf0\xe1\x8a\'z\x8a\xa2\xe0I\xf3\x12\x0c\x04\x99\xfe\xe5$\xde\x18\xf34+\x96\x99\xcbbO&lt;\xf1D\x1e|\xf0A\xce:\xeb,\xc0\xac\x0f8\xd8\x99\x18\xff\xc5\xbe\xf1\xf5\xf9|\x8c\x1e=\x9agF\x8f\xc6WR\x82\xcb\xed\xe1\x8a\xfeC\xb8b\xc0P\xea5\xacO\xa0\xd4\xdc\tSV\xccM\xb1\x84\xff&amp;\xde\xb0{\xbc^\xa2\xd1(\xb3\xa6}\xc9\xeb/&gt;\xc5\xe2\x85fAh\xb7n\xdd\x189r$\xa7\x9crJ\xd9\xf7\x8b\x0eR\xf9\x12\t@9\xda\xf7\x03\xbah\xd1"\xee\xbe\xfbn\xa6O\x9f\x0e@\x87\x93\xbbr\xfd\xb0{\xe8|\xea\x99h\x9a\x86\xbfT4\xfc\xe5E\xd74\x90$\xbciiD"\x11\xa6~1\x91q\xa3\x1f-\xdb\xb1\xac_\xbfk\x199\xf2A\xea\xd6\xad\xfb\x97B\xae\xffb\xdf\x06f\xd2\xa4I\xdc7b\x04+W\xac\x00\xa0\xdb\x19\xe7p\xfdm\xf7r\xfcI\x9d\x08\x87\xa3\x04\xfd~\xb3\xd7"\xe2{\xc4\xe2\rEZ\xba\x97\x92\xe2\x12&gt;\xfd\xe0-^\x7f\xe1Ivl\xdf\n\xc0UW\xf5\xe5\xa1\x87F\xd2\xa0A\x83\xfdN\xd3;\x9c\xdf\x13\xbf\x7f?\xfd\xf43\xee\xbb\xef&gt;V\xac0?C\xbdz\xf7e\xe0\xcdw\xd2\xac\xd5\xb1\x04\xfcaB\xc1\xa0\xa8Z/\'\xf1\xf8z\xd3\xbc\x04\x03\x01\xbe\xfc\xe4C^y\xee\xb1\xb2\x1d%\x07_\x7f=\x0f\xdc\x7f?5j\xd48\xa2\xfbW\xf8+\x91\x00\x94\x83}{\xfd\xc1`\x90\xc7\x1e{\x8c\'\x9f|\x92p8L\xcd\xda\xf5\x18z\xc7}\xf4\xea\xdd\x17\x9b\xd5NII\xb1h\xf8+\xc8\xbe\rEaA!\xef\xbd6\x867^|\x8a\xd2R\x1f\xb9yy&lt;2j\x14\x03\x07\x0e\x04\xfe[oq\xdf\xb9\xc8\x8d\x1b7r\xd7]w1a\xc2\x04\x00\x1a7m\xc1\rw\x8c\xe0\xec^\x97\x01P\xea+\x11C\xc1\x15D\xd3T,\x16+i\xe9n\xb6l\xda\xc2\x1bc\x9e\xe6\x837\xc6\x12\x8dF\xc9\xc9\xc9a\xe4\xc8\x91\x0c\x1d:\x148\xb2\xf8\xde}\xf7=|\xf8\xe1\x07\x00\xb4\xed\xd0\x89\x9b\x86?@\x97\xd3\xce$\x1a\x89\xe2\xf7\xfbE\xc3_A\xe2\tXZ\xba\x87];w\xf1\xf6\xb8\xe7yk\xec\xb3\x84BAj\xd5\xaa\xc5#\x8f&lt;\xc25\xd7\\\x03\x94\xcfh\x8f \x12\x80#\x16\xdf\xd1\n\xcc"\xb0[n\xb9\x85_\x7f\xfd\x15\x80+\xaf\xbb\x81!\xc3\xee\xa1F\xad\x9a\x14\x17\xf9DA\xcbQ\xa2\xa9*\x16\x9b\x8d\xb44\x17+\x96\xfd\xce\xf3\x8f\xdd\xcf\xf4\xaf\xcc\xa5x\xe7\x9e{.\xcf&gt;\xfb,\xc7\x1cs\xcc!\xcd-\xee\xdb+|\xeb\xad\xb7\xb8\xeb\xee\xbb\xd9\xb9c\x07v\xbb\x9d~\xd7\xdf\xcau7\xdfAfv\x16\xc5E%\x80\x81,\x8b\xf8V\xa4x\xb2\xedp8py\x1c,\x9c7\x8fgG\xdd[6\xeds\xe6\x99g\xf2\xec\xb3\xcf\xd2\xa2E\x8b\xfd\xeap\xfe\xce\xbe\xf1}\xf3\xcd7\xb9\xfb\xee\xbb\xd9\xb9s\'\xe9\x19\x99\x0c\xbd}\x04\x97\xf7\xbf\x1e\x87\xc3II\xb1H\xdc\x8f\x16MU\xb1\xda\xedx\xbdN\x96.Z\xccs\x8f\x8e`\xd6t\xb3\xb0\xf6\xc2\x0b/\xe4\x99g\x9e\xa1A\x83\x06\xa26\xa0\x1c\x88\x04\xe0\x08\xc4\xb3\xd0h4\xca\xa8Q\xa3\x185j\x14\xba\xae\xd3\xa2U[\xee\x1c\xf9$]\xba\x9fn.\xf7\n\x87PD\xb6zT\xc5\x1b\n\xb7\xc7\x8d\xa2X\xf8\xe2\xa3w\x19=\xea^vl\xdbBVV\x16O&gt;\xf9$\x03\x06\x0c\x00\xfe~n1\x1e\xdf\x9d;wr\xeb\xad\xb7\xf2\xe1\x87\x1f\x02\xd0\xfe\xa4\x93\xb9\xeb\xa1\xa7i\x7f\xd2I\xf8J\xcc\xe5^"\xbeGW&lt;\xbe\xde\xb4t4-\xca\x07o\xbc\xcc\x98\'GR\\THzz:\x8f&gt;\xfah\xd9h\xc0\xc1\xe2\xbb\xef\xa8\xdd\xf6\xed\xdb\x196lX\xd9\xa8\xce\x19\xe7]\xc8m#\x1e\xa3I\xf3\xa6\x14\x17\x95\x8a\xb9\xe7J\x10\x8f\x8f\xc7\xe3E\x92\xe0\x93\x0f\xde\xe4\xb9G\xeec\xcf\xae\x9d\xe4\xe6\xe6\xf2\xd4SO\x95\x8d\x06\x88\xf8\x1c&gt;\x91\x00\x1c\x86}\x87\x0cW\xacX\xc1\xe0\xeb\xafg\xf6\x8f?\x02p\xddMw0\xe4\xb6\xfb\xf0\xa6\xa5QRT$\x96\xf3U\xb2\xf8\x96\xc3\x19Y\xe9l\xde\xb8\x89\xa7G\x0e\xe7\xabI\xe6\x83\xfe\xaa\xab\xae\xe2\xb9\xe7\x9e#;;{\xbf!\xc5}{\x8e\xdf|\xf3\rCo\xb8\x81\r\xeb\xd7c\xb7;\x18z\xfb\xbd\xf4\xbf\xe1v\xac6\x1b\xbe\x92\x121\x1c\\\xc9\xf4\xd8\x06;\x19\x99^V\xfd\xb1\x82\xc7F\xdc\xc6\x8f\xb1e\xa1\x97^z)/\xbc\xf0\x02\xd5\xabW\xff\xdb\xf8N\x992\x85\x1bn\xb8\x81\x8d\x1b7\x92\x99\x95\xcd\xed\x0f&lt;\xce%W\xf5GU5\x02~\xbf\x18f\xaed\xf19\xff\x8c\xcc46\xac[\xc7S\x0f\xdc\xc9\xd4\xc9\x93\x00\xe8\xd7\xaf\x1f\xa3G\x8f&amp;33SL\t\x1c&amp;\x91\x00\xfcG\xfb&gt;&lt;\xde\x7f\xff}n\xba\xe9&amp;\n\x0b\x0bi\xd0\xb8\t#\x1e\x7f\x81\xaeg\xf6\xc0W\xec/\xdb\xb1L\xa8\x1aTU\xc5\xe1tb\xb7\xdb\xf9\xe4\xbd7x\xe2\xfe;(.*\xa4i\xd3\xa6\xbc\xfe\xfa\xebt\xee\xdc\x19M3\xd7\xa2\xc7\x1f$\xf7\xdf\x7f?\x0f?\xfc0\x00-Z\xb7\xe5\xfe\'\xc7\xd0\xe1\xe4N\x14\x17\x8a^aU\xa3\xaa*n\xb7\x1bI\x96y{\xdcs&lt;\xff\xe8\xfd\x04\x83\x01\x1a4h\xc8k\xaf\xbdJ\xf7\xee\xdd\xf7;b[\xd7uF\x8c\x18\xc1\xa3\x8f&gt;\n@\x97\xd3zp\xefc\xcfsL\xf3\xa6\x14\x15\x94\x00\xa2\xd0\xac*QU\x15\xa7\xcb\x85\xd5j\xe5\xa3\xb7_\xe5\xc9\x07\xee\xa4\xd4WB\xf3\x16-x\xe3\xf5\xd7\xe9\xd8\xb1\xa3\x98\x128\x0c"\x01\xf8\x0f\xe2\x0f}UU\xb9\xe3\x8e;x\xee\xb9\xe7\x008\xff\x92+\xb8\xfb\x91\xd1\xe4\xe6U\xa3\xa8\xb0H\xf4\n\xab(#\xb6\xa3[fv:+\x96\xfd\xce\x03\xb7\x0f\xe5\x97\xf9\xb3\xb1\xd9l&lt;\xfd\xf4\xd3\xdct\xd3M\x00l\xdf\xbe\x9d\x81\x03\x07\x96m\xe8\xd3\xa7\xdf`\xee\x18\xf9\x04\x1eO\x1a%\xc5\xc5X,\n\xa9\xb8s_Ug&amp;\xe7\x90\x91\x95\xc6\xaf\xf3\x7f\xe2\xfe\xdb\x86\xb0b\xd9\x12\x14E\xe1\xd1G\x1f\xe5\xce;\xef\x04\xccC\x99\xae\xbbn \xd3\xa6ME\x92en\x1e\xfe \x83o\xb9+v\\\xb5\xe8\xf5WU\xe6h\x80AfV:\xbf/\xf9\x8d\x07n\x1f\xca\xe2\x9f\xe7a\xb7\xdb\x19=z4C\x87\x0e=\xa2U \xa9H$\x00\x87(&gt;\xc4\xb4u\xebV\xfa\xf5\xeb\xc7w\xdf}\x87\xcdf\xe3\x8e\x91O\xd2\xef\xfa\xff\x11\x0c\x06\x89\x84\xc2b.8\x01\xa8\xaa\x8a\xc7\xe3!\x1a\x8d\xf0\xcc\xc3\xf7\xf0\xf6\xb8\xe7\x01\x182t(\x97^r\t\x03\x06\x0c`\xfd\xfa\xf5x\xd3\xd2\xb8\xf7\xd1\xe7\xb9\xb4o?|%bT\'Q\xa8\xaaJZZ:&gt;_1\x8f\xdes+\x9f~\xf8\x16`\x0e\x19\xf7\xee\xdd\x9bA\x83\x06\xb1y\xf3fj\xd5\xa9\xc7\xc3\xcf\xbeB\xb7\x1e=(*\xf0\x89\x86#A\xa8\xaa\x8a\xc7\xeb%\x12\n\xf1\xd4Cw\xf1\xdekc\x00\x18&lt;x0/\xbc\xf0\x026\x9bM\x8c\xd0\x1d"\x91\x00\x1c\x82x\xe3\xff\xf3\xcf?s\xf9\xe5\x97\xb3n\xdd:\xea\xd4k\xc8cc\xc6\xd3\xa9kW\n\xf3\x8b\xcb\x8e\xe3\x15\x12\x83\xaei\xc8\x16\x85\xb44\x0f\x1f\xbf3\x9eg\x1f\x19\xc1\xae\x1d\xdb\xca\xfe\xbcU\xdb\xe3y\xe0\xa9\x97h\xd7\xa1\x03\x05{D-G\xa2\xd14\r\xab\xd5\x8a\xcb\xed\xe2\xadq\xcf3\xee\x99G\xc9\xdf\xb3\xab\xec\xcfO\xedq\x1e\xf7=\xf6&lt;u\x1b4\xa4\xa8\xb0H\xf4\xfa\x13L\xbc\x80\xd3\x9b\xe6\xe6\xa3\xb7\xc7\xf3\xf0]7\x13\x0c\xf89\xf5\xd4Sy\xff\xfd\xf7\xa9Q\xa3\x86\xa8\x0b8\x04\xa2\xc5\xfa\x17\xf1\x0f\xd1\xa4I\x938\xfd\xf4\xd3Y\xb7n\x1d\x1d\xbb\x9c\xc6\xbb_\xce\xa4\xc3\xc9]\xc9\x8f7\x0e\xa2\xf1O(\xb2\xa2\xa0k:\x05\xf9\x85\x0c\xb8\xb1?\xa7\x9f\xdb\xab\xac\xf7\xe7p:\xb9\xf9\xee\x87\xe8|j\x07vn\xdf\x8db\xb1\x88\xc6?\xc1(\x16\x0b\xd1h\x04_\x89\x8f\xa1\xb7\xfd\x8f\x0e\'w-\x8b\xa1\xc7\xebe\xe0\xcd\xc3i\xda\xb2!\xf9\xbb\xf7\x88F"\x01)\x8a\x82\xae\xeb\x14\x16\x14\xd1\xa7_\x7f\xde\xfat:u\x1b4b\xe6\xcc\x99t\xed\xda\x95\xdf~\xfb\r\x8b\xc5\x82\xaa\xaa\x95}\xa9U\x9ah\xb5\xfe\xc6\xbe\xcb\x84\xc6\x8c\x19\xc3%\x97\\\x82\xcf\xe7\xe3\xe2+\xae\xe5\x95\t_\x91\x93W\x9d\x92"\xd1sHT\xe6*\x0e\x99\xb4\xf4\x0c\xee\x18r+\x1f\xbc1\x16\x80\xfa\x8d\x9a\x10\n\x06\x19&gt;\xf4\x1a&gt;\x9b0\x99j5s\xc5C$\x01\xe9\xaa\x8a\xcdf\xc7j\xb32\xe4\xaa\xbe|\xf3\xc5Dl6;\xc74kI\xa9\xcf\xc7\xd0\xbe\xbd\xf8j\xd2\x97\xe4\xd5\xc8\x11\xf1MP\x92$\xa1(\x16\xf2\xf7\x14\xd1\xb6C\'\xde\xfdb\x06\'t:\x855k\xd6\xd0\xbd\xfb\xe9|\xfb\xed\xb7"\t\xf8\x17"\x018\x88}\x97\xf9=\xf0\xc0\x03e\xc5a7\xdey?\x8f\xbf4\x1e]\xd7\t\x87\x82b\xbe?A\xc5+\xc1\xad6\x1bw\xddx-o\x8f{\x0eY\x96\x199z\x1c_\xce\xfe\x85\x1e=/\xa1`\xcfnn\xbe\xf6R&amp;\xbd\xff\x1e\xd9\xb9\x19h\xe2!\x9204M\xc3\xeep\x10\x8dF\xb8\xf1\xea\x8b\x99\xfc\xf1{\xb8\xdcnF\xbf\xf6\x01\x9f\xcd\xfa\x99\x1e\xe7_LQA&gt;7\xf5\x13\xf1M\x06\x16\x8b\x85\x92\xa2"r\xf2\xaa\xf3\xdaGS8\xe7\xc2\xcb\xc8\xcf\xdf\xc3\xf9\xe7\x9f\xcf\xc4\x89\x13E\x12\xf0\x0fD\x02p\x80x\x15\xa9\xa2(\xdcz\xeb\xad&lt;\xf4\xd0C\xc8\xb2\xcc\x83O\x8fe\xd8}#)).\x8e\xed\xfe\'\nL\x12\x91\xae\x9bs\xc3\x92\x04\xb7\x0c\xb8\x9c\xcf&gt;|\x1b\xb7\xc7\xcb\x98\xb7\'qE\xff\x81h\x9a\xcc\xf3\xe3?\xa2\xef\xc0\x9b\x88F"\xdc1\xe4j\xde\x19\xf72Y\xb9\x19h\x9ax\x88Tu\x9a\xa6\xe1t\xb9(\xf5\x95p\xfd\xe5=\xf9\xe1\xdb\xaf\xc9\xadV\x83\xd7?\xfe\x86\x1e=/D\x8d\xea&lt;\xff\xe6\xc7\xb1\xf8\x86\xf7\x8f\xafh$\x12\x96b\xb1\x10\n\x06\x91$\x99\xd1\xaf}H\xdf\x817\x11\x0e\x87\xe9\xdd\xbb7o\xbc\xf1\x86H\x02\xfe\x86(\x02\xdc\xc7\xbe=\xff!C\x860n\xdc8\xec\x0e\x07\x8f\xbd8\x9e\x0b\xfb\\N\xfenQ\x0c\x96\xc8\xcc\xc6\xdf\x86\xaek\xfc\xaf\x7f\x1f~\xf8v\nY\xd9\xb9&lt;?\xfe#:\x9dz\xaaY\xec\x17[G\x9c\x96\xe1e\xf4\xc3\xf73\xf6is\x1f\x80{\x1ey\x96\xebn\xba\x85\x82\xfcbQ]\\E\x99\x8d\xbf\x93\xe2\x82\x02\xae\xbf\xf2\x02\x96.\xfa\x99:\xf5\x1b2\xf6\xdd\xcfhvlk\x8a\n\x0bQd\x05$\x89\xb4t/\xa3\x1f\x1e\xc1\xd8gF\x01"\xbe\xc9"\xbeOKZ\xba\x97\xd1\xa3F0\xf6i3\xbec\xc7\x8ee\xc8\x90!\xa20\xf0\x00"\x01\x88\xd9\xb7\xf1\x1f4h\x10\xaf\xbd\xf6\x1a.\xb7\x87\xd1\xaf}\xc0\x99\xe7\x9fO\xfen1\xdf\x9f\xc8t]\xc7b\xb5\x82\xa1s\xe35\x970\xfb\xfb\xa9\xe4V\xab\xce\xd8\xf7\xbe\xa0\xed\t\x1d(,(\xc4b\xb1\x02\xf1Q \x9d\xcc\xact^z\xeaq\x9ey\xf8n\x00\xee\x1e5\x9aA\xff\xbb\x95\xfc=E(\x8a\xf8,T%e\x8d\x7fa\x01\x03{\x9f\xc7\x1f\xbf\xfdJ\xc3c\x9a1\xee\xc3\xc9\xd4k\xd08\xb6\x7f\x83\x19\xb3\xfd\xe3\xfb\x18\xcf&lt;|\x0f \xe2\x9b,\xfe.\xbec\xc6\x8c\xe1\x86\x1bn\x10I\xc0&gt;D\x02\xc0\xfe\x8d\xff\xd0\xa1Cy\xf9\xe5\x97\xf1x\xd3x\xee\x8d\x8f8\xed\xac\xb3\xc8\xdf\xb3\xb7q\x10\x12\x8f\xae\xeb(\x16\x05E\x96\xb9\xf9\xda\xcb\x989\xed+\xf2\xaa\xd7\xe4\x95\x0f\'sl\x9b\xf6\x14\x15\xfe5\xbe\xf1\xcfDVN:\xe3F?\xcd\x93\x0f\xdc\x01\xc0\x88\'^\xe4\xda\xa17R\xb0\xbbH\xd4\x80T\x11zl\xce\xbf\xb4\xb4\x84A\xbd\xcfc\xe9\xa2\x9fi\xdc\xac%\xafN\xf8\x92\x9a\xb5\xeb\xe2+\xf1\xfd\xe5\x81\xffw\xf1\xbd\xff\x891\xf4\x1bz\x83\x88o\x82\xfb\xbb\xf8\xbe\xfa\xea\xab\x0c\x1c8P$\x011)\x9f\x00\xec[\xed\x7f\xfb\xed\xb7\xf3\xcc3\xcf\xe0r{x~\xfc\xc7t?\xfbl\xf2w\x17\x9a=G!!\x19\x86\x81$\x99K\xfb\x86]w\x05\xdf|1\x91\x9c\xdcj\xbc:\xe1+Z\xb5;\xfe\xa0\x8d\xff\xbe4M%;\'\x83\x97\x9ez\x82\xa7\x1f\xba\x0b\x80\xc7\xc6\xbcI\xefk\xfa\x99\x9f\r\x91\x18V*]\xd7\xb1Z\xad\xa8j\x94\x81\xbd\xcf\xe5\xd7\x9f\xe6\xd0\xf0\x98f\xbc&gt;\xf1kj\xd4\xaa\x8b\xdf\xe7\xfb\xc7\x86\xfc`\xf1}|\xcc\x9b\\&amp;\xe2\x9b\x14\xfe\x1a_\x89\x0f&gt;x\x9f\xcb/\xbf\\$\x01\x88"\xc0\xb2\xc6\x7f\xd4\xa8Q&lt;\xf3\xcc3\xd8\xed\x0e\x9e~\xe5=\xd1\xf8\'\x81xA\xa7\xc7\xeb\xe5\x81aC\xf8\xe6\x8b\x89\xa4gf\xf1\xd2\xbb\x9f\x9a\x8d\x7f\xc1\xbf?\xe0\xcdeF\xc5\x0c\xbd}87\r\x7f\x10\x80\xfbo\x1d\xcc7\x9f\x7fNVv\xa6(,\xaaD\x86a.\xe5\x94e\x89[\x07\xf4\xe1\xd7\x9f\xe6P\xa7~C^\xf9p25k\xd7\xa5\xf4_\x1a\x7f\xd8?\xbe7\xde\xf9 \x00#\x86\rf\xea\xe7_\x88\xf8&amp;\x81\xbf\xde\xbf\x06\xfd\xfa\xf5c\xea\xd4\xa9\xa20\x90\x14\x1f\x01\x88g\x80\xaf\xbd\xf6\x1a\x83\x06\rB\x91e\x1e\x7f\xe9-.\xbe\xaa\xaf\xc8\xfe\x93\x80\xa6\xa9deg\xf0\xd4\x83\xf7\xf1\xf2\xe8Gp\xb9\xdd\x8cy\xe7SN\xe9~&amp;\x85\xf9\x87\x9e\xdc\xc5\xe7\x1432\xd3y\xf8\xaea\xbc\xf5\xf2\xb3x\xbci\xbc\xfe\xf1\xd7\xb4;\xf1dJ\x8a\xc4p\xf1\xd1\x16O\xee\xbci^\xee\x18r\r_|\xf4.\xb9\xd5j\xf0\xc6\'Si\xda\xa2\xd5~s\xfe\x87\xf6\xb3\xcc\xf8&gt;4\xfcV\xde\x1e\xf7\x1c\x9e\xb4t3\xbe\x1d:\x89\xf8&amp;\xb8\x83\xc57==\x83\xef\xbf\xff\x8e\xf6\xed\xdb\xa7\xf4\xb6\xc1)\x9b\x00\xc4\x1b\xff\xaf\xbf\xfe\x9a\x9e=/@\xd3T\xee}\xf49\xae\xbb\xf9\x7f\xec\xd9%\x1a\xffD\xa7\xaa*\xd9\xb9\x19\xbc\xfb\xca8\x1e\xb8}\x08\xb2\xa2\xf0\xf4\xb8\xf7\xe8\xd5\xa7\x0f\xf9\xbb\xfe\xfb\xc8\x8ey\x9b\x18x\xbci\xdc&gt;\xb8/\x93\'\xbeG\xf5\x9a\xb5yw\xf2Lj\xd5\xadG\xc0\x1fH\xd9\x87He\x88\'w\x8f\x8f\xb8\x9bW\x9f\x7f\x1c\x8f7\x8dW\'|\xc5\t\'w\xa1\xa8\xe0\xbf\x17\xec\xee\x8d\xaf\x97\xdb\x06\xf5\xe5\xcbO\xde\xa7z\xad\xda\xbc7y\x165\xeb\xd4\x15\xf1Mp\xfb\xc6\xd7\xbc\x7f\xdf\xa7n\xddz\xcc\x993\x9b:u\xea\xc4\x96v\xa7\xde\x80xJ&amp;\x00\xf1\x8co\xd9\xb2et\xed\xda\x95\xc2\xc2B\x06\xde|\'w\x8fz\x82\x82|Q\x01\x9c\xe8TU%#3\x83\x1f\xbf\x9b\xc6\x90\xab. \x12\x0e\x97Ux\xef9\x8c\xc6?\xce\xd0udEA\xb1(\x0c\xees&gt;\xf3~\xf8\x8e\x96\xc7\xb5\xe3\x9d\xcf\xbf\xc7b\xb3\xa1\xa9*\x92\x94z\x0f\x91\xa3MU\xcdy\xdd\xf7\xdex\x95\xfbo\x1d\x8c\xc5b\xe1\xd9\xd7\'p\xceE\x17Sp\x04\x05\xbb\xf1B`\xc5"3\xa8\xf7\xf9\xcc\xff\xf1{\x8ems&lt;o\x7f\xf1\x1d\x16\xc5\x8a\xa6ib\tp\x02;X|O&lt;\xf1Df\xcc\x98\x81\xc3\xe1(;\xe6=\x95\xa4\xdc\xd3*~\xe2WAA\x01\x97^z\x19\x85\x85\x85\x9csao\xeex\xf0q\x8a\nK\xc4\x06?\tN\xd34\xdc\x1e7\xeb\xd6\xacb\xf8\r\xd7\x10\t\x87\xe9;\xf0&amp;\xae\xbb\xd9\\\xdeu$5\x1d\x92,\xa3i\x1a \xf1\xcc\xab\xef\xd1\xa8I\x0b\xfe\xf8m\x11w\xdf|\x1d\x0e\x87\x93\xd4K\xa5\x8f&gt;-\x96\xdc\xcd\x999\x93G\xef\xbe\x05\x80\xdb\x1fx\x82\xf3.\xbe\x98\x82#\x9c\xb6\x93c\xf1\x95\x90y\xe6\xd5\xf7hxL3~_\xf2\x0b\xf7\xdd&lt;\x10\xa7\xcbI\n\xf6\x95\x92\xca\x81\xf1m\xd4\xa4\x19\x0b\x16,`\xe0\xc0Ae\x7f\x96jR*\x01\x88/\r\x91$\x89\xab\xaf\xbe\x9aU\xabVr\\\xfb\x13y\xe4\x85\xd7\t\x06\x82\x18\x06)\x97\x01&amp;\x13\xc30\xb0X,\x84C!n\x1f\xdc\x97=\xbbv\xd2\xf5\x8cs\xb8\xe7\xd1\xd1\x94\x14\xfa\xca%\xb9\x93e\x99p(Dfv.\xcf\xbe\xfe\x01\x19\x99YL\xffr\x12/&gt;1\x92\xcc\xec\xb4\x94/*\xaaH\xba\xa6\xe3t9\xd9\xb2i\x03\xc3\x87^C(\x14\xe4\xf2\xfeC\x18\xf8\xbfaG\x9c\xdc\xc5\xc9\xb2L(\x14"+\'\x8f\xd1\xaf}@zF&amp;\xdf|1\x91\x97\x9ez\x84\xcc,\x11\xdfD\xb7o|\x9fy\xf5\x03\xd233\xf9\xe0\x83\xf7y\xf2\xa9\xa7R\xb2(0\xa5\x12\x80\xf8\xd0\xff\xfd\xf7\xdf\xcf\x94)S\xa8V\xbd&amp;O\xbf\xf2\x1ev\xbb\x9dh4\x9a\x92s@\xc9D\xd7u&lt;^7\x0f\xdf\xf5?\x96-^H\x83\xc6My|\xccx\xd4\xa8\x8an\x18\xe5\x96\xdc)\x8a\x82\xaf\xa4\x84\x96\xc7\x1d\xc7\xc8g^A\x96e\xc6&gt;3\x8ai\x93\'\x93\x99\x95\x91r\x0f\x91\xa3\xc20\x90\x153~w\xdd\xd0\x9f\xed[7sR\x97S\xb9\xf7\xd1g))*-\xd7\x91;3\xbe\xc5\xb4j\xdb\x96\x07\x9f\x1e\x8b$\xcb\x8cyj$\xdf}\xfd5\x19\x99b\xcb\xe0D\xb7_|\x9fz\x19Y\x96\xb9\xe7\x9e{\x981c\x06\x16\x8b%\xa5F\x02R\xa6\xc5\x8b/\xf7\x9b2e\n\xa3F\x8d\xc2j\xb5\xf2\xf0s\xaf\xd1\xa0qc\xfc\xa5~Q\xe0\x93\xe0TU%+;\x9d\xf7\xdfx\x85O?x\x13\x97\xdb\xc3\x13c\xdf"+\'\x8fp(T\xee\xc9\x9d\xc5b\xa1 \xbf\x88\x9e\x97^\xc2\xe0[\xefF\xd74\xee\x1fv=\x1b\xd7\xad\xc3\xe5r\xa2\xebz\xb9\xfe\xbeT\xa7i\x1a\xe9\x19^\x9ey\xf8^\x16\xcc\x99I\x8dZux\xfc\xa5\xb7\x00s#\xa0\xf2\x1e\xb9\xb3X\xac\x14\xe4\x17\xd1\xabw\x1f\xae\xbb\xf1\x0e4U\xe5\xfea\x83\xd9\xbai#\x0e\xa7\x88o\xa2\xdb\x1b\xdf\xde\x0c\xb8\xc9\x8co\xbf~\xfd\xd8\xb9s\'\xb2,\xa7L|S\xa2\x080&gt;\xec\xbfm\xdb6\x8e?\xfe\x04v\xec\xd8\xce\xcdw\x8d\xe4\x96{\xef\x17\xcb\xfd\x92\x80\xaek\xb8\xdcnV-_\xc6U\xe7u\xa3\xd4W\xc2\x83O\x8d\xe5\xea\xeb\x87\x1cV\xc5\xff\xa130\x0cp\xba\x9c\x0c\xec}\x1esfL\xa3S\xd7\xd3yc\xe2\xd7\x04\x83!1\x9dTN4U%=+\x83\xe9\x93?\xe3\xc6k.\xc6b\xb52\xee\xfd\xc9\x9crz\x0f\x8a\n+r\x8bn3\xbe\x0e\xa7\x9d\x01\x97\x9c\xc3\xfc\x1f\xbf\xe7\x94\xd3\xcf\xe6\xd5\t_\xe2/\xf5\x8b\x11\xc3\x84\x17\x8b\xaf\xc3\xce\x80K\xcd\xf8\x9e\x7f\xfe\xf9L\x9e&lt;9e6\tJ\x89O\xb0\x11\x1b\xfe\xbd\xee\xba\xeb\xd8\xb1c;\xa7t?\x8b\xa1\xb7\xdfKQ~\x89h\xfc\x13\x9cY\xd4\xa9\x10\t\x87\x19q\xcb`J}%\x9c\x7f\xc9\x95\\5p\x08\x05{\x8a+x#\'\xa9l\'\xc9\x87\x9f}\x85j5j1\xef\x87\xef\x18\xf7\xec\xe3ddz\xc5T@90t\x1d\xbb\xd3\xc9\xd6M\x9bxh\xf8M\x18\x86\xc1\xe0[\xef\xe6\xb4\xb3z\xc4vq\xac\xc8\x87\xb4\x19_C\x87Q\xcf\xbdBN^5~\xfc\xee\x1b\xde\x18\xf3\x8c\xa8\x07H\n\xb1\xf8\x1af|s\xf3\xaa\xf3\xe5\x97_\xf2\xc2\x0b/\xa4L=@\xd2\'\x00\xf1y\xff\x17^x\x81\xa9S\xa7R\xadzMF&gt;\xf32\xaa\xaa\x92\xf4C\x1f)@\xd74\xd23&lt;\xbc\xf8\xc4C,[\xbc\x90\xfa\x8d\x9ap\xdfc\xcf\x11\xf0\x07\x8eJ\x0fM\x96e\x82\x81 u\xea\xd5\xe3\xbe\xc7_@\x96e\xc6=\xfb\x18?\xcf\x9b\x8f7-\r=\x85\xe6\x13+\x82\x01\xd8l6F\xdd\xf5?vn\xdfJ\xc7S\xbas\xc3m\xf7RX\xe0;*\xc9\xbb,\xcb\x04\x02\x01\xea7j\xc4=\x8f&lt;\x87$I\xbc\xf4\xd4C,\xf9\xe5W&lt;^/\xba.\xe2\x9b\xc8\xf6\x8d\xef\xdd\x8f&lt;\x8b$I\xdcs\xcf\xbd,_\xbe\x1c\x8b\xc5\x92\xf4S\x01I\x9d\x00\xc4\xd7}\xaeX\xb1\x82{\xee\xb9\x17I\x92\xb8k\xd4h\xea6\xa8O(\x10\x14Cx\tN\xd34\xbc\x19i\xcc\x999\x93\xb7\xc7=\x8b\xc5j\xe5\xfe\'^$+;\x87H8r\xd4\x86\xe0-\x16\x0bE\x05E\x9c{\xe1E\xf4\xbef\x10\xe1P\x90\x87\xee\xbc\x81P0\x80\xac(\x88\xf5\x81\x87GUU2\xb2\xd2\xf8\xe8\xed\xd7\xf8\xee\xeb\xcf\xc9\xcc\xca\xe6\xc1\xa7\xc7\xa2\xc7v\x01&lt;Z,\x16\x0b\x85\x05\xc5\\pY\x1f.\xec\xd3\x8f\x80\xdf\xcfCw\xde\x88ZV8,\xe2\x9b\xc8\xf6\x8d\xefE\x97\xf7\xc3\xef/e\xd0\xa0Ah\x9aV\xb6\xe3d\xb2J\xda\x160\x1e8]\xd7\x192d\x08~\x7f)\x17\xf6\xb9\x86\xf3/\xedMa\x81\xd8\xda3\xd1\xc5\x97\xfc\x05J\xfd&lt;r\xcf-D\xa3Q\xfa\x0e\xbc\x89n=\xce\xa4\xa8\x12\xb6n\x95\x15\x85\x92\x92\x00\xc3F&lt;J\xc3c\x9a\xb1|\xe9b^y\xeeq\xd23&lt;)UU\\^t\xdd\\\xf2\xb7~\xcdZ\x9e}\xe4&gt;\x00\x86\x8dx\x8cc\x9a59j\xa3;\xfb\x92e\x19\x7fi\x90;G&gt;N\x9d\xfa\rY\xf2\xcbO\xbc9\xf6Y\xd23\xbc\xa8\xaa\x88o\xa2\x8b\xc7\xf7\x8e\x07\x1f\xa7n\xfd\x86\xcc\x9d;\x97\xe7\x9f\x7f\x1eEQ\x92\xfa\xfeM\xda\x04 \xde\xfb\x7f\xf9\xe5\x97\xf9\xe1\x87\x1f\xa8U\xa7\x1e\xb7=\xf0\x18\x01\xbf\xe8\xf9\'\x03M\xd3HKw\xf3\xeasO\xb0\xea\x8f\xa54n\xd6\x92\x1b\xef\xbc\x9f\x92\xa2\xcaY\xd1!</t>
        </is>
      </c>
    </row>
    <row r="458">
      <c r="A458" s="1" t="n">
        <v>456</v>
      </c>
      <c r="B458" t="inlineStr">
        <is>
          <t>shape_morph</t>
        </is>
      </c>
      <c r="C458" t="inlineStr">
        <is>
          <t>What is the missing shape of the part denoted with a question mark?</t>
        </is>
      </c>
      <c r="D458" t="inlineStr">
        <is>
          <t>['circle', 'square', 'pentagon', 'triangle']</t>
        </is>
      </c>
      <c r="E458" t="inlineStr">
        <is>
          <t>square</t>
        </is>
      </c>
      <c r="F458" t="inlineStr">
        <is>
          <t>There are eight shapes arranged in a grid. The top left shape is a triangle and the bottom right shape is a ?. The other shapes do not appear to regular shapes.</t>
        </is>
      </c>
      <c r="G458" t="inlineStr">
        <is>
          <t>We observe that from the top left to bottom right direction, the shapes look like a triangle but gradually change shape into something like a square. Hence, the pattern is the the shapes are morphing between triangle and square shapes.</t>
        </is>
      </c>
      <c r="H458" t="inlineStr">
        <is>
          <t>Based on the pattern that the shapes are morphing between triangle and square shapes, the missing shape at the bottom right should be a square.</t>
        </is>
      </c>
      <c r="I458" t="inlineStr">
        <is>
          <t>b'\x89PNG\r\n\x1a\n\x00\x00\x00\rIHDR\x00\x00\x02\x00\x00\x00\x02\x00\x08\x02\x00\x00\x00{\x1aC\xad\x00\x00\x9a\x05IDATx\x9c\xec\xddg\\T\xc7\xda\x00\xf09e{\x83\x05\xa4)X\x00{A\xaa\x1ac\x17K\xec\x8a5E\x04DcOb\x8d\xbd\xc6\x18{\x94\xaa&amp;\xb1\xa2\xc6\xd8\xc5\xde\x0b`\xef\x1dPz\xd9\xdeOy?L\xe4\xf5&amp;\xc6\x88\x01va\xe7\xff!\xbf{\x13\xc4\xb3g\xcf\x99g\xe6\x99gf0\x96e\x01\x82 \x08b\x7fpk_\x00\x82 \x08b\x1d(\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x10\x04\xb1S(\x00 \x08\x82\xd8)\x14\x00\x10\x04A\xec\x14\n\x00\x08\x82 v\n\x05\x00\x04A\x10;\x85\x02\x00\x82 \x88\x9dB\x01\x00A\x10\xc4N\xa1\x00\x80 \x08b\xa7P\x00(3\x96e\xad}\t\x08\x82 \xe5\x00\x05\x802\xc30\x8ceY\x86a\xac}!\x08\x82 \xff\t\n\x00e\xc30LNN\x0e\x86a8\x8eS\x14\x85F\x03\x08R&amp;\xec\x1b\xd6\xbe\x10\x04\x00\x14\x00\xca\x84a\x18\x0c\xc3\x86\x0f\x1f\xde\xb7o\xdfg\xcf\x9e\x91$\x89a\x18M\xd3\xd6\xbe.{\xc40\x0cEQ4M3\x0c\x83Z\x13\x9b\x05\xc7\xca4MS\x14EQ\x14|\x83 \xf4\xad\xd9\x02\x14\x00\xca\x06&gt;\xbb\xfb\xf7\xef\x0f\n\nZ\xb8p\xa1\xd9l&amp;\x08\x02&gt;\xe2\xd6\xbe4\xfb\x82\xe38I\x92\x04A\xe08\x0e\xc30\x8c\x07\xa8Y\xb1\xa2\xbf4\xf7,\xcb\xc2\xb12A\x10$I\x92$\x89\xe3\xb8Z\xad\xce\xc9\xc9\x01\x00`\x18\x86\xf2\xa8V\x87\xe2p\x190\x0c\x83\xe3x\xc7\x8e\x1d\xcf\x9f?\x0f[\xfc&amp;M\x9a,_\xbe\xbc{\xf7\xee\xf0\xbf\x02\x00p\x1c\xc5\xd4\x8a\x05\xbf\x85-[\xb6\xbcx\xf1\xa2m\xdb\xb6\xf5\xeb\xd7\xafY\xb3\xe6\xdb\xb7\x9da\x98\xb7{\x9a\x18\x86Y\xf1j\xab7\xd8\xe2\xc36\x84 \x88\xbf\xdfj\x85B\xa1\xd7\xe9.]\xb9\xf2\xe0\xfe}\x85B\x91\x9e\x9e\xfe\xf4\xd93\xbdN\x17\x1e\x1e\xbef\xcd\x1a\x89DBQ\x14I\x92\xd6\xb8v\x04\x00\x14\x00\xca\xa44\x00\x9c9s\x86$I\x99D\\\xacP\x02\x00\x06\x0e\x1a4e\xf2\xe4V\xadZ\x01\x00(\x8az\xe7\x9b\x80\x94\x17\xf8-\x84\x86\x86^\xbbv\r\x00 \x95J\xdd\xdd\xdd\xfd\xfc\xfc\x02\x02\x02\x82CB\x02\x03\x02\\\\\\\xfe\xf2\xf30\x1e\xc0\xb1\x82\x95\xae\xda.\x946\xf7\xf7\xef\xddS*\x95\x97.]z\xf1\xe2\x85F\xab%Y\xd6HQ\x00\x00g\xa9T\xad\xd7\x0b\x85B\xa5Z\x1d\x14\x14t\xec\xd81\xb9\\\x0e\xbfPk_\xbb\x9dB\x01\xa0\x0c\xde\x0e\x00\x04A\xd04\xed\xe5\xee^\xa2Rq\t\xa2D\xa3\x19&lt;x\xf0\x82\x05\x0b\xfc\xfc\xfc\x00\x004M\x13\x04a\xed\xeb\xad\x86`V\xc1`04n\xdc8/7W"\x12\xd5pt\xd4\xea\xf5:\x9dN\xa3\xd3\x99)J\xee\xe2\xd2\xbcY\xb3\xe0\xe0\xe0\xc0\xc0\xc0\x86\r\x1bz{{\x0b\x85\xc2\xd2?\x0e\xbb\xab(\x12\xfcw\xb0\xddP\xab\xd5\xa7N\x9d\xbas\xe7N\x89Bq\xf9o\xcd\xbd\x97\xabk\x81B\xd1\xac~\xfdWyyyEE\x9f\xf7\xe9}\xfa\xea\xb5\x12\x95Jo0p8\x1c\x8b\xc5\xe2\xe3\xe3\xb3p\xe1\xc2!C\x86\xd04\r#\xb4\xb5?\x96\xddA\x01\xa0\x0c\xde\x0e\x00\x00\x80\x11\xbd&gt;#p\xe2\xd1\xcb\x979\x85\x85y\x85\x85\x16\x8a\x92H$S\xa7N\x9d:u*\x97\xcb-\xfdyk_u\xb5\x02o\xe9\xc3\x87\x0f\x9b4m\xca\xd04\x00\x80\xcf\xe3Q4\xcd\xe7re\x12\t\x86a\x85\xc5\xc5\x02\x1eW\xa9\xd5\x01\x00p\x82psum\xd0\xb0aHpp\xc7\x8e\x1d\x83\x82\x82d2\xd9\xdb\xbf\xc7\x9a\x9f\xa4\x8a\x83]\x9c\x91#Gn\xd9\xb2\x05\xfe\x9b\xb7\x9b\xfb\xdc\xc2\xc2\xc8A\x03\x13w\xef\x01\x00\xcc\x8a\x19\xbd\xfbX\x8a\xa7\xab\xeb\xa8\x01\xfd\xb5:]\xdd:uN\\\xb8\xf0\xfb\xf1\x13&amp;\xb3Y\xa1R\xe9\x8c\xc6\x98\x98\x98\x8d\x1b7\x02\xd4m\xb2\x06\x14\x00\xca\xe0/\x01`\xe1\x84\xf1\xdfO\x18\x7f\xe3\xd6\xed)?,\x7f\x96\x95\xa93\x18I\x1c/R*\x1b7n\xfc\xc3\xf2\xe5=\xbaw\xc70\x0ce\x84\xca\x17l#\x8e\xa5\xa4|9lX\xeb\x80\x00\xcab\xfe.""\'??\xed\xde\xfd\xdb\x8f\x1f?x\xfe\\\xee\xe0\xa07\x18p\x1c\'p\x9ca\x18\x83\xd1\xa8\xd6h4\x06\x03\x00\xc0\xc5\xc5\xa5a\xc3\x86\x03\x07\x0e\x1c;v\x0cA\x90(\xfb\xfc\xd1\xe0\x8b\xf0\xf4\xe9\xd3&amp;M\x9a\xc0\xff\xdd\xb7S\xa7\xe4\xa3GAis\xef\xe6:\xaa_\x7f\xbd\xc9\xe8\xe5\xee\xeeS\xab\x96\xbb\x8b\x8bP \xa0(\x8a\xe4\xf3\x81\xc5\x02\xc4\xe2\r\x89I\x1bv\xecx\xf4\xf2%\x1c\x93\x85\x87\x87\xc7\xc6\xc6:::\xa2/\xa5\x92\xa1\x00P\x06\x7f\t\x00\xd3##\x97N\x9bj\xd2j\t\x0eg\xd7\x91#?o\xdb~\xef\xd9SG\xa9,\xb7\xa0\x80e\xd9\xc0\x90\x90U+W\x86\x86\x86\x02\xd4\xb5)?\xf0NFEGo\xd9\xbc\xb9k\x9b6\x93\xbf\xf8\xbcs\x9b6\x00\x00@\x10\x80\xa2\x8aKJ\xb2\x0b\nN^\xbd\xfa\xf0\xf9\xf3\xe7\xaf^\xe5\x15\x16\x19L&amp;\xb5N\xa7\xd6he\x12\xb1\x80\xc7}\x9d_\x00\x00\x08\x0e\x0e^\xbf~}PP\x10\x9a\xb7\xff8\xb0[\xb3\xe2\xa7\x9ffL\x9bF\x10\x04\x8f\xcb\x8d\x9d;Wg0xy\xfcos\xcf\xe3\x01\x866\x9b\xcc\x16\x8ab\x18\x06`\x18\x9c\x8ca\x19F*\x91&lt;z\xf92f\xde\xfc\xa7\x99\x99\x0c\xcb\xe6\x17\x15\xf9\xfb\xfb\xc7\xc7\xc7\x07\x06\x06\xd2\x0c\x83\xa3\xa9\xfb\xca\x82\x02@\x19\xfc%\x00\xcc\x8c\x8e^\xfc\xdd\xb7\x8a\xa2"\x0eI\x8a\xc5\xe2\xfc\xc2\xa2\r;w$\xee\xd9\x8b\x01\xe0\xea\xecL` \xfd\xfe\xc3\xf1\x13\xc6\xcf\x9e=\xdb\xd9\xd9\x19\xd6K\xa00\xf0\x1f1\x0c\x83\x01\x10\x1c\x1a\xaa\xc8\xcbsvt\xe8\xd5\xbe\xc3\xf411*\xa5\x92\xc0q\x0c\xc38$\xc9%I\x82\xcf\x07\x0cc\xd0\xebr\x0b\x8a\x9efe\xde~\xfc\xe4|z:I\x10g\xae\xa5\xaauZ\x0c\xc7Y\x86\xa9\xe5\xe99p\xf0\xe0\x95?\xfd\x04Px.;\xd8h4n\xd2\xe4\xf9\xd3\xa7,\xcb~\xf3\xd5WKg\xcd\x04F#\x00\xc0l2\xfd\xa5\xb9\x7fgkN\xd3\xb4P  \xb9\xdc\t\x0b\x17m\xfa\xfd\xf7\x1a\xceN/_\xbd\xf6ps\x9b6c\xc6\x84\t\x13\x00\xfaR*\x0b\xea\xfb\xfcWpFQ\xadV\xcb\xc4\xa2\xf9\x13\'\xee[\xb7nD\xef\xde\x04\x8e\xabt\xfa\xf0\xee\xdd~^\xbb64$dcl,\x00\x00&gt;\xd0\xa8\xf6\xf9\xa3\xc1\xf9[\xadN\x97\x99\x91\xc1\xe5pj\xb9\xbbw\x0c\r\xc1\x18\x86C\x10pE\x00M\xd3z\x93I\xa5P\xa8U*\x86ak\xb9\xbb\x85\xb5m;5f\xf4\xa1\xd8\x8d\xbf,]r0v\xc3\xd7\xc3\x86\x8a\xf9\xfc\x19\xd1Q|\x92\\\xb5re\xe7\xce\x9dSSS\xe1|&gt;\xfa^&gt;\x10\x9c\xb0MNN~\xf2\xe8Q\r\'\'\x92$\xc3\xbb\x85\x995\x1a\x85R\xa9\xd6h\xcc\x16\x0b\x00\x00\xc7q\x1c\xc3\xe0\x97\xf2\xce\xbe&lt;A\x10z\xa3Q\xa7\xd5.\xfdf\xca\x8a\xef\xbe+Q*\'\x7f\xf1\x85\xc9h\x9c8qbTd\xa4F\xa3\x81_J\xa5\x7f8\xbb\x83\x02@\xf9 \x08\x82\xa2i\xb5R\x19\xd0\xa8\xe1\xb2iS7\xcc\x9d\xdb\xc6\xdf\xff\xf4\xb5k\xfd\xbb\x85\x914=g\xfa\xf4\xd0V\xad\xae]\xbb\x06\x9b0\xb4\x87\xc4\xc7\x817\xed\xf5\xebl\x9ceI\x92L\xbf{O$\x1004\r\xde41\xb0\xbfI\x12\x04\x8c\xb5&amp;\xb3Y\xad\xd1\xa8JJ\xd4\x1a\r\x87$?\r\x0c\\=}\xfa\xed\x03\xfbq\x0c{\x9a\x99\xe9\xe5\xe1~\xea\xd4\xa9\x90\xd0\xd0\xb8\xb88\xb8\xa0\x8c\xa2(k~\xbc*\x02\xde\xa8\xb9s\xe7\x12\x04Q\xcb\xcdm\xfc\xb0a\r\xea\xd5\xb3\x98L\\\x0e\xe7\x9f\x9a\xfbw"p\x9ceY\x1c\x80/\xfa\xf4\xbe\xb9o\x9f\xce\xa0/V*}\xbc\xbd\x13\x93\x92:w\xee\xfc\xec\xd93\x18\x03\xd0\x9bR\xa1P\x00(7\x18\x86\x11\x04\xa17\x18T\xc5\xc5-\x1b\xd6O\\8\x7f\xd3\xa2\x85\xcf2\xb3\x1c\x1d\x1c\xbck\xd6\xc4t\xba\xd0\xd0\xd0O&gt;\xf9\xe4\xea\xd5\xabh\x0f\x89\x8f\x03\xdb\x82\xdb\xb7o)U\xaaz\xb5j\xd5\xadU\xcb\xdb\xc3\xc3l\xb1\xe0\xff\xd0\xe8`\x18F\xe08\xec\x87\xb2,\xab\xd6h\xf4Fc-W\xd7)#G\x8e\x192\x04\x07\x18\xc00g\x07\x87\x98\x98\x98\xcfz\xf6|\xfc\xf81I\x92p\xd1@\xe5~\xac\xaa\x04v\xff/\\\xb8\xf0\xe4\xc9\x13!\x9f\x7f\xe3\xc1\x83\x1e\xed&gt;\xe5\xf1x\xf4G5\xd3\xf0-\xa0\x19\xa6\xb6\xbb\xfb\xf8\xcf\xbf\x187lXfv\xb6\x8f\xb7Wjjj\x0b\x7f\xff\xf3\x17.\xa0AsEC\x01\xa0\x9c\xc1-\ntz\x83No\xf8\xacC\x87\xd3\xbf\xfd\xda\xda\xbf\x85\x8fW\xadW\x05\x05\x1e5j\xd0\x1au\xebV\xad&amp;N\x9cXTTD\x10\x04\xcb\xb2(\x0c|8\x18\x00\x9e&lt;}\xea \x95\x94\xa8Tn\xce\xceR\x91\xe8\xc3o \x81\xe3\x04\x8e\x1b\x0c\x06\x01\x87\xb3a\xfe\xdcU3g|\x1a\x10\x80\x01P\xcb\xdd\xfd\xf0\x91#\xed\xdb\xb5[\xb5z5\x8e\xe38\x8e\xa3/\xe5\xfd\xe2\xe2\xe3\xf9\\\xae\xce`\xe8\x18\x1c\xdc\xa6eK\x9dVK|\xecD:\x1c\xb4i\xb4\xdaFu\xeb,\x9d&lt;i\xc9\xe4I%J\x15\x00\xc0\xc7\xd3\xb3[\x97.QQQ4M\xa3o\xa4\xe2\xa0\x00P!`;\xa2V\xaby8\xfe\xd3\xcc\x99K&amp;O\xee\x10\x12\\\xc7\xd3\xb3D\xad\t\xef\xde\xfd\xe7\xb5k[\x85\x86n\xd8\xb8\x11\x00\x80\xc6\xb9\x1f\x0e\xc7q\x8b\xc5r\xf6\xcc\x19\x89P\xd4\xa5u\xeb)#\xbf2Z,e-\x17\xc1q\x9cf\x18\x95R\xd57,l\xf3\xe2E\xfd:w\xce+,l\x17\x14\x14\xd8\xa0\xfe\x94\xc9\x93\x87\x0c\x19\xf2\xf4\xe9S\xf4\xa5\xbc\x13L`\x16\x16\x16\x1e:x\xd0d\xb1\xd0\x0c3\xa2Oo\x92\xc3\xf9\xef\xb7\x89 \x08\x9d^\x8f\xe3\xf8\xb7Q\x91\x0b\xc7\x8f\xef\xdd\xa1}\xa7\xd0P.\x97\x9b\x98\x98\xd8\xbe}{\xa5BA\x10\x04J\xd0U\x04\x14\x00*\x10lG\xd4\n\x85\xbb\xb3\xf3\xd65kV\xcf\x9c\xf1I\xcb\x96\xa7\xaf]\x1b\xd0\xad\x1be0,\x9a3\xa7U\xabV\xa7O\x9f\x86\x0b\x05P\x8b\xf3~\x7f\xce\x00k\xb5\xd7\xaf_W\xebt\xeb\xb6n\xcd/*\xe2\xf3\xf9L\xd9o\x1a\x86a$A\xa8JJj\xba\xban\x9c;g\xe7\xaa\x95\xc3z\xf6&lt;\x93\x96\xe6\xea\xec\xbck\xd7\xae\xd0\xd0\xd0\xa3G\x8f\x96~)\x15\xf1Y\xaa(X\xd5\xf3\xdb\xd6\xad&amp;\x83\x81C\x92\xce\x0e\x0e]Z\xb52\xea\xf5\xff\x94\x82+\x13\x1c\xc7\x19\x86\xd1(Uc\x87\x0e\xd9\xbfa\xc3\xeb\xbc&lt;\x95FC\x90\xe4\xa5K\x97:t\xec\x98\x96\x9eN\x92$zG\xca\x1d\n\x00\x15\x0bN\x0c\xd04\xad,(h\xd9\xb0a\xe2\x82\xf9\x9b\x16-z\xfc\xf2eh\x8b\x16$\x87\x93\x9e\x9a\xda\xa9S\xa7Q\xa3Fe\xe7\xe4\xa0\x16\xe7\xfd\xe0\x9b\x9f\x91\x91AST\x1b\x7f\xffA\xdd\xbb5\xf1\xf11\x1b\x8d\x1f\xdd\xfa\x90\x04a\xb2X\xb4z}\xff\xae]\xfbw\xed\xd2\xafS\xe7\xfc\xa2\xa2\xda\x9e\x9e\x06\x9d\xaeG\x8f\x1e\xe1\xe1\xe1\x85EE\xb0\xe3\x89\x1a\x1d\xf0V\xf7\x7f\xfe\xfc\xf92\x89\xa4U\xf3\xe6Q\x83\x069\xc9\xe5f\x8a*\xaf\x9a}\xb8\x1b\x84Z\xab\xd5\xe9t\xbf\xfc\xb0,z\xd0 \x07\x91\xd8\xdb\xd3\xe3\xd6\xad[\x03\xfb\xf5\xfd\xe6\xdbo\xd1;R\xeeP\x00\xa8\x0c\xb0D]\xa7\xd7\xeb\x0c\x86\xcf:\xb4?\xbbmk\xeb\x16\xcduz\xbd\xdc\xd1\xc1\xd5\xd9y\xd3\xa6M\x01-[\xae]\xbb\xd6b6\xc3Y/\xf4\x88\xff\x1d\x9c\tLOO\x07,\xabP\xabo=x\xe8\xe4\xe8H\xd1\xf4\x7fi}p\x0c#p\\\xa5P\x88\x05\x82\xcdK\x16oY\xbaD\xa1V\xb9\xb9\xb8pHr\xdf\xde\xbd\x9f\xb4n\x9d\x98\x94\x84f\xec!8\xfd\xfb\xcb/\xbf\xa8U\xaab\xb5\xfaq\xc6\xcbQ\x03\xfa[\xcc\xe6r\xe9\xfe\xbf\r\xce\x8dQ\x14\x15\xb7l\xe9\x9a\x993\x94*\xf5\xac\xd1\xd1$\xc0V\xfe\xf4STT\x14\xaa\x10-_(\x00T\x9e\xd2\x89\x01&gt;\x8e\xc7\x0c\x1e|x\xe3\xc6\xa0&amp;Mh\x9a\xf6\xa8QCYR2q\xe2\xc4\x86\x8d\x1am\x8c\x8deY\x16\xe5\xa0\xff\xc9\xf3\xe7\xcf\x85|\xbe\xdc\xc1\xa1U\x8b\xe6\x02.\xb7\\\xeaCH\x92\xa4(\xcah4~\xd9\xaf\xdf\xa9\xcd\x9b\x9b\xd7\xf7s\x90H\xbe\x1f3&amp;+##*2r\xd4\xa8Qy\xb9\xb9\xf0\xd4\x07{\xfeF`\x8af\xf7\xee\xddb\xa1\x10\x07\xa0w\x87\x8e\xde^^&amp;\x93\xa9"\x96\xecb\x18\x06XVSR\xd2\xbbc\x87\x9b\x7f\xec\xa3(\xfa\xc5\xeb\xd7&gt;\xde\xde\x89\x89\x89\xa8B\xb4|\xa1\x00P\xd9\xe0\x8a\x01\x93\xd9\x1c\xdc\xac\xe9\xbeu\xeb\x16N\x98\xe0\xe6\xe4,\x12\n%b\xb1\xb2\xb0p\xd1\x9c\xd9hb\xe0\x9d`)\xc8\xd9s\xe7\x8a\x14\n\x96e\xbb}\xf2\t\x05\x00(\xbf\xe4\x03\x86a*\x95*\xa0Q\xa3\xa4\x85\x0b\xaf\xec\xd8~\xe9\xc6\r\xa3\xc5\xe2\xe5\xe1\xb1i\xd3\xa6FM\x9b\xfe\xfe\xfb\xefp\xc5\x9f}NE\xc2R\x9c\x1b7n\xa4\xa6\xa6Z(\x8a\xc7\xe5~\xd5\xaf/xk\x05F\xb9\xfbs\t1\x00\xb5\\]\xa7F\x8e\xfa~\xf4\xe8\x97\xaf_\xfbz{\xa3\n\xd1\xf2\x85\x02\x80\x15\xc0\xe6F\xab\xd7\x9b\xcd\xe6\x98\x11\xc3\x93W\xaf\xfcz\xe8P\x12\xc7\xfbt\xee\x84\xe1\xc4u41\xf070\x01]\\\\\xfc\xe4\xd1#\xffF\rO]\xbd\xa23\x1a9$Y\xbe\xd1\x91$\x08\xb5V\xcb\xe3r\xeb\xd6\xaa\xb5f\xe6\x8c\xcf\xda\xb7\xd3\xeat\x02&gt;\xbf}\x8b\x16\x03\x06\x0c\x88\x88\x88(,,\xb4\xcf\xa9Hx\x82\xe3\xb4\xe9\xd3\xa5"QM7\xd7\xc0&amp;MZ6j\xa4\xd7\xeb?\xba\xfa\xf3\xc3\xff^\xbd^/\x16\n\xbf\x1b\x15\xf1\xc3\x94\xc9\xc5J%@\x15\xa2\xe5\n\x05\x00\xab\x81\xcb&amp;U%%\xde\xee\xees\xc6\xc6&lt;N9\xe6\xdf\xb0\xa1\xc1ht\xfc\xdf\x89\x01\xb8\xf1\x96\x9d/P\x82\x9f\xfd\xd9\xb3g:\x9d\x8eCr\x9a\xf9\xf9\x054j\xf4_f\x80\xff\tl\xd14:\x9d\x8f\x97\xd7\xbe\x9f\x7f\x9e\xf4\xc5\xe73\xa3"\x8bU*\x07\xa9t\xf3\xe6\xcd\xfe\xfe\xfe\xdb\xb6o\xb7\xb7\xa8\x0c\xdb\xd9\xb4\xf4\xf4\xd3\xa7N\x01\x0cs\x94Hg\x8d\x8e\x86\x99\xfaJ\xf8\xdb\t\x820\x99\xcd$A|\x13\x19\xb9p\xc2_+D\x15\n\x05A\x10\x16\x8b\xa5\x12\xae\xa4ZB\x01\xc0\xcaH\x820\x98L\x06\xa3I*\x10D\x87\x87\xbf=1\xa0R(&amp;N\x9c\x18\xda\xaa\xd5\xfe\x03\x07\xe0\xfc\x81\xddV\xa4\xc0O\xfd\xf8\xc9\x13\x02\xc7kyx\xf87j$\x11\ni\x86\xa9\xa0=#\t\x1c7\x9a\xcdF\xbd~\xf6\xf8qS""$B\xa1N\xaf\xf7\xf2\xf0\xc8\xce\xce\x9e8vl\xff\xfe\xfdKJJ\xecm\x07\xa1\xf8\xb88\x0c\x00\xb3\xc5b4\x9b[\xfb\xfb\x9bL&amp;\xac\xb2vQ\xc51\x8ca\x18\x8dJ5v\xc8\xffW\x88\x92$y\xe9\xd2\xa5N\x9d:\xdd\xbcy\x93\xc3\xe1\xd8\xf9\x0c\xcdGC\x01\xc0\xfap\x0c\x83K\x9c\xcc\xff;1 \xe0\xf3]\xe4\xf2\xec\x17/\xfa\xf6\xe93`\xc0\x80\xb4\xb4\xb4\xd2\x8a\x14\xfb|\xd6\xd3\xd2\xd2\xdc\x9c\x9c0\xc0\ny|\xb1DR\xa1}p\xb8\x87\xa5\xaaD\x81\x01\x90\xbcje\xec\xdc\xb9\x06\xa3q\xf8g\x9f\xb5\xf2\xf7\xdf\xb7o_hhh\xf2\xae]p\x07\xa1\xea=\x14\x80\xc97\x8dFs\xe8\xd0!.\x97k4\x99\xc6\x0f\x1f&amp;\x91\xc9,\x14U\x99\xfb5\xff\xbdBT*\x12\xd5\xa9Y\xf3\xe6\xcd\x9b\x1d;v\xdc\xbcy3\x9c\xa1\xb1\x9fx\\^P\x00\xb0\x15\x7f\x9d\x18X\xb3*j\xd0@\x0eI\xb28&gt;\xa4G\x8f\x93\xc7\x8e\xf5\xed\xdd{\xdc\xf8\xf1\xb0\x0c\xce\xaeR\x10\x00\x00\x82 \x8cF\xe3\xe9S\xa7^\xe6\xe4\\\xbey3\xa0qc\x16\x80J\x88\x81$I\xd2\x14\xc5\xb2l\xc4\x80\xfe\xa9\xc9\xbb\xfav\xeet\xf8\xdc9g\xb9&lt;\xf7\xf5\xeb\xc1C\x86\x8c\x8a\x8c\xcc\xc8\xc8\xa8\xde\x05B\xb0\xfa\xf3\xf0\xe1\xc3\xf9\xf9\xf9\\\x0e\xc7\xdd\xc5%\xacM\x1bS\xc5g\xff\xdf\xe9\x7f*DgL/,)\xf1\xf5\xf6\xa6L\xa6\x88\x88\x88\xee\xdd\xbb\x97\x94\x94\xa0\x1d\xfd\xca\n\x05\x00\xdb\xf2\xff\x13\x03nnK&amp;MJI\x88\x8f\x1e80\xf5\xce\x9d\x90\x16-j88\x1c\xd8\x9d\xdc\xa8Q\xa3u\xeb\xd6\xd1\xf641\x00\xcf\x01V\xab\xd5\xb9\xb9\xb9\x01\x8d\x1b\xd5tsw\x94I+\xed\xc1\x85\xf3\x9f*\x8d\xc6\xc3\xc5\xa5w\xc7\x8e?~\xfb\xad\x87\xb3\xb3\xd6`\xe8\x10\x12|\xf2\xd0\xa1\x86\x8d\x1b_\xb8p\x01v?\xab_H\x86\xdd\x7f\xa3\xd1\xf8\xc3\xf2\xe5\xaer\xb9\xc1h\xec\x14\x12\xe2]\xabV\x05U\x7f~\x08X!\xaa..\x1e\xdc\xa3\xfb\x1f\xeb\xd6\x128.\x95H8\x1c\xce\xb1c\xc7\xbaw\xef\xfe\xf4\xe9S\xb8\xa3_u\x8d\xc7\xe5\x0e\x05\x00[\x04\'\x06\xf4\x06C\x83\xda\xb5\x17|3e\xeb\xca\x9f\x08\x1c\x97I$\xb5k\xd6z\xfd\xfa\xf5\x84\t\x13BBC\xedgb\x00\x06\xb9\xc7\x8f\x1f\xd3\x14\xe5\xe9\xea\xea\xe7\xed\xdd\xcc\xcf\xcfT\x013\xc0\xff\x04n\x1da2\x99\xcc&amp;\xd37\x91\xa36/Y&lt;\xe1\xf3\x11\xed\x02\x02_\x15\x146\xa8U+\xacK\x97\xa8\xa8(\xb8\x88\xaf\x9a}\x17p\xfa\xf7\x8f}\xfbn\xdd\xbc\xc9\x17\xf0;\xb7j\x15\x1d&gt;\x88*\xbf\xa5\xbf\x1f\x07n\xf2j2\x99\xdb\x07\x07\x1fM\x88o\x17\x18h\xb1X|k{\xa7\xa6\xa6\x86\x84\x84\x1c=z\x14\xa5\x83&gt;\x1c\n\x006\nN\x0c\x18\xccfeqqh\x93&amp;\xbf\xaf]\xb3`\xfc\xb8\x07\xcf\x9f;988;:f\xbf|\xf9\xf7\x89\x01k_rE\x81M\xea\x8d\x1b7X\x86\xc9/*\xce\xca\xc9\x91I$\xffq\r\xf0G\xf8\xf3\xe4\x1f\xa5\xb2\x89\x8f\xcf\x9a\xc5\x8b\xea\xd6\xaa\xd5\xe3\xd3O:\xb5\n\xe5r8\x89\x89\x89\x01\x81\x81\xc7\x8e\x1d\xabf\xdf\x05&lt;,36.N\xc0\xe3ef\xe7\x90\x04\xd160\xd0\xa0\xd7\xdb\xc2!\x9a\x18\x86\xe9\r\x06\x0f\x17\x97\xed+~\xdc\xf1\xe3\xf2\xbc\x82BOWW\xc6b\xe9\xd1\xa3\xc7\x981c(\x8a\xaa\xf6\xd33\xe5\xc2\xfa_$\xf2\x1e8\x86qHR\xa3\xd12\x0c\xd3\xc6\xdf?}\xcf\xeeQ\x03\xfas9\x1c81p\xea\xd8\xb1&gt;\xbdz\x8d\x9b0A\xa7\xd3\xc1\xf4h5\xee\xf5&lt;{\xfe\xdcA,\x0el\xda\xa4_\xe7N\x84\xf5z\xa0\x04A\x98-\x16UN\xee\xf0\xcfz\x1e\x8a\x8b\xcd\xca\xc9Ui\xb5~\xb5k\xdf\xbd{\xb7{\xf7\xee\x93\'OV\xbc\xd9\xba\xb2\xaa\x0f\x05\xe0\xd6o\xf7\xee\xdd\xbbz\xf5*\x8f\xc7\xe3\xf3x\x13F\x8c\xb0\xa9\xdc\n\x8e\xe3&amp;\x93I\xa3\xd3\x85w\xeb\x96\xb4x\x91T$\xd2\xe8\xf5\xde\x9e\x9e\xb1\xb1\xb1\xed\xda\xb5\xcb\xcd\xcdE{\x88\xfe+\x14\x00\xaa\x00\x82\xc0\x01\x00z\x83\xc1\xd3\xc5\xe5\xed\x89\x81\xa0\xe6\xcdk\xd5p9\x98\x9c\xec\xeb\xe7\xb7o\xdf&gt;X)A\xc1\x13Y\xab\x11\x82 \xccf\xf3\x89\xe3\xc7s\x8a\x8aN^\xbe\xe2\xe3\xed\rH\xf2#6\x01-/\x18\x86\x91$\xa95\x18\xf4:\xfd\xa6\xc5\x8b\xe6\x8f\x1f_\xa2Tz\xd4\xa8\xf1\xf5\xb0\xa1\xabW\xafn\xdf\xa1\xc3\xe9\xd3\xa7\xe1P\xa0J\x7f\x110\x00\xfc\xfa\xeb\xaf&amp;\x93I\xa9V7\xf5\xf5\xfd$\xa0\xa5\xc1`\xb0\xca\xf4\xef?\x81\xc32\x9d\xc10\xa8G\x8f_\x96.i\x1f\x14\x94\x9d\x97W\xc3\xc9\xe9\xf2\xe5\xcb\x01\x01\x01p|\x8c\xa6\x04\xde\xc3\x86\xbeK\xe4\xfdp\x1c7\x9a\xcd\xff?1\xf0\xd3\n\x1e\x97\xab\xd1\xe9\xdd\xdd\\\x1bxz\xf6\xef\xdf\xbfS\xa7N\xd7\xae]#I\x12\x0e~\xab\xc7C\x0f\x9b\xa1\xdc\xdc\xdc\xec\xec\xec\xeem?\xe1s\xb9"\x81\x00\x07\xc0\x9aIh\x00\x00\x00\x04\x8e\xc3k\x9b3q\xc2\xd6\xe5\xcb\xd7\xcc\x98~\xf4\xfc\x05\x99D\xf2\xf8\xc1\x83N\x9d:\x8d\xfd\xfak\xadV[u\xbf\x08\x86a\x08\x82x\xf4\xe8\xd1\xee\x9d;\xa3\x06\rlP\xa7N\xaf\xf6\xed\x05\x12\te{I\x15\x0c\x00\x1c\xc7UJeP\xd3\xa6\xfb\xd7\xaf\x1b?|\xb8D$\xc2q&lt;77\xb7k\xd7\xae\x9b6mBS\x02\xef\x81\x02@U\xf2\x97\x89\x81}\xeb\xd7};r\xa4\\*\xa3Y\xd6Q&amp;;}\xfa\xf4\xa7m\xdb\x8e\x181"--\xad\xda\x94\x8a\xc2\xd6\xf3\xf9\xf3\xe7&amp;\xa3\xb1D\xadqr\x90\xd5\xaf]\xdbb6[w\x1e\x12\xfa\xb3@\xa8\xb88\xec\x936\xfd\xc2\xc2F\xf4\xee\xc5\xe7r%b\xb1P 8~`\x7f\xe3\xc6\x8d/_\xbe\\E\xbf\x08\x18\xdb\xe2\xe3\xe3_gg?|\xf1r\xd4\x80\x01\xe3F\x0c\xd7\xabU$AX\xfb\xd2\xde\x8d$\x08\xb5F\x83a\xd8\xca\xb9s&amp;\x0c\x1fVC.\xaf[\xab\x16e6\x8f\x1a5\nU\x88\xbe\x07\n\x00U\xcf\x9f\x13\x03:\x9d\xd9d\x8a\xe8\xdf\xef\xf7uk\xeb\xd5\xaa%\x13\x89\x1c\xa4R\xb1P\xb8m\xdb\xb6~}z\x8f\x1b?\xbezL\x0c\xc0\x00p\xff\xfe}!\x9f\xef\xe3\xe5\x15\xdc\xb4\x99\x83TZ\xf93\xc0\xff\x04\x16\x08\xa95\x1a\x83^?\x7f\xdc\xb8C\x1b74\xa8[g\xec\x90\xc1\x1e\xaen\xd9\xaf_w\xe8\xd0a\xe2\xc4\x89*\xb5\xbaj\xcd\n\xb0,K\x92\xa4F\xa3\xd9\xb1c\x07\xc0\xb0\x8b\xd7\xaf\x17)\x95\x8e..\x16\xca\xa6\xc3\x18|\xdaU\x85\x85\x13F\x8d:\xbcq#I\xe0R\xb1\xf8/\x15\xa2\x16\x8b\xa5\xaa|\x0b\x95\x03\x05\x80\xaa\n\xa6b\xd5:\x1dMQ\x9b\x96-]3kV\xc7\x90\x90\x12\x95\xaag\xbbv\xeeNN\x07w\xef~{b\xa0\x8a&amp;"\x00\xac\xfb\x06\xe0\xf2\x95+&lt;\x0e\xe7yV\x96J\xab\x11\x94\xe5\x1c\xe0\xcaA\x10\x04\x06\x80F\xabm\xd1\xa0\xc1\xb9_\x7f\xfd\xacC\xc7\xeb\xf7\xef\xcb$\x12\xa9H\xb4v\xed\xda\xb0.]\xf6\xee\xdd[\x85f\x05`\xd2\xfc\xdc\xb9s\xf9yy\\\x0eG*\x16\x8f\x19\x1cn\xd6hl*\xfb\xffNpzFU\\\xdc\xc4\xd7\'%1\xf1\xed\n\xd1V\xadZ\x1dKI\xe1p8U\xe5[\xa8\x1c\xb6\xfe\x8d"\xefG\xe08\xcb\xb2j\xa5\xb2w\xa7\x8e\xf1\xf3\xe6\x9d\xd8\xb2\x99$\x08\xad\xce\xf0\x97\x89\x01\x98\x88\xa8\x8aC`\x18\x002^\xbe\x94;8\xd4tsm\xd9\xa81\xcd0\x15\xb7\x0b\xf1\x7f\x81\xe3\xb8\xc1h\xd4\xe9t\x9f\x06\x06\x1c\xda\xb8\xf1\x93\x80\x80"\x85b\xd4\x80\x01E99\x03\x07\x0e\x9c3g\x8eF\xa3\xa9*\x89\x08\x0c\xc36n\xdc\x08\x00f4\x9b\xbb}\xf2\x89\x97\xa7\xa7\xc96\xd2n\x1f\x02\x9e\xf5VZ!\x9a[P\xe8\xe5\xee\xae()\xe9\xde\xad\xdb\x94)SP:\xe8m(\x00|$\xb8d\xd7\xdaW\x01\xc0\x9bS\'\xd5*\x95\x80\xcf\xeb\x1c\x12\x92\xbcz\xd5w\x11\xff31\xd0\xb6m\xdb\xf1\x13&amp;\xc0\xad\x8cY\x96\xb5\xb5\xee\xf3{\xc0\x95\xa8999\xf7\xee\xdf/()\x91\x8a\xc4m\x03\x03\xe8\n8\x85\xaa\xbc\xc0\xa5y\x1a\x8d\xa6CHp\xc2\xfcy\xbb\xd7\xacvv\x90e\xe6\xe5\xb99;/\\\xb8\xb0S\xa7N\xf7\xef\xdf\x87\xdf\x82\xcdvB\xe1\xe2\xaf\xb3g\xcf\x1eKIi\xea\xe7+\x13\x8b\x07w\xef\x060\xacj\x8d\x1fq\x0c+\xad\x10\xdd\xb4x1\x87$k89\x8d\x1b&gt;|\xd5\xaaU\xdd\xc2\xc2rss\xe1)@\xd6\xbeL\xebC\x01\xa0\xecX\x16\x00@3\x8c\xc1h\xb4\x9d\xae(A\x10\x0c\xcb\xaa\xd5j\x8b\xd9\\:1 \x15\x89\x1c\xa4R\xa9H\xb4~\xdd\xbaf\xcd\x9bo\xde\xbc\xb9\xf4\x8cb\x9bm\x80\xde\x06/\xf2\xe6\xcd\x9b\xb4\xd9\xdc\xa0N\x9d\x94\x8b\x17\xf9\\\xae\xed\xe7\xb2\x08\x82Pk\xb4"\x81``\xcf\x9e\xc3z\xf5\xf2o\xd0 \xaf\xa8\xa8\x9e\x97WZZZ``\xe0\xf7\xdf\x7f_Z\xb0k\xed+}7\x0c\xc3\x96\xff\xf8#\x81a\x1a\xbd~h\xcf\x9e\x1dBC\rV\xda\xfc\xe7\xbf\x80\xc5?Z\x83aP\xaf\xcf6\xcc\x99\xbdn\xd6\xcc\xdfO\x9cpvtLKO\xf7\xf7\xf7\xbfr\xf92\xaa\x10\x05(\x00|\x04\x8c \xc4\x02A\xb7O\xdb\xb6h\xd0\x80\xb2Xld\x1c\x00\x00\xc0\x00\x80\xc7$\x95N\x0c\xac\xfb\xfe\xfb6\xfe-LfsM77eqqDDD\xa7N\x9dv%\'\x97nci\xe3O?\xbc\xbc\xbbw\xef\xe28.\x14\x08:\x85\x86\xd6ru5W\x85\\\x04A\xe0,\x00\xca\xa2\xa2F\xf5\xea\x9d\xdc\xbc\xe9\x9b\xaf\xbez\x9d\x9b\xeb\xeb\xedm4\x1aW\xafX\x11\x12\x12\x92\x9a\x9aj\x83\x032\x86ap\x1c\x7f\xf1\xe2\xc5\xd93g\x04|\xfe\xcb\xd7\xaf[4h\xe0\xe8\xe8h\xb1\xd5X\xf5~\x18\x00\x04\x8e\xab\x8a\x8a\xbb\xb6n\xdd\xb7s\xe7oF~%\x12\x08\xc4B\xa1^\xa3i\xdd\xa6\xcd\xea\xd5\xab\xab\xeb&amp;N\x1f\x0e\x05\x802\x80\x1d\xd2\xe0\xe0`&gt;\x8f\x87\xe3\xc4\xedG\x8f0\x8b\xc5\x06\xd3\x11\xa5\x13\x03\xbd:v\xf8\xed\x87\x1f~\xfc\xf6[&gt;\x97+\x11\x89\xbc\xdc\xddo\xa5\xa5\xc5DF\xf6\xed\xdb\xb7JL\x0c\xc0\x86\xfe\xc1\xc3\x87&lt;\x0e\xc7\xad\x86K\xb3\xfa~\x8c\xed\xdd\xed\x7f\x82\x01\xc0!I\x83\xc1\xc0%\xc9\xe5\xdf~\xb3w\xfd:\x1c\xc7\x82\x9a6\x89\x1c\x1c\x9e\x9a\x9a\xda\xb1c\xc7\xc5\x8b\x17\xd34mS\xc7\xdb\xc2\xea\xcf\xcd[\xb6\x98\x8dF\x96e\x9b\xfa\xfa\x0e\xeb\xd9C\xafV\xdbl\xf5\xe7\x87 IB\xad\xd5\x1a\x0c\x86)\xd1\xd1SF~\xe5\xe3UKg0\xb4\x0f\x0e\x9a&lt;yr\xe7.]\xe0\xd1\x0e\xb6\xfc\x16T(\x14\x00\xcaL(\x10\x14)\x95G\xce\x9e=\x97\x9eN\x94\xf7\xa9\x84\xe5\xa5tb\x80\xcf\xe1\xc4\x0c\x1dr&lt;)\xb1W\xc7\x8eB\x81\xa0~\xbdzmZ\xb6\xdc\xbf\x7f\xff\xa7\x9f~:~\xfcx\x1b\x9f\x18\xc0q\x9ce\xd9[\xb7n\xf9\xd5\xae\xad\xd6h\\\x9d]p\x92\xb4\xc5\xdb\xfd\xcf`\xaaG\xab\xd7\xf7l\xdf\xfe\xd4\xa6M\x1b\xe7\xce\xddy\xf8\x08\x9f\xc7\x13\xf1y\xdf\x7f\xff}\x9bO&gt;)\x8d\xc4VO\xca\xb1,K\x10\x84\xd1d\xfa}\xcf\x1e\x9ae5:\xdd\xc0\xb00\x91Tj\xb1\xc9g\xa3L\xe0\x90WYX8!2r\xde\xd7\xe3\xbe\xf9\xea+W\'g\x92$O\x9d&lt;\xd9\xaaU+\xb8`\xd8&gt;+DQ\x00(3\xd8K"p\\"\x12\x01\xdb~b\x08\x82\xa0\x19F\xadV{\xd6\xa8\x91\xb4x\xd1\x9eU\xab"\x07\x0e8v\xe1\x82L*\x95\x08\x85\xeb\xd7\xaf\xff\xcb\xc4\x80M\xbd\x00\xf0&gt;?~\xfc\xf8\xc1\xfd\xfb7\x1e&lt;\xc8\xca\xc9m\xd1\xb0\x01]\x15\xf2?\x7f\x01\x9f\x16\xb5R\xe9\xe4\xe0\xe0\xdf\xa8Q\xe2\x82\x05-\x1b6Ti\xb4\xf5\xbc\xbc8&amp;chh\xe8\xea\xd5\xab\xe1\xe6e\xd6\xed\x87\xc2\x1b\xfe\xc3\xb2eEyy\x8b\'N\xec\xda\xbau\xaf\xf6\xedh\x93\xc9\x16\xb6~+\x17\x1c\x92T\xe5\xe7\xf7j\xdfn\xf9\xb4\xa94C\xd7ru\xad\xe1\xe4\xf4\xe4\xc9\x93n\xdd\xba\xd9m\x85h5\xf9j+\x19\xcb\xb2t\x15\xd9\x8b\x1f6\xeef\xb3Y\xadR5\xa8[\xe7\x8b&gt;}\xf6\xac]\xf3i\xcb\x96\xc6wM\x0c\xd8\xd4qc\xf02\x9e={&amp;\x15\x89\xeax{\x1b\x8cF\'\xa9\x94\xa1\xe9*\xd6\xfc\xbf\x01\xf3\x0c:\xad\xb6g\xfbv\x076\xfc&lt;n\xf8\xf0\xa8\x01\x03\xf2JJdb\xf1\xe4\xc9\x93\xdb\xb4i\x93\x96\x9e\x0e\xa7%\xad\xf2\\\xc1\x82+\x83\xc1\xf0\xcb/\xbf\x18\xcc\xe6\xcd\xfb\xf6\xc5\x0c\x19\xdc\xacQ#\x9d\xc1`\x83I\xce\x8f\x067qR\xab\xd5\xbb\xd7\xad\xfb6"\xa2\xa8\xa4\xc4\xdb\xd3S\xa9P\xd8m\x85(\n\x00v\x01\x86\x01\xbd\xc1`0\x1a\xfbv\xe9\xf2\xcb\xd2%+\xfe\x9c\x18\x10\xd7rw\xbfs\xfdz\xcc\xa8Q\x9f\xf5\xea\x95\x95\x95e;[\x17\xc0\x00p\xeb\xd6-\x01\x8f\xe7$\x936\xaf_\xdf\xcd\xc5\xc5lK\xb3\xeee\x05\x8b\x7f4:\x9d\x80\xc7[\xf1\xfd\xac\xde]:sI\x0eN\x10r\x99,55uP\xbf~\xdf|\xf3\r,$\xad\xfc\xfb\x0f\xbb\xffg\xcf\x9e}\xf9\xf2\xa5\xc1dz\x96\x95\xe5Q\xa3\x06\xa8\xb2\xe1\xf6=\x08\x1c\xc71L\xadT\x8e\x1d:\xe4\xca\xce\x9d\x04\x8e\x97V\x88\x86\xbd\xa9\x10\xb5\x85\xe7\xbfr\xa0\x00`G\xf07\x8f&gt;\x9f\xcb}31\xd0^\xc4\xe7{\xba\xbb\xb5n\xd9\xf2~z\xba\x9f_\xfd\x15+V\xc0=$\xac}\xb1\x7f\xce\x00\xa7\xa5\xa7[,\x16\x99H\xe4\xed\xe9\t8\x1c\x1b\x19\x9d\xfc\x17p\x179eAA}/\xaf\x13\x9b\x92b\xc2\xc3M&amp;\xd3\xf71\xa31\x96]\xb9re\x97.]RSS\xadu\xff\x7f\xdb\xbaU\xc0\xe3a\x00|\xd6\xae]H\x8b\x16:\xdb\xd8\xfa\xbf\xdc\xc1\xa4\x9cJ\xa3\tn\xdel\xe3\x9c9kg\xcd\xdc\x93\x92\xe2\xe4\xe0\x90\x9e\x9e\x1e\x10\x10\x00wp\xb2\xf65V\x92j\xf8\xed"\xefW:1\xe0\xe1\xec\x1c?\x7f\xfe\xf1\xa4\xc4\xde\xed;\x9c\xbcr\x05\x90d\xcd\x1a.\xdf}\xf7]PPPRR\x92\xd1h\xb4nk\x8b\xe3\xb8\xc5by\xfd\xeaU\xa1R\x99_\\\xd2\xb9u+\xaa\nN\x00\xbc\x13\x86a\x1c\x0eG\xa7\xd7;\xcbd\xb3\xc7\xc4&lt;9q\xdch4edg\xf3x\xdc\x93\'O\xb6n\xddz\xc5\x8a\x15F\xa3\xb1\xd2rAp\xef\xcf\xcc\xcc\xcc\x03\xfb\xf7\x9b,\x16\x9aa\x86~\xd6\x93eY\xdbY\xe6R\x11H\x82P\xabT\x9dBC\xfau\xee&lt;w\xecXG\xa9\x94\xcb\xe5\xe6\xe6\xe6~\xfa\xe9\xa7\x95|\xff\xad\x08\x05\x00\xe4\x1d\xccf\xb3\xd9l\x06o\xf20\xd6\xc4\xb2\x00\x00\x8dNg\xa1\xa8*\xb7\x1e\xf5\xa3Y,\x16\x8b\xc5\x02l\xe1\xfe\xdb%\xfb\xb9\xff(\x00\xd8\x1d\x9a\xa6\t\x1c\x97J\xa59EE\xd1s\xe7v\x1d\x15y\xe0\xec\x99\xce\xadZ\x01\x8az]P\xf8\xe3\x8f?\xa6\xa5\xa5\x8d\x193F*\x95b\x18f\xc5\x1e7\xc30\x1c\x0e\xa7\xa6\x97\x97\x8b\x83\x83\xaf\xb7\xd7\xf9\xd44\x92\xc3\xb1\xf1\xb2\xab\x0f\xc4\xb2\xac\xc5b\x11\t\x85E*\xd5\xc2\x8d\xb1~]\xba\xf2\xf9\xbc\xda\x9e\x9e&amp;\x93\xb9s\xe7\xce\x97/_\x9e1c\x86D"\xc1+k\xbb\x118\xeb\xe0\xed\xed\xdd\xbbO\x1f\x1e\x87C\xe0\xf8\x8eC\x87\xe1\xf1\xeb\x95\xf0\xb7[\x0bE\xd3R\x99\xec\xd4\xd5k\xfbN\x9e\x9c\xbfa\x83B\xad6\x9b\xcd\xee\xee\xee\xe7\xcf\x9f\xaf\xe4\xfboE(\x00\xd8\x11\x86a\x18\x96\x95:8\x18\xcd\xe6\xd8\x1d;\xbb\x8e\x8a&lt;x\xfa\xac\xceh\xcc\xce\xcd\xbb|\xe3F\xe3\xc0\xc0\'O\x1e\x7f\xfb\xed\xb7"\x91\xc8\x16\n!`\xe7+(0\x90\xc3\xe1(4\xda\x8c\xeclP\x95g\x80K\xd1\x0c\x83\xe3\xb8C\x8d\x1a\x8f\xb3\xb2\xbaD\x8c\x8aMN\xe6\xf1x\x8bb\xe3X\x0c\x9b2e\xca\x89\x13\'\x82\x83\x83\xad5\t\xf9\xf9\x88\x11\x06\x93\x89\x05\xe0\xd0\xb9s\xd7n\xdd\x12\t\x85\xd52\r\x02\xab\xf8d\x12I\xea\xed;c\x16,\x98\xb0x\xc9\xc0\xb0\xb0b\xa5200\xf0\xfa\xf5\xeb\xad[\xb7\xb6\x9fI`\xd2\xda\x17\x80T\x06\xb8\xfb\x98H(d\x01\xf8\xe3\xc4\x89M{\xf6\x9eNMu\x94J5:m\xa1\xa2\xa4c\xc7\x8e\xd1\xa3G\x0f\x0e\x0f\x07o\xf6\x02#I\xeb?\x18\xb0\xado\xd1\xa2\x85\xc1d*Q\xabK\x14\x8a\xbc\xc2B\xb9Lf\xa1\xa8*\x1a\x06X\x96eYV"\x12\x95\xa8Ts\x16-vqp0S\x16\x86\xa6UZmpp\xf0\xfa\x9f\x7f\x0e\n\x0c\x84\rn\xe5OB\xc25w\xed\xdb\xb7\xafS\xa7NQA\x81\xab\x87GNA\x01h\xd6\xac\xfa\r\x01h\x86\x01\x00H\x1d\x1c6\xfc\xb6u\xfc\xa2E\xb5&lt;&lt;\n\x8a\x8b\xd7o\xdb6y\xf2\xe4\xef\xbf\xff^.\x97S\x14e\x0b\xcf\x7f\xe5\xb0\x97\xcfi\xb7`\xd3\xcf\xe7\xf3\xb9&lt;\xde\xfd\xc7O\xae\xdd\xbd\x13=g\xaeX,\xe6s\xb9\xaf\xf3\xf2\xdc\xdc\xdd\x97,^&lt;r\xe4H\xf0\xa6\xe9\xb7\x9d\xfa\x07\xd8\xca\xfb\xf8\xf8\xa8u:\x9d^\xdf\xc8\xc7\xa7X\xadv\x96\xcbY\x8a\xaa\x8a\xcd?M\xd3\\.\x97\xcb\xe3\x1d&gt;sviB\xc2\xf5\x07\x0fj\xba\xb9\xb9\xc9\xe5\xcf\xb3^\xadZ\xb5j\xdc\xb8qp\x7fJk5=\xb0\xf6W \x10|\xf9\xe5\x97\x1b\xd6\xac\x19\xd9\xaf_\xec\xce]\xb5=&lt;\x9a\xd5\xaf\xaf7\x1a\xab\xcdR\x00\x8a\xa2$"\x11\xce\xe1\x0c\x1a?\xfe\xfa\xbd\xfb\xceryfv\xb6\\.\xdf\xb6}{\xb7\xb00\x00\x00\xc30\xf6\xd3\xfa\x03\x14\x00\xaa7\x9a\xa69$)\x16\x8b_\xbe~\xbd(6\xee\xf2\xcd\x9b\x8eRi\xb7\xb6m\x0f\x9f;\xc7\xe5r\xc7\x8d\x1b7g\xce\x1c\x17\x17\x17\x18$l\xa7\xe9\x87`\x9f\xb4~\xfd\xfa\x8d\x1a7\x16\x01P\xc3\xd9\xe9\xd6\xc3G\x8d\xfc\xfcX[\xda\x84\xf5C\xb0,\x0b3o\xd999y\xc5\xc5\x91s\xe6\xa8\xb4Z\x99D\xfc&lt;+\xcb\xc9\xdd\xfd\xea\xd5\xab!!!\xc0\x06\x9a\x1ex\xc3\xa7M\x9f\x9e\xbck\xd7\xac5k\x00\x00mZ\xb6\xf4o\xd6\x8c\xd1\xebq\x1b{6&gt;\x8e\x85\xa2\x1c\\]\xf7\x1f:|\xe9\xc6\r\x02\'^\xe5\xe7S\x14\xe5\xe7\xe7\xb7u\xeb\xd6\xa0\xa0 \x8b\xc5\x02\xcf\xd3\xb6\xf6eV*\xfb\xfa\xb4\xf6\x03n\xef#\x95\xc9\x8c\x16\xcb\x9bt\xffi\xbd\xc1\xf0\xf8\xf9\xf3K7n\xf4\xe9\xd3\xe7\xfc\xf9\xf3\xeb\xd6\xadsqq\xa1(\n.\x13\xb3\xf6%\xbf\x03\\\x9d\xd4\xa2E\x8b\'\x19\x19R\x89$\xbf\xa8\x90\xa9j\xdd\x7f\xd8\xac\x8b\x85\xc2\xc3g\xcfv\x8a\x88\x183\x7f\xfe\x90\x9e=\x8c&amp;\x93\xcehZ\xb4h\xd1\xa5\x8b\x17CBB\xe0\xeak\xab7=p\x10\xc0\xe7\xf1\xfa\x0f\x1cH`\x98D$\xda\x93\x92\xa2S\xab96\xf9l\x94\t\xdc\xff\xdc\xc1\xc5emb\xe2\xbc\x9f\xd7\xff\xb4eK~q\x11EQ\x9d:w\xber\xe5JPP\x10EQp+\x08k_ieC\x01\xa0\x1a\xa2\x19\x06\xc30\xa9\x83\xc3\xc1\xd3g&gt;\x9f6\xed\xbb\x15+\x8cf\xb3F\xa7\xcb\xca\xcdm\x11\x14\x14\x9b\x98\xf8\xc7\x1f\x7f\x94\xb6;\xb6&lt;\xe0\x85\xf3\xc0\x8d\x1a64Y,y\x05\x85w\x1e?\xc1\xabN]\n\x0b\x80\x85\xa2\x04\x02\x81\x99\xa2\xa6\xae\xf8i\xc0\xb8\xf1\x0c\xc3\xa6\xdd\xbd\x97\xb8+988\xf8\xf4\xe9\xd3\xb3f\xcd\x82[0\xc1\xd5\xd7\xd6\xbe^\x00\xde\x0c\x02F~\xf5\x15\x97\xcf\xc70\xec\xee\xd3\xa7\xdb\x0f\x1f\x11J\xa5TU\x9e\x14\xa5(Z*\x16\x0b\x04\x82\x95\xf1\xf1+7oy\x96\xf5J$\x10\x9cMM[\xb5j\xd5\xc9\x13\'\xe4r9M\xd3\xb6\xfc\x16T(;\xfd\xd8\xd5\x12\x0b\x00C\xd3\x04AHE"\xa3\xc5\x121}\xc6\xe9k\xd7TZ-\xef]\xe9~\x9b\xed\xf5\xbf\r6\x8bM\x9b6e\x18Fo0\x9c\xbaz\xf5U~\xbe\x9b\xb3\xb3\xc5\xe6\xcb\x81h\x9a!\x08\xdc\xc1\xd9\xf9\xce\xbd{\x91\xdf\xcfN\xbbw\xaf\x9e\x97\xd7\xd3\xccL&gt;\x9f?\xe9\x9bo\x16-Z\x04\x00\x80\x19\x7f\x9b\xfa\x16`=h\xdd\xbau\xdbw\xe8p\xf2\xf8\xf1:5k\xdez\xf4H\xa1P\xf0lu\xd7\xdb\xf7c\x01`\x18F\xe6\xect\xfc\xcc\x19\xb5V\xfb\xd3\xe6-f\x8bE\xab\xd7\xbb\xba\xba\xa6\x9c8\xd1\xaau\xeb?7v\xb4\xa5\xaf\xa0\x92\xa1\x00PM\xc0^\x8cX*5[,\x9b~\xdf\xb7\xe7\xf8q\x9d\xc1\xa0\xd6\xe9\x94j5\x87\xc3\x197~\xfc\x9c\xd9\xb3m6\xdd\xffO`V\xc4\xdf\xdf\x9f\xe0r\x1f\xbd|\xd9\xb7S\'cUX\x0cL\xd3\xb4T")(.&gt;z\xe9R\xfa\x9d;7\x1f=rsv~\x9e\x95\x15\x14\x14\xb4y\xf3\xe6\xc6\x8d\x1b\xc3r \x9b\xedu\xb2,;\xf5\xbb\xefRRR$B\xe1\x8e\xc3\x87;\x85\x86\xf4\xeb\xdaUS\x15\x0e\x85\x7f\x1b\xc30\x00\xc3\xc4\x02\xc1\xee\x83\x87f\xac\\\xa93\x18\x06\x86\x85\xad\xdf\xb6-(0p\xff\x81\x03\xee\xee\xeevU\xed\xf3O\xaa\xd27\x8a\xbcSi\xba\xdf`4\x9d\xbcv-|\xd2\xe4\x1f7m.Q\xab\x08\x0cS\xa8T\x1d;v\xbcp\xe1\xc2\xba\xb5km&lt;\xdd\xffNp{^\x0f\x0f\x8f&amp;\x8d\x1b\xd7\x90\xcb\xd5:\xed\x85\xf4\xeb\x04\x97\xcb\xd8jo\x14\xee\xe5)\x91H\xce\\K\x8d\x9a;o\xd0\xc4IEJ\x95\xb7\x9b[^Q\xd1\xec\xd9\xb3O\x9d:\xd5\xb8qc\xf8-X=\xe3\xffO\x08\x82`\x18\xa6}\xfb\xf6\xdd\xc2\xc2\xee&gt;y\xaa\xd2jw\x1d=\x06X\xd6\xd6\xa3\xee\xffbX\x96\xc7\xe3ID\xa2\xe4c\xc7"f\xcd\xb2PTi\xad\xe7\xb1\x94\x14\xd4\xfa\x97\xb2\xd1\xa7\x10\xf9@\xa5\xe9\xfe\x03\xa7NG\xcf\x9b\xd7\xe5\xab\x91\x14M\x8bE\x82\xdc\xbc\xfcG\xd9\xd9\xbf\xff\xfe\xfb\xa9S\xa7\xaaD\xba\xff\x9f\xc0\xccC\xed:uJ\x94\xca\xd7y\xf97\x1e\xdc\'p\xdc6W\xa82\x0c#\xe0\xf3E"\xd1\xf9\xf4\xeb\x9f\x8d\x19s\xf1\xfaugG\xc7\xa4\xbd{\x9d=&lt;\xf6\xec\xd9\xb3`\xc1\x02\x89Db\xf5R\x9f\x0f\xc4\xb2\xec\x981c\x00`\xf9\\\xee\xb1\x8b\x17\xb3\xb2\xb3yU\xe14f\x88\xa2i\x1e\x87\x93SX8\xec\xdb\xef\x86~7\xd5\xbd\x86KVn\xae\xa3\\~\xf4\xd8\xb1\x95+W\xca\xe5\xf2\xaa\xf2-T\x02\x14\x00\xaa\xaa?\xd7\xb3\x88D\x04IFL\x9f1q\xf1\xe2\xd3\xd7\xae\xc9e\xb2\xc3\xe7\xce\xe5\x16\x17\xf7\x1a4\xe8\xe9\x93\'\xfd\xfa\xf5+\xcd\xf9\xd8~\xe6\xe4\x9d`\xa3\xd3\xbaU+\x93\xc5R\xcf\xcbK&amp;\x96\x18lc\xb3\xd2\xb7\xd14\xcd\x02 \x11\x8bo=z\xd4\xee\x8b/\x0e\x9d9\x1d\xd0\xb8\xb1J\xa3Q\xebt\x13&amp;LH9qb\xc0\x80\x01\x14E\xd9B\xa9\xcf\x87\x80[ \xb4k\xd7\xce\xd5\xcd\xcdl\xb1\xa8\xb5\xda\x8d\xbb\x92\xb9\x12\tm\xf3\xab\x82Y\x96\xa5(J\xe6\xe4t\xef\xe9\xb3\xb0\xc8\xc8s\xe9\xe9\x1c\x0e\xe7iFfpp\xf0\x95+W\xba\x85\x85\xc1c\xbf\xaa\xc4\xb7P9P\x18\xacz\x18\x96\xa5iZ&amp;\x91P\x0cS\x9a\xeeW\xe9tJ\xb5\x9a\xcb\xe1\x0c\x1f&gt;|\xe2\xc4\x89AAA\x00n\xfbSe\x9b~\x08^|\xe3\xc6\x8d\xf5F\xe3\xb3\xac\xac\xdc\x82|\xa5Zm;\xeb\x81K7\x15\xa0\x01\x98\xbb~}\xdc\xaed\x9aan&lt;x\xe8\xee$\xf7\xacYs\xc7\x8e\x1d\xad[\xb7\x06ofh\xac}\xb1\x1f\n\x9e\x14-\x91H\x86\x0e\x1d\xban\xcd\x9aO\x02\x02\x9c\x1d\x1c\x14\x85\x85&lt;\x0ei\xcbc\x00\xf8\xb4\xcb\\\\\xd6&amp;&amp;.MH\x14\n\x04j\xad\xd6b\xb1t\xeb\xd6m\xdb\xb6mp\x89/\x87\xc3\xb1\xf6e\xda\x96*\xf3P"\x00\x00\x86e\x01\xcb\nx&lt;R(\xbcr\xe3\xc6\xe2\r\x1b_\xbcz%\x95\x88\x85\\\x1eL\xf7/Y\xb2\x04\xae*\xb2\xb5e\xbd\x1f\r\xb6\xf2\xf5\xea\xd5\xe3\xf1\xf9r\xa9$\xa7\xa0\xf0qF\xc6\xa7AA\xb6p2\x0c\xcb\xb2\x18\x86\xc9\x9c\x9cRN\x9f\xd1\xe8\xb4[\x0f\x1c4\x9a\xcdF\xa3\xd1d\xb1t\xed\xddg\xf9\x0f?\x88\xc5\xe2*\xfaE\xc0z\xd0\xe8\xe8\xe8}{\xf64\xac[\'i\xef^\x83\xd18{\xe2\x04UI\x89m\x1e\x10O\xd1\xb4L"\xd1\xeatS\xe6/8p\xf6lAI\t\xc30\x0e\x0e\x0eI\xeb\xd6EDD\x00\x1bXgg\x9b\xd0\x1d\xa92\x18\x86\xe1\xf3x8\x8e?|\xf1"\xf9\xe8\xb1m\x87\x0e\xd5\xadUK"\x12\xe6\xe6\xe5[\x08\xe2\xf7\xdf\x7f\xef\xd7\xaf\x1f\x00\x00\x9e.[\xe5Z\x9c\x7f\x02["wwwOO\xcf\xa3\x17.\xd6\xafSGg00\x00X\xbd\'J3\x0cI\x10\x0c\xc3,X\xb3v\xddo\xbfq\xb9\xdc~\x9d;\xfd\xbc}G\xb3\xe6\xcdW\xad\\\xd9\xb1cG\xf0f\x9f}k_\xe9\xc7\x80\'#6h\xd0`\xd0\x90!?\xfe\xf8#\x00\xe0\xe0\xd9\xb3\xdfF\x8c\xb4\xc1\xd6\x9f\x05\x80e\x18\x99\x83C\xda\xad[\xd3W\xae:\x9f\x9e.wp`\x18\xc6\xdd\xdd}\xff\xfe\xfdAAA\xb0\xd6\x13\xa5}\xde\t\xdd\x94*\x80\xa6\x19\x00\x80P \xc8.,\x9c\xb9zuXTt\xfc\x9e=\xc1\xcd\x9a\xa5\xdd\xbe\xfd\xaa\xa0\xb0Wx\xf8\xdb\xe9\xfe\xea\xb7\x9c\x1d\xee\xa2\xd3\xa5kW\x0fg\xe7\xce\xad[=\xcb\xcc\x04\x14e\xc5\xddi`\xa2Y,\x10\x08E\xc2\x88Y\xdf\xcf]\xb7N\xee\xe0\x90SP\xf0\xf3\xf6\x1d\x93&amp;M:{\xe6L\xc7\x8e\x1d\xabP\xc6\xff\x9f\xc0\xd0\xfb\xc5\x17_\xf0x&lt;\x07\xa9\xf4\xee\xd3\xa7\x17\xaf\xdf\x10\x08\x0465\x13\xc00\x0c\xcb\xb2"\x81`\xf7\x91#_\xce\x98y6-\xcd\xd3\xcd\xad\xa0\xb8\xb8u\xeb\xd6\xd7\xaf_\x87K|\xedaW\xe7\x8fV\x85\x1fP{\xc0\xb0\xac\x85\xa2$\x121\x8e\xe3\x97n\xde\x0c\x1c8(i\xef\xeff\x8b\x05c\x98\x9dG\x8et\xea\xd6m\xff\xc1\x83\xeb\xd7\xae\x15\x89DpmW\x95nq\xde\xcf\xa7^=\xa5V\x9b~\xf7\xde\xbe\x93\xa7h\xeb\xa5\xa2i\x9a\xe6r82\x0f\xf7m\x87\x0e\x7f6:\xc6\xcb\xc3]&amp;\x16?\xc9\xc8h\xda\xb4\xe9\xd1\xa3GW\xadZ\xe5\xe8\xe8\x083\xfeU\xbd\xd1\x81\x01\xa0I\x93&amp;\xa1\xa1\xa1&amp;\x93\xc9h2\xad\xdd\xba\xd5\xa6\x9aR\x86aJk=G\xcd\xfa^\xad\xd3I\x84\xc2\xcc\xec\xec\x98\x98\x98s\xe7\xce\xb9\xbb\xbbW\xad\xa9\x17\xab@w\xc7F\xfdO\xba\xff\xe6\xcd\x05k\xd7\x19L\xa6F\xf5\xea]\xb8~\x1d\x00\x10\x10\x10\x10\xbbys\x9f\xde\xbd\x01\x00\x14E\x11\x04QES\r\x1f\x02\xb69-[\xb6\xc4p\xdc\xd5\xd9I&amp;\x96\xa84\x1a\xa9HD\xd1te6G\xcc\x9b\x8a\xdb\x1bw\xef\xfe\xb2\x7f\xbf\\"=r\xfebv^\xbe\xd9b\x89\x8c\x8c\xdc\xf0\xf3\xcf\x1c.\xb7\x9a}\x17\x0c\xc3\xe08\x1e3z\xf4\xb9s\xe7\xbc==(\x9a\xbe\x90\x9e\xde\xaaeK\x83\r\x9c\x15\xcc\xb2\xacP x\x95\x9f?s\xe5\xaa\x1dG\x8e\xf8\xd6\xf6~\x9a\x91\xe9\xe8\xe8x\xe4\xc8\x91\xee\xdd\xbb\x83\xaa\x9c\x7f\xabL(\x00\xd8"\x8a\xa6E\x02\x01\x86a\xa5\xe9\xfez^^*\x8d\xa6XQR\xb3f\xcd\xa9S\xa7\x8e\x1d3\x86 I\xb8w|\xb5\xef\xe3\xc0\xb6\xa6~\xfd\xfa\x04If\xe7\xe7\xe7\x17\x97\xdcy\xf2\xa4S\xabVf\xad\x96\xa8\x94\x00\x00K}\x04|&gt;\xc0\xb0\x9f\x12\x93~\xdd\xbf\xff\xce\x93\'\x1dB\x82k\xd5py\xf4\xea\xd5\xf1\x13\'\xda\xb6m\x0b\xaaZ\xa9\xcf\x87\x80\x8b\xc2\xfa\xf6\xeb\xd7\xc2\xdf?73\xf3\xe4\x95+\xce\x0e\x0em\x83\x83\xad\xbb \x00\xee\xae*\xe0\xf3\xce\xa6\xa6\x8e[\xb4</t>
        </is>
      </c>
    </row>
    <row r="459">
      <c r="A459" s="1" t="n">
        <v>457</v>
      </c>
      <c r="B459" t="inlineStr">
        <is>
          <t>polygon_sides_number</t>
        </is>
      </c>
      <c r="C459" t="inlineStr">
        <is>
          <t>What is the missing number of the part denoted with a question mark?</t>
        </is>
      </c>
      <c r="D459" t="inlineStr">
        <is>
          <t>[7, 5, 6, 3]</t>
        </is>
      </c>
      <c r="E459" t="inlineStr">
        <is>
          <t>5</t>
        </is>
      </c>
      <c r="F459" t="inlineStr">
        <is>
          <t>There are 6 numbered polygons arranged in a triangle with number ['?'] in the top row, [4, 3] in the middle row, and [6, 9, 7] in the bottom row.</t>
        </is>
      </c>
      <c r="G459" t="inlineStr">
        <is>
          <t>We observe that the polygon with 4 sides has the number 4, the polygon with 6 sides has the number 6, the polygon with 9 sides has the number 9, the polygon with 7 sides has the number 7, and the polygon with 3 sides has the number 3. Thus, the pattern is that the number inside the polygon represents the number of sides the polygon has.</t>
        </is>
      </c>
      <c r="H459" t="inlineStr">
        <is>
          <t>Based on the pattern that the number inside the polygon represents the number of sides of the polygon, the missing number of the polygon with 5 sides should be 5.</t>
        </is>
      </c>
      <c r="I459" t="inlineStr">
        <is>
          <t>b'\x89PNG\r\n\x1a\n\x00\x00\x00\rIHDR\x00\x00\x02\x00\x00\x00\x02\x00\x08\x02\x00\x00\x00{\x1aC\xad\x00\x00\x91\xc4IDATx\x9c\xed\xddw|\x14\xc5\xdb\x00\xf0\x99\xd9\xdd\xbb\xf4+)\xf4^\x85\x80\xd2\x9b@\x90&amp;\xd8P\xe9\x08\x08Hy\x11\x10\x04A\x04\x04\x04\x14\x90&amp; \x12\x90&amp;\x82RTT@i\n(\n\x84\xde{\xaf)w\xb9\\r\x97\xbb\xdd\x99y\xff\x18\x12\xf3\x93"(\xb9\xfa|?\xfe!!\x84\xe5vw\x9e\x99gf\x9e\xc1\x9cs\x04\x00\x00 \xf8\x10o_\x00\x00\x00\x00\xef\x80\x00\x00\x00\x00A\n\x02\x00\x00\x00\x04)\x08\x00\x00\x00\x10\xa4 \x00\x00\x00@\x90\x82\x00\x00\x00\x00A\n\x02\x00\x00\x00\x04)\x08\x00\x00\x00\x10\xa4 \x00\x00\x00@\x90\x82\x00\x00\x00\x00A\n\x02\x00\x00\x00\x04)\x08\x00\x00\x00\x10\xa4 \x00\x00\x00@\x90\x82\x00\x00\x00\x00A\n\x02\x00\x00\x00\x04)\x08\x00\x00\x00\x10\xa4 \x00\x00\x00@\x90\x82\x00\x00\x00\x00A\n\x02\x00\x00\x00\x04)\x08\x00\x00\x00\x10\xa4 \x00\x00\xf0\xc8\x18c\xde\xbe\x04\x00\x1e\x03\x08\x00\x00&lt;,\xc6\x98\xa6i\x9csB\x08\xe7\xdc\xdb\x97\x03\xc0\x7f\x05\x01\x00\x80\x07\xe1\x9cSJs\xdb}Y\x961\xc6\xd7\xaf_\xc7\x18C\x0c\x00\xfe\x0e\x02\x00\x00\xf7\x90\xdb\xeec\x8c%I\x12\xed\xfe\xc9\x93\'\xa7O\x9f^\xbf~\xfd\'\x9exb\xcf\x9e=\x18c\xc8\x05\x01\xbf\x06\xbd\x18\x00\xfe\xc29g\x8cq\xceeY\x16_\xa1\x94\xee\xd9\xb3\xe7\xbb\xef\xbe\xfb\xed\xb7\xdf\x0e\x1e&lt;\xe4v\xbb\xc4\xd7K\x97.\x9d\x94\x94d0\x18\x08!\x18c\xef]2\x00\xff\x1e\x04\x00\x00\xee\xb4\xfb\x08!I\x92\xc4Wr\xdb\xfd\x9f~\xfa\xe9\xf8\xf1\xe3\x7f\xfb~I\x92(\xa5\xed\xdb\xb7_\xb5j\x95\xa6i\xb9\xd1\x02\x00\xff\x02\x01\x00\x04\xaf\xbb\xdb}\x87\xc3q\xe8\xd0\xa1{\xb6\xfbE\n\x17\xabR\xf9\xc9\x16\xcd\x9f\x8f\x8a4\xf4\x1b\xd8\x15q\xa4Qm\xf1\xe2\xc5=z\xf4\xa0\x94\xe6\xfe\x04\x00\xfc\x08\x04\x00\x10tD\x92\x07\xe5i\xf7322\xb6o\xdf\xben\xdd\xba_~\xf9\xf5\xf2\xe5Ky\xbf\xb9p\xe1\xa2\r\xea6n\xde\xb4u\xed\x9a\xf5cc\xe38\xe7aaa\xef\x7f\xf0\xce\xdc\xcf\xa6\xcb\xb2\xac\xd7\xeb\x8f\x1c9R\xbati\xc6\x18!0\xa3\x06\xfc\x0c\x04\x00\x10,\x18c\xa2\x99\xcem\xa9s\xdb\xfdm\xdb\xb6]\xb9r%\xef7\x17.T\xb4A\xbd;\xed~\x81\x02\x05\x19c\x0e\x87CU\xddb-PxXx\x87\xae\xcf\xfd\xb9\xe7w\x84P\xdd\xbau\x7f\xff\xfdw\x84\x10L\x06\x00\xbf\x03\x01\x00\x04\xb8\xbb\xdb\xfdk\xd7\xae\xed\xdd\xbbw\xfd\xfa\xf5[\xb7n\xbbz\xf5\x7f\xda\xfd\xf2\xe5\x9ex\xba~B\x9dZ\r\xea\xd6n\x10\x17\xf7W\xbb\x8f\xf2\xb4\xef\x8c\xd1\xd0\xd0\xf0\x8b\x97\xce\xbd\xd4\xaeiVV\x16\xa5\xda\xe0\xc1\x83g\xce\x9c\t\x93\x01\xc0\xef@\x00\x00\x81\xe9\x9e\xed\xfe\x96-[\xbe\xff\xfe\xfb\x1d;v\xa4\xa7\xa7\xe7\xfd\xe6\xf2\xe5\x9eHh\xd4\xac\xf93\xad\xabV\xa9f4\x984\xaa\xdd\xdd\xee\xe7\xa5iZtt\xcc\xea\xb5_\x0e\x1a\xfa\x86N\xa7s\xbb\xdd\x9b7on\xde\xbc9L\x06\x00\xff\x02\x01\x00\x04\x14\xd1\xeeK\x92\x94\xdbj\xdf\xaf\xdd\xc7\x18\x97+[!\xa1Qs\xd1\xee\x1b\x0cFUU\x1d\x8e,\x8dj\x18\xe1\x7f\xcc\xe7h\x9a\x16\x1b\x1b7xX\x9f\x95\xab\x96\x12"\xc5\xc6\xc6\x1c&gt;|8..N\xe4\x88\xf2\xf5\xdf\x08\xc0\xe3\x02\x01\x00\xf8=\xce\xb9X\xcf\x93\xb7\xdd?q\xe2\xc4\xe6\xcd\x9b\xb7o\xdf\xfe\xb7v_\xa7\xd3W\x8d\x7fJ$\xf7\x9f\xa8\x18o2\x9a\xdd\xaa[\xb4\xfb\x04\x93\x87o\xbb9\xe7\x84H\x9a\xa6\xb6i\xdf\xf4\xcc\xd9\xd3\x08\xf1\xe6\xcd\x9bo\xde\xbc\x19\x12A\xc0\x8f@\x00\x00\xfe\xea\xeeM[\x08\xa1\x93\'On\xd8\xb0a\xdd\xbauIIIn\xb7;\xf7\xeb\xb9\xed~B\xa3\xe6\xe5\xcb=\x11\x1a\x1a\xeav\xbb\x9dN\xa7F\xd5Gj\xf7\xf3\xa2\x94FFF\x1d9z\xb0}\x97Vn\xd5\xad\xaa\xea\xcc\x993\x07\x0f\x1e\x0c1\x00\xf8\x0b\x08\x00\xc0\xcf\xdcs\xb3\xee\x993g\xee\xd9\xeeGDDV(_\xa9E\x9ev?;;;;\xdb\xc9\x18\xc5\xff\xb6\xdd\xcfKU\xd5\x02q\x05g\xcf\xfbx\xc2G\xef\xc9\xb2\xc29\xdb\xb5kW\x9d:u`U(\xf0\x0b\x10\x00\x80\x7fx@\x91\x86\x9f~\xfa\xe9\xdc\xd9s\xae\x9c"\r\x08!C\x94\xb1v\xcdz\xcd\x9b\xb5\xaeW\xa7Q\x91\xc2\xc5\xc2\xc2\xc2\xb3\xb3\x9d\x8f\xb1\xdd\xcf\x8bR\x1a\x15i\xe8\xd9\xaf\xc3\xe6\xad\x1b\x08!%K\x96&lt;r\xe4Hhh(\xc6\x18V\x85\x02\x1f\x07\x01\x00\xf8\xb4G*\xd2p\xa7\xddo\xda\xbaA\xfd\x84\x12\xc5KI\x92\xe4t:\xddn\x17e\xf4_\xe7y\xfe\x11cL\xa7\xd3\xd9\xed\xf6\x17\xdb&amp;\\\xbb~\x951\xd6\xa3G\x8f\xc5\x8b\x17C"\x08\xf8&gt;\x08\x00\xc0\x17\xdd\xdd\xee\xdb\xed\xf6\xbd{\xf7\xfe\xfc\xf3\xcf\xf7*\xd2P\xb4A\xbd\xc6\xb5j\xd4\xab_\xb7Q\x89\x12\xa5%Ir:\x1d.W6\xe7\x1e\xda\x9c\xa5i\x9a\xd9\x14\xbdi\xeb\x86\x1e}\xda\xca\xb2NU\xdd\xabW\xafn\xd7\xae\x1d\xc4\x00\xe0\xe3 \x00\x00\x1f"\x16q\x8a\n\xcc\xe2+\x0f\xda\xac\x9b\xa7HC\x81\x02\x05\x11B\x1en\xf7\xf3\xd24-6&amp;n\xfc\xa4w?M\x9c\xa1(JdddRR\x12\x94\x88\x00&gt;\x0e\x02\x00\xf0\xbe\xc7R\xa4\x01y\xb5\x18\x03\xe7\x1cc,I\xf2+\x1d\x9b\x1f9z\x10!T\xb7n\xdd\x9d;w\x8a\x7f\x14L\x06\x00\xdf\x04\x01\x00x\xcd\xfd6\xeb\xfe\xf6\xdb\xef\xdb\xb6m\xfd[\xbb_\xbe\\\xc5\x84F\xcd\x1b6h\x12_\xe9\xc9B\x05\x0bS\xdfh\xf7\xf3\xa2\x94\x86\x87\x85_\xbct\xfe\xa5\xf6M\x1d\x8e,UU\xc7\x8e\x1d;n\xdc8H\x04\x01\x9f\x05\x01\x00x\xda\xbf.\xd2`0\x984M\xcd\xcev\x8a\x85\x9e&gt;\xd2\xee\xe7\xa5jjlt\xdcW\xab\x97\r~\xa7\x0f\x94\x88\x00\xbe\x0f\x02\x00\xf0\x1cJi\xdeV\xfb~\xed\xbe^\xaf/Y\xa2t\xe3\xa7\x9b5ozW\x91\x06\x8c\t\xf6\xb9v?/J\xa9\xd1`\x1a0\xa4\xc7\xb7\xdf\xaf"\x84\xc4\xc6\xc6\x1e=z4&amp;&amp;\x06JD\x00\x1f\x04\x01\x00x\x9a\xd8\xac\xbbi\xd3\xa6}\xfb\xf6\xdd\xb3HCB\xa3\xe6%K\x94\xce\xdb\xee\xe7\xdf"\xce\xc7\x8es.I\xb2(\x11q\xf6\xdci\xc6X\xdb\xb6m\xd7\xacY\x03\x89 \xe0\x83 \x00\x00O\x10\x8f\xd9\xa2E\x8b\x16/^\x9c\x94\x94\xa4iZ\xeeo\xe9t\xba\xaa\xf1\xd5\x9a\xff\xeff]\x97+\x9bR\xed\xb1o\xda\xf2\x0c\x8dj\x86(\xe3\xfe\x03{^\xe9\xd8\x82\x10\x02%"\x80\xcf\x82\x00\x00&lt;A$\xfdk\xd6\xac\xb9\x7f\xff~q\xa0nT\x94\xa1j|\xb5\x06\xf5\x1a?\x93\xd02?\x8a4x\x97\xa8\x17\xfd\xc9\xdc)\x1f}&lt;VQ\x14\xc6\xd8\xbe}\xfb\x9ez\xea)\x98\x0c\x00&gt;\x05\x02\x00\xf0\x04\x11\x00\x9a7o\xfe\xeb\xaf\xbfr\xce\xff\xaf\xcf\x90\x1e]\xfb\xc6\xc6\x16\xd0\xeb\xf4\xd9\xae\xc0i\xf7\xf3b\x8cEE\x1az\xf6m\xbfi\xeb\x06BH||\xfc\xef\xbf\xff\x1e\x16\x16\xe6\x83s\xd7 h\x05\xce\xfb\x06|\x1f\xa5\x94R\xca\x18Kh\xd8\xbcD\xf1Rv{\x86\xc5\x9a\xeat:\xc4\n\xfa@j\xfd\x05\x97\xdb5q\xdc\x8c\xe8\xe8X\x84\xd0\x91#GF\x8e\x1c)F?\xde\xbe.\x00\xee\x08\xb4W\x0e\xf8\x85\xcc,\xbb\xcb\x95M\x08\t\xc8v_ \x848\x9d\x8e"\x85\x8bM\xfb\xe8SQ/\xe8\xd3O?\xfd\xe6\x9bodY\x86\x18\x00|D`\xbe{\xc0\xc7\x11B0\x0e\xfcgO\x96ek\xba\xa5u\xcb\x17\xbbuy\xc3\xedvK\x92\xd4\xbbw\xef\xf3\xe7\xcf\x13BD\xa5#\x00\xbc+\xf0_B\x00\xbcH\x92\xa4t[\xfa\xd8QS\xaaV\xa9N)\xb5Z\xad}\xfb\xf6\xc5\x18\xe6\xde\x80O\x80\x00\x00@&gt;\xc2\x18SJeI\xfad\xda\x82\xd0\xd00EQ\xb6m\xdb6~\xfcxI\x92\xf2\xae\x85\x05\xc0+ \x00\x00\x90\xbf$I\xca\xcc\xca|\xa2B\xe51\xefNRUUQ\x94q\xe3\xc6m\xdb\xb6\r&amp;\x03\x80\xd7A\x00\x00 \xdf\xc9\xb2l\xb1Zzv\xff\xbfW^\xea\xa0\xaa*!\xa4o\xdf\xbeV\xab\x95\x10\x02\xb9 \xe0E\x10\x00\x00\xf0\x04B\x88=\xd3&gt;q\xdc\x8cbE\x8b#\x84\xce\x9f?\xdf\xa7O\x1f\x91 \xf2\xf6\xa5\x81\xe0\x05\x01\x00\x00O\xc0\x18\xab\xaa;22j\xc6\x94D\x8c\xb1\xa2(k\xd7\xae\x9d7o\x9e,\xcb0\x19\x00\xbc\x05\x02\x00\x00\x1e"IRF\x86\xadq\xc3\xa6\xc3\xdf~_L\x06\xbc\xfb\xee\xbbG\x8e\x1c\x91e\x19V\x85\x02\xaf\x80\x00\x00\x80\xe7\xc8\xb2\x9cfI\xed\xdf\xf7\xed\xfau\x1b\xaa\xaaj\xb7\xdb_\x7f\xfduJ)\xe7\x1c&amp;\x03\x80\xe7A\x00\x00\xc0\xd3T\xd5=s\xea\x02\xb3)\x9a\x10r\xf0\xe0\xc1a\xc3\x86A\x89\x08\xe0\x15\x10\x00\x00\xf0(B\x88\xd3\xe9,^\xbc\xe4\xb8\xd1SD\x89\x88Y\xb3f\xad]\xbb\x16V\x85\x02\xcf\x83\x00\x00\x80\xa7\xc9\xb2l\xb1\xa4ul\xd7M\x94\x88 \x84\xf4\xef\xdf\xff\xf6\xed\xdbP"\x02x\x18\x04\x00\x10,8\xe7\x94QJ5Q\x91\x94\xdf\xc1X\xce\x17=\x99\x85\x97$\xc9\x9an\x197j\xca\x13\x15*3\xc6RRR\xbav\xed\x8a\x10\x82\x00\x00&lt;\t\x02\x00\x08|\xa2\x0c\xb5,\xcbQ\x91\x06\xb39\xc6h4EDD\xea\xf5zEQBB\xc2"#\rfs\x8c\xc1`\xccI\xc4{"\x0c\xdc)\x11!\xcb\xd3&amp;\xcf\x13%"\xb6l\xd9\xf2\xc1\x07\x1f\xc0\xaaP\xe0Ip@\x1d\x08d\xe2 \x1aC\x94\x01cr\xf3\xf6\xf5]\x7f\xee8z\xfc\xd0\xc5\x8b\xe7o\xdd\xbe\xe1pdQJ\x15\x9d\xcel2\x97.U\xbef\xf5:uj\xd5\x8f\x8d-\x90\x91a\x13\x7f*\xbf\xafM\x92${\xa6\xbdV\x8d\xba\xa3\xdf\x9d4j\xec\x10I\x92\'N\x9c\xf8\xec\xb3\xcf\xd6\xa9S\xc73\x17\x00\x00\x04\x00\x10\xb0\x18c\x11\x11\x91\xd9\xd9\xceM[7\xfc\xb0~\xed\x1f\xbbw&amp;\xa7\xdc\xbe\xcf\xf7\xfe\x94\x88P\xd1"\xc5\xbb\xbf\xd6\xbbG\xb7~\xb2\xac\xb8\xdd.\x0f4\xc1\xb2,\xa7\xa6\xa5\xbc\xf1\xfa\xff\xfd\xf6\xfb\xb6\x9f\xb7\xac\'\x84t\xee\xdc9))\xc9`0p\xce\xe1\xe00\x90\xdf\xa0\x97\x01\x02\x13c,,4l\xeb/?\xbd\xd2\xa1E\xcf\xbe\x1d\xd6\xfd\xb8&amp;9\xe56!D\xa7\xe8\xf4:\xbdN\xa7S\x14\x9d\xa2(:\x9dN\xa7\xd3\xc9\xb2B\x08\xb9v\xfd\xca\xa4)c\xba\xbd\xf1j\x86\xdd\xa6\xd7\xeb=\x93\x8e\'D\xb2g\xda\'O\x9c-JD\\\xb8p\xe1\xff\xfe\xef\xff`U(\xf0\x0c\x08\x00 0q\xce\x15\x9d\xcebI;z\xfc\x90,\xcb\x8a\xa2\xc8\xb2\xc2\x18s\xabn\x97\xdb\xe5v\xbbU\xd5\xad\xaa\xaa\xdb\xedv\xbb\xdd\x9a\xa6"\x841\xc6\x8a\xac\xfc\xf1\xe7\xce\xde\xff\xd7I\xd34I\x92&lt;0-\x8c1v\xbb]\xb11q3\xa6\xcc\'\x84\xc8\x92\xbcz\xf5\xea%K\x96\xc0\xaaP\xe0\x01p0\x05\xf0\x04\x91\xd4~\xe6\x99g~\xfd\xf5W\x84\xd0\xb2\xcf\xbfi\xd6\xe4Y[F\xba$I\xf9\xf9\xd7r\x9dN\xff\xfc+\t\'O\x1ec\x9c!\x84dY\x8e\xaf\xf4d|\xe5\xa7\x8a\x15-\x1e\x15i@\x18[\xd3-\'O\x1e\xdd\xfe\xdbV\xbb=C\xac\xc2T\x14EU\xd5\xb7\x06\x8c\x189l\xbc\xc5\x9a*I\x9eH\x93\xaa\xaaZ \xae\xe0\xf8\x0fG\xce\xfdl\x9a,\xcbz\xbd\xfe\xc8\x91#\xa5K\x97\x86\xc9\x00\x90\xaf`\x0e\x00\x04,JiHHh\xb7\xceo\x8c\x18=\xa8B\xf9Jm^h\xd7\xec\x99VeJ\x97\x0f\x0b\rC\x18q\xce\x11G\x18c\xc6\xd9\xe5+\x17\xc7N\x18\xbey\xeb\x06B\x88\xa6i\x18\x93\xe5+?\xef\xd6\xa5\xb7!\xca\xa0i\x9a\x07r\xf1\x8a\xa2\xa4\xa6\xa5\x0c\x1f2f\xff\x81\xdd\x7f\xee\xf9]\xd3\xb4.]\xba\xfc\xfe\xfb\xef\x08!\x98\x0c\x00\xf9\x07:\x17 `I\x92\x94\x95\x95\xd9\xbci\xeb\xc4\xb9\xcb\xd7\xad\xde\xfa\xf6\xa0\xf7\xca\x95\xa9\xe0v\xbb,\xd6T\x8b%\xd5j\xb5X\xd3-\x16k\xaa\xd5j)T\xb0\xf0\x82\xb9_V\x7f\xaa\x16c\x0cc\x821\xb2X\xd2\xf6\xed\xff3,4\xcc\x83\x0b\xf39\xe3\xfc\xc3\x0ffEE\x19$I\xde\xbd{7\x94\x88\x00\xf9\r\x02\x00\x08`X\xd3\xb4\x88\x88\xa8\xe7[\xbd"IR\xaa%\xc5\x99\xed\xc4\x18K\x92,I\xb2t\x87,\xcbrf\xa6]\x1f\x12\xd2\xeb\xf5\xfe\xe2\x8f\x11B0\xc6\xa7N\x9f\x90$\x99{d[\x00B\x88\x10)++\xf3\x89\x8a\xf1\x13\xc7N\xa7T\x13%"\xb6l\xd9\x02\x93\x01 \xff@\x00\x00\x81\x0cc\xcc\x18\xb5e\xa43\xc6dI\xbe_&gt;]\x92d\x97+\xbbL\x99\xf2\x92$1F\x11B\x9cs\x8b5\x8ds\x8e\x91\xe7\xd2/\xb2,\xa7\xa5\xa5vl\xdf\xads\x87\xd7\xddn7!R\xd7\xae]\xa1D\x04\xc8?\x10\x00@\x80\xc3\x18K\x92\xf4\xcfit\x8e$"a\xfc\xd7\x1b\xe1\x95\xbc\xbb$I\xe9\xe9\xe9\xa3\xdf\x9dT\xbe\\E\xc6\xd8\xed\xdb\xb7\xbbv\xed\x8a1\x86\x00\x00\xf2\x03\x04\x00\x00\x10BH\x92\xa54K\xaa\xa6\xa9"\x06`\x8cM\xa6h\x8c\xb1\xc7R@\x02\xc6X\xd3\xd4\xc8\xc8\xa8\x99S\x17\x84\x87\xdd)\x111k\xd6,(\x11\x01\xf2\x03\x04\x00\x00\x10\xa54D\x1f\xba}\xc7f\x84\x90D\x88(\x15W\xa1|%J5O\xa6\x80\x04I\x92l\xb6\xf4\xda5\xeb\xbd\xfd\xd6(UUeY\x196l\xd8\x9e={\xe0\xe00\xf0\xd8A\x00\x00\xc1N\xd34\x83\xc1x\xf8\xe8\x81\x15_/\x15\xabB9\xe7fsL\xed\x9a\xf5\x1cN\x87W\x96\xe1+\x8a\x92\x92\x9a\xdc\xb7\xd7\xa0\x16\xcd\x9e\xd34\x95s\xde\xb9s\xe7\xac\xac,\x84\x10l\xdc\x01\x8f\x11\x04\x00\x10\xd44M\x8b\x8c\x88LI\xb9\xfd\xe6\xe0\x1e\xf6\xcc\x0c\x8c1!\x84s\xde\xbd\xcb\x1b\x85\x0b\x15u\xbb]\xdeZ\x83\x8f1v\xb9\xb3\xa7N\x9a[\xbcX\t\x84\xd0\x85\x0b\x17\x06\x0e\x1cH\x08\x81\x15A\xe01\x82\x00\x00\x82\x97\xa6\xa9F\xa3\xe9\xca\xb5\xcb\x9d\xba\xbfx\xfa\xcc\tB\x08\xc1D\xd3\xb4\xaa\xf1\xd5\xfa\xf5\x19\x92a\xb7\x11\x92\xaf\x1b\x95\x1f\x84\x10\x92\x9d\x9d] \xae\xe0\x07\xefO\xe7\x9c)\x8an\xc9\x92%k\xd6\xac\x81U\xa1\xe01\x82\x00\x00\x82\x14\xa5Ztt\xec\x9e\xbd\xbb\xdav~\xf6\xf4\x99\x13\x92$\x11L4\xaa\x95,^:q\xee\x97:EG)\xf5\xee\x16\\Y\x96-\xd6\xd4\xd6-_\xec\xdf\xe7mUu\xcb\xb2\xdc\xaf_\xbf\x8b\x17/J\x92\x04\x93\x01\xe0\xb1\x80\x00\x00\x82\x11e\xd4l\x8a\xf9j\xf5\xb2N\xdd^\xb8u\xeb\x86$I\x08a\x8dj\x95*V\xf9\xea\x8b\x1f\n\x17.\xea\xf4R\xf6\xffo$I\xb6\xa6[\x06\x0f|\xb7A\xfd\xc6\x94R\x8b\xc5\xd2\xbe}{\x9b\xcd\x861T\xf1\x02\x8f\x81\xf7\x1fq\x00&lt;\x8cRj2\x98\xe7\xce\x9f&gt;\xe4\x9d\xbe.\xb7K"\x12\xe7\x88R\xed\x99\x84\x96\xab\xbe\\_\xa8P\xd1\xac,{&gt;W\xa9{X\x18cM\xd3"\xc2#\x8a\x15)\xc19\'\x84\x9c?\x7f&gt;;;\xdb\xdb\xd7\x05\x02\x04\x04\x00\x10\\(\xa5F\xa3\xe9\xcb\xaf\x16O\x9c&lt;J"\x12!\x84#\xce\x18\xed\xdbk\xd0\x92\xc4Ua\xa1\xe1\x0eG\x96g*\x80&gt;\x0cUSc\xa2c\xbf^\xb3\xfc\xeb5_\xc8\xb2\xcc9_\xb3fM\x81\x02\x05\x18cP!\x0e\xfcw\xbe\xf2\xa0\x03\xe0\x01\xe2\x94\x98S\xa7\x8f\xbf?a\x18\xc6Dl\xf2b\x8c\x8d\x1d5\xb9\x7f\xdf!V\xab\x85s\xee#}\x7f\x84\x10\xa542&lt;\xf2\xe4\xa9c\xe3&amp;\x8dPdE\xd5\xd4\xb1c\xc76m\xdaT\xd34Y\x867\x17&lt;\x060\x02\x00A\x84s\xae\x0f\tI\xfc|\xb6\xd3\xe9\x94\x08A\x081\xc6\xc6\x8d\x9e2\xe0\xff\x86\xa5\xa6\xa5 \x84|!\xef/\x88P\xa4j\xda\xa0ao\xd8l\xe9\xaa\xa6\xd6\xad[w\xd4\xa8Q\x94R\xdf\tQ\xc0\xdf\xf9\xca\xe3\x0e@~\xe3\x9c+\x8a\x92\x9c|\xeb\xd7\x9d[0\xc6\x08c\xc6\xd8\xabm:\xf5\xef;$%\xf9\x96,\xc9&gt;\x95T\xa1\x94\x9a\x8c\xe6\x99\xb3?&lt;r\xf4\xa0\xa2(f\xb3y\xc5\x8a\x15\x8a\xa2`\x8c}\xea:\x81_\x83\x00\x00\x82\x05\xe7\\\xa7\xd3_\xb9z)%\xe56B\x88RMQ\x94&gt;\xbd\x06:\x1c\x0eL|\xabI\xd54\xcdd4o\xf8y\xdd\xbc\x053t:\x9d\xaa\xaa\xf3\xe7\xcf/]\xba\xb4\xa6i\xbe3F\x01\x01\x00\x1e&amp;\x10,8\xe7\xb2,\xa7YR\x11B\xb2$#\x84\x8a\x17+U\xa2x)\x97+\xdb\x8b\x1b\xbe\xee\xc6\x18\x0b\r\r\xbb~\xe3\xea\xb0\x91obL\xdcnw\x8f\x1e=\xda\xb5k\x07\xa9\x7f\xf0\xd8A\x00\x00\xc1\xc5\xe9tr\xce5\xaaq\xce\xa3\xa2\x0c!!\xa1&gt;\xb8\xa9J\xaf\xd3\x8f\x1e\xf7vZZ\nB\xa8j\xd5\xaas\xe6\xcc\x81\xd4?\xc8\x0f\xd0\xa1\x00A\x84s\xae(\xba\xa8(\x83XTc\x8c2\xf8Z:]\xd3\xb4\xe8\xe8\x98O\xe6N\xd9\xb4u\x83\xa2(\x8c\xb1e\xcb\x96\x85\x87\x87{}[2\x08H\x10\x00@\xb0\x90$\xc9\xe1\xc8\xaaW\xe7\xe9m\x1b\xf7"\x8c\x10G\x92,\xbb\xb2]\xbe\x93U\xd7\xa8f0\x18\xf7\xec\xdd5u\xc6\x07\x8a\xa2\xa8\xaa:s\xe6\xcc\xa7\x9ez\n\x92? \x9f\xc0S\x05\x82\x88X\x08d6Gs\xce\x11\xc2\x08q\xdf)\xac\xc69\xd7)z\xbb=c\xf8\xa8\x01\x9csUU\xdb\xb6m;x\xf0`h\xfdA\xfe\x81\x07\x0b\x04\x17J\xa9\xaa\xaa\x92$!\xc4)e\x0fuZ\xa4G0\xc6\xa2"\xc3\x07\x0c\xe9q\xfa\xccIBH\x81\x02\x05\xe6\xcd\x9b\'\xca?x\xfb\xd2@\xc0\x82g\x0b\x04\x11\xce\xb9^\xa77\x99\xcc\x92$\xc9\xb2\xcel\x8a\x96$\xc9\x17\xaa\xaa\xa9\x9a\x1am\x8eY\xfd\xcd\x97\xdf~\xbfJ\xa4\xfe\x97/_\x1e\x1b\x1b\xcb\x18\x83\x00\x00\xf2\x0f\x8c\x00@\xb0\x10\xfb\x00n\xdf\xbe9w\xfe\xf4CG\xf6\x11L\x9en\xd0\xa4\x7f\x9f\xc1\xa1\xa1a\x9a\xa6yq\x1c\x90[\xf2a\xec\xc4\xe1"\xf5?n\xdc\xb8\xe6\xcd\x9bC\xf2\x07\xe47x\xbc@P\xe0\x1ca\x8c\xddnW\xef\xfe\x9d\x8e\x9d8"\xbex\xf4\xf8\xa1\xf3\x17\xce,\x9c\xb7BSU\xe4\xa5\x00 J&gt;h\x94\x8a\x92\x0f\x08\xa1\xa6M\x9b\x8e\x1d;\x96R\n\xad?\xc8o0\xba\x04A\x81s\x16\x16\x16~\xf8\xc8\xfec\'\x8e\xc8\xb2L\x08\x91$I\x92\xa4\xad\xbf\xfc|\xfe\xc2Y\xbd\xf7v\x03PJ\x8d\x06\xe3\xf8I#\x8e\x1c=(I\xb2\xc9dJLL\xe4\x9c\xfb\xc8\xcc\x04\x08l\x10\x00@P\x10\xb3\xa9\xd6t\x0b!\x841\xc6\x18\xa3\x94RJ9gV\xab\xc5[{\xac4M3\x99\xcc\x1b7\xfd\xf0\xc5\x8a\xcfu:\x1d\xa5\xda\xc2\x85\x0b\xcb\x94)\x03\xa9\x7f\xe0\x190\xc6\x04A\x01c\xcc\x193\x1aL\x8c1QX\xffNU5\xce\r\x06\xa3W\x16\x832\xc6BCC\xaf^\xbd&lt;l\xe4\x9b\x92$\xb9\xdd\xee7\xdf|\xf3\xd5W_\x85\xd4?\xf0\x18\xe8e\x80\xa0\x801q8\x1dOV\xadQ\xb6LyM\xd38\xe7b\x10\xd0\xa0~B\xd92\xe5\xb3]N\xaf\xf4\xb8\x15E7dx\xdf\xb4\xb4\x14Ji\x95*U&gt;\xfa\xe8#(\xf9\x00&lt;\t\x02\x00\x08\n\x18#JihHh\xe2\xdc/\x9b6y6::\xb6@\\\xc1W\xdbt\x9a1e&gt;\xa5\x14#O\'\xdc5M\x8b6\xc7\xccK\x9c\xf1\xc7\xee\x9d\x8a\xa2DDD\xacX\xb1"22\x12\xaa=\x03O\x82\x91&amp;\x08\x16\x84\x10g\xb6\xb3t\xa9rK\x12W\xa5\xa4%\x13"\xc5\xc6\xc4\xb9\\\xd9\xaa\xaaz\xb8\xcd\xa5\x94FE\x19v\xfc\xb6-\xb7\xe4\xc3\xacY\xb3\xaaT\xa9\x02\xc9\x1f\xe0a\xf0\xb4\x81 B\x08\xc9\xcev"\x84\x0cQF\x84\x90\xddn\xc3\x98x\xb8\xf5\x17\x05\xe9\xec\xf6\x8c\xb7G\xf4\xcd-\xf9\xd0\xbf\x7f\x7fh\xfd\x81\xe7\xc1\x03\x07\x82\x8b\xc8\xf5k\x9a\x86\x10\xf2\xca1\x00\x8c1\xa3!\xb2\xff[\xdd\xaf^\xbbB\x08)S\xa6\xcc\x82\x05\x0b|\xea,b\x10&lt;`\x0e\x00\x04#o\xa5\xda5M3\x9b\xcc\x8b\x97}\x96[\xf2!11\xd1d21\xc6 \xf5\x0f&lt;\x0f\x02\x00\x00\x1eB)\x8d\x08\x8f8y\xfa\xf8\x84\xc9\xa3rK&gt;4m\xdaT\xd34\xe8\xfe\x03\xaf\x80\x14\x10\x00\x9e\x90[\xf2\xe1\xada}\x9cN\x07\x82\x92\x0f\xc0\x07\xc0\x93\x07\x80\'PJc\xa2c\xdeyo\xc0\x91\xa3\x07$I\x8a\x8a\x8a\x82\x92\x0f\xc0\xeb \x05\x04@\xbe\xbb\xab\xe4\x03\x85\x92\x0f\xc0\x17\xc0\xc3\x07@\xfez@\xc9\x07H\xfd\x03\xef\x82\x14\x10\x00\xf9.\xb7\xe4\x03B\x08J&gt;\x00\xdf\x01#\x00\x00\xf2\x11\x94|\x00\xbe\x0cF\x00\xc0\x0b\x18c\x9c{\xa7\xfe\xbe\'A\xc9\x07\xe0\xe3`\x04\x00\xbc "&lt;R\xaf\x0fa\x8cQ\xaay\xeb$\x96\xfc\x06%\x1f\x80\xef\x83\x07\x11x\x8e8\x84\x8bs\xbe\xfd\xb7-\xa5J\x96\x8e\x8d-\xa0\xd7\xe9\xb3]\xd9\xd9\xd9N\xc6(\xc6$\x90\x96\xc4@\xc9\x07\xe0\xfb0\xe7\xdc\xdb\xd7\x00\x02\x9fX\xefX\xb3f\xcd\xfd\xfb\xf7K\x92$r#U\xe3\xab5\xa8\xd7\xf8\x99\x84\x96\xe5\xcb=\x11\x1a\x1a\x9a\x9d\x1d8\x91@\xd3\xb4hs\xf4\xe2e\xf3\xdf\x1b;D$\x7f\xb6n\xdd\xda\xb4iS\x98\xfb\x05&gt;\x05\x02\x00\xf0\x04\xf1\x98-Z\xb4h\xf1\xe2\xc5III\xa2\x16\x9b\xa0\xd3\xe9\xaa\xc6Wk\xde\xb4uB\xa3\xe6\xb9\x91\xc0\xe5\xca\xa6T\xf3\xd3H@)\r\x0f\x0b\xbfp\xe9\\\xeb6\x8d4M\x15%\x1f\xc6\x8e\x1d\x0b\xc9\x1f\xe0k \x00\x00O;y\xf2\xe4\x86\r\x1b6m\xda\xb4o\xdf\xbe\xf4\xf4\xf4\xdc\xaf\xebt\xfa\xaa\xf1O\x89HP\xb2Di\x83\xc1\xa8\xaa\xaa\xc3\x91\xa5Q\x8d\xf8O$\x10\x9b{eYy\xb9C\xf3#G\x0f \x84\x9a6m\xbau\xebV\xe8\xfb\x03\x1f\x04\x01\x00x\x0e\xa5\x94\x90\xbf\xea\xef_\xbbvm\xcb\x96-\xdf\x7f\xff\xfd\x8e\x1d;\xf2F\x02\xbd^_\xb2D\xe9\xc6O7k\xde\xb4u\xd5*\xd5\xf2F\x02\x8c1\xf1x\x05\xffG\xa2i\x9a(\xf9\xf0\xc5\x8a\xcfE\xc9\x87\xa4\xa4\xa4\xd2\xa5K\x8bS\xe9\xbd}u\x00\xfc\x0f\x08\x00\xc0\xd3\x18cbJ \xb7A\xbc_$@\x08\x95/\xf7DB\xa3f\xcd\x9f\x11\x91\xc0\xa4ijv\xb6\xd3\xedv#\x84\xf2\xc6\x12\x1f!J&gt;l\xda\xb2\xbeG\x9f\xf6:\x9d\xce\xedv\xaf]\xbb\xf6\xd5W_\x85\xee?\xf0M\x10\x00\x80\xd7\xdc/\x12\xfc\xf6\xdb\xef\xdb\xb6m\xbdr\xe5J\xdeo._\xaebB\xa3\xe6\r\x1b4\x89\xaf\xf4d\xa1\x82\x85)c\x0e\x87CU}(\x120\xc6\xf4z}JJr\xeb\x97\x1b\xa5\xa7[(\xa5o\xbe\xf9\xe6\xdc\xb9s!\xf5\x0f|\x16\x04\x00\xe0}wG\x82\x8c\x8c\x8c\xed\xdb\xb7\xaf[\xb7n\xdb\xb6m\x7f\x8b\x04\x85\x0b\x15mP\xafq\xf3\xa6\xadk\xd7\xac_\xa0@A\xe63\x91\x801\x16\x11\x11\xd9\xe1\xb5\xd6\x7f\xec\xfe\r!T\xa5J\x95?\xfe\xf8#44\xd4G\xe2\x13\x00w\x83\x00\x00|\x88\x88\x04\x18\xe3\xdc\x84\xc9\x83"A\xe1\xa2\r\xea\xfe\x15\t\x10BN\xa7\xc3\xe5\xca\xe6\xdc\x0b\x91@\xd3\xb4\xd8\x98\xb8\x99s&gt;\xfa\xe8\xe3\xb1\xb2,\xeb\xf5\xfa?\xff\xfc\xb3J\x95*P\xef\x13\xf82\x08\x00\xc0\x17q\xce\xc5\x0e\xe1\xdcH`\xb7\xdb\xf7\xee\xdd\xfb\xf3\xcf?\xff\xf4\xd3O\xc7\x8f\x1f\xcf\xfb\xcdE\n\x17mP\xafq\xad\x1a\xf5\xea\xd7mT\xa2DiI\x92&lt;\x1c\t(\xd5\x0cQ\xc6?v\xff\xd6\xb1\xdb\xf3\x18a\x8dj\x8b\x17/\xee\xd1\xa3\x07$\x7f\x80\x8f\x83\x00\x00|\xda\xdd\x91\x80R\xbag\xcf\x9e\xef\xbe\xfb\xee\xeeH`\x882\xd6\xaeY\xafy\xd3\xd6\r\xea\'\x94(^J\x92$\xa7\xd3\xe9v\xbb(\xa3\xf9\xb7\x90\x94s.\xcbrf\xa6\xfd\x85W\x13\xae\xdf\xb8\xc6\x18k\xdf\xbe\xfd\xaaU\xab\xa0\xf5\x07\xbe\x0f\x02\x00\xf0\x0f"\x12\x88\xd6V|%o$8w\xf6\x9c\xcb\xed\xca\xfd\xe6;\x91\xa0Y\xebzu\x1a\x15)\\,,,&lt;;\xdb\x99O\xdb\x8c)\xd5\xa2\xcd1\xdd\xdfh\xfb\xf3\x96\xf5\x84\x90\x92%K&amp;%%\x19\x0c\x06H\xfd\x03\xdf\x07\x01\x00\xf8\x99{F\x823g\xcel\xd8\xb0a\xdd\xbauIIIb\x91\xa8\x10\x11\x11Y\xa1|\xa5\x16\xff\xbb\xcd\xf81F\x02M\xd3bcb\x17.\x997j\xec\x10I\x921F\xbf\xff\xfe{\x9d:u \xf5\x0f\xfc\x02\x04\x00\xe0\xaf\xee\x8e\x04(g\x9b\xf1\xdd\x91 \xef6c\x11\t\xdcn\xb7\xd3\xe9\xd4\xa8\xfa\xaf\xb3C\x94\xd2\x88\xf0\x88\xa3\xc7\x0f\xb5\xed\xdc\nJ&gt;\x00\x7f\x04\x01\x00\xf8=\xce\xb9\x08\x06\x92$\xe5f]N\x9c8\xb1y\xf3\xe6\xed\xdb\xb7\xffmsYn$\xa8]\xb3\xfe\x13\x15\xe3MF\xb3[u\xff\x8b\x82\x13\xa2\xe4\x83"+\xcf\xbd\xdc\xe8\xe4\xe9\xe3\x08\xa1\xe6\xcd\x9bo\xda\xb4\x89R\n\xad?\xf0\x17\x10\x00@@\x11\x0bI\xf3F\x82\xfbm3\xc6\x18\x97+[!\xa1Q\xf3\x9cm\xc6y\nN \xfc\x8f\x19|\xb1\xees\xd8\xc8\xfe_\xac\xf8\x9c\x10\x12\x1d\x1d}\xf4\xe8\xd1\xb8\xb88(\xf9\x00\xfc\x08\x04\x00\x10\x98\xfeu\xc1\t\xa3\xc1\xa4Q\xed\xc1\x9b\xcb4M3\x9b\xa3\xd7|\xb3b\xd0\xd07D\xc9\x875k\xd6\xb4m\xdb\x16J&gt;\x00\xff\x02\x01\x00\x04\xb8{F\x82\xbd{\xf7\xae_\xbf~\xeb\xd6mW\xaf\xfe\xad\xe0\xc4\x13O\xd7O\xa8S\xabA\xdd\xda\r\xe2\xe2\xee\xbd\xcd\x981\xa6\xd7\x87\xa4\xa4\xdcn\xf5\xd2\xd3\xe96+cl\xf0\xe0\xc13g\xce\x84\xd4?\xf0;\x10\x00@\xb0x,\x05\'D\x86\'&lt;,\xbcc\xb7\xe7E\xc9\x87j\xd5\xaa%%%!o\x17\xa2\x00\xe0_\x80\x00\x00\x82\x8eX;\x84\xf2l.\xcb\x8d\x04\xbf\xfc\xf2\xeb\xe5\xcb\x97\xf2~s\xde\x82\x13\xb1\xb1q\x9c\xf3\xb0\xb0\xb0\xf7?\x18&gt;\xf7\xb3i\xb2\xac\xe8\xf5\xba?\xfe\xf8\xa3j\xd5\xaa\xb0\xee\x13\xf8#\x08\x00 x\xdd\xbd\xcd\xd8\xe1p\x1c:t\xe8\x9e\xdb\x8c\x8b\x14.V\xa5\xf2\x93-\x9a?\x1f\x15i\xe87\xb0+\xe2(\xb7\xe4\x03\xa4\xfe\x81\x9f\x82\x00\x00\xc0\xa3\x15\x9c\x10\xdfF)\x85\x92\x0f\xc0\xdfA\x00\x00\xe0/\x0f(8\xf1\xdbo\xbf\x1d&lt;x\xc8\x9dSp\xa2t\xe9\xd2P\xf2\x01\xf8;\x08\x00\x00\xdc\xc3\xfd\xb6\x19o\xdc\xb8\xf1\x9bo\xbe9v\xec\xd8\x96-[\xa0\xe4\x03\xf0w\x10\x00\x00x\x90\xdcH\x90ws\xd9\xf5\xeb\xd7\x8b\x14)"6\x03{\xf7\xf2\x00\xf8/ \x00\x00\xf0\xb0\xf2n3\x86\xd6\x1f\x04\x00\x08\x00\x00&lt;2\xc8\xfc\x80\xc0\x00\x01\x00\x00\x00\x82\x14\xf4b\x00\x00 HA\x00\x00\x00\x80 \x05\x01\x00\x00\x00\x82\x14\x04\x00\x00\x00\x08R\x10\x00\x00\x00 HA\x00\x00\x00\x80 \x05\x01\x00\x00\x00\x82\x14\x04\x00\x00\x00\x08R\x10\x00\xc0\xbdq\xce)\xa5\xde\xbe\n\x00@&gt;\x82\x9d\xc0\xe0\x1er\x0b\xdd@\xc5\x1b\x00\x02\x18\x8c\x00\xc0\xdf1\xc60\xc6\xb7o\xdf\xfe\xf0\xc3\x0fE\xd53\xe8%\x00\x10\x90\xe0$#\xf0?D\x993\xab\xd5\xfa\xd2K/\xed\xd9\xb3\xe7\xca\x95+\xf3\xe7\xcf\xa7\x94\xc2\xb1\'\x00\x04\x1e\x18\x01\x80\xbf\xe4\xb6\xfe-[\xb6\xdc\xb3gOXXXbbb\x9f&gt;}$I\xca=H\x1d\x00\x100 \x00\x80;\xf2\xb6\xfeIII\xb2,;\x1c\x0e\x9dN\xbfp\xe1B\x88\x01\x00\x04$\x08\x00\x00\xa1{\xb5\xfe\x94\xd2\xda\xb5\xea\xbb\xdd.\xbd\x1eb\x00\x00\x81\t\x02\x00\xf8{\xeb\xaf\xd7\xeb5M\x9b0v\xfa\xc6u\xdb_m\xd3\xc9\xe5r\x85\x86\x86B\x0c\x00 \xf0\xc0$p\xb0\xbb\xbb\xf5w\xb9\\\x13\xc7M\xef\xd3s@JJ\xea\xec\xe9\x0b%\x89\xac\xfef\x85\x88\x01\x08\xa1\x05\x0b\x16\xc0\x9c\xf0c\'N\x1e\x96$\xc9\xdb\x17\x02\x82\x0b\x04\x80\xa0v\xbf\xd6\xbfo\xafA\xc9)\xb7\x89D2\xb32gNMD\x08A\x0c\xc8W\x18cI\x92\xc4\x8a[8l\x12x\x0c&lt;j\xc1\xeb\xc1\xad\xbf,\xcb\x04\x13\xc6\x99\x88\x01\xed_\xed\xe2t:!\x17\xf4\xd81\xc6\x10B\xfb\xf6\xed[\xbat)\xc6\x98\x10B)\x85\x0f\x16x\x06\x04\x80 \xf5\x8f\xad\xbf\xf86\x88\x01\xf9M|\x80\x16\x8b\xa5G\x8f\x1eb\xf5\xad$I\x18c\x08\x03\xc0\x03 \x00\x04\xa3\x87l\xfd\x05\x88\x01\x1e\xa0\xd3\xe9\x08!\x9b7on\xd8\xb0a\xaf^\xbd\xae_\xbf\x9e\x1b\x06\xbc}i \x90A\x00\x08:\x8f\xd4\xfa\x0b\x10\x03\xf2\x9b\x98\x04V\x14E\xd3\xb4\xc5\x8b\x17W\xaf^}\xce\x9c9n\xb7[|\xbc"M\x04\xc0c\x07\x01 \xb8\xfc\x8b\xd6_\x80\x18\xe0\x01\xb9i\x9f\xe4\xe4\xe4A\x83\x06\xd5\xa8Q\xe3\xa7\x9f~"\x84\xc0\xc4\x00\xc8\'\x10\x00\x82\xc8\xbfn\xfd\x05\x88\x01\xf9\x8ds^\xb4H\xf1J\x15\xe3\x11B\x18\xe3c\xc7\x8e\xb5n\xdd\xbau\xeb\xd6\xc7\x8e\x1d\x13\x19!M\xd3\xe0C\x06\x8f\x11\x04\x80`\xf1\x1f[\x7f\x01b@\xbe\xe2\x9c\x97*Yf\xf3\xfa?\x87\x0c\x1a\x19\x1e\x1e\x81\x10\x92$\xe9\xa7\x9f~\xaaQ\xa3\xc6\xa0A\x83\x92\x93\x93eY\x86\x89\x01\xf0\x18A\x00\x08\n\x8f\xa5\xf5\x17 \x06\xe4+\xb7\xdb\xc59\x1f\xf1\xf6\xd8\xef\xd7lk\xf7Jg\xd1\xd6SJ\xe7\xcc\x99S\xbdz\xf5%K\x96\xa8\xaa\n\x13\x03\xe0q\x81\x00\x10\xf8\x1ec\xeb/@\x0c\xc8?\x18\x13\x84PJjr\xe9R\xe5\xe6\xccX\xbcb\xc9\xba\xfau\x1b\x890p\xfd\xfa\xf5\x9e={6l\xd8p\xcb\x96-bb\x002B\xe0?\x82\x00\x10\xe0\x1e{\xeb/@\x0c\xc8W\xb2,gg;\xd3\xac\xa9\t\x8d\x9a\xaf\\\xf6\xfd\x94Is\xe2\xe2\n"\x84$I\xda\xb3gO\x8b\x16-:u\xeat\xe6\xcc\x19\xc8\x08\x81\xff\x08\x02@ \xcb\xa7\xd6_\x80\x18\x90\xaf\x08!\xb2$\xdb2\xd2\xb3\xb3\x9d\xdd\xbb\xf4\xde\xb8n\xe7\x80~C\t&amp;\x08!Y\x96\xbf\xfe\xfa\xeb\xda\xb5k\x8f\x1f?\xdef\xb3\x89O\x1b\xc2\x00\xf8\x17 \x00\x04\xac|m\xfd\x05\x88\x01\xf9M\x92$\x8cI\x9a%\xd5d4\x8fzw\xe2\x86u;_h\xfd\x8a\xa6i\x08\xa1\x8c\x8c\x8cq\xe3\xc6\xd5\xa9Sg\xc9\x92%\x84\x10I\x92`\xa9(xT\x10\x00\x02\x93\x07Z\x7f\x01b\x80\x07\xc8\xb2\xac\xaa\xaa\xc5\x92V\xa1|\xa5y\x9f,\xfbr\xc9wOU\xad\xc19\xc7\x18\x9f&gt;}\xbag\xcf\x9e\xcd\x9a5\xdb\xb6m\x1b,\x15\x05\x8f\n\x02@\x00\xf2X\xeb/@\x0c\xf0\x00\x8c\xb1,\xcb\x0eG\x96=3\xa3I\xe3\x16k\xbf\xfay\xec\xa8\xc9fS4BH\x92\xa4m\xdb\xb65k\xd6\xacW\xaf^7n\xdc\x80\x89\x01\xf0\xf0 \x00\x04\x1a\x0f\xb7\xfe\x02\xc4\x00\xcf\x10\xa9\x1e\x9b-\x9dR\xda\xef\x8d\xb76\xaf\xff\xb3\xfbk\xbdE\xf9hI\x92\x17/^\\\xadZ\xb5\x89\x13\'B\r\t\xf0\x90 \x00\x04\x14\xaf\xb4\xfe\x02\xc4\x00\x8f\x11\xe7\xc6X\xd2\xd3\x8cF\xd3G\x13&gt;Y\xff\xcd\xf6\x84F\xcd(\xd5\x10B\xc9\xc9\xc9c\xc6\x8c\xa9Q\xa3\xc6\xd7_\x7f\r5$\xc0?\x82\x00\x108\xbc\xd8\xfa\x0b\x10\x03&lt;I\x96dUU\xd3\xd3\xad\x15+T\xfer\xc9\xba\xd9\xd3\x17\x96+[\x11!\x840:v\xecX\xa7N\x9d\xf2\xd6\x90\x800\x00\xee\t\x02@\x80\xf0z\xeb/@\x0c\xf0$q\x8e\x98\xc3\xe9\xb0\xdb3\xda\xbe\xdce\xfd\xb7\xdb\xdf~\xeb=11@\x08\xc9[C\x02\x8aK\x83{\x82\x00\x10\x08|\xa4\xf5\x17 \x06x\x98H\xf5\xa4\xdb\xac\x08\xa1\x11o\x8f\xdd\xf0\xdd\xcev\xaft\x11\xa7u\x8a\x1a\x12U\xaaT\x81\xe2\xd2\xe0\x9e \x00\xf8=\x9fj\xfd\x05\x88\x01\x9e\'I\x12B&lt;5-%.\xb6\xc0\xdc\x99\x8b\xd7\xae\xfc9\xb7\x86\xc4\xdd\xc5\xa5a\xa9(\x10 \x00\xf87\x1fl\xfd\x05\x88\x01\xde\x80\xc5\x8e\x81\xd4\xb4\x94\x9a\xd5\xeb\xacX\xfa\xfd\xc7\x1f\xce-U\xb2\x0cB\x88\x90;\xc5\xa5;u\xeat\xec\xd81\xb1TTl(\x03\xc1\x0c\x02\x80\x1f\xf3\xd9\xd6_\x80\x18\xe0\x15b\xc7@f\x96=;\xdb\xd9\xadK\xefu\xab\xb7\r\x1e\xf8nxX\x04\xca\xa9!Q\xa3F\x8d1c\xc6\x88\xe2\xd2\x9cs\x98\x18\x08f\x10\x00\xfc\x95\x8f\xb7\xfe\x02\xc4\x00o!D"\x84\xa4\xa6\xa5\x84\x85\x85\xbd7\xfc\x83\x1f\xd6\xfe\x9a[CB\xd3\xe8\xc4\x89\x13\xabU\xab\xb6d\xc9\x121\x8dL)\x85\x89\x81\xe0\x04\x01\xc0/\xf9E\xeb/@\x0c\xf0"Y\x96)\xa5))\xb7K\x95*\x9b[C\x821\x8a1\xbaq\xe3F\xde\x1a\x1201\x10\x9c \x00\xf8\x1f?j\xfd\x05\x88\x01^\x841\x96e\xc5\xe9t\x88\x1a\x12\xabWl\x9c2iN\\\xec\x9d\xe2\xd2\xb95$\xa0\xb8tp\x82\x00\xe0g\xfc\xae\xf5\x17 \x06xWn\r\t\xcey\xf7.\xbd7|\xb7s@\xbf\xa195$\xa4\xc5\x8b\x17\xd7\xae]{\xdc\xb8q\xb9\xc5\xa5!#\x14$ \x00\xf8\x13?m\xfd\x05\x88\x01^\'jH\xa4YRM&amp;\xf3\xe8w\'\xad\xfff{B\xc3f\xa2\xcb\x9f\x91\x911~\xfc\xf8:u\xea@\r\x89\xa0\x02\x01\xc0o\xf8u\xeb/@\x0c\xf0\x05b\xa9h\x9a%\xb5b\xc5\xf8\xe5\x8b\xbf[\x9c\xb8\xaa\\\xd9\x8a\xb9\xc5\xa5;u\xea\xd4\xa2E\x8b={\xf6@\r\x89`\x00\x01\xc0?\x04@\xeb/@\x0c\xf0\x05\xb9\xc5\xa53\xb3\xec-\x9a=\xb7\xf1\xbb\x9dcGM6\x99\xcc\x08!B\xc8\x96-[\x1a6l\xd8\xabW\xaf\xeb\xd7\xafC\r\x89\xc0\x06\x01\xc0\x0f\x04L\xeb/@\x0c\xf0\x11"\xd5\x93\x91ac\x9c\xfd_\xef\xc195$\x08B\x88R\xbax\xf1\xe2\xea\xd5\xabC\r\x89\xc0\x06\x01\xc0\xd7\x05X\xeb/@\x0c\xf0\x1dw&amp;\x06\xac\xa9\xa2\x86\xc4\x9a\x95?=]?A\xb4\xf5w\xd7\x90\x80\x8cP\x80\x81\x00\xe0\xd3\x02\xb2\xf5\x17 \x06\xf8\x14Q\\:5-\xa5f\xb5\xda_/_\x9f[\\\x1a\xe3;5$\xf2\x16\x97\x86\x1d\x03\x01\x03\x02\x80\xef\n\xe0\xd6_\x80\x18\xe0S\xc4\xc4@\x96#+\xb7\xb8\xf4\xd0\xb7FE\x84G \x84$I\xca[\\\x1av\x0c\x04\x0c\x08\x00&gt;\xca\xd7Z\x7f\xfe\xbf\x1e\xd7\x8f\x85\x18\xf0\xd8\x89\xf2&gt;\x94j\x9a\xa6Q\xaaQ\xaaiT\xfc\x0f\xe5\xfc\x9f\x93\xf8\xffS\\z\xe8\xd8uk\xb6\xb5{\xa5\xb3h\xebEq\xe9\xea\xd5\xab/Y\xb2DUU\x98\x18\x08\x00\x10\x00|\x91O\xb5\xfe\xa2\tV\x14E\x91\x15Ad\x8d\x1f\x17\x88\x01\x8f\x05\xe7\x9cR\x8ds\xae\xd7\xe9\rQF\xb3)&amp;&amp;:\xd6l\x8a1\x9bbb\xcc\xb1fs\x8c\xc1`\xd4\xebCr\xaa\xbf\xfd\xc3G*nqJjr\xe9R\xe5\xe6\xccX\xbcb\xc9\xba\xdc\xe2\xd2\xd7\xaf_\xef\xd9\xb3g\xc3\x86\r\xb7l\xd9\x02\xc5\xa5\xfd\x9d\xdf\xa7\x11\x02\x8f\xaf\xb5\xfe\x84\x10\xce\x91\xc5\x92\x86\xb0\xf8\x12\xd2\xe9t\xa1\xa1a\xf94\x0e@\x08\xad\xfef\x85\x88\x01\x08\xa1\x05\x0b\x16PJ\t!\xe2\x84\x13p7\xce9cT\xaf\x0f\r\x0f\x0bwf;\xae\\\xbd|\xfe\xc2\x99\xcbW.\xa6\xa6&amp;;\x9c\x0e\xceyhh\xa8\xd9\x14]\xbcx\xa9\xf2e+\x96*QF\xaf\x0f\xc9\xb0\xdb\xc4c\xf6\xe0\x9f,\xcbrv\xb6\xd3\xe1\xccJh\xd4\xbcA\xfd\xc6\xab\xd6~9\xfd\x93I\xc9\xc9\xb7$I\xda\xb3gO\x8b\x16-:v\xec8~\xfc\xf8\xf2\xe5\xcb#\x84(\xa5\x8f\xb7g\x00&lt;\x00\x02\x80o\xf1\xa9\xd6\x1f!\xc49\x0b\x0b\x8dxsp\x8f_wl!\x92\x84\x11\xa6Lk\xf7J\x97\tc\xa7\xa5\xa7[\x1f\xe3\x0b\x0f1\xe0\xdf\xa1T\xd3\xebC\xc3\xc2\xc2/]&gt;\xbf\xf1\xe7u?o^\x7f\xec\xc4a\xa7\xd3q\xcfo\x0e\t\t}\xb2J\xf5W\xdat|\xf9\xc5\xf6aa\xe1YY\x99\xffx\x07\t!\x04\x11[F:!\xb8{\x97\xdeM\x9b\xb4\\\xfaEb\xe2\xe7\xb3)\xa2\xa2\xb8\xf4O?\xfd4d\xc8\x90\xc1\x83\x07\x1b\x0c\x061\\\x830\xe0G \x05\xe4C|\xad\xf5\xd74\xcdd\x8a^\xfe\xd5\xa2\xef\xd7\xaf\xcd\xb0\xdb\xd2\xd3-\xd6\xf4\xb4\x8c\x0c\x9b\xc3\x91\x95\x1fm1\xe4\x82\xfe\x05\xb39&amp;%\xf5\xf6\xfb\x1f\x0ck\xdd\xa6\xd1\x84\x8fF%\xed\xff\xd3\xe9tH\x92\xa4St\xfa&lt;\x14E\'\x11);\xdb\xb9\'i\xd7\x88Q\x03\xdbunu\xf2\xd4\xd1\xa8(\xc3CN\xe4J\x92\x841I\xb3\xa4\x9a\x8c\xe6Q\xefN\xdc\xb0ngnq\xe9\x8c\x8c\x8cq\xe3\xc6\xd5\xa9Sg\xc9\x92%\xa2\xe2\x10,\x15\xf5#\x10\x00|\x85\xaf\xb5\xfe\x8c\xb1\xf0\xf0\xf0\x93\'\x8fM\x9a2F\xa4zE]IQA&gt;\x9f\xfeR\x88\x01\x8fj\xd1\xd2y\xcf\xbf\xd2x\xe1\xe2\xb9Vk\x9a,\xc9b\x86\x86R\xeaV\xdd\xae&lt;T\xd5\xcd8\x13e\x9feI&gt;|\xf4@\x87\xae\xcf\xef?\xb872"\x92\xb2\x87]\xcc#jHX,i\x15\xcaW\xca-.\x9d[C"oqiX*\xea/ \x05\xe4\x13|\xad\xf5G\x08\x89&gt;\xfe\x88\xd1\x8323\xed\xb2,\x8b\xee\xdec_\x05t7\xc8\x05=\x0c17C)\x9d\xbf\xf0\x93\xd4\xd4\x14\x9d\xa2\xa3\x8ciTC\x14!\x84\xa2\xa3c\xcb\x97\xadX\xb4H\xf1\xa8\xc8(\x8eP\x9a%\xf5\xf4\x99\x13\xa7N\x1f\x17\x9f\x9eF5Y\x96m\xb6\xf4\xfe\x03\xbb\xad\xffngdd\xa4\xa6i\x0f\xf9\x91\xe6\xd6\x90\xe0\x9c7i\xdc\xa2n\xed\xa7\x97\xaf\\4\xf7\xb3ii\x96TQ\\z\xdb\xb6m={\xf6\x9c0aB\xe1\xc2\x85\x11L\x0c\xf8&lt;\x08\x00\xde\xe7\x83\xad\xbf\xa6i11\xb1S\xa7\x7f\xb0w\xdf\x1f\x92${\xf8\xf0X\x88\x01\xff\x08cL\xa9\x16\x11\x115w\xd6\x92\xf6]Z\xa9\xaa*\x9e\xa2g\x9b\xbf\xf0\xf2K\x1d\xaa?U+6&amp;NV\x14B\x08\xe2\x881\xe6pf\x1d&lt;\xbc\xef\xc3)c\x0e\x1e\xdeG0\xd14M\x96\x95\xeb7\xaf%.\xfad\xdc\xe8)\x16K\xda#5\xd3b\xf6\xd8fK\x97$\xa9\xdf\x1bo\xbd\xf8\xdc\xab\xb3\xe7M]\xb9j)\xa5T\x92\xe4\xc5\x8b\x17\xaf_\xbf~\xe0\xc0\x81\xc3\x87\x0f\xd7\xe9tb\x9d\xe8?N8\x03\xaf\x80\xbb\xe2e&gt;\xd8\xfaSJ\xa3\xa2\xa2\xfe\xdc\xfd\xdb\xecySeYf\x8c\x16+Z\xc2d\x8aF9\xc3\x02\x0f\x80\\\xd0?"D\xca\xb0\xdb\xea\xd6n0d\xe0H\xc6X\xb3g\x9e\xfd~\xcd\xb6\xcf?[\xd9\xfa\xd9\x97\x0c\x06c\x96#+=\xddj\xb1\xa4Z\xac\xa9\xe96\xab\xa6i\xf5\xeb4\\\xbdbc\xed\x9a\xf5\x18g\x84H\x8cQ\x8c\xf1\x8f\x1b\xbeIMMQ\x14\xe5_|\x9e"fX\xd2\xd3\x8cF\xd3G\x13&gt;Y\xff\xcd\xf6\x84F\xcd(\xd5\x10B\xc9\xc9\xc9c\xc6\x8c\xa9Q\xa3\x06\x14\x97\xf6q\x10\x00\xbc\xc9\x07[\x7f\xce\xb9,\xcb\x0e\x87c\xc4\xe8\x81\xaa\xaa\x8a\xaf\xf4\xef3$&lt;&lt;\xdc\xc3W\x021\xe0\x1f\xc9\x92l\xb3\xa5w\xed\xfc\xc6\xd2\x85k&gt;\xff\xec\xab\xa7\x9e\xac\x99nK\xb7\xd9\xd25M\x13\xf3\xb1\x92$K\x92,\x92\xf2\xd6tKhh\xd8\x98\x91\x1f\xca\xb2\xcc9\x13\xa9\xbc\x1b7\xaf\x9f\xbfpF\xaf\xd3\xff\xeb\x0fS\xd4\x90HO\xb7V\xacP\xf9\xcb%\xebrkH \x8c\x8e\x1d;\xd6\xa9S\xa7\xbc5$ \x0c\xf8\x1a\x08\x00^\xe3\x83\xad?\xba\xd3\xfd7|\xf8\xf1\xfb\xa7\xcf\x9cT\x14\x9d\xa6i\xf5\xea&lt;\xdd$\xa1EJJ2B\xe8\x1f7\x10=^\x10\x03\xfe\x11\xe3L\x96\xe5fM\x9e\xcd\xce\xce\xce\xcc\xcc\x90$I4\xb5w\x7f\xa7\xa2\xe8\xec\xf6\x8cJOT\xc9\xad\xfeO\x08\xe1\x9c\xdfN\xbe%\xc9\xf2\x7f\xf9$\xc5\xba\x00\x87\xd3\x91[C\xe2\xed\xb7\xde3\x9b\xa2\x11B\x84\x90\xbc5$\xa0\xb8\xb4\xaf\x81\x00\xe0\x1d\xbe\xda\xfak&amp;\x93i\xe3\xa6\xef\x97-_ I2c\x8c`\xfc\xde\x88\x89\xaa\xdb\xedv\xbb\xbcrI\x10\x03\x1e\x0c#\x8c\x10\xb2gf`\x8c\t\xf9\xc7&lt;&gt;\xd7\xeb\xf4\x05\x0b\x14Bw\xb2y\x18!D)},y\xbd\xff\xa9!\xf1\xf6\xd8\x9c\xe2\xd2w\xfe\x8a9s\xe6T\xa9R\x05\x8aK\xfb\x1a\x08\x00^\xe0\x9b\xad?\xe7\\\xaf\x0f\xb9}\xfb\xd6\xe8\xb1oc\x84\t\xc1\x94j=_\xef\xdf\xa8A\xe3\xe4\xd4d/\xb6\xb3\x10\x03\xfe\xd1C4\xfd\x02f\x9c\xbbUU\xfcB\x94\x06\x8a\x8a20\xce\xd1c\x9a\xdc\x91$\t!\x9e\x9a\x96"\x8aK\xaf]\xf9sn\r\x89\xbb\x8bK\xc3RQ\xaf\x83\x00\xe0i\xbe\xd9\xfa\x8b\x0b\x0b\r\r{\xff\x83wn\xdc\xbc.+\xb2\xaa\xaa\xf1\x95\x9e|g\xc8\x98\x0c{&amp;\xa3\x1a\xf2\xe0\x0c\xf0\xdd \x06\xfcw\x9csB$\xbb=\xe3\xd2\xa5\xf3(gEohhX\xf1b%\xdcn7\xc1\x8f\xb1)\xc0b\xc7@jZJ\xcd\xeauV,\xfd\xfe\xe3\x0f\xe7\x96*Y\x06!D\xc8\x9d\xe2\xd2\x9d:u:v\xec\x98\xa8*\xea\xe15f /\x08\x00\x1e\xe5\xb3\xad\xbf\xa6ifS\xf4\xcaUK\x7f\xdc\xf8\xad,\xcb\x8c\xb1\x10}\xc8\x94\x0f\xe7\xe8\xf5z\xc6\xd8_I[\xef5\xb3\x10\x03\xfe#US\rQ\x86]\x7f\xee\xb8~\xe3\xaaXG\x8b1\xae\xf6d\xcd\x12\xc5K\xbb\\\xd9\x8f=\xba\x8b\x1d\x03\x99Y\xf6\xeclg\xb7.\xbd\xd7\xad\xde6x\xe0\xbb\xe1a\x11\x08!QC\xa2F\x8d\x1ac\xc6\x8c\x11\xc5\xa5sJ\xd4\x01O\x83\x00\xe09&gt;\xdb\xfa3\xc6\xc2\xc2\xc2\xcf\x9e;5\xe1\xc3\xf7\x08!\x08aJ\xe9\xd0\xc1\xa3jV\xafc\xb7gH\x92D\xef\xa4k\xbd\xbc\xf4\x1eb\xc0\xa3\x12\xdd|J\xa9\xa6\xa9&amp;\xa3\xf9v\xf2\xcd)\xd3\xc6\x89\xb6\x1ec\xcc9\xef\xf5z\x7fB\x08\xcf\xb7\xc0N\x88D\x08IMK\t\x0b\x0b{o\xf8\x07?\xac\xfd5\xb7\x86\x84\xa6\xd1\x89\x13\'V\xabVm\xc9\x92%b\x1a\x99R\n\x13\x03\x1e\x06\x01\xc0C|\xb6\xf5G\x08a\x8c$\x89\xbc;\xe6-[F\xba$\xc9\x9a\xa66l\xd0\xa4\xdf\x1boY,iR\x9e\x0b\xf3\x85\x9dW\x10\x03\x1e\xecog6\x10Bt:\x9d!\xca\x18\x1d\x1d{\xec\xf8\xe1.\xaf\xb79\x7f\xf1\xach\x945M\xeb\xd4\xbe\xfb\xb3\xcd\x9f\xb7\xdb3\xa4\x87\x9dB\xf8\x97dY\xa6\x94\xa6\xa4\xdc.U\xaaln\r\t\xc6(\xc6\xe8\xc6\x8d\x1bykH\xc0\xc4\x80\x87A\x00\xf0\x04\xb1q?\xb7\xf5\x97e\xd9wZ\x7fQ\xf1\xed\xb3\x05\xb3v\xfd\xb9C\x96\x15\x8djF\xa3y\xf2\x84O4\x91\xf7\xf7\xe2\x95\xdd\xc7\xff\xc6\x80\xd7\x9cN\xa7N\xa7\xcb\x8d\x01\xa2c\xeb\xedk\xf4\x1aEQt9\x08\x91T\xd5}\xe3\xe6\xb5\x9f\xb7\xfc8`H\xcf\x17\xdb&gt;s\xec\xc4aEV\xc4Y1\xaf\xb4\xe98q\xdc\xf4\xac\xfc\xa9\xebw7QH\xca\xe9t\xd833\x9a4n\xb1z\xc5\xc6)\x93\xe6\xc4\xc5\x16\x14\xbf\xb5m\xdb\xb6f\xcd\x9a\xf5\xea\xd5\xeb\xcc\x993bb\xc0\x03\x97\x04\x10\x94\x82\xf0\x00\xd1\x1d\xbbz\xf5j\x87\x0e\x1d\x92\x92\x92t:\x9d,+\xe3FO\xe9\xd3s\xa0\xd7[\x7fJiddT\xd2\xbe\xdd3f\x7f$\xd6op\xc6\xc6\xbe\xf7Q\xe9\xd2\xe5,\x964\xb1\r\xd8\x8b\x97w?\x04\x13\xc6XfV\xe6\xf4\xc9\xf3$IZ\xfd\xcd\n\x11\x030\xc6\xd3\xa7O\x0f\x0b\x0bC^\x9d\xb2\xf6\xbc\xdc\xd2@\x03\x86\xf4\xbaq\xe3*!\x84q\xa6i\x9a\xddnOMKv8\xb2r\xbfS\xd5\xd4B\x85\x8a\x0c\xec7\xec\xb5\xce\xbd\xb2\xb3\x9d\x8c1O~PykHt\x7f\xadw\x93F\xcd\x97.O\\\xb9zif\xa6\x9d1\xb6x\xf1\xe2u\xeb\xd6\xbd\xf5\xd6[=z\xf4(R\xa4\x88\x98\xa5\xf0\xd8\xb5\x05\'\x08\x00\xf9\x8e1&amp;I\xd2\x17_|\xb1{\xf7\xee\xb0\xb00\x87\xc3Q\xed\xc9\x9a\xfd\xdex+%5\xd9\xbb\x05R8\xe7\xb2$\xb9\\\xd9#F\rt\xb9\xb2\x15E\xa7\xaa\xee6/\xb6\xef\xd8\xae\x9b\xd5j\xf1\xf13\x87%Ir\xbb\xdd(\x14\r\x7f{\xec\xe6m\x1b\xacV\x8bN\xa7[\xb0`A\xa7N\x9d\x12\x12\x12\x82\xb3\x06\x19\xe7\xfc\xd0\xe1}7o]\xff\xdb\xd7\t\x91\x08\xc1\xb2\xac4n\xd8\xf4\xe5\x17\xdb\xb7l\xfeBdD\xe4\xad\xdb7E\xca\xc5\xf3\xd7)I\x12\xe3\xecv\xf2\xad"E\x8aM\xfdp\x86\xd1`\x9a:\xf3\x03\x8c\xb1^\xaf\xb7X,c\xc7\x8eu\xbb\xdd\xe3\xc6\x8d\xc</t>
        </is>
      </c>
    </row>
    <row r="460">
      <c r="A460" s="1" t="n">
        <v>458</v>
      </c>
      <c r="B460" t="inlineStr">
        <is>
          <t>triangle</t>
        </is>
      </c>
      <c r="C460" t="inlineStr">
        <is>
          <t>What is the missing number of the part denoted with a question mark?</t>
        </is>
      </c>
      <c r="D460" t="inlineStr">
        <is>
          <t>['1', '7', '3', '6']</t>
        </is>
      </c>
      <c r="E460" t="inlineStr">
        <is>
          <t>7</t>
        </is>
      </c>
      <c r="F460" t="inlineStr">
        <is>
          <t>There are three groups of numbers with a triangle arrangement in the image. The first group is [5, 1, 5], the second group is [9, 4, 36], and the third group is [8, '?', 56].</t>
        </is>
      </c>
      <c r="G460" t="inlineStr">
        <is>
          <t>We observe that the number 5 is the product of 1 and 5. Similarly, the number 36 is the product of 4 and 9. Hence, the pattern is that the rightmost number in each group is the product of the other two numbers.</t>
        </is>
      </c>
      <c r="H460" t="inlineStr">
        <is>
          <t>Based on the pattern that the rightmost number in each group is the product of the other two numbers, the missing number of the group [8, '?', 56] should be 7.</t>
        </is>
      </c>
      <c r="I460" t="inlineStr">
        <is>
          <t>b'\x89PNG\r\n\x1a\n\x00\x00\x00\rIHDR\x00\x00\x02\x00\x00\x00\x02\x00\x08\x02\x00\x00\x00{\x1aC\xad\x00\x00\xbbWIDATx\x9c\xec\x9dwxT\xc5\xd7\xc7\xcf\xdc{\xf7\xeefSv7\x8d\x1e\x08\x90@\x80P\x02\xa1\x87\x0e\x06DA\x05\xa4\x88R\x04\x94\x88\x82(\x88"M\x14A\x11\x14\xb0\x804\xa5\x89(((\t\xa1)M\x04\xa4$ \x81\x10 \x01B\xfa\xf6z\xef\xcc\xfb\xc7\xc0\xbe\xf9\x01*\xd9\x84\xb0!\xf3y||\xf4\xe6\xee\xecl;\xdf3g\xce\x9c\x83\x08!\xc0`0\x18\x8c\xca\x07\xf7\xb0\'\xc0`0\x18\x8c\x87\x03\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n\x13\x00\x06\x83\xc1\xa8\xa40\x01`0\x18\x8cJ\x8a\xf0\xb0\'\xc0x\xe0\x10B\xe8\xbf\xe9\x7f\xb8A\xb7yH\xf3b0\x18\x0f\x19t\x87Q`&lt;\x1a\x10B0\xc6\x84\x10\x84\x10\xcf\xf3\xf7y\'\xc7qL\x0f\x18\x8c\xca\x03\x13\x80G\nB\x88,\xcb\x1c\xc7q\xdc\xff\x07\xf7dY6\x99L7o\xde\xcc\xce\xce\x06@\x00\xb7&gt;\xf1\xfa\xf5\xeb\xfb\xfb\xfbk\xb5\xda\xe2#\xc8\xb2\x0c\x00L\t\x18\x8c\xca\x00\x13\x80G\x04\x8c1\xc6X\x10n\xc5\xf4\n\x0b\x0bO\x9d:u\xe0\xc0\x81?\xfe\xf8\xe3\xda\xb5k7sr\x8cF\xa3\xd3\xe1(\xfe\x10\xff\x80\x00\x95RY\xaf^\xbd\x9a5kv\xec\xd8\xb1}\xfb\xf6\x8d\x1b7V\xab\xd5\xf4\xaf\x92$\xf1&lt;\xcfd\x80\xc1x\x84a\x02P\xe1\xa11\x1c\x1a\xe71\x99L\xdb\xb6m\xfb\xe1\xc7\x1f\x8f\x1c&gt;\x92\x9b\x9bS\xd2\xa1\xc2\xc3\xc3\xbbv\xed:x\xf0\xe0n\xdd\xba\xd1\x01\xe9z\x82\xc9\x00\x83\xf1H\xc2\x04\xa0\x02S\xdc\xf4\xa7\xa6\xa6\xae]\xbbv\xf3\xf7\xdfg^\xbd\xea\xbe\xc1? \xa0nDT\x95\xea5\xea7h\xec\xeb\xeb\xd7\xa0I3,Kt\xf7Wr\xb9\xce\xa5\xfce\xb7\xd9\xd2\xce\x9e\xbey\xe3\xfa\xd5\x8c\x8b\x8eb\xeb\x83\xe6\xcd\x9b\x0f\x1b6l\xf8\xf0\xe1U\xaaT\x01\x00Y\x96\xff}#\x81\xc1`TD\x98\x00TT0\xc64\xd0\x7f\xfd\xfa\xf5\x193fl\xdc\xb8\xd1f\xb3\xd1?U\xaf\x19\xd66\xae[\xe7\x9e\xf1\r\x9b\xb4\xa8Q\xab\x8eR%\n\x02`\x02\xb2\xf4?#\x08\n\x00\x02\x92\x04\x16\xb3)\xf3rz\xca\xc9\x13\xfb\x92\xb6\x1f?r\xc0\xa0/\xa27T\xadZ-!a\xfc\x94)SDQ\xc4\x18\xb3\x94!\x06\xe3\x11\x83\t@\x85D\x92$A\x10\\.\xd7\x97_~\xf9\xc1\x07\x1f\xdc\xbcy\x13\x00DQ\x8c\xed\xd0y\xc8\x88\x97Z\xb6\xed\x18Z5\x14cp8\x9cN\x87\xe3V\x92\x0f@q\xf3M\x00\xdc\x179^P*\x95J\x95 Ip\xed\xea\xa5\x83{wmZ\xf3\xd5\xdf\xa9\xa7\xe9\x9d\xd1\xd1\xd1\xf3\xe7\xcf\xef\xdd\xbb7\xb0\xa5\x00\x83\xf1h\xc1\x04\xa0\xe2A\xad\xff\xc5\x8b\x17G\x8e\x1cy\xe8\xd0!z\xb1\xcfS\xcf\x8e}mJ\x83FM\x05\x85`\xb5X].\'\xc0\xfd\xa7u\x12\x8c\t!\x18\x01\x12U*\xb5Zi2YO\x1c\xf9\xfd\xb3\x0fg\x9d&gt;q\x94\xde\xf1\xe2\x8b/~\xf2\xc9\'\xfe\xfe\xfe\xf4\xd9\x1f\xd8\x8bc0\x18\xe5\x07\x13\x80\x8a\x04=\xcc\xc5q\xdc\xe6\xcd\x9b\x13\x12\x12\xf2\xf3\xf3\x01\xa0iL\xeb\xd7\xa6\xcd\xee\xd0\xf51B\x88\xd5b\xa67x\x1c\xab!\x84`,s\x1c\xef\x1f\xe0o1\x9b\xb7o\xd9\xb8d\xfe\xac\xdc\x9b7\x00 &amp;&amp;\xe6\xeb\xaf\xbfn\xd1\xa2\x05\xd3\x00\x06\xe3\xd1\x80\t@\x85\xc1m\xfdg\xcf\x9e=k\xd6,z\xf1\xe5\xd7\xdfy\xe9\xf5w\xd4\xbe&gt;\x06\xbd\x81\x9e\xe4*\xab\xa7\xa3\xd1\x1e\x8d\xd6/\xeb\xca\xd5\xf7\xdfy}\xd7\xf6\x1f\x01 00\xf0\x8b/\xbe\x184h\x10\xd3\x00\x06\xe3\x11\x80\t@\xc5\xc0\x9d\xf03v\xec\xd8\x15+V\x00@H\x95\xaas\x17\xad\xe8\xf5D_}\x91\xf9\xc1\x85\xe6%\xc9\xe5\xe3\xe3+\x8a\x8a\xaf\x97|\xbc\xe8\x83\xe9.\xa7\x13\x00\x96/_&gt;f\xcc\x18\xa6\x01\x0cFE\x87\t@\x05\x80\x9e\xef\x15\x04\xc1m\xfd\x1b5\x8d\xf9b\xfd\xd6\xea5\xc3\xf4E\xfa\x07}\\\x0bc\x0c\x00\x81A\x01\x07\xf7\xedOx\xfei\xa3\xbe\x08\x98\x060\x18\x8f\x04L\x00*\x00\xd4\xce\xbe\xf4\xd2K_}\xf5\x15\x004j\x1a\xb3j\xcbN\x8d6\xd0l6\t\x82\xa2|\xe6\xe0r\xb9\x82Ct\x7f\x1e:4vp_\xa3A\x0f\x00k\xd6\xacy\xe1\x85\x17\x98\x060\x18\x15\x17&amp;\x00\xde\x0e\xb5\xb0\xcb\x97/\x1f7n\x1c\xdc\xb6\xfe\xfe\x1a\xad\xcdb\xe5\xcb\xd7\xf2J.\x97.Xw\xfc\xf0-\r\xf0\xf5\xf5\xdd\xbf\x7f\x7f\xabV\xad\xdc\'\x12\x18\x0cF\xc5\x82\t\x80WCm\xeb\xd1\xa3G\xdb\xb7o\x8f1\x8eh\xd8\xf8\xdb\x9f\xf7\xfak\xb46\xab\xed\xa1\xe4\xe3K.W`\xb0\xee\xcfC\x87F\x0f|\xccj\xb1\x84\x87\xd7=q\xe28-\'\xc7\xce\x881\x18\x15\x0e\xe6\xb8y/T\x9b\x0b\n\n\x86\x0e\x1dJ\x08Q\xab}?\\\xb6&amp;08\xd8j\xb1&gt;\xac\xd3X\x82BQ\x90_\xd4\xaes\x87)\xb3&gt;\x02\x80\xcb\x973\xc6\x8e\x1dK7\xa8\x1f\xca|\x18\x0cFi`\x02\xe0\xbdP\xf7\x7f\xf2\xe4\xc9\x19\x19\x19\x84\x907g\x7f\x14\xd3\xba\x95\xbe\xc8\xf0pc\xee\n\x85"?G?|\xec\xcbO\x0e|\x0e\x00\xb6l\xd9\xf2\xed\xb7\xdf\xf2&lt;O\xebH3\x18\x8c\n\x04\x0b\x01y)4\xb3\xf3\xc0\x81\x03]\xbbv\x95e\xb9W\xdf\xa7\xbf\xdc\xf0Ca\xbe\xbe\x9c\xe3\xfe\xf7\x84\x10\xc2\xf3\xbc\xcb\xe9|\xba[\xcbk\x99WBCC\xcf\x9d;\xa7\xd1hX\xb1 \x06\xa3b\xc1V\x00\xde\x08\xed\xcf\xe5p8&amp;M\x9a$\xcb\xb260\xe8\xed\xf7\x17Y,v\xe4\x1d{\xad\x08!\x97\xd3\xa9\xd1i\xdf\x9a\xbb\x08c|\xf3\xe6\xcd\x193fp\x1c\xc7\x02A\x0cF\xc5\xc2+\x0c\n\xe3\x0eh\xf0g\xd3\xa6M\'N\x9c\x00\x80a\xa3\x13j\xd7\r\xb3\xdb\xec\x1e$\xdb\x90\xfb\xa3\xa4\xc3\xf2\x82`\xd4\x1b\xbb\xf7\xee\xdb\xaeSw\x00\xf8\xea\xab\xaf\xce\x9f?\xcf4\x80\xc1\xa8X\xb0\x10\x907BO~5k\xd6\xec\xfc\xf9\xf3\xe1\x11\r\xb6$\xff\t\x08\x00\x13(a\x80\xe5?\x1b\x02\xdfz:\x00Y\x92\xdd\xad"\xef\x13\x8c\xb1Z\xadN;\x97:\xa4OG\x9b\xd5\xf2\xe2\x8b/\xaeX\xb1\x82\x95\x0be0*\x10\x0f?\xa0\xcc\xb8\x03w\xf4\xff\xfc\xf9\xf3\x18\xe3~\x03\x87ku~\xf9y\xfa\x92\xee\xfd"\x84dI2\xde.\xee\xff\xef\xb7\xfa\xfa\xf9\x97ty\xc1q\x9c\xc5bi\xd2\xbcyl\xfb\xb8\xdfw\'\xfe\xfc\xf3\xcf\xf3\xe6\xcd\x0b\n\n\xa2\xf1\xab\x12\r\xc5`0\x1e\nL\x00\xbc\x94\xaf\xbf\xfe\x1ac\x1c\x14\x12\xfa\xc4\x80af\x93\xbd\xa4n5\xc6\xb2\x9f\x7f\xc0\x91\xdf\xf7N\x181\x80C\x08\x13rO\x93\x8c\x10"\x84\x88\xa2j\xdd\x8e}\xb5j\xd7s8l\x08\x95@\x06\x10\x00\x96\xf1\xd0Q\t\x07\xf7&amp;\xe7\xe6\xe6n\xdd\xba\x95\xd5\x87`0*\x10\xec\x87\xea]\xd0\x04\x9b\xec\xec\xec\x1d;v\x00@\xc7\xae\x8f\xd5\xae\x1bV\x90_b\xf7\x9f\x10\xe08T\x98\x9fk2\xe8\xff\xf3fAPx\x16\xbb\xe7x\xdeb\xb1\xb5\x8b\xebV\xa7^\xfd\xcb\xe9\x17V\xadZ5z\xf4hv*\x98\xc1\xa8(\xb0\xdf\xaawA\xb3\xe9w\xed\xdae4\x1a\x01\xa0{\xef\'e\xd9\xb3\x88\nA\x1c\xe8\x8b\x8a\x10B\x0f\xd4\x1f\x97$\x97\xbfF\x1d\xd7\xbd7!\xe4\xd4\xa9S\xe9\xe9\xe9l+\x98\xc1\xa8(\xb0\x15\x80wAm\xfdo\xbf\xfd\x06\x00U\xab\xd7l\xd5\xae\x93\xcd\xeaI\xf2\x0f\x10\xe08\xd0\x17\xe5\xd3\xfd\xe4\xea5\xc3&gt;\\\xba\x86\xe3yB\xc8\x9djB\x00q\\pHU\x97\xcbY\xa2\xf8\x0f\x85C\xc8\xe5\xc2\xdd\xe3\x9f\\\xb7b\x89\xddn?|\xf8Hdd$\xab\x0e\xc4`T\x08\x98\x00x\x17\x1c\xc7\xb9\\\xae\xa3G\x8f\x02@\xe3f-C\xaa\x84\x1a\xf4\x06O\xf2j\x10\x00\x01}a!\x00\x10B\x82B\xabt\xe8\xda\xd5\xe9\xc4\xff\xb4\x98\xb0\xdb\xac\x9e\xe5\x83!\x8e\xb3\xdb\xec\r\x1a7\r\xadV=\xfbZ\xd6\xef\xbf\xff&gt;b\xc4\x0bl\x13\x98\xc1\xa8\x100\x01\xf0"\xa8\xe3\x9c\x9e\x9e~\xe9R\x06\x00\xb4j\x17\xc7\xf3\x00\x1e\xe6\xe9"Y\x06}Q\x01\xfd\x1f\xff\x00\xad\xd3)\x9b\x8dF\xee\x1f\xb4\xc4c\x87\x1d!\xe4r\xb9tAA\xd1\xcdc\xb3\xafe\xfd\xf1\xc7\x11\xbb\xdd\xaeT*=\x1b\x8d\xc1`\x94\'l\x9d\xeeEP\x1f\xfc\xca\x95+\x0e\x87\x1d\x00\xeaEFI\x92\x87U6\x11\x00!\xa0/\xbc%\x00\x81A\xc1\x82\xc0#\xee\x1f)\xe5\xb4\x15\n\xa8\x1b\xd1\x10\x00\xb2\xb3o\x1a\x8dF\x9a\\T\x9a1\x19\x0cF9\xc0\x04\xc0\x8b\xa0F\xf3\xd4\xa9\xd3\x00\x10\xa0\xd1\xd4\xaaS\xd7\xe5tz(\x00\x1c\xe7r\xb9\x0c\xb7\x0f\x01\xe8\x02\x838\x0e\x08\xc1\x1e\x1f\xfd\xfd\x178\x84$\t"\xa2\x9a\x00\x80\xd1hHKK\x83\xdb}\xc4\x18\x0c\x867\xc3B@^\x87\xc5b\x01\x00\x9e\x17\xfc\xfc\xfc1\xc6%=\xfd\x0b\x00@\x08\x87\x90\xc3n7\x9b\x8c\xf4B\x806\x10\x80\xf0\x1c/(\x14@O\x1aK\x12\xc62B\x88\xe3\xca\xe0\xe0.!\x10\xa0\xd1\x02\x00\xc6\xd8f\xb3\x95~@\x06\x83Q\x0e\xb0\x15\x80\x17AC1\'N\x1c\x07\x80Zu\xeajtA\x92$y\xb0\x02 \x00\x88\xe3\x1cv\xbb\xfb\x10@\xcd\xda\xe1\xa2\x12\xd9\xed6CQ\x81\xbe\xb0\xc0j6)\x14\xa2.P\xeb\xe7\xaf!\x18\x97\xd2[\xa7\xb5\xe1j\x86\x85\xfb\x07h\x00\xe0\xd8\xb1\xe3p{5\xc3`0\xbc\x19\xb6\x02\xf0:\\.\x17\x00\xf8\xf9\x07(U*\xb3\xc9\xe8Y\x80\x9e\xe3x\xbb\xcdj\xb3Z\x00\x00!\xb4e\xdd\xca\x1f7\xac\xbe\x9ey\xc5j\xb5`\x8cU&gt;&gt;\xa1U\xabG7o\xd5\xab\xef\xd3m;u\x93e\xd9a\xb3\xfd\xd3\xfe\xf0\x7f\x83\x10\xc6\xd8? @\x14E\xf7\xfc\x19\x0c\x86\xf7\xc3\x04\xc0\xeb\xa0.?\x96e\x8f\x9dhB\x08/\x08E\x85\xf9&amp;\xa3\x81\xe7\x05@p\xe2\x8f\x83\xc5o0\xea\x8br\xb3o\xa4\x9e&lt;\xbeq\xf5\x97]z=&gt;}\xde\xa75\xc2j[\xccV\x9e\xf7|E\xe8\x9e0\xcb\x01e0*\n,\x04\xe4uP\x03Z\x9a\x00\nB\x80e\xd9\xd7\xcf\xbfj\xf5\x9a\xb2,\xc9\x92\x04\x00&gt;j\xdf\x00\xad.@\xa3\x15\x95*z\x1b\xc7q&lt;\xcf\xef\xdf\xf5\xcb\xf3\xfd\xbae^\xce\xf0Q\xabJ\x13\x0brO\x98\t\x00\x83QQ`+\x00\xafC\x92$\x00\x10\x04\x81\xe3&lt;\xb4\xa4\x08qN\xa7\xa3FX\x9dM\x89\x87\xb7n\\\x13\x18\x1cZ7\xb2aPp\xa8\xaf\xaf\x1f\x01b6\x1a\xb3\xaef\xecK\xdc\xbeu\xd37.\x97S!\x8a7\xaeeNM\x18\xf1\xed\xcf{\xb9\x92\x9f\x04\xa6\x10B\x04A\xa0\x07\x89\xe9\xfc\x19\x0c\x86\xf7\xc3\x04\xc0\x8b\xa0!\x94\xa0\xa0 \x00\xc8\xc9\xbea4\x18\x04A\xc0\xf8\x1f\x8f\xef\xfe\x0b\x08!\xa7\xc3\x11\x18\x1c\xf2\xea\xb4w\t\x06I\xba\x95\xf6\x03\x00!U\xaaEF5\xe9\xdd\xff\xc9\xbe\x03\x86L\x181\xd0\xa8\xd7+\x14\x8aS\xc7\x8e\xec\xf9\xf5\xe7\xc7\x9f\x1eh\xd0\x1bKz\xf0\x98\x10\xa2P(nf_\xb7Z\xcd\xee\xf93\x18\x0c\xef\x87\x85\x80\xbc\x08*\x00\x8d\x1b7\x01\x80\xfc\xdc\x9b6\x8b\xb94\xcdU\x10B\x92\xcbU\x94\xaf\xd7\x17\x19,f\x93\xc3as\xb9\\.\x97\xcba\xb3\x19\x8d\x86\x9c\xec\x82\xae\x8fu{}\xfa\xfb\x84`@\x08!\xb4g\xe7O\x1eFo\x08\xe1\x05\xa1 ?\xcff\xb5\x02@\xd3\xa6\xd1\xc0\x02A\x0cFE\x80\t\x80\xd7\xa1\xd3i\x01\xc0\xe9p\xe4\xe7\xe5\xf0\x82\xe0i)\x08\x00\xda\x11L\x10x\x9e\xe78\x0e!\x8e6mG\x1c\xc7\xf3\xbcB!\x16\xe4[{\xf4\xe9\xaf\x0b\nv9\x9d\x84\x90\xcb\xe9\x17l6\x87\']\'\x018\x0er\xaeg\x01\x80(\x8a~~~\xc0\x04\x80\xc1\xa8\x080\x01\xf0"\xa8\xd1l\xd6\xac\x19\x00X\xad\x96\xebY\x99\n\x85\xf0\x80\x12\xea\x11BX\x96\xfd\x03\xb4\xd5k\x86\xd1+V\x8b\xd9\xe9pp\x1cWR\xc9!\x84\xf0&lt;\\\xb9t\x01\x00\xfc\xfd\x03"""\x80\t\x00\x83Q\x11`\x02\xe0EP\xa3\x19\x1e\x1e\xee\xef\x1f\x00\x00\xe7N\x9f\xe0y\xc0\x0f\xfcD\xd5-K-\x08\x02\xcf\xf3\x84\x10(\xa1\xe9\xe68\xcen\x97\xcf\xa5\x9c\x02\x80\xbau\xc3}}}YWH\x06\xa3B\xc0\x04\xc0\x8b\xe08\x8e\x10R\xabV\xad\xa8\xa8(\x00\xf8\xeb\xcfCN\'\xf1\xb8R\x1b!\xff\x96\xd3I\x08\xe18\xdeb6\xe6d_\xa7W\x82B\xab\xa8||0\xc6P\x12\x05 \x84\x88\xa2\x98\x9fs3\xed\xec\x19\x00\xe8\xd8\xb1\xa3B\xa1\xa0mm\x18\x0c\x86\x97\xc3\x04\xc0\xbb\x90e\x99\xe3\xb8v\xed\xda\x01\xc0\xdf)\xa7\xae]\xbd\xacT\xaa&lt;\x8b\x02)\x95&gt;\xb4\xe6\x0f!\xf8\x8es\x05\x84\x10\x97\xd3\xa9\xd1\xaa\xff&lt;\xf4[~\xeeM\x85B\x04\x80\xe8\x16\xb1\xa2\xc8\x91\x12\x1e\x05\xc0\x18\xab|\x94\xa7\x8e\xffQT\x98\x0f\x00qq\x9d\x80\xc5\x7f\x18\x8c\n\x02\x13\x00\xef\x82\x9a\xce\x1e=\xba\x03\x80A_th\x7f\xb2\x8fZ\xc4%w\xa8\t\xc6\x97\xd3\xd3\x94J\x95.X\xabT\xfa\x00\xe20\xc6\xb2,\xcb\xb2\x8c1\xe6y&gt;\xb4j\xd0\x95KW\x16\xce\x99\x86\x10G\x08\xe18\xaeW\xdf\xa7\x1dv\t\x95|\xc1\x818\xb4\xfb\x97m\x84\x10\x8dF\xd3\xa6Mk(Ew\x81\xd2C\xee\xe2a\xcd\x84\xc1\xf0~\x98\x00x\x17\xd4tv\xee\xdc\xb9F\x8d\x9a\x08\xa1\xbd\x89?\x11\x02%-\x08J\x08\x11\x95\xaaw&amp;\xbe8j\xc0c\xdf\xad]u%\xe3"\xc1\xd8\xcf?@\xa3\xd5h\xb4\x1a\xb5\xaf\x9f\xc5b\xda\xb2\xfe\xdb\xe7\x9e\xec\x9ay\xe5\x92BTH\x92\xab\xff\xb3\xcf7k\x19k\xb5XJd\xbbi\xfc\xa7 \xb7\xe0\xc8\xc1\xbd\x08\xa1N\x9d:U\xaf^\xdd\xb3\x83\x0b\x1eC\x85M\x92$\xaam\xe8.\xdc7H\x92\x841f\x92\xc0`\xb8a\x07\xc1\xbc\x0b\x84\x90$I\xfe\xfe\xfe\x83\x07?\xbbp\xe1\xc2?\x0f\xfd~\xe6\xc4\x89\x86M\x9a\xdal\xb6\x12\x99f\x84\x10\x10r\xf4\xe0\xbe\xa3\x07\xf7\x89Je\xad\xdau\xabV\xaf\xa9\xd1\x05\x12B\n\xf3\xf32\xd2\xcf\xe7\xdd\xcc\x06\x00AP8\x1d\x8e\xa61\xad\xa7\xcd]h\xb5XK\xea\xfecYVk\xfc\xb7nZ\x9b\x9b}\x03\x00\xc6\x8e\x1d\x0b\xe5U\x07T\x96eB\x08\xcdp-~\xddf\xb3\xd9\xed\xf6[\xe54\x08\xe18N\xa3\xd1\xdc\xfdX\x00\xe08\x8e\x85\xaa\x18\x95\x1c\xd6\xb9\xc9\xeb\xa0\x8d!\xcf\x9e=\xdb\xa2E\x8c\xcb\xe5|~\xec\xabs\x16}\x9awS/(\xeeW\xad\t!*\x95\xcf\x90&gt;\x1dO\x9f8\xfa\x9f7\xf7y\xea\xd9\x19\x0b\x96\xf8\xf9\x058\x1c%&gt;\x04\x801\xf6\xf5\xf3\x1b\xd8\xb3M\xea\xa9\x13\xf5\xea\xd5;s\xe6\x8cJ\xa5\x82\x07\xb9\x07@\x08\xa1\xef\x8f\xfb)\xb2\xb2\xb2\x8e\x1f?\x9e\x92\x92r\xe6\xcc\x19\x83\xc1p\xe9\xd2%\x93\xc9\x8c\x10\x10\x00 \xc0\x0b|\xa3\xa8(\x95J\xd5\xaaU\xab\xbau\xeb\xb5i\xd3:""B\x10n\xbd\x93\xb2L;"\xb0u0\xa3\x92\xc2\x04\xc0\x1b\xa16\xae{\xf7\xee\xfb\xf6\xed\x0b\x0c\x0e\xfd~\xd7\x1f!U\xaa\xba\\\xae\xfb4\xac\xb42\xcf\x95K\x17\xb7nZ{p\xdf\xae\xac+\x19v\x9b\xf5\x8e{\x82C\xab\xc4\xb4\xee\xf0\xcc\xb0Q\x9d{\xf6q:\xec.\x97\xab\xa4vP\x96\xe5\x00M\xc0\xee_~\x9e0\xe2\x19Y\x96g\xcf\x9e=c\xc6\x0cI\x92\xdc\xe6\xb5l\xa1\xa6\xdf}4\xfa\xf0\xe1\xc3[\xb7n=x\xf0\xe0\xb9s\xe7\x8cF\xe3}\x0e\xa2T*#""cc[\xf5\xeb\xd7/&gt;&gt;\x9e\xf6.f2\xc0\xa8\xb40\x01\xf0FdY\xe6y~\xff\xfe\xfd]\xbbv\x05\x80\'\x07\x0e\xfbt\xd5\xba\xfc&lt;\xfd\xfd\xdbV\xba\x08P\xaa\x04\x93\xd1r\xe3Zf\xf6\xf5\xac\xa2\x82&lt;\xab\xc5\x0c\x80\xfc\x034\xa1U\xab\x87\x85\xd7\xabR\xad:\x00\x98\x8cF\x1a+\xf7`\x9e\x1c\xc7\xf5\xef\xd2\xe2r\xfa\x85\xe0\xe0\xe0\xd4\xd4\xd4\x90\x90\x10\x8f\x87\xfaw\xe8\x1b\x02\x00999?\xff\xfc\xf3\xdao\xbe9t\xf0\x7f\n\\ku\x81\xa1U\xab\x87T\xa9\x1a\x1cZ-\xacN\xb8\xcb%\x01\x00/\x08\xfa\xa2\x82\xcb\x17\xd3\xcc&amp;\xe3\xb5\xcc\xcb\x85\xf9y\xc5\x1f\xd2\xa8q\xe3A\x03\x07&gt;\xfb\xec\xb3\r\x1b6\x04\x00I\x92x\x9egA!F\xa5\x82\t\x80\x97BM\xde\xa0A\x83\xbe\xff\xfe{Q\xa9\\\xbbuoL\xeb6&amp;S\t\xaa\x03a\x8c\t\xc1&lt;/\x88\xa2RP(8\xfeVz?! \xcb\xc4\xe9p\xb8\x9c\x0e\x00\xf0\xac\x0f\x8c\xe4r\x05\x85\xea\xbeZ\xb4p\xfe\x8c7\x10B\x1f\x7f\xfc\xf1\xeb\xaf\xbfN\xb7XKS\xbf\xe8nh&amp;\x0f\xc7q\x06\x83a\xd1\xa2E\xcb\x97/\xcf\xce\xce\xa6\x7f\x12\x95\xca&amp;\xcd[\xb6\x8d\xeb\xd6\xbcU\xbb\xc8\xa8&amp;\x01\x1a\xad_@\x00B (\xc0}\x9a\rc\x90%\xb0\xdb\xed\x06}a\xd6\x95\x8c3\x7f\x1d=v\xf8\xf7\xe3G\x0e\xb8\xbb%\xab\xd5\xea\xc1\x83\x07O\x9d:522\x12n\xaf\xbd\xcap\xfe\x0c\x867\xc3\x04\xc0K\xa1\t-\x97/_n\xd1\xa2\x85\xd1h\x8cj\xd2\xfc\xfb\xe4\xc3.\x97\xec\xc1![B0\xb9u\x9e\x98\xd0C^\xee\x0c\x19\x0f\xe7&amp;\xcb&gt;\xbe\xbeW\xd2/\x0e\xec\xd5\xdaf\xb5b\x8c\x1b6l\xf8\xe6\x9bo&gt;\xff\xfc\xf3\xb4|)\x94Q&amp;\xa8\xdb\xf1\xdf\xb4i\xd3\xec\xd9\xb3\xcf\x9f?O\xaf7h\x14\xfd\xe4\xa0a\x1d\xba&lt;\x16\x11\xd5\xc8G-J.p\xd8\x1d\xb4\xf3\x01\xf9\xdf]h\x84\x00!\xc4!\x8eW(DQ\x14ENrA\xe6\x95\xf4\xa3\x07\x7f\xfbu\xdbw\x87\xf6%\xd3\xdbt\x81\x81\xafO\x9a4e\xca\x14Q\x14\xddO\xca`&lt;\xf20\x01\xf0^\xa8%\x9a7o\xde\xdbo\xbf\r\x00CG\x8d\x7f\xff\xd3e\xf9\xb9E\xb4\xb1\xfb\xc3\x82\x10\x82\x00\x04\x850\xe4\xf1N\xa9\'\x8f\xd3\xfdX\x9aW\xd3\xae]\xbb\xd9\xb3g\xf7\xec\xd9\x13\xca"\xa2B\xb7\x13n\xdc\xb8\xf1\xe2\x8b/\xee\xdc\xb9\x93^l\xd7\xa9\xdb\xb0\x17_i\x1b\xd7-(Xc\xb3Jv\xbbM\x96e\x0e!D\x9b\'\xfc\xf3\xd3\xdd:\x14\x801BH\xa9R\xf9\xf8*\x1d6\xe9\xe4\xb1C[\xd6\xaf\xde\xb6i-\xfd\x114i\xd2\xe4\xcb/\xbf\xec\xd0\xa1\x83;\x9d\xd4\xe3\xc93\x18\x15\x02&amp;\x00^\r\xdd\x9f\x8c\x8f\x8fONN\x06\x80\x8f\xbf\\7p\xf8\xb0\x9c\xecB\x85(&gt;\xac)I\x92\xabJU\xdd[\xaf$lX\xf59\x00\xbc\xf7\xde{}\xfa\xf4y\xeb\xad\xb7\xe8\x0c\x01`\xe8\xd0\xa1\xd3\xa6Mk\xd2\xa4\t\xdc6\xe2%}\nw\xd8\'))i\xd4\xe8\xd17\xae_\x07\x80\xf0\xfa\x91\xa3_y\xe3\xa9!/(\x95\xa2\xc9h\x91$\x17\xc7q\x9e\xad3\x08!X\x96\x11\xc7\xf9\xf9\xf9\x0b\n\xb4?9i\xc5\xa7\xf3\xff8\xb0\x0f\x00D\xa5r\xfe\x87\x1fN\x9c8\x11X8\x88Q\t`\x02\xe0\xd5P\x1b\x94\x93\x93\xd3\xb4i\xb3\xdc\xdc\x1c\x8dV\xf7\xd5\xc6\xed\xad\xdaw(\xca\x7f8\xeb\x00I\x92BB\xb5+\x97-\x9d\xfb\xd6\x04B\xa0G\x8f\x1e\xbbv\xed\xa2\x9e\xf2\xa6M\x9b\xe6\xcd\x9bw\xe6\xcc\x19\x00P\xab\xd5\x93\'O\x9e&lt;y\xb2F\xa3)\xe9\xc6\x80\xdb\xfa/^\xbcx\xd2\xa4I\xf4\xe2\xd0Q\xe3\'\xbe=;84\xb8\xa8\xd0H\x08\xcd\x05*\x03\xf7\x1cc\x99`\x12\xa0\xd5\xca\xb2\xf4\xed\xf2\xa5\x9f}8\xd3l2\x02\xc0\xa8Q\xa3\x16/^\xec\xef\xef\xcf4\x80\xf1h\xc3\x04\xc0\xdb\xa1\x81\xa0#G\x8et\xec\xd8\x11c\x1c\xa0\xd1.\xdf\xb4\xa3U\xfb\x0e\x85\xf9E\x8a\xf2\xd4\x00B$I\n\xa9\xa2[\xb5l\xd9\x9c\xa9\xaf\x00@xx\xf8\xb1c\xc7\x02\x03\x03i\xc0\x84\xe38\xa7\xd3\xb9`\xc1\x82\xcf?\xff\x9c\xee\xd3FEE\xbd\xf9\xe6\x9b#G\x8e\x84\xfbN\xb5t\xe7z\x8e\x1d;v\xc5\x8a\x15\x00\xa0\xd1\x05\xce\x98\xff\xd9\xd3C\x86\x19\rV\xa7\xd3\xf9 rL\xe9\xdc\x82\x82\x03N\x1c=\xf6\xcekc\xce\xa7\x9e\x06\x80\xd6\xad[\'&amp;&amp;\xeat:\xa6\x01\x8cG\x18&amp;\x00\x15\x00\xaa\x01+V\xac\xa0Gm\xa9\x06\xb4\x89\xeb\x90\x97SN\x1a\x801\x06BB\xaah\xbe^r\xcb\xfa\x07\x06\x06&amp;%%\xb5j\xd5\xcam\x1f\xdd{\xa77n\xdcx\xf7\xddw\xd7\xacYCw\x83{\xf6\xec9u\xea\xd4\xee\xdd\xbb\xc3\x7fm\x0c\xb8}\x7f\xb7\xf5o\xd44\xe6\x93\xe5\xeb"\xa2\xa2\n\x0b\xf4\x0f:GSr\xb9\xfc5\x1a\x8b\xd98g\xca\xab?m\xfe\x16\x00bcc\x93\x92\x92\x98\x060\x1ea\x98\x00T\x0ch0\xdd\xad\x01\x1a\xadn\xc1\x17\xdf\xf4\xea\xdb\xb7\xa8\xd0D\x08\xe6\xb8\x07\x98\xb5"I\x92J\xa5R\xaa\x94+&gt;\xfd\xe8\xa3\xd9S\x01 00011166\xf6\x8e\x84\x19B\x88,\xcb\xd4I\xdf\xb3g\xcf\xfc\xf9\xf3\xe9\xc6\x00\xc7q#F\x8cp\xa7Z\xfeS\x9a\r\xbd^\xdc\xfa\xaf\xda\xb2S\x17\x14l\xd4\x1b\xca\'\xde%\xcb\x92(*}\xd4&gt;S\xc6\x8f\xdc\xbaq\r\xdc\xd6\x00\xadV\x0b\xac\xc4)\xe3Q\x84\t@\x85\xe1\x0e\r\x00\x80\x97_\x7f\xe7\xd5\xb7f\x13 \x16\x93\x89\x17\x842\xb7P\x18c\x8ce]\xa0.\xf7\xe6\xcdYo$\xec\xda\xf1#\x00\x04\x05\x05\xed\xdc\xb9366\xf6\x9f6x\x8b\x1f\xd9]\xbdz\xf5G\x1f}\xf4\xf7\xdf\x7f\xd3\x07N\x980a\xe2\xc4\x89tc\x00\xfe7U\x94\x8e\xe6\x8e\xfbS\xeb\xef\xaf\xd1Z-\xd6\x07t\xb4\xf8\x9e`\x8c9\x0e\xf9\xfa\xf9MM\x18E5`\xc0\x80\x01\xdf\x7f\xff\xfd\x83;\xe1\xcc`&lt;D\x98\x00T$\xa8\x19JJJz\xee\xb9\xe7\xf2\xf3\xf3\x01\xa0}\xe7\x1e\xef|\xb0\xb8q\xb3\xc6\x06\xbd\xd5\xe9t\x96U\x9c\x84`,c\xacV\xfb\xfa\xa8\x15\xbb\x7f\xdd\xf1\xfe\xdb\x93\xaef\xa4\x03@\xeb\xd6\xad\xd7\xad[\x17\x11\x11\xf1\x9f\xc9\xf2\xee\xa0\xbf\xc1`X\xbcx\xf1\x92%K\n\n\n\x00 **j\xc6\x8c\x19\x83\x07\x0f\x86\xdb\xcd\x0fh\x16)\xcf\xf3\xc9\xc9\xc9\xbdz\xf5\x02\x80F\xd1-V\xfd\x90\xe8\xaf\xd1\xda\xac\xb6\xf2O\xc9\'\x18#\x0e\xf9\xf9\xf9O\x19?b\xeb\xa6\xb5\x000k\xd6\xac\x993g2\r`&lt;z0\x01\xa8`P[y\xf1\xe2\xc5\x91#G\x1e:t\x08\x004Z\xddsc^y\xee\xc5\tU\xab\x87\x98\x8cv\x87\xc3^\xaa\xfcH\x8c\x01\xc0G\xad\xf6\xf5U\x9c=\x9d\xf2\xf5\x92\x85?m\xfe\x96^|\xf1\xc5\x17\x17.\\\x18\x10\x10p\xffG\xa5\xdcw^\xb8pa\xc1\x82\x05\xabW\xaf\xa6C\xf5\xea\xd5k\xce\x9c9m\xda\xb4\x01\x00\x97\xcb\xc5\xf3|nnn\xf3\xe6-rrn\x06hu\x9b\x13\x0f\x87\xd7\x8f4\x1a\x8d\x0f\xcb\xe0\xd2\x15\x8cB\xa1\x18\xdc\xbbC\xca\xc9\xe3\x08\xa1\xa4\xa4\xa4\x9e={\xb23b\x8cG\x0c&amp;\x00\x15\x0fj\x86\\.\xd7\x94)S\xbe\xf8\xe2\x0b\x87\xc3\x01\x00\xe1\xf5\x1b\x8c\x1c?\xb1s\xcf&gt;\xb5\xea\x849\x1d\xc4f\xb5\xc8\x92\x04\xb7\x13o\xfeeYp\xbbo\n\x06\x00\x85B\xa9\xf6\xf5A\x08\xfeNMM\xfa\xe9\xfboW,\xa1%\x13\xaaT\xa92w\xee\xdc\x17_|\x11J\x9e\x1d\x7f\xc7\xc6\xc0\xbb\xef\xbe{\xe4\xc8\x11\x00P\xa9TC\x87\x0e\x9d3gN\x8d\x1a5\x00 &gt;&gt;&gt;))\t!\xf4\xd1\x17\xdf&gt;5tXA^\xf9\xe68\xdd\x85,\xcbj\xb5\xfajF\xfa\xe0\xde\x1d\x0c\xfa\xa2*U\xaa\xfe\xfd\xf79\x8dF\xc3\x0e\x881\x1e%\x98\x00TH\xdcV\xf8\xe8\xd1\xa3\xd3\xa7O\xdf\xbd{7\xbd\x1eZ\xb5Z\xdfg\x86v}\xaco\x93\xe6\xad4Z?Y\x06\x87\xc3I\x9b\xa1\x00!\xc5\xfb\xcb#\x00\xc4!\x04HP(\x04\x85BT\n\x08 \xe7f\xee_\x7f\x1cH\xfee\xdb\xae\xed?\xdalV\x00@\x08\x8d\x1c9\xf2\xbd\xf7\xdeswz\xf1\xcc\xfca\x8c1\xc6\x82 H\x92\xf4\xed\xb7\xdf\xce\x9c93++\x0b\x00\xaaV\xad:u\xea\xd4\x90\x90\x90\xe7\x9e{\x0e\x00\x06=?f\xfe\xe7\xcb\xf3sKP\xf6\xee\xc1!\xb9\xa4\xa0\x10\xed\xf7\xdf~35\xe1\x05\x00x\xe5\x95W\x96,Y\xc2\x16\x01\x8cG\t&amp;\x00\x15\x95\xe2{\xad\xabV\xadZ\xbcxqJJ\x8a\xfb\xaf\x91QM\xdau\xea\xd6\xbcu\xfb\xc6\xd11\x1a]\xa060\x08!(\xeeR\x13\x02.\x17\xc8\xb2TT\x90\x97\x9f{3\xf5\xd4\xf1\xbf\x8e\x1e\xf9\xe3\xc0\xde\xebYW\xdd\xf7\xf4\xea\xd5k\xca\x94)4\x83\xb3L\x0c\x9f{\x90\xdc\xdc\xdc\xa5K\x97.\\\xb8\xd0j\xbd%3\x08\xa1\x1aau~\xd8sL\xa9T\xd1\xfd\x83R&gt;W\x99 \xcb\xb2V\xa7\x19\xff\xdc3\xbbv\xfc\xa8P(\x8e\x1c9\xd2\xb2eK\x96\x15\xcaxd`\x02P\xb1q{\xe5N\xa7311q\xd5\xea\xd5\xc9\xbbvQ\xabJ\xf1\xf3\x0f\xd0\x05\x06\xd5\xaaSW\xed\xeb\xd7\xa0qSY\x96iE8\xc9%\x9dO=\xe5p\xd8\xaf^\xba\xa0\xd7\x179\x1d\x0e\xf7C\xaaU\xaf\xde\xb7o\xdf\x11/\xbc\xd0\xbe}{(\xb6U[&amp;\x13.\x1e\x11JMM\x9d?\x7f\xfe\xd6\xad[\x1dN\xa7\xe4r\xbd\xf7\xc9\xf2a/\x8e)\xc8\xf7\n\xf7\x9f\x821V\xab}.\x9e?7\xa0G\x1b\xa7\xd3\xd1\xb9s\x97\xfd\xfb\xf71\x01`&lt;20\x01x\x14(\xee\x9e\xa7\xa5\xa5m\xdf\xb1cWR\xd2\xe9\xd3\xa7sss\xef\x7f\x90\xf0\xf0\xf0\x98\x98\x98\xbe}\xfb\xf6\xe9\xd3\'44\x14\xee\xea\xc1R\x86\x10B$IR(\x14f\xb3\xb9^\xbdzy\xf9\xf9\xb1m\xe3\xd6l\xdde\xb3\xd9=\xb0\xad4\xbe\x84\x00\xfe\xfd\xab\x8c\x10\xf2\xe0\xb5H\x92\x14\x18\xa4\xfdp\xfa\xd4\x15K\x16 \x84\xf6\xee\xdd\xdb\xa5K\x17\x16\x08b&lt;\x1a0\x01xD\xa0\xc6\xbax\xb9\x85\xc2\xc2\xc2\x93\'O\xfeq\xf4\xe8\xa5\xf4KYYY997\xb3\xb3o"\x04&amp;\x93Y\x92$A\xe0\x9b7o\xee\xe7\xef\x1f\xdd\xa4I\xed\xda\xb5\xdb\xb7o\xdf\xb8qc\xb5ZM\x1f[\x0eM\xb2$I\xe28\xee\xeb\xaf\xbf\x1e7n\x1c\x00,Y\xb3\xa5w\xffg\xf4\x85z\xbe\x84\xee?!D\xe5\xe3\xe3\xe3#\x90\x7f.\x0fD\xff$\xc9`6\x9aK:O\xda\xf8&gt;\xf7f\xf6\x13q\xd1\x16\xb3y\xe8\xd0\xa1\xeb\xd7\xafg\x02\xc0x4`\x02\xf0\xa8A\xdd\xe1\xbb3A1\xc6z\xbd\x9e\xe3\xb8\xa7\x9ezj\xff\xfe\xfd]\xbat\xd9\xb7o\xdf\x1d\x8fuwZ/\x87\x10&lt;\xcd\x07m\xdf\xbe\xfd\x9f\x7f\xfeY/2\xea\xbb\xc4C\x1c\xed\xe4R\x12\x08\xc6&gt;j\xd5\xd1\x83\x07\xfe8\xb0\x17q\x88\xe0{?\x1c!D\x08\t\xaeRu\xe0s\xa3\xe9\xf3\x96\x08Y\x965\xda\x807\xc6\xbd\xf0\xd3\xe6o\x03\x02\x02\xce\x9f?_\xadZ5\x0f\x1a30\x18\xde\x86\xb7\x04[\x19e\x85\xdb\xf4\xd35\x01\xb5S\xd4\x9d\x0f\x0c\x0c\x04\x00\x9a^\xa9P(h8\x9e&gt;\x8a\xdePn^-\xf5\xa0\x8f\x1e=z\xfc\xf8qB\xc8\x93\x03\x9f\x0b\x0c\xd1z\x90\xfc\x831V\xa9\xc5=\x89?\x7f\xbb\xfc\xb3\xff\xbc\xb9v\xdd\xfa\x83\x86\xbf\xe8\xc1l\x11\x00\xc6d\xe0s\xa3\xb7o\xd9`4\x1a7l\xd80y\xf2d\xf7N\x06\x83Qqa{Y\x8f,4\xe4-\x08\x02\xcf\xf3\x1c\xc7QsOs\xfe\x81\xf6uA\x88\xe38A\x10\xe8=\xe5\xe9\xcf\xd29l\xd9\xb2E\x96eQ\xa9\x8c\xeb\x1eo\xb3J\xbc\x07\x11\'\x84d\t\xec6\xab \x08J\xa5\xea\xdf\xef\xe5y\x0f\xed5\xc7\xf3V\x8b\xadQ\xb3\x98:\xf5\xea\x03\xc0\x0f?\xfc@7\xc6=\x1b\x8d\xc1\xf0\x1e\x98\x0bSY(e\x1b\xc8\xb2\x85\xe7yY\x96\x7f\xfb\xed7\x00h\xdc,&amp;\xb2Q\x13\xbb\xcd\x86JnR\x11\x00\xc6PT\x90/I\x12\x96q\x95j5\x9a\xb6l\xedr\xb9\xeex\x99\x1cB\xb2,\x87\xd5\xa9\xe7q\xc0S\x92\\A\xc1\xda\xce=\x1f\xcf\xb8\x98\x96\x92\x92z\xf3\xe6\xcd\x1a5j\xb0(\x10\xa3\xa2\xc3\x04\x80Q\xde\xd0-\x8a\x9b7o\xa6\xa5\xa5\x01@\xbb\xb8\xeej\xb5\xc2j\xb1x\x12QAH\x96\xb1\xa1\xa8\x10\x000\xc1]z=\xbex\xd5W\xfa\xc2{\xef\xd0b\x8cm\xc5\x12dK\x04\x87\x90$\x91\xf6\x9d{\xac\xf9b\x91\xd9l:v\xecx\x8d\x1a5\x1eP\x8a\x14\x83Qn0\x01`\x947\xd4\r\xff\xe3\x8f?\x8cF#\xc7q\xcdc\xdb\xb9\\\x84\xf3\xc8\x95\xe68\xce\xe9\xb0\x9b\x8c\x06\xfa\xbf\xfe\x01Z\xb3I6\xea\xffa/\xa1\x14yM\x88\xe3\x1cvGdT\x93\xa0\xe0\x90\xfc\xbc\xdc\xbd{\xf7\xf6\xef\xdf\xcf\xb3\xa1\x18\x0c\xef\x81\xc51\x19\xe5\r\x15\x80\xd4\xd4\xb3\x00\xe0\xe7\xef_\xbfA#\xa7\xc3\xe9A\xfc\x87v\x8fq\xd8m&amp;\xa3\x9e^\t\x0c\n\xe68\x9e\xe7y\xee\x9e\xff\x94"jO\x8f\xda\x85V\xad\x11\x16^\x1f\x00\xfe\xfe\xfb\x1c\xb0\x0e\x01\x8c\x8a\x0f\x13\x00FyC\rqJ\xca\x19\x00\xa8Z\xbd\x96V\x17(I\x92g\xc6\x14q\x9c\xddn\xa7\x8d|\x01@\x17\x14L0\xc0\x83\xb1\xcb\x84\x10\x85\xc8\xd5\xae\x17\x01\x00\x97.]2\x99L4\xbb\xf4A&lt;\x17\x83Q&gt;0\x01`&lt;\x1c\xf4z=\x00\xe8\x82\x82}\xfd\x03\xdc\xd9\xa8%\x83\x10\x9e\xe3\xcd&amp;\xa3\xddf\xa3\x174Z\x9d\xe4\x92i\xf1;Y\x92dY\xc2\xb2\\V6\x9a\x10"\x08P\xb5ZM\x000\x18\x8c\xdeS\xb0\x88\xc1\xf0\x18\xb6\x07\xc0(Wh\xe6\x8c\xc9d\xca\xc8\xc8\x00\x80\xaa\xd5kq\x1c\xf1\xccF\x13\x00\x8e\xe7MF\x83\xd3y\xab\x90Q\x95\xea5\xfd5\xbc\xa0\x08\xa2-2\t\x06Y\x06\x87\xdd\xeep8J\x7f\xb0\x19!$IP\xa5zM\x000\x9bM\xe9\xe9\xe9\xadZ\xb5b\x89@\x8c\n\r\x13\x00Fy\x83\x10r\xb9\\z\xbd\x11\x00\xc2\xea\xd4U(&lt;\r\xa4\x10\xc2\xf3\x9c\xd9h\xa0\x0fW(\xc4\xac+\x19YW2\xaef\xa4\xdblV\x84\x90V\xab\xab]7\xa2at\xf3\x1aa\xb5\x9cv\x97\xcdf-M\xd2\x0eM9\r\xabS\x17\x00\x9cN\']\xc1\xb0\x10\x10\xa3B\xc3\x04\x80\xf1\x10@\x08\t\x02\x0f\x00.\x97\xcbc\x13J\x00\x10\x02\xa3\xbe\x88\xe7y@\x08\x13\xfc\xfa\x98!wWz\x08\x0c\n\xe9\x1a\xff\xc4\xe8W&amp;\xd7o\xd8\xc8\xa87\x942q\xd3\xe5r\xd1\xff`\xc7\x80\x19\x8f\x00l\x0f\x80\xf1p(\x0b\xdf\x99p\x1c\xe4\xe7\xe5\xc8\xb2,K\x92,Iw[\x7f\x8e\xe3\x0b\x0b\xf2~X\xbf\xea\xd9\xf8\x0e\x89?\xfd\xa0\xd1j&lt;\xdco\xb8\xfb\xb9\x99\xef\xcf\xa8\xf80/\x86\xf1p\xa0\x06\xb44~4\xc7\xf1\x16\xb3\xb5\xc7\xe3\xfd\xcf\x9e\xf9\xeb\xb7\xe4_\xab\xd7\x0c\xabY\xbbn\x95\xaa\xd5\xd5\xbe~.\xc9U\x90{\xf3\xfc\xd93\xe7SO\x03\x80B\x14M\x06\xfd\xeb/\x0e\x0e\x0c\xda\xdd\xaa]G\x8b\xc9\xccy\xba\x0epO\x98\t\x00\xe3\x11\x80\t\x00\xe3!\x80\x10\xa2\x96T_T\x80\xb1\x87\xfb\xa8\x08!I\x92C\xabT\x9b\xb7du^N\xb6V\x17\xe4\xa3Vq\x1cp\x1c\x10\x02\x18\x83\xcdj?u\xfc\xc8{oM\xbcp\xee\x8cB\xa1p\xb9\\s\xa7M\xdc\x9ct\xc8c\xeb\x8f\x10\xe8\x0b\x0b\x00\x00!\x8e\x85\x80\x18\x8f\x00,\x04\xc4(W\x10B\x18c\x8dF\x13\x15\xd5\x10\x00\xd2\xd3\xceI\x92\xe7\x15\x8a\x10B\x0e\x87\xc3j1k\x03\x83d\xd9e\xd0\x1b\x8a\n\xf5\xf9y\xfa\xc2|\xbd\xbe\xc8\xe0r:\xdbu\xea\xbajKb\xad\xdau%I\xe2\x05\xe1|\xea\xa9?\x0f\xfd\xee\xeb\xeb+\xe3\x12\x07\x820!\n\x05\xa4\xa7\x9d\x03\x00\x9dN\xd7\xa8Q#\xb8}\xa6\x81\xc1\xa8\xa0\xb0\xaf/\xe3!\x80\x10\xf2\xf1\xf1\x01\x00\xab\xc5\xe2\xb0{\xd2\x05\xac\xf8P\x1c\xc7I.\x17\x00\xe2yZ\xffT\xe0i}S\x8e+\xc8+\xa8\x11VmT\xc2dw\x9f\x83\x93\xc7\x8e\x08\n\x04\xff\xd09\xe0\xdf\x9fH\x96\t-;!\x8a\xa2\xa2x\x87e\x06\xa3b\xc2\x04\x80Q\xde\xd0\xad\xdaf\xcd\x9a\x03@\xd6\x95K\xfa\xc2|A\x10J\x19R\xff\xa75\x84\xa0P\xd8,R\xf3\xd8\xb6&lt;\xcf\xcb\x92D\x08\xb9y#\x0b{tZ\x18!\xe4r\xa1\x8b\xe7S\x01 "\xa2~@@\x00m\xc1V\x9ai3\x18\x0f\x17&amp;\x00\x8c\x87CDD}\x000\x9bL\xd72\xaf(\x14\xe2\x03\xdaSE\x08a\x82}\xfd\xfcE\xa5\x92\n\x8f\xe4\x92&lt;\x18\x87\x10"\x08\x82\xa1(\xffF\xd6U\x00\xa8[\xb7.\xab\x03\xc1x\x04`\x02\xc0(oh\xc0\xa7c\xc7\x8eJ\xa5\xca\xe5r\x9e:vDTr\x1etj\xbc\x1f\x08!\x08qV\x8b\xc5\xe9p\xd2\xe7\r\xd0j\x11\x07%\xee=I\x88R\xa5\xbat\xe1\xef\x1b\xd72\x01\xa0k\xd7\xae\xc0\x12\x81\x18\x15\x1f&amp;\x00\x8c\xf2\x86\xb6\'\xabS\xa7N\xdd\xbau\x01\xe0\xcf\xc3\xbfI\x92\xe7\x05\x15dY\xfe\x17\xf1\x90eY\xa5\x12\xd2\xce\x9e\x91e\x89&amp;\xff\xd4\x8dh\x08\xff\xd2?\xfe\x1f\xc0\x18\x8b"w\xfc\xc8AY\x96\x95JU\xdb\xb6m\x81\xed\x003*&gt;\xec\x1b\xccx\x08`\x8cEQl\xdb\xb6\r\x00\x9c\xf8\xe3`fF\x86J\xa5\xf2\xcc\xa1\xd6h5j__B\x88,I\xb2,c,c\x8c1\xc6\xb2,K.\x97Z\xedk\xb5\xda\xbfY\xfe)\x00\xc2\xb2\xac\x10\xc5\xd8v\x9d\xecv\xa9\xa4\xb6\x9b\xe7y\x9b\xd5\xb9\'\xf1\'\x84P\xbdzu\xc3\xc3\xc3i1j\x0f&amp;\xcc`x\x0f\xec\x1b\xfc(C\xfb\x00K\xb4:\xa6|\xcb2\xba{\x02\xbb\xaf\xcbeW2\xb3D&lt;\xf3\xcc3\x00`2\x1a\x8e\x1c\xd8\xab\xf6U\xe2\x92\x9c\xd1%\x84(\x14\x8a\x82\xbc\xdc\x0f\xde\x99\xfc\xf7\x99SJ\x95J\x17\xac\xd5\xe84~~\x01j\xb5\xaf\xaf\xaf_\x80V\x13\x14\xa23\x99\xf4\x93\xc7\x0c;{\xfa/Q\x14eY\xee\xd1\xbb\x7f\x83\xc6M\xecV\x0bB%\xf8\xe6\x13\x8c}||\xd2\xd3\xfe&gt;\x9fr\x8a\x10\xd2\xa7O\x1f:Z\x89_0\x83\xe1e\xb0\xc3,\x8f\x1a\x84\x10j\xe59\x8e\xe38\xee\xee\xd27\xf4\x04\x13\xed\x05_\xfc:\x95\x01\xfa\xa8\x07=I\x1a\x05\xea\xd6\xad[DDDzz\xfa\x8e\x1f6&lt;3\xf4\x85\x92\xf7\x84A\x04\xc8\xea\xcf?Y\xfb\xe5\xe2f-\xdb\xb4h\xd3!\xaaI\xf3*\xd5j\xf8\xa8\xd5\xb2$\xe5\xe5\xdc&lt;\xf9\xe7\xa1\x1d?n\xcc\xbd\x99-*\x95N\x87#08t\xf2\xccy\x0e\x87\xa3\xa4)@\x18cQ)\xfc\xba\xed;\x87\xc3!\x8a\xe2\x88\x11#\x80\xc5\x7f\x18\x8f\x04,\x93\xe1\xd1\x81\xfa\xfb\xc5\xcdzAA\xc1\xd9\xb3g/]\xba\x94\x95\x95\x95\x99\x99y\xe5\xeaU\x0e\xa1\x93\'O\x16\x15\x15\xe9t\xba\xe1\xc3\x87k4\xda\xa6M\xa3k\xd6\xac\xd9\xb8qc\xb5Z\xed\x1e\x87\xb6\xed}\xa09\x8e\x92$\t\x820c\xc6\x8c\xf7\xde{\x0f!\xf4\xedO\xfbc;t4\x1bM\xf7yL\x97\x10"\x8a\xca\xeb\xd7\xae\xf6i\x1bu\x873\xce\xf1|\xf1\xc5\x04M\xd7\xa9Z\xbd\xe6\xa7\xab67o\xd5\xc6d2\x95\xa8\x1e\x1c=@`\xb7\xd9\xfavl\x92\x9f\x9b\xd3\xb5k\xd7={\xf6\xd0\xf7\xe7\xfe\x07a0\xbc\x13&amp;\x00\x8f\x02\xd4\xe5\xa7v\rc|\xf4\xe8\xd1]\xbbv\x1d:t\xe8\xd4\xe9\xd3y\xb9\xb9\xf73BxxxL\xcb\x96q\x1d;\xf6\xea\xd5+**\x8a^\x94e\xf9\xc1\xc9\x80\xcb\xe5R(\x14yyy\x11\x11\x11\x06\x83\xa1\xdf\xa0\xe7\x16}\xfdmA\xfe?\xb4\xf3\xbd\x17\x1c\xc7\xd9l\xb6\xb7\'\x8c\xda\x9f\xfc\xcb\xbf\x84\x8f||\xd4\xbd\x9f\x1a\xf4\xca\x94\x99\xd5k\xd56\x1b\x8d%\xad\x06*IRP\xb0v\xdd\x8a\xaffN~\x89\x00l\xd8\xb0a\xc8\x90!T\xbdJ4\x0e\x83\xe1\x850\x01\xa8\xd8Po\x9d\x1a\xb5k\xd7\xaem\xda\xb4i\xfd\xfa\xf5\xa7N\x9d*~\x0fB\x10\x18\x14\xa2\xf2Q\xd7\xae[\x9fn\x03\x00\x80,\xcbW3.J.\x97\xbe\xa8\xb0\xf8\xcdJ\xa5\xb2K\x97.\xc3\x86\r\xeb\xd7\xaf_@@\x00\xbd\xb3\x94%\x94\xef\x80N\x80\xe38\xa7\xd3\xb9|\xf9\xf2Y\xb3f\x99\xccfI\x92Vl\xfa5\xae{\x0f\xa3\xe1~=tB\x08\xcf\x0b\nQ&lt;\x9fz\xea\xf8\x91\x03\x7f\xa7\x9e\xbav\xe5\xb2\xd1\xa8w9\x9d\x1c\xcf\xf9\xf9kj\xd5\x0eo\x1a\xd3\xba}\x97\x1e\x91Q\x8d\xedv\x87\xc3n/\xe9\x0b\xa1\xe9\xffF}Q\xff\xae-\x0b\xf2r"""N\x9f&gt;-\x8a"B\x9e\x97\xaf`0\xbc\x07&amp;\x00\x15\x18\xb7iNMM]\xb4h\xd1\xd6\xad[\x8b\x8a\x8a\xe8\x9f\x94JeTt\xf3\xa61mbZ\xb7\xafR\xbdF\xcd\xdau\x05A\x11\x18\x1cB?n\x84\x00\xcb\xb8 ?\xd7\xe9tdf\\\xbc\x96y\xe5\xe4\x9f\x87SO\x9d\xb8p.\xc5\xfdm\x08\x0b\xab=r\xe4\x88\xf1\xe3\xc7\x87\x86\x86\x12B\xca$\xe9\xa5\xb8\\\xed\xdc\xb9\xf3\xad\xb7\xde:s\xe6\x0c\xfd\x13\x02h\xd1\xa6\xc3\x86_~\xb3\x98-\xf7\xffD\x84\x10 D\xa5\xf6U*yB\xc0\xe5\xc2\x0e\xbb]\x96%\x84\x90R\xa5\x12\x95\n\x0e\x81\xdd\xee\xb2Y\xad\x1c\x87J\xb4\xf1K\x91\\\xae\x90*\xba\xf7\xde\x9a\xb2r\xe9G\x00\xb0y\xf3\xe6\x81\x03\x07\x96\xb9"2\x18\x0f\x0b&amp;\x00\x15\x12\xb7%5\x18\x0c\x1f\x7f\xfc\xf1\xc2\x85\x0bm\xb7\xfb\xe2\xc6\xb4\xe9\xd0\xed\xb1\xbeq\xdd\xe3\xeb7h\xa4R\x8bX\x06Y\xc6N\xa7\x93`"I\xce\xe2\t\xf0\n\x85\x88\x10\x12\x95J^\x00\x04`4\x98SO\x1d\xdf\x97\xb4\xfd\xf7\xdd;\xd3\xd3\xfe\xa6\xf7\xd4\xacYs\xce\x9c9#G\x8e\x84\xd2-\x05\x8a\xefO\xa4\xa6\xa6N\x9d:\xf5\xd7_\x7f\xa5\x7f\x1a4hP\x8d\x1a5\x16-Z\x04\x00o\xbd\xb7\xf0\xa5\xd7_\xcf\xbbY$\x94\xa4\xd2\x0e\xc6\x98\xd0f\xf0\x08\xd1\x98\x15!@\x08]\xeb\x10\x0eq%\xdf^\x06\x00\x90%)@\x13\xf0\xd7\x9f\x7f&lt;\xdf\xbf\x9b\xcb\xe9\xec\xd9\xb3gRR\x12\xb3\xfe\x8cG\t&amp;\x00\x15\x0f\xf7\x0e\xe4\xe6\xcd\x9bg\xcc\x98\x91\x96\x96\x06\x00J\xa5*\xbe\xdf\x80\xbe\xcf\x0c\xe9\xd0\xb5\x97R)8\x1c\x92\xddf\xc3\xb2\x0c\x08\xb9\xe3\x15wD-n\xe7\x83\xd2\xc4P\xc4\xf3\xbc\x8f\xdaW\x14QQ\xa1~\xd7\x8em;\xb6l8\xb4?\x99\xde\xd9\xbd{\xf7\x05\x0b\x16\xc4\xc4\xc4x\xb6+\xe06\x9a\xb9\xb9\xb9\xef\xbf\xff\xfe\x8a\x15+\xa8\\5m\xda\xf4\xc3\x0f?\xec\xdd\xbb7!\xa4a\xc3\x86\x17/^T\xfb\xfa}\xb3mo\xe3\xe6-\xccF\x13\xefq\x90\x9d\x10@P\xe2\xb3^w\x8e\x81y\x9e\x97$\xd7\x90\xdeq\x17\xcf\x9f\xe58\xfe\xec\xd9\xd4\xc8\xc8H\x96\xfe\xcfx\x94`\x02P\xc1\xa0\xc6T\x92\xa47\xdf|s\xf1\xe2\xc5\xf4b\xfb\xce=^\x992\xb3]\xa7\x8eN\'\xb1\x98L\x18c\xe4Q6\'\xdd!P(\x14~\xfe\xbe\x18\x93\x9f6\xaf[\xbex\xfe\xc5\xf3g\x01@\xa3\xd1|\xfc\xf1\xc7/\xbe\xf8b\x89\xc2A\xeep\xbf\xcb\xe5Z\xb7n\xdd\xacY\xb3233\x01\xa0Z\xb5j\xd3\xa6M\x1b7n\x9c(\x8a\x92$\xf1&lt;\x7f\xf4\xe8\xd1\xb8\xb88I\x92"\x1a6\xfe.\xe9\x10/($W\x89\x8fk\x95!\xb2$\x05\x06k\'\x8e\x1e\xfe\xf3\xf7\xeb\x00`\xd1\xa2E\x13\'Nd\xee?\xe3\x11\x83\t@E\x82\x1a\xa0\xec\xec\xec\x81\x03\x07\x1e:t\x08\x00B\xabV\x7fs\xe6\xfc~\xcf\x0e\x93eb6\x199\x84&lt;\xeevR\x0c"\xcb2B\\\x80&amp;\xc0b\xb6|\xb5x\xde\xca%\x1f;\x9d\x0e\x00\x187n\xdc\xd2\xa5K\x05A\xf8\xcf&lt;\xc8\xe21\x9f\xe4\xe4\xe4\x993g\x1e9r\x04\x00T*\xd5\xd8\xb1c\xdfy\xe7\x9d\xd0\xd0P\xf7+\xa2\xff^\xbcx\xf1\xa4I\x93\x00\xa0\xef3C\x17}\xbd\xdel4\x11B&lt;\x8b\xde\x94\x12I\x92B\xabh\x97\x7f\xfa\xe9\xfboO\x04\x80\x01\x03\x06|\xff\xfd\xf7\xcc\xfa3\x1e=\x98\x00T\x18h\xea\xe1\xb1c\xc7\xfa\xf7\xef\x7f\xe3\xc6\r\x00h\xdf\xb9\xc7\xfb\x9f}\x1dV\xa7\xb6\xbe\xd0\x00\x088\xae\x8c\xcd\x93,K&lt;/\xe8\x02\xfd\x0e\xee\xdd\xff\xf6kc2/\xa7\x03@\x87\x0e\x1d\xb6o\xdf\xae\xd3\xe9\xfeE\x03\xdcY\x92\xa9\xa9\xa9\xf3\xe6\xcd\xdb\xb0a\x03\xbd\xde\xabW\xaf9s\xe6\xb4i\xd3\x06\xee\xca1\xa5\x0f\x191b\xc4\xda\xb5k\x01\xe0\xa9!#\xe6/[e1[\xca?\xe3^\x92\xa4\x90P\xed\xaae\xcb\xe6L}\x05\x00\xa2\xa3\xa3\x7f\xfb\xed7\x8dF\xc32\x7f\x18\x8f\x1eL\x00*\x06\xd4\xfd&lt;v\xecX|||aa!\x00\xbc\xf4\xfa;\xaf\xbd5[\xc6\xb2\xcdj}p9\xe9\xb4\xc6\x8eF\xa7+\xc8\xbb9crB\xf2\x8e\x1f\x01 666))\xe9\x9e\x1a\xe06\xeb\xb9\xb9\xb9K\x97.]\xb8p\xa1\xd5j\x05\x80\xa6M\x9bN\x9b6m\xf0\xe0\xc1\xf0\x0f\xc7\x0bhd\xc9n\xb7w\xe9\xd2\xe5\xd8\xb1cp[\x03\xac\x16+\x8d\x11=\xa0\x17x\xc7\x1c0\xc6\xc1\xa1\x9aUKoY\xff\xc0\xc0\xc0\xfd\xfb\xf7GGG3\xf7\x9f\xf1H\xc2\x04\xa0\x02@\xedlq\xeb?c\xfe\xd21\xaf&amp;\xe4\xe6\x18\xa1\\j\x12\xc8\x92$\xaaTj\xb5\xea\xcd\x97Gn\xdd\xb8\x06\x00bccw\xee\xdc\xa9\xd3\xe9\xdc~q\xf1\xc3h\xabW\xaf\x9e9sfVV\x16\x00T\xabVm\xfc\xf8\xf1S\xa6L\x11E\xd1\xbd%\xf0//\xb3\xa8\xa8\xe8\xb1\xc7\x1esk\xc0\xdcE_"\xc4Y,\x96\x07}\xf0J\x96e\x85B\xe1\x17\xa0^\xbdl\xc9\xdci\xaf\x02@```bbbll,\xb3\xfe\x8cG\x15&amp;\x00\xde\x0em;\x95\x97\x97\x17\x1d\x1d\x9d\x9b\x9b\x0b\x003\xe6/\x1d\x95\x90\x90\x97S\xc4\x0bB\xb9\x05%0\xc6\x1cB\xbe\xfe~S\x13FQ\r\xe8\xd1\xa3Grr2u\xe7\xdd\xe1\xfe={\xf6\xcc\x9f??99\x19\x00T*\xd5\xd0\xa1C\xe7\xcc\x99S\xa3F\r\xb8\xbf,\xd2\xbb5\xa0Y\xab\xb6\x1f.Y\xd9\xa0q\xa3\xc2\x02\x03\xcd\xf2,\xf3\x97FW9\x01Z\xad\xc9\xa8\xff\xe0\xed\xd7\x7f\xdc\xb8\x06\x00t:]RRRll,;\xf4\xcbx\x84a\tm^\r\r\x8c`\x8c\xfb\xf7\xef\x9f\x9b\x9b\xcbq\xdc\x8c\xf9KF%$\xe4\xe5\xea\x05\x85\xa2&lt;C\xd2\xb4|\x9b\xc5l\x99\xbfl\xd5SCF\x00\xc0\xee\xdd\xbb\'M\x9a\xc4\xf3&lt;=.{\xe1\xc2\x85\xd1\xa3G\xf7\xea\xd5\x8bZ\xff\x1e=z\xec\xdf\xbf\x7f\xe5\xca\x955j\xd4\x90$\xc9\xbd8\xf8\xcfg\xc1\x18S\xe3;h\xd0 \x008}\xfc\x8f!}:\xfd\xb0a\x9dF\xab\xf1Q\xfb\xd2\xa1\xca\xeaE\xd1\x92\xa8\x82\xa0\x08\x0e\xd5\x9d:v</t>
        </is>
      </c>
    </row>
    <row r="461">
      <c r="A461" s="1" t="n">
        <v>459</v>
      </c>
      <c r="B461" t="inlineStr">
        <is>
          <t>polygon_sides_color</t>
        </is>
      </c>
      <c r="C461" t="inlineStr">
        <is>
          <t>What is the missing color of the part denoted with a question mark?</t>
        </is>
      </c>
      <c r="D461" t="inlineStr">
        <is>
          <t>['green', 'purple', 'yellow', 'blue']</t>
        </is>
      </c>
      <c r="E461" t="inlineStr">
        <is>
          <t>purple</t>
        </is>
      </c>
      <c r="F461" t="inlineStr">
        <is>
          <t>There are 6 colored polygons arranged in a triangle with color ['blue'] in the top row, ['?', 'green'] in the middle row, and ['blue', 'purple', 'green'] in the bottom row.</t>
        </is>
      </c>
      <c r="G461" t="inlineStr">
        <is>
          <t>We observe that the polygon with 9 sides is green in color and the polygon with 6 sides is blue in color. Thus, the pattern is that the polygons with the same number of sides have the same color.</t>
        </is>
      </c>
      <c r="H461" t="inlineStr">
        <is>
          <t>Based on the pattern that the polygons with the same number of sides have the same color, the missing color of the part with 4 sides should be purple.</t>
        </is>
      </c>
      <c r="I461" t="inlineStr">
        <is>
          <t>b'\x89PNG\r\n\x1a\n\x00\x00\x00\rIHDR\x00\x00\x02\x00\x00\x00\x02\x00\x08\x02\x00\x00\x00{\x1aC\xad\x00\x00\\\tIDATx\x9c\xed\xddg|\x14U\xdb\x06\xf03ew\xb3%\x9bl\x1a\x10lt\x94^\x94"J\x13\x91\xa6\x14\xc5\xf2(\xa8H\x15\xa5)\xd8(\xd2!HW\x8a\x02RT\x14\x11\x90&amp;U\x94\xde\x04\x02!\xf4\x1e u\x93M\xdf\x9d9\xe7\xfd0\x90\x17\x15\xa4%\xbbS\xae\xff\xfb\xe5\xf9=\xaf\x8f\x0c;\xbb\xf75\xe7\x9c{\xce\xe1\x18c\x04\x00\x00\x8c\x87\x0f\xf4\x05\x00\x00@` \x00\x00\x00\x0c\n\x01\x00\x00`P\x08\x00\x00\x00\x83B\x00\x00\x00\x18\x14\x02\x00\x00\xc0\xa0\x10\x00\x00\x00\x06\x85\x00\x00\x000(\x04\x00\x00\x80A!\x00\x00\x00\x0c\n\x01\x00\x00`P\x08\x00\x00\x00\x83B\x00\x00\x00\x18\x14\x02\x00\x00\xc0\xa0\x10\x00\x00\x00\x06\x85\x00\x00\x000(\x04\x00\x00\x80A!\x00\x00\x00\x0c\n\x01\x00\x00`P\x08\x00\x00\x00\x83B\x00\x00\x00\x18\x14\x02\x00\x00\xc0\xa0\x10\x00\x00\x00\x06\x85\x00\x00\x000(\x04\x00\x00\x80A\x89\x81\xbe\x00\x80\xdbc\x8c\x05\xfa\x12\xee\x1a\xc7q\x81\xbe\x04\x80\xdb\xe0\xb4\xf8\xd3\x02\x00\x80\xfb\x87\x11\x00\xa8\x1ac\x8c\xe38wZ\x1a\xa5\xb2V\x9e\xa9\x19c&lt;/\xb8\xc2\xc2\x94\x8b\x0f\xf4\xe5\x00\xdc\x12\x02\x00\xd4K\x96eA\x10\xc6\x8e\x19\x133q\xb2\xcd\x11,\xf9|\x84\xa8\xbf\x9e2\xd1d\xca\xc9\xca\xfc\xb0\x7f\xdf\x8f&gt;\xfeX\xf9+\x04\xfa\x92\x00n\x0eS@\xa0R\x94RBHRbb\xc5\x8a\x8f6\xee;\xb3x\xa9J\xbe\xbc\x1c\xc2\xab&gt;\x00(3\x05\xd9\xae\x9e\x8d\xfb}J\x8fc\xc7\xe2\xa3\xa2\x8a\x11Bx\x1e\xdd\x16\xa0F\x08\x00P)\xe5\xd9\xf9\xb5\x97\xda\xedI\xb2\xfco\xc8\x1cOj"/hc\xc0Je\xc9\x19^\xec\xbb\xe1]\x1e\x8f\xca\xffa\xc92\x0c\x02@\xb5\x10\x00\xa0F\x94R\x8e\xe3\xf6\xed\xdd\xf3t\xd3\xe7\xde\x9a\xb6%\xc8\x11*\xfb\xbcZ\x99Og\x84\xf1\x82(\xe5\xe7}\xdb\xf7\x99\xcd\xab\x97&gt;^\xa7.\xa5\x14\x83\x00P!\x04\x00\xa8\x91\xf2\xd4\\\xafvuZ\xa1U\xb3N\x03=\xa9W\xb5\xf2\xf8\xaf\xa0\xb2\xe4\x0c/\xbei\xd1\x049n\xc5\xae}\x87\x18\xa3\x18\x04\x80\n\xe1\xa9\x04TG\xa9\xfe?|\xb70\xf6B\xfaS\x1d\xbag\xa5\xa7h\xab\xfa\x13BxA\xccLKj\xd8\xb1\xf7\x91\xcb9\xf3\xbe\x99%\x08\x82,\xcb\x81\xbe(\x80\x7f\xc2\x08\x00\xd4\x851\xc6\x18\x93%\xb9l\xe9\x87*\xbd:\xa2Z\xa3v9\x19\xa9\x9c\x06\x1f\x9f\x19\x95\xad\xc1\xae\xb8\xed\xabc\x17~\x12\x1b\x17\xefp8x\x9e\xd7\xca,\x16\x18\x04F\x00\xa0.\xcat\xf9\xa8\xe1Cr\x1c\x8fTo\xdc6\xdb\xa3\xc9\xeaO\x08\xe1x!\xc7\x93V\xbdq\xfb\x1cg\x99q#?\xc7 \x00T\x08#\x00P\x91\x1bZ?+\xb4\x1a\xb2\xa4d\xd9\xaa\xf99Y\x9cf\x97O\x19\xa3&amp;\x8b-\xe5\xe2\x89_\x06\xb7\xdb\xbfwO\xd9r\xe5\x18cX\r\x06\xf5\xc0w\x11TD\xa9\x8f\xfd\xdf\xef\x15Y\xa3U\xa9\xcau\xf3\xb2=\xda\xad\xfe\x84\x10\x8e\xe3\xbd9\x99\x0f&gt;Z;\xfa\x89\xb6\x83?\x19\xc8q\x9c\x92p\x00*\x81\x11\x00\xa8\xc5\xbf[?\xa9\xe4#\xba\x984\xe7\x05a\xc6;u\xd7,]\xd8\xb8i3\xbc\x16\x00\xea\x81\x00\x00\xb5\xd0z\xeb\xe7\xadPYr\x84Fn_6\xcb\xbdc\xfe\xbe\x03\x87\x05\x81\xc7j0\xa8\x84\x86\xc7\xd7\xa0\':h\xfd\xbc\x15^\x10\xb32R\x1a\xb4\xef~*U\x9a?w\xb6 \x08\x98\x08\x02\x95\xc0\x08\x00\x02O7\xad\x9f\xb7\xc2(\xb5\xd8\x1cgc\xb7\xff1\xa5G\xfc\xf1\xe3.\x97\x8b\xe38\x0c\x02 \xe00\x02\x80\xc0\xd3M\xeb\xe7\xadp&lt;\x9f\x97\xed\xa9X\xb79_\xa2\xf2\xd8\x91\x9f\xf3&lt;\x8fA\x00\xa8\x01F\x00\x10`:k\xfd\xbc%\xc6\x04\x9393\xed\xea\xfc\xf7\x1b\xc7\x1e\xd8W\xbeBE\xb4\x84B\xc0\xe1\xfb\x07\x01\xa6\xb3\xd6\xcf[\xe28_~n\xd4C\x15*\xb5\xec6\xe8\x83\xfe\x1c\x87g/\x08&lt;|\x0b!\x90t\xdc\xfay+\x82\xc94\xb5s\xad_\x17\xcfm\xd1\xaa\rZB!\xb0\x10\x00\x10Hzm\xfd\xbc\x15e\x83\xa0\x83\x9b\x7f&gt;\xb1t\xf4\x89\xd3\xe7x\x9e\xc3j0\x04\x90\x1e\xc7\xda\xa0\x11:n\xfd\xbc\x15\x8e\x17r3\xd3k4})\x8d\x84N\x9f\xf2\x05V\x83!\xb00\x02\x80\xc0\xd0}\xeb\xe7\xad0J\xcd6G\xc2\x89\x83\xab\x86w&lt;\x7f\xfe|hh(\xc1 \x00\x02\x04#\x00\x08\x0c\xdd\xb7~\xde\n\xc7\xf3\xf9\xd9\x9eRU\xea\x86Uj4\xe8\x83\xbe\x1c\x06\x01\x108\x18\x01@\x00\x18\xa5\xf5\xf3V\x18\xe3M\xe6\xbcL\xf7\xdc\xde\r\x0f\xec\xd9^\xf1\xd1\xc7\xd0\x12\n\x01\x81\xef\x1c\x04\x80QZ?o\x85\xe3\xa4\xfc\\W\xf1\x87\xab\xb7\xed\xdd\xa3\xeb\xdbh\t\x85@1\xd2\xaf\x0e\xd4A\x99\xfc\xd9\xbbg\xf7\xb2\xdf\xb64{\xf3\xa3\x9c\xcct\x9e7\xc4\xe4\xcf\x8dxA\xcc\xceHm\xd0\xae\xeb\xde\xe3W~\xf8n!\x8e\x8b\x81\x80\xc0\xa3\x07\xf8\xdb\xb5\xd6\xcf\xc7k\xd0\xf2-\x9f\xe9\xf4afj\xa2\xee\x9b\x7fn\x8a\xc9\xb2-$\xfc\xd0\x96eq?\x0c&gt;u\xe6\x82 \nh\t\x05?\xc3\x08\x00\xfc\xeaZ\xeb\xe7\xa2\xf9G\xaf\xe65z\xf9\xbd,w\xb21\xab?!\x84\x13\x84lOj\xf5\xc6ms\x1c\x8f\x8c\x1a&gt;\x04-\xa1\xe0\x7f\x18\x01\x80\xff0\xc6(\xa5YYY\x95\x1f\xabX\xed\x8d\xd1\x95\x1b\xb4\xce\xcdts\xc6\x9b\xff)\xa0\xec\x12\x9ap*v\xf5\xf0\x8e\xc7\x8e\x1d\x8b*V\x8c\x10\x82\xd5`\xf0\x1b|\xd5\xc0\x7f\x94\xc7\xff\xb1#?\xcf\x0b)[\xa3i\x87\x1cO\x9a\x91\xab?\xb9\xbeKh\xa9*u#\xaa\xb7\xe8\xf7~/\x9e\xe7\xf1@\x06\xfe\x84\x11\x00\xf8\x892\xbfq\xfa\xf4\xa9\xda\x8f\xd7i;|i\xe4\x83\x15|\xf99\x1cg\xf8G\x10\xc6xA\xf4\xe5\xe7|\xdb\xb7\xd9\xe6\xd5K\x1f\xafSWY$\x0f\xf4e\x81!\xe0{\x06~\xa2\xb4~~6h@T\xcdV\x0f?\xf6\x847\'\x13\xd5\x9f\x10B8N\xf2\xe5\x87D\x96\xac\xdc\xe2\xedw{v\xa3\x94\xe1\x99\x0c\xfc\x06\xbf@\xf0\x07e\xf2\xe7\xf7M\x1bWl\xdc\xd5\xa2\xcb\xa7\x99i\xc6]\xfb\xfd7^\x103\xd3\x92\x1av\xec}\xe4r\xce\xbcof\xa1%\x14\xfc\x06S@\xe0\x0f\xb2,s\x1c_\xef\xf1\xea\xfcc/4}}\x80\xeew\xfd\xbc[\xca.\xa1q\xdbW\xc7.\xfc$6.\xde\xe1p\xe0\xe0x\xf0\x03\x8c\x00\xa0\xc8)\x8f\xff\xf3\xbe\x99u\xf8Rv\xc3\x8e\xeff\xa6%\xa1\xfa\xff\x03\xc7\x0b9\x9e\xb4\xea\x8d\xdb\xe78\xcb\x8c\x1b\xf99\x06\x01\xe0\x1f\x18\x01@\xd1*h\xfd\xacZ\xe9\xd1\xaao\x8c\xae\xf4d+\x83\xb7~\xde\nc\xd4d\xb1\xa5\\&lt;\xf1\xcb\xe0v\xfb\xf7\xee)[\xae\x1c6\x08\x82\xa2\x86\xaf\x17\x14\xad\x82\xd6\xcf\x1cg\x99\xea\x8d\xdb\xa3\xf5\xf3V8\x8e\xf7\xe6d&gt;\xf8h\xed\xe8\'\xda\x0e\xfed \xc7qx/\x0c\x8a\x1aF\x00P\x84\xd0\xfay\x0fxA\x98\xf1N\xdd5K\x176n\xda\x0cgFB\x91\xc2O\x11\x8a\x10Z?\xef\x16\x95\xa5 \x9b\xf3\x89\x97\xfa\xf4y\xff=\xaf\xd7G\x08\xc1#\x1a\x14\x1d\xfc\x1a\xa1\xa8\xa0\xf5\xf3\x1e\xf0\x82\x98\x95\x91\xd2\xa0}\xf7S\xa9\xd2\xfc\xb9\xb3\x05A\xc0D\x10\x14\x1dL\x01AQA\xeb\xe7\xbdQ6\x08:\x1b\xbb\xfd\x8f)=\xe2\x8f\x1fw\xb9\\\xd8%\x14\x8a\x08F\x00P$\xd0\xfay\xcf\x94\r\x82*\xd6m\xce\x97\xa8&lt;v\xe4\xe7\xd8%\x14\x8a\x0eF\x00P\xf8\xd0\xfay\xbf\x18\x13L\xe6\xcc\xb4\xab\xf3\xdfo\x1c{`_\xf9\n\x15\xd1\x12\nE\x01_)(|h\xfd\xbc_\x1c\xe7\xcb\xcf\x8dz\xa8B\xa5\x96\xdd\x06}\xd0\x1fgFB\x11\xc1\x17\x0b\n\x19Z?\x0b\x91`2M\xed\\\xeb\xd7\xc5s[\xb4j\x83\x96P(t\xf8YB!C\xebgaaT6\x99\xadM\xbb\x0e\x7f\xb7W/I\x921\x0e\x80B\x87_&amp;\x14&amp;\xb4~\x16"\x8e\x17r3\xd3k4})\x8d\x84N\x9f\xf2\x05V\x83\xa1\xd0\xe1\x99\x02\n\x13Z?\x0b\x17\xa3\xd4ls$\x9c8\xb8jx\xc7\xf3\xe7\xcf\x87\x86\x86\x12\xb4\x84B\xe1\xc1\x08\x00\n\rZ?\x0b\x1d\xc7\xf3\xf9\xd9\x9eRU\xea\x86Uj4\xe8\x83\xbe\x1c\x06\x01P\xa80\x02\x80\xc2\x81\xd6\xcf\xa2\xc2\x18o2\xe7e\xba\xe7\xf6nx`\xcf\xf6\x8a\x8f&gt;\x86\x96P(,\xf8\x1aA\xe1\xb8\xde\xfa9\x0c\xad\x9f\x85\x8c\xe3\xa4\xfc\\W\xf1\x87\xab\xb7\xed\xdd\xa3\xeb\xdbX\n\x86B\x84\x00\x80B@)\x15E\xf1\xd4\xc9\x93\xd3g\xcdm\xd5cxnv&amp;\x87G\xd4\xc2\xc3\x0bbvFj\x83\xf6\xdd\xf6\x1c\xbb\xfc\xc3\xa2\x058.\x06\n\x0b\x9e&amp;\xa0\x10(k\xbf/\xb6k}\xdcW\xb2]\xdf\t\x9e\x94+\x98\xfd/\\\xca\x99\x91Gw\xac=\xfc\xddg\x07c\x0f;\x9dNB\x08V\x83\xe1&gt;\xe11\r\n\x01\xc7q\x8c\xd1\xcb\t\t\xa2(0\xc6\x08\xc1SE\xe1\xa3\x94\x9aL\xa6\xd4\x94\x94\xbc\xbc&lt;\x94~(\x14\x08\x00(\x04\x8c1A\x10\xc6M\x98\x14\xbbrv\xe2\xe9\xc3fk0C\xb3J\xa1\xe2x\x810i\xf5\xd4\x01\x1f|0\xa0X\xb1b\xb2,#\x03\xe0\xfea\n\x08\n\x87\xb2\x08\xfcZ\xc7\x0e\x9bb/w\x99\xb8*+#\x95\xc7"p!\xa1\xb2\xe4\x08\x8d\xdc\xbc`\xec\xd5\xad\xf3O\x9eK\x10\x04\x1e\x1bDC\xa1\xc0\x08\x00\n\x87r\x86\xed\xa4i3\xb2\xce\xee\x8d\xdb\xbe\xca\x16\x1c\xc6\xb0PY(\x18\x13\xcdA\x9e\xd4\x84\xdd?\xc6\xcc\x9a\xf3\xad\xc9$2\xc6P\xfd\xa1P \x00\xa0p\xf0&lt;\xcf\x18+V,j\xd0\xc7\x9f\xac\x9f\xf9\xa9\xec\xcb\xe5\xb0sYa\xa0T\x0er8\xd7\xce\x18\xdc\xa8A\xbd\xe6\xcf\xb5\xc0\x96pP\x880\x05\x04\x85\x861\xc6\x18\x93eZ\xe6\xa1\x12\x0f7\x7f\xf7\xa9\x97\xfbd\xb9\xf12\xf0}a\x94\x9a\x82\xec\xc9\xe7\xe3\x16\xf4{\xf6\xd8\xb1c\xe5\xcb\x97\xc7[`P\x88\xf0M\x82B\xa3\xbc\xa3d2\x89\x13&amp;M\xdb\xb6ptf\xeae\xd1\x1cD\xf0\x84q_\x989\xc8\xb2|b\xbf\xee\xef\xbcU\xa1B\x05J)\xaa?\x14"\x8c\x00\xa0\x90)s\x14\x8d\x1a\xd4\xbdH\x8b\xbf2d\x1ev\x04\xbagL\x96\xac!\xe1\x7f\xad]\xb0\xf7\xdbO\xcf^\xba\xeat\x06c\xed\x17\n\x17\x9e&amp;\xa0\x90)\xe3\x80Ys\xe6\x9f\xd9\xb9\xe2\xd2\xb1}h\t\xbdg\x9c \xca\xde\x9c\r\xb3\x87N\x984944\x04k\xbfP\xe80\x02\x80\xc2\xa7\x0c\x02zt}\xfb\x87u{\xde\x9d\xf5Gvz*\xf6\x05\xba[T\x92\x9c\x91%VN\xfbP&gt;\xb1\xe9\xc0\x91c\x82\xc0q\x1c\x8f\x00\x80\xc2\x85\x11\x00\x14&gt;\xe5\xe8\x92\xb11\x93\xf8\xb4\xd3\xfbV\xcf\xb7:\xc3\x98,\x05\xfa\xa2\xb4\x841j\xb2\xda\xaf\x9e:\x14\xbbz\xceW\xb3\xe7\x98L"c\xd8\xf8\x01\n\x1f\x02\x00\n\x9f2\x0b\x14\x1a\x1a2a\xd2\xe4\r\xb3\x86\xca\xf99\x9c b\x7f\x88;\xc7(\xb5:\x9c\xab\xbe\xfa\xec\xe5\xf6\xad\x9fn\xd8\x10\xad\x9fPD0\x05\x04E\xa2\xa0%\xb4F\x95\x8ab\xf9f\xad\xde\x1d\x9b\x89\xd3\xc1\xee\x0c\xa3r\x90#\xf4\xd4\xde\r\xbf\xc5t\x89=\x12W\xaaT)B\x08\x9a\x7f\xa0(\xe0[\x05E\xa2\xa0%t\xfaW\xb3\x0f\xad\x9c\xe9\xbe|Z4[\xd1\x12zg8\x9e#kf\r\xe9\xd7\xe7\xfd2e\xca\xa0\xf5\x13\x8a\x0eF\x00P\x84\x94\xb9\x8b\x17Z6\xdf\x9b\xe0{{\xfc2\x1c\x11|[T\x96\x1c\xae\xa8mK\xa6\x9dY3\xf5\xe8\x893v\xbb\x9d\xe7\xb1\xf6\x0bE\x05O\x16P\x84\x94q\xc0\xe4\xe93\xd3\x8fo\x8f\xdf\xbe\xca\x1a\xecb\x14\x1b\x04\xdd\x9a\xb2\xedOJ\xc2\xd6\x05\xa3&amp;N\x9e\x8eM\xff\xa1\xa8!\x00\xa0\x08\xf1&lt;/\xcbr\xa9\xd2\xa5\xfa\xf7\xed\xb3f\xe6\x10\x9e#\x84\xa0\x9c\xdd\x12\xa5\xb258d\xd3\xfc\xb1u\xab?\xd6\xf1\x95W\xb0\xf6\x0bE\r\x01\x00EK9\xbfp\xe0\'\x9fE\x08\x99;\x96\xcd\xb2\xbb")ZBo\x86Qj\xb1\x05\'\x1c\xdb\x7f|\xd3w\xd3g}\x83\xd7\xbe\xc0\x0f\x10\x00P\xb4\x94*\xe6t:G\x8c\x1c\xfd\xe7w\x13r\xd3\x93\x05\xd1\x8c\xd5\xe0\x9ba&amp;K\xd0\xda\x99\x83_}\xf9\xc5Z\xb5ja\xed\x17\xfc\x00\x8b\xc0\xe0\x0f\xb2,s&lt;_\xafvu\x8f\xabJ\xfb\x0f\xa7g\xa6&amp;b5\xf8FJ\xebg\xdc\xd6\x15\x9b\'\xf78{\xf1Jdd\x04A\xeb\'\x14=|\xc3\xc0\x1f\x94}\x0cf\xcc\x9e{|\xd3w\t\xc7\xf6[l\xd8 \xe8o8^\xa0R\xfe\xda\xe9\x83\xc6\x8c\x8b)V,\n{&gt;\x83\x7f`\x04\x00~\xa2,i\xfe\xef\x95\x976\x1e\xba\xd4\xe5\x0b\x9c\x19\xf9\xff\xa8,\xd9C#\x7f_86q\xdb\xc2S\xe7\x128\x8e`\xd7O\xf0\x0f&lt;e\x80\x9f(gFN\x9c\xf2e\xd6\x19\xe5\xccH\x17\xce\x8c$\xe4Z\xebgfj\xc2\xee\xc513g\xcf\x15\x04\x1e\xcb\xbf\xe07\x08\x00\xf0\x93\x1b\xcf\x8c\\7\xe3\x13*yqf$!\x84R\xd9\x16\x1c\xbaF9\xf1\xb1\x05N|\x04\xbf\xc2\x14\x10\xf8O\xc1\x06A\xe5\x1e)Y\xfc\xa9\xceM:}\x94\x95\x9el\xe4\xd5`F\xa9\xd9\xea\xb8tl\xcf\xe2\x8f\xdb\xe2\xc4G\xf0?|\xd5\xc0\x7f\n6\x08\x9a5\xe7\xdb\xdd?\xc6xR\x13\x0c~f$c\xccl\xb1\xfc:\xf9\x83\x0f\xfb\xf7\xc1\x89\x8f\xe0\x7f\x18\x01\x80\xbf)\xb3\x1c\x8d\x9f\xaa\x7f^\x8ezm\xe8|\xc3n\x10\xa4\xac\xfd\xee[\xf3\xed\xbe\xf9\x83\xcf\\\xb8\x14\x12\x12\x82\xb5_\xf03&lt;n\x80\xbf)\xe3\x80\x99\xdf\xcc;\xbbs\xc5\xe9\x03[,6\xa7\x11[B\x19\x13DS\xae\'e\xe3\xd7\xc3\xbe\x984\xd9\xe5ra\xed\x17\xfc\x0f\x01\x00\xfe\xa6\x9c\x17V\xa1B\x85\x0f\xfb\xf7\xf9u\xf2\x07f\x8b\xc5\x80g\xc5PY\xb2\xbb"\xd7\xcf\x1b]\xa7r\xa9\xb7\xbat\xc5\xda/\x04\x04\x02\x00\x02@\xc9\x80\x8f?\x1bj\xc9\xb9\xbcg\xf5\xb7F;3\x921j\xb2:\xae\x9c8\x10\xbf\xf1\xbbq_L\xc1s?\x04\n\x02\x00\x02@\x99\x05r\xb9\\1_L\xdc8{\xa8\xecU\xce\x8c4\n\xe5\xc4\xc7\xd53\x87\xbc\xdc\xaeU\xc3F\x8d\xf0\xf8\x0f\x81\x82E`\x08\x0c\xc6\x18cT\x96Y\x8d\xca\x15\x85\xf2M\xdb\xbc\x17\xe3I\xbe\xc2\x8b\xfa\x8f\x01F\xe5\xa0`\xd7\xc9=\xeb\xd7\x8e{\xeb\xc8\xd1x\x9c\xf8\x08\x01\x84\xaf\x1d\x04\x06\xc7q\x8c\x11\x93I\xfcj\xf6\x9c\xd8\xd5s\xae\x9e:d\xb2\xda\x19\xd3\xffj0\xc7\x0b\xd4\x97\xb7f\xfa\xc0\x8f?\x1aT\xa6L\x194\xfeC\x00a\x04\x00\x81\xa4\xcc~\xbc\xf2b\xdb-\xc7\xdc\xefL\\\xe9I\xb9\xa2\xef\x96P*K\x8e\xb0b\x7f.\x9e|a\xdd\x97\xa7/\\\xe1y\x0e\'&gt;B\x00\xe1\xd1\x03\x02I\xd9 h\xd4\xb8/2O\xef\x8e\xdf\xb6R\xe7gF*\'&gt;&amp;_\xdc\xb1h\xec\x84I\xd3L&amp;\x91\xe0\xc4G\x08(\x04\x00\x04\x92\xd2\x0eT\xa6L\x99~}\xde_3K\xe7gFR*[\x83C7\xcd\x1f_\xa7zE\x9c\xf8\x08j\x80\x00\x80\x00+832\x9c\xcb\xd8\xfe\xcbL{h\x84.\xcf\x8cTN|\xbc\x14\xbf\xf7\xd8\xa6E\xd3g\xcd\xc1k_\xa0\x06\x08\x00\x08\xb0\x823#\'N\x9e\xbeu\xc1(O\x8an7\x08\x12\xcd\xe6\x15\x93\xfau\xeb\xf2\x16N|\x04\x95\xc0"0\xa8\x822\x1fR\xafv\x8d\xf4\xd0J\xfa;3\xb2\xe0\xc4\xc7\xdf\xa7\xf4LHLq:\x9d\xd8\xf6\x07\xd4\x00\xcf \xa0\n\xca\xaba\xd3g}\xa3\xcb3#\x0bN|\x1c=v|hh(\xe6\x7f@%0\x02\x00\xb5\xb8\xe1\xcc\xc8\x84.\x13We\xa7\xa7p\xba83\x92\xca\x92\xc3\x15\xb5y\xc1\xd8\xc4m\x0bp\xe2#\xa8\nF\x00\xa0\x16\x05gFf\x9e\xde\x1d\xfb\xfb\xd2 G\xa8\x1eZB\x19\x13\xcdA\xee+gw/\x1e?\xf3k\x9c\xf8\x08\xea\x82\x00\x00\xb5(83r\xcc\xb8\x98\xb5\xd3\x07Q)_\x07#\x00Je\x9b\xd3\xb5r\xda\xc0\xe7[6o\xfe\x1cN|\x04u\xc1\x14\x10\xa8\x08\xbb\x86\x94}\xa4d\xb1\x06\x9d\x9at\xfa(\xcb\x9d\xa4\xdd\xd5`Fe\xb3\xcdy)~\xf7\xe2\x8f\xdb\x9e8q\xa2l\xd9\xb2\xd8\xf8\x01T\x05\xdfEP\x11e)X\x10\xf8\x99_\xcf\xdd\xbdx\xbc\xfb\xcaY\x8d\xb7\x84r\x82\xc0\xad\x98\xd4\xff\xc3\xfe}\xcb\x95+\x87\xd6OP\x1b\x8c\x00@u\x94y\x92\x17Z=\xb7\xff\xb2\xf4\xe6\xb8_4\xbaA\x90\xb2\xed\xcf\xf6%\xd3\xce\xac\x99v\xf4\xc4\x19\xbb\xdd\x86\xb5_P\x1b&lt;\x8f\x80\xea(\xe3\x80\t\x93\xa7%\x1c\xdct\xfa\xaf\xdf5yf$c\x82h\xceIO\xfa\xf3\xbb\t#F\x8e\x0e\x0evP\xac\xfd\x82\xfa \x00@u\x94\r\x82\xca\x95+Wpf\xa4\xe6\xc6\xa9T\x96\xec\xae\x88\r\xf3\xc6\xd4\xa9\xf4H\xa7\xb7\xbb\xc8\xb2,b\xed\x17\xd4\x07S@\xa0F\xcaZpFFF\xe9\x87\x1e\xa8\xddyD\xed\x96ofkg5\x981j\xb2\xd8\xd2\xaf\x9e\x9b\xd3\xbb\xf1\x96\xcd\x1bp\xe6\x17\xa8\x16\x02\x00TJ)\x9as\xbf\xf9\xba\xcb\xbb\xfd\xfb-&lt;\xc0\x9b\xacL\x96\x88\x16fQ\x18\xa56\xa7kv\x9f\xe6\xcfT-\xf9\xfdOKQ\xfdA\xb5\x10\x00\xa0^\xb2,\xf3\xbcP\xff\xf1\x1a)\xf6\xf2-z\x8e\xccv\xa7p\xea\xaf\xa4\x94Z\xec\xce\x13{\xd6\xef\xfc\xfa\xc3\xd3\xe7\x13"##\x08N|\x04\xb5B\x00\x80z)\xcf\xce\x7f\xfe\xf9g\xdb\xb6m\xad\xc1\xa1T\xd6\xc0R0#\xccd2ge\xa4\r\x1a\xf8\xe1G\x1f}\x84\xc7\x7fP3\x04\x00h\x80\xc7\xe3\xf1y\xf3\xb5\xd2E\xc3\x18\xe3\x05\xd1\xe5ra\xd7\x07P9\x04\x00\xa8\x1d\xca(@\x11A\x00\x80\x06h\xf1[\x8a\xd0\x02\xf5C\x00\x00\x00\x18\x14\x9a\x13\x00\x00\x0c\n\x01\x00\x00`P\x08\x00\x00\x00\x83B\x00\x00\x00\x18\x14\x02\x00\x00\xc0\xa0\x10\x00\x00\x00\x06\x85\x00\x00\x000(\x04\x00\x00\x80A!\x00\x00\x00\x0c\n\x01\x00\x00`P\x08\x00\x00\x00\x83B\x00\x00\x00\x18\x14\x02\x00\x00\xc0\xa0\x10\x00ps\x8c1Y\x96\x03}\x15\x00P\x84\xb0\x1d4\xdcD\xc1\x19,8\x8cEg\xd8\r8\x8e\xe3y\x9e\x11F\x18N-6(\xdcu\xf8\'Y\x969\x8eKJJ\xfa\xec\xb3\xcf8\x8eS\x8aE\xa0/\n\xee\x912\x92\x93eY\x92$J\xa9R\xf4\x05A\x10EQ\x10\x04\x8e\xe3x\x8e\xe7y^\x96e\xdce\x03\x12\x03}\x01\xa0.\xca!\xe6\xa9\xa9\xa9\xadZ\xb5\xca\xce\xce&gt;{\xf6\xecw\xdf}\'\xcb2\xcf\xf3\x18\n\xa8\xdf\xbf\x1f\xf09\x8e\xbb\xf1Tzo\xbe\xef\xfc\xb9\xf3\xc7\xe3\x8f\xc7\x1e&gt;\x1c\x7f\xfc\xe8\xd5\x94\xcb\xc4\'|\xf1EL\xd5\xeaU\t!\xb8\xd1F\x83) \xf8\x7fJ\xf5w\xbb\xdd\x8f?\xfex\xa7N\x9d\x86\x0c\x19\xd2\xbcys\x9b\xcd\xb6l\xd92\x94\x06ub\x8cQJ\x95_1\xcf\xf3\xff\x9e\xc9INJ\x89\x8f\x8b\xbfp\xfe\xe2\xa1\xd8\x83\x87\xe3c\xdd\x9e\xd4\\\x96e\r79#l%\xcb\x15\x7f\xb0\\\x89\x1d\xbf\xfeu`\xdd\x89\x17\xdbt\x1c9fDTT\x14\xb9\xfe5\x08\xc0_\x06\xfc\x0e\x01\x00\xd7\xfc\xbb\xfa\xa7\xa6\xa6\x86\x87\x87\xb7h\xd1\xc2j\xb5\xfe\xf2\xcb/\xc8\x80\x80\xfb\xc7\x03\xfe\xbf\xcb\xb4\'#3\xf1Jb\xdc\x91\xb8}\xfb\xf7\x9d\xbfp.9=\xe9r\xd2Eb\x95\\\xd1\xce\x88\x07B\x1f,\x1f\x1dQ\xc2\x15\x16\xe5\xb29\xac&lt;\xcf\xcb&gt;\xd9\x9b\xef\xb3:,\x97\xcf$\xfe\xf0\xc5\xca\xa4\xf8\xcc\xfe}\x07\xf4\x1d\xd0\xc7$\x9a(\xa5\x84`a@\xff\x10\x00@\xc8\xcd\xaa\x7frr\xb2\xf2D\xe9r\xb9\x90\x01\x81r\xdb\x07\xfc\xab\x97\x13O\x1c?q\xf8\xf0\x91\xf3\x17\xce\x1d\x8e\x8b\xbd\x92z\x89\xb72\xd1A\xa2\x1e\t\x8bz0\xbc\xc4#Q\xe1\xc5\\!aN\x93Id\x8c\xf8\xbc&gt;\xc9\'K^I\xa9\xef\x84\xe38\x8eP\x99\x99\x83Lv\xa7\xed\xd0\xd6\xa3?O]k\xf5\xb9bbb\xda&lt;\xdf\x9a\x10"I\x92\xb2N\xe0\xf7\xbf7\xf8\t\x02\x00nR\xfd\x93\x92\x92L&amp;\x13!\x84R\x8a\x0c\xf0\x9b;\x7f\xc0\xdf\xbbo\xdf\x85\x8b\xe7.\\9\xef\xf1\xba%.?\xfc\x01g\x89\xb2QQ%\xc3K\x96.\xe6\x0c\x0b\x0e\n\n\xe2yN\x96\xe8\xb5\x8a/\xc9\x841B\x08\xc7qJ\xd1\xff\xf7\x9fK)\xb39\x82DQ\xd8\xfc\xf3\xceU\xb3\xb74|\xbc\xe9\x88\xd1#\xaaT\xa9L\x08\x91$I\x14\xb1X\xa8O\x08\x00\xa3\xfb\x8f\xea\xaf@\x06\xf8\x81\xd2y\xf5\xef\x07\xfc\x84\x8b\x97\x0f\x1f:|\xfa\xf4\xe9\xb8\xf8\xb83\x17N_M\xb9\xcc[i\xc1\x03~\xc9\xd2\xc5\xa3\xa2\xc3m\xc16\x93\xd9De*\xf9$_\xbe$I2\xbb\xe1\x01\xff\xceo\x13\xa5\x8c\x10\xe2t\xd9\xd3S2W\xcc^\x7f`\xdd\x89\xae\x9d\xbb\x0f\xfc\xe4\xc3\xc8\x88He \x82\x85\x01\xfdA\x00\x18\xdam\xab\xbf\x02\x19P\xa4\x94\x8f\x97\x10\xe2\xc9\xc8&lt;}\xf2\xf4\xf9s\xe7\xf7\xed\xdfw$\xfepF\x96;-;\x99\xb7\xb3\x90b\xf6\xe8\xd2Q\x0f\x94+\x11^\xcc\x15\x12\xfe\xff\x0f\xf8\xde|\x9f\xe4\x93\xa8L\x19c\x84#\xd7\x1e\xef\xef\xef\x9eP\x99\n&amp;\xc1\xe9r\x9c9|\xe1\xa7ikR\x8f\xe7|&gt;\xec\xf3\xee=\xbb\x91[\xa7\x14h\x17\x02\xc0\xb8\xee\xb0\xfa+\x90\x01ED\x92dQ\x14\xe6|3w\xf1\x92\x1fR\xd3\x93$1/\xa4\x84\xdd\x19i\x7f\xa8bt\xb1\x07#\xc2\xa2\\\xceP\x07/\x08T\xa6\xbe\xfck\xf39\xf7\xf6\x80\x7f\x17\x18\x91e\x1ad3[\xedA{7\xc6.\x9e\xb8\xaaBt\xd5!\xc3\x06?\xfbl3\x82\x85\x01}A\x00\x18\xd4]U\x7f\x052\xa0\xd0)w\xe1\xcf\xdf\xb7\xb6h\xdf\xec\xbdi\xaf\x87E\xbaB#\x9d\x16\x8b\x99\xe38\xc9\'+3\xf8\xb2$\x13B\xfe\xff\xf1\xde_\x1f6\xa3\x8c2\x16\x1cb\xf3\xe5I\xeb\x16\xff\xb9a\xfe\xce\xd6\xcf\xb4\xfd|\xe4\xd0\xf2\xe5\xcb\x13\xb4\x8a\xea\x05\x02\xc0\x88\xee\xa1\xfa+\x90\x01\x85H\xb9\x0b\xa7O\x9d\xae\xfdD\xedw\xc6\xb7\xafR\xbfBfz6\xa5\x94\xd1\x82\x05\xdb\xa2y\xc0\xbf\x1bT\xa6\xbc\xc0\x07\xbb\x1c)\ti\xcbf\xad;\xb6\xe5B\xd7\xb7\xbb\x7f\xfc\xd9 \xa73\x04\xad\xa2:\x80\x000\x9c{\xae\xfe\nd@\xa1P\xaa\xa7\xdb\xed~\xb2\xeeS5:&gt;\xd2\xaaS\x93\x94+n\xd1\xa4\xd2gjY\xa6f\x8bh\x0b\xb6\x9d:tn\xf1\xe4U4\xd9\xfc\xf9\xb0a\xafwz\x9d\xe0\xe5a\x8dC\x00\x18\xcb}V\x7f\x052\xe0&gt;\x154\xd5\xd4\xaf\xd3\xc0^I\xea&lt;\xf0\xc5\x94D\xb7(\xaa\xb4\xfa+\x94VQ\xab=\xc8l1\xedX\xb3\xff\x97\xa9\xeb+=R}\xcc\xb8\xd1\xf5\x9f\xacO\xb00\xa0Y\x18\xbe\x19H\xa1T\x7fB\x08\xcf\xf3\x94R\xb7\xdb\xbdv\xed\xda\xdc\xdc\xdc\xf6\xed\xdb\x0b\x82P\xf0\xbe\x12\xdc\x96r#^\x7f\xa5S\xa6\xf5j\xa7\x0f;\xa4%\xa5\xab\xbc\xfa\x13B8\x8e\x13\x04&gt;?\'\xdf\xe3\xce\xac\xd3\xbc\xfa\xc8\xa5\xfd\x1c\x95i\xebv-\xff\xf7\xea\xeb\t\t\x97EQ\xe48\x0e\xfb\x87k\x0eF\x00FQX\xd5\xbf\x00\xc6\x01\xf7\xc6\xe7\xf3\x99L\xa6Q\x9f\x8f\x99\xfeC\xcc\xd8\xa5\x83&lt;\xee,\x12\xf8\xa9\xfe\xbbCe\xca\x8b\x82\xc3iK\xb9\x9c\xb6x\xd2\xca\x84C\xeew\xde\xec:d\xf8`\xec!\xa19\x08\x00C(\xf4\xea\xaf@\x06\xdc-\xe5\xad\xda\x1f\x16-\xee1\xa0\xcb\x88\x9f\xfa\x9b\x82D\x9fW\xe2yM~\\T\xa6&amp;\x8b\xc9\xe6\x08:\xfe\xd7\x99E\xe3\x96\xdb\xbc\xae\x98\x98\x986/\xb4!X\x18\xd0\x0e\x04\x80\xfe\x15Q\xf5W \x03\xee\x9cr#v\xee\xd8\xd5\xa2U\xf3\xbe_\xbf\xf1`\xd9\xe8,O\x8e h\xf8a\x991\xc6(\x0b\xb2\x07\x99\xcc\xe2\xa6\x9f\xb6\xff6o[\x9525\xa7L\x9dT\xb5ZU\x82\x85\x01-@\x00\xe8\\\x91V\x7f\x052\xe0N(\x9fR\xe2\x95\xc4\xc7*?\xf6\xfa\x88\x96\xd5\x1b&lt;\xe6qg\t\xaa\x9f\xfa\xbf\x13\x8c2FHp\xa8=7+o\xe9W\xbf\x1d\\\x7f\xbcC\xeb\x8e\xa3\xc6\x8e\x8c\x8c\x8c$xc@\xdd\x10\x00z\xe6\x87\xea\xaf@\x06\xfc7e\x7f\xb7\xbc\xbc\xbc:\x8f\xd7-\xdf\xbcX\xbb\xee\xcdS\xae\xaa\xbd\xed\xe7nQ\x99\xf2"\xeft9.\x9fI\xfcn\xfc\x8a\xe4c\xd9\xc3\x86\x0c\xeb\xd6\xf3\x1d\x9e\x17\xb00\xa0Z\x08\x00\xdd\xf2[\xf5W \x03n\x851&amp;I\x92\xc9dj\xdf\xe6\xc5K\xfc\xb1\xbe_\xbc\x9dt)U\xb5-\xff\xf7I\x96\xa8\xc5j\xb29\xac{6\xc6.\x9f\xb1&gt;\xd2\xfc\xc0\xe81\xa3[\xb4|\x8e`(\xa0J\x08\x00}\xf2s\xf5W \x03nJY\xf8\xed\xd1\xb5\xd7\xc6\xd8_?\xfd\xbawfF\xb6FW}\xef\x90\xf2\xc6\x80#\xc4\xc6d\xb6a\xf1\xd6\xf5\x0bv&lt;]\xbb\xe9\xa8\xb1#*W\xae\xcc(\xe3t\xfdw\xd7\x1c\x0c\xcat( \xd5\x9f\xe0\xfd\x80\x9bQ\xaa\xff\x97S\xbf\xfay\xdd\xf7\x83\xbe\xea\x91\x9b\x9d\xa7\xfb4T\xde\x18\xc8\xce\xc8\xc9\xcd\xc9k\xf9f\x93\xa1\x8b\xdf\xf3\x84$\xd4}\xb2\xce\xf8\xf11\x1c\xcf];\x8b\x06\xd4\x01#\x00\xbd\tT\xf5/\x80q@\x81\x82\xbd\xde\x9ek\xdbl\xc4\xcf}\xec!vo\xbeO\xdf\x8f\xff\xff \xcbT\x14\x05Wd\xc8\x81?\xe3&amp;\xf7\\x\xfe\xec\xb9\xe8\x92\xd1\xcaq7\x81\xbe4 \x04#\x00\x9d\tx\xf5\'\x18\x07\\\xa7\xdc\x8bC\x07c\x9f\xef\xd0\xe6\xdd\x89\xffsE\x85\xe4\xe7y\rU\xfd\t!\x82\xc0SJ\x93.\xa5T\x7f\xea\xb1R5\x8a\xcf\xf9z.!\x04/\x0c\xab\x07\x02@?\xd4P\xfd\x15\xc8\x00J)\xc7qi\xa9i\xed^h\xdf\xee\x83\xc6\xd5\x9e|\xd4\x93\x9e\xad\xe9\x96\xff{\xc6q\x1c/\n\xde|_\x9d\xe7\xaa-]\xba\x941\x86v \xf5\xc0\x9d\xd0\t\xf5T\x7f\x85\x913\xe0\xda\x19\xee\x1c\xd7\xb4I\xb3G[D7n[/U\xf5{\xbd\x15)\x9e\xe7r2s\x9fx\xa6\xc6\xd9\xc4S\xdb\xb7\xee\xe0y\x1e\x83\x00\x95@\x00\xe8\x81\xda\xaa\xbf\xc2\xb0\x19\xa0\xacy\xbc\xf6\xca\x1b\xacX\xd6\xff\x06\xb4u\xa7x\xf4\xf1\xc2\xd7\xfd\x90$94\xd2Y\xa6f\xf4\x0f\xdf/&amp;\xd73\x12\x02\x0e\x01\xa0y\xea\xac\xfe\n\x03f\x80\xcf\xe7\x13Eq\xe4\xb0\xd1\xbf\xc7\xae\xed;\xf1\xed\x94\xabn\xde\x903?\xff\xc0q\x9c7\xcf[\xbfe\xad5\xbf\xad\xce\xcd\xcd\x15\x04A\xc7\xdf\x01\r\xc1WS\xdb\xd4\\\xfd\x15\x86\xca\x00\xe5\x85\xaf\xafg\xcd\xf9b\xd6\x98\x8ff\xf6\xcc\xcd\xce\xe3\x88\xdf\xcepT5\x9e\xe7r\xb2r\xab7\xa8\x94!\xa7\xfc\xb6f\x1d\xc7\xa1\x1fT\x15\x10\x00\x1a\xa6\xfe\xea\xaf0H\x06\xc8\xb2,\x8a\xe2\xce\xed;\xfb\x0f\xec3\xf0\x9bn\xf6\xe0 _\xbe\x0f\xef=\x15\xa0\x94\x99\xad\xe6j\r+,\x98\xbf0\xd0\xd7\x02\xd7 \x00\xb4J+\xd5_\xa1\xfb\x0cPN\xf8J\xbc\x9a\xd8\xfa\xf9\xd6]\xc6v(\xf6@Dvf\x1e&amp;\x7fn\xc4\xf3\\nfn\x93\x0e\xf5\xb7l\xdf|9\xe12f\x81\xd4\x00_PM\xd2V\xf5W\xe88\x03\x94\xbfBzzz\x93\xc6\xcf4\xea\\\xb3v\x93*\x99\xe9Y\x82\x88\x1f\xd7\xdfp\x1c\x97\x9f\xef{\xb0l\xb4-J\\\xb9b5\xc1\x0b\x01*\x80\xef\xa8\xf6h\xb1\xfa+t\x99\x01\xca^o&lt;\xcf\xbf\xdc\xe1\xd5\xf0\xea\xa6\x0e=[\xa4\\u\xa3\xed\xe7\xa6\x18c\x84\'u\x9e\xab\xb6`\xc1|\xbc\x10\xa0\x06\xb8\x01\x1a\xa3\xdd\xea\xaf\xd0_\x06\xc8\xb2l2\x99zt\xedu.\xe7h\x97O_\xd6\xdf&gt;\xcf\x85\x88\xe7\xb9\x1cOn\x836\x8f\x1f&gt;q(\xfe\xe81\xe5\xcb\x10\xe8\x8b24\x04\x80\x96h\xbd\xfa+\xf4\x94\x01\xca^o\xd3&amp;M\xffy\xdd\xf7\x03\xa6\xbf\x93\x95\x99\x83Mn\xfe\x03\xc7q\x92O\x8a(\x1eV\xac\\\xe8\xcf?\xfdL\x08A\x00\x04\x166\x83\xd3\x0c}T\xff\x02:\xd83N\xa9\xfe\xabW\xae}\xa9S\xdbQK\x07\x04\xd9-\xda=\xe0\xd7o\x94\x9d\xa2w\xac\xd9\xbfmn\\\xec\x91C&amp;\x93ICw\\\x7f0\x02\xd0\x06\x9dU\x7f\xa2\xfdq\x80\xd2\xf4\xb9g\xf7\xde\xd7;\xbf\xd6w\xea\x9b!\xe1\xc1F\xdb\xe9\xf3\xde(\xbd@\xb5\x1aU\xb9\xec\xbe\xb0w\xf7&gt;\x8e\xe3\xb0\x14\x1c@\x08\x00\r\xd0_\xf5Wh7\x03\x94\x05\xcc\x94\xe4\xd4\xb6/\xb4}eH\xf3\n5Kg\xa6g\x19s\xaf\xb7{ \xc9\xd4\xee\xb4V~\xaa\xccW_\xce\x08\xf4\xb5\x18\x1d\xbe\xb2j\xa7\xd7\xea\xaf\xd0b\x06(\x07\xfc\xca\x92\xfcl\xb3gku(W\xbfy\xadt\xec\xf6s78\x9e\xcb\xcf\xf56lWw\xd3\x96\x8d\x99\x9eL\xbc\x10\x10@\x08\x00U\xd3w\xf5Wh.\x03\x94\xd5\x8b&gt;\xef\xf7\xf5\x85\xa5\xbf\xda\xef\xf9\xb4\xa4\x0cT\xff\xbb\xc2s\\^N~\xe9J\x0fK\xe6\xdc\xf5\xeb6\x10,\x05\x07\x0e\x02@\xbd\x8cP\xfd\x15\xda\xca\x00e\xd1r\xd7\xae]\xf5[\xd5\xcc\xcb\xc9\xc7f\x0f\xf7\x802f\x0e2\xd5iYe\xc6W3\xc8\xf5\x8f\x14\xfc\x0f\x01\xa0R\x81:\xd5]\x96e\xe9\xefdY\xf6C!\xd6V\x06\x10B\xecv{~\xae\x17\x95\xeb\xde\xf0&lt;\x97\x97\x95W\xafE\xad\xfd\x87\xf6]N\xb8\xcc\xf3\xbcjo\xb4\xbe!\x00\xd4\xc8\xcf\xd5\x9fR*I\x12!\xc4f\xb3\xb9\\\xae\xc8\xc8\xc8\xc8\xc8\xc8\x88\x88\x08\xe5?\x84\x86\x86\x9aL&amp;Y\x96\x8bz\x9c\xae\xad\x0cP\xce\xfc\n\xf4Uh\x15\xc7q\xf9y\xde\x07\xcbF\x87\x95\xb1\xe3\x9c\xc8\x00\xc2{\x00\xaa\xe3\xffg\x7f\x9b\xcdf6\x9b\xd3\xd3\xd3O\x9e&lt;y\xec\xd8\xb1\xf3\xe7\xcf\xa7\xa7\xa7{\xbd^\x8b\xc5\x12\x11\x11Q\xbe|\xf9\xea\xd5\xab?\xfc\xf0\xc3^\xaf7;;[\x10\x8av\xbe[\xfd\xef\x07(W\xd8\xa0\xfeS\xe5Z\x85?\xfd|\xdd\xcc\xf4lt\x7f\xde\x03J\x99\xd3e\xdf\xf4\xf3\xf6#\xcb.\x1f8\xb4_\xf9T\x03}Q\x86#\x06\xfa\x02\xe0o\xfc_\xfd\x05A\xd8\xb5k\xd7\x8a\x15+6l\xd8\x10\x1f\x1f\x7f\xd3\x07\xb1b\xc5\x8a5o\xde\xbco\xdf\xbe\xd5\xaaUKKK+\xd2\x0c\xb8q\x1c\xd0\xa2E\x8b\xf6\xed\xdb\xab0\x03\xe0\xfeq\x1c\xc9\xc9\xcc\xab\xd1\xa0\xf2\xaf\xd3\xfe8t0\xb6Z\xf5\xaa\xc8\x00\xff\xc3\x08@E\xfc?\xf3\x13\x1c\x1c\xfc\xfe\xfb\xef\xcf\x9a5\xab\xe0\xbf|\xe8\xa1\x87\x1ez\xe8\xa1\xf0\xf0p\xb3\xd9\x9c\x93\x93\x93\x90\x90\x10\x1f\x1f\x9f\x9f\x9fO\x08\t\x0e\x0e\x8e\x89\x89y\xe7\x9dw\xdcn\xb7\x91\xc7\x01\x18\x01\x14\x16Y\xa6aQ\xa1_\xf4\x99]\xff\x91g\xbf\x9a5]y\xb3:\xd0\x17e,\xf8\xb8\xd5\xc2\xff\xcf\xfe\x94R\x93\xc9T\xa6L\x19BH\xb5j\xd5\x9e\x7f\xfe\xf9\xa6M\x9b\x96+W\xce\xe5r)\x7f.c,\'\'\xe7\xec\xd9\xb3K\x96,\x99&gt;}\xba\xc7\xe3\xe9\xd1\xa3\x87(\x8ao\xbe\xf9fQg\x00\xc6\x01F\xa0\x9c\x13\xd9\xa0\xd5\xe3k&amp;\xae\xcd\xcd\xcd\r\n\nb\x8c\xe1\xfe\xfa\x13F\x00\xaa\x10\x90\x9e\x1f\xc6\x98\xc9dr\xbb\xdd\xbbv\xedz\xe6\x99g\xc2\xc2\xc2\xf2\xf3\xf3\xf3\xf2\xf2$I*\xf8V\x08\x82`\xb1Xl6\xdb\xce\x9d;;v\xecx\xe9\xd2%\xa7\xd3\xb9w\xef\xde\xe8\xe8h\xaf\xb7\xc8{`\xd49\x0e\xc0\x08\xa0\x101\xc6\x82lA\x1f\xbd0\xfe\xebI\xdf\xb6\xeb\xd0V9W\'\xd0\x17e \x98q\x0b\xbc@\xf5\xfbs\x1c\xe7\xf3\xf9BBB\xda\xb7o\xcf\xf3|rrrVV\x96Ra\x85\xeb\x08!\xb9\xb9\xb9W\xaf^\xadW\xaf\xde\xcc\x993M&amp;\x93\xc7\xe3\x997o\x9e\xc3\xe1\xf0C\xdb\x86\xb6\xfa\x82\xe0\x1eP\xca\x82l\xe6\xcaO\x95]\xfc\xc3\x8fx\xf6\xf7?\x04@\x80\x05\xf6m/e+\xae\xf4\xf4tJ\xa9(\x8a7}\xb8\xe6y\xdeb\xb1$\'\'?\xfb\xec\xb3O=\xf5\x14\xc7q\x9b6m\xca\xca\xca\xf2\xcf\x93\x1a2@\xdfx\x9e\xcb\xcd\xcek\xd0\xf2\xf1-\xdb6\'%%a[\x08?C\x00\x04\x92\x1a\xde\xf5\xe58N\x10\x84;y\xf8\x12E\xf1\xe9\xa7\x9ff\x8c\x9d?\x7f&gt;%%\xc5d2\xf9\xe7\xb7\x8a\x0c\xd01\x8e\xe3\xf2\xb2\xf3\xcbU/e\n\xa3K\x7fZ\xc6\x18\xc3\x0b\x01\xfe\x84\x00\x08\x185T\xff;\xc7q\x1cc,::\x9a\x10\x92\x9d\x9d\xed\xf1x\xfc\xf9\xb0\x86\x0c\xd01F\x08\xc7s\xb5\x9aV^\xb2d\t\xc7q\xe8\x04\xf5\'|\xd6\x81\xa1\xad\xea_@\xf9q\x06\xa4\xec"\x03\xf4J9!\xa0~\x8b\xda\x7f\xc5\xed=~\xec8\xce\x89\xf4\'\x04@\x00h\xb1\xfa+\xfdyiii\x84\x10\xab\xd5\xaa,\x02\xfby\xd5\x0e\x19\xa0K\x1c\xc7\xe5\xe7\xfbJ\x96)\x1eQ:x\xf1\xf7?\x11l\x0e\xeaG\x08\x00\x7f\xd3b\xf5W0\xc6\x8e\x1c9\xc2q\xdc\x03\x0f&lt;\x10\x1e\x1e\xael\x1f\xe4g\xc8\x00]\xe28\xce\x97\xefm\xd4\xbe\xee\x0f\x8b\xbf\xf7z\xbd\xe8\x04\xf5\x1b\x04\x80_i\xb4\xfa3\xc6,\x16KBB\xc2\xfa\xf5\xeb\x19cO&gt;\xf9\xa4\xd3\xe9\x94$) }{\xc8\x00\xfd\xe1y.7+\xafV\xa3*W2.\xed\xd9\xb5\x17\xe7D\xfa\r\x02\xc0\x7f4Z\xfd\t!\x92$9\x9d\xce\t\x13&amp;\\\xbdz\xd5l6w\xee\xdc9///\x80\x8bu\xc8\x00\xfd\x91d\xea\x08\xb1\x95\xae\x11\xfd\xfd\xa2\xefI\x80\xd6\x99\x0c\x08\x01\xe0\'\x1a\xad\xfe\x8c1\x9f\xcf\x17\x15\x155w\xee\xdc\xaf\xbe\xfa\x8a\x10\xd2\xb3g\xcf\xda\xb5kggg\x07\xb6[\x03\x19\xa03\x1c\xc7\xe5\xe5\xe6?\xf3R\x83\xe5+\x97ez2EQ\xc4\xad\xf4\x03\x04\x80?0\xc6\x04AHNN\xd6V\xf5W\xeaiTT\xd4\xd7_\x7f\xdd\xb3gOI\x92\x1a6l8|\xf8\xf0\x8c\x8c\x0c5\xf4\xea\xfd#\x03\xda\xb6m\xab\xbc\xd0\x80\xc2\xa1E&lt;\xcf\xe5e\xe7W\xa8Y&amp;_\xcc\xda\xb0n#\xc1R\xb0_\x04\xfeg\xac{\xca\x19\xe2\xe7\xce\x9dk\xd5\xaa\x95R\xfd\x93\x93\x93\xd5_\xfdeY6\x9b\xcd\xc1\xc1\xc1\x83\x07\x0f\xee\xd6\xad\x9b\xd7\xebm\xd8\xb0\xe1O?\xfd\xc4q\x9cz\xceB)\xc8\x80U\xabVQJ;w\xee\x9c\x95\x95\xa5|\xe0\x81\xbe4\xb8k\x8c\x11\xd1,\xd4\x7f\xbe\xc6\xf4/\xa7\xab\xe7;\xa6o\x08\x80"\xa7\xec\x1d6{\xf6\xec\x84\x84\x84!C\x86\xa4\xa6\xa6\xaa\xe1\xf1\xf9\xbfI\x92\xe4p8\xb2\xb2\xb2^~\xf9\xe5\x91#G\x12B:v\xec\xb8|\xf9r\x9b\xcd\xe6\xf5zUu\xfd\x82 \xf8|&gt;Y\x96g\xcf\x9e\xbd`\xc1\x82]\xbbv\xa1\x91\\\xab8"y\xa5\x8a5\xcb\xc6\xc5\xc7\xe5\xe6\xe6\xe2\x9cH?P\xd1/Y\xaf\x94\xb9\xe9\x11#F4n\xdc\xb8y\xf3\xe6\xe1\xe1\xe1*\xafP\xb2,\x07\x07\x07\x9f9s\xa6Y\xb3f\xcb\x97/\x17\x04a\xd8\xb0a\x0b\x17.\xe48.??_U\xd5\x9f\x10\xe2\xf3\xf9\x9cNgJJJ\xdd\xbau\xa7M\x9b\xf6\xcc3\xcf`GI\xadb\xccd1m_\xb3\xef\x99\xc6\xcd\xecv\xbb\xff_41 u\xfd\x98\xf5Jy\xc1}\xd1\xa2Ev\xbb\xbdE\x8b\x16.\x97K\xb5\x19@)\xb5Z\xad\x17/^l\xd5\xaaU\\\\\\xx\xf8\x92%K\x86\x0e\x1d\x9a\x99\x99\xa9l\x14\x1a\xe8\x0b\xfc\x1be\xa4\xe2v\xbb\xeb\xd7\xaf\xdf\xbbw\xef\xde\xbd{\xab\xf0"\xe1\x0e\t\x02\x9f\xe3\xc9=\xfc\xc7\xa9^\xef\xf6\x0c\xf4\xb5\x18\x05~*\xfe\xa0&lt;\xc8\xc8\xb2\xfc\xcb/\xbfX\xadV5g\x80r\xa9]\xbat9w\xee\\dd\xe4\xf2\xe5\xcb\xdb\xb5k\x97\x94\x94\x14\xf0]\xf8\xffM\xa9\xfe\xe9\xe9\xe9u\xeb\xd6\xed\xdd\xbb\xf7\x07\x1f|\xe0\xf3\xf9\xf0\xec\xafQ\x942\xab#h\xff\x96\xc3%\xc3\x1ez\xbcNm\xa5o"\xd0\x17\xa5\x7f\x08\x00?Q\x06\x01*\xcf\x00Y\x96CBB\x96.]\xbau\xebVQ\x14\xbf\xfc\xf2\xcb\x06\r\x1a$&amp;&amp;\xaap\xc9\xfa\xc6\xea\xff\xde{\xef)\xd5_\x85\xd7\tw\x881f\xb2\x98\xb7\xfc\xb2\xeb\xd5W^3\x9b\xcdx\x11\xcc?\x10\x00\xfe\xa3\x89\x0c`\x8c\xfd\xf2\xcb/\x1c\xc7=\xf7\xdcs\x1d:tHNN6\x9b\xcd\x81\xbe\xa8\x7fB\xf5\xd7\x19\xc6\x98\xc5bJ8}5\xe5L\xe6+\xafu$\xd7\xb7\x1d\x84\xa2\x86O\xd9\xaf\xd4\x9c\x01\x8c1Q\x14\xddnw\\\\\x1cc\xec\xc5\x17_$\xd7g\x84T\x05\xd5_\x7f(e\xd6`\xeb\x8e\xb5\xfbjVz\xbcB\xc5\nJ\xe3\\\xa0/\xca\x10\xf0)\xfb\x9b\x9a3@\x14\xc5\xf4\xf4\xf4\xabW\xafr\x1cW\xb1b\xc5\xfc\xfc|\xb5\x05\x00\xaa\xbf.q\x840\xca\xf6o:\xf2\xd2K/1\xc6\xd4\xf0[0\x08\x04@\x00\xa83\x03\x18c&lt;\xcfgeey\xbd^\xa7\xd3\x19\x1e\x1e\xae\xb6&gt;&lt;T\x7f]b\x8c\x05\xd9,\'\x0f\x9e\x95\xd2\x84\x0e\x1d\xdb)G\xd4\x05\xfa\xa2\x8c\x02\x01\x10\x18\xea\xcc\x00\x9e\xe7\xf3\xf3\xf3\xbd^\xaf\xc7\xe3\xf1\xdb\x89\x8fw\x08\xd5_\xaf(eV\x87u\xdb\xea\xbdO\xd5o\x18\x15\x15\xa5\xb6\xc7\x0e}C\x00\x04\x8c\xda2\x80\xe38\x9f\xcf\x17\x19\x199h\xd0\xa0\xa1C\x87Z,\x16\xf5\x8c\xc4Q\xfduL\x14\xf8Lw\xd6\xe1?Nu\xed\xd6EU\xcf\x1cF\x80\x9d\xb3\x02L\x99\xf1\x14\x04\xa1}\xfb\xf6\xb9\xb9\xb9k\xd7\xaeu\xbb\xdd\x81Z\x04S\xd6\x81\x9dN\'!$==]%\xdf\r\xb5U\x7f\xe5\xee4\xa8\xffT\xb9V\xe1O?_73=\x9b\xe7\xf1\xc4z\x8f(ev\xa7\xf5\xaf-G\xd6L\xdau\xf2\xd4\te;\xbf@_\x94\x81`\x04\x10`\xaa\x1a\x07p\x1c\'IRrrrrr2\xaa?\xf8\x03c&amp;\x93\xf8\xfb\xcf;;v\xe8(\x8a"\xda\xff\xfd\x0c\x01\x10xj\xcb\x00\x9e\xe7U\xd2\x84\x87\xea\xafo\x8c1\x93IL\xb9\xecN8\x9a\xfa\xd6;o\x11\xb4\xff\xfb\x1d&gt;nUPO\x060\xc6\xecv\xbb\xc3\xe1 \x81&gt;\x95\t\xd5_\xf7\x18#A\xc1A\x7f\xfdy\xb8T\xc92\xe5+\x96C\xfb\xbf\xff\xe1\xe3V\x0b\x95d\x80\xc5b\xd9\xbf\x7f\xff\xce\x9d;y\x9e\x17\x04!P\x19\x80\xeao\x10\x1c#\x7f,\xdd\xdb\xe5\xed.&lt;\xa7\x8aWa\x8c\x06\x01\xa0"\x81\xcd\x00e\x17\xe8\t\x13&amp;4h\xd0\xa0q\xe3\xc6\xfd\xfa\xf5\xb3X,\x01\t\x00T\x7f#P\xb6\x7f\xb8x\xeaJ\xd6\x95\xfc\x97^~\x91\x10\x82\xf6\x7f\xffC\x00\xa8K\xa02@\xe9\xff\xc9\xcc\xcc\\\xb0`\x81r\x19\x8b\x17/\xbet\xe9\x92\xff3\x00\xd5\xdf \x94\xed\x1f6/\xdd\xd1\xa8A\xd3\xe2%\x8a\xa3\xfd? \x10\x00\xaa\x13\xc0q\x00c\x8c\xe3\xb8\x82\xdf\xa1\xff\x1f\xff\xb5U\xfdU\xd2(\xa5Q&lt;\xc7y\xf3|\xb1\x7f\x9c\xe8\xd4\xf9\x8d@_\x8bq!\x00\xd4\xc8\xff\x19\xa04\x80:\x9d\xce\xd7^{M9S\xf7\xc5\x17_|\xf0\xc1\x07\xfd\xb9\x1d\x90\xb6\xaa?\xc7q\xa2\x18\xb05\x12\xad\xa3\x94Y\xed\x96\xf8}\'\xc2\x82\x8a5\x7f\xeeYe\x1b\x92@_\x94\x11\xe1CW)\xffg\x80 \x08YYY\x03\x07\x0e\xdc\xbcy\xf3\xbau\xeb\xa6N\x9d\x8a\xea\xff\x1f|^_fF\x8e\xc9lb\x14\x19p\xd7\x18c\x16[\xd0\xe6\xa5;\x9fm\xd2\xdcf\xb7a\xfe\'P\x10\x00\xea\xe5\xff\x0c`\x8cy\xbd\xde\xfa\xf5\xeb7j\xd4\x881\xe6\xb7\x9f\xa5\xe6\xaa?!d\xec\xb81k\xbf\xde\x9ax!\xd9b5Sd\xc0]\x12E!=\xd9s\xe6\xaf\xcb\xaf\xbe\xfe\nQ\xe5\xae\xe3\x06\x81\x00P\xb5\x80\xcc\x05eeey&lt;\x1e\xe2\xaf\x9f\xa5\xe6\xaa\xbf\xf2\xf97j\xd2h\xf4\xe0\xf1c\xdf\x99%\x08&lt;\xe6\x82\xee\x8a\xb2\xfd\xc3\x9e\x8d\x07J\x15+\xfbd\x83\xfa\xcaV(\x81\xbe(\x83B\x00\xa8\x9d\xff3@y\x03\xa0\x88\xfe\xe5\xff\xa0\xb9\xea\xaf\xe0y^\x92\xa4\xde}\xde}\xb1\xf9k\xe3z\xcd\xb4\xda\x83P\xff\xef\x02c\x1c\xc7\xefXs\xa0C\x87\x0e\x1c\xc7\xa1\xfd?\x80\x10\x00\x1a\xa0\x92w\xc4\n\x9dF\xab\xbfB\x10\x04\x9f\xcf7\xf3\xeb\xaf\xaaF\xd5\x9d1xQdt\x98,a\x1f\x9b\xdbc\x8c\x99\x83\xcc\x17N\\v\x9f\xc9\xee\xd2\xf5m\x82\xf6\xff\x80B\x00h\x83\xfe2@\xd3\xd5\x9f\\\xeb\x02\x12)\xa5\x8b~\\\x98{\x8a_&lt;y\xa5+*\x14\x19p[\x942[p\xd0\xbe\xcd\x07\xabU\xae\x19]2\x9aR\x8a\x05\x80\x00B\x00h\x86\x9e2@\xeb\xd5_\xa1T.\x9b\xcd\xba\xe5\x8f-{\x97\x1c\xdf\xb5n\x7fHX02\xe0\xbf\xf1\x1c\xe7\xcd\x93\xf6\xfcv\xf8\x8d\xd7_\'\x84h\xf1\xdb\xab\'\x08\x00-\xd1G\x06\xe8\xa3\xfa+\x94\xdb\x11\x1e\x11\xb6|\xc5\xf2\xef\x87\xffv\xee\xf8%G\xa8]\x96\xb5t;\xfc\x892\x16d\xb3\x9c&gt;|\x8ezL\x1d_}\x89`\xfe\'\xd0\x10\x00\x1a\xa3\xf5\x0c\xd0S\xf5W\x08\x82 I\xd2\x13u\x1e\x9f1u\xe6\x17=\xe7d\xa6e\x9b-&amp;4\x86\xde\x14\xa3\xccb5\xff\xb1|w\xb3&amp;\xcd\x1c\x0e\x07\xda\xff\x03\x0e\x01\xa0=\xda\xcd\x00\xfdU\x7f\x85(\x8a&gt;\x9f\xef\xd5\xd7_\x19&gt;p\xec\xa8._Z\xacf\x9e\xe3\xd0\x17\xf4o\xa2\xc0g{r\x8fl=\xd5\xb3W\xcf@_\x0b\x10\x82\x00\xd0(-f\x80^\xab\xbf\xc2d2I\x92\xd4\xef\xc3&gt;-\xeb\xb7\x9b\xf8\xde\x9c\x90\xf0`\xa6\xe2{\x11\x10\xca\xeeo\xfb\xb7\x1c\x8ev=\xf4x\x9d\xda\x8c1\xcc\xff\x04\x1c\x02@\xab\xb4\x95\x01\xfa\xae\xfe\ne.h\xfe\xa2y\xce\xbc\xe2\x0bb\x96\x86E\x85JX\x10\xbe\x11c\xa2(\xfe\xb1l\xf7k\xaf\xbef6\x9bq\xfa\xa3\x1a \x004L+\x19`\x84\xeaO\x08\xe18N\xe0\x05J\xe9\xca5+.n\xf5\xac^\xb89\xa2\xb8\x0b\x19\xa0`\x8c\x89&amp;1\xe5jZ\xe2\xc9\xf4\x17;\xbeHp\xfa\xa3:\xe0\x1eh\x9b\xfa3\xc0 \xd5_\xc1\xf1\x1cc,&lt;&lt;|\xf5\xda\x95\xbf\xcd\xd8yh[\xbc\x13MA\x84\x10B(c\xb6`\xeb\xb6U{\xab\x94\xaf\xf6\xe8c\x15q\xfa\xa3J\xe0\x1eh\x9e\x9a3\xc0P\xd5_!\x08\x82,\xcbe\xca\x96Y\xf1\xcb\xaf_\xf6_\xe4N\xf6\x04Y-j\xb8\x17\x81\xc51\xc2q\xdc\xae5\x07:u\xea\x84\xed\x1f\xd4\x03\x01\xa0\x07\xea\xcc\x00\x03V\x7f\x85\xb2\x18\xf0t\xa3\xa7bFN\x1e\xfd\xe6\x0c\xc9\'\x99L&amp;#\xef\x16\xc7\x18\x0b\xb2YN\x1c8#\xbb\xc5v\x1d\xdab\xf9W=\x10\x00:\xa1\xb6\x0c0l\xf5W(\x8d\xa1\xef\xbe\xd7\xb3K\xc7\x9e\xe3{\xcd\xb4:\x0c\xbd[\x9c,\xd3 {\xd0\xb65{\x9f\xaa\xdf0\xaaX\x14\xb6\x7fP\x0f\x04\x80~\xa8\'\x03\x0c^\xfd\x15J\x06\x8c\x9f8\xb6~\xb9g\xa6\xf4\x9f\x1b^&lt;T\x96\x8c8\xef!K\xb2\xd5j\x91}\xf2\xc1\x8d\xc7\xbav\xebb\xe4\x91\x90\nq\xb8\x1f:\xc3\x18S6Xo\xdf\xbe}nn\xee\xda\xb5k\xddn\xb7?\xd7\xdcP\xfd\x0b0\xc6\x18a&lt;\xc7\xd7\xa8V\xf3\xc1\x06\xce\x97z\xb7JKJ\x17D\xa3\xcc~P\x99\xf2\xa2\xe0p\xda\xd2\xae\xa6\x7f\xfd\xf9\x0fBZ\xf0\xa1\xd8\x83&lt;\xcf\xe3\xf1_=0\x02\xd0\x9b\xc0\x8e\x03P\xfdo\xc4q\x1ca\x841\xb6q\xd3\x86}KO\xeeX\xb7?4\xc2i\x84\xdd\xe2\x18e\x942G\x88]\x14\xf8%\xd3W\x8f|mF\xad\x07\x9f\xda\xb0q=:\x7f\xd4\x06\xf7C\x87\x02\x95\x01\xa8\xfe\xff\xa6|\xec\xe1\x11\xe1\xcbW,[&lt;|\xdd\xb1\xbf\xce\x04\x87:t\xdc\x18\xca\x18\x93ej\xb1Y\x1c!\xb6\x9dk\xf7\x7f\xd6aR\xd6\x11~\xd5\xb25\x8b\xbe_X\xa2D\t\x82\xd3\x1fU\x06S@\xba\xe5\xe7\xb9 T\xff\xff I\x92(\x8a\xabW\xae\xed\xd8\xb9\xdd\xa8\xa5\x03,6\xb3\xcf+\xf1\xbc\xdeJ\xa1,S\xb3E\xb4\x07\xdbN\x1c8\xbb`\xec2\xbb\xd7\xf5\xc9\xa7\x9f\xbe\xd1\xe9uB\x88,\xcb\x98\xfcQ!\x04\x80\x9e\xf9-\x03P\xfdoK\xf9@&amp;O\x982\xea\xab\xa1\xe3W|\x94\xed\xc9a\x8c\xe9\xa6 R\x99\xf2\x02\x1f\xecr\xa4$\xa4-\x9b\xb5\xee\xe8\xef\xe7{u\x7fw\xe8\xe7CL&amp;\x932\xee\xc4\xe4\x8f:!\x00t\xce\x0f\x19\x80\xea\x7f\x87\x94q\xc0\x9bo\xbc\xb5\xfb\xec\x96A3zd\xa6gq\xda\x1f\x040\xca(c\xc1!6_\x9</t>
        </is>
      </c>
    </row>
    <row r="462">
      <c r="A462" s="1" t="n">
        <v>460</v>
      </c>
      <c r="B462" t="inlineStr">
        <is>
          <t>shape_morph</t>
        </is>
      </c>
      <c r="C462" t="inlineStr">
        <is>
          <t>What is the missing shape of the part denoted with a question mark?</t>
        </is>
      </c>
      <c r="D462" t="inlineStr">
        <is>
          <t>['circle', 'triangle', 'square', 'hexagon']</t>
        </is>
      </c>
      <c r="E462" t="inlineStr">
        <is>
          <t>square</t>
        </is>
      </c>
      <c r="F462" t="inlineStr">
        <is>
          <t>There are eight shapes arranged in a grid. The top left shape is a ? and the bottom right shape is a circle. The other shapes do not appear to regular shapes.</t>
        </is>
      </c>
      <c r="G462" t="inlineStr">
        <is>
          <t>We observe that from the bottom right to top left direction, the shapes look like a circle but gradually change shape into something like a square. Hence, the pattern is the the shapes are morphing between circle and square shapes.</t>
        </is>
      </c>
      <c r="H462" t="inlineStr">
        <is>
          <t>Based on the pattern that the shapes are morphing between circle and square shapes, the missing shape at the top left should be a square.</t>
        </is>
      </c>
      <c r="I462" t="inlineStr">
        <is>
          <t>b'\x89PNG\r\n\x1a\n\x00\x00\x00\rIHDR\x00\x00\x02\x00\x00\x00\x02\x00\x08\x02\x00\x00\x00{\x1aC\xad\x00\x00\xb4\x11IDATx\x9c\xec\xddw\\\x14\xd7\xfa0\xf033\xdb+\xbbt\x1b*\x02\xc1\x8e\x8a\x885V\x8c\xde\x10\x0b\x10\xf5\xc6.\xa0\xd8 \x89\x897v\xd1\\\xa3I\xc0\x1a\x05k\x8a&amp;X\xe2%7F\x94h\xb0#"v\x83\x80\n\nRw\xd9^\xa6\xbd\x7f\x9cd_\x7f\x9axM\xa4\xee\x9c\xef\x1f\xf9(A8;;\xfb&lt;\xe7&lt;\xa7\x0c\xc6\xb2,@\x10\x04A\xb8\x07o\xec\x06 \x08\x82 \x8d\x03%\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B\t\x00A\x10\x84\xa3P\x02@\x10\x04\xe1(\x94\x00\x10\x04A8\n%\x00\x04A\x10\x8e\xe25v\x03\x10\xa4q0\x0c\x03\x00\xc00\x8ceY\x1cG=\xa1\x06\xc50\x0c\xc308\x8ec\x18F\xd34A\x10\x18\x865v\xa3\xb8\x08cY\xb6\xb1\xdb\x80 \r\x8d\xa2(\x1e\x8f\xf7g\x7fE\xea\x0f\xc30,\xcb\x12\x04\xf1\xcc\xd7i\x9a\xc60\x0ce\xe2\x06\x86.7\xc2-,\xcb2\x0c\xc3\xe3\xf1\xf2\xf3\xf3\xff\xf1\x8f\x7f\x8c\x1c92??\x9f\xc7\xe3\xc1\xc0\xd4\xd8\xadsf\x8e^?A\x10\xa5\xa5\xa5{\xf7\xee\x1d5j\xd4\x88\x11#\xf6\xee\xdd[\xfa\xf81A\x108\x8e\xc3\xefi\xec\x96r\x08\x1a\x01 \x1c\xe2\xe8\xe9\'%%}\xfe\xe9\xa7\x8f\xcb\xca\x00\x00\xadZ\xb4x\xf7\xfd\xf7\x13\x12\x12\x00\x1a\n\xd4\x0f\x18\xf7\xe1\x9f\xef\xde\xbd\xfb\xf5\xd7_o\xdc\xb4\xc9d4:\xbeA*\x93-\\\xb0\xe0\x9dw\xde\t\x0c\x0c|\xfe\x9f \xf5\x07]b\x84\x13\x1c\x1d\xff\xf2\xf2\xf2\x89\x13\'\xbe\xfb\xee\xbb\n\xb1\x88 \x08\x82 \x14b\xd1\xbb\xef\xbe;q\xe2\xc4\xf2\xf2r4\x14\xa8[\x0c\xc3\xd04\r\xbb\xf6\x17/^\x8cz\xfb\xed\xce\x9d;\'m\xd8@\xfc\xdf+L\xb0l\xd2\x86\r\x9d;w\x8ez\xfb\xed\x8b\x17/\xc2\xe8O\xd34\x1a\r\xd474\x02@\x9c\x1f\x9cf\x04\x00\x1c9rdVL\x8c\xb6\xa6\xc6U\xa5\xd2\xeat3\xc6\x8d\x05\x00\xec&gt;\xf2\xbdJ\xa9\xac\xd1jU\xae\xae;SR\xc6\x8d\x1b\xf7\xf4?A\xfe\x9e\xa7k\xfd\xd9\xd9\xd9\t\t\t\x17/^tS*k\x8dF\x00\xb0\x11}C\x1f\x94\x95\xce\x1c?\x1e\x00\xb0\xeb\xf0\xe1v-Z\x9e\xb8p\x11\x00\xd6E&amp;\xab\xd6\xe9BCC\x93\x92\x92BBB\x00\x9a\x1b\xa8o,\x8285\x92$Y\x96\xd5\xe9t3f\xcc\x00\x00\x8c\x192D"\x16\x03\x00\xa6\xbc\x15n\xbb~\xcdv\xfd\xda\x94\xb7\xc2\x01\x00\x12\xb1x\xcc\x90!\x00\x80\x193f\xe8t:\xc7?D\xfe\x06\x8a\xa2\xe0\x1f.]\xba4e\xca\x14\x00@h\xd7\xae\xae*\x177\x95jHH\xef&gt;\xdd\xba\x9d\xd8\xb5S\x93}\x89\xbd\x97\xcf\xde\xcb\xd7d_:\xb1kg\x9fn\xdd\x86\x84\xf4vS\xa9\\U.\xa1]\xbb\x02\x00\xa6L\x99r\xe9\xd2\xa5g~ R\xb7\xd0\x08\x00qf\xb0\xa6\x9f\x93\x933i\xd2\xa4\xc2\xc2BW\x17\x97\x8e\xbe\xbea\xfd\xfab\x18\xbe(z\x96\xddf\x03\x00\x08\x84\xc2\r\xa9;Y\x96\xc98\x7f\xe1NQQMmm\x87\x0e\x1d\xf6\xef\xdf\x1f\x1c\x1c\x8c\xa6\x04\xfe*\x86a0\x0c\xc30\xec\xc1\x83\x07;w\xee\xfc\xf7\xbau,\xc3\xbc\xd6\xbe\x9d\xc9b\x19\x1a\x12b#\xc9E\xb3f\x05\xb6k+\x12\x08\xcd\x16\x0bIQ\x00\x00&gt;\x8f\'\x11\x8b\xadv\xdb\xdd\x07\x0f7\xec\xdc)\xe4\xf3\x7f\xce\xce\x96\x8a\xc5\xbf\xde\x7f\x80\xe1\xf8\xbf\x16/\x9e5kV\xbbv\xed`\xc0BC\x81\xba\x85\x12\x00\xe2\x9cX\x96e\x18\x86 \x88\xdd\xbbw/\\\xb8\xd0j6\xd3,\xcb\xb2\xec\x98!C\xbe\xf9t\x83D*5\xea\xf5\x8eo\x96)\x14f\x93\xe9\x9f\xef/:z\xea\x14\x86a\x04\x86\x89$\x92\x8d\x1b7\xce\x981\x03\x96\xb0\xd1*\xf5\x97\x01\xebf,\xcb\x1e;vl\xca\x94)\xc6\xdaZWW\xd7\'UUo\x0c\x18 \x12\n?\x8e_\xf8\xdak\xaf\x91&amp;\x93\x9d$i\x9a\xc1\t\x1c^S\x16\x00\x86f\x08\x02\x17\xf0\xf9|\xa9\xf4\xd7_\x7f\xfd(y\xa3\xd5f\xfb\xe9\xecYow\xf7\x9a\x9a\x1a\x99\x8b\xcb\x97_~9j\xd4(\xc7\xa6\x81F~\x9dN\x04%\x00\xc4\t9\xc2DBBBrr\xb2\x90\xcfwU\xa9\x84|~\xe4\xc8\x91k\xe3\x17\xdaI\x92\xb4\xdb\x9f\xd9\x07\xc0\x17\x08\x04|\xfe\x92\xe4\x8d\x07\x8f\x1f\xb7\x91d\x8dVk#\xc9\xf8\xf8\xf8\xa4\xa4$\x80\xa6\x04\xfe\x17G\xa5\xfe\xf2\xe5\xcb\xf1\xf1\xf1y\xb9\xb98\x8e\xcbeR\x17\x99\x9c\xe0\x11\xeb\xdf\x7f\x7f\xf4\xeb\xaf[\xcdf\x1bI\xe2\x7f^\xd0g\x18\x86aY!\x9f/\x92H~\xfc\xe5\x97\x0f&gt;\xfd\x94\xa6\xe8Z\xa3\xc1`41\x0c\x13\xd4\xb3grrr\xef\xde\xbd\xffl\'\x01\xf27\xa0\x04\x808\x1bX\xb7\xd1h4\x13&amp;N&lt;y\xe2\x84X$\xf4P\xbbJD\xa2m\xcb\x97\xbd&gt;`\x80Q\xab\x01,x\xbeG\xcf\xb2,\xc0\x80L\xa5\xfe\xe5\xec\xd9\xb8\xd5\x89f\xab\xb5RSc\xb1\xda\x86\x8f\x18\xf1\xed\x81\x03j\xb5\x1a\x95\x83\xfe\x8c#;n\xdf\xb1#..\x8ee\x18O7\xb7\x0e\xad[\xdf\xbd\x7f\xff\x8b\x15\xcbG\xf4\xef\xef"\x93\xe9\x8dF\x1c\xc3^f \xc5\xb2,\xc3\xb2\n\x99\xac\xd6h&lt;q\xee\xdc\x9cU\xab\x03\xdb\xb7/|\xf4\xa8\xa2\xba\x1a\xc3\xf1m\xdb\xb6\xcd\x8e\x8d\x05(%\xd7\x11\x94\x00\x10\xe7\xe1(\xfb\xe4\xe4\xe4L\x9c4\xa9\xa8\xb0P&amp;\x91\xb8\xa9Tm\xbc\xbd\x0flX\xef\xe5\xeen0\x1a_p\xea\x00\xcb\xb24M\xcbe\xb2\xf2\xaa\xaa\x89\x8b&gt;(y\xf2\xa4Z\xab5\x9a\xcd\xbe\x1d:\x1c\xd8\xbf?88\x18\x95\x83\x9e\xe1\xa8\xcbgdd\xac^\xbd\xfa\xc2\x85\x0bj\xa5R\xa3\xd3\x01\x00\x92\x17/\x1e\x10\xdc\xabG\xa7Nf\xa3\x91\xfa\xeb\xc1\x9a\xa6i\x1eAHd\xb2\xab\xb7o\x9f\xcd\xb9\x12\xbfn\x1d\x00\x00\xfe\xf0\xbe}\xfb._\xbe&lt;,,\x0c.\x12E\xb3\x02\xaf\x02%\x00\xc4I8\xba\x84[\xb6lY\xb2d\x89\xd1`P)\x95\x12\x91hhh\x9f\x94U\xabh\x9a\xb6\x93$\xf1\x12\xc1\x82f\x18\x01\x9fO\x10D\xcc\x8a\x15?_\xbcd\xb6Z\xb5:\x9dL._\xbbv\xed\xbcy\xf3\x00\xea{\xfe\xceq\x1d\x92\x93\x93\xe16\xba\xbeA\xdd\x0bKJ\x02\xdb\xb5\x8f\x9f65|\xf0`\x96aLf\xf3\xdfN\x990\x9dK%\x12\x0c\xc7\xd3O\x9fN\xde\xbb\xef\xee\x83\xfb\x1d\xda\xb4\xb9\x90w\r\x00\x90\x94\x94\x14\x1f\x1f\x0f\xd0\xdb\xf1jP\x02@\x9c\x01\xac\xcf\x18\x0c\x86\x84\x84\x84]\xbbv\x01\x00\xdax{\xb3,\xfb\xde\xf4i\x0b\xa7O3\xea\xf4,\x00\xf8K\x87!\x86e1\x00dJ\xc5\xc6={?\xdb\xb3\x17\xc3\xb0\x92\'O\x00\x003g\xceLJJ\x92\xcb\xe5\xa8\x1c\x04\xaf@MM\xcd\xa4I\x93N\x9c8\xe1\xed\xeen\xb6Z\xbd\xdd\xdd\'\x87\x87\x8f\x1d:$00P\xaf\xd1`u\xd1=g\x18\x86\x05@\xa1V\xdf\xbd{\xf7\xfb\x9fO}\x95\x9e\xfe\xa4\xaaJ"\x12=\xa9\xaa\x1a9r\xe4\xa6M\x9b\xfc\xfc\xfc\xd0\xdb\xf1\xb7\xa1\x04\x804{\xb0\x0fXPP0y\xf2\xe4\xec\xec\xec\xf6\xad[\xdf\x7f\xf4H\xadT\xa6o\xdd\xda\xafWO\xbd^\xff\x92\xd5\xe7\xa7\xfdV\x89V(\xce_\xc9\r\x9f;W\xa3\xd3\xc1\x1f\x1b\x12\x12\xf2\xd5W_\xf9\xf9\xf9q\xb6\xe3\xe9(\xfb\x9c8qb\xfe\xfc\xf9\xf7\xee\xdd\x13\n\x046\xbb}\xf4\xc0\x81\x1fD\xcf\x1a\xd8\xbb\xb7\xcdl\xb6\xda\xed\xbc:\xbd8\x14M\x8b\x04\x02\xa1Dr\xe6\xf2\xe5\xf5\xa9;\x7f&lt;sF \x10\xd8\xedv\xb5Z}`\xff\xfe\x11aa\x8e\xe5\xa7u\xf8K\xb9\x00%\x00\xa4y\x83\xbd\xbf\x8c\x8c\x8cI\x93&amp;i4\x9a\x0e&gt;m\x8a\xcb\xcab""\xdf\x9b1\xdd\xa7\x85\xb7\xd1hz\x950M\xd3\xb4L&amp;-.{\xf2\xd9\xee=)\x87\x0e\xfa\xb4hQX\\\xa2V\xab\xf7\xef\xdf\x1f\x16\x16\xc6\xc1\x8e\xa7c\x05\x8e\xa3\xec\xe3\xa1V\xcb$\x92\xee\x81\x81\x9f/\xfe\xd0\xa7eK]mm=\x9d\xed\x0cgh\x94..\xc5\xa5\xa5\x8b\xd6o8\x98\x91\xd1\xb6U\xcb\xd2\xf2\n\x92\xa2`9\x08\xed\x19\xfe\x1bP\x02@\x9a1\x92$\xf9|~jjjLL\x8cX(tU\xa9\x8c&amp;\xd3\xd2\xd9\xb3c\xa3"E"\x91\xd9l~\xf5N:M\xd3\x12\x89\xc4j\xb5\xeeH;\xb8f\xfbv\x99TZ\xa3\xd5Zl\xb6\x94\x94\x94\xe8\xe8h\xd8\x80:y-M\x9fc\xd0\x13\x1b\x1b\x9b\x92\x92\xe2\xe5\xe6f\'I\x8dN\xb7u\xf9\xb2\xb8\xc9\x93m&amp;\x93\xd5f\xab\xdb\x8e\xff\xf3(\x9a\x16\x0b\x85\x02\x81\xe0Hf\xe6\xbf&gt;O*\xaf\xaa\x92J%O*\xabbbbv\xec\xd8\x01\xd0\x94\xc0_\x84\x12\x00\xd2,9\x16\xfc\xc0\xe8\x0f\xab\x10\x1d}\xdb\xaf\x98;/jd\x98\xd9b\x81+v\xea\xe4w\xc1_$\x11\x8b\xd3\x8eg\xac\xda\xba\xe5N\xd1}\xf8\xeb`\x0e\xe0\xc8\xd2 \x18Xk\xb5\xda\xd8\xd9\xb3\xd3\xd2\xd2x&lt;\x1eEQ\xa3\x06\x0e\\:gvh\xf7nz\xbd\x01\xc3\xf1\x97\x9fey\x15\x0c\xcb\xb2\x0c\xa3pq9w\xe5\xca\xbf\xb7\xef8v\xf6,lLTT\xd4\x8e\xed\xdb]T*\x94\x03^\x1eJ\x00H\xf3\xc3\xb2,\x0c\xb8+W\xae\\\xb5j\x15A\x104Mw\xf5\xf7\xdf\xbaby\xff\xe0`\xbdV[\xe7\x11\x19\xe6\x1b\x85Ju.\'g\xee\xaa\xd57\xee\xdd\x83\xbft\xc5\x8a\x15+W\xae|\xbaIN\t\x16\xbb\xee\xdc\xb9\xf3\xce;\xef\xe4\xe5\xe5y\xba\xb9\x01\x00\x82;w\xde\xb2|\x99\x8f\xb7\xb7N\xaf\xaf\xef\x8e\xff\x1f6I\xe9\xe2R\\V6oub\xce\xad[\x00\x80\x8a\xea\xea\xa0\xa0\xa0\xaf\xbf\xfe\xbac\xc7\x8e\x1c\xac\xce\xfd=(\x01 \xcd\x0c\\\xfdm\xb5Z\xa7O\x9f\x9e\x96\x96&amp;\x11\x8b\xdd\\\\&lt;\xd4\xeac);\xdc]]u\xb5\xb5\xf5\xf7\xc9\x87A\xa7\xaa\xa6fTLl\xa5FS][k\xb6X\xa2\xa2\xa2\xf6\xec\xd9#\x12\x89\x80\x93\xaeI\x87\x1d\xea_\xf3\xf3\xa7\xfc\xf3\x9f9\xb9\xb9\xedZ\xb5\xaa\xd2h\xa6\x8f\x1d\xbbi\xc52\xbb\xc5j\xb1Z\x1b&gt;\xfaC\x14M\x8bE"\x81X\xb4`U\xe2\x9e\xef\xbfwW\xab\x1f&lt;~\x1c\xdc\xb3\xe7\x97\xdf|\xf3Z@\x00\x1a\x07\xbc\x0c\'\xbc_\x11\'\x06O\x8a\xc7q&lt;...--\xad\xa5\x97\x97D$j\xed\xe5\x99\xb9g\xb7R&amp;\xab\xd7\xe8\x0f\x00\xe0\xf1x\xba\xdaZ\xa5L\x96\xb9gwk/O\x89H\xd4\xd2\xcb+---..\x0e\xb6\xca\xf9\xce\xaf\x87a\xf4\xca\x95+\xa1}\xfa\\\xc9\xcd\xfd(&amp;\xc6f\xb3\xcd\x9b4i\xfd\x87\x1f\x18\xf5z[\xfd\x17\xfd_\x80G\x106\x9b\xcd\xa8\xd7\xaf\xff\xf0\x83y\x93&amp;\xd9l\xb6\x8fbb\xae\xe4\xe6\x86\xf6\xe9s\xe5\xca\x158Dk\xac\xb65\x17h\x04\x804\x1b0\xfak\xb5\xda\x89\x13\'fdd\xb4m\xd5\xb2Z\xa3\x1d\xd8\xab\xe7\x97\x9f|"\x11\x89\xc8\x97\xdb\xe7\xf5\xeah\x86\xe1\xf3\xf9f\xabu\xca\x87\x1f\x9e\xb9\x92\xeb\xa6V=|\\\x1a\x16\x16v\xe0\xc0\x01\x95J\xe5L\x8f\xb2\x82\x85\x94\x0b\x17.\x8c\x1a5J\xa7\xd3\x01\x00Z{y\xa5%}\x1e\xd8\xbe\xbdP \xa0(\xaa)T\xbdX\x96\xe5\xf1x6\xbb\xfd\xee\xfd\xfbQ\t\xef&gt;*/\x07\x00(\x95\xcac\xc7\x8e\xf5\xed\xdb\x17\xd5\x82^\xccI\xeeT\xc4\xe99\xa2\x7fXXXFF\x86\\*e\x196&amp;2r\xdf\xbaur\x89\x84j\xa8\xe8\x0f\x00 p\x9c"I\xb9D\xb2o\xdd\xba\x98\xc8H\x96a\xe5RiFFFXX\x98V\xabu\x9aq\x00\x0c\x9d\x99\x99\x99\xfd\x07\x0c\xa0IR,\x12)\xa4\xd2\x95\xf3\xe6\x05\x05\x06\xf2y\xbc&amp;\x12\xfd\x01\x00\x18\x86Q\x14\xc5\xe7\xf1\x82\x02\x03W\xce\x9b\xa7\x90J\xc5"\x11M\x92\xfd\x07\x0c\xc8\xcc\xcc\x84\xf3\xc3\x8d\xdd\xc6\xa6\x0b\x8d\x00\x90f\xe0\xe9\xe8\x9f\x93\x93#\x12\x89\xacV\xeb\xac\xf1\xe3S\x12W\xdbl6\x92$\x1b\xbe\xd3\xcd0\x0c\x9f\xcf\x17\n\x851\xcb\x96\xef&lt;|\x186)888##\xc3\t\xc6\x010\xfa_\xb9re\xe4\xc8\x91\x94\xdd\xce\xe7\xf1\\\x95\xca\x9d\x89\x89\xfd\xfb\xf73TU5\xc1-Wp{\x9a\xdc\xdd\xfd\xdc\xb9\xf3\xb3\x96-\xab\xd1\xe9H\x8a\xe2\t\x04\xc7\x8f\x1f\xef\xd5\xab\x17\x1a\x07\xfc\x99f|\x8f"\x1c\xf1L\xf4\x17\n\x85V\xabu\xf3\x92%\xa9k\xd7\x18\x8d&amp;\x92\xa2\x1a%\xd4\xe28NR\x94\xd1hJ]\xbbf\xf3\x92%V\xabU(\x14\xe6\xe4\xe48\xc18\x80\xa6i\x1e\x8fw\xe3\xc6\x8d\xe1#Fh5\x1a\x9aa\\\x95\xca\x0ff\xcd\xec\x1f\xdaG[^\xde4\xd7\xbc\xc2-`\xda\xf2\xf2\xfe\xa1}&gt;\x985\xd3U\xa9\xa4\x19F\xab\xd1\x0c\x1f1\xe2\xc6\x8d\x1b&lt;\x1e\x0f\xcd\x07\xfc!4\x02@\x9a\xb4\xe7\xa3\xbf\xcdf\xdb\xb2t\xe9\xdc\xe9\xd3\xf4\xd5\xd5\x8d\x1e\x8c~[\x1e\xea\xe6\xb6u\xcf\xdeyk\xd6\xc0\xe65\xebq\x00ls\xfe\xbd{\x93\'M\xca\xbdz\x95aY\xb5R\xf9\x9f\xad[\xfa\xf7\t\xa9\xad\xae\xe17\xf9~4IQ.n\xae\xe7.e\xbf5w\x9eF\xa7\xc31\xacg\x8f\x1e_\xed\xdf\x1f\xe0\xef\xdf\x1c\xdf\x8e\xfa\x86.\x07\xd2t\xfdi\xf4\x9f6UWUUOG\x0e\xfc%\x18\x86\x11\x04\xa1\xab\xaa\x9a;m\xea\x96\xa5Km6[\xb3\x1e\x07\xc0\xd6\xd6\xd4\xd4\xbc1rdNn\xeeG\xb1\xb1\x9d\xfd\xfcV\xce\x8d\xeb\xdf\xbf\xbf\xa6\xb2\xaa\xe9G\x7f\x00\x00\x9f\xc7\xd3TV\xf5\xef\xdf\x7f\xe5\xdc\xb8\xce~~\x1f\xc5\xc6\xe6\xe4\xe6\xbe1rdMM\r\xf8\xfd\x05"\x0eh\x04\x804Q\xf0\xb3Z[[;r\xe4\xc8g\xa3\x7fuuS+\xe9R\x14\xa5ts\xdb\xbaw\xdf\xd3\xe3\x80\xe3\xc7\x8f\xbb\xb8\xb8\x80f\xb2?\xc0q\xca\xdb\xf0\xe1\xc3333;\xb4ic\xb1Z\xbf\xdf\xbc)\xd0\xd7\x97e\xd9\x86\xd9\xe5[W\x18\x96\xc50\xecnQ\xd1\xd8\xf9\x0b\xc4"QaI\xc9\xb0a\xc3N\x9e&lt;\x89\xce\x8c{F3\xb8/\x11\x0e\x82\x91\x08\xc3\xb0\xd1\xa3G\xc3Y\xdf\xa6\x1c\xfd\x01\xdc"P]\xed\x18\x07\x88D\xa2\x9c\x9c\x9c\xd1\xa3G\xc3\xdat\xb3\xe8f\xc13-bcc333\xbd\xdc\xdc\xca\xab\xab\xdf\t\x7f\xd3\xafm[\x02\xc7\x9b]\xbc\xc4\x00 p\xdc\xafm\xdbw\xc2\xdf,\xaf\xae\xf6rs\xcb\xcc\xcc\x8c\x8d\x8d\xc5q\x1cM\x06&lt;\r%\x80\x06\x05O4\xa4i\x9a\xfa\xbfh\x9an\x161\xa2a\xc0\xae(I\x92\xb1\xb1\xb1\x97.]\x92H\xc4V\xabu\xd3G\xff\x9a;}Z\xd3\x8c\xfe\xd0o9`\xfa\xb4M\x1f\xfd\xcbj\xb5J$\xe2K\x97.\xc5\xc6\xc6\x92$\t_Qc7\xf0E\xe0:\x99U\xabV\xa5\xa4\xa4\xf0\x08B"\x16\xcf\x1c?nIl\xacT$j:+&gt;_\x1e\\\x1b*\x15\x89\x96\xc4\xc6\xce\x1c?N"\x16\xf3\x08"%%e\xd5\xaaU&lt;\x1e\x8f$\xc9\xc6n`S\x81J@\xf5\x0e\xce\x13\xc2Ct_\xfcA\x82\xe9\x01\xee)m\xb0\xe655\xf0"\xf0x\xbc\xd1\xa3G\x1f;v\xacM\x0bo\x85T\xd6- \xe0\xeb\xf5\xeb\x0cFS\xd3\xbf2\x0c\xc3\xc8e\xd2w&gt;X|=?_o2\x96\x94=\x195j\xd4\x8f?\xfeHQTS\x98\xb4\xf8Cp\xbb\xef\xe1\xc3\x87###\xbd=\xdc\xcb**G\xf6\xef\xff\xd3\xee]F\xbd\xbe\xd9\x15\x7f\x9e\x06\x0bA2\x85\xe2\x8d\x193\x8f\x9f;\xd7\xd2\xcb\xab\xb4\xbc\xfc\xd0\xa1C\xe3\xc7\x8fG\x07E@(\x01\xd4#G\xdcw|\xa5\xaa\xaa\xaa\xb8\xb8\xb8\xbc\xbc\xbc\xaa\xaa\xcad2\xd14\xcd\xe7\xf3]]][\xb6l\xe9\xeb\xeb\xeb\xed\xed\r\xbf\x8d#\x07L\xfe!x\xc0rBBBrrr\x0b\x0f\x0f\x93\xd9&lt;+"b\xc3\xa2\xf7\x8d&amp;\x13\xd6\x1cj\x11,\x00,\xc3\xc8\xa4\xd2E\x1b&gt;\xddy\xe8\x90T")\xab\xac\x8c\x8f\x8fOJJj\x9agG\xc3\x99\xf6\xca\xca\xca\xce\x9d;WUU\xb5\xf2\xf2\xec\xd3\xad\xdb\xcay\xf3\xfc\xda\xb6\xb5Z,\r\xb6\xbd\xae\x9e\xd0\x0c#\x12\x8b\x0b\x1e&gt;\\\xb9y\xcb/9\x97-V\x9bP,&gt;}\xfat\xd7\xae]\xd1\xa2 \x80\x12@=q\xcc\xa7\x01\x00\xccf\xf3\xb9s\xe7~\xfa\xe9\xa7\xf3\xe7\xcf\x17\x14\x14\xd4\xd6\xd6\xfe\xe1?\x91\xcb\xe5\x9d;w~\xeb\xad\xb7&amp;M\x9a\xd4\xbauk\xf0\xfb\'\xb3!\x9b\xdd\xe8`!\x02\x9e\xf0,\x95Hd\x12q\xef.]v\xafY#\x93HH\x8aj.]Q\x86e\xf9&lt;\x9e\xd1l\x9e\xb1t\xe9\xe5\x9b7\x8df\x8b\xc9l\x86gG7\xb5\x1dI\x8e\xe1\xe9\x80\x01\x03r._V\xbb\xb8Ti4\'w\xed\x1c6`\x80N\xa3iRM\xfd\xdb(\x8aR\xba\xba\xfet\xea\xd4\xb2M\x9b\r&amp;\xd3\xbd\x87\x0f{\xf4\xe8q\xe9\xd2%8\xd4\xe6f7\xcb\x01%\x80zt\xe3\xc6\x8d/\xbf\xfc\xf2\xfb\xef\xbf\xbf\x7f\xff\xbe\xe3\x8b\x8e\x87\x169\xee&lt;\x98-\x1c\x0b\xd4\\\\\\\x16,X\xb0d\xc9\x12\x81@\xc0\xa9\x1c\x00\x83\xe3\xce\xd4\xd4\xe8\x98\x18\x02\xc7;\xf8\xf8x\xb9\xba\xee\xdf\xb0\xde\xd3\xcd\xcd\xd4\xdc\xba\xa24\xc3H\xc5\xe2\x8a\xea\xeaI\x8b&gt;(\xaf\xa9),.\xa6\x19&amp;5%eV\x13\xcb\x01\xb01\xf0Tm\xa1@\x10\xe8\xdb~\xf2?\xde\\8\xf9\x1d\x93\xc5\xe2L\x15\x12\x92\xa2\\\xd4\xea\xaf\xbf\xff~\xf2\x87\x8b\xe1\x9emx\x8ew\x93z/\x1a\x05J\x00u\x0c\xae3\xcb\xcf\xcf_\xb6l\xd9\xd1\xa3G\xe19$\x8e\xa3"\x9f\xbe\xda0\x01\xc0\xaf\xc0\xd3\xe4a\x7f\x04\xfe\x93\xfe\xfd\xfb\xa7\xa5\xa5y{{;\xf7A\xf3\x0e\xf0\xa3x\xf8\xf0\xe1\x88\x88\x08\xb8\x8c\xb2g\xc7\x8e?\xef\xdd#\xe0\xf1\xa8F\xda\xeb\xfb\x8a\x18\x86\xe1\xf1xv\x8a\x1a:mz\xee\x9d;\xf0E\xc1\x02t\x13\x89;\xb0\x0e~\xe8\xd0\xa1\xa8\xa8\xa8\x16\x9e\x9e\xa5\xe5\xe5\x03z\xf48\x93\xf6\x9dA\xa3i\x8e\x17\xfc\xc5X\x96\xe5\x0b\x04a3ge]\xb9\xd2\xd2\xd3\xb3\xac\xb22---""\x82\xe3\x93\x01(\x01\xd41x?egg\xf7\xe9\xd3\x07\x00\xc0\xe3\xf1\x18\x86\x81Y\x01\xc6\xf7?\\\xf0C\x10\x84c\x10\x80a\x18\\\xa8\xd0\xb5k\xd7\xac\xac,\x85B\xe1\xf4+\x97\xe1E\xbby\xf3\xe6\xa0A\x83(\xd2n0\x9a\xba\xf8\xf9e\xee\xdd\xe3"\x93\xd9l\xb6\xe6\x1b\x8c\x18\x86\x11\n\x85\xb5F\xe3\xb0i\xd3o\x16\x14\xc8eR\x1e_\x90\x95\x95\xd5\xa5K\x97F\x8f;\x8e\xe2OP\xb7n\xb7\xee\xdcQ\xc8d#\xfb\xf7[2gN@\xbbvv\xab\xb5\xf9^\xf3?\xc30\x8cX"\xb9ST\xb4\xf6\x8b/\x8e\x9f;\xaf7\x1a;w\xec\x98w\xfd\xba\xe3\x83\xd9\xd8\rl\x1c\xce\xf667:\x82 \x18\x86\t\t\t\x19;v\xac\xe3\xae\x82\xf1\x1d\xae\xfedYV"\x91xzz\xb6k\xd7\xae]\xbbvnnn\x00\x00\x9a\xa6\xe1s\x07\x01\x00p\x05$\x9f\xcf\xbfq\xe3\xc6\xec\xd9\xb3\x9b\xddn\xd2\xbf\n\x0eq\xb4Z\xed\xe4\xc9\x93\xb5Z\xadZ\xa1\xec\xd3\xad\xeb\'\xef\xbf\xe7\xe1\xeen\xb6X\x9au$\xc2q\xdcl\xb1x\xb8\xbb\x7f\xf2\xfe{}\xbauU+\x94\x8e\x97\x89a\x8d\xdc\xf7\x82\xf7\xdb\xc6M\x9b\xee\x17\x15E\x86\x85u\x7f\xed\xb5ic\xc6v\xed\xd8\xd1\xda\xcc\xaf\xf9\x9f\xc1q\xdcd2u\xed\xd8q\xda\x98\xb1\xdd_{-2,\xec~Q\xd1\xc6M\x9b\xe0\x07\xb6\xb1[\xd7h\xd0\x08\xa0\xee\xc1\xce\xdd\x993g^\x7f\xfdu\xc7\xa2c\xa9T:h\xd0\xa0\xb0\xb0\xb0\x9e={\xfa\xf8\xf8(\x95J\x81@\x00\x00\xb0X,%%%g\xcf\x9e\xdd\xb3gOnn\xee\xd3\xe1\x1e\x9ed\xfb\xf3\xcf?\x0f\x192\xa4\xd1;\x8c\xf5\x07\xae\x8f|;*\xea\xe0\xa1C\xfem\xdb\x9a,\xe6\xc4\xf9\x0b\xa6\xbf\x1dU[\xd3\x0cN\x9ey\x19$E\xb9\xb8\xba\xee\xf9.m\xd9\xe6MR\xb1\xe4\xde\xc3\x87\x91\x11\x11\xdf\xa5\xa5\xc1\xd5\xae\x8d\xd2$x;\xfd\xfc\xf3\xcf\xc3\x87\x0fwS\xa9\xa4bqLd\xc4\xbf\xe6\xcc\xd1i\xb5M\xa16U\x7f(\x8aR\xaaT\xff\xfe\xe2\x8b\x94\x83\x87L\x16K\xb5V{\xf2\xe4\xc9\xa1C\x87:\xf1\xe7\xeb\xc5P\x02\xa8\x17p\xf26$$\xe4\xf2\xe5\xcb=z\xf4x\xe7\x9dw\xc6\x8e\x1d\xdb\xb6m\xdb\x17\xfc\x13\x9a\xa6\xd7\xacY\xb3r\xe5J\xc7\x93\x8c\xe0\x11\x86\xe1\xe1\xe1G\x8f\x1eu\xd6\xd9`X\r_\xbdz\xf5\x8a\x15+:\xf8\xf8\x94WU-\x8d\x8d]8c\x1ai\xb55\x975?/\x83aY\xbeH\xb8q\xf7\xde5;vx\xb9\xbb\x17\x16\x17\xafZ\xb5j\xf9\xf2\xe5\x8d2\x19\x00\x8b?4Mw\xec\xd4\xa9\xa8\xb0P,\x12\r\xec\xd93q\xc1\xfc.\x01\x01$I:\xd3e\x7f\x1e\xc3\xb2|&gt;\xfff~\xfe\xb2M\x9b\xcf\xe4\xe6Z\xacV\xdf\x0e\x1d\xee\xdc\xbeM\x10\x047\x0bAN\x18S\x9a\x02\x98V?\xf9\xe4\x93\xfd\xfb\xf7_\xb9r%!!\xa1m\xdb\xb6\x0c\xc3\xc0M\xbf\xb0\xf6\xea\x00\xbf\x8ea\xd8\x8a\x15+\xe2\xe3\xe3\x1d\x9d\x118[\x90\x95\x95USS\xd3\\\x8e\x13\xf8K`\x17\xf8\xd2\xc5\x8bk\xd6\xac\x01\x18V^]5+b\xfc\xe4\xb1c\x01\xed\x8cCr\x9a\x99&lt;v\xec\xac\x88\xf1\xe5\xd5U\x00\xc3\xd6\xacYs\xe9\xe2\xc5F9\xa6\x18\x16\x7f\xf6\x1f8\xa0\xad\xa8\x08h\xd7\xceb\xb5F\x8d\x1c\x19\xdc\xbb\xb7\xcdju\xee\xe8\x0f\x00\xc01\xccf\xb5\x06\xf7\xee\x1d5r\xa4\xc5j\rh\xd7N[Q\xb1\xff\xc0\x01\xce\x16\x82\xd0\x08\xa0!\xc0u,/\xee\xc2\xc3\xfbO\xaf\xd7w\xe8\xd0\xa1\xa6\xa6\x06\xd6\x88\xe1\x7f\xcf\x9c93`\xc0\x00\'\x1b\xa5\xc2\x89\xf1\xaa\xaa\xaaN\x9d:\xe9jk\xdb\xb4hQZQq\xf9\xbbo\xbb\xf8\xfb\xeb\r\x06gz\xa5\x10M\xd3\n\xb9\xfc\xe6\xbd{\xbd\xdf\x9e\xd0\xd2\xd3\xb3\xa4\xacL\xe9\xe2r\xfb\xf6mwww\xc7\x96\x91\x06\x00o\xb3\x07\x0f\x1et\x0f\n\xe2c\xd8\xf0\xbe\xa1\xaf\x07\xf7\x9e\x111\xden\xb7;}\xf4w`XV \x10\xec&gt;t\xf8\x97\x9c\xcb\'/\\$Y\xf6Z^^\xbbv\xed@39\xb6\xaf\x0eq\xeb\xd5608\xd0\x86\xcf,\xfd\x9f7\x16\xec\xe3\xbb\xb8\xb8\xf4\xeb\xd7\x0f\xfc~#\xc2\xff&gt;z\xf4\x08\xfc&gt;\xaap\x0e\x8e\xb3q\xc2\xc3\xc3555J\xb9\x1c\xb0\xec\xb1\xed_t\xf2\xf5u\xca\xe8\x0f\x00 \x08Bo0t\xf2\xf5=\xb6\xfd\x0b\xc0\xb2J\xb9\\SS\x13\x1e\x1e\x0e\x9e\xba\x1a\r\x00&amp;\x9b\xb5k\xd6\xb8J\xa5"\x91(\xedxF\x97\x80\x00\x1e\x8f\xe7Lw\xd7\xff\x04?\x92]\x02\x02\xd2\x8eg\x88D"W\xa9t\xed\x9a5N9\xc8\xfe\x9fP\x02\xa8G8\x8e\xff\xa5\xe3_` \xf0\xf1\xf1\x01\xbf\xef\x12\x80\xff5\x18\x0c\xf5\xd7\xc8F\x01G3\xb3g\xcf\xce\xce\xce\x16\t\x85\x1ej\xf5\xac\x88\x88\xc1!!N\xb6\xff\xe8\x19\x04A\x98,\x96\xc1!!\xb3""&lt;\xd4j\x91P\x98\x9d\x9d={\xf6l\xc7\xacO}\x83\x97=++k\xcf\xde\xbd8A\xb8\xc8d\xfb&gt;^\x1b\xda\xb3\x87\xc9hl^\xfb\xec^\x11\x81\xe3&amp;\xa31\xb4g\x8f}\x1f\xafu\x91\xc9p\x82\xd8\xb3woVVV\x83\xbd\x11M\x07\x87\xde\xf5f\xe1\x0fW\x07:YL\x84\xa5\xff\x94\x94\x94\x94\x94\x14\x01\x9f\xdf\xc1\xc7\xa7k\x80\xff\xe2\x98h\x83\xd1\xe8\xf4\x03p\x1c\xc7\rF\xe3\xe2\x98\xe8\xae\x01\xfe\x1d||\x04|&gt;\xbc\x0e\r6\x19\xc00\xcc\x86O&gt;\xf1rs{PZZ\xa9\xd1\xfcc\xc8\x10\xbb\x93\xae\xfb|1\x1c\xc7\xed\x16\xcb?\x86\x0c\xa9\xd4h\x1e\x94\x96z\xb9\xb9m\xf8\xe4\x13\x0eN\x03p\xee\x8do\xca`\x7f\xbf\xac\xac\x0c&lt;\xb5C\x18\x00\x00\xf7\n8\xc7\x12\x05\xd8\t\x85\xe7$\x0b\xf8|?\x1f\x1f\x91@\xb0\xef\xe3\x8f\x8dF\xa3s\xbc\xc0\xff\t\xc30\xa3\xd1\xb8\xef\xe3\x8fE\x02\x81\x9f\x8f\x8f\x80\xcf\x87\xa7^\xd7w\xf7\x13^\xf9\xf3\xe7\xcf\xff\xf8\xd3O\xad\xbd\xbdb"#\xb7-_\xa6\x90\xcb\xc9fx\xda\xf3\xab\xc30\x8c\xa4(\x85\\\xbem\xf9\xb2\x98\xc8\xc8\xd6\xde^?\xfe\xf4\xd3\xf9\xf3\xe7\xb96\x08@\x93\xc0M\x05|#\xecv\xbb\xbf\xbf\x7fII\x89cC\x00\x86a\xd7\xaf_\xef\xd2\xa5\x8b\x13\xac\x04\x85/\x01N\xfc\x1a\xf5z\x0fWW\x01\x9f\x7frg\xaa\x87\xab+M\xd3\xdc\tC\xf0\x8c\xd8\xca\x9a\x9a\xe1\xb3\xa2\xed$YYS#S(\xe0\x84p=\xbd\xcb\xb0\xbah\xb7\xdb\x07\x0e\x1c\xd8\xc6EY\xf2\xa4\xdc\xd5\xc5\xe5\xa7\x9d\xa9\x06\xbd\xbe\xb9\xdfT\xaf\x82a\x18\xb9B\xf1\xc6\xac\xe8\x9a\xda\xda6\xde^%\xb5\xba3g\xce\x08\x04\x02\xa7\xdf{\xef\xc0\xdd\xf7\xbe\xa9\x81\x11\xf0\xd0\xa1C%%%pQ\x1a\\\x98\xdc\xb6m[\x7f\x7f\x7f\xe0\x14#\x008+&gt;\'.\xae\xaa\xaa\x8a\xa2i\xa9X\xbc\xe9\xa3\x7f\xb5\xf2\xf4l\x8e\x8f\x1cy\x15\xf0\xc4\xa7V\x9e\x9e\x9b&gt;\xfa\x97T,\xa6h\xba\xaa\xaajN\\\x1c\\"\\\x1f\xbf\x11\xdeNYYY999\xe7\xae\xe6\r\xec\xd5k\xfd\xfb\xef\x99M&amp;N]\xf6\xe7a\x18f6\x99\xd6\xbf\xff\xde\xc0^\xbd\xce]\xcd\xcb\xc9\xc9\xc9\xca\xcar\xfa\xbd\xf7OC\t\xa0I\x80e\xf1\xca\xca\xca\xc5\x8b\x17;\xa6\x01\xe0\xb2\x84\xc8\xc8H\xa1P\xe8\x04!\x12nz\xfa\xf6\xc0\x81\xc3\x87\x0e\xc9\xa4\x12\x92\xa2\x82;w\x1a9|\xb8\x91\xab5h\xa3\xc52r\xf8\xf0\xe0\xce\x9dH\x8a\x92I%\x87\x0f\x1d\xfa\xf6\xc0\x01\xb8\xfd\xbb\xce\x7f\x1d\x86a\x0c\xc3l\xd8\xb0\xa1G`\xa0\xbbZ\x9d}\xf3F\x97\xc0@N\x8d\xba\xfe\x10&lt;\x9b\xabK``\xf6\xcd\x1b\xeeju\x8f\xc0\xc0\r\x1b6\xc0\x05\xca\x8d\xdd\xb4\x06\x82J@\x8d\x0f\x16gM&amp;\xd3\xc8\x91#\xcf\x9d;\x07; 0&amp;\xcad\xb2;w\xee\xb4h\xd1\xa2!\x97\x8a\xd7\x07\xf8\x8a\x1e&lt;x\x10\x1a\x1a\x1a&gt;p\xc0\xfdG\x8fmv{z\xca\x0e\x01\x86\xb1\\\xfa\xbc=\x8deY\x0c\xc7\xed,\x1b\x1e\x13+\x14\x08\xda\xb7n\x95~\xe6\xec\xc5\x8b\x17\xdb\xb5kW\xb7\x85 x\x83\xe5\xe6\xe6\xf6\xea\xd5K(\x10\xbc1`\xc0\xbf\xdfMh\xdb\xb2\xa5\xd3\xef\xfb}\x19po\xf0\xc3\xd2\xd2\x7f}\x9e\xf4\xd3\xd9\xb36\xbb\xfd\xca\x95+={\xf6t\xb2m7\x7f\xa6\x19\xc7\x14\xe7\x00O\xc2\xa9\xa9\xa9\x195j\xd4\xb9s\xe7\x1c;\x12\xe1\x1f\xd6\xaf_\xdf\xb2eK\xe7\xa8\xfe3\x0c3;6\xb6\xa2\xa2\xe2P\xc6\x89\xc1\xbd{\x9f\xd8\xbdKD\x10\x9c\xeam=\x03\xf6\xcaE\x04qb\xf7\xae\xc1\xbd{\x1f\xca8QQQ\x11\x1b\x1b\x0b\xafU\x9d\xff\xbam\xdb\xb6\xf9\xb5i#\x95H.\xe4\xe5y\xb9\xb9\xb14\xcd\xd1\xeb\xfe\x7fa\x00\xb04\xed\xe5\xe6v!/O*\x91\xf8\xb5i\xb3m\xdb\xb6\xc6nT\xc3i\xdea\xa5\xb9\x83U\x91\xc2\xc2\xc2\xc1\x83\x07\x9f9s\xc6\xb1\x16\x90\xcf\xe7\x93$\x19\x1d\x1d\x1d\x1b\x1b\xeb\x04=\x11X\xe0\xfa\xe4\x93ON\x9c&lt;\xe9\xa6Vi\xf5\xfaZ\x83^,\x91\xd8lNu\xe0\xcf\xdf\x80c\x98\xcdf\x13K$\xb5\x06\xbdV\xafwS\xabN\x9e&lt;\xb9n\xdd\xba:,\x04\xc1\x83\x1f\n\x0b\x0b\xf7\xed\xdbg\xb1\xd9\xc6\x0c\x19\xf2]\xd2\xe72\xa9\x94\xe2|\xfd\x07\xc20\x8c\xa2i\x99T\xfa]\xd2\xe7c\x86\x0c\xb1\xd8l_~\xf9eaa!G\x0e\x87@\t\xa0\xd1\xc0\xb0x\xea\xd4\xa9\x01\x03\x06\xdc\xbcy\x93 \x08X\xe8\x87\x07\x88N\x9e&lt;y\xc7\x8e\x1d\xf0\xe1\xc0\x8d\xdd\xd2W\x02\x03\xd0\xd5\xbc\xbc/\xb6n\x195p`\xb5F;\xb8w\xef\xc4\x05\x0bLz\xbds\x1f&lt;\xf9\x92x&lt;\x9eI\xafO\\\xb0\xe0\xf5\xe0\xe0j\x8d\xb6c\x07\xdfO&gt;\xf9\xe4\xd6\xad[\xf0I\x12\xaf\xfe\xf3\xe1\x0f9z\xf4(M\xd3\x8f+*\xbe\xcf\xcc\xec\xe4\xebK\xd9\xed(\xfa;`\x18F\xd9\xed\x9d|}\xbf\xcf\xcc|\\QAQTzz:\xf8\xfd\xd29\xb7\xe6\x1d\\\x9a/\xd8\xaf\xdf\xbe}{XXXyy9\\}\xecx"\xd8\xfc\xf9\xf3\xbf\xfc\xf2KX\xf7w\x82\x0f*I\x92\xf3\xe6\xce}TZv&gt;/o\xda\x981?\xa6\xa6\xc0\xe3\xf0\x9a\xfd\x0b\xab\x0b\xd8\xef\xc7s\x1e\xdb\x99:m\xcc\x98\'\x95Uz\xbd\xfe\xed\xb7\xdf\xd6\xe9tu\xf2\xcc\x00\x82 H\x92\xfc\xee\xbb\xef\x00\x00\x18\x86M\x1b3\xc6\xdd\xc3\xc3F\x92Np_\xd5\x15\x0c\xc3l$\xe9\xee\xe11m\xcc\x18\x0c\xc3\xdax{o\xdf\xbe]\xa7\xd3\xc1\xc7x4v\xeb\xea\x17J\x00\x8d\x00F\xff\x95+W\xce\x993\x07\xc6}\xf8\x15X\xfc]\xbf~\xfd\xa6M\x9b`q\x1c}J\xb9F\xab\xd7\x03\x00X\x96\xad\x8f\xb5@\xc8\xcb\xa0h\x9a;\xd7\x1f%\x80\x86\x06c\xfd\x9a5kV\xadZ\x05k \xb0HB\xd3\xb4\xab\xabkzz\xfa\xa2E\x8b`-\xc8i\xa2?\x9f\xcf\xdf\xb2uk\xeb\x96-\xfa\x05\x05\xed=zttt\x0c\x1c\xd98y\xe7\xea\xe5\xb0\x00\xc0\xa7\x12\x8e\x8e\x8e\xd9{\xf4\xa8T,\xf6\xf6\xf4\xfc\xf6\xdbo]]]\xeb\xe4q\xd04M\xf3\xf9\xfc\xb7\xdf~\x1b\x00\xc0\xb2\xec\xde\xa3G\xab*+\x85|\xbe\xd3\xf7m_\x1e\xcb\xb2B&gt;\xbf\xaa\xb2r\xef\xd1\xa3,\xcb\x96UV\xce\x993\xc7\x95\x1b\x9b\x13Q\x02hP0\xfa\x7f\xff\xfd\xf7\xcb\x96-\x83S\xbe\xf0`B\x9a\xa6\x03\x02\x02\xce\x9e=\xfb\xe6\x9bo\xc2\x99a\xa7\xb9\xf3\xe0\xf8\xa6GP\xd0\x9c\xb9\xf3\x8e\x9d9\xe3\xa6V\x9d\xbe|y\xd9\xa6MR\x85\x82#\x9d\xac\x17\xa3(J\xaaP,\xdb\xb4\xe9\xf4\xe5\xcbnj\x95\xc9bY\x10\xbf\xb0k\xd7\xae\xf0\x08\xf1W\xff\xf9\xf0\x87\x8c\x193\x86 \x88V\x9e\x9ec\x87\r\xbb]T\xc4\x13\x08P\x02p`Y\x96\'\x10\xdc.*\x1a;lX+OO\x1e\x8f\x17\x1e\x1e\xde\xdc\x17^\xbf$\xe7\x7f\x85M\x07\xbc\xa5\xb4Zm\\\\\x1c\\\x02\x08\x8f\x04\xa0(\xaag\xcf\x9eYYY\x81\x81\x81\x8d\xf2\x88\xa8\xfa\x06_\xe3\x87\x1f~8b\xf8\xf0j\x8dV\xa5P\xb8\xc8\x15\x16\xb3Y(\x142\xdc\x0eC\x0c\xcb\n\x85B\x8b\xd9\xec"W\xa8\x14\x8aj\x8dv\xd8\xd0\xa1\x1f|\xf0a\x1d\xde\x060\x01w\xe8\xd0a\xea\xd4\xa9b\xa1\xf0\xe8\xa9So\'\xbck4\x99x\x1c(p\xbf\x0c\x96ey\x04a4\x99\xdeNx\xf7\xe8\xa9Sb\xa1p\xca\x94)\x1d:tp\x82\xb5\xd7/\xc3\xf9_a\xd3\x01G\x94;w\xee\x84\xb3\xbe\xf0\x0e\xa3i\xbaS\xa7N\xc7\x8f\x1f\xf7\xf4\xf4l\xc4\x87\xc4\xd67\xf8&lt;\x9c\xed;vxzzF\x84\x8d8}\xf9\xf2\x88\x193\xad4\xcd\xcdC\xd8!\xd8!\xb0\xd2\xf4\x88\x193O_\xbe\x1c\x116\xc2\xd3\xd33%5\xf5\x7f&gt;;\xe8\xef\x89\x8b\x8b+()1\x99\xcd}\x83\x82\xca\xab\xab1\x82\xe0\xe8u\xff\xbfX\x000\x82(\xaf\xae\xee\x1b\x14d2\x9b\x0bJJ\xe2\xe2\xe2\x1a\xbbQ\r\x07\xed\x04n8\xf0R\xf7\xea\xd5+//\xcfq\xde\x88T*\xbdr\xe5J@@\x80S\xf6\xfd\x9f\x06_\xe07_\x7f\xfd\xce\xe4\xc92\xa9\xc4h2O}+|oR\x92\xae\xaa\x8a\xd7\xcc7:\xfc=\x14M+\xdd\xdd\xa7%$\xec\xfbO:\xbc _\x7f\xf5\xd5?\xdfy\xa7&gt;\xee\x04x\xb3\x8d\x181B[Vf\xa7(\x17\x85\xfc\xec\xfe\xfd\x06\x9d\x8e\x0b\x9d\xdc\x17c\x18F\xaeT\x0e\x984\xa9Vo\x10\xf0x\xaa\x16-N\x9c8\x018\xf3h0N\xbc\xc8\xa6\x00\xae\xea)--\xbd{\xf7.\\\xf6\x07\x17\x99\xcd\x9f??  \x80$I\xe7\x8e\xfe\x00\x00\xb8\xb9i\xc2\xc4\x89\xe3#"\x8c&amp;3\x9f\xc7\xcb\xb9u\xfb\xf8\xc9\x932\xb1\x98\x0b\x0b\xae\x9f\xc10\x8cL,&gt;~\xf2d\xce\xad\xdb|\x1e\xcfh2\x8f\x8f\x88\x980qb=\xf5\x03\xe0hc\xd1\xa2EW\xef\xde\xad\xd2hB\xbat\xbdy\xf7.\x17\x969\xbe\x18\xac\xc1\xde\xbc{7\xa4K\xd7*\x8d\xe6\xea\xdd\xbb\x8b\x16-\xe2\xd4\xa8\x14\x8d\x00\x1a\x08\x9c\xfe=w\xee\xdc\x80\x01\x03\x1c\x13\xbc\x18\x86]\xbbv\xadS\xa7N\xf0Fl\xdc\x166\x00t\x1c4\x84\x8e\x83n"\xd0q\xd0\xdc}\xef\x1bEuu5\x00\xe0\xb7E\x90,\xeb\xe1\xe1\xd1\xae]\xbbz\xaa\xf96Ap\xce\xc3\xdd\xdd===\xddb\xb3=\xa9\xaa\x12\xf0\xf9Q\xef\xbe\x07\x9fG\xc8\x91\xbe\x08|\x99\x04\x8eG\xbd\xfb\x9e\x80\xcf\x7fRUe\xb1\xd9\xd2\xd3\xd3\xdd\xdd\xdd\xebo\xe37\xbc\xdfD"\xd1g\x9f}v\xf8d&amp;\xc0@\x1bo\xef\xb4c\xc7\xc4R)\xcd\xbd\xe1\x17D3\x8cX*M;v\xac\x8d\xb77\xc0\xc0\xe1\x93\x99\x9f}\xf6\x99H$\xaa\x93\xd5\xb7\xcd\x05\'\xe2NS\x00?\xf66\x9b\x8d\xf7\x14OOO\x89D\xd2\xd8MkPp\xc7C\x9f&gt;}v\xec\xd8a\'\xc9\x82\xe2b\xab\xdd&gt;\xf5\xa3\x8fd2\x19w\x12\x80L&amp;\x9b\xfa\xd1GV\xbb\xbd\xa0\xb8\xd8N\x92;v\xec\xe8\xd3\xa7O}\x1f\xfa\x04\xaf|\xbf~\xfdF\xbf\xf1\xc6\xa3\'\xe5)\x07\x0f\xc6\xadN\xd4\x1b\x0c|\x8e=\x11\x1ebY\x96\xcf\xe3\xe9\r\x86\xb8\xd5\x89)\x07\x0f&gt;zR&gt;\xfa\x8d7\xfa\xf5\xeb\xe7\x04Go\xfd%(\x014(\x8b\xc5BQ\x94\xcdf\xb3\xdb\xed\x14E\xe9~\x9f\x85\xe3N\x8f\x03\xfc\xbe*4&amp;&amp;&amp;&amp;&amp;\xc6N\x92\x85\xc5\xc57\xf2\xef\xadKI\x95\xcbdN?\x19\xc00\x8c\\&amp;[\x97\x92z#\xff^aq\xb1\x9d$\xe1u\x80\x87\xc26@\x03p\x1c_\xf4\xe1\x87\xe5\xd5\xd5\xedZ\xb6\xf4P\xab\xff{\xea\x94\x80\xabs0\x02\xb1\xf8\xbf\xa7Ny\xa8\xd5\xedZ\xb6,\xaf\xae^\xf4\xe1\x87\x1c\x19\x88?\r\xcd\x014\x10X\xdb\xbdu\xeb\xd6\xe1\xc3\x87a\xb8gY\xd6\xd3\xd3s\xf6\xec\xd9\x8d\xdd\xb4F\x00\xa7\xc1q\x1c\x0f\r\r\xcd\xb9|Y\xed\xe2\xa2\x94\xc9RW\xaf\x1a\xd4\xab\x97\xd1lv\xd6.\x18M\xd32\x89$\xeb\xca\x95\xe8\xe5+tF\xa3\xa6\xb66\xb8w\xef\x8b\x17/:\x9e\xfe\xd60m \x08b\xc6\xf4\xe9\xa7\x8e\x1f\xb73\xcc\x93\xca\xca\xb3_\x7f\x1d\x1a\xd4\xddd2\x11\x9c\t\x7f4\xc3H\xa5\xd2\x8by\xd7\x06\xbc\xf3\x8e\xb7\x87\x87\x00\xc7\x87\x8c\x1c\xb9{\xcf\x1e\xaeu\xff\x01J\x00Hc\x81\xcb\xa2\xe0\x84\xb0\xae\xb6\xb6M\x8b\x16\xa5\x15\x15\x97\xbf\xfb\xb6\x8b\xbf\xbf\xde`p\xbe\xcf!M\xd3\n\xb9\xfc\xe6\xbd{\xbd\xdf\x9e\xd0\xd2\xd3\xb3\xa4\xacL\xe9\xe2\x02\'~\x1br\xd3)\xec\xec?x\xf0\xa0{P\x10\x1f\xc3\x86\xf7\r}=\xb8\xf7\x8c\x88\xf1v\xbb\x9d;Gs3,+\x10\x08v\x1f:\xfcK\xce\xe5\x93\x17.\x92,{-/\xaf]\xbbv\x803\xab?\x1d\xb8\xf5j\x1b\x1d\xc30\xd4\xff\xd5\xd8-j4p\'\x84\x87\x87\xc7\x0f\xe9\xe9\x00\xc3\x8a\x1e=\xe2\xf1\x88\xddG\x8e\x94U\xd7\x08\x9cn\x870\xc3\xb2\x02\xa1\xb0\xac\xbaf\xf7\x91#&lt;\x1eQ\xf4\xe8\x11\xc0\xb0\x1f\xd2\xd3=&lt;&lt;\x1ax\xc7)\\\xe3\xe8\xeb\xeb\xbby\xf3f\x8ce\xaf\xe7\xdf\x8bKL\xfc&amp;\xfd\x07\xb9\x9b\x1bG\xeeF\x8a\xa2\xe4nn\xdf\xa4\xff\x10\x97\x98x=\xff\x1e\xc6\xb2\x9b7o\xf6\xf5\xf5\xe5\xc8\xd9\x0f\xcf\xe0\xdc\x0bn\\8\x8e\xf3x&lt;\xfcwN\xbf\xf6\xff\xc5\xe0d@\x9f\xd0\xd0\xa5K\x97\x02\x96\xf5rs\xdfy\xe8\xf0W\xdf\x7f\x0f\x08g\xbc-\t\xfc\xab\xef\xbf\xdfy\xe8\xb0\x97\x9b;`\xd9\xa5K\x97\xf6\t\rm\xb0\xd2\xff\xd3\xe0Z\xacI\x13\'\xaa&lt;=\xf3\x1f&lt;\x10\x8bDi\xc7\x8f\xe7\\\xbe,\x14\x89\x9c,\xef&gt;\x8faY\xa1H\x94s\xf9r\xda\xf1\xe3b\x91(\xff\xc1\x03\x95\xa7\xe7\xa4\x89\x13\x9d\xe0\xc1\x1b\x7f\x0f\x17_s#\x82\xe7\xff8\x12\x00,\x857v\xa3\x1a\x13\xdc\x1d\xb6l\xd9\xb2\xc8\x88\x88\xc2\xe2\xe2\x16\x1e\x1e\x9b\xf7\x7fs\xe0??\xc8]\\Hg\xe9\x90\x92\x14%wq9\xf0\x9f\x1f6\xef\xff\xa6\x85\x87GaqqdD\xc4\xb2e\xcb\x1ak\xef7\x9cl\x10\x08\x04;\xb6o\xc70L&amp;\x91\xe4?|\x98y\xf1\xa2H,fh\xba\xe1\xdb\xd3\x90\x18\x9a\x16\x89\xc5\x99\x17/\xe6?|(\x93H0\x0c\xdb\xb1}\xbb@ \x00\x1c[\x88\xe1\x80\x12@\xc3q&lt;\xe0\xe5\xd1\xa3G\xd7\xaf_\x7f\xf4\xe8\x11&lt;\x07\x98\xe3\xd30p?\xea\x8e\x94\x94n\xdd\xba\xdd{\xf8\x90G\xf0R\x0e\xa6\xfdt\xea\x94\x8bZ\xed\x049\x80\xa4(\x17\xb5\xfa\xa7S\xa7R\x0e\xa6\xf1\x08\xde\xbd\x87\x0f\xbbu\xeb\xb6#%\xa5q\xb7\xfe\xc1%\xa1C\x87\x0e\xdd\xf0\xe9\xa7&amp;\x93)\xb8s\xe7\xe3\xe7\xce\xfft\xfa\x17\xa5\xab+\xe5\xbc9\x80\xa2i\xa5\xab\xebO\xa7\x7f9~\xee|p\xe7\xce&amp;\x93i\xc3\xa7\x9f\x0e\x1d:\x94\x83s\xbf\x0eh\x12\xb8\x81\xc0\xdd%7n\xdcx\xff\xfd\xf7/\\\xb8`6\x9b%\x12\xc9\x80\x01\x036l\xd8\xd0\xb9sgN\xed=y\x1e\xfc\x04\xde\xbcys\xd0\xa0A\x14i7\x18M]\xfc\xfc2\xf7\xeeq\x91\xc9l6[\xf3\x1d\x9b3\x0c#\x14\nk\x8d\xc6a\xd3\xa6\xdf,(\x90\xcb\xa4&lt;\xbe ++\xabK\x97.\x8d\x1et\xe0\xe8\x93e\xd9\xa0n\xddn\xdd\xb9\xa3\x90\xc9F\xf6\xef\xb7d\xce\x9c\x8e\xbe\xbe\x16\xb3\xb9\xf9^\xf3?\xc30\x8cX"\xb9ST\xb4\xf6\x8b/\x8e\x9f;\xaf7\x1a;w\xec\x98w\xfd:\xec\x84q\xf6\xd3\x87\x12@C\x80\x17\xb9\xbc\xbc\xbc{\xf7\xee\x95\x95\x95O\xff/\x0f\x0f\x8f\xbc\xbc&lt;ooon\xceA9\xc0z\xc8\xe1\xc3\x87#""\x84B\xa1\xcdf\xeb\xd9\xb1\xe3\xcf{\xf7\x08x\xbc\xba:\x19\xbf\x811\x0c\xc3\xe3\xf1\xec\x145t\xda\xf4\xdc;w\xe0\x8b:t\xe8\xd0\xf8\xf1\xe3\x9b\xc8\xc1\x7f0\t\x1d:t(**\xaa\x85\x87GiE\xc5\xa0^\xbd2v\xed$\x9d\xf1\x89\xc1,\xcb\xf2\x05\x82\xb0\x99\xb3\xb2\xae\\i\xe9\xe9YVY\x99\x96\x96\x16\x11\x11\xd1\xe8\x99\xb8q5\xbf\xcfUs\x04\x0f\xbaIKK\xab\xac\xac\x14\n\x85\xd8\xef\x84Baee\xe5\xfe\xfd\xfb\xe1\xe3\x01\x1a\xbb\x99\x8d\tN\x06\x8c\x1f?&gt;5%\xc5f\xb3\x118n\xb4X\xde\x8a\x9b\xab\xd5\xe9$bq\xb3;\xae\x80f\x18\x89X\xac\xd5\xe9\xde\x8a\x9bk\xb4X\x08\x1c\xb7\xd9l\xa9))M\'\xfa\x83\xdf\'\xe1#""\x96/_^ZQ!\x12\x89\xb2\xae\\9x\xfc\xb8L\xa9t\x82\xe2\xdb\xd3H\x8a\x92)\x95\x07\x8f\x1f\xcf\xbarE$\x12\x95VT,_\xbe&lt;""\xa2Q&amp;\xe1\x9b\x14\x94\x00\x1a\xce\xdd\xbbw1\x0c\x83O\x01\x83`b\xb8u\xeb\x16\xe0\xea\x1c\xd4\xd3`\x0e\x98\x15\x1d\x9d\x92\x92B3\xcc\xe3\x8a\x8a_\x1f&gt;\x98\xbdz\xb5V\xaf\x17\xf0\xf9\xcdh\x81\n\xc3\xb2\x02&gt;_\xab\xd7\xcf^\xbd\xfa\xd7\x87\x0f\x1eWT\xd0\x0c\x93\x92\x922+:\xba\xe9D\x7f\x08N\x06,Y\xb2\xa4G\x8f\x1eV\xab\xd5\xbfm\xdb\xe4/\xbf\xfa\xe9\xf4i\x17WW\xa7Y\x15JQ\x94\x8b\xab\xebO\xa7O\'\x7f\xf9\x95\x7f\xdb\xb6V\xab\xb5G\x8f\x1eK\x96,\xe1x\xdf\x1fB\t\xa0!\xc0\xe0N\x92\xe4\xf3\x057\x96eI\x92l\x8cF5E&lt;\x1e\x8f$\xc9\xe8\xe8\xe8\xf8\xf8x\x93\xd9L\xe0\xc4\x99\x9c+\xebRw\n\x05\x82\xe6rV\x1c\x0b\x00`Y\xa1@\xb0.u\xe7\x99\x9c+\x04N\x98\xcc\xe6\xf8\xf8\xf8\xe8\xe8\xe8&amp;x\xe87\x1c\x89\xf2\xf9\xfc={\xf6\xa8\xd5\xea\xd2\x8a\x8a\xe2\xb2\xd2\xdd\x87\x8f\xdc\xfe\xf5W\xe78\'\x0e\x9e\xf8v\xfb\xd7_w\x1f&gt;R\\VZZQ\xa1V\xab\xf7\xec\xd9\xc3\xe7\xf3\xb9s\xe4\xe7\x0b\xa0\x04\xd0\x10`\xec\xf2\xf6\xf6~\xe6\x9e\x83\x7fm\xd9\xb2%\xe0\xccY\x98\xff\x13\x1c\x07$%%\x8d\x1a5\xaa\xac\xb2R\xa9\x90g\x9c??\xf9\xc3\xc5r\x99\x94m\x0e\xf1\x88e\x18\xb9L:\xf9\xc3\xc5\x19\xe7\xcf+\x15\xf2\xb2\xca\xcaQ\xa3F%%%5\xb5\xbe\xbf\x03\xdc\x16\xd0\xb5k\xd7\x94\x94\x14\x93\xc5"\x14\x8a\x0e\x9d8\xf1\xfe\'\xeb\x05B!\x8e\xe3\xcdh\xe0\xf5&lt;\x86eq\x1c\x17\x08\x85\xef\x7f\xb2\xfe\xd0\x89\x13B\xa1\xc8d\xb1\xa4\xa4\xa4t\xed\xda\x95\xb3\x0b\xff\x9f\x81.AC\x80\xb7\x1a|\xd24EQ|&gt;\x9f \x08\x18\xe9X\x96\x1d;v,\xe0\xde\x1e\xf4?\x83a\x18|^\xe6\xd1\xa3G\xa3\xa3\xa3K\xca\x9e\xdc/}\xfc\xcd\x7f\xff\xbb\xf9\xebo\xe4M\xbe.AQ\x94\xdc\xd5u\xf3\xd7\xdf|\xf3\xdf\xff\xde/}\\R\xf6$::\xfa\xe8\xd1\xa3\xf0\xf9?M\xb6\xbfI\x10\x04I\x92\xe3\xc7\x8f_\xb9reiy9\x8f \xee\x15\x17\xc7\'&amp;\xb2,+\x12\x08\x9a\xe9\xec\x14\xc30"\x81\x80e\xd9\xf8\xc4\xc4{\xc5\xc5&lt;\x82(-/_\xb9r\xe5\xf8\xf1\xe3I\x92D\xc5\x1f\x08\x05\x9d\x86\x00\x8f=\xe8\xdd\xbbwbb"\xac\xf9\xd04\rc\xd9\xc7\x1f\x7f\x1c\x1a\x1a\xca\x91\'P\xbf$G]\x02\x9e\x93l6[D"\xd1\x82\x8f\xff\xbdu\xcf^e\x13&gt;\xb1\x80\xa2(\xa5\x9b\xdb\xd6={\x17|\xfco\x91Hd6[\xe0\xa9\xd7\xcd\xa2\xda\xc0\xe7\xf3)\x8aZ\xb1bELL\x0cE\xd3f\x8be\xd7\xe1#kw\xec0Y\xad\xbcfx^4\xcb\xb2&lt;\x1e\xcfd\xb5\xae\xdd\xb1c\xd7\xe1#f\x8b\x85\xa2\xe9\x98\x98\x98\x15+V\xc0\x1eXc7\xb0\xa9@\xcb@\x1b\x0e\x8c\xf2\xd9\xd9\xd9?\xfc\xf0\xc3\x93\'O\xbc\xbd\xbd\xdfz\xeb\xad\xe0\xe0`\x14\xfd\xff\x10\xecx\xd6\xd6\xd6\x8e\x1c92\'\'\x07.\xa3\xdc\xb2t\xe9\xdciSu\xd5\xd5M\xad\x9c\xf2[\xf4\xdf\xbbo\xde\x9a5\xb0\xa9\xc1\xc1\xc1\xc7\x8f\x1fwqq\x01\xcddx\x07\x17&amp;\xe08&gt;|\xf8\xf0\xcc\xcc\xcc\x0em\xdaX\xac\xd6\xef7o\n\x84\xe7\xe44\xed\x04\xf6\x0c\x86e1\x0c\xbb[T4v\xfe\x02\xb1HTXR2l\xd8\xb0\x93\'O\xc2#\x08\x9bx2nH(\x014\xa8\xe7c=\x8a\xfe/\x00/\x8eV\xab\r\x0b\x0bk\xca9\xe0\x0f\xa3\x7fFF\x86J\xa5j^\xef/L\xbaZ\xad688\xf8\xc1\x83\x07Kg\xcf&gt;\xfa\xf3\xcf1\x91\x11\xf3cb4eeB\x81\xa0\xb1\x1b\xf8Rlv\xbb\xbaE\x8b\xcd)))\x07\x0f\x8d\x19:t\xcd\xf6\xed\xed\xda\xb5\xcb\xc9\xc9Q\xa9T\xa0\x99$\xe3\x06\x83\x12@Cc\x18\x06vC\x1c\x87\x025v\x8b\x9a\xb4?\xcd\x01\xd3\xa7\xe9\xab\xab\x1b}\x0f\'\xdcO\xabps\xdb\xbagos\x8f\xfe\x10ls\xfe\xbd{</t>
        </is>
      </c>
    </row>
    <row r="463">
      <c r="A463" s="1" t="n">
        <v>461</v>
      </c>
      <c r="B463" t="inlineStr">
        <is>
          <t>color_overlap_squares</t>
        </is>
      </c>
      <c r="C463" t="inlineStr">
        <is>
          <t>What is the missing color of the part denoted with a question mark?</t>
        </is>
      </c>
      <c r="D463" t="inlineStr">
        <is>
          <t>['green', 'yellow', 'orange', 'blue']</t>
        </is>
      </c>
      <c r="E463" t="inlineStr">
        <is>
          <t>blue</t>
        </is>
      </c>
      <c r="F463" t="inlineStr">
        <is>
          <t>There are 3 squares which overlap each other in the image. The color of the squares are ['?', 'red', 'yellow']. The part where the first and second squares overlap is purple. The part where the second and third squares overlap is orange.</t>
        </is>
      </c>
      <c r="G463" t="inlineStr">
        <is>
          <t>We observe that the red and yellow squares overlap to form orange. Hence, the pattern is that the color of the part where two squares overlap is determined by mixing the two colors.</t>
        </is>
      </c>
      <c r="H463" t="inlineStr">
        <is>
          <t>Based on the pattern that the color of the part where two squares overlap is determined by mixing the two colors, the missing color of the part which overlaps with red to form purple should be blue.</t>
        </is>
      </c>
      <c r="I463" t="inlineStr">
        <is>
          <t>b'\x89PNG\r\n\x1a\n\x00\x00\x00\rIHDR\x00\x00\x02\x00\x00\x00\x02\x00\x08\x02\x00\x00\x00{\x1aC\xad\x00\x00 \xecIDATx\x9c\xed\xdd}\x8c]e\x81\xc7\xf1\xe7\xbc\xdc{;w\xa6/C-\xban1.\xbe\xae\x91@\x03EE\xb7\xe0\x02\xa9\xb8\x1a\xd9uY\xff\xb0v\x8d\xd0\x96@-\x1a#\x16$\xd9\x10\x95\x9a\x98u\xa1(\xd2V\x14\nd\xf1-\x1aw\x83\xb2\x11\\F]\xa8m\xc1\n\xa2\x10\x82\x8ao\xa9\x85N\xdby\xb9s\xef=\xe7&lt;\xfb\xc7S\x86q:\x9d\xde\x97\xe7\x9c\xf3\xbc|?1\xa6\x0e%=\xcet~\xdf{\xcf9so \xa5\x14\x00\x00\xff\x84e\x1f\x00\x00\xa0\x1c\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c0S\x04\x00\x00&lt;E\x00\x00\x1c\x95\xa6\xa9\x94\xb2\xec\xa3@q\x02\xbe\xde\x00\x84\x10R\xca \x08f\xfe\x02\xce\xe3\x19\x00\xe0;)\xa5\x1a\xfd\x1bn\xb8a\xff\xfe\xfdA\x10dYV\xf6A\xa1\x08\x04\x00\xf0\x9a\x942\xcb\xb2 \x08.\xbf\xfc\xf2O~\xf2\x93\xefy\xcf{FGG\xc30\xa4\x01&gt; \x00\x80\xbf\xd4\xfaGQ\xb4~\xfd\xfam\xdb\xb6\xd5\xeb\x03\xbbv\xedZ\xbdz5\r\xf0\x04\x01\x00&lt;5s\xfdw\xec\xd8Q\xabV&amp;\'\x1bq\x1c\xef\xde\xbd\x9b\x06x\x82\x00\x00&gt;\x9a\xbd\xfe\xb5j\xb3\xd5&gt;\xef\xec\x97giB\x03\xfcA\x00\x00\xef\xccZ\xff\x81\x81Z\xb3\xd9\xba\xf4\xbd\xaf\xfb\xe1\xbd\x97\xdc\xfa\xa9UI\x92\xd4j\x15\x1a\xe0\x03\x02\x00\xf8\xe5\xd8\xf5o4\x9a\xeb\xfe\xe5\xf5_\xdeza\xfb\xc0\xe4\xba\xf5gl\xff\xf4\xaaf\xb3M\x03|@\x00\x00\x8f\x1co\xfd\xb7\xff\xc7\x05\xe9x+\x16"90\xb9n\x03\r\xf0\x05\x01\x00|1\xff\xfa\x87\x99\x0c\xc2 \x8e\xc3\xe4\xcf4\xc0\x17\x04\x00\xf0B\'\xeb\xaf~\'\r\xf0\x07\x01\x00\xdc\xd7\xf9\xfa+4\xc0\x13\x04\x00p\\\xb7\xeb\xaf\xd0\x00\x1f\x10\x00\xc0e\xbd\xad\xbfB\x03\x9cG\x00\x00g\xf5\xb3\xfe\n\rp\x1b\x01\x00\xdc\xd4\xff\xfa+4\xc0a\x04\x00p\x90\xae\xf5Wh\x80\xab\x08\x00\xe0\x1a\xbd\xeb\xaf\xd0\x00\'\x11\x00\xc0)y\xac\xbfB\x03\xdcC\x00\x00w\xe4\xb7\xfe\n\rp\x0c\x01\x00\x1c\x91\xf7\xfa+4\xc0%\x04\x00pA1\xeb\xaf\xd0\x00g\x10\x00\xc0zE\xae\xbfB\x03\xdc@\x00\x00\xbb\x15\xbf\xfe\n\rp\x00\x01\x00,V\xd6\xfa+4\xc0v\x04\x00\xb0U\xb9\xeb\xaf\xd0\x00\xab\x11\x00\xc0J&amp;\xac\xbfB\x03\xecE\x00\x00\xfb\x98\xb3\xfe\n\r\xb0\x14\x01\x00,c\xda\xfa+4\xc0F\x04\x00\xb0\x89\x99\xeb\xaf\xd0\x00\xeb\x10\x00\xc0\x1a&amp;\xaf\xbfB\x03\xecB\x00\x00;\x98\xbf\xfe\n\r\xb0\x08\x01\x00,`\xcb\xfa+4\xc0\x16\x04\x000\x9d]\xeb\xaf\xd0\x00+\x10\x00\xc0h6\xae\xbfB\x03\xccG\x00\x00s\xd9\xbb\xfe\n\r0\x1c\x01\x00\x0ce\xfb\xfa+4\xc0d\x04\x000\x91\x1b\xeb\xaf\xd0\x00c\x11\x00\xc08.\xad\xbfB\x03\xccD\x00\x00\xb3\xb8\xb7\xfe\n\r0\x10\x01\x00\x0c\xe2\xea\xfa+4\xc04\x04\x000\x85\xdb\xeb\xaf\xd0\x00\xa3\x10\x00\xc0\x08&gt;\xac\xbfB\x03\xccA\x00\x80\xf2\xf9\xb3\xfe\n\r0\x04\x01\x00J\xe6\xdb\xfa+4\xc0\x04\x04\x00(\x93\x9f\xeb\xaf\xd0\x80\xd2\x11\x00\xa04&gt;\xaf\xbfB\x03\xcaE\x00\x80r\xb0\xfe\n\r(\x11\x01\x00J\xc0\xfa\xcfD\x03\xcaB\x00\x80\xa2\xb1\xfe\xc7\xa2\x01\xa5 \x00@\xa1X\xff\xe3\xa1\x01\xc5#\x00@qX\xff\xf9\xd1\x80\x82\x11\x00\xa0 \xac\x7f\'h@\x91\x08\x00P\x04\xd6\xbfs4\xa00\x04\x00\xc8\x1d\xeb\xdf-\x1aP\x0c\x02\x00\xe4\x8b\xf5\xef\r\r(\x00\x01\x00r\xc4\xfa\xf7\x83\x06\xe4\x8d\x00\x00ya\xfd\xfbG\x03rE\x00\x80\\\xb0\xfe\xba\xd0\x80\xfc\x10\x00@?\xd6_/\x1a\x90\x13\x02\x00h\xc6\xfa\xe7\x81\x06\xe4\x81\x00\x00:\xb1\xfe\xf9\xa1\x01\xda\x11\x00@\x1b\xd6?o4@/\x02\x00\xe8\xc1\xfa\x17\x83\x06hD\x00\x00\rX\xff"\xd1\x00]\x08\x00\xd0/\xd6\xbfx4@\x0b\x02\x00\xf4\x85\xf5/\x0b\r\xe8\x1f\x01\x00z\xc7\xfa\x97\x8b\x06\xf4\x89\x00\x00=b\xfdM@\x03\xfaA\x00\x80^\xb0\xfe\xe6\xa0\x01=#\x00@\xd7X\x7f\xd3\xd0\x80\xde\x10\x00\xa0;\xac\xbf\x99h@\x0f\x08\x00\xd0\x05\xd6\xdfd4\xa0[\x04\x00\xe8\x14\xebo&gt;\x1a\xd0\x15\x02\x00t\x84\xf5\xb7\x05\r\xe8\x1c\x01\x00N\x8c\xf5\xb7\x0b\r\xe8\x10\x01\x00N\x80\xf5\xb7\x11\r\xe8\x04\x01\x00\xe6\xc3\xfa\xdb\x8b\x06\x9c\x10\x01\x00\x8e\x8b\xf5\xb7\x1d\r\x98\x1f\x01\x00\xe6\xc6\xfa\xbb\x81\x06\xcc\x83\x00\x00s`\xfd]B\x03\x8e\x87\x00\x00\xb3\xb1\xfe\xee\xa1\x01s"\x00\xc0_`\xfd]E\x03\x8eE\x00\x80\x17\xb1\xfen\xa3\x01\xb3\x10\x00\xe0(\xd6\xdf\x074`&amp;\x02\x00\x08\xc1\xfa\xfb\x84\x06L#\x00\x00\xeb\xef\x1d\x1a\xa0\x10\x00\xf8\x8e\xf5\xf7\x13\r\x10\x04\x00\x9ec\xfd}F\x03\x08\x00\xfc\xc5\xfa\xc3\xf3\x06\x10\x00x\x8a\xf5\x87\xe2s\x03\x08\x00|\xc4\xfac&amp;o\x1b@\x00\xe0\x1d\xd6\x1f\xc7\xf2\xb3\x01\x04\x00~a\xfdq&lt;\x1e6\x80\x00\xc0#\xac?\xe6\xe7[\x03\x08\x00|\xc1\xfa\xa3\x13^5\x80\x00\xc0\x0b\xac?:\xe7O\x03\x08\x00\xdc\xc7\xfa\xa3[\x9e4\x80\x00\xc0q\xac?z\xe3C\x03\x08\x00\\\xc6\xfa\xa3\x1f\xce7\x80\x00\xc0Y\xac?\xfa\xe7v\x03\x08\x00\xdc\xc4\xfaC\x17\x87\x1b@\x00\xe0 \xd6\x1fz\xb9\xda\x00\x02\x00\xd7\xb0\xfe\xc8\x83\x93\r \x00p\n\xeb\x8f\xfc\xb8\xd7\x00\x02\x00w\xb0\xfe\xc8\x9bc\r \x00p\x04\xeb\x8fb\xb8\xd4\x00\x02\x00\x17\xb0\xfe(\x923\r \x00\xb0\x1e\xeb\x8f\xe2\xb9\xd1\x00\x02\x00\xbb\xb1\xfe(\x8b\x03\r \x00\xb0\x18\xeb\x8fr\xd9\xde\x00\x02\x00[\xb1\xfe0\x81\xd5\r \x00\xb0\x12\xeb\x0fs\xd8\xdb\x00\x02\x00\xfb\xb0\xfe0\x8d\xa5\r \x00\xb0\x0c\xeb\x0f3\xd9\xd8\x00\x02\x00\x9b\xb0\xfe0\x99u\r \x00\xb0\x06\xeb\x0f\xf3\xd9\xd5\x00\x02\x00;\xb0\xfe\xb0\x85E\r \x00\xb0\x00\xeb\x0f\xbb\xd8\xd2\x00\x02\x00\xd3\xb1\xfe\xb0\x91\x15\r \x000\x1a\xeb\x0f{\x99\xdf\x00\x02\x00s\xb1\xfe\xb0\x9d\xe1\r \x000\x14\xeb\x0f7\x98\xdc\x00\x02\x00\x13\xb1\xfep\x89\xb1\r \x000\x0e\xeb\x0f\xf7\x98\xd9\x00\x02\x00\xb3\xb0\xfep\x95\x81\r \x000\xc8\xdc\xeb\x7f\t\xeb\x0fG\x98\xd6\x80@JY\xf0\x1f\x89\x12\x95~\xd7\xc1&lt;\xa4\x94A\x10\x84a\xa8\xd6\xbfV\xad6[\xadK\xff\xf9u_\xfe\x8f\x0b\xda\xac\x7fQB&gt;\xc9\xf9K\x92,&gt;\xb9\xbec\xdb\xcf\xd6_7\x12\xc7q\x92$+W\xae\xbc\xef\xbe\xfb\x86\x87\x87\xd5wAaGB\x00`\x96\xa3\xeb_\xab\xb6\xdb\xed\xab\xd6\xbe\xf1\xf3\x9f?_\x8c\xb7\x85\x94\x82a*@\x9a\x89fZ\xf6Ax!I\xb2xY}\xfb\xf6\x9f}\xec\x86\x87Z\x89h\xb5\xdao~\xf3\x9b\xbf\xf6\xb5\xaf-_\xbe&lt;\x08\x82\xc2\x1a@\x00|\xa1\x1eY|\xecc\x1f{\xf4\xd1G\xa3(JS\xe3\xbe\xcf\x83 8|\xf8\xf0\xde\xbd{\xd5\xe1EQ\xf0\xf67\xbd&lt;\x95B\xa62\x0c\x05\x7fMs\x15\x85A\x9a\xc9\x15\x7f\xbb\xf4\xdf\xff\xed\xef\xe4T\xbb\xc8\x07\xa1~\x92\x99L\x84\xa8,\xab\xff\xfd?|\xe3\x87\xbb\xfeX\xaf\x0fLN6&gt;\xf5\xa9O]w\xddui\x9aFQT\xcca\xc4\xc5\xfc1(\x9d\n\xc0O~\xf2\x93]\xbbv\x95},\xf3\xa9\xc6q\x96eQ\x18\xa6i\xf6\x83\xff\xfbC\xd9\x87\xe3\x97\xc9F"\xe2@J\xc1\xfe\xe7Jf2\x0b\x83\xcaP\xf5\xb2\xcb\xbf\xff\xc3]\x7f\xac\xd5\xaa\x93\x93\x8d\r\x1b6\\s\xcd5\xea\x1aXaGB\x00\xfc244\x14EQ\x14E\xadV\xab\xecc\x99[+I\xd4/\x82\x19\xe7\xa3\xd3\x8c\'\x00\xf9\xaaV\xc34\x95C\x83\x15\x9ej\xe5M\xad\x7f4T]\xff\xd1\x1f\xdc\xf6\xcd\'k\xb5j\xb3\xd9Z\xb7n\xdd\xad\xb7\xdeZ\xfc\xf9\x18\x02\xe0\x97,\xcb\xd24\x95R\xbe\xf9\xe5/\x7f\xfb)\xa7L\xb4\xdb\xa1a\x0f\xf6\xa4\x10q\x18\x1el4\xbe\xfa\xf8\xe3\x99\x94\x81\x08\xc20\xb8\xe2\xdd\xa7\xbdl\xe9\xd0\xe4d+\x8aB!\xa4\x10f\x1d\xb3\xbd2)k\x0b*\x0f\xec\xfd\xed\x8f\x7f\xf1\xc7,\x93\x19\xa1\xcd\xd9\xcc\xf5\xdf\xf1\xf5_\x1d\xbd\xcfm\xdd\xba\xed\xdb\xb7\xa7i\x1a\x86a\xc1\'\xdf\x08\x80\x8f\xb2,;\xef\x94Sn8\xf7\xdc\x83\x93\x93qh\xdc\xad\xc0\x99\x94\x0b\xe2\xf8u\'\x9d\xb4yd$\x8e\x824\x93O\xff\xe1\xd0\xcd\x1b\xdf\x1e\x0e\xd5\xc4T"\xa2\x80G\xa9\xda\xa4\x99\x18\x1e\x8co~`\xe41\xce\xb6\xe5\xce\xb4\xf5\x17\x04\xc0[\x93\xed\xf6\xc1\xc9\xc9\x03F\x06@\x08!\x85\xb8\xe2\x8c3\x84\x10\x9bGF*Q\xf8?\x8f&lt;\xbb\xe2\xf2\xbb\xbf\xbf\xe5\x9f\x86\x87\xaaSSI\x14\xf1\x0c@\x8f$\xcd\x16\n1\xd1h\x97} \xee3p\xfd\x05\x01\xf0V\x18\x04q\x18\xaa\xff\x94},s\xfb\xf3\xe4\xe4t\x03jq\xf4\xf3_?\xf7\xae\xeb\xbes\xdfg\xffqx\xb0\xd6\xa0\x01\xfa\xc4Q\xc8\xbd\xffy3s\xfd\x05?\t\x0cc\xc5a\xa8\x1a\xf0\xd9U\xab\x9aIZ\x8b\xa3G\x9e\xfe\xf3\xea\xcd\xdf\x1e\x9dh\x0e,\x88\xd3\x94\xd3@\xb0\x83\xb1\xeb/\x08\x00LF\x03`;\x93\xd7_\x10\x00\x18\x8e\x06\xc0^\x86\xaf\xbf \x000\x1f\r\x80\x8d\xcc_\x7fA\x00`\x05\x1a\x00\xbbX\xb1\xfe\x82\x00\xc0\x164\x00\xb6\xb0e\xfd\x05\x01\x80Eh\x00\xccg\xd1\xfa\x0b\x02\x00\xbb\xd0\x00\x98\xcc\xae\xf5\x17\x04\x00\xd6\xa1\x010\x93u\xeb/\x08\x00lD\x03`\x1a\x1b\xd7_\x10\x00X\x8a\x06\xc0\x1c\x96\xae\xbf \x00\xb0\x17\r\x80\t\xec]\x7fA\x00`5\x1a\x80rY\xbd\xfe\x82\x00\xc0v4\x00e\xb1}\xfd\x05\x01\x80\x03h\x00\x8a\xe7\xc0\xfa\x0b\x02\x007\xd0\x00\x14\xc9\x8d\xf5\x17\x04\x00\xce\xa0\x01(\x863\xeb/\x08\x00\\B\x03\x907\x97\xd6_\x10\x008\x86\x06 ?\x8e\xad\xbf \x00p\x0f\r@\x1e\xdc[\x7fA\x00\xe0$\x1a\x00\xbd\x9c\\\x7fA\x00\xe0*\x1a\x00]\\]\x7fA\x00\xe00\x1a\x80\xfe9\xbc\xfe\x82\x00\xc0m4\x00\xfdp{\xfd\x05\x01\x80\xf3h\x00z\xe3\xfc\xfa\x0b\x02\x00\x1f\xd0\x00t\xcb\x87\xf5\x17\x04\x00\x9e\xa0\x01\xe8\x9c\'\xeb/\x08\x00\xfcA\x03\xd0\t\x7f\xd6_\x10\x00x\x85\x06`~^\xad\xbf \x00\xf0\r\r\xc0\xf1\xf8\xb6\xfe\x82\x00\xc0C4\x00\xc7\xf2p\xfd\x05\x01\x80\x9fh\x00f\xf2s\xfd\x05\x01\x80\xb7h\x00\x14o\xd7_\x10\x00\xf8\x8c\x06\xc0\xe7\xf5\x17\x04\x00\x9e\xa3\x01&gt;\xf3|\xfd\x05\x01\x00h\x80\x9fX\x7fA\x00\x00A\x03\xfc\xc3\xfa+\x04\x00\x10\x82\x06\xf8\x84\xf5\x9fF\x00\x80\xa3h\x80\x0fX\xff\x99\x08\x00\xf0"\x1a\xe06\xd6\x7f\x16\x02\x00\xfc\x05\x1a\xe0*\xd6\xffX\x04\x00\x98\x8d\x06\xb8\x87\xf5\x9f\x13\x01\x00\xe6@\x03\\\xc2\xfa\x1f\x0f\x01\x00\xe6F\x03\xdc\xc0\xfa\xcf\x83\x00\xf8EJf\xab\x0b4\xc0v\xac\xff\xfc\x08\x80/\xa4\x94R\xca8\x8e\xcb&gt;\x10\xcb\xd0\x00{\xb1\xfe\'D\x00\xbc \xa5\x0c\x82 \x08\x82C\x87\x0e\x95},\xf6\xa1\x016b\xfd;A\x00\xdc\'\xa5\xcc\xb2,\x0c\xc3\xf5\xeb\xd7\xef\xd9\xb3\xa7\x1a\xc7B\x08F\xab+4\xc0.\xac\x7f\x87\x08\x80\xe3\xd4\xfaGQ\xb4~\xfd\xfa\x1d;vDQ\x94e\x99\x10\xa2\x12\x86\\\x0f\xe8\n\r\xb0\x05\xeb\xdf9\x02\xe0\xb2Y\xeb_\xadV\xd34U\xff\xe8\xb9F\xa3\x16\xc74\xa0+4\xc0|\xac\x7fW\x08\x80\xb3f\xad\x7f\xadVk\xb5Za\x18&amp;Y\x16\x06\xc1]O&lt;q\xe3\xde\xbd/\x1d\x1aJ\xb2\xac\xec#\xb5\t\r0\x19\xeb\xdf-\x02\xe0\xa6Y\xeb?00\xd0l6/\xbf\xfc\xf2U\xabV\t!\x820L\xa5\xbcfd\xe4\x96G\x1f=\xb9^\xa7\x01]\xa1\x01fb\xfd{@\x00\x1ct\xec\xfa7\x1a\x8d5k\xd6|\xe9K_z\xf1\x9c\x8f\x94q\x18m\x1e\x19\xb9\xe5g?\xa3\x01\xdd\xa2\x01\xa6a\xfd{C\x00\\3\xe7\xfa\xaf]\xbb\xf6\xb6\xdbnk6\x9bI\x92\x1c\xfdmB$YJ\x03zF\x03\xcc\xc1\xfa\xf7\x8c\x008e\x9e\xf5\x1f\x1b\x1b\x13B\x84a(\x84H\xd3t\xd5\xd9\x97\xbc\xe6o\xceJ\xb2\xb4\x12\xc54\xa074\xc0\x04\xac\x7f?\x08\x80;\xe6_\xff,\xcbf~\',Z\xf8\x92\xab&gt;\xf8\xa5\xbf~\xd9k\xdaiB\x03zF\x03\xca\xc5\xfa\xf7\x89\x008\xe2\x84\xeb\xaf\x1e\xfbOk6\'\x07\x16\x0c]\xf9\x81\x9bO\xf9\xab\xd7\xd3\x80~\xd0\x80\xb2\xb0\xfe\xfd#\x00.\xe8v\xfd\x85\x10a\x18\xb5ZS\xf5\x81\x85\x1b\xff\xf5\x0b4\xa0O4\xa0x\xac\xbf\x16\x04\xc0z=\xac\xbf\xa2\x1a0\xb0\x80\x06h@\x03\x8a\xc4\xfa\xebB\x00\xec\xd6\xf3\xfa+a\x18\xb5Z\r\x1a\xa0\x05\r(\x06\xeb\xaf\x11\x01\xb0X\x9f\xeb\xaf\xd0\x00\x8dh@\xdeX\x7f\xbd\x08\x80\xad\xb4\xac\xbfB\x034\xa2\x01\xf9a\xfd\xb5#\x00V\xd2\xb8\xfe\n\r\xd0\x88\x06\xe4\x81\xf5\xcf\x03\x01\xb0\x8f\xf6\xf5Wh\x80F4@/\xd6?\'\x04\xc029\xad\xbfB\x034\xa2\x01\xba\xb0\xfe\xf9!\x006\xc9u\xfd\x15\x1a\xa0\x11\r\xe8\x1f\xeb\x9f+\x02`\x8d\x02\xd6_\xa1\x01\x1a\xd1\x80~\xb0\xfey#\x00v(l\xfd\x15\x1a\xa0\x11\r\xe8\r\xeb_\x00\x02`\x81\x82\xd7_\xa1\x01\x1a\xd1\x80n\xb1\xfe\xc5 \x00\xa6+e\xfd\x15\x1a\xa0\x11\r\xe8\x1c\xeb_\x18\x02`\xb4\x12\xd7_\xa1\x01\x1a\xd1\x80N\xb0\xfeE"\x00\xe6*}\xfd\x15\x1a\xa0\x11\r\x98\x1f\xeb_0\x02`(C\xd6_\xa1\x01\x1a\xd1\x80\xe3a\xfd\x8bG\x00Ld\xd4\xfa+4@#\x1ap,\xd6\xbf\x14\x04\xc08\x06\xae\xbfB\x034\xa2\x013\xb1\xfee!\x00f1v\xfd\x15\x1a\xa0\x11\rPX\xff\x12\x11\x00\x83\x18\xbe\xfe\n\r\xd0\x88\x06\xb0\xfe\xe5*\x7fP\xa0X\xb1\xfe\n\r\xd0\xc8\xe7\x06\xb0\xfe\xa53eS&lt;g\xd1\xfa+4@#?\x1b\xc0\xfa\x9b\xc0\xacY\xf1\x93u\xeb\xaf\xd0\x00\x8d|k\x00\xebo\x08\x13\x97\xc5+\x96\xae\xbfB\x034\xf2\xa7\x01\xac\xbf9\xcc\x1d\x17\x1fX\xbd\xfe\n\r\xd0\xc8\x87\x06\xb0\xfeF1}_\x1c\xe6\xc0\xfa+4@#\xb7\x1b\xc0\xfa\x9b\xc6\x8e\x89q\x8f3\xeb\xaf\xd0\x00\x8d\\m\x00\xebo \x9bV\xc6\x19\x8e\xad\xbfB\x034r\xaf\x01\xac\xbf\x99\xec\x1b\x1a\xdb9\xb9\xfe\n\r\xd0\xc8\xa5\x06\xb0\xfe\xc6\xb2uk,\xe5\xf0\xfa+4@#7\x1a\xc0\xfa\x9b\xcc\xee\xb9\xb1\x8b\xf3\xeb\xaf\xd0\x00\x8dlo\x00\xebo8\x17\x16\xc7\n\x9e\xac\xbfB\x034\xb2\xb7\x01\xac\xbf\xf9\xdc\x19\x1d\x93y\xb5\xfe\n\r\xd0\xc8\xc6\x06\xb0\xfeVpmw\x0c\xe4\xe1\xfa+4@#\xbb\x1a\xc0\xfa\xdb\xc2\xcd\xe91\x87\xb7\xeb\xaf\xd0\x00\x8dli\x00\xebo\x11\x97\xd7\xa7t\x9e\xaf\xbfB\x0342\xbf\x01\xac\xbf]\xdc\x1f\xa0\xb2\xb0\xfe\xd3h\x80F&amp;7\x80\xf5\xb7\x8e/\x1bT0\xd6\x7f\x16\x1a\xa0\x91\x99\r`\xfdm\xe4\xd7\x0c\x15\x83\xf5\x9f\x13\r\xd0\xc8\xb4\x06\xb0\xfe\x96\xf2q\x89r\xc5\xfa\xcf\x83\x06hdN\x03X\x7f{\xf9;Fy`\xfdO\x88\x06hdB\x03X\x7f\xab\xf9\xbeG\x1a\xb1\xfe\x1d\xa2\x01\x1a\x95\xdb\x00\xd6\xdfvL\x92\x1e\xac\x7fWh\x80Fe5\x80\xf5w\x00\xab\xa4\x01\xeb\xdf\x03\x1a\xa0Q\xf1\r`\xfd\xdd\xc00\xf5\x8b\xf5\xef\x19\r\xd0\xa8\xc8\x06\xb0\xfe\xce`\x9b\xfa\xc2\xfa\xf7\x89\x06hTL\x03X\x7f\x970O\xbdc\xfd\xb5\xa0\x01\x1a\xe5\xdd\x00\xd6\xdf1,T\x8fX\x7f\x8dh\x80F\xf95\x80\xf5w\x0f#\xd5\x0b\xd6_;\x1a\xa0Q\x1e\r`\xfd\x9d\xc4Nu\x8d\xf5\xcf\t\r\xd0Ho\x03X\x7fW1U\xdda\xfdsE\x034\xd2\xd5\x00\xd6\xdfa\xacU\x17X\xff\x02\xd0\x00\x8d\xfao\x00\xeb\xef6\x06\xabS\xac\x7fah\x80F\xfd4\x80\xf5w\x1e\x9b\xd5\x11\xd6\xbf`4@\xa3y\x1aP_\x10\xcbl\xee\x06\xb0\xfe&gt;`\xb6N\x8c\xf5/\x05\r\xd0\xe8\xb8\r\x18o\x06\x0b\xe2$\x9d\xfd\xc9d\xfd=\xc1r\x9d\x00\xeb_"\x1a\xa0\xd1\xdc\r\xb8\xf6;\x13\x13\xad\x85\x03\x95\x99\xbf3c\xfd\xbd\xc1x\xcd\x87\xf5/\x1d\r\xd0\xe8\xd8\x06\xec{\xe6\xc0{&gt;\xfe\xcd?\x1d\x9c|\xf17I)Y\x7fo\xb0_\xc7\xc5\xfa\x1b\x82\x06h4\xab\x01\x95(\xbc\x7f\xdf\xef\xbf\xf8_\xfb\xa2(\x10BdRJ!*C\xd5\xf5\x1fa\xfd\xbd\xc0\x84\xcd\x8d\xf57\n\r\xd0hf\x03\xdaiV\x89\xc2`\xc6?\n\x16V/\xfb\xc8\x0fv|\x83\xf5\xf7\x02+6\x07\xd6\xdf@4@\xa3Y\r\x10/,{\x18\x04\x1f\xfd\xc8\xfd\xb7}\xebI\xd6\xdf\x13\x0c\xd9l\xac\xbf\xb1h\x80FG\x1b\xb0b\xc5\x96U\xab\xa2 \x90\x99\x10B\xdc\xff\xd0\x1fn\xbc\xe3\xb1Z\xb5\xc2\xfa{\x82-\xfb\x0b\xac\xbf\xe1h\x80Fq\x18\xee\x1f\x1f\xff\xc8\x99g\xaey\xc3\x1b2)\xe30\xcc\xa4\xacV+\xcdV\x9b\xf5\xf7\x04s\xf6"\xd6\xdf\n4@\xa3 \x08\x9aI\xf2\x92\x81\x01\xf5?\xa3(j\xb1\xfe&gt;a\xd1\x8eb\xfd-B\x034\n\x82\xa0\x9deB\x880\x0c\xd34e\xfd\xbd\xc2\xa8\t\xc1\xfa[\x88\x06h\xa4f\xbe\x95$g\x9du\xd6\xf6\xed\xdb\xd5_x\xd6\xdf\x07\xec\x1a\xebo+\x1a\xa0\xdd\x92%K\xa4\x94RJ\xd6\xdf\x13\xbeO\x1b\xebo5\x1a\xa0W\x92$A\x10\xb0\xfe\xfe\xf0z\xddX\x7f\x07\xd0\x00\x8d\x98~\xdf\xf8;p\xac\xbf3h\x00\xd0\x1bO7\x8e\xf5w\x0c\r\x00z\xe0\xe3\xcc\xb1\xfeN\xa2\x01@\xb7\xbc[:\xd6\xdfa4\x00\xe8\x8a_c\xc7\xfa;\x8f\x06\x00\x9d\xf3h\xefX\x7fO\xd0\x00\xa0C\xbeL\x1e\xeb\xef\x15\x1a\x00t\xc2\x8b\xd5c\xfd=D\x03\x80\x13r\x7f\xf8X\x7fo\xd1\x00`~\x8eo\x1f\xeb\xef9\x1a\x00\xcc\xc3\xe5\xf9c\xfd!h\x00p|\xce. \xeb\x8fi4\x00\x98\x93\x9b#\xc8\xfac\x16\x1a\x00\x1c\xcb\xc1\x1dd\xfd1\'\x1a\x00\xcc\xe2\xda\x14\xb2\xfe\x98\x07\r\x00frj\rY\x7f\x9c\x10\r\x00\xa6\xb93\x88\xac?:D\x03\x00\xc5\x91Md\xfd\xd1\x15\x1a\x00\x087\x02\xc0\xfa\xa3\x074\x00\xb0~\x19Y\x7f\xf4\x8c\x06\xc0sv\x8f#\xeb\x8f&gt;\xd1\x00\xf8\xcc\xe2}d\xfd\xa1\x05\r\x80\xb7l\x9dH\xd6\x1f\x1a\xd1\x00\xf8\xc9\xca\x95d\xfd\xa1\x1d\r\x80\x87\xec\x1bJ\xd6\x1f9\xa1\x01\xf0\x8de[\xc9\xfa#W4\x00^\xb1i.Y\x7f\x14\x80\x06\xc0\x1f\xd6,&amp;\xeb\x8f\xc2\xd0\x00x\xc2\x8e\xd1d\xfdQ0\x1a\x00\x1fX\xb0\x9b\xac?JA\x03\xe0&lt;\xd3\xa7\x93\xf5G\x89h\x00\xdcf\xf4z\xb2\xfe(\x1d\r\x80\xc3\xcc\x1dP\xd6\x1f\x86\xa0\x01p\x95\xa1\x1b\xca\xfa\xc3(4\x00N2qFY\x7f\x18\x88\x06\xc0=\xc6-)\xeb\x0fc\xd1\x008\xc6\xac1e\xfda8\x1a\x00\x97\x18\xb4\xa7\xac?\xac@\x03\xe0\x0cS&amp;\x95\xf5\x87Eh\x00\xdc`\xc4\xaa\xb2\xfe\xb0\x0e\r\x80\x03\xca\x1fV\xd6\x1f\x96\xa2\x01\xb0]\xc9\xdb\xca\xfa\xc3j4\x00V+s^Y\x7f8\x80\x06\xc0^\xa5-,\xeb\x0fg\xd0\x00X*.\xe5Oe\xfdK\'e\x96fI\x96\xa5e\x1f\x88;\x1aS\xe3\xb5j\xfd\x8a\x0f\xdct\xf3\x1dW\xfeq\xff\xd3q\x18m\x1e\x19\x11B\\q\xc6\x19\xfb\'\'\x83\xb2\x0foNI\x96%Y\x96IY\xf6\x81\xa0\x1c%\x04\x80\xf57A\xb5:\xb0x\xe8%\x81\x10aX\xce\x83\x00\x07\x05"M\xd3\x85\x83\']{\xc5\x7f~a\xe7\xc6\xa7\x9e\xd9=\xdd\x80\xab\xce&lt;s*I\xc2\xc0\xb8\n$YvR\xbd^\xafT\xca&gt;\x10\x94\xa3\xe8o~\xd6\xdf\x04a\x18\xfe\xea\xe9\x87\xef\xf9\xef-\xcdV#\x08\xf8\x84\xeb"\x85\x08\xb2,\xad\xd5\xea\xcb\x96\x9e\xf2\xd4\xaf\xf7\xa42\x0b\x82`\xf3\xc8\xc8\x93\x07\x0f\x9e40\x90d\x99i\x05\xc8\xa4\x1c\xacT\xfe\xf7w\xbf\x0b\xc30\xe3T\x95\x7f\n\r\x80\x94R\x081\xbd\xfe\xb5Z\x8d\xf5/X\x18\x86Q\x14EQ\xf4\xf4o\x1f}\xfa\xb7\x8f\x96}8.\x8b\xa2H\xc55K\xd3\xaf&gt;\xfex\xd9\x87s\x02\xd5j5MS\xbe\x01}St\x00\xa4\x94W^y\xa5Z\xfff\xb3\xb9f\xcd\x1a\xd6\xbf0A\x10\x8c\x8f\x8f\xa7i\x9a\xa6\x9c\xfa\xcf\xdd\xccOr\x14\x86\x81\x10a\x18\xb6\x92\xa4\xc4C\x9aG\xab\xd5\x12B\x8c\x8f\x8f\x97} (Tq\x01H\xd34\x8a\xa2O\x7f\xfa\xd3\xdb\xb6m\xab\xd7\xeb\x93\x93\x93o{\xdb\xdb\xee\xbc\xf3\xce\xe7\x9f\x7f^\x08\xc1\xfa\xe7-\x08\x82$I\xde\xf4\xa67\xd5\xebu\x9e\xef\x17 \xcb\xb28\x8e\x83 \xf8\xd1\x8f~\xa4\xfe\xf2\xb7\x92\xe4\xcc3\xcf\\\xbcx\xb14\xef\xa2k\x14Ei\x9a\xaeX\xb1B\x08\x11\x98w\xad\x029\t\n\xfb\xbb\xa8\x1e\xfe\xff\xfe\xf7\xbf\x7f\xdf\xfb\xde\xf7\xf0\xc3\x0fW\xab\xd5J\xa5r\xc3\r7l\xda\xb4\xe9\xc0\x81\x03q\xcc\xa5\xc8",X\xb0 \x8a\xa2\xb2\x8f\xc2}Y\x96\x05AP\xab\xd5\xae\xb8\xe2\x8am\xdb\xb6U*\x95f\xb3\xb9n\xdd\xba\xed\xdb\xb7\x97}h\xc0\x8b\x8a\x0b\x80\x10BJ\x19\x04\xc1\xe8\xe8\xe8\xea\xd5\xabw\xef\xde\xad\x1et\xdct\xd3M4\xa00&lt;\xf0/\x80:\x9f\xb9p\xe1\xc2\x0f}\xe8Cw\xdf}w\xb5Zm\xb5Zj\xfd\xb3,S\xdf\x05e\x1f\xe3q\xf1\\\xdc+\x85\x06@\xbc\xf0\xbd1\xdd\x00u%\x80\x06\xc0\x19\xd3\xeb\x7f\xe9\xa5\x97\xee\xdc\xb9S\xdd\xe7\xa6\xd6_]e5y\xfd\xe1\x9b\xa2k\xaf\xce&gt;\x0f\x0f\x0f\xdfw\xdf}+W\xael6\x9b\xb5Z\xed\xaa\xab\xae\xda\xbau\xeb\xb2e\xcb\x12S/\x91\x01\x9d`\xfda\x97\x12\x9e\xee\xd1\x008\x89\xf5\x87u\xca9\xdfG\x03\xe0\x18\xd6\x1f6*\xed\x82\x0f\r\x803X\x7fX\xaa\xcc+\xfe4\x00\x0e`\xfda\xaf\x92o\xf9\xa2\x01\xb0\x1a\xeb\x0f\xab\x95\x7f\xcf/\r\x80\xa5X\x7f\xd8\xae\xfc\x00\x08\x1a\x00\x0b\xb1\xfep\x80\x11\x01\x104\x00Va\xfd\xe1\x06S\x02 h\x00,\xc1\xfa\xc3\x19\x06\x05@\xd0\x00\x18\x8f\xf5\x87K\xcc\n\x80\xa0\x010\x18\xeb\x0f\xc7\x18\x17\x00A\x03`$\xd6\x1f\xee11\x00\x82\x06\xc00\xac?\x9cT\xf4\xcbAw\xc5\xe1\xd7\x8e\x9e\xf5ig&gt;L\xc6\xfa\xc3UF\x07@\xb8\xd5\x80,\xcb\xd4\x1bE\xa9\xb7eW\xc3!\xa5\xcc\xb2l\xfa}zY\x13\xd3\xb0\xfep\x98\xe9\x01\x10\xf67@J\x99\xa6i\x1c\xc7\xf5z\xbdZ\xad\xa6i:&gt;&gt;&gt;66\xd6h4Z\xadV\xa5R\xa9\xd7\xeb\x8b\x17/\x1e\x1a\x1a\xca\xb2lllL\xbd\x7fl\xd9G\r!X\x7f\xb8\xce\x82\x00\x08\x9b\x1b\x90eY\xadV\x1b\x1c\x1c&lt;|\xf8\xf0\xbe}\xfbFFF\xf6\xec\xd9\xf3\xcc3\xcf\xec\xdf\xbf\xbf\xd1h\xa8\x11\xa9\xd7\xeb\xcb\x97/?\xfd\xf4\xd3\xdf\xf9\xcew^p\xc1\x05CCC\x87\x0f\x1f\xa6\x01\xa5c\xfd\xe1&lt;;\x02 \xecl@\x96e\x83\x83\x83\xcf&gt;\xfb\xec=\xf7\xdc\xf3\xado}\xeb\xe7?\xff\xf9\t\xff\x95\xd3O?\xfd\xfa\xeb\xaf\x7f\xf7\xbb\xdf=::\xca\xbb\xb3\x96\x88\xf5\x87\x0f\xac\t\x80\xb0\xad\x01i\x9a.^\xbc\xf8\x8e;\xee\xb8\xfa\xea\xabGGG\xd5\x07+\x95\x8a\x1a\x0eu=@\x08\x11\x04\x81\x1azu1@}p\xcb\x96-\x1f\xff\xf8\xc7GGGy\x1eP\n\xd6\x1f\x9e\xb0\xe91\xa6u\xf7\x86J)_\xfa\xd2\x97\x8e\x8e\x8eV*\x95J\xa5\x12EQ\xbb\xddn\xb5Z\xadV+I\x125\xf7i\x9a\xb6\xdb\xedv\xbb\x9d\xa6\xa9\x94R]\x1f\xbe\xe6\x9akv\xee\xdc9&lt;&lt;\xac\xae\x0c\xa3H\xac?\xfca\xd33\x00\xc5\xa2\xe7\x01Y\x96-^\xbc\xf8\x1d\xefx\xc7\xfd\xf7\xdf\xaf&gt;r\xf2\xc9\'\x9fs\xce9g\x9du\xd6\xab^\xf5\xaa%K\x96DQ411\xf1\xd4SO\xdd{\xef\xbd\x0f&gt;\xf8\xa0\xfa=a\x18J)\x97.]\xbag\xcf\x9e\x93N:\xa9\xddn\xb38\x85a\xfd\xe1\x15\xfb\x02 \xeci@\x9a\xa6K\x96,\xf9\xeew\xbf\xfb\xde\xf7\xbe\xf7\xdcs\xcf]\xb3f\xcd\x05\x17\\\xb0|\xf9\xf28\x8e\xd34\xcd\xb2LJ\x19\x86a\x14EI\x92\xec\xdc\xb9\xf3\xc3\x1f\xfep\xb3\xd9T\x1fL\xd3t\xcb\x96-\x9b7o6\xea\xff\x91\xdbX\x7f\xf8\xc6\xca\x00\x08{\x1a\x10\x04A\xab\xd5z\xe2\x89\'\xce&gt;\xfb\xec\x81\x81\x81\xf1\xf1q5\xf1jJ\xd4\xcf\x01\xa8/\xc1\xb2e\xcb&gt;\xf7\xb9\xcf]}\xf5\xd5\xea\xbc\x7f\x96e\xe7\x9dw\xde\xf7\xbe\xf7\xbd\xf1\xf1q\xae\x06\x17\x80\xf5\x87\x87l\r\x80\xb0\xaa\x01\x03\x03\x03\x13\x13\x13\xea\x06\xff9wD=\xea\x9f\x98\x98X\xb1b\xc5\x81\x03\x07\xa2(J\xd3\xf4\x95\xaf|\xe5\xc3\x0f?\xbc`\xc1\x824MY\x9f\\\xb1\xfe\xf0\x93\xc5\x0f-m\xb9&amp;,\xa5\x1c\x1f\x1f\x0f\x82 \x8e\xe3\xe3\xedH\x10\x04\xea|\xd1\xa9\xa7\x9e*^xe\x88#G\x8eLMM\xf1\xf0?o\xac?\xbce\xf7\xb8\xd8\xd2\x80\x0eG&lt;\x08\x82\x99[\xc3\xf4\x14\x80\xf5\x87\xcf\xec\x0e\x80\xb0\xa7\x01\xf3S7\x80NLL\xfc\xe9O\x7f\x9a\xfe\xe0\x92%K\xea\xf5:w\x82\xe6\x87\xf5\x87\xe7\xac\x0f\x80p\xa2\x01i\x9a\x0e\r\r=\xf2\xc8#\xcf&gt;\xfb\xac\xba\r4\x08\x82\xd7\xbe\xf6\xb5\x8b\x17/N\x92\x84\x19\xca\x03\xeb\x0f\xb8\x10\x00ay\x03\xb2,\xabT*\xedv\xfb\xfa\xeb\xaf\x9f\xbe&amp;/\xa5|\xd7\xbb\xde\x15E\x91\xbdW\xe9M\xc6\xfa\x03\xc2\xea\xbb\x80\x8ee\xcb}A3\xa9c^\xb4h\xd1e\x97]v\xfb\xed\xb7\xab\xab\x05Y\x96\xbd\xfa\xd5\xaf~\xe8\xa1\x87\xe28V\xaf ]\xf6a:\x85\xf5\x07\x14G\x9e\x01(\xd6=\x0fH\x92\xa4V\xab\xd5j\xb5\x0f~\xf0\x83\xb7\xdf~\xfb\xccW\xfe\xb9\xf1\xc6\x1b9\xff\x93\x07\xd6\x1f\x98\xe6T\x00\x84U\rH\x92d\xd1\xa2EG\x8e\x1c\xb9\xf8\xe2\x8b\xef\xba\xeb\xae\xe9\xb3=Y\x96m\xdd\xba\xf5\xa2\x8b.:t\xe8\x10/\x06\xa7\x17\xeb\x0f\xcc\xe4\xd4)\xa0i\xe6\x9f\x0bJ\x92dxxx\xdf\xbe}\xef\x7f\xff\xfb\x9f|\xf2I5\xf4j\x83\xbe\xf8\xc5/n\xd8\xb0\xe1\xf9\xe7\x9fg\xfd\xf5b\xfd\x81Y\xdc\x0c\x800\xbb\x01j\xfdGFF.\xb9\xe4\x92\x83\x07\x0fN\xaf\xff\xf0\xf0\xf0W\xbe\xf2\x95\x8b/\xbe\xb8\xf4#t\x0f\xeb\x0f\x1c\xcb\xd9\x00\x08S\x1b\xa0\xde%\xe6\xf1\xc7\x1f\xbf\xf0\xc2\x0b\xa7O\xf2\xa4i\xfa\xc67\xbe\xf1\xce;\xef&lt;\xed\xb4\xd3\x0e\x1e&lt;\xc8\xfa\xeb\xc5\xfa\x03sr9\x00\xc2\xbc\x06\xa8\x1b\xfc\x83 X\xb5j\xd5c\x8f=\x16\xc7\xb1z\xc7\xe0\xf3\xce;\xef\x9e{\xeeY\xb2d\xc9\xe1\xc3\x87+\x95J\xc1G\xe56\xd6\x1f8\x1e\xd7.\x02\xcfb\xda5a\xf56aw\xddu\x97Z\x7f\xf5\x860\xe7\x9e{\xee\xb7\xbf\xfd\xed\xc1\xc1\xc1#G\x8e\xb0\xfez\xb1\xfe\xc0&lt;\x1c\x0f\x800\xac\x01a\x18\xb6\xdb\xed\xaf\x7f\xfd\xeb\xeay\x80\x94r\xf9\xf2\xe5;w\xee\xacV\xabSSS\x9c\xf9\xd1\x8b\xf5\x07\xe6\xe7~\x00\x841\r\x90RV\xab\xd5\xfd\xfb\xf7\xff\xf2\x97\xbf\x94/\xd8\xb4i\xd3+^\xf1\x8a\xf1\xf1q\xee\xf9\xd1\x8b\xf5\x07N\xc8\x8b\x00\x083\x1a\xa0^\xf1\xed\xb9\xe7\x9e;|\xf8\xb0\x10B\xbd=\xc0\xaaU\xab\x1a\x8d\x06\xeb\xaf\x17\xeb\x0ft\xc2\x97\x00\x083\x1a\x10\x86a\xa3\xd1\x98~g\x98E\x8b\x16\xa9?\x9a=\xd2\x88\xf5\x07:\xe4Q\x00\x84\x19\rP\xef\x06\xac\xfe{jj\x8a\xc7\xfez\xb1\xfe@\xe7\x1c\xbf\rtNe\xdd\x1b\xaaN\x01\x8d\x8d\x8d=\xf2\xc8#\xea#\x95Je\xe5\xca\x95\xeaf\xd0\x9c\xfeP\xaf\xb0\xfe@W|\x0c\x80(\xf5\xe7\x03\xc20\x1c\x1c\x1cT\xbf\x96RNLL\xf8\xf9%\xd0\x8e\xf5\x07\xba\xe5i\x00D\xa9\xcf\x03\x92$\xc9\xb2L\x08\x11\x86!7\xfek\xc1\xfa\x03=\xf07\x00\xa2\xa4\x06\xa8\x97\x82X\xb0`\x81\x10\xa2\xddn\x8f\x8d\x8d\x89\x17\xde\x05\x1e\xbda\xfd\x81\xdex\x1d\x00Qx\x03\xa4\x94\x83\x83\x83?\xfd\xe9O\x1f|\xf0\xc1\xa9\xa9\xa9\xb3\xcf&gt;\xfb\xc2\x0b/l6\x9b\xbc\xebK\xcfX\x7f\xa0g\xbe\x07@\x14\xd8\x00\xf5:\x10[\xb7n\xfd\xc4\'&gt;1\xfdV\xefk\xd7\xae\xbd\xe5\x96[\x9a\xcd&amp;;\xd5\x03\xd6\x1f\xe8\x07\x01\x10\xa2\x90\x06H)\xe38&gt;t\xe8\xd0i\xa7\x9d\xa6^\xf3G\xfd$p\x9a\xa6\xf7\xde{\xef\xf9\xe7\x9f?66\xa6\xde\x0f\x12\x1db\xfd\x81&gt;\xb18B\x14\xf2\xf3\x01R\xcaZ\xad\xf6\x9b\xdf\xfcfll,\x08\x82v\xbb\xad~\xfe+\x0c\xc3_\xfc\xe2\x17\x95JE]\x16F\x87X\x7f\xa0\x7f\x04\xe0\xa8b~Fl\xce\xc7\xf8&lt;\xf0\xef\x16\xeb\x0fh\xc1\xf4\xbc(\xd7\x06\x04A055u\xea\xa9\xa7.]\xbaT\xbd*\x9cz9\xe8,\xcb\xce8\xe3\x8cV\xabE\x06:\xc4\xfa\x03\xba0:\x7f!\xbf\x06\xa8\xd3&gt;\xcb\x96-\xfb\xccg&gt;S\xadV[\xad\x96\xfai\x80\x8d\x1b7\x9es\xce9\xe3\xe3\xe3\x04\xa0\x13\xac?\xa0\x11\x17\x81\xe7\x90\xdf5a)\xe5\xd0\xd0\xd0\xde\xbd{\x1fx\xe0\x81F\xa3\xf1\x96\xb7\xbc\xe5\xfc\xf3\xcf\x9f\x9a\x9a\xe2\xab\xd0\t\xd6\x1f\xd0\x8b\x00\xcc-\xbf\x06dYV\xaf\xd7\x07\x06\x06\x84\x10\xadV\x8b\x9b\x7f:\xc4\xfa\x03\xda\x11\x80\xe3\xca\xb5\x01\xea\x9e\x9f \x08x5\xd0N\xb0\xfe@\x1e\x08\xc0|L{Oy?\xb1\xfe@N8\xf90\x1f\x13\xde?\xc0s\xac?\x90\x1f\x02p\x024\xa0D\xac?\x90+\x02pb4\xa0\x14\xac?\x907\x02\xd0\x11\x1aP0\xd6\x1f(\x00\x01\xe8\x14\r(\x0c\xeb\x0f\x14\x83\x00t\x81\x06\x14\x80\xf5\x07\nC\x00\xbaC\x03r\xc5\xfa\x03E"\x00]\xa3\x019a\xfd\x81\x82\x11\x80^\xd0\x00\xedX\x7f\xa0x\x04\xa0G4@#\xd6\x1f(\x05\x01\xe8\x1d\r\xd0\x82\xf5\x07\xcaB\x00\xfaB\x03\xfa\xc4\xfa\x03%"\x00\xfd\xa2\x01=c\xfd\x81r\x11\x00\rh@\x0fX\x7f\xa0t\x04@\x0f\x1a\xd0\x15\xd6\x1f0\x01\x01\xd0\x86\x06t\x88\xf5\x07\x0cA\x00t\xa2\x01\'\xc4\xfa\x03\xe6 \x00\x9a\xd1\x80y\xb0\xfe\x80Q\x08\x80~4`N\xac?`\x1a\x02\x90\x0b\x1a0\x0b\xeb\x0f\x18\x88\x00\xe4\x85\x06Lc\xfd\x013\x11\x80\x1c\xd1\x00\xc1\xfa\x03\x06#\x00\xf9\xf2\xbc\x01\xac?`2\x02\x90;o\x1b\xc0\xfa\x03\x86#\x00E\xf0\xb0\x01\xac?`&gt;\x02P\x10\xaf\x1a\xc0\xfa\x03V \x00\xc5\xf1\xa4\x01\xac?`\x0b\x02P(\xe7\x1b\xc0\xfa\x03\x16!\x00Es\xb8\x01\xac?`\x17\x02P\x02\'\x1b\xc0\xfa\x03\xd6!\x00\xe5p\xac\x01\xac?`#\x02P\x1ag\x1a\xc0\xfa\x03\x96"\x00er\xa0\x01\xac?`/\x02P2\xab\x1b\xc0\xfa\x03V#\x00\xe5\xb3\xb4\x01\xac?`;\x02`\x04\xeb\x1a\xc0\xfa\x03\x0e \x00\xa6\xb0\xa8\x01\xac?\xe0\x06\x02`\x10+\x1a\xc0\xfa\x03\xce \x00f1\xbc\x01\xac?\xe0\x12\x02`\x1cc\x1b\xc0\xfa\x03\x8e!\x00&amp;2\xb0\x01\xac?\xe0\x1e\x02`(\xa3\x1a\xc0\xfa\x03N"\x00\xe62\xa4\x01\xac?\xe0*\x02`\xb4\xd2\x1b\xc0\xfa\x03\x0e#\x00\xa6+\xb1\x01\xac?\xe06\x02`\x81R\x1a\xc0\xfa\x03\xce#\x00v(\xb8\x01\xac?\xe0\x03\x02`\x8d\xc2\x1a\xc0\xfa\x03\x9e \x006)\xa0\x01\xac?\xe0\x0f\x02`\x99\\\x1b\xc0\xfa\x03^!\x00\xf6\xc9\xa9\x01\xac?\xe0\x1b\x02`%\xed\r`\xfd\x01\x0f\x11\x00[il\x00\xeb\x0f\xf8\x89\x00XLK\x03X\x7f\xc0[\x04\xc0n}6\x80\xf5\x07|F\x00\xac\xd7s\x03X\x7f\xc0s\x04\xc0\x05=4\x80\xf5\x07@\x00\x1c\xd1U\x03X\x7f\x00\x82\x00\xb8\xa4\xc3\x06\xb0\xfe\x00\x94@JY\xf61@\'\xb5\xef\xa3\xa3\xa3\xabW\xaf\xde\xbd{w\xadVk6\x9b7\xddt\xd3\xa6M\x9b\x0e\x1c8\x10\x86!\xeb\x0f@\xe1\x19\x80k\xe6\x7f\x1e \x84`\xfd\x01(&lt;\x03p\xd3\xf1\x9e\x07l\xdc\xb8q\xed\xda\xb5w\xdf}7\xeb\x0f\x80\x008kV\x03\xe28N\xd3\xf4\xado}\xeb\x8f\x7f\xfcc\xd5\x03\xd6\x1f\xf0\x1c\x01p\xd9\xb1\rH\x92\x84\xf5\x07\xa0p\r\xc0e\xb3\xae\x07$IR\xaf\xd7Y\x7f\x00\n\xcf\x00\xdc7\xfd&lt;\xe0\xa2\x8b.\xda\xb5k\xd7\x86\r\x1bn\xbd\xf5V\xd6\x1f\x00\x01\xf0\x82j\xc0\xfe\xfd\xfbo\xbb\xed\xb6k\xaf\xbdV}\xd1Y\x7f\xc0s\x04\xc0\x17RJ\xb5\xf8\xd3\xbf\x00\xe09\xae\x01\xf8"\x08\x02)e\x9a\xa6\xac?\x00\x85g\x00\x00\xe0)\x9e\x01\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ea\xff\x01\xe5\xa7^\\\x9c\xc0\x9e\xe6\x00\x00\x00\x00IEND\xaeB`\x82'</t>
        </is>
      </c>
    </row>
    <row r="464">
      <c r="A464" s="1" t="n">
        <v>462</v>
      </c>
      <c r="B464" t="inlineStr">
        <is>
          <t>color_hexagon</t>
        </is>
      </c>
      <c r="C464" t="inlineStr">
        <is>
          <t>What is the missing color of the part denoted with a question mark?</t>
        </is>
      </c>
      <c r="D464" t="inlineStr">
        <is>
          <t>['red', 'green', 'orange', 'yellow']</t>
        </is>
      </c>
      <c r="E464" t="inlineStr">
        <is>
          <t>red</t>
        </is>
      </c>
      <c r="F464" t="inlineStr">
        <is>
          <t>There is a hexagon split into six parts with the colors ['green', 'purple', 'red', 'green', 'purple', '?'] in an anti-clockwise order.</t>
        </is>
      </c>
      <c r="G464" t="inlineStr">
        <is>
          <t>We observe that a green part is opposite another green part, and a purple part is opposite another purple part. Thus, the pattern is that the colors in opposite parts are the same.</t>
        </is>
      </c>
      <c r="H464" t="inlineStr">
        <is>
          <t>Based on the pattern that spatially opposite parts have the same color, the missing color of the part which is opposite a red part should be red.</t>
        </is>
      </c>
      <c r="I464" t="inlineStr">
        <is>
          <t>b'\x89PNG\r\n\x1a\n\x00\x00\x00\rIHDR\x00\x00\x02\x00\x00\x00\x02\x00\x08\x02\x00\x00\x00{\x1aC\xad\x00\x00|[IDATx\x9c\xed\xddy|U\xd5\xb9?\xfe5\xec3\xe6$\'\x03`\x10\x0c\xca \x88\x140\x88\x88\\ A\xa6\xca\x10\xab\xa2(\xf0\x85\xab\xfc\x84\x82\xb5A\xf0\xab\xb1M\x14#\xdf\x82\x82p\x1dZ\xb1\xd8\xd2\xdb\x82x\xb9V\x10\xb4\x10\x90\x04\xd20\x85\x84\x00\x91\xc1H\x90\x08\x12\x86\x0cg\x9e\xf6Z\xeb\xf7\xc7J\x0e\x88\x80@\x863\xec\xe7\xfd\xf2u_\xb7\xb7^=\x9ca?{\xad\xf5\xec\xe7\x83\x85\x10\x08\x00\x00\x80\xf6\x90P\xbf\x00\x00\x00\x00\xa1\x01\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A\x01\x00\x00\x00\x8d\x82\x02\x00\x00\x00\x1a\x05\x05\x00\x00\x004\n\n\x00\x00\x00h\x14\x14\x00\x00\x00\xd0((\x00\x00\x00\xa0QP\x00\x00\x00@\xa3\xa0\x00\x00\x00\x80F)\xa1~\x01 \x94\x84\x10B\x88P\xbf\n\x102\x18c\x8cq\xa8_\x05\x08\x19\x0c\xbf\x7f\xcdRUUQ\xe0\x0e@\xebTU\xa5\x94B\x19\xd0&amp;(\x00\x1a\xc59\'\x84\x1c=zt\xd6\xacY\x84\x10\xcey\xa8_\x11hU\x8a\xa2\xa8\xaa:}\xfa\xf4\xa7\x9ez*\xd4\xaf\x05\x84\x0c\xdc\x00j\x8e,\xf9\x1e\x8fg\xc9\x92%\xf1\xf1\xf1\xf9\xf9\xf9\xa1~E dz\xf6\xecy\xfa\xf4\xe9\xd1\xa3G\xf7\xea\xd5K\x08A\x08\x1c\nj\x0b\xac\x004\x871F)\xfd\xdb\xdf\xfe6m\xda4\x8c1\xa54\xf8\x1d \x04\xc3\xb7!\xbaa\x84\xb8\x10\xa8\xf1c\xa6\x94\xfa\xfd\xfe)S\xa6\xfc\xf7\x7f\xff7l\tj\x10\x14\x00m\x91\xa7\xbe6\x9b\xadg\xcf\x9e\x17.\\\xe0\x9c\xc3\xe6\x8f\xc6\xe9\xf5z\xc6X~~\xfe\xe0\xc1\x83\xe5\xcdA\xa8_\x11h=P\xf0\xb5\x85sN)\xcd\xce\xce\xae\xae\xae\x96\xf7\xfe\xb2\r\x84sq\xff\x98\xbe\x83\x7f\xd5\xcf\xed\xf0\x12\n\xfb\x00\xd1Ipa0\xe9N\x94\x9f^\xf7\xc7\xad\x82\x0b\x84\x10\xc6XUU\xceyff\xe6\xce\x9d;u:\x9d\xfcJ\x84\xfa\x95\x82V\x02+\x00\r\xe1\x9cc\x8c\xbf\xf9\xe6\x9b^\xbdzq\xce\x83=\xa0\x18c!D|\xdb\xd8\xdcusbb\x8d\xaa\xca\xe0\x12\x10\x958\xe3\xe68\xd3\xa2i\x1f\x96\xef\xac \x04\xf3\xc6\x1a@\x08a\x8c\xad\\\xb9r\xea\xd4\xa9\xb0\x08\xd0\x14(\x00\x1a"\x7f\xdb\xa3F\x8d\xca\xcb\xcbS\x14\x9d\xaa\x06Rn\xbd\xcb\xe1\xaa\xad\xb3\x9d#\x94p\xc6\xfe\xe3\xe1~S_\xfd\x95\xb3\xdeM(AH \x04e zp\xc6-VS\xd1\xe7\xfbW\xbe\xf6OB\xb0\x10H\xa7\xd3\r\x1a4(??_\x9e\xfd\xb6k\xd7\xee\xeb\xaf\xbf\x8e\x8f\x8f\x87\x87\x03\xb4\x03\x16\xfbZ!\xaf\xfeyyyyyy\x94R\xce9\xc6\xe4\x89\xb1/\xa5\r\x98\x88\x90@\x02a\x82wm\xd8_u\xe4\x07\xb3\xc5\x88\x10"\x84\x10\x82\xe1\xaf\xe8\xf8\x0b\x13\xac\xd3Q\x9f\'\xf0\xe5\x8a\x02\x84\x10!T\x08\x91\x96\x96\xf6\xf7\xbf\xff\xbdM\x9b6B\x08Jiuu\xf5\xdbo\xbf\r=\xc1\x9a\x02\x05@\x13\xe4\xc6\xae\xaa\xaa\xcf?\xff&lt;B\x88`\xc29K\xed5\xbc\xeb\xed\xa9\x83\xfa?\xd2&amp;\xf16\xce\x19!\x841\xbev\xe9&amp;L\xe1\xf6/\xdap\xc6\xcdV\xd3\xa6\x95\x85\xe7N\xd5RJ8\xe7\x8a\xa2\xbc\xf6\xdak\x1d:t\xc8\xce\xce\x96\x9b\x81\x94\xd2\xb7\xdez\xab\xa2\xa2\x02j\x80v@\x01\xd0\x04\xf9\xd8\xd7\xf2\xe5\xcb\x8f\x1d;\xa6(\x8a\xca\x98\xc9h\xf9\xe5\xd0\xe9\x1e\xaf\xd3d\xb4&lt;\x946\x1d!$8\xc2\x04\x1f-\xae,+8j\x8e5r\x06\x97\x80(!\x84\xd0\x1btgO\xd6\xe4\x7f\xb2\x1bc\x8c1\xe1\x9cO\x9d:u\xc0\x80\x01\x17.\\\x98:uj\x9f&gt;}\xe4\x02\xd1\xef\xf7\xff\xeew\xbf\x93gB\xa1~\xd5\xa05@\x01\x88~\xf2\xec\xb7\xba\xba:;;\x1bc\x8c\x04\x12\x82\x0f\xee?!\xa5C\xcf\x80\xea\xf3z\x9d\xf7\xdf3\xaeK\xa7\xbe\x9c3\x82)B\xe8\xd3e\x9b&lt;n?\xa5\x04\xae\x01\xd1\x81sa4\xeb\xd7\xbd\xb7\xc5e\xf7\xc8\xdb\xff\xf8\xf8\xf8\x9c\x9c\x1c\xb7\xdb\xcd9\xb7X,\xb9\xb9\xb9B\x08Y\x03\xd6\xae]+7\t\x19c\xa1~\xe1\xa0\xc5A\x01\x88~\xf2\t\xcf\xac\xac\xac\xba\xba:y\xfb\x9f\x94p\xeb\x83\x83&amp;\xbb\xdc\xf5\x84P\x81\x10\xe7,c\xc4o\x08\xa1\x9csB\xc9\xd9\xaa\x9a\xcd+\x0b\xcdV\x13,\x02\xa2\x00\xe7"&amp;\xcet`\xc7\xb1\xe2\xbcC\x84`!\x10\xe7&lt;++\xabc\xc7\x8e\x1e\x8fG\xa7\xd3\xd5\xd5\xd5\x8d\x1e=z\xfc\xf8\xf1\x8c1B\x08\xc6\xf8\xf9\xe7\x9fWU\x15\xd6\x01Z\x00\x05 \xca\xc9\xcd\x9f\x92\x92\x92\x8f?\xfe\x98R\xca\x19GH\x8c\x1d6\xd3jIbL\xc5\x08\x13L\xbc&gt;\xd7\x9dw\xf4\x1f\x98\x9a!\x04\x97\x03"\xf3?\xd9}\xf6d\x8d\xde\xa0\xc0% \xd2a\x84\x98\xca\xbeX\x91\xcf\xb9\x905\xbeO\x9f&gt;\xbf\xfe\xf5\xafm6\x9b|\xeeW\x1e\x0e\xe5\xe6\xe6Z\xadV\xb9\x088v\xec\xd8\xf2\xe5\xcb\xe1$@\x0b\xa0\x00D9y\xfc;w\xee\\\x9f\xcfG\x08a\x9cu\xe9\xd4w@\xdf\xb1NO=!\r\xed\xde\x18\x13\xaf\xcf9&amp;\xfdY\x931VpN(q\xd9=\xeb\xde\xdfj\x8c1\xcaVq\x10\xa1\x18\xe3\x96\x04s\xd1\xba\xd2o\xcb\xaa\x08%\xf2\xb0\xf7\x8d7\xde0\x99L\xc1\x1d\x1eB\x88\xc3\xe1\xe8\xdd\xbb\xf7\x8c\x193\xe4n!\xc68;;\xbb\xae\xae\x8e\x10\x02w\x00\xd1\r\n@4\x0b\xee\xean\xdf\xbe]Q\x14\xa62\x85\xea2F&lt;\xc79\xbb\xb4\xc7\x1fc\xac\xaa\xfe\x04k\xf2/\x87&gt;#\x84\x90\xa7\xc1%[\xcb\x8f\xee\xad4\xc5\x18\xa0\x06D(!\x90\xa2\xd0\xfas\x8eM+w`\x8c)&amp;\x8c\xb1\x8c\x8c\x8cQ\xa3F\xd5\xd7\xd7_\xfa\xb4\x97\xa2(6\x9b-33\xf3\x8e;\xee\x90\x13\x81\xea\xea\xea\xe4\x89\x11,\x02\xa2\x1b\x14\x80\xa8%\xef\xddd_\x07B\x08#\xcc\x05\xbf\xe7\xee\xe1\xdd;\xdf\xe7\xf5\xb9\x08\xfe\xd1G\x8f\t\xf5x\x1dC\x06Lh\x9b\x94"[B\xd5\x00\xfb\xec\xdd&lt;B\t\x82\xeb\x7fd\xe2\x8c\xc7\xc4\x9b\xb6\xfc\xa3\xe8\xfc\xe9:B\x08\xe3\\\xaf\xd7ggg3v\xf9\x93\xde\x18c\xbf\xdf\xdf\xbe}\xfb\x17_|Q\xae\x12\x82=c\xb0\x11\x14\xdd\xa0\x00D-9\xf6g\xf1\xe2\xc5\x15\x15\x15:\x9dNe\xaa\xd9\x147~\xf8,\xaf\xd7\x85\xf1\xe5\x9f;F\x88s\xa6\xd7\x99\x1e\x19\xf5[\x84\x10g\x82PRQvr\xd7\x86\xfd\x96x\x13\x83\xd3\xe0H\xc3\xb90\xc6\xe8\xab\x8e\x9c)X\xbb\x17\x13,\xef\xe5g\xcf\x9e\x9d\x9a\x9a\xeap8~:\xf6YQ\x94\x9a\x9a\x9ai\xd3\xa6=\xf0\xc0\x03r\x11 \x9f\x1a\x81\xa3\xe0\xe8\x06\x05 :\xc9\xb3\xdf\xe3\xc7\x8f/Z\xb4\x88\x10"\x07\xff\x0c\x1d\xf0D\xbb\xa4N\x01\xd5w\xc5\x07\xfd\t\xa1\x1e\xaf\xa3w\x8f\xb4;;\xf7\x17\x82c\x84\x11F\x9f\x7f\xb0\xcdV\xe3T\x14\n\x17\x81\x88C(Y\xf7\xde\x16\x8f\xd3K\ta\x8c\xb5k\xd7.33\xd3\xe9t^m\xd4\x8f\x10B\xa7\xd3\xbd\xf2\xca+r4\x90\xa2(yyyk\xd7\xae\x85\x96\xd0(\x06\x05 :\xc9\xb3\xdf\xd7_\x7f\xddn\xb7SJ\x19S\xdb&amp;\xa5\x8c\x1c&lt;\xd5\xe5\xb1ar\xd5Q_\x02!.\xd8\xa3\xa3\xe6P\xaa\xe3\\PB.\xfcP\xb7\xe5\xefE\x96x3\xb4\x84F\x10\xcexL\x9c\xb1\xbc\xa8b\x7f\xc1\x11\xd9\xfa)\x84\xc8\xc9\xc9III\xf1z\xbdW\x9b\xf3C)\xad\xab\xab\x1b3f\xcc\xe3\x8f?\x1el\t\xfd\xdd\xef~\xe7\xf7\xfba\x1d\x10\xad\xa0\x00D!y\xf6\xbbc\xc7\x8eU\xabV\x05o\xdf\x1e\x19\xf5[\x83\xde\xcc9\xbb\xc6\x98\x07\x82\x89\xcf\xe7\xee\xd4\xf1\xee\xf4\xfb\'\n\xc1\x05\xc2\x98\xe0\x82\xb5{\xbf;|\xdah\xd6\xc3% R\x10J\xbcn\xff\xba\xf7\xb6 \x8c\x08\xa5\x8c\xb1\x07\x1ex\xe0\xe9\xa7\x9f\xae\xa9\xa9\xb9v\xe4\x0b\xa5\xd4\xe9t\xe6\xe6\xe6&amp;$$\x04\x02\x01EQ***\x16/^\x0c\'\x01\xd1\n\n@tb\x8c\xc9\xe3&gt;\xf9\xd3\xbd\xb3s\xff\xde=\xd2&lt;^\x07\xb9\xfa\xed\xbf\x841\xf1\xfa\\\xc3\x1e\x98\x14kI\x12\x9c\x13B&lt;N\xef\x97+\xb6\xeb\x8d:h\x07\x8a\x08\x8c\xf1\x988\xd3\xae\x8deU\xc7\xce\x10B\x04\x17\x94\xd2W^yE\xce\xfa\xbf\xf6\xff/\xc6\xd8\xe3\xf1t\xed\xdau\xd6\xacY\xf2o&amp;\x84,Y\xb2\xa4\xba\xba\x1a:\x82\xa2\x12\x14\x80h\xa3\xaa*\xa5t\xf5\xea\xd5;v\xecP\x14EU\x19!\xf4\xd1Qs\xb8`\xd7s\xfd\xc6\x18\x07T\x7fb|\xfb1\xe9\xcf\xca\x96PB\xf1\xbe-\x87\x0e\xec8\x16\x13g\x82\x1a\x10\xe6\x84\x10z\xbdr\xe1L\xfd\x86\xe5\xdb\x82\x83\xfe\x1f{\xec\xb11c\xc6\xd4\xd5\xd5]\xcf\xa0\x7f\xb9\x114o\xde\xbc\xce\x9d;\xcbE@mmmVV\x16&lt;\x13\x10\x95\xa0\x00D\x15\xd9\xc0g\xb7\xdb\xe7\xcf\x9f/\xb7z\x85\xe0\x03S3R:\xf4\xf4\xf9\xdc\xe4\'\xcd?WD\tu{\xec\x03\xfa\x8e\xed\xd8\xbe\xbb\x9c\x1a\xcd\xb9\xf8bE&gt;S\x19\x8c\t\rs\x9c\x0bc\x8ca\xeb\xaa\x9d\xf6\x1a\'\xa1\x843n\xb5Z\xb3\xb2\xb2\xdcn\xf7u\x06\xbe\xcb\x07\x83ccc\x7f\xff\xfb\xdf\xa3\xc6^\xb2\xd5\xabW\x97\x96\x96\xca)\xe2-\xfc\'\x00\xad\n\n@T\x91\xcd?\x8b\x16-:~\xfc\xb8\xdc\xfd7\x19c\xc7\xa4?\xeb\xf7{~\xda\xfay\xcd\x7f\x0e3\xea\xcd\x19\xc3g#$\x04C\x84\x92o\xcb\xaa\xfe\xfdY\x89\xc5j\x86\x96\xd0\xb0\xc5\xb90\x99\r\'\xbe&gt;\xb5\xed\xe3]\x98`\x8c0\xe7|\xc6\x8c\x19}\xfa\xf4q:\x9d\xd7Y\x00\x10B\x8a\xa2\xd4\xd7\xd7O\x992E\xb6\x84\xca)\xa1\x99\x99\x99\x8c1X\x04D\x19(\x00\xd1C\xde\xac5\x9c\xdaQ"\xb8\x10B\x8c\x1e\xfaL\x825\xf9j\xad\x9fWC\x08uy\xed=\xbb\r\xea}W\x1a\x17L\x0e\x08\xfa\xfc\x83m5g\xea\xf5z\x18\x10\x14\xa60B\x98\xe2\xb5ooR\x03L\xb6~v\xea\xd4)3338\xf6\xe7\x86\xa8\xaa\xba`\xc1\x02\xf9@\x80\xa2(\x85\x85\x85\xabW\xaf\x86\x96\xd0(\x03\x05 z\xc8\xeb\xb2\xec\xdb\xa3\x842\xce;\xb6\xef\x9e6\xe0q\x8f\xd7q\x8d\xd6\xcf\xab\x91\x8f\x86e\x0c\x9fm2Z\x04\x17\x84\x10{\xads\xcb\xaa\x9d\x06\x18\x0e\x11\x968\xe3\xa6XcY\xc1\xd1\xa3\xc5\x95\xc1\xd6\xcf\xd7^{-99Y\xf6q\xde\xd0?M\x0e\x08JKK\x9b:u\xaa\x1c\x10D\x08\x99?\x7f\xbe\xcdf\x83\x96\xd0h\x02\x05 J\xc8\xd6\xcf\xed\xdb\xb77&lt;\xb9\xa32\x84D\xc6\xf0\xd9:\x9d\xf1\xda\xad\x9fW\x831\xf1\xfa]\xb7\xb5\xbfkp\xff\tBp!\x10&amp;x\xdb\xc7\xbbN\x1e&gt;\r\x03\x82\xc2\x10\xa5\xc4\xe7\t|\xbal\x13B\x17[?\'O\x9e\xfc\xb3\xad\x9fW\xff\x07R\x87\xc3\x91\x93\x93\x13\x1f\x1f/7\x82\x8e\x1f?\xbel\xd92y\xb0\xdc\xdc/\x1f\x84\x06\x14\x80h \x1f\xfb\xf2\xf9|s\xe7\xce\xc5\x18\x13L\xb8\xe0}\xeeJ\xef\xd9m\x90\xfb:Z?\xaf\x86\x10\xea\xf2\xd8\x1e\x1c4\xa9MB\x07!\xb8\x1c\x10\xb4ay&gt;&amp;p\x16\x1c^\x18\xe3\xa6Xc\xc1\xda=g\xabj\xe4\xd9\xaf^\xaf_\xb0`\x81\x1c\xeb\x7fs\xffL\x8c\xb1\xd7\xeb\xed\xd8\xb1cVVV03r\xe9\xd2\xa5\xf2x\tN\x83\xa3\x03\x14\x80h \xcf~\xd7\xacYSRRB)U\x19\xa3T7&amp;\xfdY!\x9a\xf4+\xc5\x08\xab,\x10\x1f\xdbn\xc4\xe0i\r-\xa1\x04\xef\xcf?\\^T\x11\x13k\x84\xd3\xe00![?k\xabm_\xae(\x90{5\x9c\xf3G\x1ey$--\xed\x8ac\x7f\xae\x9f\xa2(v\xbb}\xe6\xcc\x99]\xbbv\x95\x8b\x00\x9b\xcd\xf6\xfa\xeb\xaf\xc33\x01Q\x03\n@\xc4\x93\xb7\xffuuu/\xbf\xfc2!D&amp;&gt;\xa6\xdf?1\xa5C\xcf\x9fN\xfd\xbcQ\x94P\xa7\xbb\xee\x81\xd4\x8c\xce)}9g\x18S\x84\xd1\xba\xf7\xb6\xf8\xbc\x01J\xe1\xcb\x13\x16\x04\x17F\x8ba\xc3\xf2mn\x87\x97P\xc2T\x96\x90\x90\x90\x9b\x9b\xebp8\xae\xa7\xf1\xff\xdaTU5\x9b\xcd\x0b\x17.D\x08\xc9\x01A\xabV\xad*,,T\x14\x056\x82\xa2\x00\xfc\x86#\x9e\xbc\xfd\xcf\xce\xce\xae\xae\xae\x96\xfb\xb3\xb1\x96\xc4a\x0fL\xf2\xfa\xae0\xf5\xf3&amp;\x08\x84(U\x1eJ\x9b.\xc3\xc4\t!U\xc7\xce\xe4\x7f\xb2\xc7\x0c\x8b\x800 \x1b\xff\x8f\xee=Q\xb4\xbeT\xb6~\n!f\xcd\x9a\xd5\xb5k\xd7k\x8c\xfd\xb9~\xf2\xae\x7f\xfc\xf8\xf1\xe9\xe9\xe9r\x8e4c,33\xd3\xe7\xf3\xc1ip\x14\x80\x02\x10\xd9\xe4\x159\x98\xe1\'\xb8\x10H\x8cM\x9f\x99\x18\xdf^Uo\xb8\xf7\xe3\x8a\x08&amp;n\x8f\xbdW\xf7\xc1\xfd~1R\x08\x8e\x11\xc1\x18\x7f\xf9QAm\xb5\r2#C\x0e#D(\xf9\xec\xdd&lt;\xc68%\x941\xd6\xb5k\xd7y\xf3\xe6]\xe7s\xbf\xd7\x891\xf6\xe6\x9bo\xea\xf5z\xb9\x08(--]\xb3f\r\x0c\x08\x8a\x02P\x00"\x9b\xdc\xff\x91)\xde\x94R\xc6Y\xe7\x94\xbe\x0f\xf4{\xd8\xe5\xb6\xdd\xf4\xd9\xefOaL|~w\xc6\xf0\xd9fS\x1c\xe7\x0c\x13\xe2vx7,\xdff0\xe9\x05\xb4\x03\x85\x0ec\xdc\x1cg\xda\xb5a\x7fE\xd9\xc9`\xe2\xe3\xc2\x85\x0b-\x16\xcbOS_n\x9al\t\xbd\xf7\xde{g\xcf\x9e\x1dl\t}\xf9\xe5\x97kkka\x11\x10\xe9\xa0\x00D0\xd9\xfa\x99\x97\x97\x97\x97\x97G)e\x8c\x13L\x1eJ\x9bN\xa9"\x9a5\xc7\x0bc\x1c\x08\xf8\xda%u\x1a:\xe0\t!\x04\x12\x08\x13\\\xb4\xbe\xf4\xbb\xafO\x1b\xcd\xd0\x12\x1a\x1a\x02!\x85\x12\xaf\xcb\xb7\xf1\xc3|\x84\x10\xc1\x841\x96\x9e\x9e&gt;~\xfcx\x9b\xcd\xd6\x8c\xb7\xff\xa8\xb1%433\xb3]\xbbv\xf2[W]]\xfd\xf6\xdbo\xc3" \xd2A\x01\x88T\xf2\xde_\xc66!\x84\x08&amp;\x9c\xb3\xd4^#zu\x1f\xec\xf6\xd8\x9bx\xf6\xfbS\x98P\x97\xc76r\xf0\xd46\x89\xb7\xc9\xccH\xc6\xf8\xda\xa5\x9b0\x85\xf9@\xa1\xc1\x197[M\x9bV\x16\x9e;UK)\xe1\x9c+\x8a\xb2h\xd1\xa2\x968\x9b\x95-\xa1)))999\x9cs\xd9\x12\xfa\xd6[oUTT@\r\x88hP\x00"\x95\xdc\xfd\x97\xc1\xad\x8a\xa2\xa8\x8c\x99\x8c\x96\xd1C\x9f\xf1\x07\xbc\xcdr\xf6{\x19\xf9`\xb0\xd1\x10\xf3P\xdat\x84\x90\x0c\x8e?Z\\YVp\xd4\x1ck\x84\xb8\x98V&amp;\x84\xd0\x1btgO\xd6\xe4\x7f\xb2\x1bc,\xcf\xe7\xa7N\x9d\xda\xaf_\xbf&amp;\xb6~^\x8dL\x8a\x9f&lt;yr\x9f&gt;}\xe4"@\xc6M\xc3.PD\x83\x02\x10\x91\xe4Vluuuvv6\xc6X\xb6~\x0e\xee?!\xa5CO\x9f\xdf\xdd\\\x9b\xbf\x97!\x84\xba=\xf6\xfb\xef\x19\xd7\xa5S_\xce\x19\xc1\x14!\xf4\xe9\xb2M\x1e\xb7\x9fR\x02\xd7\x80\xd6\xc4\xb90\x9a\xf5\xeb\xde\xdb\xe2\xb2{\xe4\xed\x7f|||NN\x8e\xcb\xe5j\xde\xcd\x9fK1\xc6,\x16Knn\xae\x10B\xd6\x80\xb5k\xd76n?BKhD\x82\x02\x10\x91\xe4\xd8\xe7\xac\xac\xac\xba\xba:y\xfb\x9f\x94p\xeb\x83\x83&amp;\xbb\xdc\xf5\xcdx\xf6{\x85\x7f\xaf\x1c\x104\xe27\x84P\xce9\xa1\xe4lU\xcd\xe6\x95\x85f\xab\t\x16\x01\xad\x86s\x11\x13g:\xb0\xe3Xq\xde!9\xf6\x87s\x9e\x95\x95\xd5\xb1c\xc7fi\xfd\xbc\x1a\x19\x150z\xf4\xe8\xf1\xe3\xc7\x073#e\x03\x02\xac\x03"\x14\x14\x80\xc8#7\x7fJJJ&gt;\xfe\xf8cJ)g\x1c!1v\xd8L\xab%\x891\x15\xa3\x16\xdc\x93\'\x98x}\xae;\xef\xe8?05C\x08.\xa7\x84\xe6\x7f\xb2\xfb\xec\xc9\x1ah\tm5\x18!\xa6\xb2/V\xe4s.d%\xee\xd3\xa7\xcf\xaf\x7f\xfd\xeb\x9b\x9b\xfayc\xffj\x8cUU\xcd\xcd\xcd\xb5Z\xadr\x11\x10lA\x86\x93\x80H\x04\x05 \xf2\xc8\xe3\xdf\xb9s\xe7\xfa|&gt;B\x08\xe3\xacK\xa7\xbe\x03\xfa\x8euzZ\xf6\xf6_\xc2\x98x}\xce1\xe9\xcf\x9a\x8c\xb1\x82sB\x89\xcb\xeeY\xf7\xfeVc\x8c\x11\xda\x81Z\x01c\xdc\x92`.ZW\xfamYU\xb0\xf5\xf3\x8d7\xde0\x99L\xad\xb0\x0f#[B{\xf7\xee=c\xc6\x0c\xb9\x0f\x891\xce\xce\xce\xae\xab\xab\x83\xc8\xb0H\x04\x05 \xc2\x04\xf7^\xb7o\xdf\xae(\nS\x99Bu\x19#\x9e\xe3\x9c\xa1\x96\xbc\xf7\x0f\xc2\x18\xab\xaa?\xc1\x9a\xfc\xcb\xa1\xcf\xc8\x01A\x98\xe0\x92\xad\xe5G\xf7V\xc2\x94\xd0\x96&amp;\x04R\x14Z\x7f\xce\xb1i\xe5\x0e\x8c1\xc5\x841\x96\x91\x911j\xd4\xa8\xfa\xfa\xfa\x96\xdb\xfd\xbf\x94\xa2(6\x9b-33\xf3\x8e;\xee\x90Q\x01uuu\xf2,\n\x16\x01\x11\x07\n@$\x91wX\xb2\xfb\x02!\x84\x11\xe6\x82\xdfs\xf7\xf0\xee\x9d\xefk\xfa\xd8\x9f\xeb\x87\t\xf5x\x1dC\x06Lh\x9b\x94"[B\xd5\x00\xfb\xec\xdd&lt;BI\xb3&gt;~\x00.\xc7\x19\x8f\x897m\xf9G\xd1\xf9\xd3u\x84\x10\xc6\xb9^\xaf\xcf\xce\xcen\xc6\xc7\xbe~\x16\xc6\xd8\xef\xf7\xb7o\xdf\xfe\xc5\x17_\x94\xeb\x8f`7\x1al\x04E\x1c(\x00\x91Df~-^\xbc\xb8\xa2\xa2B\xa7\xd3\xa9L5\x9b\xe2\xc6\x0f\x9f\xe5\xf56\xcf\xd8\x9f\xeb$[B\xf5:\xd3#\xa3~\x8b\x10\xe2L\x10J*\xcaN\xee\xda\xb0\xdf\x12o\x82\x01A-\x84sa\x8c\xd1W\x1d9S\xb0v/&amp;X\xdeq\xcf\x9e=;55\xb5\x85Z?\xafFQ\x94\x9a\x9a\x9ai\xd3\xa6\xc9\xccH\x99\x1a\xf6\xfc\xf3\xcf\xc3Qp\xc4\x81\x02\x101\xe4\xd9\xef\xf1\xe3\xc7\x17-ZD\x08\xe1\\\x08!\x86\x0ex\xa2]R\xa7\x1bM|l:B\xa8\xc7\xeb\xe8\xdd#\xed\xce\xce\xfd\x85\xe0\x18a\x84\xd1\xe7\x1fl\xb3\xd58\x15\x85\xc2E\xa0\x85\x10J\xd6\xbd\xb7\xc5\xe3\xf4\xca\xc4\xc7v\xed\xdaeff:\x9d\xce\xd6\xd9\xfc\xb9\x94\x10B\xa7\xd3\xbd\xf2\xca+r\xfe\xa0\xa2(yyy\raD\xd0\x12\x1a9\xa0\x00D\x0cy\xf6\xfb\xfa\xeb\xaf\xdb\xedvJ)cj\xdb\xa4\x94\x91\x83\xa7\xba&lt;\xb6\x9bH|l\x86\xd7\x83\x10\x17\xec\xd1Qs(\xd5q.(!\x17~\xa8\xdb\xf2\xf7"K\xbc\x19ZB\x9b\x1dg&lt;&amp;\xceX^T\xb1\xbf\xe0H0\xf11\'\'\'%%\xa5E[?\xafF\xb6\x84\x8e\x193\xe6\xf1\xc7\x1f\x0f\xb6\x84\xca8RX\x07D\x10(\x00\x91A\x9e\xfd\xee\xd8\xb1c\xd5\xaaU\xc1\x9b\xacGF\xfd\xd6\xa07\xdf\\\xe2c\xd3\x11L|&gt;w\xa7\x8ew\xa7\xdf?Q\x08.\x10\xc6\x04\x17\xac\xdd\xfb\xdd\xe1\xd3F\xb3\x1e.\x01\xcd\x8bP\xe2u\xfb\xd7\xbd\xb7\x05\xe1\x8b\x89\x8fO?\xfd\xf4M\'&gt;6\x1d\xa5\xd4\xe9t\xe6\xe6\xe6&amp;$$\x04\x02\x01EQ***\x16/^\x0c\'\x01\x11\x04\n@\xc4`\x8c\xc9\xe3&gt;\xf9\x03\xbb\xb3s\xff\xde=\xd2&lt;MH|l:\x8c\x89\xd7\xe7\x1a\xf6\xc0\xa4XK\x92\xe0\x9c\x10\xe2qz\xbf\\\xb1]o\xd4A;P3b\x8c\xc7\xc4\x99vm,\xab:vF\x0e\xfd\xa6\x94\xbe\xf2\xca+:\x9d.\x84\x85\x16c\xec\xf1x\xbav\xed:k\xd6,\xf92\x08!K\x96,\xa9\xae\xae\x86\x8e\xa0H\x01\x05 \x02\xc8Q\xcf\xabW\xaf\xde\xb1c\x87\xa2(\xaa\xca\x08\xa1\x8f\x8e\x9a\xc3\x05\x0b\xedU\x16c\x1cP\xfd\x89\xf1\xed\xc7\xa4?\xdb\x90\x19I\xf1\xbe-\x87\x0e\xec8\x16\x13g\x82\x1a\xd0,d\xe2\xe3\x853\xf5\x1b\x96o\x93\xa3\x98\x19c\x8f=\xf6\xd8\x981c\x9aw\xe8\xffM\x90\x1bA\xf3\xe6\xcd\xeb\xdc\xb9\xb3\\\x04\xd4\xd6\xd6fee\xc13\x01\x91\x02\n@\xb8\x93mvv\xbb}\xfe\xfc\xf9r\xabW\x08&gt;05#\xa5CO\x9f\xcf\xddj\xad\x9fWC\tu{\xec\x03\xfa\x8e\xed\xd8\xbe;\xe7\x1cc\xc2\xb9\xf8bE&gt;S\x19\x8c\tm\x162\xf3k\xeb\xaa\x9d\xf6\x1a\xa7\x0c|\xb7Z\xadYYYn\xb7\xbb5;\x7f\xaeH&gt;\x18\x1c\x1b\x1b\xfb\xfb\xdf\xff\x1e5v\xa9\xad^\xbd\xba\xb4\xb4\x14\x82\xe3#\x02\x14\x80p\'\x9b\x7f\x16-Zt\xfc\xf8q\xb9\xfbo2\xc6\x8eI\x7f\xd6\xef\xf7\xb4f\xeb\xe75p\xce\x8czs\xc6\xf0\xd9\x08\t\xc1\x10\xa1\xe4\xdb\xb2\xaa\x7f\x7fVb\xb1\x9a\xa1%\xb4\x898\x17&amp;\xb3\xe1\xc4\xd7\xa7\xb6}\xbcK&amp;&gt;r\xceg\xcc\x98\xd1\xa7O\x1f\xa7\xd3\x19\xf2\x02\x80\x10R\x14\xa5\xbe\xbe~\xca\x94)\xb2%TN\t\xcd\xcc\xccd\x8c\xc1" \xfc\x85\xfe\x0b\x04\xaeA\xdeR5\x9c\xadQ"\xb8\x10B\x8c\x1e\xfaL\x825\xb9\xf5[?\xaf\x86\x10\xea\xf2\xda{v\x1b\xd4\xfb\xae4.\x98\x1c\x10\xf4\xf9\x07\xdbj\xce\xd4\xeb\xf50 \xa8I0B\x98\xe2\xb5ooR\x03L\xb6~v\xea\xd4)33\xb3\x15\xc6\xfe\xdc\x10UU\x17,X \x1f\x08P\x14\xa5\xb0\xb0p\xf5\xea\xd5\xd0\x12\x1a\xfe\xa0\x00\x845y\xf5\x94\xddu\x94P\xc6y\xc7\xf6\xdd\xd3\x06&lt;\xee\xf1:B\xd2\xfay5\xf2\xd1\xb0\x8c\xe1\xb3MF\x8b\xe0\x82\x10b\xafunY\xb5\xd3\x00\xc3!\x9a\x803n\x8a5\x96\x15\x1c=Z\\\x19l\xfd|\xed\xb5\xd7\x92\x93\x93e\xb7e\xa8_`\x039 (--m\xea\xd4\xa9\xc1\xcc\xc8\xf9\xf3\xe7\xdbl6h\t\rsP\x00\xc2\x97l\xfd\xdc\xbe}{\xc3\xf35*CHd\x0c\x9f\xad\xd3\x19C\xd5\xfay5\x18\x13\xaf\xdfu[\xfb\xbb\x06\xf7\x9f \x04\x17\x02a\x82\xb7}\xbc\xeb\xe4\xe1\xd30 \xe8\xa6QJ|\x9e\xc0\xa7\xcb6!t\xb1\xf5s\xf2\xe4\xc9!l\xfd\xbc\x1a\x99\x19\x99\x93\x93\x13\x1f\x1f/7\x82\x8e\x1f?\xbel\xd92yd\x1d\xeaW\x07\xae\n\n@\x98\x92\x8f}\xf9|\xbe\xb9s\xe7b\x8c\t&amp;\\\xf0&gt;w\xa5\xf7\xec6\xc8\x1d\xd2\xd6\xcf\xab!\x84\xba&lt;\xb6\x07\x07Mj\x93\xd0A\x08.\x07\x04mX\x9e\x8fIX\x95\xaa\x88\xc1\x187\xc5\x1a\x0b\xd6\xee9[U#\xcf~\xf5z\xfd\x82\x05\x0b\xe4\xf0\xfdP\xbf\xba\xcb\xc9\xcc\xc8\x8e\x1d;fee\xc9\x01A\x94\xd2\xa5K\x97\xca\x83+8\r\x0e[P\x00\xc2\x94&lt;\xfb]\xb3fMII\t\xa5Te\x8cR\xdd\x98\xf4g\x85\x08\xd3\xdf\x12FXe\x81\xf8\xd8v#\x06Okh\t%x\x7f\xfe\xe1\xf2\xa2\x8a\x98X#\x9c\x06\xdf\x10\xd9\xfaY[m\xfbrE\x81\xdcQ\xe1\x9c?\xf2\xc8#iii\xad&lt;\xf6\xe7\xfa)\x8ab\xb7\xdbg\xce\x9c\xd9\xb5kW\xb9\x08\xb0\xd9l\xaf\xbf\xfe:&lt;\x13\x10\xce\xc2\xf1\x9b\x04\xe4\xed\x7f]]\xdd\xcb/\xbfL\x08\x91\x89\x8f\xe9\xf7OL\xe9\xd0\xb35\xa7~\xde(J\xa8\xd3]\xf7@jF\xe7\x94\xbe\x9c3\x8c)\xc2h\xdd{[|\xde\x00\xa5a\xfa\x9a\xc3\x93\xe0\xc2h1lX\xbe\xcd\xed\xf0\x12J\x98\xca\x12\x12\x12rss\x1d\x0eGh\x1b\xff\xafMUU\xb3\xd9\xbcp\xe1B\x84\x90\x1c\x10\xb4j\xd5\xaa\xc2\xc2BEQ`#(&lt;\xc1\xcf2\x1c\xc9\xdb\xff\xec\xec\xec\xea\xeaj\xb9\x8b\x1akI\x1c\xf6\xc0$\xaf\xafU\xa7~\xde\x04\x81\x10\xa5\xcaCi\xd3eL9!\xa4\xea\xd8\x99\xfcO\xf6\x98a\x11p\xddd\xe3\xff\xd1\xbd\'\x8a\xd6\x97\xca\xd6O!\xc4\xacY\xb3\xbav\xed\x1a\x92\xb1?\xd7O\xde\xf5\x8f\x1f?&gt;==]N\xa8f\x8ceff\xfa|&gt;8\r\x0eOa}5\xd1&amp;y\xdd\x0c&amp;\xed\t.\x04\x12c\xd3g&amp;\xc6\xb7W\xd50\xea\xfd\xb8"\x82\x89\xdbc\xef\xd5}p\xbf_\x8c\x14\x82cD0\xc6_~TP[m\x83\xcc\xc8\xeb\x84\x11"\x94|\xf6n\x1ec\x9c\x12\xca\x18\xeb\xda\xb5\xeb\xbcy\xf3B\xfe\xdc\xefub\x8c\xbd\xf9\xe6\x9bz\xbd^.\x02JKK\xd7\xacY\x03\x03\x82\xc2\x13\x14\x80\xb0#\xf7\x7fd\xd66\xa5\x94q\xd69\xa5\xef\x03\xfd\x1ev\xb9max\xf6\xfbS\x18\x13\x9f\xdf\x9d1|\xb6\xd9\x14\xc79\xc3\x84\xb8\x1d\xde\r\xcb\xb7\x19Lz\x01\xed@?\x871n\x8e3\xed\xda\xb0\xbf\xa2\xecd0\xf1q\xe1\xc2\x85\x16\x8b\xa55S_n\x9al\t\xbd\xf7\xde{g\xcf\x9e\x1dl\t}\xf9\xe5\x97kkka\x11\x10\x86\xa0\x00\x84\x17\xd9\xfa\x99\x97\x97\x97\x97\x97G)e\x8c\x13L\x1eJ\x9bN\xa9""$m\x0bc\x1c\x08\xf8\xda%u\x1a:\xe0\t!\x04\x12\x08\x13\\\xb4\xbe\xf4\xbb\xafO\x1b\xcd\xd0\x12z-\x02!\x85\x12\xaf\xcb\xb7\xf1\xc3|\x84\x10\xc1\x841\x96\x9e\x9e&gt;~\xfcx\x9b\xcd\x16\x11\xb7\xff\xa8\xb1%433\xb3]\xbbv\xf2\xfb\\]]\xfd\xf6\xdbo\xc3" \x0cA\x01\x08#\xf2\xde_\x86+!\x84\x08&amp;\x9c\xb3\xd4^#zu\x1f\xec\xf6\xd8\xc3\xf6\xec\xf7\xa70\xa1.\x8fm\xe4\xe0\xa9m\x12o\x93\x99\x91\x8c\xf1\xb5K7a\x1a\xf6w\xb0!\xc5\x197[M\x9bV\x16\x9e;UK)\xe1\x9c+\x8a\xb2h\xd1\xa2\xc8:A\x95-\xa1)))999\x9cs\xd9\x12\xfa\xd6[oUTT@\r\x087\x11sM\xd1\x02\xb9\xfb/\xe3U\x15EQ\x193\x19-\xa3\x87&gt;\xe3\x0fx\xc3\xfc\xec\xf72\xf2\xc1`\xa3!\xe6\xa1\xb4\xe9\x08!\x19\x1c\x7f\xb4\xb8\xb2\xac\xe0\xa89\xd6\x08q1W$\x84\xd0\x1btgO\xd6\xe4\x7f\xb2\x1bc,O\xd1\xa7N\x9d\xda\xaf_\xbf\xb0m\xfd\xbc\x1a\x99\x14?y\xf2\xe4&gt;}\xfa\xc8E\x80\x0c\xb2\x86]\xa0p\x13I\xdf\xaa\xe8&amp;7L\xab\xab\xab\xb3\xb3\xb31\xc6\xb2\xf5sp\xff\t)\x1dz\xfa\xfc\xee\xf0\xdf\xfc\xbd\x0c!\xd4\xed\xb1\xdf\x7f\xcf\xb8.\x9d\xfar\xce\x08\xa6\x08\xa1O\x97m\xf2\xb8\xfd\x94\x12\xb8\x06\xfc\x14\xe7\xc2h\xd6\xaf{o\x8b\xcb\xee\x91\xb7\xff\xf1\xf1\xf1999.\x97+R6\x7f.\xc5\x18\xb3X,\xb9\xb9\xb9B\x08Y\x03\xd6\xae]\xdb\xb8\xb1\x19I\x0b\x9a\xe8\x06\x05 \\\xc8\xb1\xcfYYYuuu\xf2\xf6?)\xe1\xd6\x07\x07Mv\xb9\xeb#\xe2\xec\xf7\xa7\x84\x1c\x104\xe27\x84P\xce9\xa1\xe4lU\xcd\xe6\x95\x85f\xab\t\x16\x01\x97\xe1\\\xc4\xc4\x99\x0e\xec8V\x9cwH\x8e\xfd\xe1\x9cgeeu\xec\xd81\xcc[?\xafFF\x05\x8c\x1e=z\xfc\xf8\xf1\xc1\xccH\xd9\xda\x00\xeb\x80\xf0\x01\x05 ,\xc8\xcd\x9f\x92\x92\x92\x8f?\xfe\x98R\xca\x19GH\x8c\x1d6\xd3jIbL\xc5(\xf2~\xff\x08!\x82\x89\xd7\xe7\xba\xf3\x8e\xfe\x03S3\x84\xe0rJh\xfe\'\xbb\xcf\x9e\xac\x81\x96\xd0\xcb`\x84\x98\xca\xbeX\x91\xcf\xb9\x90\xf5\xb2O\x9f&gt;\xbf\xfe\xf5\xaf\xc3m\xea\xe7\r\x91\x07Z\xb9\xb9\xb9V\xabU.\x02\x82\xcd\xcdp\x12\x10&amp;\xa0\x00\x84\x05y\xfc;w\xee\\\x9f\xcfG\x08a\x9cu\xe9\xd4w@\xdf\xb1NO\xa4\xde\xfeK\x18\x13\xaf\xcf9&amp;\xfdY\x931VpN(q\xd9=\xeb\xde\xdfj\x8c1B;P\x10c\xdc\x92`.ZW\xfamYU\xb0\xf5\xf3\x8d7\xde0\x99L\x11\xbd["[B{\xf7\xee=c\xc6\x0c\xb9\xc3\x891\xce\xce\xce\xae\xab\xab\x83\xc8\xb00\x01\x05 \xf4\x82;\xa4\xdb\xb7oW\x14\x85\xa9L\xa1\xba\x8c\x11\xcfq\xcePd\xde\xfb\x07a\x8cU\xd5\x9f`M\xfe\xe5\xd0g\xe4\x80 Lp\xc9\xd6\xf2\xa3{+aJ\xa8$\x04R\x14Z\x7f\xce\xb1i\xe5\x0e\x8c1\xc5\x841\x96\x91\x911j\xd4\xa8\xfa\xfa\xfaH\xdc\xfd\xbf\x94\xa2(6\x9b-33\xf3\x8e;\xee\x90Q\x01uuu\xf2\x94\x0b\x16\x01\xe1\x00\n@\x88\xc9\xfb \xd9#\x81\x10\xc2\x08s\xc1\xef\xb9{x\xf7\xce\xf7\x85\xf3\xd8\x9f\xeb\x87\t\xf5x\x1dC\x06Lh\x9b\x94"[B\xd5\x00\xfb\xec\xdd&lt;BI\x84&lt;\xd8\xd0\xb28\xe31\xf1\xa6-\xff(:\x7f\xba\x8e\x10\xc28\xd7\xeb\xf5\xd9\xd9\xd9\x11\xf1\xd8\xd7\xcf\xc2\x18\xfb\xfd\xfe\xf6\xed\xdb\xbf\xf8\xe2\x8bre\x13\xecs\x83\x8d\xa0p\x10\xf1\xd7\x97H\'3\xbf\x16/^\\QQ\xa1\xd3\xe9T\xa6\x9aMq\xe3\x87\xcf\xf2z\xc3}\xec\xcfu\x92-\xa1z\x9d\xe9\x91Q\xbfE\x08q&amp;\x08%\x15e\'wm\xd8o\x897i|@\x10\xe7\xc2\x18\xa3\xaf:r\xa6`\xed^L\xb0\xbc/\x9e={vjjj\xc4\xb5~^\x8d\xa2(555\xd3\xa6M\x93\x99\x9125\xec\xf9\xe7\x9f\x87\xa3\xe0p\x10\r\xdf\xb0\xc8%\xcf~\x8f\x1f?\xbeh\xd1"B\x08\xe7B\x081t\xc0\x13\xed\x92:\x85O\xe2c\xd3\x11B=^G\xef\x1eiwv\xee/\x04\xc7\x08#\x8c&gt;\xff`\x9b\xad\xc6\xa9(T\xe3\x17\x01B\xc9\xba\xf7\xb6x\x9c^\x99\xf8\xd8\xae]\xbb\xcc\xccL\xa7\xd3\x19\xe9\x9b?\x97\x12B\xe8t\xbaW^yEN6T\x14%//\xaf!\xe6(\x92\x0f9\xa2\x00\x14\x80P\x92g\xbf\xaf\xbf\xfe\xba\xddn\xa7\x942\xa6\xb6MJ\x199x\xaa\xcbc\x0b\xab\xc4\xc7\xa6\x13\x08q\xc1\x1e\x1d5\x87R\x1d\xe7\x82\x12r\xe1\x87\xba-\x7f/\xb2\xc4\x9b5\xdb\x12\xca\x19\x8f\x893\x96\x17U\xec/8\x12L|\xcc\xc9\xc9III\x89\xd0\xd6\xcf\xab\x91-\xa1c\xc6\x8cy\xfc\xf1\xc7\x83-\xa12\xe8\x14\xd6\x01\xa1\x05\x05 d\xe4\xd9\xef\x8e\x1d;V\xadZ\x15\xbc\x15zd\xd4o\rzs\xb8%&gt;6\x1d\xc1\xc4\xe7sw\xeaxw\xfa\xfd\x13\x85\xe0\x02aLp\xc1\xda\xbd\xdf\x1d&gt;m4\xeb\xb5y\t \x94x\xdd\xfeu\xefmA\xf8b\xe2\xe3\xd3O?\x1d\x86\x89\x8fMG)u:\x9d\xb9\xb9\xb9\t\t\t\x81@@Q\x94\x8a\x8a\x8a\xc5\x8b\x17\xc3I@hA\x01\x08%\xc6\x98&lt;\xee\x93?\x83;;\xf7\xef\xdd#\xcd\x13\x96\x89\x8fM\x871\xf1\xfa\\\xc3\x1e\x98\x14kI\x12\x9c\x13B&lt;N\xef\x97+\xb6\xeb\x8d:\r\xb6\x031\xc6c\xe2L\xbb6\x96U\x1d;#\x87~SJ_y\xe5\x15\x9dN\x17\x95\xe5\x10c\xec\xf1x\xbav\xed:k\xd6,\xf9\x07$\x84,Y\xb2\xa4\xba\xba\x1a:\x82B\x08\n@h\xc8Q\xcf\xabW\xaf\xde\xb1c\x87\xa2(\xaa\xca\x08\xa1\x8f\x8e\x9a\xc3\x05\x8b\xc2_?BHN\tU\xfd\x89\xf1\xed\xc7\xa4?\xdb\x90\x19I\xf1\xbe-\x87\x0e\xec8\x16\x13g\xd2T\r\x90\x89\x8f\x17\xce\xd4oX\xbeM\x0eLf\x8c=\xf6\xd8cc\xc6\x8c\x89\x94\xa1\xff7An\x04\xcd\x9b7\xafs\xe7\xcer\x11P[[\x9b\x95\x95\x05\xcf\x04\x84\x10\x14\x80\x10\x90\xcdpv\xbb}\xfe\xfc\xf9r\xabW\x08&gt;05#\xa5CO\x9f\xcf\x1d\x05\xad\x9fWC\tu{\xec\x03\xfa\x8e\xed\xd8\xbe;\xe7\x1cc\xc2\xb9\xf8bE&gt;SY\x14\xedx\xff&lt;\x99\xf9\xb5u\xd5N{\x8dS\x06\xbe[\xad\xd6\xac\xac,\xb7\xdb\x1d\x1d\x9d?W$\x1f\x0c\x8e\x8d\x8d\xfd\xfd\xef\x7f\x8f\x1a\xfb\xdfV\xaf^]ZZ\n\xc1\xf1\xa1\x12\xb5\xdf\xb6p&amp;\x9b\x7f\x16-Zt\xfc\xf8q\xb9\xfbo2\xc6\x8eI\x7f\xd6\xef\xf7DG\xeb\xe75p\xce\x8czs\xc6\xf0\xd9\x08\t\xc1\x10\xa1\xe4\xdb\xb2\xaa\x7f\x7fVb\xb1\x9a5\xd2\x12\xca\xb90\x99\r\'\xbe&gt;\xb5\xed\xe3]2\xf1\x91s&gt;c\xc6\x8c&gt;}\xfa8\x9d\xce(.\x00\x08!EQ\xea\xeb\xeb\xa7L\x99"[B\xe5\x94\xd0\xcc\xccL\xc6\x18,\x02B"\x9a\xbfm\xe1I\xde\xf84\x9c\x80Q"\xb8\x10B\x8c\x1e\xfaL\x8259\x9aZ?\xaf\x86\x10\xea\xf2\xda{v\x1b\xd4\xfb\xae4.\x98\x1c\x10\xf4\xf9\x07\xdbj\xce\xd4\xeb\xf5\x9a\x18\x10\x84\x11\xc2\x14\xaf}{\x93\x1a`\xb2\xf5\xb3S\xa7N\x99\x99\x99\x11=\xf6\xe7\x86\xa8\xaa\xba`\xc1\x02\xf9@\x80\xa2(\x85\x85\x85\xabW\xaf\x86\x96\xd0\x90\x80\x02\xd0\xda\xe45N\xf6\xc0QB\x19\xe7\x1d\xdbwO\x1b\xf0\xb8\xc7\xeb\x88\xb2\xd6\xcf\xab\x91\x8f\x86e\x0c\x9fm2Z\x04\x17\x84\x10{\xads\xcb\xaa\x9d\x06\r\x0c\x87\xe0\x8c\x9bb\x8de\x05G\x8f\x16W\x06[?_{\xed\xb5\xe4\xe4d\xd9\x13\x19\xea\x17\xd8\xe2\xe4\x80\xa0\xb4\xb4\xb4\xa9S\xa7\x063#\xe7\xcf\x9fo\xb3\xd9\xa0%\xb4\xf5A\x01hU\xb2\xf5s\xfb\xf6\xed\rO\xc1\xa8\x0c!\x911|\xb6Ng\x8c\xbe\xd6\xcf\xab\xc1\x98x\xfd\xae\xdb\xda\xdf5\xb8\xff\x04!\xb8\x10\x08\x13\xbc\xed\xe3]\'\x0f\x9f\x8e\xfa\x01A\x94\x12\x9f\'\xf0\xe9\xb2M\x08]l\xfd\x9c&lt;yrT\xb6~^\x8d\xcc\x8c\xcc\xc9\xc9\x89\x8f\x8f\x97\x1bA\xc7\x8f\x1f_\xb6l\x99&lt;\x0c\x0f\xf5\xab\xd3\x16(\x00\xadG&gt;\xf6\xe5\xf3\xf9\xe6\xce\x9d\x8b1&amp;\x98p\xc1\xfb\xdc\x95\xde\xb3\xdb w\x94\xb6~^\r!\xd4\xe5\xb1=8hR\x9b\x84\x0eBp9 h\xc3\xf2|L\xa2\xb9\x082\xc6M\xb1\xc6\x82\xb5{\xceV\xd5\xc8\xb3_\xbd^\xbf`\xc1\x029"?\xd4\xaf\xae\xf5\xc8\xcc\xc8\x8e\x1d;fee\xc9\x01A\x94\xd2\xa5K\x97\xca#18\rnMP\x00Z\x8f&lt;\xfb]\xb3fMII\t\xa5Te\x8cR\xdd\x98\xf4g\x85\xd0\xdc7\x1e#\xac\xb2@|l\xbb\x11\x83\xa75\xb4\x84\x12\xbc?\xffpyQEL\xac1*O\x83e\xebgm\xb5\xed\xcb\x15\x05r\xdf\x83s\xfe\xc8#\x8f\xa4\xa5\xa5E\xcd\xd8\x9f\xeb\xa7(\x8a\xddn\x9f9sf\xd7\xae]\xe5"\xc0f\xb3\xbd\xfe\xfa\xeb\xf0L@+\xd3\xd6\xd7.\x84\xe4\xed\x7f]]\xdd\xcb/\xbfL\x08\x91\x89\x8f\xe9\xf7OL\xe9\xd03:\xa6~\xde(J\xa8\xd3]\xf7@jF\xe7\x94\xbe\x9c3\x8c)\xc2h\xdd{[|\xde\x00\xa5Q\xf8n\x08.\x8c\x16\xc3\x86\xe5\xdb\xdc\x0e/\xa1\x84\xa9,!!!77\xd7\xe1p\xb4f\xe3\xbf\xbc\xe3\xe6\x9c\xb3K\xc8\xe8\xf6V{\r\x92\xaa\xaaf\xb3y\xe1\xc2\x85\x08!9 h\xd5\xaaU\x85\x85\x85\x8a\xa2\xc0FP\xab\x89\xc2_Zx\x92\xb7\xff\xd9\xd9\xd9\xd5\xd5\xd5r\xaf3\xd6\x928\xec\x81I^_\x94L\xfd\xbc\t\x02!J\x95\x87\xd2\xa6\xcb\x00tBH\xd5\xb13\xf9\x9f\xec1G\xdd"@6\xfe\x1f\xdd{\xa2h}\xa9l\xfd\x14B\xcc\x9a5\xabk\xd7\xae\xad3\xf6G\x06\xf3\xcag\xce\r\x06Clll|||BBBBB\x82\xd5j5\x9b\xcd\xb2\t\xa75\xaf\xbc\xf2\xae\x7f\xfc\xf8\xf1\xe9\xe9\xe9r\xf65c,33\xd3\xe7\xf3\xc1ip\xab\x817\xba5\xc8n\x87o\xbe\xf9\xa6W\xaf^\x9cs\x8c0\xe3\xec\xc9q\xaf\x0c\xbd\xff\t\xa7\xabNS\xbb\xff\x97\xe1\x9cYb\x12V|\xf2\xd2\xbe\x83\x9b(U8g&amp;\x8ba\xfe\xff&gt;\x1fc5\xa9\x81h\x18\x88/\t.L\xb1\xc67\xff\xf3\xcf\x15e\'\xe5\x1dn\x97.]\x8a\x8b\x8b\xe5\xfdx\x8b\xfe1\xe5\xdd\xbd\xc1`\x88\x89\x89\x11B\xd4\xd7\xd7WWW\x9f9s\xc6f\xb3y&lt;\x1eJ\xa9\xc5bi\xdf\xbe\xfdm\xb7\xdd\xd6\xa6M\x1b\xc6\x98\xc3\xe1\x90\xd1]-\xf7\x92.}m111\xe5\xe5\xe5\x83\x06\rRU\x95\x10\xa2\xaa\xea\xca\x95+\xa7N\x9d*\xdb%Z\xe15h\x1c\x14\x80\xd6 \xbf\xcd\xa3F\x8d\xca\xcb\xcb\xd3\xe9t\x81@\xa0sJ\xdf9O\x7f\xe8\x0fD\xd5\xd0\xc7\x9b \x84P\x14\x9d\xddq\xe1\x0f\x7f\x9a\xe4\xf1:0!\x9c\xb1!\x8f\xdc;\xf5\xd5_9\xeb\xdd$*\xf6\x82\x18\xe3\x16\xaby\xe7\xe7\xa5\x7f\xc9\xf9\x94P\x82\x11f\x8c\xfd\xef\xff\xfeoFFF+d~\x99\xcdf\x9dN\xf7\xddw\xdfm\xdb\xb6\xed\xab\xaf\xbe*--=u\xea\x94\xdb\xed\xbe\xf4\xef\xd1\xe9t\x1d;v\x94\xfdH\xc3\x86\r\xf3\xf9|~\xbf\xbfu\x8e%TUm\xdb\xb6\xed\x0b/\xbc\xb0t\xe9R\x9dN\'\x07b\x7f\xfd\xf5\xd7\xf1\xf1\xf1\xadV\x87\xb4\x0c\n@\x8b\x93W\xff\xbc\xbc\xbcQ\xa3FQJ\x85@H\x88YS\xde\xe9\xd9\xed\x01\xb7\xd7\xa1\xc1\xdd\xff\xcbp\xcebc\x12\xd7my\xf7_\x05\x7f&amp;\x84\n\xc4\t\xc6\xaf\xfc}f\xc7n\xc9^\x8f\x9fDx_\x90\x90\xdb\xac\x18\xbf\xfe\xc4{\xe7N\xd5\xca\xa7\x9f\xd2\xd3\xd37o\xdel\xb7\xdb[\xf4"+\xd7\x16\xe5\xe5\xe5\x7f\xf9\xcb_6n\xdcx\xe1\xc2\x85\xe0\x7fE\x08\t\xfe\xab9\xe7\x97\x9e\xbbN\x980a\xc9\x92%m\xda\xb4q\xb9\\\xadp\x0f.\xa3\x02\xea\xea\xea\xfa\xf7\xef\x7f\xe1\xc2\x05Ji \x10\xf8\xdd\xef~\xf7\xc6\x1bo\xc0"\xa0\x15h\xfd\xea\xd3\xd2\xe4\x8fPF !\x84\x08&amp;\x9c\xb3\xd4^#zu\x1f\xec\xf6\xd8\xe1\xea\x8f\x10\xc2\x84\xba&lt;\xb6\x91\x83\xa7\xb6I\xbcMfF2\xc6\xd7.\xdd\x84i4\xdc\xfeq\xc6\xcdV\xd3\xa6\x95\x85\xe7N\xd5RJ8\xe7\x8a\xa2,Z\xb4\xa8\xa5w\xdb\xe5\xee\xca\x81\x03\x07\x86\x0c\x19\xb2r\xe5Jym\xd5\xeb\xf5z\xbd^\xb6Z\xaa\x8d\xe4K\xa2\x94RJ\t!k\xd7\xae\x1d=ztuu\xb5\xd1hl\x85\x86\x1c\xd9\x12\x9a\x92\x92\x92\x93\x93#w\xab(\xa5o\xbd\xf5VEE\x05L\x8an\x05p\x01jY\xf2lS\x86\xa0*\x8a\xa22f2ZF\x0f}\xc6\x1f\xf0j\xf6\xec\xf72\xf2\xc1`\xa3!\xe6\xa1\xb4\xe9\x08!\x19\x1c\x7f\xb4\xb8\xb2\xac\xe0\xa89\xd6\x18\xd1q1B\x08\xbdAw\xf6dM\xfe\'\xbb1\xc6\xf2\xac{\xea\xd4\xa9\xfd\xfa\xf5k\xe9\xd6O\x8c\xb1\xdb\xed\xee\xd3\xa7O\xef\xde\xbdu:\x9d\xc1`\xe0\x9c\xfb\xfd~\xbf\xdf\xcf\x183\x1a\x8dIII\xed\xdb\xb7OJJ\x92;\xefr\x1a\x0f\xe7\\\xa7\xd3\x1d&gt;|\xf8\xff\xfc\x9f\xff#\xff!-\xf7\n\x83dR\xfc\xe4\xc9\x93\xfb\xf4\xe9#\xef\xfaeD6\x1c\x05\xb7\x02\xb8\x06\xb5 y\xf6[]]\x9d\x9d\x9d\x8d1\x96\xad\x9f\x83\xfbOH\xe9\xd0\xd3\xe7w\xc3\xfef\x10!\xd4\xed\xb1\xdf\x7f\xcf\xb8.\x9d\xfar\xce\x08\xa6\x08\xa1O\x97m\xf2\xb8\xfd\x94\x92\xc8\xbd\x06p.\x8cf\xfd\xba\xf7\xb6\xb8\xec\x1ey\xfb\x1f\x1f\x1f\x9f\x93\x93\xd3\n\xbb+r\xdd\x99\x90\x900{\xf6\xec@ \xe0\xf3\xf9\x84\x10\xf7\xdcsOVV\xd6\xe7\x9f\x7f\xbeg\xcf\x9e\xd2\xd2\xd2\xe2\xe2\xe2\x92\x92\x92]\xbbv-[\xb6\xac[\xb7n\xf2f%\x10\x08\xe8t\xba\x7f\xff\xfb\xdf\xabV\xad\x8a\x8f\x8fo\x9d\xbe \xc6\x98\xc5b\xc9\xcd\xcd\x95\xddJ\x94\xd2\xb5k\xd7\xe6\xe5\xe5\xc1\x80\xa0\x96\x065\xb6\x05\xc9\xaf\xf2\x7f\xfe\xe7\x7f\xae\\\xb9R\xa7\xd3\x05\x02jRB\xfb\xff;\xe3\xefz\x9d\x81\xcbh\\\xd0\x88\x0bn\xd4\x9b+\xbf?\xb8\xec/\xcf\n!0A\x9c\xf1\xb1\xff_\xfa#\xcf\x8f\xb0\xd7\xba"\xf1\xc9\x00\xce\x859\xd6X^T\xf1\xee\xf3\xff\x8d\x10\xc2\x980\xc6\x16-Z4o\xde\xbc\xd6\x19\xfc \xb7S\xbc^\xef\x88\x11#z\xf4\xe81s\xe6\xcc\xfe\xfd\xfb\xc7\xc6\xc6\x06\x02\x81@  o\xf91\xc6\x8a\xa2\x98L\xa6\x0b\x17.&lt;\xf9\xe4\x93[\xb7n\x95y\x8d\x9c\xf3\xfb\xef\xbf\xff\xab\xaf\xbej\xb5\t\xd5\x8c1\xab\xd5\xfa\xd8c\x8f}\xfe\xf9\xe7:\x9dNU\xd5;\xef\xbc\xb3\xbc\xbc\\\xbe\x1e\xb8[j!P\x00Z\x8a\xbc\xfd/--\x95-nH \xc6\xd9\xd4G_\x1fx\xcfx\xa7\xbb^\xcb\xad\x9fW\xc39\xb3\xc4$\xfe\xfd\xb3\xd7\x8a\xf6\xfd\x93P*87\xc7\x1a\x7f\xbfz\x96\xb5\x8d%\x12[B\x05\x17z\x93n\xf1\xff\xf7\xd1\xb7eU\xb2\xf5\xb3w\xef\xde\x85\x85\x85\xaa\xaa\xb6\xdek\x10\x82\x10\xe2v\xbb\xdb\xb4i\x831v8\x1c\xb2\xe3\xfe\xd2K\xaa\x10BUU\xab\xd5\xfa\xc3\x0f?\xf4\xef\xdf\xbf\xae\xaeN\x16\x80\x98\x98\x98}\xfb\xf6u\xec\xd8\xb1u\xa6\xd4q\xce\xcdfsEE\xc5\x90!C\xe4\xfe\x98\xaa\xaa\xef\xbd\xf7\xde\xec\xd9\xb3\xe14\xb8\xe5D\xde\x8dU\xa4\x90\xb7Ws\xe7\xce\xf5\xf9|\x84\x10\xc6Y\x97N}\x07\xf4\x1d\xeb\xf4\xc0\xd5\xff\xca0&amp;^\x9fsL\xfa\xb3&amp;c\xac\xe0\x9cP\xe2\xb2{\xd6\xbd\xbf\xd5\x18c\x8c\xb8\tq\x8cqK\x82\xb9h]\xe9\xb7eU\x84\x12\xd9\xef\xff\xc6\x1bo\x98L\xa6\xd6\xdc\xd3\x08^\xca\x1d\x0e\x87\x1c\xb7)\xcf{\x83\xb7\xd5r(\x85^\xaf\xb7\xdb\xed\xb7\xdf~{zz\xba\xac\x19\x18c\x97\xcbu\xfa\xf4i\xbd\xbe\x95\x12\x9b\xe5\x94\xd0\xde\xbd{\xcf\x981C\xde&lt;a\x8c\xb3\xb3\xb3\xeb\xea\xea 2\xac\xe5@\x01h\x11\xc1}\xcc\xed\xdb\xb7+\x8a\xc2T\xa6P]\xc6\x88\xe78g\x08v~\xae\x02c\xac\xaa\xfe\x04k\xf2/\x87&gt;#\x07\x04a\x82K\xb6\x96\x1f\xdd[\x19YSB\x85@\x8aB\xeb\xcf96\xad\xdc\x811\xa6\x980\xc6222F\x8d\x1a\xd5\n\x8d\xff\x97\x91O\xd8\x12B\xae\xfd\xef\x95\x17\xdcN\x9d:\x05\xff#B\xc8\xe3\xf1\xb4\xe6I\xac\xa2(6\x9b-33\xf3\x8e;\xee\x90Q\x01uuu\xf2\xfc\x0c\xda\x81Z\x08\x14\x80\xe6\'\x7f0\xb2\x93\x01!\x84\x11\xe6\x82\xdfs\xf7\xf0\xee\x9d\xef\xd3\xe6\xd8\x9f\xeb\x87\t\xf5x\x1dC\x06Lh\x9b\x94"[B\xd5\x00\xfb\xec\xdd&lt;B\t\x8a\x98\xeb?\xe2\x8c\xc7\xc4\x9b\xb6\xfc\xa3\xe8\xfc\xe9:B\x08\xe3\\\xaf\xd7ggg\xcb\xed\x97\xd6\x7f=\xd7\xff/\xf5\xfb\xfd\xf2\x7f\x91\xdf\xe1VN\xa8\xc7\x18\xfb\xfd\xfe\xf6\xed\xdb\xbf\xf8\xe2\x8br\xcd\x14\xec\xa0\x83\x96\xd0\x16\x02\x17\xa3\xe6\'3\xbf\x16/^\\QQ\xa1\xd3\xe9T\xa6\x9aMq\xe3\x87\xcf\xf2z\xb5;\xf6\xe7:\xc9\x96P\xbd\xce\xf4\xc8\xa8\xdf"\x848\x13\x84\x92\x8a\xb2\x93\xbb6\xec\xb7\xc4\x9b"b@\x10\xe7\xc2\x18\xa3\xaf:r\xa6`\xed^L\xb0\xbc{\x9d={vjjj8O\xfd\x94]C\xc7\x8e\x1d\x93\xffQ&gt;\x9f\xd5\xb6m\xdbV\x1eU\xad(JMM\xcd\xb4i\xd3df\xa4|n\xee\xf9\xe7\x9f\x87\x96\xd0\x16\x12\xa6_\xc7\xc8%{\xe9\x8e\x1f?\xbeh\xd1"B\x08\xe7B\x081t\xc0\x13\xed\x92:i!\xf1\xb1\xe9\x08\xa1\x1e\xaf\xa3w\x8f\xb4;;\xf7\x17\xb2W\n\xa3\xcf?\xd8f\xabq*\n\x8d\x88\x8b\x00\xa1d\xdd{[&lt;N\xafL|l\xd7\xa</t>
        </is>
      </c>
    </row>
    <row r="465">
      <c r="A465" s="1" t="n">
        <v>463</v>
      </c>
      <c r="B465" t="inlineStr">
        <is>
          <t>shape_morph</t>
        </is>
      </c>
      <c r="C465" t="inlineStr">
        <is>
          <t>What is the missing shape of the part denoted with a question mark?</t>
        </is>
      </c>
      <c r="D465" t="inlineStr">
        <is>
          <t>['circle', 'pentagon', 'hexagon', 'triangle']</t>
        </is>
      </c>
      <c r="E465" t="inlineStr">
        <is>
          <t>triangle</t>
        </is>
      </c>
      <c r="F465" t="inlineStr">
        <is>
          <t>There are eight shapes arranged in a grid. The top left shape is a ? and the bottom right shape is a square. The other shapes do not appear to regular shapes.</t>
        </is>
      </c>
      <c r="G465" t="inlineStr">
        <is>
          <t>We observe that from the bottom right to top left direction, the shapes look like a square but gradually change shape into something like a triangle. Hence, the pattern is the the shapes are morphing between square and triangle shapes.</t>
        </is>
      </c>
      <c r="H465" t="inlineStr">
        <is>
          <t>Based on the pattern that the shapes are morphing between square and triangle shapes, the missing shape at the top left should be a triangle.</t>
        </is>
      </c>
      <c r="I465" t="inlineStr">
        <is>
          <t>b'\x89PNG\r\n\x1a\n\x00\x00\x00\rIHDR\x00\x00\x02\x00\x00\x00\x02\x00\x08\x02\x00\x00\x00{\x1aC\xad\x00\x00\x94%IDATx\x9c\xed\xddg|\x14U\xd7\x00\xf0i\xdb[\xb2IH\x83$@\x12Z(!\x85&amp;\xd2\xa5)E  \x82@\n\x01\x95\xaaR\x15\xe9\xa0R\x15!\x8d"\xd2\x11iR"Uz\t\xbd\x13J\x12H\xef\xdb\xcb\x94\xf7\xc3\x95\xbc&lt;(\x18 \xd9\xddd\xce\xff\xc3\xf3\xe3A\x08\xb3\xb33\xe7\xdcr\xee\xbd8\xc7q\x18\x00\x00\x00\xfe!\xec}\x01\x00\x00\x00\xec\x03\x12\x00\x00\x00\xf0\x14$\x00\x00\x00\xe0)H\x00\x00\x00\xc0S\x90\x00\x00\x00\x80\xa7 \x01\x00\x00\x00OA\x02\x00\x00\x00\x9e\x82\x04\x00\x00\x00&lt;\x05\t\x00\x00\x00x\n\x12\x00\x00\x00\xf0\x14$\x00\x00\x00\xe0)H\x00\x00\x00\xc0S\x90\x00\x00\x00\x80\xa7 \x01\x00\x00\x00OA\x02\x00\x00\x00\x9e\x82\x04\x00\x00\x00&lt;\x05\t\x00\x00\x00x\n\x12\x00\x00\x00\xf0\x14$\x00\x00\x00\xe0)H\x00\x00\x00\xc0S\x90\x00\x00\x00\x80\xa7 \x01\x00\x00\x00OA\x02\x00\x00\x00\x9e\x82\x04\x00\x00\x00&lt;\x05\t\x00\x00\x00x\n\x12\x00\x00\x00\xf0\x14$\x00\x00\x00\xe0)H\x00\x00\x00\xc0S\x90\x00\x00\x00\x80\xa7 \x01\x00\x00\x00OA\x02\x00\x00\x00\x9e\x82\x04\x00\x00\x00&lt;\x05\t\x00\x00\x00x\n\x12\x00\x00\x00\xf0\x14$\x00\x00\x00\xe0)H\x00\x00\x00\xc0S\x90\x00\x00\x00\x80\xa7 \x01\x00\x00\x00OA\x02\x00\x00\x00\x9e\x82\x04\x00\x00\x00&lt;\x05\t\x00\x00\x00x\n\x12\x00\x00\x00\xf0\x14$\x00\x00\x00\xe0)H\x00\x00\x00\xc0S\x90\x00\x00\x00\x80\xa7 \x01\x00\x00\x00OA\x02\x00\x00\x00\x9e\x82\x04\x00\x00\x00&lt;\x05\t\x00\x00\x00x\n\x12\x00\x00\x00\xf0\x14$\x00\x00\x00\xe0)H\x00\x00\x00\xc0S\x90\x00\x00\x00\x80\xa7 \x01\x00\x00\x00OA\x02\x00\x00\x00\x9e\x82\x04\x00\x00\x00&lt;\x05\t\x00\x00\x00x\n\x12\x00\x00\x00\xf0\x14$\x00\x00\x00\xe0)H\x00\x00\x00\xc0S\x90\x00\x00\x00\x80\xa7 \x01\x00\x00\x00OA\x02\x00\x00\x00\x9e\x82\x04\x00\x00\x00&lt;\x05\t\x00\x00\x00x\n\x12\x00\x00\x00\xf0\x14$\x00\x00\x00\xe0)H\x00\x00\x00\xc0S\x90\x00\x00\x00\x80\xa7 \x01\x00\x00\x00OA\x02\x00\x00\x00\x9e\x82\x04\x00\x00\x00&lt;\x05\t\x00\x00\x00x\n\x12\x00\x00\x00\xf0\x14$\x00\x00\x00\xe0)H\x00\x00\x00\xc0S\x90\x00\x00\x00\x80\xa7 \x01\x00\x00\x00OA\x02\x00\x00\x00\x9e\x82\x04\x00\x00\x00&lt;\x05\t\x00\x00\x00x\n\x12\x00\x00\x00\xf0\x14e\xef\x0b\x00\x00\xf0\x08\xc7q\xe8\x178\x8e\xdb\xf7J\x00\x06\t\x00TQ,\xcb\xb2,\x8b?\xc7\xdeW\x04\xfe\x05\xf7\x1c\x0c\xc3\x08\x82 \x08\xa2\xec?\xc1\xb7fwxYB\x06\xa0\xeab\x18\x06\x05\x14\x82  \xac\xd8\xcb\x0b\xe1\x9e$\xc9\x7f~\x17\x1a\x8dF\xa7\xd3yyya\x18\xc6\xb2lY&gt;\x00v\x01\t\x00T1(j\xac[\xb7\xee\xd1\xa3Gm\xdb\xb6\xadW\xaf^\xcd\x9a5\x9f\x8f#\xd09\xb0\x19\x8e\xe3X\x96}E\xb8/..6\xe8\xf5\xa7\xcf\x9e\xbd}\xebVqqqJJJ\xea\x83\x07\x06\xbd&gt;""b\xf9\xf2\xe5\n\x85\x82\xa6i\x8a\x82q\x08\xbb\x81\x04\x00\xaa\x18\x94\x00Z\xb6ly\xfe\xfcy\x0c\xc3\x94J\xa5\xa7\xa7g```HHHx\x8b\x16\xa1!!nnn/\xfcy\x94\x0f\xa0sP\xd9\xca\xc2\xfd\xad\x9b7KJJN\x9f&gt;\xfd\xe8\xd1#\xadNGq\x9c\x89\xa61\x0csU*5\x06\x83T*-\xd1h\xc2\xc2\xc2\x0e\x1e&lt;\xa8V\xab\xa1\x1f`G\x90\x00@U\x82\xc6y\x8cFc\xa3F\x8dr\xb2\xb3\x152Y\rgg\x9d\xc1\xa0\xd7\xeb\xb5z\xbd\x85\xa6\xd5nnM\x9b4\t\x0f\x0f\x0f\r\rm\xd0\xa0\x81\xaf\xaf\xafT*-\xfb\xeb\xa8\xb9\n\x99\xe0\xed\xa1\xb8\xa1\xd1h\x8e\x1c9r\xfd\xfa\xf5\xa2\xe2\xe23\xff\x08\xf7&gt;\xee\xeey\xc5\xc5M\xea\xd5{\x92\x93\x93SP0\xb4w\xaf\xa3\xe7\xce\x17\x95\x96\x1a\x8cF\x81@`\xb5Z\xfd\xfd\xfd\xe7\xcc\x993h\xd0 \x86aP\x86\xb6\xf7\xc7\xe2\x1dH\x00\xa0*A\xad\xc5;w\xee\x045n\xcc2\x0c\x86ab\x91\x88f\x18\xb1P\xa8R(p\x1c\xcf/,\x94\x88\x84%:=\x86a\x04Iz\xb8\xbb\xd7o\xd0\xa0Exx\xc7\x8e\x1d\xc3\xc2\xc2T*\xd5\xf3?\xc7\x9e\x9f\xa4\x8ac\x18\x86$\xc9\x11#F\xac[\xb7\x0e\xfd\xce\xf3\xe1&gt;;??z@\xff\xa4\xed\xbfa\x186}T\xec\xf6\x83\xc9\xde\xee\xeeQ\xfd&gt;\xd4\xe9\xf5uj\xd7&gt;t\xf2\xe4\xef\x7f\x1e2[,\xc5\xa5\xa5z\x93i\xd4\xa8Q\xabV\xad*\xfb\x99v\xfcP&lt;\x04\t\x00T%(F\x1cLN\x1e6xp\xeb\x90\x10\xdaj\xf9*22+7\xf7\xe2\xcd[\xd7\xee\xdd\xbb\xfd\xf0\xa1\xda\xc9\xc9`4\x12\x04A\x12\x04\xcb\xb2F\x93I\xa3\xd5j\x8dF\x0c\xc3\xdc\xdc\xdc\x1a4h\xd0\xbf\x7f\xffO?\x1dM\x92\x14\x8c&gt;\xbf1\x94&gt;SSS\x83\x82\x82\xd0\xaf\xfbt\xea\xb4\xed\xc0\x01\xac,\xdc{\xb8G\xf5\xfd\xd0`6\xf9xz\xfa\xd7\xaa\xe5\xe9\xe6&amp;\x95Hh\x9a\xa6\xc4b\xccj\xc5\xe4\xf2\x95I\xabWn\xde|\xf7\xf1c\xd4\'\x8b\x88\x88\x88\x8b\x8bsvv\x86/\xc5\xc6 \x01\x80\xaa\x04%\x80\x98\x91#\xd7\xad]\xfb^\x9b6\x13&gt;\x19\xda\xb9M\x1b\x0c\xc30\x92\xc4h\xba\xb0\xa8(3/\xef\xf0\xb9sw\x1e&gt;|\xf8\xe4IN~\x81\xd1l\xd6\xe8\xf5\x1a\xadN\xa5\x90KD\xc2\xa7\xb9y\x18\x86\x85\x87\x87\xafX\xb1",,\x8ceY\x0c\xc3\xa0+\xf0\xbah\x9a&amp;Ir\xd1\xe2\xc5S\'O&amp;IR$\x14\xc6}\xfb\xad\xdeh\xf4\xf1\xfa\xdfp/\x12a,c1[\xac4\xcd\xb2,\x86\xe3h2\x86cY\xa5Bq\xf7\xf1\xe3Q3g\xa5\xa6\xa7\xb3\x1c\x97[P\x10\x1c\x1c\x9c\x90\x90\x10\x1a\x1a\xca\xb0,\x01S\xf7\xb6\x02\t\x00T%,\xcb\xe2\x18\x16\xde\xb2eqN\x8e\xab\xb3\xd3\x07\xed;L\x19=\xaa\xb4\xa4\x84$\x08\x1c\xc7\x05\x14%\xa4(R,\xc6X\xd6h\xd0g\xe7\x15\xa4f\xa4_\xbbw\xffDJ\nE\x92\xc7\xce_\xd0\xe8u8Ap,[\xcb\xdb\xbb\xff\xc0\x81K\x16/\xc6`\xe4\xe1\xf5\xa1\xa0\xd1((\xe8aj*\xc7q_\x0c\x1f\xbe`\xfa4\xccd\xc20\xccb6\xbf\x10\xee\xff5\x9a3\x0c#\x95H(\xa1p\xec\x9c\xb9k~\xff\xbd\x86\xab\xcb\xe3\'O\xbd&lt;&lt;&amp;O\x9d:v\xecX\x0c\xbe\x14[\x81\x04\x00\xaa\x0c4\x03\xac\xd5j\xeb\xd6\xad\xeb\xaaP4\n\xf0\x9f8lX\x8b\xa6M\xf5z=j\xc5\xa3\xfas\x94$H\x92\x14\n\x04\x02\xa1\x10\xa3(\x8c\xa6K5\x9ak\xf7\xefo;p`\xfd\xae\xdd\x9f\x0f\xf9\xf8\xb7\xe4?S\xd3\xd3;u\xea4\x7f\xfe\xfc\xf0\xf0p\x98\x84,?\x14\x9a\xb7n\xdd\xfa\xf1\xe0\xc1\x9e5j\x14\x96\x94\x9c\xde\xf0k\xa3\xc0@\xbd^O\x92d\xf9\x1b\xef\x0c\xcb\x92\x04\x81\x11\xc4\xaf\xbbvOY\xba$\xb2\xef\x87\xeb\xf7\xec),)\x89\x8e\x8aZ\xb2t\xa9B\xa1\x80\x1c`\x03\xf0\xc4\x83*\x035V\x9e&gt;\xcd$8\x8e\xa2\xa8\x94\x1b7e\x12\t\xcb0\xd8\xb3\x88\x83\xda\x9b\x14I\xa2\xc0a\xb6X4ZmiQ\x91F\xab\x15P\xd4\xbb\xa1\xa1\xcb\xa6L\xb9\xb6g7\x81\xe3\xa9\xe9\xe9&gt;^\x9eG\x8e\x1ci\xd1\xb2e||&lt;I\x92\x04A\xd04m\xcf\x8fWE\xa0\x1b\xf5\xed\xb7\xdf\x92$Y\xcb\xc3c\xcc\xe0\xc1\xf5\xeb\xd6\xb5\x9a\xcdB\x81\x80|\x9d\xf2*\x92 8\x8e#0\xec\x93\xde\xbd\xae\xec\xdc\xa97\x1a\nKJ\xfc}}\x93V\xaf\xee\xdc\xb9\xf3\x83\x07\x0fH\x92D\xeb\xfb*\xf5\xe3\xf0\x1c$\x00Pe\xa0Xp\xed\xda\xd5\x92\xd2\xd2\xba\xb5j\xd5\xa9U\xcb\xd7\xcb\xcbb\xb5\x12/\t:8\x8e\x93\x04A\x91$\x8a5\x1a\xad\xd6`2\xd5rw\x9f8b\xc4\xe8A\x83\x08\x0c\xc7p\xdc\xd5\xc9i\xd4\xa8Q\xef\xf7\xecy\xef\xde=\x8a\xa2\xd0\xa2\x01\xdb~\xac\xaa\x04u\x95N\x9e&lt;y\xff\xfe}\xa9X|\xf9\xf6\xed\x1e\xed\xde\x15\x89D\xcc\x1b\x85i\x1c\xc7\x19\x86aX\xd6\xcf\xd3s\xcc\xd0O&gt;\x1f&lt;8=3\xd3\xdf\xd7\xe7\xc2\x85\x0b\xcd\x82\x83O\x9c&lt;\x89\x129|#\x95\x07\x12\x00\xa82P\x02\xb8\x9f\x9a\xea\xa4T\x14\x95\x96z\xb8\xba*e2\x86a\xca\xf9\xd7I\x82 \t\xc2h4J\x04\x82\x95\xb3\xbe]:m\xea\xbb!!8\x86\xd5\xf2\xf4\xdc\xb7\x7f\x7f\xfbv\xed\x96.[\x866\xab)\xff\xcf\xe4\xa7\xf8\x84\x04\xb1P\xa87\x1a;\x86\x87\xb7i\xde\\\xaf\xd3\x91o:z\x86:mZ\x9d\xaea\x9d\xda\x0b&amp;\x8c\x9f?a|QI)\x86a\xfe\xde\xde\xdd\xbat\x89\x89\x89a\x18\x06\xbe\x91\xca\x03\x15W\xa0\xca \x08\xc2j\xb5\x1e?vL!\x95ui\xdd\xba\xfb\xbbmMV\xeb\xeb\x96\x8b\x10\x04\xc1\xb0liIi\x9f\xae]\x9b\x04\x04|\x97\xb4z\xed\xce\x9d\xed\xc2\xc2\x14R\xc9\xc4\t\x13\xce\x9f;7g\xce\x9c\x80\x80\x00\x14w\xa0\x16\xe5yh\r]~~\xfe\x1f{\xf7\x9a\xadV\x0c\xc3\x86\xf4\xeeE\t\x04\x9c\xd1\xf8\x96?\x99$I\xbd\xc1@\x92\xe4\x971\xd1R\x918\xf9\xf4)\x7f\x1f\xdf\xb4\xac\xac\xa4\xa4\xa4;w\xee\xfc\xb1w\xaf\x13T\x88V\x0e\x98\x04\x06U\x03\x9a\x01...\xf6\xf3\xf3\x13S\x14\x86ak\xe7\xcf\xeb\xde\xae\x9dV\xab}\xb3\xe6\'\xcd0\x12\x91\x88\xa2\xa8]\xc7\x8e\x15\x14\x16M\xfc\xfe;\xb9T\x96[P\xa0V\xab7l\xd8\xd0\xbd{w\x0cjQ\xfe\x17\xba\x1bK\x96.\x9d\xfc\xe5\x97$E\xa9\xe4\xf2\x9b{v+\xa4R\x9aa*$S\xa2]\xe4\x142\x19F\x10\x03\xc7O\xd8\x96\x9cLR\x14C\xd3\xcd\x9a5KHL\x0c\x0b\r\x85\xac\\\xe1`\x08\x08T\r\xa8\xa5\x92\x96\x96\xc6\xd0t\x9b\xe0\xe0\x01\xdd\xbb\x05\xf9\xfb[L\xa6\x97M\x00\xfc\'\x8a$\xcdV\xab\xce`\xf8\xf0\xbd\xf7&gt;|\xafK\xdfN\x9ds\x0b\n\xfc\xbc\xbd\x8dz}\x8f\x1e="""\xf2\x0b\nH\x92\xa4i\x1a\x1aI\xd8s\xcd\xffY\xb3f\xa9\x14\x8aVM\x9b\xc6\x0c\x18\xe0\xa2V[h\xba\xa2"2*\xc4\xd2\xe8tz\xbd\xfe\x97\xef\x16\x8e\x1c0\xc0I&amp;\xf7\xf5\xf6\xbaz\xf5j\xff\xbe}\xbe\xf8\xf2K\xb4\xdf\x1c\x0c\x07U H\x00\xa0j@3\x81)))\x18\xc7\x15k4Wo\xdfqqv~\xcb\xb6\'\x81\xe3$A\x94\x16\x17\xcb%\x92\xb5\xf3\xe7\xad[0\xbfXS\xea\xe1\xe6&amp;\xa0\xa8\x9d;v\xbc\xd3\xbau\xd2\xea\xd5\x14EA\xd0\xc1\x9eM\xff\xfe\xf2\xcb/\x9a\xd2\xd2B\x8d\xe6^\xda\xe3\xa8~\x1fZ-\x967N\xc0/C\x92$\xc7q4M\xc7/\\\xb0|\xda\xd4\x92R\xcd\xf4\xd8\x91\x14\x86/Y\xbc8&amp;&amp;F\xab\xd5\xa2\xea\xa0\x8a\xfdGy\x0b\x12\x00\xa8J\x1e&gt;|(\x15\x8b\xd5NN\xad\x9a5\x95\x08\x85\x15R\x1fBQ\x14M\xd3&amp;\x93iX\xdf\xbeG\xd6\xaemZ/\xd0I\xa1\xf8z\xf4\xe8\x8c\xb4\xb4\x98\xe8\xe8\xa8\xa8\xa8\x9c\xecl\x92$\xcb\xf6=\xe6\'\x82 X\x96\xdd\xbe}\xbb\\*%0\xacW\x87\x8e\xbe&gt;&gt;f\xb3\xb92\x06dp\x1c\xc78N[T\xd4\xabc\x87+\xbbv\xd24\xf3\xe8\xe9S\x7f_\xdf\xa4\xa4$\xa8\x10\xadX\x90\x00@\xd5\x80JA\x8e\xff\xf5WAq1\xc7q\xdd\xdey\x87\xc60\xac\xe2\x06\x1fp\x1c/--\ri\xd8p\xf5\x9c9g7o:}\xf9\xb2\xc9j\xf5\xf1\xf2Z\xb3fM\xc3\xc6\x8d\x7f\xff\xfdw4\xfa\xcc\xcf\xb5\x02h\xf0\xfd\xf2\xe5\xcb\x17.\\\xb0\xd2\xb4H(\x1c\xde\xb7\x0f\xf6\xdc\n\x8c\n\xf7\xf7\x12b\x0c\xab\xe5\xee&gt;):\xea\xeb\xd8\xd8\xc7O\x9f\x06\xf8\xfaB\x85h\xc5\x82\x04\x00\xaa\x004\x00]XXx\xff\xee\xdd\xe0\x86\r\x8e\x9c;\xab7\x99\x04\x14U\xb1m@\x8a$5:\x9dH(\xacS\xab\xd6\xf2iS\xdfo\xdfN\xa7\xd7K\xc4\xe2\xf6\xcd\x9a\xf5\xeb\xd7/222??\x9f\xa2(\x1e\xb6=q\x1c\xe78n\xf2\x94)J\x99\xac\xa6\x87{hPP\xf3\x86\r\r\x06\xc3\x1bW\x7f\x96\xff\xdf5\x18\x0cr\xa9\xf4\xab\xa8\xc8\xef&amp;N(,)\xc1\xa0B\xb4BA\x02\xb0)\x8e\xe3\x18\x86a\x18\x86\xfe_&lt;\x8c)\xaf\x055\xf4\x1e&lt;x\xa0\xd7\xeb\x05\x94\xa0I``H\xc3\x86o3\x03\xfc2(\xa2i\xf5z\x7f\x1f\x9f\x9d?\xff&lt;\xfe\x93\xa1\xd3b\xa2\x0bKK\x9d\x94\xca\xb5k\xd7\x06\x07\x07o\xdc\xb4\x89oS\x91(\xce^LI9z\xe4\x08\x86\xe3\xce\n\xe5\xf4\xd8\x91h\xa4\xde\x06\xff:I\x92f\x8b\x85"\xc9/\xa2\xa3\xe7\x8c\x1d\xd3\xabC\xfbN-[\n\x85\xc2\xa4\xa4\xa4\xf6\xed\xdb\x17\x17\x17\x93$i\xb5Zmp%\xd5\x12$\x80J\x87\x82&gt;*&amp;\xc1q\x9c$I\x92$\xa9\xff\x85b\n\x9a\xfb\x82^\xed?\xa1Xs\xef\xfe}\x92 jyy\x057l\xa8\x90J\x19\x96\xad\xa4\x8a@\x92 L\x16\x8b\xc9`\xf8f\xcc\xe7\x13##\x15R\xa9\xde`\xf0\xf1\xf2\xca\xcc\xcc\x1c\xf7\xe9\xa7\x1f~\xf8aQQ\x11\x1a\x86\xe6\xcf\x97\x95\x10\x1f\x8fc\x98\xc5j5Y,\xad\x83\x83\xcdf3n\xab\xad\x93\x08\x1cgYV[Z\xfa\xe9\xa0A\xbbW\xae|\x9a\x93S\xaa\xd5R\x14u\xfa\xf4\xe9N\x9d:]\xb9rE \x10\xf0|\x86\xe6\x8d\xc1\xc2\x8aJ\x84\x1eJ\xf2\xd9\xd64\x18\x86\xe5\xe7\xe7\xa7\xa7\xa7\xe7\xe4\xe4\xe4\xe7\xe7\xeb\xf5z\x86a\x04\x02\x81\x8b\x8b\x8b\xb7\xb7w\xdd\xbau===\xd1R\x17\xa8w\xfeW\x17/^\xf4pq\xc11N*\x12\xcb\x15\n\xbdNWy\xdb\xb7\xa1\xbeEiQ\xb1P$\xda\xb6t\xc9\x96\xfd\x07\xa6,]\xfa\xf1\xfb\xef\x97\xeat;w\xee\xbcy\xf3\xe6\xdc9s"\x06\x0e\xc4\xaa\xfbZ\x014\xf8\xa6\xd5j\xff\xf8\xe3\x0f\xa1Ph2\x9b\xc7|&lt;X\xa1R\x95\x16\x17S6\xfc\xd4h\x92F\xa3\xd3\x91$\xf9\xcbw\x0b\x9d\x94\xca\xdf\xfe\xfcS\xa5P\\\xb9r\xa5c\xc7\x8eK\x96,\x191b\x04\x06\xe7\xfc\xbc&gt;X\x08V)\xd0\x92\x16\xf4,\x1a\x0c\x86S\xa7N\x1d8p\xe0\xf4\xe9\xd3\xa9\xa9\xa9%%%\xff\xfaW\x14\nEPPP\xef\xde\xbd\x07\x0f\x1e\\\xabV-\x0c\x9e\xe6\xe7p\x1cg6\x9b\x9b5kv\xef\xde=o\xf7\x1aK\'O\xf9\xb0[\xd7\xb7\xd9\x81\xe0\xb5\xfei\x1c\xc7eRiZVV\xca\xcd\x9b\x11\x13&amp;\xba8;\x9b\x8cF\x9d\xd1\x18\x19\x15\xf5\xcd\xd7_\xfb\xf9\xf9\x95\x9dA_\xd9\x17c{h\xfd\xed\x96-[&gt;\xfa\xe8#\x85L&amp;\x97J\xcfn\xda\xe8\xe1\xe6f}\xfd5\xd8\x15\x82\xe38\x0c\xc7\xe5\xce\xce\x1b\xb6o\x1f={\x8e\xa7\x9b[v^\x9e\xceh\xec\xd6\xad\xdb\xc6\x8d\x1b\xd5j5,\x18~-\x90\x00*\xd1\xf5\xeb\xd7\xd7\xaf_\xbfs\xe7\xceG\x8f\x1e\x95\xfdf\xd9\xb6\xc3e\xef\x0f\xca\x16e\x83\tNNNc\xc7\x8e\x9d&gt;}\xbaP(\x84\x1c\x80=\x0b\xc1yyy\x01\x01\x01\x01\xb5jR\x94`\xee\xd81\x9dZ\xb5\xd2\xda$\x01\xa0\x0b`XV"\x16c8\xfe\xd3\xaf\x1b\xd6\xef\xde}\xfd\xfe\xfd\x0e-\xc2\x1f\xa6\xa5\xe7i\xb5\x7f\x1e&lt;\xd8\xb6m[\xac:v\x05\xd0\x93i\xb1XZ\xb5n\x9d\x9d\x9e^XZ:\xa8{\xf7_\x17\xfd\xa0)-\xb5\xe3\'\xe58\x8e\xe58\x89Xt\xe2b\xca\xe7s\xe7i\xf4\xfa\xfc\xe2b\xab\xd5\x1a\x1e\x1e\xbea\xc3\x86\x80\x80\x80j\x9c\x8f+\x1c\xdf\x83K\x85C\xc3&gt;w\xef\xde\x1d0`@HH\xc8\xe2\xc5\x8b\x1f=zD\x10\x04EQe\xa3:\xecs\xd082zd\xd1\xdc@II\xc9\xec\xd9\xb3;u\xea\x94\x9d\x9dM\x10\x04dh\x94\x1a\xef\xdd\xbb\xc7\xd0\xb4\xb7\xbb{\xa0\xafo\x93\xc0@s%\xcc\x00\xbf\x0c\x8e\xe3\x14I\x9a\xcdf\x8b\xd9\xfcEt\xd4\xda\xf9\xf3\xc6\x0e\x1d\xd2.$\xf4I^~\xfdZ\xb5\xbav\xe9\x12\x13\x13c\xb5X\xaa\xdf\xb2a4\x14\xb9k\xe7\xce\xabW\xae\x88%\xe2\xce\xadZ\x8d\x8c\x18@W\xdc\xd2\xdf7\x836y5\x9b-\xed\xc3\xc3\x0f$&amp;\xb4\x0b\r\xb5Z\xad\x01~\xbe\x17.\\h\xd1\xa2\xc5\x81\x03\x07\xd0\x8b\xc6\x9f\xe9\x99\xb7\x01\t\xa0\x82\xa1\xe6jii\xe9o\xbf\xfd\x86z\xa3h\x05\rZH\x89\xdaMeM~\x94-\xd0&lt;\x01*,Ao\x97@ 8u\xeaT\xb7n\xddJJJ\xd0\x1f\xb0\xf7\xc7\xb2\'\xf4\xf1/_\xbe\xcc\xb1lnAaFV\x96J\xa1\xa8\xa8\xfdg\xca\x0f\x85\x15MII\x90\xbf\xff\xf2ys\xeb\xd4\xaa\xd5\xe3\xddw:\xb5j)\x14\x08\x92\x92\x92BBC\x0f\x1e&lt;X\xcd\x96\r\xa3\xdeg\\|\xbcD$J\xcf\xcc\xa2H\xb2mh\xa8\xd1`p\x84^)\x8e\xe3\x06\xa3\xd1\xcb\xcdm\xd3\xa2\x1f6\xff\xf0}N^\xbe\xb7\xbb;k\xb5\xf6\xe8\xd1c\xf4\xe8\xd14MC\x85hy\xd8\xff\x8b\xacf\xd0\x92\xd1\x16-Z\xf4\xed\xdb\xb7,B\xa1\x9a\xb9\xb2Z \xa9T\xea\xee\xee^\xbbv\xed\xda\xb5k\xbb\xba\xbab\x18\x86\xfa\x01e\xe9\xc1j\xb5\n\x04\x82\xeb\xd7\xaf\x8f\x1a5\n\xe5\x0f{~$\xc7\xf0\xe0\xe1C\'\xb9&lt;\xb4qP\xdf\xce\x9dH\xfb\xb5@I\x92\xb4X\xad\xa5Y\xd9\x1f\xbf\xdf\xf3\x8f\xf8\xb8\x8c\xac\xecR\x9d.\xd0\xcf\xef\xc6\x8d\x1b\xdd\xbbw\x9f0a\x02*L\xac\x06]\x01\xd4+\xbdy\xf3\xe6\xb9s\xe7D"\x91X$\x1a;d\x88C\x95\xda\x10\x04a6\x9b\xb5z}D\xb7n\xab\xe7\xcdU\xcadZ\x83\xc1\xd7\xdb;..\xae]\xbbv\xd9\xd9\xd9\xe8\x8b\xb0\xf7e:4H\x00\x15\x0f\xbd#\xe3\xc7\x8f\xc70\x0cuE\x19\x86\x91\xc9d=z\xf4X\xbe|\xf9\xa9S\xa7\xee\xdd\xbb\x97\x9a\x9az\xe7\xce\x9d;w\xee\xa4\xa6\xa6^\xbbvm\xc5\x8a\x15!!!\xa8\xc7\x8d~\x88\xd5j\xa5(j\xeb\xd6\xadG\x8f\x1e\xe5\xf9\xe6\'$IZ,\x96C\x7f\xfe\x99UPp\xf8\xccY\x7f__\x8c\xa2X\xfb\x05"\x1c\xc7)\x8a\xd2\x19\x8d\x06\xbda\xcd\xbc\xb9\xb3\xc6\x8c)*)\xf1\xaaQ\xe3\xb3\xc1\x1f-[\xb6\xac}\x87\x0eG\x8f\x1eE]\x81*\x9d\xb9Q\x02X\xbf~\xbd\xd9l.\xd1h\x1a\x07\x04\xbc\x13\xd2\xdch4\xdaf\xde\xa5\x9cP\xb7Lo4\x0e\xe8\xd1\xe3\x97\x05\xf3\xdb\x87\x85e\xe6\xe4\xd4pq9s\xe6LHH\xc8\xc5\x8b\x17\xd1!?\x8e\x94\xb6\x1c\x0bL\x02W\n4y\xdb\xa2E\x8b\x0b\x17.4o\xde|\xc8\x90!}\xfb\xf6\xf5\xf3\xf3{\xc5_a\x18f\xee\xdc\xb93g\xce,\x0b\xf7h\xd1i\xaf^\xbdv\xed\xda\xc5\xdb\xd9`\xf4\xc1\xd3\xd3\xd3\x83\x82\x82\xda\x067\xcb\xca\xcb_6u\xca\xbbaae\xe7\x00\xdb\xd1\xdf\x05BNN\xc9G\x8fi\xf5\xba\xc9\x8b\x97\x14\x96\x96\x9aL&amp;\xb3\xd5:\xfa\xd3O\xbf\xff\xee;\xb9\\^E+zQ\xf4\xbfw\xef^\xf7\xf7\xde\xeb\xd2\xb2\xc5\xc9\x94K\x83{\xf6\xfcf\xdc\xd8\xd2\xa2"[V\x7f\x96\x1f\xcd0*\x85B\xa7\xd7\xcf\xf8i\xc5\x9e\xe3\xc7\x1f?}\xca\xb2\xac\x93\x93\xd3\xe2\xc5\x8b###1\xa8\xa9{\tH\x00\x95\x02\x15\x84\x1c?~&lt;;;{\xd0\xa0A\xcf\xcf\xfd\xe2\xcf\x94\xfda4\x1f\x80\xce\xa2\x9a0a\xc2\xb2e\xcbP\x0e@K\xc3\x9c\x9c\x9c\x1e&lt;x\xe0\xe2\xe2\x82\xc2\x8d\xfd&gt;\x93}\xa0;y\xf4\xe8\xd1n]\xbb6o\xd4H&amp;\x16m\xf8\xee;\xb5Je\xb5\xf7T$\x82\n\x84T\n\x05\x83a\xb3W\xac\x88\xdf\xba\x8daY\x83\xc9\xe4\xe9\xa2\xb6\x12\xe4\xe6\xcd\x9b[\xb7n\x8dU\xc1\x02!4}5q\xe2\xc4\x9f\x96/o\x19\x1c\xdc\xbbC\x87\xa8\xfe\xfdD\x02\xca\x91\xa3\x05\xba\xc92g\xe7\x1f\x93\x92\x16$&amp;I%\x92\xbc\xc2B\x9d\xc1\x00\x15\xa2\xaf\x00)\xb1R\xa0\xb7\xbd}\xfb\xf6\x1f}\xf4\x11\xdaA\x0c\x85x\xb4\xe8\x175\t\xcb\xa0\xdf\xc70\x8ce\xd9o\xbf\xfd\xd6\xc5\xc5\xa5,\xfa\xe38^RRr\xfb\xf6m\x8c\xaf\xfb^\xa1\x06\xca\xad[\xb7\xa4b\xb1\xbf\x8fOx\xe3&amp;NJ\xa5\xedg\x80_\x06\x15\x08i\xb4Z\xa3\xc10\xeb\xf3\xcf\xffX\xb5\xb2~\x9d\xda\x9f\x0e\x1a\xe8\xe5\xee\x91\xf9\xf4i\x87\x0e\x1d\xc6\x8d\x1bW\xaa\xd1T\xadY\x01\x8e\xe3(\x8a\xd2j\xb5\x9b7o\xc6p\xfc\xd4\xa5K\x05%%\xcennV\xda\xa1\xc7!\xd1L[i~\xfe\xd8\xa8\xa8}\xabVQ$\xa1\x94\xcb\x05\x02\xc1\xc1\x83\x07\xbbw\xef\x9e\x9a\x9aJQ\x94\xd5j\xad*\xdf\x82m@\x02\xa8Dh\xf4\x1f\xbdN\xff\xd9\xfdD\x15\x9fNNNm\xda\xb4\xc1\x9e\x15`\xa0\xff}\xf2\xe4\t\xf6,\x14\xf2\r\n\xf4g\xce\x9e\x15\t\x04\x0f32JuZ\xc9\xeb\x9c\x03l\x1b$I\xe2\x18\xa6\xd5\xe9\x9a\xd5\xaf\xff\xd7\xfa\xf5\xefw\xe8x\xe9\xd6-\x95B\xa1\x94\xc9~\xfc\xf1\xc7\xae]\xba\xec\xd8\xb1\xa3\n\xcd\n\xa0A\xf3\xbf\xfe\xfa+7\'G(\x10(\xe5\xf2\xd1\x03#,oz\xf2\x9a-\xa1\xe9\x99\xd2\xc2\xc2\xa0\x00\xff\xe4\xa4\xa4\xe7+D[\xb5ju09Y \x10T\x95o\xc16\x1c\xfd\x1b\xad\xd2\x08\x82@\xf5\x9d\xe5\xfc\xf3\xa8\xe2\xd3\xd7\xd7\x17{\x16\xf8\xd0\xffj\xb5\xda\xca\xbbH\x07\x87\xee@\xda\xe3\xc7j\'\xa7\x9a\x1e\xee\xcd\x1b6bX\xb6\xf2v!~\x1b\x04A\x18M&amp;\xbd^\xffnh\xc8\x1f\xabV\xbd\x13\x12RP\\\x1c\xd5\xaf_AVV\xff\xfe\xfdg\xcc\x98\xa1\xd5j\t\x82\xa8\x12u)8\x8e\xafZ\xb5\n\xc3p\x93\xc5\xd2\xed\x9dw|\xbc\xbd\xcd\x16\x8b\x83\xf4\xba\xfe\x13:\xeb\xad\xacB4;/\xdf\xc7\xd3\xb3\xb8\xa8\xa8{\xb7n\x13\'N,**\xaa*\xdf\x82\r@\x02p,h\xe4\xe7\x85\xdf\xacZ\xc3\xc7\x15\x08m\xa7\x91\x95\x95u\xf3\xd6\xad\xbc\xa2"\xa5L\xde64\x84\xa9\x84S\xa8*\n\x9a\xc8\xd1j\xb5\x1dZ\x84\'\xce\x9a\xb9}\xf92W\'UzN\x8e\x87\xab\xeb\x9c9s:u\xeat\xeb\xd6-\x8a\xa2\x9e_\xf8\xedh\xd0\xac\xf5\xf1\xe3\xc7\x0f&amp;\'7\x0e\x0cP\xc9\xe5\x03\xbbw\xc3p\xbcju?\t\x1c/\xab\x10]3o\x9e\x80\xa2j\xb8\xb8|\xfe\xf1\xc7K\x97.\xed\xd6\xb5kvv6:\x05\xc8\xde\x97i\x7f\x90\x00\x1c\x08jaeeea\xcf\x06|\xd0\xff\xa2\xb5\x02U\xa5\xfdU\x81P\x94\xbcr\xe5\nc\xb1\xd4\xaf];\xf9\xd4)\xb1P\xe8\xf8Ca$Ij\xb4:\x99D\xd2\xbfg\xcf\xc1\x1f|\x10\\\xbf~NAA]\x1f\x9f\x8b\x17/\x86\x86\x86~\xfd\xf5\xd7h\xe2\xc7a\x03\x10\x8e\xe3\xdf\xff\xf0\x03\x89\xe3Z\x83\xe1\xa3\x9e=;\xb4li\xac\xfc\xad\xff+\x1c\x9ai\xd3\x19\x8d\x03&gt;x\x7f\xe5\x8co~\x9a&gt;\xed\xf7C\x87\\\x9d\x9d/\xa6\xa4\x04\x07\x07\x9f=s\x06*D1H\x00\x8e\x03\xb5v\xcdfsJJ\n\xf6,\xf4\xa3\xd9\xe0\xbau\xebb\xbcL\x00\xe8&amp;\xdc\xb8q\x83 \x08\xa9D\xd2\xa9e\xcbZ\xee\xee\x96\xaa0\x16A\x92\x04\x87a%\x05\x05\r\xeb\xd6=\xbcv\xcd\x17\xc3\x87?\xcd\xce\x0e\xf0\xf55\x99L\xcb\x16-B\xf5\xc1\xa8+\xe0P\xf3\x19\xa8T\xe1\xd1\xa3G\xc7\x8f\x1d\x93\x88\xc5\x8f\x9f&gt;mV\xbf\xbe\xb3\xb3\xb3\xd5Qs\xd5\xab\xe1\x18F\x12DiA\xe1{\xad[\xf7\xe9\xdc\xf9\x8b\x11\xc3e\x12\x89\\*5h\xb5\xad\xdb\xb4Y\xb6l\x19J\x12\x0e\xf5\x15\xd8\x18$\x00G\x81b\xfdo\xbf\xfd\x96\x91\x91\x81\x96\x13\xa3\xa7\xd3\xcf\xcf/00\x10\xe3e\x02@\x1f\xf9\xf6\x9d;"\x81\xc0\xa3\x86[\x93z\x81l\xd5\xb9\t8\x86\t(\xcah4\n)\xea\xfb/\xbf\xd8\xb1\xe2\'\x82\xc0\xc3\x1a\x07E\x0f\x8c\xb8p\xe1B\xc7\x8e\x1d\xe7\xcd\x9b\x87*\x17\x1d\xe78 T\xa6\xbcv\xdd:\x8b\xc9\xc4q\\\xe3\x80\x80\xc1={\x184\x1a\xc7\xac\xfd/\'\x8a"5:\x9d\xd1h\x9c8r\xe4\xc4\x11\xc3\xfd}j\xe9\x8d\xc6\xf6\xe1a\x13&amp;L\xe8\xdc\xa5\x0b:\xda\xc1a{c\x95\r\xaab\x1d\x02\xc30\x14E\xe5\xe5\xe5M\x992\xa5l\x1a\x00\x8d\x12\x0c\x180@$\x12\xf1\xb3\x84\x19UF]\xbdz5\xd0\xcfO\xa3\xd5\xba\xbb\xba\x11\x14\xe5\x10\x91\xb2\xdc\xd0\x97h\xb1Z{\xb6o\xdf,00\xa7\xb0\xb0g\xec(\xb1H$\x13\x8b\xbe\xfe\xfa\xeb={\xf7\xfe\xb8|y\x8b\x16-0\x07X\xa9\x84\xf6\xa42\x99\xcd\xbf\xff\xf6\x1b\xc3qZ\xbd\xbe\x7f\xd7\xae2\xa5\xd2\xc6[\xffW\x064\x8bV\x92\x9f?6:\xda\xd7\xc3\xf3\xf4\xe5\xcb\x1999\x14E\x1d9|\xb8U\xabV\x1b6l\x08\x0b\x0bCk\xef\xf9\xd6\xcc\x82\x1e\x80\xfd\xa1f\xa0^\xaf\xef\xd7\xaf\xdf\xd3\xa7OQ\x99\x1a\xda\x02H\xa9T\x8e\x1d;\xb6\xech\x01^)[\x8cz\xfb\xd6\xad\xcb\xb7ogde7kP\x9f\xa9\n\xe3?/@\xbbWjJJ\\\x9c\x9c\x82\x1b6L\x9a=\xbby\x83\x06\xa5Z]]\x1f\x1f\x81\xd9\xd4\xb2e\xcbe\xcb\x96\xa1\xcd\xcb\xec\xdb\x0eE7\xfc\xbb\x85\x0b\x0brr\xe6\x8d\x1b\xf7^\xeb\xd6\x1f\xb4o\xc7\x98\xcd\xd5\xe6\xd9\x13PTin\xee\x07\xed\xdb}?y\x12\xc32\xb5\xdc\xddk\xb8\xb8\xdc\xbf\x7f\xbf[\xb7n\xbc\xad\x10\xad&amp;_m\xd5E\xd34I\x92\x85\x85\x85=z\xf48u\xea\x14\x1a\xfc\xc1\x9em*\xf7\xfd\xf7\xdf{{{\xdb\xbdmh\x17\xa8\x1b\xf4\xe0\xc1\x03\xa5LV\xdb\xd7\xd7h2\xb9(\x95,\xc3T\xb1\xf0\xff\x0c\x1ag\xd0\xebt=\xdb\xb7\xdb\xb3\xf2\xe7\xcf?\xfe8\xa6_\xbf\x9c\xa2"\x95\\&gt;a\xc2\x846m\xda\\LIA\xd3\x92v\x89A\xa8\x91a4\x1a\x7f\xf9\xe5\x17\xa3\xc5\xb2v\xe7\xceQ\x83\x066i\xd8Po4:l\xcd\xd5\x1b@\x9b8i4\x9a\xed?\xfd\xf4eddAQ\x91\xaf\xb7wIq1o+Dy\x17V\x1c\n\x1a\xd8y\xf0\xe0A\x87\x0e\x1dN\x9c8\x816\xff\xc10L \x10X\xad\xd6\x98\x98\x98\xd8\xd8\xd8*\xb7\x8b@EA\t\xe0\xea\xd5\xab\x12\x91\xc8E\xa5lZ\xaf\x9e\x87\x9b\x9b\xc5N\x07QU\x08T\xfc\xa3\xd5\xeb%"\xd1\xa2\xaf\xa7\xf7\xea\xd2YH\t\x08\x92T\xabT\x17.\\\x18\xd0\xb7\xef\x17_|\x81\nIm?-\x89\x9a\xff\xc7\x8f\x1f\x7f\xfc\xf8\xb1\xd1l~\x90\x91\xe1U\xa3\x06Ve\xd3\xed+\xa0\x85\xf8\x9a\x92\x92O?\x1atv\xcb\x16\x92 \xca*D\xbb&gt;\xab\x10\xe5\xcf\xb40$\x00\xbbA\xe3\xfeG\x8f\x1em\xdb\xb6\xed\x8d\x1b7P\x0b\x11-e\xb4Z\xadC\x87\x0e\x8d\x8f\x8f\x7f~\x7fP\xbeA\x81\xfebJ\x8a\xd5jU\xc9d\xbe\xde\xde\x98@\xe0 \x93\xa5o\x83$\x08\x96eK\xf2\xf2\xea\xf9\xf8\x1cZ\xb3zTD\x84\xd9l\xfezT,\xceqK\x96,\xe9\xd2\xa5\xcb\x85\x0b\x17\xec\x95\xf2\x7f\xdd\xb0A"\x12\xe1\x18\xf6~\xbbv-\x9a5\xd3;\xc6\xd6\xff\x15\x0e\r\xca\x95j\xb5\xe1M\x9b\xac\x9a1\xe3\xc7\xe9\xd3~KNvqrJII\t\t\t9s\xe6\x0c\x7f\x9a\\\xd5\xf0\xdb\xad\x12P\xbb&gt;..\xaek\xd7\xae999\xa8\x14\x04\x95\xfd\xd04=f\xcc\x98\xf5\xeb\xd7\xa3^y\xd5m\xf0\xbe%\x82 \xacV\xeb\xd3\'O\xf2KJr\x0b\x8b:\xb7nEW\xc1\t\x80\x7f\x85\xce\xfc\xd1\x1b\x0c\xae*\xd57\xa3G\xdd?\xf4\xa7\xc9dN\xcb\xcc\x14\x89\x84\x87\x0f\x1fn\xdd\xba\xf5\xa2E\x8bL&amp;\x93\xcd\xc6\x82\xd0Y\x14\xe9\xe9\xe9{v\xef6[\xad\x0c\xcb~\xf4~Ot\xfa\xaem.\xc0.(\x92\xd4\x94\x96vj\xd9\xa2o\xe7\xce\xdf~\xfa\xa9\xb3R)\x14\n\xb3\xb3\xb3\xdf}\xf7]\x1b\xdf\x7f;\x82\x04`\x07(\xfa\xcf\x9c9s\xf4\xe8\xd1(\xee\xa3\xdfA\xe3\xbf\xdf\x7f\xff\xfd\x8f?\xfe\x08\xe7\x9a\xfe\x8d\xe30\x0c\xd3\xea\xf5V\x9a\xaer\xebQ\xdf\x98\xd5j\xb5Z\xad\x18_7\x80\xb2;\xfe\xdc\x7fH\x00\xb6\x86b\xfd\xdc\xb9sg\xcd\x9aU\xb6\t(\xea\x01\xb8\xb8\xb8\xec\xd9\xb3\xe7\xab\xaf\xbeBcA&lt;\x8f\xfe,\xcb\n\x04\x82\x9a&gt;&gt;nNN\x01\xbe&gt;\'.\\\xa4\x04\x02\xacZ\xbc\x90\xe8\xd07\x99TZPZ:gU\\`\x97\xf7\xc4b\x91\x9f\xb7\xb7\xd9l\xe9\xdc\xb9\xf3\x993g\xa6N\x9d\xaaP(l\xd6\xffCM\x10__\xdf^\xbd{\x8b\x04\x02\x92 6\xff\xb1\x0f\xc7\xf1\xeaq\xb7_\x86f\x18\xa5Ju\xe4\xdc\xf9\x9d\x87\x0f\xcfZ\xb9\xb2X\xa3\xb1X,\x9e\x9e\x9e\'N\x9c\xb0\xf1\xfd\xb7#H\x006\x85\xa2\xff\xce\x9d;\xbf\xf9\xe6\x1b4\xd7\x84\xf6\ne\x18\xa6^\xbdz\'O\x9e\xfc\xe0\x83\x0f\xd0\xccp\xb5\x7f\xf2\xfe\x13j|\x85\x85\x86\n\x04\x82b\xad.-3\x13\xab\xca3\xc0e\x18\x96%\x08\xc2\xa9F\x8d{\x19\x19]"\xa3\xe2\xb6m\x13\x89Ds\xe3\xe29\x1c\x9f8q\xe2\xa1C\x87\xc2\xc3\xc3\xed5\t9t\xc8\x10\xa3\xd9\xcca\xd8\x1f\x7f\xfdu\xfe\xeaU\x99TZ-\x87A\xcaNq\xb8p\xed\xfa\xe8\xd9\xb3\xc7\xce\x9b\xdf\xbfk\xd7\xc2\x92\x92\xd0\xd0\xd0K\x97.\xb5n\xdd\x1a&amp;\x81A\xc5Cc\xfa\xc5\xc5\xc5\x9f~\xfa)\xaa8FKoh\x9a\x0e\t\t\xf9\xeb\xaf\xbf\x1a4h\xc0\xcf\x05_\xff\n\xc5\xfaf\xcd\x9a\x19\xcd\xe6"\x8d\xe6\xda\xbd{9\xf9\xf9\xc2\xaa&lt;\x0f\x8c\xf6\x80S\xc8dF\xb3\xf9\xcb\xb9\xf3\xf6\x1c:l\xa1\xad,\xc3\x14\x95\x96\x86\x87\x87o\xdf\xb9s\xf1\xe2\xc5h\x18\xd0\xf6\x93\x90h\xcd]\xfb\xf6\xedk\xd7\xae-\x11\x89\xfc}|\xb2\xf2\xf20\x92\xac\xaa\xf7\xfa\xe5\x18\x96e9N\xe9\xe4\xb4r\xf3\x96V\x83\x061,\x9bWX\xb8b\xe3\xc6\t\x13&amp;$\'\'{zz\xa2\xcal{_\xa6\x8d@\xac\xb1\x1dT\xf6\x93\x94\x94\x94\x93\x93\x836#D]\xefF\x8d\x1a\x1d&lt;x\xd0\xd5\xd5\x15\xfd\x01{_\xa6\xa3@\t\xc0\xdf\xdf_\xa3\xd7\xeb\r\x86\x86\xfe\xfe\x85\x1a\x8d\xabZ\xcd\xd1tU\xec\x050\x0c#\x14\n\x85"\xd1\xbec\xc7\x17$&amp;^\xba}\xbb\xa6\x87\x87\x87Z\xfd0\xe3\xc9\xd2\xa5K?\xff\xfcs\xf4H\xd8\xeb\x01@[\xe2H$\x92a\xc3\x86\xad\\\xbe|D\xdf\xbeq[\xb6\xfayy5\xa9W\xcf`2U\x9b\xa5\x004M+d2B \x180f\xcc\xa5\x9b\xb7\\\xd5\xea\xf4\xccL\xb5Z\xbdq\xd3\xa6n]\xbbb\x18\xc6\xb2,\xaf\xdeA\x1e}T\xbbC\'\x16m\xd9\xb2\xa5\xec\xb4/\x8e\xe3\xe4r\xf9\x8e\x1d;\\]]\xa1\xed\xff\x02\xd4&amp;\xadW\xaf^\xc3F\x8dd\x18V\xc3\xd5\xe5\xea\x9d\xbb\r\x03\x039\x93\xa9jU\xa7p\x1c\x87\x9a\x9c\x99YY9\x85\x85\xd13f\x94\xeat*\x85\xfcaF\x86\x8b\xa7\xe7\xb9s\xe7\xca\xb6\x82\xb0\xef\x03\x80n\xf8\xe4)S\xb6m\xdd:}\xf9r\x0c\xc3\xda4o\x1e\xdc\xa4\tk0\x10\xd5\xa2El\xa5i\'w\xf7\xdd\x7f\xec;}\xf92I\x90Orsi\x9a\x0e\x0c\x0c|~+\x88jY\xf6\xfa\n\xfc\xfa\xb4v\x84\xaaz233\xef\xdc\xb9\x83\x86\x02P&gt;\x183fL\xbdz\xf5\xd0\xc3g\xefkt8\xe8\xa65k\xd6\xec~Z\x9aR\xa1\xc8-\xc8g\xabZ\xf3\x1f\x85u\xb9T\xba\xef\xf8\xf1N\x91\x91\xa3g\xcd\x1a\xd4\xb3\x87\xc9l\xd6\x9b\xccs\xe7\xce=}\xeaT\x8b\x16-\xd0T\x90\xddC\x0f\xea\x04\x88E\xa2\x0f\xfb\xf7\'q\\!\x93\xfd\x96\x9c\xac\xd7h\x04U?\xfa3\x0c\xc3\xb2\xac\x93\x9b\xdb\x8fII3\x7f^\xb1x\xdd\xba\xdc\xc2\x02\x9a\xa6;u\xee|\xf6\xec\xd9\xb0\xb00\x9a\xa6\xd1V\x10\xf6\xbeR[\x83\x04`#h\xe4:--\xcdh4\xa2\xe7\x0c\x15\x80~\xf4\xd1G\xfc\xdc\xe9\xa1&lt;\xd0Mk\xd8\xa0\x81\xd9j\xcd\xc9\xcb\xbf~\xef&gt;Qu&amp;\x008\x0c\xb3\xd2\xb4D"\xb1\xd0\xf4\xa4E\x8b\xfb}&gt;\x86e\xb9\x8b7n&amp;m\xdd\x16\x1e\x1e~\xf4\xe8\xd1\xe9\xd3\xa7\xa3\xea\xaf\xd7:6\xaeR\xa1N\xc0\x88\xe1\xc3\x85b1\x8e\xe37RS7\xed\xdb/U*\xe9\xaa&lt;)J\xd3\x8cR.\x97H$K\x12\x12\x96\xac]\xf7 \xe3\x89L"9~\xe1\xe2\xd2\xa5K\x0f\x1f:\xa4V\xab\xf9&lt;\xf4\xca\xd3\x8fm/\x05\x05\x05\xd8\xb3\xd7\x8ceYww\xf7\xda\xb5k\xa3\xffk\xefKsD(,6n\xdc\x98eY\x83\xd1x\xe4\xdc\xb9\'\xb9\xb9\x1e\xae\xaeV\x87/\x07b\x18\x96$\t\'W\xd7\xeb7oF\x7f\xfd\xcd\xc5\x9b7\xeb\xfa\xf8\xa4\xa6\xa7\x8b\xc5\xe2\xf1_|1w\xee\\\xec\xd9F \x0e5\xdf\x88&amp;\xa5\xea\xd4\xa9\xd3\xbeC\x87\xc3\x7f\xfeY\xbbf\xcd\xabw\xef\x16\x17\x17\x8b(\xaa*&gt;\xa2\x1c\x86\xb1,\xabru\xf9\xf3\xd81\x8dN\xb7x\xed:\x8b\xd5\xaa3\x18\xdc\xdd\xdd\x93\x0f\x1dj\xd5\xba5\xeab:\xd4W`c\xd0\xf0\xb4\x11\xf4\xfe\x98\xcdf\xea9\xee\xee\xeeR\xa9\xd4\xde\x97\xe6\xb8P\xc7(88\x98\x14\n\xef&gt;~\xdc\xf5\x9dwLUa10\xc30J\x85\\o4\xfe\xb6o\xdf\xa6\xbd{\xaf\xdc\xbd\xeb\xe1\xea\xfa0##,,,%%e\xee\xdc\xb9(\xfd;l\xab\x93\xe3\xb8I_}\xc5p\x9cB*\xdd\xbco\xdf\xb1s\xe7$R)S\xd5\xeaAQ\x95\x9d\\"\xd9\xbe\xf7\x8fOg\xcf\x193o\xfe\x87]\xba\x14\x14\x17\x87\x85\x86^\xb9r\xa5U\xeb\xd6\xa8\n\xc3\xf1\x1f\xa7J\x05\t\xc0\xa6\x8cF#M\xd3f\xb3\xd9b\xb1\xd04]ZZ\x8ab\x1c\xcf\x9f\xc2\x97A\xc5\xb2^^^A\x8d\x1a\xd5P\xab5z\xdd\xc9\x94K\xa4P\xc8:jk\x14\x15q*\x14\x8ac\xe7/\xc4|;s\xc0\xb8\xf1\x05%\xa5\xbe\x1e\x1e9\x05\x05\xdf|\xf3\xcd\x91#G\x1a5j\x84V\xf99\xec\xa0\x1fZ\x91\xde\xbe}\xfbn]\xbb\xde\xb8\x9fZ\xaa\xd3m=p\x10\xe3\xb8\xaa\xf5\x80\xb2\x1c\'\x12\x89\x142\xd9\xb6\x83\x07#\xa7O\xb7\xd2tY\xad\xe7\xc1g\xb5\x9e\x0e\x9b\x80m\tn\x81\x8d\xa0\x17&gt;44t\xe6\xcc\x99(\xdcs\x1c\xe7\xee\xeen\xef\xebrt\xa8\xe7\xe4W\xbb\xf6\xd1{\xf7\x9e\xe6\xe4^\xbe}+\x9a\x88p\xcc\x15\xaa,\xcbJ\xc4b\x82$O\xa4\\z\x7f\xf4h\xb1H\xe4\xea\xec\xbcz\xc7\x8e\x16\xe1\xe1\xdf-[\xd6\xaf_?\xcc\x01J}\xca\x89\xe3\xb8\xd1\xa3G\x1f\xd8\xbf_,\x14\x1d&lt;u*#3\xd3\xb3\xeal\xc5J3\x8cD$\xca\xca\xcf\x9f\xb6d\xe9\xe6\xfd\xfb\x03\xfc|S\xd3\xd2]\\\\6l\xdc\xc8\xcfZ\xcfW\x80\xbb`#(\x01\x04\x05\x05\x05\x05\x05\xd9\xfbZ\xaa\x12\x94\x00Z\xb7ju`\xef\xde\xba&gt;&gt;*\xb9\xc2\xa8\xd7;\xda\xa0-\xc30\x04I*\xe4\xf2\x94\x9b7\'|\xf7]\xcb&amp;MB\x1a5:s\xe5\nIQc\xc7\x8e\x9d=g\x8eJ\xa9D\xcb\x8b\x1c\xb6\xe1\xff&lt;40\xd2\xae];w\x0f\x8f\x82\xfc|\x83\xc9\xb4j\xeb\xb6\x85S\xa7\x18\x0b\n\x1c\xfch0t\xc6\xb2\xca\xd5\xf5\xf2\x95\xab\x1f}\xf5\xa5\xce`\x14\x08\x04\xa9i\xe9\xe1\xe1\xe1\x1b6l\x08\x08\x08\xe0g\xad\xe7+@\x02\xb0\xa9\x7f\x1e\xf7\x01-\x91WCM\xceF\x8d\x1a\x19L\xa6\x07\x19\x19\xd9y\xb9%\x1a\x8dZ\xa5\xb2\xd2\xb4#\xb4F\xcb6\x15`0\xec\xdb\x15+\xe2\xb7ncX\xf6\xf2\xed;\x9e.j\xef\x9a57o\xde\xdc\xbauk\xec\xd9\x1a@{_ly\xa1-i\x15\n\xc5G\x1f}\xf4\xd3\xf2\xe5\xef\x84\x84\xb8:9\x15\xe7\xe7\x8b\x04\x94Cv\xbd\xfe\x86\xea\xa9Tnn?&amp;%-HL\x92J$\x1a\x9d\xcej\xb5v\xeb\xd6m\xe3\xc6\x8dj\xb5\x1a\xd5z\xda\xfb2\x1d\x0bdB\x9b"\x08\x025@\x90*\x14\x14\xec\x05E\xf9\xbau\xeb\x8a\xc4b\xb5RQXRz/-M \x14:BQ\nZ\xcd\xa7rqI&gt;uzgr\xf2\x86={M\x16\x8bV\xa73\x18\x8d\xef\xf5\xea}\xeb\xd6-\xb4\xab\x0c\xda\xf0\xc3\xde\x17\xfbzPe\xda\xc8\x91#kz{7\xa8S{\xf5\x8e\x1d+6l\x94*U\x0e[\x0fJ3\x8cR\xa1\xe08n\xe2\xac\xd9?n\xdc\x94WT\xf4\xe8\xc9\x13J(\\\xbdz\xf5\x81\x03\x07\xd4j5\x0c\xfb\xfc+H\x006\x85*\x13\xca\x12\x00\xaa\x06\xb1\xf7E94t\x97&lt;==\xbd\xbd\xbd\x0f\x9c&lt;e\xb2X\xf4F#\x8bav\x0f\xffhO7\x8e\xe3f/\xffq\xc8\xa4I\xe3\x16,\xec\xfen\xdbR\xad\xb6^\xc3\x86G\x8e\x1cY\xf9\xf3\xcfr\xb9\x1c-\xf7s\x84\x9e\xca\xebB\xf5\xa0\xf5\xeb\xd7\x1f0hP\xe2\xf6\xdf\xee&gt;~\xbc\xf7\xf8q\xa3V\xeb\x80C@\x7f\xd7z:9]\xbcq\xa3\xf7\xe7c~\xda\xb8Q\xab\xd7\xb3,\xeb\xe9\xe9\xf9\xe7\x9f\x7fFFF\x96\xbdt\xf6\xbeRG\x047\xc5v\xca\x0exy\xf2\xe4\xc9\xb5k\xd7\x9e&lt;y\x82\xaaA\x1c\xa11\xeb\xc8\xd0.:]\xde{\xcf\xcb\xd5\xb5s\xebV\x0f\xd2\xd31\x9a\xb6\xe3\xee4\x1c\xc7\xd14-\x97H\xa42i\xe4\xf4\xaf\xbf\xfd\xe9\'\xb5\x93SV^\xde\xcf\x9b6\x8f\x1f?\xfe\xf8\xb1c\x1d;v\xa4i\xba\xaa\x07\x1d\xf4d~\xf2\xc9\'"\x91\xc8I\xa9\xbc\x91\x9az\xea\xd2e\x89D\xe2P\xf5\xa0(\xb8\xcb$\x92\xed\xfb\xf7\x0f\x9b:\xed\xf8\xc5\x8b\xde\x1e\x1ey\x85\x85\xad[\xb7\xbet\xe9\x12Z\xe2\x0b\xb5\x9e\xafP\x85\x1f\xd0\xaa\x05\r\x17\\\xbf~\xfd\xbd\xf7\xdek\xd0\xa0Appp\x83\x06\r\xbaw\xef~\xf3\xe6M\xb4)\x90\xbd/\xd0\xd1\xf9\xd7\xad[\xa2\xd3\xa5\xdc\xb8\xb9\xf3\xf0\x11\xc6~\xb7\x8ba\x18\xa1@\xa0\xf2\xf2\xdc\xf8\xc7\xbe\xf7cG\xf9xy\xaa\xe4\xf2\xfbii\x8d\x1b7&gt;p\xe0\xc0\xd2\xa5K\x9d\x9d\x9d\xd1\x88\x7fU\x0f:(\x01\x04\x05\x05\xb5l\xd9\xd2l6\x9b\xcc\xe6\x1f7lp\xa8P\xca\xb2lY\xadg\xd4\xf4\xaf5z\xbdB*M\xcf\xcc\x1c5j\xd4_\x7f\xfd\xe5\xe9\xe9Y\xb5\xa6^\xec\x02\xee\x8e-\xa0\xf8\x9e\x9d\x9d\xdd\xa5K\x97\xbc\xbc&lt;\xf4\x9bz\xbd\xfe\xe0\xc1\x83\x97/_\xber\xe5\x8a\xa7\xa7\'l\x08\xf12(\xe64o\xde\x1c\'\x08wW\x17\x95\\Q\xaa\xd5*e2\x9aal\x19\x8e\xd0\xaaQ\xa5\x93\xd3\xe5\x1b7~\xd9\xbd[\xadP\xee?q*3\'\xd7b\xb5FGG\xaf\xfc\xf9g\x81P\x88J}\xaa\xdc\x88\xff\xcb\xa0grTl\xec_\x7f\xfd\xe5\xeb\xedE3\xcc\xc9\x94\x94V\xcd\x9b\x1b\x1d\xe0\xac`\x8e\xe3\xa4\x12\xc9\x93\xdc\xdc\xe7k=\x9d\x9d\x9d\xf7\xef\xdf\xdf\xbd{w\xec\xd99K\xf6\xbdH\xc7\x07\x11\xc7\x16\x18\x86\xc1q|\xdb\xb6myyy"\x91\x08\x7fF$\x12\xe5\xe5\xe5m\xda\xb4\t\xadx\xb2\xf7e:(\x14k\xea\xd5\xabGRTfn\xee\xfd\xf4\xf4\xeb\xf7\xef\x8b\xc4b\x9b-\x07\xe38\x8ef\x18\x91H$\x14\x89\x16\'\xad\x1e1m\xfa\x8f\xbfn\xf8\xebRJ\xad\x1anw\x9f&lt;I&gt;t(11Q \x14V\x8f\x86\xff\xf3\xd0\xa2\xb0&gt;}\xfb6\x0b\x0e6\x19M\x87\xcf\x9eM\xd8\xb6\x9d\xb2\xf7\xb6\x10\xa8\xf2J$\x12\x1e\xbfp\xa1{\xcc\xc8\xbfRR\xcaj=\xcf\x9f?\xdf\xbd{w\x18\xf4/?\xb8G\xb6s\xe7\xce\x1d\xb4\xe1"\xf7\x0cJ\x0c7o\xde\xc4`1\xf0\xcb\xa1!2\xa5R\xe9\xe9\xe9y\xe9\xd6\xed\xa79\xd9\xc5\xa5\x1a\x9be\xcb\xbfK}\x14\x8a\xac\xfc\xfc=G\x8f~\xb5hQVA\x81\\"9v\xfeB\xe7\xf7\xdf\xbfs\xebV\xdb\xb6m\xcb\xce\xf6\xb1\xd5E\xd9\x08j\x97\x88\xc5\xe2\xc9\x93&amp;\xe5\x16\x15I\xc4\xe2#\xe7\xcf\xa7?y"\x12\x89\xec\x95\x03\xd0Q\xf5J\x17\x97\xad\xfb\x0f\xf4\x193\x96aY\x8dV\x8bj=\x0f\x1c8\x10\x10\x10\x00\x83\xfe\xaf\x05\x12\x80-\xa0\xc7\xd1j\xb5\xfe\xf3\xb5A\xc7\xc3\xda\xe3\xa2\xaa\x12\x86a\xc4bq\xc7N\x9dj{y\xb5\x0e\x0e\xbet\xeb\x16\x8ea6x\xc5i\x9a&amp;)\n\xc7\xf15;~\x0f\x8f\x18\xb8\xeb\xf0\x91\x9e\xed\xda\x15\x14\x15y\xd6\xac\xb9u\xcb\x96\xd5II~~~hW\xd7\xea\x1aq\xd0\xa6\xe5={\xf6tww\xb7X\xad\xd9\xf9\xf9\xc9\xa7O\x8b\xec\xb45\x10j0Q\x14\x15;e\xea\xb8\x05\x0b\xdd\xd4\xea\xd4\xf4tJ$Z\xb3f\r\xd4z\xbe\x19H\x00\xb6\x80\xe2\xbe\xa7\xa7\xe7\x0bG\xbd\xa3\xff\xeb\xed\xed]\xf6g\xc0+\x84\x85\x85\xe5\x14\x16r\x18n0\x9btZm\xa5\xb6\xb8Y\x8e\xe38N\xa5v\xe60,b\xc2\xc4Q\xb3fI\xc4\xe2\x8d\x7f\xfcq\xf6\xca\x95\xbe}\xfb\x9e;w.b\xe0@\xb4\xcb|\xf5k\xf8?\x0fu\x02\x14\n\xc5\xfb\xef\xbfo\xb1X\xc4"\xd1O\x1b7iKK\x05\x14e\xcb\xe7\x15\x15L+\xe5r\x99L6l\xf2\x94\x84\xed\xdb5z\xfd\xe3\xa7O\x83\x83\x83\x8f\x1e=:b\xc4\x08\x18\xf6y3p\xbfl\x01=\x97\xbdz\xf5B\x15\x84\x02\x81\x80$It\x04 \xc7q}\xfb\xf6-\xfb3\xe0_\xa1\xacY/0\x90a\xd9\'YYWn\xdf\xd6\x1a\x0cd\xa5U\xd02,+\x16\n\xc5R\xe9\x9c\x9fV,Y\xb3Fk0\xc8\xa4\xd2\x8c\xac,oo\xef\xe5+W\xfe\xfe\xfb\xefh\x13\xf9\xaa\xb2\xb5C\x85\x18\x19\x1b\xcba\x98P \x10\x0b\x85g\xae\\\x11\x89D\x9c\xad:\x01,\xc7\x11\x04\xa1P\xa9Vn\xd9\xd2\xfb\xd3Okzx\xa8\x14\n\x9a\xa6\xdb\xb4is\xe4\xc8\x91\xe0\xe0`\xab\xd5Z\x8d;a\x95\x8a/\x8f\xaf}\x11\x04\xc1\xb2lxx\xf8\x9c9s\xd0\x98\x0f\xc304Mc\x186\x7f\xfe\xfcV\xadZA\t\xd0\xab\xa1\x9b\xe3\xef\xef/\x93\xc9\xac\xb4\xf5\xfa\xfd\xfb\x97n\xdf\x16V\xc2&lt;0\x1a\xd9P\xc8d\x0f22\xfa~\xf6\xd9\xb2\xf5\xbf\xceOLrQ\xa9J4\x9a\x11#F\\\xb9r\xe5\xe3\xc1\x83\xab\xe8\xe2\xde7\x86\xa6\x82\xc3BC;v\xea\x84q\\\xb1V3/&gt;\x81\xb1U\t\x16\xc30"\xa1\x90f\x98\xc5II\xdf\xfc\xf8\xd3\x9ec\xc7\x8f\x9c;g\xb1X\xa2\xa3\xa3\x8f\x1f?\x8e\x8ana\x83\x877\x06\x15\xe8\xb6\x83\xa2\xfc\xf9\xf3\xe7\xf7\xee\xdd\x9b\x9d\x9d\xed\xe9\xe9\xd9\xbbw\xef\xb0\xb00\x88\xfe\xe5\x81\xfa\xf8m\xdey\xe7\xc2\xb9s}:w\xfe\xec\xa3Am\xc3\xc3\xcd\x15z^9\xcd0*\x85\xa2\xa8\xa4\xa4X\xa3\x19=k\xf6\xa1\xb3g}\xbc\xbc2\xb2\xb2\x9c]\\\x92\x12\x12&gt;\xfc\xf0C\xec\xd9).\x15\xf5/V\x15\xa8\xbb\x93\x92\x92\x12\x16\x16&amp;\x12\n\t\x1c?\xbanmx\x93&amp;:\xbd\x9e\xac\xccG\x97\xe38\xb1X\xac\xd1\xe9\x96\xae\xfbeARR\x9d\x9a5S\xd3\xd3er\xf9\xfe\xfd\xfb\xdfm\xdb\x16UR\xc0\xbb\xf36x\xf7(\xdb\x11\xea\x07\xb4h\xd1\x02\x1d\x02\x8e@\xf4/\'4\xbf\xd7\xbe]\xbbG\xf7\xee\xe18~\xf0\xd4\xa9\x0e\xe1\xe1f\x8e\xab\x90\x03\xe2Q3H\xa5R]\xbays\xee\xaaU\xa7/_\xf9l\xf0\xe0\x93))\x19YY\x91\x91\x91\xf3\xe6\xce\xf5\xf0\xf4D\xeb\x00x\x18\xfd\xb1g\x9d\x80\xe6\xcd\x9b\x87\x87\x87\xdf\xbey\xd3`4\xae\xdb\xb9+&lt;8\xb8\xf2\xf6\xe5\xe6\x9e\xb5L\x9f\xe4\xe6\xc6o\xde\xf2\xdd\xea\xd5\xfe\xbe\xbe\xa9\xe9\xe9\xe1\xe1\xe1\x1b7n\xf4\xf7\xf7Gs\xef\xf0\xee\xbc%\xb8}6\x85r\x00M\xd3h\x08\x08\xa2\xff\xeb\xaa[\xb7\xae\xc1d**)9{\xf5\x9a\xd1b\xa9\x90\xbb\x87\x1a\xf5b\xb1\xf8\x97\x9d;;\x8d\x18q\xed\xde\xfd\x12\xadv\xee\xaaU&gt;~~\x89II\xabW\xaf\xf6\xf0\xf4\xac\xde\xa5&gt;\xe5\x81\x9e\xd5\x01\x03\x06\xe8\x0c\x06\x16\xc3\xf6\x1c;\x9a\x9e\x91QI\xf5\xa0\xa8\xd6S\xa1V\xef9z,\xb8O_\x8a"\xeb\xd4\xac\xf9 ==::\xfa\xf0\xe1\xc3(\xfaW\xd1M\x96\x1c\rD\x1f[C\x9b\x80\xa2I`\x88\xfe\xe5Wv\xa2\x0e\x86\xe3\xceJe\xb3\x86\r\n\x8b\x8b)\x92|\x9b\x00\xc4\xa2\xcd\x9c\x9d\x9duF\xe3\x88i\xd3\x87O\x9d\xe6\xacT\xe5\xe4\xe7[i\xbao\xbf~\xa7\xce\x9c\x89\x8e\x8aB\x13\xf5\xfc\x19\xf1\x7f\x19T\x0f:l\xd80\xa5J\xe5\xa2T\xd6\xf3\xab\xbdz\xc7\xef\x82J8\x9d\xed\x7fj=\xe7/pR)\xe7\xc5\'\xd0\x187\xf1\x8b/\x12\x13\x13\x15\n\x05\x8a\xfe\x15\xfb\x8f\xf2\x16\xcc\x01\x80\xaa\x01-\xc8*..\xf6\xf3\xf3\x13S\x14\x86ak\xe7\xcf\xeb\xde\xae\x9dV\xab}\xb3ahtn\x14EQ\xbb\x8e\x1d+(,\x9a\xf8\xfdwr\xa9,\xb7\xa0@\xadVo\xd8\xb0\x01m\'\x00\xb1\xe6y\xe8n,Y\xbat\xf2\x97_\x92\x14\xa5\x92\xcbo\xee\xd9\xad\x90J+jO\x0e4\xa6\xaf\x90\xc90\x82\x18</t>
        </is>
      </c>
    </row>
    <row r="466">
      <c r="A466" s="1" t="n">
        <v>464</v>
      </c>
      <c r="B466" t="inlineStr">
        <is>
          <t>color_number_hexagon</t>
        </is>
      </c>
      <c r="C466" t="inlineStr">
        <is>
          <t>What is the missing number of the part denoted with a question mark?</t>
        </is>
      </c>
      <c r="D466" t="inlineStr">
        <is>
          <t>['8', '3', '1', '9']</t>
        </is>
      </c>
      <c r="E466" t="inlineStr">
        <is>
          <t>9</t>
        </is>
      </c>
      <c r="F466" t="inlineStr">
        <is>
          <t>There is a hexagon split into six parts with the colors ['purple', 'yellow', 'blue', 'purple', 'blue', 'yellow'] in an anti-clockwise order. The parts are denoted with the numbers [7, '?', 4, 4, 7, 2] respectively.</t>
        </is>
      </c>
      <c r="G466" t="inlineStr">
        <is>
          <t>We observe that the numbers in the blue parts add up to 11. Similarly, the numbers in the purple parts also add up to 11. Thus, the pattern is that the numbers in the parts of the same color add up to 11.</t>
        </is>
      </c>
      <c r="H466" t="inlineStr">
        <is>
          <t>Based on the pattern that the numbers in the parts of the same color add up to 11, the missing number of the yellow part should be 9.</t>
        </is>
      </c>
      <c r="I466" t="inlineStr">
        <is>
          <t>b'\x89PNG\r\n\x1a\n\x00\x00\x00\rIHDR\x00\x00\x02\x00\x00\x00\x02\x00\x08\x02\x00\x00\x00{\x1aC\xad\x00\x00\x8b\xd9IDATx\x9c\xed\xddw|\x94U\xd6\x07\xf0[\x9e\x99dj&amp;\xa1\x88,\x16\x9aXxY\x05\xd7\xb5\x01V\xb0WP\x04\x01\xdd\xb5lq\xdd\x00\xb2\x82\x08\n\x08\x82J\x11t\x15A\xa5%\x94 \x1b\x01A\x82\x82\x01\xb1 E\x11T\x0cE\x8a\x10Z\x92I\xa6$3\xf7\x9e\xfb\xfeq\x931\x04\xc5\x04\xc8\xcc33\xe7\xfb\xc9\xe7\xfd\xbc\xdbp\xc8\xcc&lt;\xe7&gt;\xf7\x9e\xe7w\xa8R\x8a \x84\x10J&gt;,\xd6/\x00!\x84Pl`\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14\x16\x00\x84\x10JRX\x00\x10B(Ia\x01@\x08\xa1$\x85\x05\x00!\x84\x92\x94\x11\xeb\x17\x80bI)\xa5\x94\x8a\xf5\xab@1C)\xa5\x94\xc6\xfaU\xa0\x98\xa1\xf8\xfdOZB\x08\xc3\xc0\x15@\xb2\x13Bp\xce\xb1\x0c$\',\x00I\n\x00\x18c?\xfc\xf0\xc3?\xfe\xf1\x0f\xc6\x18\x00\xc4\xfa\x15\xa1\xa82\x0cC\x08\xf1\xc8#\x8f\xf4\xec\xd93\xd6\xaf\x05\xc5\x0c.\x00\x93\x8e.\xf9\xc1`p\xdc\xb8q\x1e\x8fg\xd5\xaaU\xb1~E(f.\xbc\xf0\xc2\x9f\x7f\xfe\xf9\xa6\x9bnj\xdb\xb6\xadR\x8a1&lt;\x14L.x\x07\x90t\xa4\x94\x9c\xf3\x193f&lt;\xf4\xd0C\x94R\xcey\xe43\x80\xdf\xffd\xa0@)R\xf9\x8es\xceC\xa1P\xef\xde\xbdg\xce\x9c\x89[\x82I\x08\x0b@r\xd1\xa7\xbe^\xaf\xf7\xc2\x0b/&lt;r\xe4\x08\x00\xe0\xe6O\x92\xb3Z\xadR\xcaU\xabVu\xec\xd8Q/\x0eb\xfd\x8aP\xf4`\xc1O.\x00\xc09\x1f:thaa!\xe7\x9c\x10\xa5\xfb@\x00\xe0\xc6k\xee\xb9\xe5\xc6\x1e&gt;\x7f)gx\tHL\x00`\xb3\xd9\xbf\xff\xf1\xebw\xb3_\x01P\x84\x00\xa5T\x08\x01\x00\x99\x99\x99\x9f}\xf6\x99\xc5bQJ\xe1\x81p\xf2\xc0;\x80$\x02\x00\x94\xd2\x1f\x7f\xfc\xb1m\xdb\xb6\x00\x10\xe9\x01\xa5\x94)\x05\r3\xce\x98\xfe\xfa\'.g\x9a\x10!Jq/(\x01\x01H\xa73\xed\xc9A\xf7\xac\xdb\xf8\tc\x1c@\x12B(%\x8cq)\xe5\xf4\xe9\xd3\xfb\xf6\xed\x8b7\x01I\x05\x0b@\x12\xd1\xdf\xed\xae]\xbb\xe6\xe5\xe5Y,F8,.\xbb\xf8\xdc\x03\x87K\xf7\xed/\xe2\x9c\x0b!o\xbe\xe1\xfe\x81O\xbc\xec--\xe2\xdc \x04?\x18\x89\x84J)\xdc\xee\xf4\x0f?\x9e\xff\xf2\xe4\x81\x8c1\xa5\xc0j1\xae\xb9\xbc\xf5\xf2\xd5\xdf\xeb\xb3\x9f\xc6\x8d\x1bo\xdd\xba\xd5\xe3\xf1\xe0\xc3\x01\xc9\x03\x0b@\xb2\xd0W\xff\xbc\xbc\xbc\xae]\xbbr\xce)!\xa0`\xe3\x8ag\xf3\xd7\xfe\xf8\xefa\xf3\x0c\x83\x03(J\xd9\x7f_^\xd4\xe2\x9c\xf3\x83\xe5\x01&lt;\x10N,J?\xf5\xf5h\xe6M\xfb\x0bw[\x0c#,\xc4\xad\xd7\xff\xdf\xeci\x7f;\xefO\x83\x8e\x1c\xf5\x19\x86\x11\x0e\x87\x87\x0c\x19\xf2\xc2\x0b/\xe0M@\xf2\xc0/yR\xd0\x1b\xbbB\x88\'\x9f|\x92R\xc29\x13R\xf6\xbc\xfb\xb2?^y\xfec\x0f]\xd3\xaayc!$cLJ\xf1\xe6\xf4\x17\x18\x9e\x01$\x1c)\xa5\xdb\x95&gt;w\xe1\x1b\xfb\x0bws\xce%H\xc3\xe0c\x87\xdc\xe39\xbb\xd1\x98Aw+\xa5\x94\x02\xce\xd9\xcb/\xbf\\PP\x80\xcf\x85$\x0f,\x00IA?\xf65e\xca\x94m\xdb\xb6qnH!\xd3\xdc\xb6\xe7\x9e\xbaCz\x03\xa9i\x8e\xd1O\xdfE\x08Q\n\x18c\x9b6\x7f\xb6v]\x9e\xd3\xe9\x96 c\xfd\xaa\xd1\xe9\xa1\x94J\xb1\xda\xf6\xee\xdf\x99\xbbt\xa6\xde\xdd\x01P\x8f?\xd8\xf1\xa2?\xb5\x0c\xef;\xda\xab\xd7\xd5\xed\xdb\x9d\xa3W\xfd\xa1Ph\xc8\x90!\x94\xe2\xc6@\xb2\xc0\x02\x90\xf8\xf4\xd9oaa\xe1\xd0\xa1C\xf5\xf7_\x02d&gt;r}\xabK\x9aCyX\x94\x06\xba\xf7\xbc\xba\xd3\x15\xe7I\t\x9c1B\xe8[3F\x07\x83~\xce8\x1e\x03$\x06\x00i\xb3\xd9\xdf\x99\xfdR\x99\xaf\x84s\x0e\x00\xe9\x1e\xfb\xc8AwC \xa4\x94Jq\xa4\x8e\x1f\xdaM)\x02\x128\xe7999yyy\x9cs)q\x05\x90\xf8\xb0\x00$&gt;\xfd\x84\xe7\xe0\xc1\x83\x8b\x8b\x8b-\x16C\x08\xd1\xfc\x9c\x86\x99\xff\xbcI\x16\xfb\xb8\xc1\xa8RJ\xc8\xf1\xcfu7\x0c.\x018g\xfb\xf6\xef\x9a\xbb\xf0\r\xb7+\x1d/\x01\t\x00@\xba\x9c\x9e\xcf\xd7\x7f\xbc\xea\xd3\xc5\x8cq\xa5\x00@\x8d\x18pGz\xb3\x0c(\x0fY,\\\x94\xf8;\xdf\xd8\xae\xdb\xad\xed\x85\x94\x8c1J\xe9\x93O&gt;)\x84\xc0\xfb\x80d\x80\x05 \xc1\xe9\xcd\x9f\r\x1b6\xcc\x993G\xaf\xfe\x94"c\x9f\xb9\xc7s\x86G\x85\x04\xa5\x94q&amp;\xcb\xca;t\xba\xe0\xf1\x07;\x02\x00\xa5\x84R\x9a\xbbt\xe6\xde\xfd;\xad\xd6T\xbc\x04\xc4?*dx\xf6\xfcI\x00\xc0\x18\x05\x80\xf6\xed\xce\xf9\xdbc7Ho\x80qN\x08\xa1\x94()\xc7\x0e\xeb\x9e\xe6\xb6\x81\x94\x9c\xf3m\xdb\xb6M\x992\x05O\x02\x92\x01\x16\x80\x04\xa7\x8f\x7f\x07\x0c\x18PQQ\xc19\x13Bv\xba\xe2\xbc\xee=\xae\x16Ee\xdc\xa8&lt;\xece\x9cBY\xf9\xc8Aw\xa7{\xecR\x02\xe7\xbc\xccW\xf2\xce\xec\x97\x1dv\x17\xe0I@&lt;\x93Rx\xd22\x96}4\x7f\xcb\xf7\xeb9\xe7J\x81Rd\xfc\xb0n\x86\xcd\xaa\xa4\xd4\xad\x9e\x8c1QV\xde\xe2\x8f\xe7d&gt;r\xbd\xacZ\x01\x0c\x1d:\xb4\xb8\xb8\x981\x86+\x80\xc4\x86\x05 \x91\xe9\x93\xbd\x9c\x9c\x9c\xfc\xfc|\xc30\xa4\x90V\xab1\xfe\xb9\xee\x91/\xbfF)\x85\xf2Pz\xb3\x8c\x11O\xdd\xa1\x9f\x0ec\x8c\xad\xfel\xe9\xc6\xcdk\xedv\x17.\x03\xe3\x94R\xca0\xacG\x8e\x1e\x9c\xfb\xbf7tk\xbf\x94\xd0\xed\xb6\x0e\x9doh\'J\xfc\xd5\x1b=\xb9\xc1d\xb1/\xf3\x9f7\xb5&lt;\xb7\x91\x14\xd20\x8c\xe2\xe2b}b\x84\xef~b\xc3\x02\x90\xb0\xf4\xdaM\xf7u\x10B\x18\xa3\x12\xe0\x81;\xff\xd4\xa1\xd3\x85\xb2,X\xa3\xcd\x9fq.\xbd\xc1\xbf\xfd\xf5\xfa\xf3Z\x9e\x01R2\xc6\xc2"4m\xd6X\x1d\x17\x11\x9b\xbf\x00:5R\n\xb7\xcb\x93\xb3h\xea\x81\xc2=\xfa\xb9_\xab\xd5\x18=\xe8.\x02P\xe31/J)\x84\x84\xe7\xcc\xf4a\x99\xb7\x82R\xba\x1fL\xf7\x8c\xe1FPb\xc3\x02\x90\xb0t\xec\xcf+\xaf\xbcRPP`\xb1XDXd\xa4;\xc6\x0c\xed\x06eA\xcak\xbe\xefz#\xd8\xb0[\'\x8f\xec\xa1\x08Q\n8\xe7[\xbe\xff*o\xe5\x824w\x86\x94"&amp;\x7f\x05t\xd2\x00\xc0nw\x15\xec\xdc\xb2h\xd9,\xc6\x18\xa5\n@=\xf5\xf8\x8d\xad/i.\x8e+\xff\x84\x10\xc3\xe0\xe2hY\xaf\x07;u\xba\xbc\xb5\x10\xd20x\xd5S#x\x14\x9c\xc8\xb0\x00$&amp;}\xf6\xbbc\xc7\x8e\xb1c\xc72\xc6t\x06p\xffGoh\xd2\xaa\t\x94\x87\xd8\xaf=\xe8\xcf9\x93\xa5\xc1.\xb7\xb4\xbf\xb1\xf3\x85R\x82\xde4\x98&gt;g\xfc\xd1\xe2C\x86a\xc5\xab@\xbcQ\x9c\xf3\xb7g\xbf\xe4\x0f\x941\xc6\xa4\x843\x1a\xbb\xfb\xff\xf3&amp;\xf0\x95\xb3\xe3\xca\x7f\xd5\xffBq\x0b\x1f1\xf0N\xc6\xa8\x94\xd20x^^^NN\x0e\xb6\x84&amp;0,\x00\x89I\x9f\xfd\x8e\x181\xa2\xb4\xb4\xd40\xb8\x08\x8b\xf3Z\x9e10\xf3VY\xec\xff\xcd\xef\xbf\xfe\xdfI\x98\xfcB\x0f\xab\xd5\x00\x90\x9c\xf3\xc2C\xfbr\xde\x9f\xeavy\xf0&amp; \x8eH)]N\xcf\xba\r\xab\xd6~\x99\xc7\x18\xd7\xe7:c\x06\xdf\xd3\xe0\xac\x06P\x1e\xfa\xad\x9c\x1f\xce\x99(\xf1w\xbe\xe9\xe2\x07\xef\xbd\\J\xd0-\xa1C\x86\x0c\t\x85Bx\x1f\x90\xa8\xb0\x00$ }\xf6\xbbz\xf5\xea\xac\xac,\xc3\xe0RJE\xc8\xe4\x91=\xac\xceT%\xe5\tr\xbe\x18c\xd2\x17l\xd3\xbe\xc5S\x8f\xdf\x08\xa0\x08Q\x8c\xb1E\xcbf\xfd\xb8\xe3[\x9b\xcd\xa9\x14\xee\x05\xc7\x07\xcey \xe8\x7f;\xebeJ)gTJ\xd9\xe9\xf2\xd6}\xfat\x16E\xbeH\xeb\xd7\xaf\xa2\x9c\x81\xbf|\xec\xd0n\x19\xe9\x0e\x11\x16\x86a\x14\x14\x14\xbc\xf2\xca+x\x12\x90\xa8\xb0\x00$&amp;)\xe5\xd0\xa1C\xa5\xd4\t?pc\xe7\x0b\xbb\xdcr\x89\xf4\x06\xf8\x89\x96\xff\x84\x10\xc28\x03_y\xff\x7f\xdetFc\xb7\xdeG\xf2\x07\xca\xb2r&amp;\xa7\xa6\xda\xf0\x12\x10\x17\xa4\x14.\xa7g\xc5\'\xefm\xdf\xb9\x951\x06\n8g#\x06\xde\xc9\x0cF~o\x15\xcf(\x85`\xa8I\xab&amp;\xfd\x1f\xbd\x01\x94^\x01\xd0q\xe3\xc6\x15\x16\x16bGPB\xc2\x02\x90h\x84\x10\x9c\xf3\xec\xec\xec\xd5\xabW\x1b\x16C\x08a\x18|\xf2\xc8\x1eJ\xaa\xda\xf4\xf3PJey\xa8\xc1Y\r\xc6\x0c\xba[\x8f\x0c`\x8c\x7f\xb2v\xc9\xe7\xeb&gt;r9=\xf8X\x80\xc9)\xa5\xac\xd6\xd4\x83\x87\xf7\xcd\x98;\x81R\xc6(\x95\x12z\xde}Y\xe7\x9b.\x16%\xfe\xdf-\xff\x84\x10\xc6\x99,\xf6\r\xcc\xbc\xb5U\xf3\xc6\xe1\xb00\x0c\xa3\xa8\xa8h\xf0\xe0\xc1\xf8L@B\xc2\x02\x90Pt\x0b\x7fii\xe9\xf0\xe1\xc3\x19\xa3\x94T\xc6~\xb5\xb9\xa4\xb9\xf4\x95\xd72\xe1\x99\x1b\\\x96\xf8\x1fx\xe0\xaa\xf6\xed\xce\x01\x90\xfa\xf1\xd1\xd99\x93\x84\x14\x18\x13or\x00\xd2ns.X4\xad\xb8\xe4\x08\xe7L\x02\xa4\xb9m\xc3\x06\xdc\x01\xc1\x10\xad\xdd\xbbO)UBZ]6\x1d\x11\xa8{\xc9\xb2\xb3\xb37n\xdc\xa8\x9f$\xaf\xdf\xbf\x00\x8a.,\x00\tEo\xda\x8c\x1d;v\xc7\x8e\x1d\x9cs)dU\xecW\x05\xe3\xb5\xbdvSB\x94\x84HFXUK\xe8\xfa\xa5+\xe6\xb8]\xd8\x12j^\x00`\xb79\x7f(\xf8z\xe1\x92w+[\xbf*S\xff\xce\x95\xber\xc6j\xfb\x01\xd0+\x00\x1d\x11(\x84\xe4\x9c\x85B\xa1\xcc\xccL)%\xde\x04$\x18,\x00\x89C/\xd6\xf4\xa9\x1d\xe7L)\x05\xea\x97\xd8\xaf:-\xde+\x1bBnl\xd7\xed\xd6\xf6\x91\x96\xd0\x19s\'\x1c&lt;\xbc\x0f\x03\x82\xcc\x8c1\xfe\xe6\xf4\x17\x84\x083\xc6\xa4\x94\xd5S\xff\xea\xf8\'U\x8b\x08\x14\xd20\x8c5k\xd6dggcKh\x82\xc1\x02\x908\xf4uY\xf7\xedq\xce\xa5\xac\x19\xfbU\'\xc7d\x84\x01p\xce\x8bK\x8e,X4\xcdns\xe0I\x80\t\x01H\xa7\xc3\xbdv]\xde\xa6\xcd\x9f\xe9\x89\x8f5R\xff\xea\xf4\xa71\xf6KD\xa0\x0e\x08b\x8c\x0e\x1f&gt;\xdc\xeb\xf5bKh"\xc1\x02\x90 t\xebg~~~\xe4\xc9\x1d\xa5T\x8d\xd8\xaf:\xa9\x9e\x11\x06\x00\xba%t\xe1\x92w\xb7m\xdf\x8c\x01A\xe6\xa3\x183\xca+\x02o\xcd\x18M\x08\xe1\x8cI\t\xc7\xa7\xfe\xd5I\xf5\x88@!$\xe7\xc6\x8e\x1d;&amp;N\x9c\xa8\xef-N\xf7\xebG\xb1\x81\x05 \x11\xe8\xc7\xbe***\x06\x0c\x18@)\xd5\xdf\xff_\x8d\xfd\xaa\x93c2\xc2$0\xc6\x84\x08\xcf\x9c7Q\xef/\x9f\xde\xbf\x02:\x15RJ\xa7\xc3\xf5\xfe\xb2Y\xfb\xf6\xef\xe2\x9cK\x80_M\xfd\xab\x93\xe3"\x02\x81s6a\xc2\x04}\xbc\x84+\x80\xc4\x80\x05 \x11\xe8\xb3\xdf\xb9s\xe7n\xd8\xb0A/\xff\x7f+\xf6\xabN\xaag\x84)\xa5\x88R\x8c\xb1O\xbfX\xben\xc3*\x97\xd3\x83\xcb@\x93\xd0\xad\x9f\x87\x8e\xec\xcf\xca\x99L)e\x94\xc2o\xa7\xfe\xd5I\xf5\x88@)$\xe7\xdc\xeb\xf5\x8e\x181\x02\x9f\tH\x18X\x00\xe2\x9e^\xfe\x17\x17\x17\x0f\x1a4\x881\xa6\'&gt;\x9e \xf6\xabN\x8e\xc9\x08\x93\x923F)};\xeb\xe5\xf2\x8a \x06\x85\x9a\x04\x80\xb4\xdb\x9d3\xe6N\xf4\xf9K9gB\xca\x13\xa4\xfe\xd5I\x8d\x88@\x1d\x10\x94\x95\x95\xb5f\xcd\x1a\xc30p\x05\x90\x00\xb0\x00\xc4=\xbd\xfc\x1f:thaa!\xe7L\n\xf9\xfb\xb1_uR-#\x0c\x140\xc6\xb6\xef\xdc\x9a\xbbt\x86\xd3\xe1\xc6K@\xcc\xe9\xd4\xcfM\x9b?\xfb\xf0\xe3\xf9\xba\xd8\xab\xdfK\xfd\xab\x93\xe3"\x02\x99\x94233\xb3\xa2\xa2\x02O\x83\x13\x00\x16\x80\xf8\xa6\xaf\xfez\x86_\xa4\xf5\xf3wc\xbf\xea\xa4fF\x18\xa5\x94\xb2\xac\x9c\xc9\x87\x8e\xec\xc7\x96P3\xe0\x9cO\x9b5VJ\xa1\x8fgk\x97\xfaW\'\xd5"\x02\xa54\x0cc\xe3\xc6\x8ds\xe7\xce\xc5\x80\xa0\x04\x80\x05 \xbe\xe9\xfd\x1f=\xc5\x9bs.Dmc\xbf\xea\xe4\x98\x8c0)9\xa7&gt;\x7f\xe9\x8c\xb9\x13m\xa9v\xd3\xb6\x84*\xa2N\x97X\xffU~\x93\x94\xc2\xe5J[\xber\xc1\x96\xef\xbf\xd2\x03\xdf\x95\xaaU\xea_\x9dT\x8f\x08\xacj\te\x83\x06\r***\xc2\x9b\x80x\x87\x05 \x8e\xe9\xd6\xcf\xbc\xbc\xbc\xbc\xbc&lt;\xce9\xc8:\xc4~\xd5I\xf5\x8c0\xfd\x85g\x8c}\xf8\xf1\xfcm\xdb7\xdbmNs.\x039\xe3\x86a9-?\xb1\xfe\xab\xfc\x16\xc5\xb9\x11\x08\xf8f\xcd{\x95\x10\xc2\x19\xadS\xea_\x9dT\x8f\x08\xd4\xa7\xc1\x85\x85\x85\xe3\xc7\x8f\xc7\x9b\x80x\x87\x05&lt;^\xe9\xc5)\x00\xb4m\xdb\xf6\xc7\x1f\xb7Y,\x96P(\xdc\xbb\xdb\xe53g&lt;!\x8e\x94\x9e\xc6\xe5\xff/\xff8J%\xa5\x17]\xf5\xec\xf6]\x87\x0c\xc3\x10B\\\xd2\xee\xcaW\x86\xcf\xd1#GN\xef?\xee\x14QJ\x83\xe5\x01!\xc2\xa7\xe5\x8f\xb2\xdb\x1c\x94\x9a\xeb/H\x08\x91R\xa4{\x1aM\x9d\xf9\xe2\xac\xf9\x93\xf4\xc0w\xc6\xd8\x96\x95\xcf\x9dw\xd1Y\x10\xa8m\xeeS\xed\t!-\r\xdd\xd3\xa7\xacx\xb8\xff\x0c\xc3\xe0J)\xce\x8d-[\xb6\xb4j\xd5J\'P\x9d\xde\x7f\x1c\x8a\x0e#\xd6/\x00\x9d$\xfdt\xee\x1bo\xbc\xb1m\xdb6=\xf0\xbd\xae\xb1_uB)\x05!\xad\x19\xae\xd1O\xdfu\xdf\xdf\xde\xd2\x97\x9bM\x9b?[\xbb.\xef\xea\xcb\xbb\x96\xf9\xbc\x9c\x9d\xe6\x92s\xd2\x00\xa4\xc3\xee~u\xca\xb3\x9f\xad[\xa1g\xe1\x9e\xdc\x9f\xa3\xf77,\x16\xeb\x84\x17r\xcelrV(Ta\x9e,&lt;\xa5T\x8a\xd5\xb6w\xff\xce\xdc\xa53)\xa5\x94\x12)\xd5\xdf\xfbtlsIsQt\x12\xc1\x0f\xbf/\x12\x118y\xfa\'\x9b\xbe\xddm\xb1X\xf4\xb8\xe9\xf9\xf3\xe7\xe3M@\xfc\xc2\xba\x1d\x97\x00\x80RZXX8t\xe8\xd0\xca\xef\xffI\xc5~\xd5I\xf5\x8c0)\x813F\x08}k\xc6\xe8`\xd0\xcf\x99\xb9ZB)\xa5\x81\xa0\xdf\xe7/--+\xf6\xf9KO\xee\xa7\xcc\xe7\xf5\xf9KK\xcbJL8\t\x07@\xdal\xf6wf\xbfT\xe6+\xd1\x8fe\x9dD\xea_\x9d\xd4\x88\x08\x04\t\x9c\xf3\x9c\x9c\x1c\xbd\xfd\x88\xfd`q\n\x0b@\\\xd27\xdd\x83\x07\x0f...\xb6X\x0c!\xc4)\xc4~\xd5\xf1\x9f\x1c\xc9\x08\x03\xe0\x9c\xed\xdb\xbfk\xee\xc27\xdc\xaet\xb3]\x02\x0c\xc3bp\xc3jI1\xb8Q\x87\x1f\xc3\xc2\x18\xd7\xe1wz&amp;\xa2a\x18f\xdb&amp;\x05\x90.\xa7\xe7\xf3\xf5\x1f\xaf\xfat\xb1&gt;\xfb\x058\xc9\xd4\xbf:\xa9\x1e\x11(\xa4\xd4\xbf\x1f\xdd\x80\x80\xa7\xc1q\n\x0b@\xfc\xd1\xad\x9f\x1b6l\x983g\x8e^\xfd\x9dJ\xecW\x9dT\xcf\x08\x03\x00J\t\xa54w\xe9\xcc\xbd\xfbw\x9a\xaa%\x94R\x1a\x08\x94\t)B\xe1\n!E\x1d~D\x18@Vo\x01\xa2\x94Z,V\xf3\xfc\xd5\x08!\x84P!\xc3\xb3\xe7O\x02\x00=\xad\xe1TR\xff\xea\xf6\x0f\xae\x1e\x11(%\xe7\\\xb7 \xe3ip\x9c\xc2\xba\x1d\x7ft\xf3\xcf5\xd7\\\x93\x9f\x9fo\xb5ZB\xa1p\xa7+\xce\xcb\xff\xf0Y\xe1\xad\xd5\xc8\xa7S\xa4\x94"\x16\xc3[\xecoy\xf9\xe0\x12o\x90s.\x84\xb8\xbe\xd3]\xcf\xfd\xe7\x8d\xe2\x92\xc3\x9c\xc7\xfeTI)e\xb5\xa4\xac]\x97\xb7{o\x01\xe7uX\xbf+\x05\xa9\xa9\xf6o\xbf[\xb7\xf6\xcb&lt;}\x03 \xa5\xbc\xfa\xcf]\x87\x0fz\xcb&lt;\x07\xddR\x8atO\xc3\xff}0c\xc2\x1b\x83\xf5\xc3\xd8R\xc2\'\x0b\x06t\xee\xf2GQ\xe2;\xe9\xdc\xa7\xda\x13aii\xe2y\xfe\x99\xec\xe1\xe3\x97X,\x86\x10\xd2\xe3\xf1\xec\xd8\xb1\xc3\xe3\xf1\x10B\xccsL\x82j#\xf6_WT\'\xfa\xea\x9f\x93\x93\x93\x9f\x9f\xaf\xcf~O=\xf6\xabN\xf4\xccH\x9d\x11\xf6\xafg\xe7\xea\xcd\xa8\xd5\x9f-\xdd\xb8y\xedE\xe7w\x08\x06\xfd1\xbfPRJC\xe1\x8aNW\xdeb1\xacu:\x99\x00\xa5l)\xf6\x7f?s\xaf\xfeC\xf4\x92\xf6\xf6\x9b{SJLr\xc2\xa1\x942\x0c\xeb\x91\xa3\x07\xe7\xfe\xef\r\xbdO%\x84&lt;\xf5\xd4\xbf:\x89D\x04\xce^\xf8\xe5\xae\xddG\x0c\xc3(..\x1e:t\xe8k\xaf\xbd\xa6?\x9cQx\r\xe8t1\xc5\xa2\x06\xd5\x92^\xcc\xea\xee\x0bB\x08cT\x9e\xa6\xd8\xaf:\xa9\x9e\x11\x06R2\xc6\xc2"4m\xd6X\xf3\xa4\x03QJ\x03\x01_\x89\xf7H\x89\xb7\xa8\x96?E\xc5\x87\xc3\xa1\x8aU\x9f.\xfer\xc3*\xbd\x8cUJ]p\xde%\x17\xb7\xbd\xdc\x1f\xf01s\xf48I)\xdc.O\xce\xa2\xa9\x07\n\xf7\xe8\x06\xa7\xd3\x92\xfaW\'\xd5#\x02A)\xdd\x0f6e\xca\x94m\xdb\xb6\xe1FP\xdc\xc1\x02\x10Ot\xeb\xe7+\xaf\xbcRPP`\xb1XDX\x9c\xae\xd8\xaf:\xa9\x91\x11V53\xf2\xab\xbc\x95\x0b\xd2\xdcf\x99\x19\xc9\x18\xe3\xdc\xe0ua\x18\x96\xc5\xcbg\x13B\x18\xad\xcc\xbb\xbe\xe3\xa6\x07\xad\x96\x140G\x17\x90\x8e\xfd)\xd8\xb9e\xd1\xb2Y\x8c1J\x15\x80:]\xa9\x7furLD\xa0\x90\x86\xc1\x85\x10O&gt;\xf9$\x1e\x05\xc7\x1d,\x00qC\x9f\xfd\xee\xd8\xb1c\xec\xd8\xb1\x95\x13_Ok\xecW\x9d\x1c\x97\x11F)\xa5\xd3\xe7\x8c?Z|\xc80\xccvd\xfa\xfb\x00 5\xd5\xb1m\xfb\xe6u\x1b?\xa1\x94*\xa2\x00\xe0\xcc3\xce\xba\xf2\xcf]\x02A\x9fi\x1eqP\x9c\xf3\xb7g\xbf\xa4\x0f$\xa4\x84\xd3\x9c\xfaW\xb7\xd7\xf2KD\xa0N\t\xcd\xcb\xcb\x8b\x0c#\x8a\xf6\x8bA\'\x0b\x0b@\xdc\xd0\x1d)#F\x8c(--5\x0c.\xc2\xa2\x1eb\xbf\xea\xf8\x8a"\x19a 9\xe7\x85\x87\xf6\xe5\xbc?\xd5\xed\xf2\x98\xe4&amp;\xa0\xf6\xf4\xb9\xf1\xa2\x0fg\t\x11f\x94QB\t!\xb7\xdc\xd0\xc3\xe3\xce\x10\xc2\x14\x7f\x17)\xa5\xcb\xe9Y\xb7a\xd5\xda/\xf3\x18\xe3\xbaC\xe9\xf4\xa6\xfe\xd5I\xcd\x88@\xc6(\xa5z\x1c)\xde\x07\xc4\x11,\x00\xf1A\x1f\xaf\xad^\xbd:++\xcb0\xb8\x94R\x91\xd3\x1f\xfbU\'\xd53\xc2\x00\x94\x9e\x19\xb9h\xd9\xac\x1fw|k\xb39M\xf8\xf0\xd4oQJ\xa5\xa6\xa4\xee\xd9W\xf0\xc9\xda%\xfa\xe2%A:\x1di\xd7w\xbe;`\x823m\x8ds\x1e\x08\xfa\xdf\xcez\x99R\xca\x19\x95\xb2^R\xff\xea\xe4\x98\x88\xc0\xb00\x0c\xa3\xa0\xa0\xe0\x95W^\xc1\x93\x808b\x8a\x0f7\xaa\r)\xe5\xd0\xa1C\xa5\x94\xfa\xf6\xbf\x9eb\xbf\xea\xa4zF\x98\xde\xa1\xf2\x07\xca\xb2r&amp;\xa7\xa6\xda\xe2\xe8\x12\xa0\xf7\x7f\x96}&lt;_\xb70\xe9jzm\xc7\xdb\xff\xd0\xe4\x1c\x93\xc4?H)\\N\xcf\x8aO\xde\xdb\xbes+c\x0cT}\xa5\xfe\xd5I\xf5\x88@Pz\x05@\xc7\x8d\x1bWXX\x88#\xc3\xe2\x05\x16\x808\xa0\xa3\x9e\xb3\xb3\xb3W\xaf^mX\x0c!\x84a\xf0\xc9#{(\xa9b\xdbu\xa3[B\x1b\x9c\xd5`\xcc\xa0\xbb\x01\x94R\x8a1\xfe\xc9\xda%\x9f\xaf\xfb\xc8\xe5\xf4\x986)\xba:E\x94\xc5b9td\xff\x87\x1f\xe7\x10B\x01\x14(0\x0c\xcb\xad7\xf6\xa8\x08\x97G\xf9d\xe5\xd7_\xa1RVk\xea\xc1\xc3\xfbf\xcc\x9d@)c\x94J\t=\xef\xbe\xac\xf3M\x17\x8b\x92h&lt;\xf9q\x02\x8c3Y\xec\x1b\x98yk\xab\xe6\x8d\xc3aa\x18FQQ\xd1\xe0\xc1\x83\x19c\xb8\x0b\x14\x17\xb0\x00\x98\x9dn\xb4/--\x1d&gt;|8c\x94\x12\x02\xa0\x1e\x7f\xb0c\x9bK\x9aK\xdf\xe9\x0f}\xac\xabHFX\xfbv\xe7\x00H\xfd`\xea\xec\x9cIB\xd6\xef3\xc9\xa7\x0bHi\xb7\xbb&gt;^\x9d[\\r\x98\xe9\xde\x1a\xa5.\xbb\xa4\xf3y-\xdb\x95\x97\x07\xea#V\xaf\xce\xaf\x10\xa4\xdd\xe6\\\xb0hZq\xc9\x11\xce\x99\x04\xa8\xd7\xd4\xbf:\xa1\x94*!\xad.\xdb\xe8\xa7\xef"U]j\xd9\xd9\xd9\x1b7n\xc4\xc1\xf1q!\xf6\x9fotbzke\xec\xd8\xb1;v\xec\xe0\x9cK!\xeb;\xf6\xabNjd\x84U\xb5\x84\xae_\xbab\x8e\xdbe\x96\x96\xd0\x13\xe0\x86QVV\xb2dy\x16!D7V\x11Bn\xbf\xe9AE\x14!\xb1\xff\xf5\x02\x80\xdd\xe6\xfc\xa1\xe0\xeb\x85K\xde\xadl\xfd\xaa\xff\xd4\xbf:\xa9\x1e\x11(\x84\xe4\x9c\x85B\xa1\xcc\xccL)%\xde\x04\x98\x1f\x16\x00S\xd3K*}\xb6\x16\x99\xf8\x18\x85\xd8\xaf:\xa9\x9e\x11\x16i\t\x9d1w\xc2\xc1\xc3\xfbL\x15\x10t&lt;\t\xd2as\xad\xfdr\xf9\xbe\xfd\xbb\x18c\x84P\xa5\xa0M\xabv\xed\xdb]\x15\x08\xf8b~w\xa51\xc6\xdf\x9c\xfe\x82\x10a=\xf11Z\xa9\x7fuR-"PH\xc30\xd6\xacY\x93\x9d\x9d\x8d-\xa1\xe6g\x9e\xcf\x10\xfa\x15\xfa\xea\xa9\xbb\xeb8\xe7RF/\xf6\xabN\x8e\xc9\x08\x03\xe0\x9c\x17\x97\x1cY\xb0h\x9a\xdd\xe60\xf3I\x00\xa3,\x14\xae\xc8]:\xa3\xea\xdfP\x84\x90\xdb\xbb&gt;\x98\x92b\x8aCl\x00\xe9t\xb8\xd7\xae\xcb\xdb\xb4\xf93\xc6\x98\x9e\xf8\x18\x9d\xd4\xbf:\xa9\x1e\x11X53\x92\x0e\x1f&gt;\xdc\xeb\xf5bK\xa8\xc9a\x010/\xdd\xfa\x99\x9f\x9f\x1fy\xbeF)5~X7\xc3f\x8dZ\xf2O-1\xc6DYy\x8b?\x9e\x93\xf9\xc8\xf5\x00\xa0[B\x17.yw\xdb\xf6\xcdv\xbb\xcb\x0c\x17\xd3\xe3\x01\x80\xdd\xee\xdc\xf0\xf5\x9a\x1f\n\xbea\x94)E\x00\xe0\x8cF\x7f\xb8\xfa\xf2\xae\xfe@\x99\t2m\x14cFyE\xe0\xad\x19\xa3\t!\x9c1)\xa1\xd3\x15\xe7u\xefq\xb5(*\x8bU\xeb\xe7oa\x9cBY\xf9\xc8Aw\xa7{\xecBH\xce\x8d\x1d;vL\x9c8Q\xdf\xb5\xc4\xfa\xd5\xa1\xdf\x84\x05\xc0\xa4\xf4c_\x15\x15\x15\x03\x06\x0c\xa0\x94\xea\xef\x7f\x94c\xbf\xea$\x92\x11\xd6\xf2\xdcF\xfa\xc9 !\xc23\xe7M\xd4;\xd7\xb1~u\xbfA\x11\xbd\xfc\xa7\x94\xea\x86\x9f\x9b\xae\xbf/\xdd\xd3\xd0\x0c\x0f\x7fI)\x9d\x0e\xd7\xfb\xcbf\xed\xdb\xbf\x8bs.\x01\xa2\x9c\xfaW\'\x94R\xa8\x8a\x08\xd4\xb3J9g\x13&amp;L\xd0\x07W\xe6\\\x01 \x82\x05\xc0\xb4\xf4\xd9\xef\xdc\xb9s7l\xd8\xa0\x97\xff\xd1\x8f\xfd\xaa\x93\xea\x19aJ)\xa2\x14c\xec\xd3/\x96\xaf\xdb\xb0\xca\xe5\xf4\x98m\x19\x08\x006\x9b\xfd\xbb\x1f7n\xf8z\r\xa5\x14\x14\x80\x02\x87\xddu\xe35\xf7\x04\xcb\x031\xdf\xfd\xd7\xad\x9f\x87\x8e\xec\xcf\xca\x99\xac\x8b\x13\xc4"\xf5\xafN\xaaG\x04\xea\xc1\xf1^\xafw\xc4\x88\x11\xf8L\x80\x99\x99\xf1\x93\x84\xf4\xf2\xbf\xb8\xb8x\xd0\xa0A\x8c1=\xf11&amp;\xb1_urLF\x98\x94\x9c1J\xe9\xdbY/\x97W\x04\xcd\x13\x14\xaa)\xa5,\x86u\xd1\xb2Y\x12$e\x8cQ\xa6\x94\xba\xe6\xaa\xdb\x9a5mQQQ\x1e\xf3\xedu\x00i\xb7;g\xcc\x9d\xe8\xf3\x97r\xce\x84\x941I\xfd\xab\x93\x1a\x11\x81: (++k\xcd\x9a5\x86a\x98m\x05\x804\x93~\x98\x92\x9c^\xfe\x0f\x1d:\xb4\xb0\xb0\x90s&amp;\x85\x8ce\xecW\x9dT\xcb\x08\x03\x05\x8c\xb1\xed;\xb7\xe6.\x9d\xe1t\xb8\xcds\tP\nRSm\xbbvo[\xfd\xf92J\xa9\x02\x00\x05\x9c\x1b\xb7ty \x1c\x8e\xfd\xa3\xbf:\xf5s\xd3\xe6\xcf&gt;\xfcx\xbe.\xf6*v\xa9\x7fur\\D \x93RfffVTT\xe0i\xb09\x99\xfbj\x92\x94\xf4\xd5_O\xda\x8b\xb4~\xc60\xf6\xabNjf\x84QJ)\xcb\xca\x99|\xe8\xc8~\xf3\xb4\x84\x02\xa8\xd4\x14\xdb\x07+\xe6TT\x04Y\xd5\xf2\xbf\xc3\x1f;\x9e\xdf\xfa\x8ff\xd8\xff!\x84p\xce\xa7\xcd\x1a+\xa5\xd0\x87\xa8\xb1N\xfd\xab\x93j\x11\x81R\x1a\x86\xb1q\xe3\xc6\xb9s\xe7b@\x909\x99\xff\xf3\x94t\xf4\xfe\x8f\x9e\xb5\xcd9\x17"\xf6\xb1_urLF\x98\x94\x9cS\x9f\xbft\xc6\xdc\x89\xb6T\xbb\x19ZB\x95RV\xab\xb5\xf0\xd0\xbe\xbcO\xde#\x84\x02\x80.Kw\xdc\xf4 %4\xe6\xfbTR\n\x97+m\xf9\xca\x05[\xbe\xffJ\x0f|W*\xc6\xa9\x7fuR="\xb0\xaa%\x94\r\x1a4\xa8\xa8\xa8\x08o\x02L\x08\x0b\x80\xb9\xe8\xd6\xcf\xbc\xbc\xbc\xbc\xbc&lt;\xce9HS\xc4~\xd5I\xf5\x8c0\xfd\x85g\x8c}\xf8\xf1\xfcm\xdb7\xdbm\xce\x98/\x03\xf5\xb3\xb5+&gt;YXZZ\xac\xa3\xdf@A\xab\xe6\x17]zq\xc7@\xb0,\xd6\x93\xbf\x14\xe7F \xe0\x9b5\xefUB\x08g\xd4$\xa9\x7fuR="P\x9f\x06\x17\x16\x16\x8e\x1f?\x1eo\x02L(&gt;&gt;RIB\xaf\xfd\xab\x86+\x11}\xfag\x92\xd8\xaf:\xa9\x9e\x11&amp;\x84\x8e/\x15oN\x7f!\xd6\x97WB\x081\x0c\xa3\xc4[\xb4$/\x9bT[\xef\xdf~S\xaf\xd4T\xbb\x941\xbe&lt;I)\xdd\xae\xf4\xb9\x0b\xdf\xd8_\xb8\x9bs.A\x9a$\xf5\xafN\x8e\x89\x08\xacj\t}\xf9\xe5\x97\x0b\n\n\xb0\x06\x98M\xdc\\S\x92\x81\xde\xfd\xd7\xe3U97\xa4\x90\xe6\x89\xfd\xaa\x93\x1a\x19azl\xec\xa6\xcd\x9f\xad]\x97\xe7t\xbae\xec6\x82\xa4\x94v\xbbk\xcd\xe7K\x0b\x0f\xeee\x8c\x12\xa5\x00\xa0Q\x833;^qs \xe8\x8bm\x89UJ\xa5Xm{\xf7\xef\xcc]:\x93RJ\xa9\xb9R\xff\xea\xa4zD\xa0\xbe\xa9\xd5\x83\xacq\x17\xc8l\xe2\xe9S\x95\xd8\x00\x80RZXX8t\xe8P\xfd\xfd\x97&amp;\x8b\xfd\xaa\x93\xea\x19aR\x02g\x8c\x10\xfa\xd6\x8c\xd1\xc1\xa0\x9f\xb3\x98\xb5\x84r\xce\xca\xcb\x03\xb9Kg\xea\x7f\xa9\xcbj\xd7\xeb\xba7Ho\x1c\x0e\x87c\x9b\xfe\x06 m6\xfb;\xb3_*\xf3\x95\xe8\x87\xa7L\x95\xfaW\'5"\x02A\x02\xe7&lt;\'\'Gol\x9a\xa7\x1f\x0ca\x010\x0b\x1d\xfb&lt;x\xf0\xe0\xe2\xe2b\x8b\xc5\x10B\x982\xf6\xabN\xaae\x84\x01p\xce\xf6\xed\xdf5w\xe1\x1bnWzL.\x01\x00\xd2ns}\xb5)\x7f\xfb\xae\xad:\xb0\x1e\x00\xec6G\x97k\xef-\x8fu\xf3\x0f\x80t9=\x9f\xaf\xffx\xd5\xa7\x8b\xf5\xd9/\x80\xe9R\xff\xea\xa4zD\xa0\x90R\x1f\xb7\xe8\xd6\x06\xbc\x0f0\x8f8\xbd\xb2$\x1a\xbd\xf9\xb3a\xc3\x869s\xe6\xe8\xd5\x9f9c\xbf\xea\xa4zF\x18\x00PJ(\xa5\xb9Kg\xee\xdd\xbf3F-\xa1\x14\x00\xfe\xb7d\xba\xfe\xffu\r\xe8x\xc5-g7kY\x1e\xfb\x87\xbf\xa8\x90\xe1\xd9\xf3\'\x01\x80\x9e\xa9`\xce\xd4\xbf:9&amp;"PJ\xce\xb9nn\xc6\x93\x00\xf3\xc0\x02`\n\xfa\xf8w\xc0\x80\x01\x15\x15\x15\x9c3!\xa4ic\xbf\xea\xa4zF\x98\x94\xc09/\xf3\x95\xbc3\xfbe\x87\xdd\x15\xe5\x96P\xbd\xd8\xff\xf6\xfbu_o\xf9\x9cR\xaa\x14\x00\x00c\xfc\xb6\xae=\xc3"\x1c\xdb\xab\xbf\x94\xc2\x93\x96\xb1\xec\xa3\xf9[\xbe_\xcfye\xeb\xa79S\xff\xea\xa4zD\xa0\xacZ\x01\x0c\x1d:\xb4\xb8\xb8\x18G\x86\x99\x04\x16\x80\xd8\xd3\xa7d999\xf9\xf9\xf9\x86aH!\xcd\x1c\xfbU\'\xc7e\x84)\xc6\xd8\xea\xcf\x96n\xdc\xbc6\xca)\xa1\x8a(\xce\x8d\xf7\x97\xcd\xd4\'\xd2\x942\xa5\xd4%\xed\xae\xbc\xf0\xbcK\x821\x9d\xfc\xae\x942\x0c\xeb\x91\xa3\x07\xe7\xfe\xef\r=J\xc1\xe4\xa9\x7furLD\xa0\x90\x86a\x14\x17\x17\xebS.\xbc\t0\x03,\x001\xa6\xd7A\xbaG\x82\x10\xc2\x18\x95\xa6\x8f\xfd\xaa\x93\xea\x19a %c,,B\xd3f\x8d\x8df:\x90R`K\xb1o\xdf\xf5\xddg_\xae\xa8\xba\xf4\xe8\x87\xbfzS\x1a\xe3\xb0R)\x85\xdb\xe5\xc9Y4\xf5@\xe1\x1e\xc68\x80\xd9S\xff\xea\xa4zD\xa0n\t\x8d\xf4\xb9\xe1F\x90\x19\xc4\xfd\xf5%\xde\xe9\xf1)\xaf\xbc\xf2JAA\x81\xc5b\x11aa\xfe\xd8\xaf:\xa9\x91\x11V53\xf2\xab\xbc\x95\x0b\xd2\xdcQ\x9a\x19\t\x00))\xa9\x1f\xe4e\x87\xc2\x15\x8c2]\x03\x9a\x9fs\xfe\x9f.\xe9\x1c\x08\xfab\xf8t\x82\x8e\xfd)\xd8\xb9e\xd1\xb2Yz 1\x802\x7f\xea_\x9d\x1c\x13\x11(\xa4a\xf0\xaa\']\xf0(8\xf6\x12\xe1\x13\x16\xbf\xf4\xd9\xef\x8e\x1d;\xc6\x8e\x1d[9\xf15Nb\xbf\xea\xe4\xb8\x8c0J)\x9d&gt;g\xfc\xd1\xe2C\x86a\xad\xef\xab\x80R*%\xc5Vxh\xdf\xaaO\x17\x1b\xdc\xa0\x8cqn\x10Bn\xef\xda\xd3ns\xc6\xba%Qq\xce\xdf\x9e\xfd\x92?P\xc6\x18\x93\x12\xe2&amp;\xf5\xafN\xaaE\x04\xea\x94\xd0\xbc\xbc\xbc\xc8\x98\xa3X\xbf\xb8\xa4\x96@\x1f\xb28\xa4\xcf~G\x8c\x18QZZj\x18\\\x84E\\\xc5~\xd5I\xb5\x8c0\x90\x9c\xf3\xc2C\xfbr\xde\x9f\xeavy\xea\xfb&amp;\x00\x00RSl\xf3r\xa7xK\x8b\x84\x14B\x84\xc3\xe1\x90\xdb\xe5\xb9\xe6\xaa\xdb\x03\xc1\xb2\x18&gt;\xfc%\xa5t9=\xeb6\xacZ\xfbe\x1ec\\\x9f\x91\xc4K\xea_\x9d\xd4\x8c\x08d\x8cR\xaa\x07\x9d\xe2}@l\xe1o?f\xf4\xd9\xef\xea\xd5\xab\xaf\xbb\xee:J\x89RJJX\x9e\xfd\xef.\xb7u\x88\xaf\xe0\x87Z\x92B\x1a\r\xddC\x06e\x8d\x9e\xbc\xcc08\x80\xb2\xa5:&amp;\x8dY\xd8\xaci\x8bP(Hi=\xfe}\x19c\x1f\xe4\xcd)\xf1\x1e%\x84\x10J\x95\x82V\xcd/\xba\xfa\xf2\x9bb\xde\xfeO)\xfb\xf73\xf7\xee\xd8\xf5\x9d\xc1yX\x88N\x97\xb7^\xf5\xc13\x10\xa8\xe0\xf1\xf6\xdc\xdf\xef\x02\xa5\xa8\xd58T\xe8\xbd\xa8\xf3\xb0\x92\x92\x007\x8cp8&lt;j\xd4\xa8g\x9eyF\x7f\x11b\xfd\x02\x93\x14\x16\x80\x98\xd17\xbf\xd7]w\xdd\xea\xd5\xab\xadVK(\x14\xbe\xb1\xf3\x85y\xef\xffG\x96\xc5\xdfs\xbf\xb5\xa1\x94"\x16\xa3\xb8\xd8\x7fQ\xa7\xa1\x87\x8f\x941\xc6\x85\x10\xd7u\xbc\xe3\xb9\xa7\xdf,)9\xa2\xb7e\xea\x8f\xc3\xee\xe2\x9c\xeb\x0f;\xa5$\x14\x0e\x05\x83\xfe\x18\xae\xb2\xa5\x14\x9e\xb4\x86\xff\xfb\xe0\xdd\x89o\x0e\x89\x9c\x87\x7f&lt;\xbf\x7f\xe7\x1b\xfeO\xc4O\xee[\x9dH!\x8dFi\xa3\x9e\x9f\xff\xecK\xef[,\x86\x94\xd2\xe3I\xdf\xbauk\xe3\xc6\x8d\t!\x89q\xe0\x11w\xf0\x97\x1e\x1b:\xea9;;{\xf5\xea\xd5\x86\xc5\x10B\xc4c\xecW\x9d\x1c\x93\x11\x06\xba%\x94\x7f\xb2v\xc9\xe7\xeb&gt;r9=\xf5\xfdX@\x99\xaf\xa4\xb8\xe4H\x89\xf7H\x89\xf7Hq\xc9\x91@\xc0\x17\xc3\xab\xbf\x9e\xf8x\xf0\xf0\xbe\x19s\'P\xca\x18\xa5RB&lt;\xa6\xfe\xd5I\xf5\x88\xc0pX\x18\x86QTT4x\xf0`|&amp; \x86\x12\xf3\xa3fr\xba\x1d\xbe\xb4\xb4t\xf8\xf0\xe1\x8cQJ\xe28\xf6\xabN\xaag\x84\x01H\xfd\xc8\xeb\xec\x9cIB\xd6\xfb\xd3\xce\x8cq\xce\x8d\xc8O\xcc\x83\x1f\xec6\xe7\x82E\xd3\x8aK\x8ep\xce$@\x9c\xa6\xfe\xd5I\x8d\x88@\xdd\xff\x96\x9d\x9d\xbdq\xe3F\x1c\x1c\x1f+\t\xfbi33\xdd\xfc3v\xec\xd8\x1d;vp\xce\xa5\x90\xf1\x1b\xfbU\'52\xc2\xaaZB\xd7/]1\xc7\xed\x8aRKh\xcc\xe9\x81\x04?\x14|\xbdp\xc9\xbb\x95\xad_\xf1\x9c\xfaW\'\xd5#\x02\x85\x90\x9c\xb3P(\x94\x99\x99)\xa5\xc4\x9b\x80\x98\xc0\x02\x10mz\xe1SPP\xf0\xca+\xafD&amp;&gt;\xc6u\xecW\x9dT\xcf\x08\x8b\xb4\x84\xce\x98;\xe1\xe0\xe1}\xe6\x99\x19Y\xdf\x18\xe3oN\x7fA\x88\xb0\x9e\xf8\x18\xff\xa9\x7fuR-"PH\xc30\xd6\xacY\x93\x9d\x9d\x8d-\xa11\x91\x0c\x1f8s\xd1\xd78\xdd\x03\xc79\x972\x11b\xbf\xea\xe4\x98\x8c0\x00\xceyq\xc9\x91\x05\x8b\xa6\xd9m\x0e3\xcc\x8c\xacW\x00\xd2\xe9p\xaf]\x97\xb7i\xf3g\x8c1\x1d\xfb\x13\xef\xa9\x7fuR="\xb0jf$\x1d&gt;|\xb8\xd7\xeb\xc5\x96\xd0\xe8\xc3\x02\x10U\xba\xe3-???\xf2\x14\x8cR*\x01b\xbf\xea\xa4zF\x98Ne`\x8c-\\\xf2\xee\xb6\xed\x9b\xa3\x1c\x10\x14u\x8a1\xa3\xbc"\xf0\xd6\x8c\xd1\x84\x10\xce\x98\x94\x90\x18\xa9\x7fuR="P\x08\xc9\xb9\xb1c\xc7\x8e\x89\x13\'\xea\xfb\xa1X\xbf\xba\xe4\x82\x05 z\xf4c_\x15\x15\x15\x03\x06\x0c\xa0\x94\xea\xef\x7f\xc2\xc4~\xd5\xc91\x19a\x12\x18cB\x84g\xce\x9b\xa8\xf7\xc4c\xfd\xea\xea\x8b\x94\xd2\xe9p\xbd\xbfl\xd6\xbe\xfd\xbb8\xe7\x12 aR\xff\xea\xe4\xb8\x88@\xe0\x9cM\x980A\x1f\x89%\xf4\n\xc0t\xb0\x00D\x8f&gt;\xfb\x9d;w\xee\x86\r\x1b\xf4\xf2?\x91b\xbf\xea\xa4zF\x98R\x8a(\xc5\x18\xfb\xf4\x8b\xe5\xeb6\xacr9=\t\xb9\x0c\xd4\xad\x9f\x87\x8e\xec\xcf\xca\x99L)e\x94Bb\xa5\xfe\xd5I\xf5\x88@=8\xde\xeb\xf5\x8e\x181\x02SB\xa3,\xb9&gt;v1\xa4\x97\xff\xc5\xc5\xc5\x83\x06\rb\x8c\xe9\x89\x8f1\x89\xfdRJ\x01()\xe1\x97\x1f\x80\xe8\xef\xbd\x1e\x93\x11&amp;%g\x8cR\xfav\xd6\xcb\xe5\x15\xc1h\x06\x85F\r\x80\xb4\xdb\x9d3\xe6N\xf4\xf9K9gB\xcaX\xa5\xfe)\xa5$@\xf5\x0f\x00@\xb4\xdf\xfe\x1a\x11\x81: (++k\xcd\x9a5\x86a$\xe4\n\xc0\x9c\xb0\x00D\x89^\xfe\x0f\x1d:\xb4\xb0\xb0\x90s&amp;\x85\x8cr\xec\x17\x80\x12\x02\x94R\xcc\xc2\xb9=\xc5H\xb3\x1b\x1eG\xe5\x8f\xd3\xc6\xac\x86RJ\xc8\xe8V\x82j\x19a\xa0\x801\xb6}\xe7\xd6\xdc\xa53\x9c\x0ew\x82]\x02t\xea\xe7\xa6\xcd\x9f}\xf8\xf1|]\xecU\xd4S\xff~\xf9\x00X\r\xc3i\xfb\xe5\xddw\xdb\xb9\xcd\xc2(\xd1\x95 \n\xafD;."\x90I)333+**\xf048j\xf0\x17\x1d\rz\xe0\xfb\x8f?\xfe\xd8\xb6m[\xa5\x80R*\x84|w\xc2C\x0f=v\x838RZ\xaf\xa7\x7fJ\x11\x00\xe0\x8cQ\x87\x95X-$\x18*9\\\xfasa\xc9\xe1\xa3ee\xfer!\xc0\x96j\xc9Hw\x9c\xfd\x87\x8c&amp;M3\x88\xddJ\xca\xcaEHD\xedaT\x1d\x10\xd4\xf7\xa1\xd7g\xe6|n1\x0c!\xc1aw\xbe3\xf9#\x97\xd3#b=\xa8\xeb4\x02\x00\xa7\xd3\xfd\xe4\xa0{\xb7|\xff\x95a\x18R\x8a\xd6-\xce\xf8v\xcdH\xae\x08UP\xdf\x7fM\x00E\x88\xe2\xf6\x14\x92j%\xfe\xf2\x83\x07J\xf6\xfc\\TT\xe2\x0f\x04C\x86\xc1&lt;n{\xb33\xd3\xcfn\x96\xc1=\x0e\x12\x12\xd2WN\x19\x8d\xceo\x1e\x00\x98=\xf5\xc7\xef\xf6\xb6\xbb~\x84\x14@\x19\x13BL\x9f&gt;\xbdo\xdf\xbe\x18\x10\x14\x1dX\x00\xa2A\x7f\x9a\xbbv\xed\x9a\x97\x97\xa7c\x7f\xa2\x16\xfbE9#\xceT\xe2\xaf\xf8j\xd3\xae\x0f&gt;\xda\xfc\xc9\xdam\xdf\x17\x1c8R\xe4\xab\xb1\xd6Ks\xdb\xda]\xd0\xec\xee[\xdb\xf7\xb9\xef\x8a\x06\x7f\xc8\x10\xc5Q\n$\xa8\x9e\x11V\\\x12\xd0\xe30o\xed\xd2s\xe0\x13/yK\x8b\xea; (:\xa4\x14nw\xfa\x87\x1f\xe7\x8c}\xb5?c\x9c\xd2\xe8\xa5\xfe)\xa5@*\xc3\x95J\x18\xdb\xfa\xcdO\xef}\xb0\xf1\xc3\x95[\xbe\xdb\xb6\xdf[\x16\xac\xfe_KM\xb1\xb48\xb7\xd1\r\x9d.\xe8s\xdf\x95\x1d\xfe\xdc\x9a\x04*dHD\xe7\xc6\xb4zD\xa0\xc5bH\t\x8d\x1b7\xde\xbau\xab\xc7\xe3\xd1\xcf\x88D\xe15$3,\x00\xf5N_\xfd\xf3\xf2\xf2\xbav\xed\xca9\xa7\x84(\xa2\xa2\x13\xfb\xa5()\xf1U,X\xf4\xd5;\xd9k\xbf\xdc\xb8\xb3\xfa\x7f\xc49\xd3\xdf.}$\x10\xf9\x18\x9c\xd54\xe3\xe5\xe1\xdd\xef\xefq\x95(\tD\'\x93\xb2zF\x98N\t\xa5\x94\xfd\xf7\xe5E-\xce9?\x18\xeb\xb4\xce\xd3A\x11B)\xa5\x8ff\xde\xb4\xbfp\xb7\xc50\xc2BD\'\xf5O?cA\xdc\xb6\x8d_\x16\xbc8q\xe9\xfb\xcb6\x85E\xe5\xc6\x1a\xa5\x943J(%J\x81R\x91\xd5\x00c\xf4\xe1\x07\xae~\xf9\xf9\xee\xe9\x19N\xe9\xaf\x88B\r8&amp;"\xf0p\x99N\t\x1d2d\xc8\x0b/\xbc\x807\x01Q\x80\x05\xa0~\xe9\x90w\x00h\xdb\xb6\xed\x8f?n\xb3X,\xa1P\xb8w\xb7\xcbg\xcex\xa2\xbe7\x7f$\x80\xe1\xb2\xdd\xdf\xe7\xb5\xf9\x8b\xd6\xeb\x7f\xc7b\xe1\x94R\x05*r!\xd0\x18\xa3:\x90K\xefM\x11B\xc6\x0f\xbf\xaf_\xff\xdb\xa2s\x1f\xa0\x94R\x94JJ/\xba\xea\xd9\xed\xbb\x0e\x19\x86!\x84\xb8\xa4\xdd\x95\xaf\x0c\x9f\xa3\xc7\xa4\xd4\xf7\x0b\xa8WR\x8atO\xa3\xa93_\x9c5\x7f\x92\x1e\xf8\xce\x18\xdb\xb2\xf2\xb9\xf3.:\x0b\x02\xf5\x98\xfb\xa4@1Wj\xb9\xaf\xe2\xf9\x97r\'\xbc\x91\x17\nKB\x88apF\t("\xaa}\x00(\xa5\xfa\x89tJ\x88\x04P\x8a\\\xd4\xa6\xe9\xd29\x99g\x9f\xddP\x06CQ\x88\xa6\x10BZ\x1a\xba\xa7OY\xf1p\xff\x19\x86\xc1\x95R\x9c\x1b[\xb6li\xd5\xaa\x95N\xcd\xaa\xef\x17\x90\xcc\xf0\x97[\xbf\xf4\xd9\xaf\x1e\x82\xca\xb9!\x85\x8c^\xec\x97"\x84\xb3\xbb\xbb^L)I\xb1\x1a\x06g\xe1\xb0\x0c\x85\x84\xbe\xfa\xa7\xb9lg6N;\xb3q\x9a\xd3\x91\x02\xa0\x84\x90R\x82\x10\x921\xca9\xeb\xff\xdc\xfc\xe5\x8b7\x18iv)\xeb\xbd\'\xafFF\x98\xbeDn\xda\xfc\xd9\xdauyN\xa7[\xc6\xf3\xb3\xc1J\xa9\x14\xabm\xef\xfe\x9d\xb9Kg\xea\xfd\x8c\xe8\xa4\xfe\x81R$\xc5\xd8\xb0a\xe75w\x8c\x19;iY(,9gz{-\x14\x96\xfa\xea\x9f\xe6\xb65j\xe0Js\xdb\x94\xaa|\xf7\xf5}\xa0\xc5\xc2\xb7n\xdb\x7f[\xcfW\xcb|\xe5\xc4\x88FNg\xf5\x88@\xbd\xea\xd7#\xb2\xf1(8\n\xf0W\\\x8ftG\xf3\xa1C\x87.\xbc\xf0\xc2\x92\x92\x12\xc3\xe0\xe1\xb0x\xae\xffm\xcf\x8f\xee\x19.,1,\xf5~{\xab\x08\x01J\xff\xd8\xf9\xb9\xef\n\x0e\x10B\x1af8\xbb\\sQ\xd7\xeb\xda\xb6\xbb\xe0\x0fM\x1b\xa5\xd9l\x16BH\xa9\xaf\xe2\xbb\x1d\x85\xd9\x0b\xbe\x98&gt;w-!\x84\xd0\xca\'T/h}\xe6\xa6O\x9e\xb7\x10\x12\x9d]X\x00\xc5\xd3\xec\x9d\xbb\xbe\xb0\xfa\xf3\x1f-\x86\x11\x16\xb2Y\xd3s\xa7\x8c_\xaa\x94\xce\xc7\x8e\xcb\xbd`)\x85\'\xad\xc1\x88\x97\xff\xf1\xf1\xea\xf7\r\xc3\x00\x90in\xdb\x8e/^LKw\x90p=\x06?\x08\t\x96t\xc7K/\xfe\xef\xe9\xd1\xffKI1\xc2!I(\x05\x00F\xe9m]\xffx\xf7-\x97\\r\xd1\xd9M\x1b\xbb\xadV#\x14\x12;\xf7\x1d}\x7f\xf97\xafO\xfb\xb8\xd4W\xce(\x05\xa5,\x16\x1e\x0e\xcb\x01\x8f\xdf\xf8\xca\xb8&gt;\xa2\xc8\x17\x85\xbb@)\xc1\xf08\xf2\x97\x7fsM\xf7q\x06\xe7\xba1t\xf9\xf2\xe5]\xbat\xc1\x8d\xa0z\x85\x05\xa0\x1e\xe9\xcf\xee\xc3\x0f?&lt;}\xfat\xab\xd5\x12\x0e\x87\xcf=\xbb\xe1\xc6\x95\xcf\xbb\xecV*\xeb\xbd\xf7\x83\x10"\x04X\x1a:\xa7\xbc\xb6|\xf2;+\xff\xf5\xe8\rw\xddt\xf1\x19g7$\x8c\x92\x90 B\x12\xbd\xf3\xcb(\xb1ZH\xaa%7{M\x8f\xbfO\x0b\x87\x85R\x8a2\x06\x12&gt;\xccz\xb2\xeb\xed\x1dDI4\xe6\x93\x00\x00s\xa4n\\\xb7\xfd\xf2\xdb\xc6\x00(J\xa9\x94\xb2\xf7}O&gt;\xdagpq\xc9\xe1x&lt;\r\x06\x90NG\xda\xbaM\x9f&lt;3\xf2!}\x9f#%L\x1e\xd9\xe3\x89~\xb7\x8a\xa3\xf5\x1e\xfc\x00Jqgj\xaf\x87^\xcf\xce\xfd\x8aR\xa2\x14\xb9\xb3\xeb\xc5\xcf\x0e\xbc\xfd\xd2?\xb5"\x9c\x91\x90 aI\x94"\x94\x12+\'6\xeb\xf7\x1bv\xdd\xf9\xe0\xa4\x82]\x87\x18\xa3\xfa\xdf\xb6\xa5Z\x7f\xfctd\xd3f\rd(\x1c\x85FU)\xc1p\xdb\xbb\xf7zu\xc1\x07\x1b-\x16\x8b\x10\xe2\xbc\xf3\xce\xdb\xb2e\x8b\x9e\x1f\x89\xa7\xc1\xf5\x04\xb7\x80\xea\x8b\xde\xfc\xd9\xb0a\xc3\x9c9s\xf4\x03\xee\xd1\x8f\xfd2\x0c\xa6\xbc\xc1\xbf\xf4\xb8rS\xde\xd0\xc7\xff\xd1\xe5\x8cFnQ\xe2\x0f\x17\xf9\xa4\xbf\x02B\x02\x84\x04!!$Di\xa0\xe2@\xf1]}:\xf7\x7f\xec\x06\x00\xc59c\x94PJ?^\xbb\x8dTM\xd1\xaao\xd53\xc2\x00\x80RB)\xcd]:s\xef\xfe\x9dq\x9b\x12J\x85\x0c\xcf\x9e?\t\x00\xf4\xe4\x83h\xa6\xfeQB\xa0&lt;\xfc\xd6\xe4\xbf\xb6=\xff\x0f.Gj\xd6\x94\xc7r\xe7\xf7\xbb\xb4}\x0b\xe9\rT~\x00\xc2\x02\x84\x84\xb0\x90\xbe\xf2\x8a\x03%\x17\\|\xee\xfc)\x8f\xa5\xa4\x18DU&gt;\xb4\xe8\x0fT|\xf0\xd1\xb7\xc4\x91\x022\x1a\xbf\xfcc"\x02\xa5\xe4\x9co\xdb\xb6m\xca\x94)\x8c1|6\xb8\xfe`\x01\xa8/\xfa[4`\xc0\x80\x8a\x8a\n\xbd\xfd\x1a\x9b\xd8/\xa5,\x16\xc3b\xe1\xe1\xc3\xa5\x10\x16\x9c3\x83G\x16U\x958g\xdc`\xe0\r&lt;p\xd7ez\xffG_\x05\xb6\xef:DD\xf4bj\xaag\x84I\t\x9c\xf32_\xc9;\xb3_v\xd8]q\x97\x12*\xa5\xf0\xa4e,\xfbh\xfe\x96\xef\xd7\xeb\xb3_\xa5H4S\xff(\xa5*,\x1c\x8e\x94\xdcw\xfe\xf1\xc5\x92\xc1=\xfbt\x16\xde\x80\xf4\x97\xb3\xe3&gt;\x00\x8c1\xab\xd5\x08\x1f.\xbd\xf8\x8a6\xb7\\\xf7\x7f\xa0\x14\xe7\x8c\x12B)\xf9b\xe3N\x02*:\xdbo\xd5#\x02e\xd5\n`\xe8\xd0\xa1\xc5\xc5\xc582\xac\xfe`\x01\xa8\x17z\xf3\'\'\'\'??\xdf0\x0c)d\x0cc\xbft\xa3\xa7a\xf0\x13\xdcv0J\x99\x843\x1a\xb9\x1c\x8e\x14U\xb5\xe5^\xea+\'JE\xed\x05\x1f\x97\x11\xa6\x18c\xab?[\xbaq\xf3\xda\xf8J\tUJ\x19\x86\xf5\xc8\xd1\x83s\xff\xf7\x86\xbe\xc8\xc6$\xf5\x8f1\x06\xfe\x8a\x96\xad\x9b\\\xd0\xf6,q\xc8\xcb9;\xd1\xb13\xa5\x8a\x92k\xae&lt;\x8f\xe8\xc58!J\x91=?\x17\x11!\xa3\xf3\xa02\xa9\x11\x11(\xa4a\x18\xc5\xc5\xc5C\x87\x0e\xc5\x80\xa0\xfa\x83\x05\xe0\xf4\xd3\xab\x15\xdd\xc9@\x08a\x8c\xcaX\xc7~\xd5\xee+L\xc3B\x8a\xca\x0c\x06J\x08I\xb1\x1a$\xba\xa1&lt;\xd53\xc2@J\xc6XX\x84\xa6\xcd\x1a\x1b_\xe9@R\n\xb7\xcb\x93\xb3h\xea\x81\xc2=\x8cq\x80\x98\xa5\xfeQFeyX\x06C\xbf{\xd3I)\xa1J5n\xe8&amp;\x84DV\xdb\xe5\x15a\x12\xc5+o\xf5\x88@PJ\xf7\x83\xe9\x0e:\xdc\x08\xaa\'X\x00N?\xfd\x00\xce+\xaf\xbcRPP`\xb1XDX\xc4*\xf6\xab\xf6\x00\x14X\xf8\xee}E\x81\x80n\xfdV\x94\x92fg\xa6\x13#Jg\x00Z\x8d\x8c\xb0\xaa\x99\x91_\xe5\xad\\\x90\xe6\x8e\x8f\x99\x91:\xf6\xa7`\xe7\x96E\xcbf1\</t>
        </is>
      </c>
    </row>
    <row r="467">
      <c r="A467" s="1" t="n">
        <v>465</v>
      </c>
      <c r="B467" t="inlineStr">
        <is>
          <t>color_hexagon</t>
        </is>
      </c>
      <c r="C467" t="inlineStr">
        <is>
          <t>What is the missing color of the part denoted with a question mark?</t>
        </is>
      </c>
      <c r="D467" t="inlineStr">
        <is>
          <t>['red', 'purple', 'yellow', 'green']</t>
        </is>
      </c>
      <c r="E467" t="inlineStr">
        <is>
          <t>red</t>
        </is>
      </c>
      <c r="F467" t="inlineStr">
        <is>
          <t>There is a hexagon split into six parts with the colors ['red', 'green', 'purple', '?', 'green', 'purple'] in an anti-clockwise order.</t>
        </is>
      </c>
      <c r="G467" t="inlineStr">
        <is>
          <t>We observe that a green part is opposite another green part, and a purple part is opposite another purple part. Thus, the pattern is that the colors in opposite parts are the same.</t>
        </is>
      </c>
      <c r="H467" t="inlineStr">
        <is>
          <t>Based on the pattern that spatially opposite parts have the same color, the missing color of the part which is opposite a red part should be red.</t>
        </is>
      </c>
      <c r="I467" t="inlineStr">
        <is>
          <t>b'\x89PNG\r\n\x1a\n\x00\x00\x00\rIHDR\x00\x00\x02\x00\x00\x00\x02\x00\x08\x02\x00\x00\x00{\x1aC\xad\x00\x00|\x97IDATx\x9c\xed\xddy|\x95\xd5\xb5?\xfe\xbd\xd6~\xce\x989Q\x0c\x82\xa12\x18D\x14\x04\x11\x81\x1bH\x90\xe9\x82\x10\x1c\xa8(x\xe5U\xf9\n\x15\xdbF\x91[\xb1\r\x0e\x94\xafbA\xbcT\xefU\xab_\xed\xbd\x82x\xf9\xd9JQ\xd4\x80\x04H\x99!\x02"\x83i\xa0L&amp;\x0c!9\'9c\x9e\xbd\xf7\xef\x8f\x9d\x1c)\x8a\x02\x99\xce9\xcfz\xbf\xfaGK{\xaf\x873&lt;\xeby\xf6^{}@)\xc5\x08!\x84X\x0f\xb6\xf5\x0b \x84\x10\xd26\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00\x84\x10bQT\x00\x08!\xc4\xa2\xa8\x00\x10B\x88EQ\x01 \x84\x10\x8b\xa2\x02@\x08!\x16E\x05\x80\x10B,\x8a\n\x00!\x84X\x14\x15\x00B\x08\xb1(\xa3\xad_\x00iKJ)\xa5T[\xbf\n\xd2f\x00\x00\x00\xda\xfaU\x906\x03\xf4\xfb\xb7,\xd34\r\x83\xee\x00\xac\xce4M\xce9\x95\x01k\xa2\x02`QRJD&lt;p\xe0\xc0#\x8f&lt;\x82\x88R\xca\xb6~E\xa4U\x19\x86a\x9a\xe6\xd4\xa9S\xef\xbf\xff\xfe\xb6~-\xa4\xcd\xd0\r\xa0\xe5\xe8\x92\x1f\x08\x04\x16.\\\x98\x9a\x9aZ\\\\\xdc\xd6\xaf\x88\xb4\x99\x1e=z\x9c8qb\xd4\xa8Q={\xf6TJ!\xd2\xa6\xa0\xb5\xd0\x13\x80\xe5\x08!8\xe7\x7f\xfa\xd3\x9f\xa6L\x99\x02\x00\x9c\xf3\xc8w\x00i\x1d\xc0\x02\xce\xdd\xf6\xe1\x9c\x87\xc3\xe1\x07\x1ex\xe0\xbf\xff\xfb\xbfiI\xd0\x82\xa8\x00X\x8b\xde\xf5\xf5x&lt;=z\xf48s\xe6\x8c\x94\x92\x16\x7f,\xcen\xb7\x0b!\x8a\x8b\x8bsrr\xf4\xcdA[\xbf"\xd2z\xa8\xe0[\x8b\x94\x92s^XXXYY\xa9\xef\xfdu\x17\x88TjBv\xf6\x03=zxB!\x83\xd6\x01\xe2\x94P*\xc1f+=y\xf2\xf9\xad[\xa5RR)\x004MSJYPP\xb0i\xd3&amp;\x9b\xcd\xa6\xbf\x12m\xfdJI+\xa1\'\x00\x0b\x91R\x02\xc0\xd7_\x7f\xdd\xb3gO)e\xa4\x07\x14\x19\x93\x8ce&amp;$l\x9d4)\xc5\xe9\xac\x17\x02\x18ct\x15\x88\'J1\x00)e\x8a\xc31\xfa\x83\x0f&gt;?z\x94\x03\x88\x86\xdf&gt;p\x8eB\x88w\xdey\xe7\xc1\x07\x1f\xa4\x87\x00K\xa1\x02`!\xfa\xb7=r\xe4\xc8\xa2\xa2"\xc3f\x98\xf5f\xa7\xeb\xaf\xf6\x9e\xf5U\x9f\xf2pD!\xe4\xa4\xeb\xaf\xff\x8f\xdbo?\x1b\x08\x18\x88\xf4\xb5\x883B\xca4\xa7\xf3\xbd\xfd\xfb\x7f\xb9v\xad\xbe\xfa\x1b\xdc\xd69\xab\xf7\xd7\x87\xb7\xeb\xbd\xdfv\xed\xda}\xf5\xd5W\xa9\xa9\xa9t8\xc0:\xe8a\xdf*\xf4\xd5\xbf\xa8\xa8\xa8\xa8\xa8\x88s\xae\xa4\x04\x84\xfb\x9f\x1c;t\xe2mL1\xc6\x18\x02\xbc\x7f\xf0\xe0\x9e\xd3\xa7\x93\x1d\x0e\xc6\x18\x07\xa0\x7f\xc5\xcd\xbf\x10\xc0\xce\xb9\xdf4\x17\xed\xdc\xc9\x18\x03\xe4\x8c\xb1\xeb:\xdf2u\xe2\xfc\xc4\x844\xa5\x14G^YY\xf9\xd2K/QO\xb0\xa5P\x01\xb0\x04\xbd\xb0k\x9a\xe6/\x7f\xf9K\xc6\x18"\x08!o\x19\xde\xb3[\x9f\x9f\x0c\xbe\xab\xdf\x95\x1d\xd3\x85\x90\x88`J\xf9\xf4\xc6\x8d\x9c\xee\xfe\xe2\x8e\xbe\xfd_\xbcs\xe7a\x8f\xc7@\x14R"\xf2;\x86\xfe\xfc\x8a\xb4\x0ec\xf2\x1eVJ\xe9s!\xbf\xff\xfd\xef\xcb\xca\xca\xa8\x06X\x07\x15\x00K\xd0?\xef\xd7_\x7f\xfd\xe0\xc1\x83\x86a\x08!\\\x89\xce1Ss\x03uAw\x92s\xec\xc3y\x8c1\xc9\x18\x02\x94\x1c?\xfe\xc9\xe1\xc3)\x0e\x87\xa0\xb5\xc1x\xa1\x18s\x19FyM\xcd[{\xf7\x02\x80b\xa0\x94\x1c\xd0\'\xff\xdakn&lt;[Sq\xdb\xcd\xe3:\xb6\xcf\x16R\xea\x96\xd0\xdf\xfc\xe67\x00\xb42l\x15T\x00\xe2\x9f\xde\xfb\xad\xac\xac,,,\x04\x00\xc6\x94\x94*w\xc2\xad?\xe9\xd1\xa1&gt;d\xfa\xeb\x82\x03\xc6\xde\xdc\xadw\')$r\x04\xc6\x9e\xd9\xb4\xa9.\x1c\xe6\x00t\r\x88\x0fB\xca\x04\xbb}\xde\x96-5\xc1 \x07\x94J\xba\x9cIc\xf2\x1e\x0e\x87\x83J)\xa7\xdd\x9d?l\x06cJ\x08\xc99_\xbe|\xb9^$\x14B\xb4\xf5\x0b\'-\x8e\n@\xfc\xd3\'&lt;g\xcf\x9e]]]m\x18\x86)\xc4\x15W\xa7\r\x7f`P]\x8d\x1f92\xc6\xa4\x90w\xfeb\x04\xe7(\xa4\xe4\x88\x87jj\x16\x97\x96\xa69\x9d\x82\xd6\x01b\x9fP*\xd5\xe9,:|\xf8/ee\x1c@2\xa6\x94\x1a5\xe4\xa1\xb4\x94\xccz3\xc4\xb9\xe1\x0bz{t\x1bt\xd3\xf5\xb9R\n\x00\x04\x80_\xfe\xf2\x97\xa6i\xd2s\x80\x15P\x01\x88sz\xf1g\xe7\xce\x9d\xef\xbd\xf7\x1e\xe7\\J\xc1\x14\x1b7}hJF\xa2i\n\x00\x86\x08A_\xa8\xfb\xad\xd7\x0e\xca\xef\xa3\xa4R\xc0\x00\xe0\xad\xbd{\xcbkj\x9c\x86A\x17\x80X\x07\x8c\x99R.\xd8\xb1C*\x05\x88R\xca\x8e\xed\xb3s\xfb\xff4\x10\xac\xd5[\xc1\xc0\x98\x94"\x7f\xd8\x0c\x973Qw\n\x1c&lt;x\xf0\xf5\xd7_\xa7\x9d\x00+\xa0\x02\x10\xe7\xf4\xf6\xef\xcc\x993C\xa1\x10"\n!\xbb\xf5\xee4`\xec\xcdu5\x01\xce\x1b&gt;}@\x08\xd6\x85\xc6N\x1b\xeaNrJ\xa98BM08o\xcb\x96$\xbb\x9d\x1e\x02b\x9a)e\x86\xcb\xb5d\xdf\xbem\x15\x15\x1cQH\xc5\x98\xca\x1f6\xc3fsJ)\xf4^?\x00\x06\xc3\xbek\xda_\x9f\xd3o\x82R\x92)\x06\x00\x85\x85\x85\xd5\xd5\xd5\x88H\x0f\x01\xf1\x8d\n@&lt;\xd37t\xcb\x97/_\xbf~\xbda\x18B\x98\x86\x8d\xdf\xf9\x8b\x11RHvN\xa7\x0f\x00\x84\xc3fzf\xca\xe8\xa9\xb9J)\xbd\x1b\xbc\xb2\xbc\xbc\xe4\xf8\xf1$\xbb]\xd2% 6)\xc6\xec\x9cW\xf8|\x8bKK\x01\x18\x03TJ\xf6\xba&gt;\xafG\xb7A\xfe`-\xe2\xb7\xa7\xbd\x10\xb9/\xe0\xb9}\xd0\xa4+\xd2:\x08!\x0cnTWW\xeb\x1d#z\x08\x88oT\x00\xe2\x96\xbew\xd3}\x1d\x8c1\x00&amp;\xa5\xea;\xacg\xf7[;\x07|!\xc4\x7f\xea\xf5\xe4\x1c\x03\xb5\xc1\xdc\t\xfd\xaf\xca\xca\x90B"bX\x88\xb9\x9b7s:\x11\x16\xb3L)\xd3\x9c\xce\xff\xda\xb5\xeb\x88\xd7\xcb\x01\xa5\x94\x9c\xdb\xc6\xe4=\xac\xd4\xf9\xd7t``\x8a\xfa\xd4\xa4v\xc3s\xa6(\xa6\xce\xed\x19\xa3\x85\xa0\xf8F\x05 n\xe9\xb1?\x0b\x16,(++\xb3\xd9l\xa6)\x12\x92]\xe3g\x0c\x0b\xfa\x82\xe7]\xfd5!\xa4\xc3e\xbb\xbb`\x14cL(\xc9\x11\xb6VT\xbc\x7f\xe0@\xba\xd3i\xd2% \xd6H\xa5\x92\xec\xf6=\xa7O\xbf\xfd\xe5\x97\xd8\xd8\xfa\x99w\xdb\xc4\xac\x0e=\x82!\x1f\xc2\xf9?|\x8e\xbc\xce_=\xb0O~\xe7\xac\xdeB\n\xce\xb9&gt;5B[\xc1\xf1\x8d\n@|\xd27q\xe5\xe5\xe5\xf3\xe7\xcfGD\xa5\xa4R*\xef\xde\xdb\xae\xea\x94\x11\x0e\x99\xdf{\xd0\x1f9\x06j\x83\xbds\xbbw\xef\xd7Y\xc9\x86!q\xf3\xb7m;\xe5\xf7\xdb9\xa7k@lQ\x8cq\x80\xdfm\xde\xec\r\x87\x11P*\x99\x94\x98&gt;t\xe0\xa4`\xc8\x07\xdf\xb9\xfa\x7f\xfb\x7f\xc2\x8d\xd1\xb9S\x01P\xb7\x84\x16\x15\x15-_\xbe\x9cZB\xe3\x18\x15\x80\xf8\xa4\xf7~\x9f{\xee9\xaf\xd7\xcb97MqUV\xc6\xc8)9~O\x00\xf9\x05?t\xc5\x98\x12j\xc2\xe3\xa3\x0c\x1b\x17Jq\xc4\xa3^\xef\x7f~\xf1E\x1a=\x04\xc4\x14\xdd\xfa\xf9\xf9\x91#\x9f\x1c&gt;\x1ci\xfd\xbc#ozzj{\xd3\x0c_h\xce\x0f\x02\xfa\x03\xde\x9e\xd99}o\x1c!\xa5@@\x00\xf8\xcdo~\x13\x0e\x87\xe99 ^Q\x01\x88Cz\xefw\xc3\x86\rK\x96,\x89\xdc\xbe\xdd]0\xca\xe5\xb6\x0b!\x7f`\xce\x03"\x04\xfc\xa1ko\xe88\xf4\xbe\x01\xba%\x14\x01\xde\xde\xbbw\xd7\xa9S\x896\x1b\xed\x06\xc7\n\x0e\xe0\x0b\x87\xe7m\xd9\x02\x8c\x01r)E\xe7\xac\xde\x03\xfb\x8e\xf7\xf9=\xe7\xee\xfd~\x17\x00\x86\xc2\xfe\xfca3\xdc\xaedS\x98\x86a\x94\x95\x95-X\xb0\x80v\x02\xe2\x15\x15\x80\xf8$\x84(,,\x14B\xe8\x9fn\xf7~\x9d{\xe7v\xf7\xd7\x06\x7f\xe0\xf6_\xd3\xc7\x02\x86M\x1a\x98\x9c\x91(\xa5B\x04o8\xbch\xc7\x0e\x17\x15\x80\x18aJ\x99\xeat\xbe\x7f\xe0\xc0\x97g\xce \xa2\x1e\xfa?:w*\xe7\x86b?\xf2\t\x02@}}\xa8]F\xa7!\xfd\xefUJ)\xa9\x00a\xe1\xc2\x85\x95\x95\x95\xd4\x11\x14\x97\xa8\x00\xc4\x1b\xd349\xe7K\x97.\xdd\xb0a\x83a\x18\xa609\xc7\t\x8f\x8dR\x177\xdcG\xb7\x84^\xd1&gt;u\xec\xb4\xa1\xba%\x94\x03\xac\xf8\xfb\xdf\x8b\x0e\x1fNu:i@P\x94S\x8c9\r\xe3\x98\xd7\xfb\xe2\xf6\xed\x08\xc0\x00\xa5\x14}{\x0e\xef\x99\x9d\xe3\x0fx\xbf\xbb\xf7\xfb]\x80\xdc\x17\xf0\x8c\xc8y\xf0\x8a\xf4kLa\x1a\xdc8{\xf6\xec\xec\xd9\xb3\xe9L@\\\xa2\x02\x10W\xf4\xd4\x07\xaf\xd7\xfb\xec\xb3\xcf\xea\xa5^%\xd5\xa0\xfc&gt;?\xb9\xa1C\xd0\x7f~\xeb\xe7\x85p\x8e&gt;o`\xc0\x1d\xbd\xb3\xb2\xdbK)\x01Q(\xb5`\xc7\x0eS\xfe\xd0\xf2\x11\x89\x06B\xcaD\xbb\xfd\xb5\xdd\xbbO\xfb\xfd\x08(\xa5t9\x13G\ry(\\\x1f\xbc\xd0\xde\xefy\xf4\xc1`\xa7#at\xeeT\xc6\x98\x14R\xdfO\x94\x96\x96r\xce\xe9! \xceP\x01\x88+\xba\xf9g\xfe\xfc\xf9\xe5\xe5\xe5z\xf5\xdf\x9d\xe4\x1c;mh(\x10\x86\x8b\xbb\xfa7\xfc\xff\x11\xd2\xe9\xb6\x8f\x7ft8SL2\xc5\x11\xb7UT\xbc\xbbo_\xba\xcbE\xbb\xc1QK*\x95h\xb7\x97\x9e&lt;\xf9\xc7={\x10@1\xa6\x94\xcc\xe97!\xabC\x8fP\xd8\x7f\xf1\x19/\x88\xdc\x1f\xf0\xdev\xf3\xd8.\x9dz\x0b)\x101\x1c\x0e\x17\x14\x14\x08!\xe8! \xceP\x01\x88\x1f\xba\xf1\xbfq\xd7\x8e\xeb\xd6\xcf\xd1\x0f\xe5\xa6g\xa6\\\xa8\xf5\xf3B\x90\xa3\xcf\x1b\xec9\xa8\xdb\xcd\xb9\xd7\xebc\xc3\xc0`\xfe\xb6m\xc7\xbc^\x1a\x10\x14\xcd8\xc0\xd3\x1b7\x86\x85@@!eF\xda\xd5\xb7\x0f\x9a\xec\xf3\xd7\xfc\xf0\xde\xefw)= h\xf8/\x10\xb9i\n\xc30JJJ\x96.]J-\xa1q\x86\n@\xfc\xd0wg\xbaoO\x8f\xf6\xcc\xcan\x9fwo\x7f\x7fm\x90\xff\xd8\xde\xef\xf7\x92B\x8e\x7ft\xb8+\xd1)\x95\xe2\x1cN\xfb\xfd\xaf\xed\xde\x9dH\x03\x82\xa2\x92P*\xd9\xe1\xf8\xe4\xf0\xe1\x92\xe3\xc7\x11@2\xc6\x98\xbac\xe8\xf4\x94\xc4\x0c!L`\x97\xb6z\x87\x80\xc1\x90\xef\xbak\xfb\r\xe8\x93\xafO\x0e\x03\xc0\xb3\xcf&gt;\xeb\xf1x\xa8%4\x9eP\x01\x88\x13\xba\xf5s\xfd\xfa\xf5\x8d\'wL\xa6\xd8\xf8G\x87;\x9c6!.\xe7z\x8d\x08A_8\xeb\xfa\xf6\xb9\x13nUR)\xc6\x10\xe0\x8f{\xf6\xec:y\x92\x06\x04E\x1b}\xec\xcb__\xff\xcc\xa6M\x8c1D.\xa5\xe8\xd2\xa9w\xff\xdew\xd4\x05.\xf9\xf6_\x03\xc0`\xa8nL\xde\xc3.g\x92~\x08(//\x7f\xf9\xe5\x97\x11\x91\x1e\x02\xe2\x06\x15\x80x\xa0\x8f}\x85B\xa1\x993g\x02\x00"H\xa9n\xce\xeb\xd1sP7\xdf\xe5\xde\xfe3\xbd\x10T\x13\x18&gt;y\xd0\x95\x1d\xd2tKhX\x08\xdd^B\x97\xff\xa8"\xa4Lv8\xde\xde\xbb\xf7PM\rG\x14R\x1a\xdc\x96?\xfcQ)\x05\xbb\xc4{\xff\x08\x000\xcdpZJ\xe6\xbf\x0ey\x885\x0e\x08Z\xb4h\x91\xde^\xa2\xdd\xe0\xf8@\x05 \x1e\xe8\x1f\xe7\xb2e\xcbv\xee\xdc\xa9Wi\r\x1b\x1f;-O\xc9&amp;]\xa8\x01\x98i\x8a\xd4vI\xa3\xa6\x0c\x8e\xb4\x84\xae:t\xe8\xf3#GR)32j\xe8\xd6\xcfojk_\xda\xb1\x03X\xc3\xd4\xcf\x9bo\x18\x96\xdd\xf9\xd6\xef\x1d\xfbs\xf1\x00y X;\xb8\xff\x84+3\xb2\xf4#\xa6\xc7\xe3y\xee\xb9\xe7\xe8L@\xdc\xa0\x02\x10\xf3\xf4\xed\x7fuu\xf5\x93O&gt;\x89\x88:\xf1q\xe8}\x03:\xf5\xe8\xf0\xdd\xa9\x9f\x97\x8as\xac\xab\xf6\x0f\x1a\xdf\xa7k\xef,)$p\x04\xc6\xe6m\xd9\x120M\xca\x8c\x8c\x12\xba\xf5\xf3\xc5\xed\xdb=\xa1\x90^\xfcq\xbb\x92\xc7\r{$\x18\xbc\xe0\xd8\x9f\x8b\xa4[B\xed6\xd7]#\x7f\xc5\x1a\x97\x19\x97,YRRR\xa2\x93\xa5\x9b\xe9o@\xda\x0c\x15\x80\x98\xa7o\xff\x0b\x0b\x0b+++\xf5\xfalrz\xe2\xf0I\x03CM\xbe\xfak\x8a1n\xf01S\xf3\x10A\xff\xb3\xbe&lt;s\xe6\xcd={R\x1c\x0e\xda\rnsz\xea\xe7\xdf\x8e\x1f_\xba\x7f?\xea\x93\x1fJ\r\xe9\x7fo\xbb\x8cN\xf5f\xe8\x92Z\xbf\xbe\x17"\x0f\x04ko\xea\x9e{]\xe7~RJ\x00\x14B\x14\x14\x14\x84B!\xda\r\x8e\x03T\x00b\x9b\xbe"G2\xfc\x94\x92J\xb1q\xd3\x87f\xb4O\r\x87/\xad\xf5\xf3B\x10\xc1\xe7\r\xf4\x1a\x9c\xddo\xc4\x8dR*\x86\x80\x00\x8bv\xee&lt;Q[K-\xa1\xd1\x80#\xce\xdd\xbc\xd9\x94\x12\x11\x85\x14Wfd\x8d\xc8y\xd0\x17\xf0\xc0e\xed\xfd~\x97bL*q\xf7\xc8\xc78\xb7\t!\x0c\xc3(--]\xb6l\x19\r\x08\x8a\x03T\x00b\x9b^\xff\xd1)\xde\x9cs!d\xd7\xdeY\xffrg\xdf:\x8f\xff\xb2\xf7~\xbf\x0b\x11\x82\xfe\xf0\xf8G\x87\'$\xbb\xa4\x90\x80\xe0\t\x85^\xdc\xbe\xddm\xb3\xd1C@\x1b2\x95Ju:\x97\xed\xdf\xbf\xb5\xa2\x82\x83N|dw\x8d\xfc\x95\xc3\xee\x8e$&gt;6\x1d\x02\x86B\xfeN\x1do\xc8\xbbm\xa2\xce\x8cD\xc4\'\x9f|\xf2\xec\xd9\xb3\xf4\x10\x10\xeb\xa8\x00\xc40\xbd&amp;[TTTTT\xc49\x17R \xc2\x98\xa9y\xdc\xe0\xcd\xfb\xab\x04\x80p\xa8\xfe\xaaN\x19y\xf7\xde\xa6\x7f\xf0\x08\xb0t\xff\xfe]\xa7N%RKh\x1bQ\x8c\x19\x00\xb5\xe1\xf0\xc2\x1d;\x18c\x80\xa8\x94\xbc\xaes\xbf\x9b\xba\xe7\x06\xfe9\xf1\xb1\xe9\x000\x18\xf2\r\x1d8))1CH\xc1\x91WVV\xbe\xf4\xd2K\xf4\x10\x10\xeb\xa8\x00\xc4*}\xef\xafc\x9b\x18c\x88 \x85\xbce\xf8\x8d\xbd\x06g\xfb\xbc\x81fY\xfd?\x17r\xf4{\x02\xa3\xa6\xe4\xb4\xeb\x98.\x84D\x04S\xca\xa77n\xe4\xcd\xb1\xcaD.\x83\x902\xcd\xe9\\\xbcs\xe7a\x8f\xc7@\x14R"\xf2\xbbG&gt;&amp;\x95h\xf6\x82\x0c\x00\xf5f8=\xb5\xfd\x98\xbc\x87\x95jh\t\xfd\xfd\xef\x7f_VVF5 \xa6Q\x01\x88U\xe7\x06\xb7\xea\x96\x0cW\xa2s\xf4\xd4!\xe1`}\xb3_\xfd\x19c\xc0\x98)\xa43\xc1q\xc7\xc3y\x8c1\x1d\x1c_r\xfc\xf8\'\x87\x0f\xa7PKh\xabS\x8c\xb9\x0c\xa3\xbc\xa6\xe6\xad\xbd{\xa11\xf1q@\x9f\xfc\xac\x0e=B!\x7fSZ?/\x84#\xf7\x07\xbc\xfd{\xdf\xd1\xb1}\xb6\x90\x92s\xae\xe3\xa6i\x15(\xa6Q\x01\x88IRJ\x00\xa8\xac\xac,,,\x04\x00\xdd\xfa\x99;\xe1\xd6\x9f\xf4\xe8\x10\xf4_0\xf2\xa9\x898G\xbf70`\xec\xcd\xddzw\x92B"G`\xec\x99M\x9b\xea\xc2aj\tmeB\xca\x04\xbb}\xde\x96-5\xc1 \x07\x94J\xba\x9cIc\xf2\x1e\x0e\x87\x03Ml\xfd\xfc\x01R\n\xa7\xdd\x9d?l\x06cJgF._\xbe\xbca\xf9\x91ZBc\x13\x15\x80\x98\xa4\xc7&gt;\xcf\x9e=\xbb\xba\xba\xda0\x0cS\x88+\xaeN\x1b\xfe\xc0\xa0\xba\x1a\xff\x8fF\xbe4\xe9\x9f\xcb\x98\x14\xf2\xce_\x8c\xd0\xb3\x868\xe2\xa1\x9a\x9a\xc5\xa5\xa5iN\'\xed\x06\xb7\x1a\x9d\xf8Xt\xf8\xf0_\xca\xca"\x89\x8f\xa3\x86&lt;\x94\x96\x92\xd9,\xad\x9f\x17\x82\xc8}Ao\x8fn\x83n\xba&gt;WJ\x01\x80\x91\x06\x04z\x0e\x88QT\x00b\x8f^\xfc\xd9\xb9s\xe7{\xef\xbd\xc79\x97R0\xc5\xc6M\x1f\x9a\x92\x91h\x9a\xa2E\xd7\xe4u^X\xf7[\xaf\x1d\x94\xdfGgF\x02\xc0[{\xf7\x96\xd7\xd4PKh\xab\x01\xc6L)\x17\xec\xd8!\x95\x02D)e\xc7\xf6\xd9\xb9\xfd\x7f\x1a\x08\xd66W\xeb\xe7\x0f\xfc\xa3\xa5\x14\xf9\xc3f\xb8\x9c\x89\xba\x07!\xd2\x82L;\x01\xb1\x88\n@\xec\xd1\xdb\xbf3g\xce\x0c\x85B\x88(\x84\xec\xd6\xbb\xd3\x80\xb17\xd7\xd5\x04\x9a\xb1\xf5\xf3B\x00!X\x17\x1a;m\xa8;\xc9)\xa5\xe2\x085\xc1\xe0\xbc-[\x92hJh\xab0\xa5\xccp\xb9\x96\xec\xdb\xb7\xad\xa2\x82\xa3n\xfdT\xf9\xc3f\xd8l\xcefl\xfd\xbc\x10\x00\x0c\x86}\xd7\xb4\xbf&gt;\xa7\xdf\x04\xdd\x12\n\x00\x85\x85\x85\xd5\xd5\xd5\x14\x19\x16\x8b\xa8\x00\xc4\x18}\xdb\xb5|\xf9\xf2\xf5\xeb\xd7\x1b\x86!\x84i\xd8\xf8\x9d\xbf\x18\xa1\xa7\xf6\xb7\x02\x9d\x19\x99\x9e\x992zj\xae\x1e\x10\x84\x00+\xcb\xcbK\x8e\x1f\xa7)\xa1-M1f\xe7\xbc\xc2\xe7[\\Z\n\xd00\xf6\xa7\xd7\xf5y=\xba\r\xf27w\xeb\xe7\x85 r_\xc0s\xfb\xa0IW\xa4u\x10B\x18\xdc\xa8\xae\xae\xd6{Q\xf4\x10\x10s\xa8\x00\xc4\x12}\x87\xa5\xbb/\x18c\x00LJ\xd5wX\xcf\xee\xb7vn\xfa\xd8\x9f\x8b\xc79\x06j\x83\xb9\x13\xfa_\x95\x95!\x85D\xc4\xb0\x10s7o\xe6\x88t\xf9oQ\xa6\x94iN\xe7\x7f\xed\xdau\xc4\xeb\xe5\x80RJ\xcemc\xf2\x1e\xd6#\xfb[\x0700E}jR\xbb\xe19ST\xe3\x94P\xdd\x8dF\x0bA1\x87\n@,\xd1\x99_\x0b\x16,(++\xb3\xd9l\xa6)\x12\x92]\xe3g\x0c\x0b\xfa\x82\xadv\xf5\xd7\x84\x90\x0e\x97\xed\xee\x82Q\x8c1\xa1$G\xd8ZQ\xf1\xfe\x81\x03\xe9N\'eF\xb6\x10=\xf6g\xcf\xe9\xd3o\x7f\xf9%6\xb6~\xe6\xdd61\xabC\x8f&amp;N\xfd\xbcT\x1cy\x9d\xbfz`\x9f\xfc\xceY\xbd\x85\x14\x9cs}\x1e\x85\xb6\x82c\x0e\x15\x80\x98\xa1o\xb5\xca\xcb\xcb\xe7\xcf\x9f\xdf8\xf6G\xe5\xdd{\xdbU\x9d2.5\xf1\xb1\xe9\x90c\xa06\xd8;\xb7{\xf7~\x9d\x95T\x00\x00\x8c\xcd\xdf\xb6\xed\x94\xdfo\xe7\x9c\xae\x01-A\xa7\xbe\xfcn\xf3fo8\x8c\x80R\xc9\xa4\xc4\xf4\xa1\x03\'\x05CM\x9d\xfay\x99/\x86\x1b\xa3s\xa7\x02\xa0n\t-**j\x0c#\xa2\x96\xd0\x98A\x05 f\xe8\xbd\xdf\xe7\x9e{\xce\xeb\xf5r\xceMS\\\x95\x951rJ\x8e\xdf\x13h\xd1\xd6\xcf\x0b\xbe\x1e\xc6\x94P\x13\x1e\x1fe\xd8\xb8P\x8a#\x1e\xf5z\xff\xf3\x8b/\xd2\xe8!\xa0\x05\xe8\xd6\xcf\xcf\x8f\x1c\xf9\xe4\xf0\xe1H\xeb\xe7\x1dy\xd3\xd3S\xdb\x9bfK\x9d\xfc\xf8\x01\x08\xe8\x0fx{f\xe7\xf4\xbdq\x84\x94\x02\x01\x01@\xc7\x91\xd2s@\x0c\xa1\x02\x10\x1b\xf4\xde\xef\x86\r\x1b\x96,Y\x12\xb9\xc9\xba\xbb`\x94\xcbm\x17B\xb6\xc94\x06D\x08\xf8C\xd7\xde\xd0q\xe8}\x03tK(\x02\xbc\xbdw\xef\xaeS\xa7\x12m6\xda\rn^\x1c\xc0\x17\x0e\xcf\xdb\xb2\x05\x18\x03\xe4R\x8a\xceY\xbd\x07\xf6\x1d\xef\xf3{Zg\xef\xf7\xbb\x000\x14\xf6\xe7\x0f\x9b\xe1v%\x9b\xc24\x0c\xa3\xac\xacl\xc1\x82\x05\xb4\x13\x10C\xa8\x00\xc4\x0c!Daa\xa1\x10B\xff\xc0\xba\xf7\xeb\xdc;\xb7\xbb\xbf6\xd8&amp;\xb7\xff\x9a&gt;\x160l\xd2\xc0\xe4\x8cD\x9d\x19\xe9\r\x87\x17\xed\xd8\xe1\xa2\x02\xd0\xacL)S\x9d\xce\xf7\x0f\x1c\xf8\xf2\xcc\x19D\x94J\x01\xe0\xe8\xdc\xa9\x9c\x1b\x8a\xb5\xd9\xfb\x0c\x00\xf5\xf5\xa1v\x19\x9d\x86\xf4\xbfW)\xa5\xa4\x02\x84\x85\x0b\x17VVVRGP\xac\xa0\x02\x10\x03\xf4\xa8\xe7\xa5K\x97n\xd8\xb0\xc10\x0cS\x98\x9c\xe3\x84\xc7F\xa9\xb6\x1e\xc1\xa3[B\xafh\x9f:v\xda\xd0Hf\xe4\x8a\xbf\xff\xbd\xe8\xf0\xe1T\xa7\xb3\xad_]\x9c\xd0\x89\x8f\xc7\xbc^\x9d\xc6\xcc\x00\xa5\x14}{\x0e\xef\x99\x9d\xe3\x0fx[s\xef\xf7\xbb\x00\xb9/\xe0\x19\x91\xf3\xe0\x15\xe9\xd7\x98\xc24\xb8q\xf6\xec\xd9\xd9\xb3g\xd3\x99\x80XA\x05 \xda\xe9\xa9\x0f^\xaf\xf7\xd9g\x9f\xd5K\xbdJ\xaaA\xf9}~rC\x87\xa0\xbf\xf5Z?/\x84s\xf4y\x03\x03\xee\xe8\x9d\x95\xdd^J\t\x88B\xa9\x05;v\x98\xb2m\x16\xa6\xe2\x8fN||m\xf7\xee\xd3~?\x02J)]\xce\xc4QC\x1e\n\xd7\x07[\x7f\xef\xf7&lt;\xfa`\xb0\xd3\x910:w*cL\n\xa9\xefTJKK)8&gt;&amp;P\x01\x88v\xba\xf9g\xfe\xfc\xf9\xe5\xe5\xe5z\xf5\xdf\x9d\xe4\x1c;mh(\x10\x86\xb6\xbe\xfakRH\xa7\xdb&gt;\xfe\xd1\xe1L1\xc9\x14G\xdcVQ\xf1\xee\xbe}\xe9.\x17\xed\x067\x91T*\xd1n/=y\xf2\x8f{\xf6 \x80bL)\x99\xd3oBV\x87\x1e\xa1\xb0\xbf\xf5\xf7~\xbf\x0b\x91\xfb\x03\xde\xdbn\x1e\xdb\xa5So!\x05"\x86\xc3\xe1\x82\x82\x02!\x04=\x04D?*\x00QM7\xfe7\xee\xadq\xdd\xfa9\xfa\xa1\xdc\xf4\xcc\x94\xd6o\xfd\xbc\x10\xe4\xe8\xf3\x06{\x0e\xeavs\xee\xf5\xfa@20\x98\xbfm\xdb1\xaf\x97\x06\x045\x1d\x07xz\xe3\xc6\xb0\x10\x08(\xa4\xccH\xbb\xfa\xf6A\x93}\xfe\x9a\xb6\xda\xfb\xfd.\xa5\x07\x04\r\xff\x05"7Ma\x18FII\xc9\xd2\xa5K\xa9%4\xfaQ\x01\x88j\xfa\x1eJw\xd7\xe9\x01\x9cY\xd9\xed\xf3\xee\xed\xef\xaf\r\xb6\xc2\xd8\x9fK"\x85\x1c\xff\xe8pW\xa2S*\xc59\x9c\xf6\xfb_\xdb\xbd;\x91\x06\x045\x81P*\xd9\xe1\xf8\xe4\xf0\xe1\x92\xe3\xc7\x11@2\xc6\x98\xbac\xe8\xf4\x94\xc4\x0c!Lh\x9d\xd1\x1f\x17\x01\x01\x83!\xdfu\xd7\xf6\x1b\xd0\'_\x9fI\x06\x80g\x9f}\xd6\xe3\xf1PKh\x94\x8b\xae\x8b\x089\x97n\xfd\\\xbf~}\xe3\xf9\x1a\x93)6\xfe\xd1\xe1\x0e\xa7M\x88\xe8\xba\xaa"B\xd0\x17\xce\xba\xbe}\xee\x84[\x95T\x8a1\x04\xf8\xe3\x9e=\xbbN\x9e\xa4\x01A\x97G\x1f\xfb\xf2\xd7\xd7?\xb3i\x13c\x0c\x91K)\xbat\xea\xdd\xbf\xf7\x1du\x81(\xba\xfd\xd7\x000\x18\xaa\x1b\x93\xf7\xb0\xcb\x99\xa4\x1f\x02\xca\xcb\xcb_~\xf9eD\xa4\x87\x80hF\x05 J\xe9c_\xa1Ph\xe6\xcc\x99\x00\x80\x08R\xaa\x9b\xf3z\xf4\x1c\xd4\xcd\x17}\xb7\xffL/\x04\xd5\x04\x86O\x1ete\x874\xdd\x12\x1a\x16B7\xae\xd0\xe5\xff2\x08)\x93\x1d\x8e\xb7\xf7\xee=TS\xc3\x11\x85\x94\x06\xb7\xe5\x0f\x7fTJ\xc1\xa2\xe6\xde?\x02\x00L3\x9c\x96\x92\xf9\xafC\x1eb\x8d\x03\x82\x16-Z\xa47\xaeh78jE\xddu\x84h\xfa\'\xb4l\xd9\xb2\x9d;w\xea\xb5T\xc3\xc6\xc7N\xcbS2J/\xa7\x00\xcc4Ej\xbb\xa4QS\x06GZBW\x1d:\xf4\xf9\x91#\xa9\x94\x19y\x89t\xeb\xe77\xb5\xb5/\xed\xd8\x01\xaca\xea\xe7\xcd7\x0c\xcb\xee|k+\x8f\xfd\xb9x\x80&lt;\x10\xac\x1d\xdc\x7f\xc2\x95\x19Y\xfa\xe1\xd5\xe3\xf1&lt;\xf7\xdcst&amp; \x9aE\xe37\x89\xe8\xdb\xff\xea\xea\xea\'\x9f|\x12\x11u\xe2\xe3\xd0\xfb\x06t\xea\xd1\xa15\xa7~^*\xce\xb1\xae\xda?h|\x9f\xae\xbd\xb3\xa4\x90\xc0\x11\x18\x9b\xb7eK\xc04)3\xf2\x92\xe8\xd6\xcf\x17\xb7o\xf7\x84Bz\xf1\xc7\xedJ\x1e7\xec\x91`\xb0\r\xc6\xfe\\$\xdd\x12j\xb7\xb9\xee\x1a\xf9+\xd6\xb8\x80\xb9d\xc9\x92\x92\x92\x12\x9dY\xdd\xd6/\x90|\x8f(\xfd2Y\x9c\xbe\xfd/,,\xac\xac\xac\xd4\xab\xa8\xc9\xe9\x89\xc3\'\r\x0cE\xf1\xd5_S\x8cq\x83\x8f\x99\x9a\x87\x08\xfao\xf1\xe5\x993o\xee\xd9\x93\xe2p\xd0n\xf0E\xd2S?\xffv\xfc\xf8\xd2\xfd\xfbQ\x9f\xfcPjH\xff{\xdbetj\xd1\xc4\xc7\xa6C\xe4\x81`\xedM\xdds\xaf\xeb\xdcOJ\t\x80B\x88\x82\x82\x82P(D\xbb\xc1\xd1\x89\n@\xd4\xd1\xd7\xcdH\xd2\x9eRR)6n\xfa\xd0\x8c\xf6\xa9\xe1p\xb4\xb4~^\x08"\xf8\xbc\x81^\x83\xb3\xfb\x8d\xb8QJ\xc5\x10\x10`\xd1\xce\x9d\'jk\xa9%\xf4\xe2q\xc4\xb9\x9b7\x9bR"\xa2\x90\xe2\xca\x8c\xac\x119\x0f\xfa\x02\x9e\x96N|l:\xc5\x98T\xe2\xee\x91\x8fqn\x13B\x18\x86QZZ\xbal\xd92\x1a\x10\x14\x9d\xa8\x00D\x1d\xbd\xfe\xa3\xb3\xb69\xe7B\xc8\xae\xbd\xb3\xfe\xe5\xce\xbeu\x1e\x7f\x14\xee\xfd~\x17"\x04\xfd\xe1\xf1\x8f\x0eOHvI!\x01\xc1\x13\n\xbd\xb8}\xbb\xdbf\xa3\x87\x80\x1fe*\x95\xeat.\xdb\xbf\x7fkE\x05\x07\x9d\xf8\xc8\xee\x1a\xf9+\x87\xdd\xdd\n\x89\x8fM\x87\x80\xa1\x90\xbfS\xc7\x1b\xf2n\x9b\xa83#\x11\xf1\xc9\'\x9f&lt;{\xf6,=\x04D\xa1\x18\xb8\xa0X\x8a^9-*****\xe2\x9c\x0b)\x10a\xcc\xd4&lt;n\xf0X\xf9\xed\x00@8T\x7fU\xa7\x8c\xbc{o\xd3?x\x04X\xba\x7f\xff\xaeS\xa7\x12\xa9%\xf4\x07)\xc6\x0c\x80\xdapx\xe1\x8e\x1d\x8c1@TJ^\xd7\xb9\xdfM\xdds\x03\xad\x95\xf8\xd8t\x00\x18\x0c\xf9\x86\x0e\x9c\x94\x94\x98!\xa4\xe0\xc8+++_z\xe9%z\x08\x88BT\x00\xa2\x88\xbe\xf7\xd7\xe1J\x8c1D\x90B\xde2\xfc\xc6^\x83\xb3}\xde@\x94\xaf\xfe\x9f\x0b9\xfa=\x81QSr\xdauL\x17B"\x82)\xe5\xd3\x1b7\xf2\xe8^\xbfjsB\xca4\xa7s\xf1\xce\x9d\x87=\x1e\x03QH\x89\xc8\xef\x1e\xf9\x98T"\x86\xca&amp;\x00\xd4\x9b\xe1\xf4\xd4\xf6c\xf2\x1eV\xaa\xa1%\xf4\xf7\xbf\xff}YY\x19\xd5\x80hC\x05 \x8a\x9c\x1b\xaf\xaa\x1b\'\\\x89\xce\xd1S\x87\x84\x83\xf51t\xf5g\x8c\x01c\xa6\x90\xce\x04\xc7\x1d\x0f\xe71\xc6tp|\xc9\xf1\xe3\x9f\x1c&gt;\x9cB-\xa1\x17\xa0\x18s\x19FyM\xcd[{\xf7Bc\xe2\xe3\x80&gt;\xf9Y\x1dz\x84B\xfe\xe8l\xfd\xbc\x10\x8e\xdc\x1f\xf0\xf6\xef}G\xc7\xf6\xd9BJ\xce\xb9\x0e\xb2\xa6U\xa0h\x13K\xdf\xaa\xf8&amp;\xa5\x04\x80\xca\xca\xca\xc2\xc2B\x00\xd0\xad\x9f\xb9\x13n\xfdI\x8f\x0eA\x7f\x1bD&gt;5\x11\xe7\xe8\xf7\x06\x06\x8c\xbd\xb9[\xefNRH\xe4\x08\x8c=\xb3iS]8L-\xa1\xdfKH\x99`\xb7\xcf\xdb\xb2\xa5&amp;\x18\xe4\x80RI\x973iL\xde\xc3\xe1p j[?\x7f\x80\x94\xc2iw\xe7\x0f\x9b\xc1\x98\xd2\x99\x91\xcb\x97/oX\xd8\xa4\x96\xd0\xa8\x11{_\xacx\xa5\xc7&gt;\xcf\x9e=\xbb\xba\xba\xda0\x0cS\x88+\xaeN\x1b\xfe\xc0\xa0\xba\x1a\x7f\x1bF\xbe4\x85bL\ny\xe7/F\xe8)F\x1c\xf1PM\xcd\xe2\xd2\xd24\xa7\x93v\x83\xcf\xa3\x13\x1f\x8b\x0e\x1f\xfeKYY$\xf1q\xd4\x90\x87\xd2R2\xa3\xbc\xf5\xf3B\x10\xb9/\xe8\xed\xd1m\xd0M\xd7\xe7J)\x000\xd2\xda@\xcf\x01\xd1#&amp;\xaf,\xf1G/\xfe\xec\xdc\xb9\xf3\xbd\xf7\xde\xe3\x9cK)\x98b\xe3\xa6\x0fM\xc9H4M\x11\x83?\x7f\xc6\x1a\xf3\xc2\xba\xdfz\xed\xa0\xfc&gt;:3\x12\x00\xde\xda\xbb\xb7\xbc\xa6\x86ZB\xcf\x03\x8c\x99R.\xd8\xb1C*\x05\x88R\xca\x8e\xed\xb3s\xfb\xff4\x10\xac\x8d\xfe\xd6\xcf\x0b\xd1G\xc3\xf2\x87\xcdp9\x13uwC\xa4\xb9\x99v\x02\xa2\x04\x15\x80\xa8\xa0\xb7\x7fg\xce\x9c\x19\n\x85\x10Q\x08\xd9\xadw\xa7\x01co\xae\xab\t\xc4D\xeb\xe7\x85\x00B\xb0.4v\xdaPw\x92SJ\xc5\x11j\x82\xc1y[\xb6$\xd1\x94\xd0s\x98Rf\xb8\\K\xf6\xed\xdbVQ\xc1Q\xb7~\xaa\xfca3l6gL\xb4~^\x08\x00\x06\xc3\xbek\xda_\x9f\xd3o\x82n\t\x05\x80\xc2\xc2\xc2\xea\xeaj\x8a\x0c\x8b\x121|q\x89\x1b\xfa\xe6h\xf9\xf2\xe5\xeb\xd7\xaf7\x0cC\x08\xd3\xb0\xf1;\x7f1B\xcf\xd6\x8fi:32=3e\xf4\xd4\\= \x08\x01V\x96\x97\x97\x1c?NSB5\xc5\x98\x9d\xf3\n\x9foqi)@\xc3\xd8\x9f^\xd7\xe7\xf5\xe86\xc8\x1f;\xad\x9f\x17\x82\xc8}\x01\xcf\xed\x83&amp;]\x91\xd6A\x08ap\xa3\xba\xbaZ\xefr\xd1C@4\xa0\x02\xd0\xc6\xf4}\x90\xee\x91`\x8c\x010)U\xdfa=\xbb\xdf\xda9\x9a\xc7\xfe\\&lt;\xce1P\x1b\xcc\x9d\xd0\xff\xaa\xac\x0c)$"\x86\x85\x98\xbby3G\xa4\xcb?c\xcc\x942\xcd\xe9\xfc\xaf]\xbb\x8ex\xbd\x1cPJ\xc9\xb9mL\xde\xc3z\xb0~\xac\x03\x06\xa6\xa8OMj7&lt;g\x8aj\x9c\x12\xaa\xfb\xdch!(\x1aP\x01hc:\xf3k\xc1\x82\x05eee6\x9b\xcd4EB\xb2k\xfc\x8caA_0\x0e\xae\xfe\x9a\x10\xd2\xe1\xb2\xdd]0\x8a1&amp;\x94\xe4\x08[+*\xde?p \xdd\xe9\xb4xf\xa4\x1e\xfb\xb3\xe7\xf4\xe9\xb7\xbf\xfc\x12\x1b[?\xf3n\x9b\x98\xd5\xa1G\xd4N\xfd\xbcT\x1cy\x9d\xbfz`\x9f\xfc\xceY\xbd\x85\x14\x9cs}\xd2\x85\xb6\x82\xa3A&lt;|\xc3b\x97\xbe!*//\x9f?\x7f~\xe3\xd8\x1f\x95w\xefmWu\xca\x88\x9e\xc4\xc7\xa6C\x8e\x81\xda`\xef\xdc\xee\xdd\xfbuVR\x01\x0006\x7f\xdb\xb6S~\xbf\x9ds+_\x03t\xea\xcb\xef6o\xf6\x86\xc3\x08(\x95LJL\x1f:pR0\x14\xbdS?/\x83b\x8csct\xeeT\x00\xd4-\xa1EEE\x8d1G\xd4\x12\xda\x96\xe2\xe7K\x16\x8b\xf4\xde\xefs\xcf=\xe7\xf5z9\xe7\xa6)\xae\xca\xca\x189%\xc7\xef\t\xc4h\xeb\xe7\x85(\xc6\x94P\x13\x1e\x1fe\xd8\xb8P\x8a#\x1e\xf5z\xff\xf3\x8b/\xd2,\xfc\x10\xa0[???r\xe4\x93\xc3\x87#\xad\x9fw\xe4MOOmo\x9a\xb1w\xf2\xe3\x07 \xa0?\xe0\xed\x99\x9d\xd3\xf7\xc6\x11R\n\x04\x04\x00\x1dtJ\xcf\x01m+\xae\xae2\xb1E\xef\xfdn\xd8\xb0a\xc9\x92%\x91[\xa1\xbb\x0bF\xb9\xdcv!d\xfc\xfc\xfa\x19c\x8c!B\xc0\x1f\xba\xf6\x86\x8eC\xef\x1b\xa0[B\x11\xe0\xed\xbd{w\x9d:\x95h\xb3Ys7\x98\x03\xf8\xc2\xe1y[\xb6\x00c\x80\\J\xd19\xab\xf7\xc0\xbe\xe3}~O\xac\xef\xfd~\x17\x00\x86\xc2\xfe\xfca3\xdc\xaedS\x98\x86a\x94\x95\x95-X\xb0\x80v\x02\xda\x16\x15\x80\xb6$\x84(,,\x14B\xe8\x9fA\xf7~\x9d{\xe7v\xf7\xd7\x06\xe3\xec\xf6_\xd3\xc7\x02\x86M\x1a\x98\x9c\x91\xa83#\xbd\xe1\xf0\xa2\x1d;\\\x96,\x00\xa6\x94\xa9N\xe7\xfb\x07\x0e|y\xe6\x0c"J\xa5\x00pt\xeeT\xce\r\xc5\xe2\xf0\xdd\x00\x80\xfa\xfaP\xbb\x8cNC\xfa\xdf\xab\x94RR\x01\xc2\xc2\x85\x0b+++\xa9#\xa8\r\xc5\xe1\x85&amp;&amp;\xe8Q\xcfK\x97.\xdd\xb0a\x83a\x18\xa609\xc7\t\x8f\x8dR\xf1;(G\xb7\x84^\xd1&gt;u\xec\xb4\xa1\x91\xcc\xc8\x15\x7f\xff{\xd1\xe1\xc3\xa9Ng\xfc\xfe\xbd\xbf\x87N|&lt;\xe6\xf5\xea\xccd\x06(\xa5\xe8\xdbsx\xcf\xec\x1c\x7f\xc0\x1b\x1f{\xbf\xdf\x05\xc8}\x01\xcf\x88\x9c\x07\xafH\xbf\xc6\x14\xa6\xc1\x8d\xb3g\xcf\xce\x9e=\x9b\xce\x04\xb4\xa1\xf8\xfc\xaaE9=\xf5\xc1\xeb\xf5&gt;\xfb\xec\xb3z\xa9WI5(\xbf\xcfOn\xe8\x10\xf4\xc7C\xeb\xe7\x85p\x8e&gt;o`\xc0\x1d\xbd\xb3\xb2\xdbK)\x01Q(\xb5`\xc7\x0eS\xc6\xdb\x92\xd7\x0f\xd3\x89\x8f\xaf\xed\xde}\xda\xefG@)\xa5\xcb\x998j\xc8C\xe1\xfa`&lt;\xed\xfd\x9eG\x1f\x0cv:\x12F\xe7Ne\x8cI!\xf5=Pii)\x05\xc7\xb7\x95\xb8\xfd\xb6E3\xdd\xfc3\x7f\xfe\xfc\xf2\xf2r\xbd\xfa\xefNr\x8e\x9d64\x14\x08C\xfc^\xfd5)\xa4\xd3m\x1f\xff\xe8p\xa6\x98d\x8a#n\xab\xa8xw\xdf\xbet\x97\xcb"\xbb\xc1R\xa9D\xbb\xbd\xf4\xe4\xc9?\xee\xd9\x83\x00\x8a1\xa5dN\xbf\tY\x1dz\x84\xc2\xfex\xda\xfb\xfd.D\xee\x0fxo\xbbyl\x97N\xbd\x85\x14\x88\x18\x0e\x87\x0b\n\n\x84\x10\xf4\x10\xd0&amp;\xa8\x00\xb46\xdd\xf8\xdf\xb8\x03\xc6u\xeb\xe7\xe8\x87r\xd33S\xe2\xa9\xf5\xf3B\x90\xa3\xcf\x1b\xec9\xa8\xdb\xcd\xb9\xd7\xeb\xa3\xce\xc0`\xfe\xb6m\xc7\xbc^\xeb\x0c\x08\xe2\x00Oo\xdc\x18\x16\x02\x01\x85\x94\x19iW\xdf&gt;h\xb2\xcf_\x13\x7f{\xbf\xdf\xa5\xf4\x80\xa0\xe1\xbf@\xe4\xa6)\x0c\xc3())Y\xbat)\xb5\x84\xb6\t*\x00\xadM\xdf\xe9\xe8\x1e8=&amp;3+\xbb}\xde\xbd\xfd\xfd\xb5\xc1\x98\x1e\xfbsI\xa4\x90\xe3\x1f\x1d\xeeJtJ\xa58\x87\xd3~\xffk\xbbw\'Z`@\x90P*\xd9\xe1\xf8\xe4\xf0\xe1\x92\xe3\xc7\x11@2\xc6\x98\xbac\xe8\xf4\x94\xc4\x0c!L\x88\xf5\xd1\x1f\x17\x01\x01\x83!\xdfu\xd7\xf6\x1b\xd0\'_\x9fv\x06\x80g\x9f}\xd6\xe3\xf1PKh\xeb\xb3\xca\x15\'J\xe8\xd6\xcf\xf5\xeb\xd77\x9e\x821\x99b\xe3\x1f\x1d\xeep\xda\x84\x88\xf3k_\x04"\x04}\xe1\xac\xeb\xdb\xe7N\xb8UI\xa5\x18C\x80?\xee\xd9\xb3\xeb\xe4\xc9\xf8\x1e\x10\xa4\x8f}\xf9\xeb\xeb\x9f\xd9\xb4\x891\x86\xc8\xa5\x14]:\xf5\xee\xdf\xfb\x8e\xba\x80%n\xff5\x00\x0c\x86\xea\xc6\xe4=\xecr&amp;\xe9\x87\x80\xf2\xf2\xf2\x97_~\x19\x11\xe9!\xa0\x95Q\x01h=\xfa\xd8W(\x14\x9a9s&amp;\x00 \x82\x94\xea\xe6\xbc\x1e=\x07u\xf3Y\xe9\xf6\x9f\xe9\x85\xa0\x9a\xc0\xf0\xc9\x83\xae\xec\x90\xa6[B\xc3B\xe8\x96\x98\xb8\xbd\xfc3&amp;\xa4Lv8\xde\xde\xbb\xf7PM\rG\x14R\x1a\xdc\x96?\xfcQ)\x05\xb3\xc0\xbd\x7f\x04\x00\x98f8-%\xf3_\x87&lt;\xc4\x1a\x07\x04-Z\xb4Ho\x89\xd1npk\xb2\xd0E\xa7\xcd\xe9/\xfa\xb2e\xcbv\xee\xdc\xa9W&lt;\r\x1b\x1f;-O\xc98\xbe\xe8}?\x00f\x9a"\xb5]\xd2\xa8)\x83#-\xa1\xab\x0e\x1d\xfa\xfc\xc8\x91\xd48\xcd\x8c\xd4\xad\x9f\xdf\xd4\xd6\xbe\xb4c\x07\xb0\x86\xa9\x9f7\xdf0,\xbb\xf3\xadq3\xf6\xe7\xe2\x01\xf2@\xb0vp\xff\tWfd\xe9\xc7b\x8f\xc7\xf3\xdcs\xcf\xd1\x99\x80Vf\xad\xaf]\x1b\xd2\xb7\xff\xd5\xd5\xd5O&gt;\xf9$"\xea\xc4\xc7\xa1\xf7\r\xe8\xd4\xa3C|L\xfd\xbcT\x9cc]\xb5\x7f\xd0\xf8&gt;]{gI!\x81#06o\xcb\x96\x80i\xc6ef\xa4n\xfd|q\xfbvO(\xa4\x17\x7f\xdc\xae\xe4q\xc3\x1e\t\x06\xe3j\xec\xcfE\xd2-\xa1v\x9b\xeb\xae\x91\xbfb\x8dK\xa3K\x96,)))\xd1i\xd8m\xfd\x02\xad\xc2r\xdf\xbc\xb6\xa2o\xff\x0b\x0b\x0b+++\xf5Zgrz\xe2\xf0I\x03C\x96\xbc\xfak\x8a1n\xf01S\xf3\x10A\xbf?_\x9e9\xf3\xe6\x9e=)\x0eG\x9c\xed\x06\xeb\xa9\x9f\x7f;~|\xe9\xfe\xfd\xa8O~(5\xa4\xff\xbd\xed2:\xc5h\xe2c\xd3!\xf2@\xb0\xf6\xa6\xee\xb9\xd7u\xee\'\xa5\x04@!DAAA(\x14\xa2\xdd\xe0VC\x05\xa05\xe8\xab[$\x0fO)\xa9\x14\x1b7}hF\xfb\xd4p8\xfe[?/\x04\x11|\xde@\xaf\xc1\xd9\xfdF\xdc(\xa5b\x08\x08\xb0h\xe7\xce\x13\xb5\xb5\xf1\xd7\x12\xca\x11\xe7n\xdelJ\x89\x88B\x8a+3\xb2F\xe4&lt;\xe8\x0bxb7\xf1\xb1\xe9\x14cR\x89\xbbG&gt;\xc6\xb9M\x08a\x18Fii\xe9\xb2e\xcbh@P\xab\xa1\x02\xd0\x1a\xf4\xfa\x8fN\xc4\xe6\x9c\x0b!\xbb\xf6\xce\xfa\x97;\xfb\xd6y\xfc\x96\xda\xfb\xfd.D\x08\xfa\xc3\xe3\x1f\x1d\x9e\x90\xec\x92B\x02\x82\'\x14zq\xfbv\xb7\xcd\x167\x0f\x01\xa6R\xa9N\xe7\xb2\xfd\xfb\xb7VTp\xd0\x89\x8f\xec\xae\x91\xbfr\xd8\xdd1\x9d\xf8\xd8t\x08\x18\n\xf9;u\xbc!\xef\xb6\x89:3\x12\x11\x9f|\xf2\xc9\xb3g\xcf\xd2C@\xeb\xb0\xf4\xd5\xa7u\xe8\xf5\xcd\xa2\xa2\xa2\xa2\xa2"\xce\xb9\x90\x02\x11\xc6L\xcd\xe3\x06\xa7o8\x00\x84C\xf5Wu\xca\xc8\xbb\xf76\xfd\x83G\x80\xa5\xfb\xf7\xef:u*1.ZB\x15c\x06@m8\xbcp\xc7\x0e\xc6\x18 *%\xaf\xeb\xdc\xef\xa6\xee\xb9\x81\xd8O|l:\x00\x0c\x86|C\x07NJJ\xcc\x10Rp\xe4\x95\x95\x95/\xbd\xf4\x12=\x04\xb4\x0e*\x00-K\xdf\xfb\xeb\x08$\xc6\x18"H!o\x19~c\xaf\xc1\xd9&gt;o\xc0\xb2\xab\xff\xe7B\x8e~O`\xd4\x94\x9cv\x1d\xd3\x85\x90\x88`J\xf9\xf4\xc6\x8d&lt;.V\xc6\x84\x94iN\xe7\xe2\x9d;\x0f{&lt;\x06\xa2\x90\x12\x91\xdf=\xf21\xa9D\xcc\x17\xb7\xe6\x00\x00\xf5f8=\xb5\xfd\x98\xbc\x87\x95jh\t\xfd\xfd\xef\x7f_VVF5\xa0\x15P\x01hY\xe7\x86\xa0\xea\xf6\x06W\xa2s\xf4\xd4!\xe1`=]\xfd5`\xcc\x14\xd2\x99\xe0\xb8\xe3\xe1&lt;\xc6\x98\x0e\x8e/9~\xfc\x93\xc3\x87Sb\xbc%T1\xe62\x8c\xf2\x9a\x9a\xb7\xf6\xee\x85\xc6\xc4\xc7\x01}\xf2\xb3:\xf4\x08\x85\xfcVk\xfd\xbc\x10\x8e\xdc\x1f\xf0\xf6\xef}G\xc7\xf6\xd9BJ\xce\xb9\x8e\xc8\xa6U\xa0V@_\xc1\x16$\xa5\x04\x80\xca\xca\xca\xc2\xc2B\x00\xd0\xad\x9f\xb9\x13n\xfdI\x8f\x0eA\x7f\\E&gt;5\x11\xe7\xe8\xf7\x06\x06\x8c\xbd\xb9[\xefNRH\xe4\x08\x8c=\xb3iS]8\x1c\xd3-\xa1B\xca\x04\xbb}\xde\x96-5\xc1 \x07\x94J\xba\x9cIc\xf2\x1e\x0e\x87\x03\x16l\xfd\xfc\x01R\n\xa7\xdd\x9d?l\x06cJgF._\xbe\xbca\xc9\x94ZB[\x12}\x0b[\x90\x1e\xfb&lt;{\xf6\xec\xea\xeaj\xc30L!\xae\xb8:m\xf8\x03\x83\xeaj\xfcq\x19\xf9\xd2\x14\x8a1)\xe4\x9d\xbf\x18\xa1\xe7#q\xc4C55\x8bKK\xd3\x9c\xce\x18\xdd\r\xd6\x89\x8fE\x87\x0f\xff\xa5\xac,\x92\xf88j\xc8Ci)\x99\x96m\xfd\xbc\x10D\xee\x0bz{t\x1bt\xd3\xf5\xb9R\n\x00\x8c4M\xd0s@\x8b\xa2\xcbPK\xd1\x8b?;w\xee|\xef\xbd\xf78\xe7R\n\xa6\xd8\xb8\xe9CS2\x12MS\xd0\xcf\xff&lt;:/\xac\xfb\xad\xd7\x0e\xca\xef\xa33#\x01\xe0\xad\xbd{\xcbkjb\xb4%\x14\x183\xa5\\\xb0c\x87T\n\x10\xa5\x94\x1d\xdbg\xe7\xf6\xffi Xk\xe5\xd6\xcf\x0b\xd1G\xc3\xf2\x87\xcdp9\x13u\xdfD\xa4m\x9av\x02Z\x0e\x15\x80\x96\xa2\xb7\x7fg\xce\x9c\x19\n\x85\x10Q\x08\xd9\xadw\xa7\x01co\xae\xab\tX\xbc\xf5\xf3B\x00!X\x17\x1a;m\xa8;\xc9)\xa5\xe2\x085\xc1\xe0\xbc-[\x92bpJ\xa8)e\x86\xcb\xb5d\xdf\xbem\x15\x15\x1cu\xeb\xa7\xca\x1f6\xc3fsZ\xbc\xf5\xf3B\x000\x18\xf6]\xd3\xfe\xfa\x9c~\x13tK(\x00\x14\x16\x16VWWSdX\xcb\xa1+Q\x8b\xd0\xb70\xcb\x97/_\xbf~\xbda\x18B\x98\x86\x8d\xdf\xf9\x8b\x11z\x02&gt;\xf9^:32=3e\xf4\xd4\\= \x08\x01V\x96\x97\x97\x1c?\x1e[SB\x15cv\xce+|\xbe\xc5\xa5\xa5\x00\rc\x7fz]\x9f\xd7\xa3\xdb ?\xb5~^\x18"\xf7\x05&lt;\xb7\x0f\x9atEZ\x07!\x84\xc1\x8d\xea\xeaj\xbd\x7fF\x0f\x01-\x84\n@\xf3\xd3w+\xba\x93\x811\x06\xc0\xa4T}\x87\xf5\xec~kgk\x8e\xfd\xb9x\x9cc\xa06\x98;\xa1\xffUY\x19RHD\x0c\x0b1w\xf3f\x8e\x183\x97\x7f\xc6L)\xd3\x9c\xce\xff\xda\xb5\xeb\x88\xd7\xcb\x01\xa5\x94\x9c\xdb\xc6\xe4=\xac\xc7\xdf\x93\x0b\x01\x06\xa6\xa8OMj7&lt;g\x8aj\x9c\x12\xaa;\xe8h!\xa8\x85P\x01h~:\xf3k\xc1\x82\x05eee6\x9b\xcd4EB\xb2k\xfc\x8caA_\x90\xae\xfe?J\x08\xe9p\xd9\xee.\x18\xc5\x18\x13Jr\x84\xad\x15\x15\xef\x1f8\x90\xeet\xc6Df\xa4\x1e\xfb\xb3\xe7\xf4\xe9\xb7\xbf\xfc\x12\x1b[?\xf3n\x9b\x98\xd5\xa1\x87\x05\xa7~^*\x8e\xbc\xce_=\xb0O~\xe7\xac\xdeB\n\xce\xb9&gt;CC[\xc1-\x84\xbe\x8e\xcdL\xdf\xb6\x94\x97\x97\xcf\x9f?\xbfq\xec\x8f\xca\xbb\xf7\xb6\xab:eX!\xf1\xb1\xe9\x90c\xa06\xd8;\xb7{\xf7~\x9d\x95T\x00\x00\x8c\xcd\xdf\xb6\xed\x94\xdfo\xe7&lt;\xfa\xaf\x01:\xf5\xe5w\x9b7{\xc3a\x04\x94J&amp;%\xa6\x0f\x1d8)\x18\xb2\xe2\xd4\xcf\xcb\xa0\x18\xe3\xdc\x18\x9d;\x15\x00uKhQQQc\x80\x12\xb5\x8463\xfaF63\xbd\xf7\xfb\xdcs\xcfy\xbd^\xce\xb9i\x8a\xab\xb22FN\xc9\xf1{\x02\xd4\xfay\x91\x14cJ\xa8\t\x8f\x8f2l\\(\xc5\x11\x8fz\xbd\xff\xf9\xc5\x17iQ\xff\x10\xa0[???r\xe4\x93\xc3\x87#\xad\x9fw\xe4MOOmo\x9at\xf2\xe3\xa2 \xa0?\xe0\xed\x99\x9d\xd3\xf7\xc6\x11R\n\x04\x04\x00\x1d\xa1J\xcf\x01\xcd\x8e.I\xcdI\xef\xfdn\xd8\xb0a\xc9\x92%\x91\x1b\x96\xbb\x0bF\xb9\xdcv!$\xfd\xfa/\x12"\x04\xfc\xa1ko\xe88\xf4\xbe\x01\xba%\x14\x01\xde\xde\xbbw\xd7\xa9S\x896[4\xef\x06s\x00_8&lt;o\xcb\x16`\x0c\x90K):g\xf5\x1e\xd8w\xbc\xcf\xef\xa1\xbd\xdf\x8b\x07\x80\xa1\xb0?\x7f\xd8\x0c\xb7+\xd9\x14\xa6a\x18eee\x0b\x16,\xa0\x9d\x80fG\x05\xa0\x99\t!\n\x0b\x0b\x85\x10\xfa\xcb\xda\xbd_\xe7\xde\xb9\xdd\xfd\xb5A\xba\xfd\xbf$\xfaX\xc0\xb0I\x03\x933\x12uf\xa47\x1c^\xb4c\x87+\x8a\x0b\x80)e\xaa\xd3\xf9\xfe\x81\x03_\x9e9\x83\x88R)\x00\x1c\x9d;\x95sC\xb1(}\xcd\xd1\t\x00\xea\xebC\xed2:\r\xe9\x7f\xafRJI\x05\x08\x0b\x17.\xac\xac\xac\xa4\x8e\xa0\xe6EW\xa5f\xa3G=/]\xbat\xc3\x86\r\x86a\x98\xc2\xe4\x1c\'&lt;6J\xc5\xf48\x9b6\xa2[B\xafh\x9f:v\xda\xd0Hf\xe4\x8a\xbf\xff\xbd\xe8\xf0\xe1T\xa73\n\xdfQ\x9d\xf8x\xcc\xeb\xd5\xc9\xc6\x0cPJ\xd1\xb7\xe7\xf0\x9e\xd99\xfe\x80\x97\xf6~/\x15 \xf7\x05&lt;#r\x1e\xbc"\xfd\x1aS\x98\x067\xce\x9e=;{\xf6l:\x13\xd0\xbc\xe8{\xd9&lt;\xf4\xd4\x07\xaf\xd7\xfb\xec\xb3\xcf\xea\xa5^%\xd5\xa0\xfc&gt;?\xb9\xa1C\xd0O\xad\x9f\x97\x83s\xf4y\x03\x03\xee\xe8\x9d\x95\xdd^J\t\x88B\xa9\x05;v\x982\x1a\x17\xd3t\xe2\xe3k\xbbw\x9f\xf6\xfb\x11PJ\xe9r&amp;\x8e\x1a\xf2P\xb8&gt;H{\xbf\x97A\x1f\x0cv:\x12F\xe7Ne\x8cI!\xf5\xddUii)\x05\xc77#\xfaj6\x0f\xdd\xfc3\x7f\xfe\xfc\xf2\xf2r\xbd\xfa\xefNr\x8e\x9d64\x14\x08\x03]\xfd/\x97\x14\xd2\xe9\xb6\x8f\x7ft8SL2\xc5\x11\xb7UT\xbc\xbbo_\xba\xcb\x15U\xbb\xc1R\xa9D\xbb\xbd\xf4\xe4\xc9?\xee\xd9\x83\x00\x8a1\xa5dN\xbf\tY\x1dz\x84\xc2~\xda\xfb\xbd&lt;\x88\xdc\x1f\xf0\xdev\xf3\xd8.\x9dz\x0b)\x101\x1c\x0e\x17\x14\x14\x08!\xe8!\xa0\xb9P\x01h\x06\xba\xf1\xbfq\x9f\x8a\xeb\xd6\xcf\xd1\x0f\xe5\xa6g\xa6P\xebgS G\x9f7\xd8sP\xb7\x9bs\xaf\xd7\x87\xa8\x81\xc1\xfcm\xdb\x8ey\xbd\xd16 \x88\x03&lt;\xbdqcX\x08\x04\x14Rf\xa4]}\xfb\xa0\xc9&gt;\x7f\r\xed\xfd6\x85\xd2\x03\x82\x86\xff\x02\x91\x9b\xa60\x0c\xa3\xa4\xa4d\xe9\xd2\xa5\xd4\x12\xda\\\xa8\x004\x03}?\xa2;\xd5\xf</t>
        </is>
      </c>
    </row>
    <row r="468">
      <c r="A468" s="1" t="n">
        <v>466</v>
      </c>
      <c r="B468" t="inlineStr">
        <is>
          <t>circle_size_number</t>
        </is>
      </c>
      <c r="C468" t="inlineStr">
        <is>
          <t>What is the missing number of the part denoted with a question mark?</t>
        </is>
      </c>
      <c r="D468" t="inlineStr">
        <is>
          <t>[6, 3, 4, 5]</t>
        </is>
      </c>
      <c r="E468" t="inlineStr">
        <is>
          <t>5</t>
        </is>
      </c>
      <c r="F468" t="inlineStr">
        <is>
          <t>There are 6 numbered circles with varying sizes arranged in a ring with number [5, 1, '?', 1, 2, 2] in a clockwise order.</t>
        </is>
      </c>
      <c r="G468" t="inlineStr">
        <is>
          <t>We observe that the size of the circle is related to the number in the circle. The circle with the largest value 5 seems to be the biggest and the circle with the smallest value 1 seems to be the smallest. Thus, the pattern is that the larger the number the larger the circle.</t>
        </is>
      </c>
      <c r="H468" t="inlineStr">
        <is>
          <t>Based on the pattern that the larger the number the larger the circle, the missing number of the circle denoted with a question mark should be 5.</t>
        </is>
      </c>
      <c r="I468" t="inlineStr">
        <is>
          <t>b'\x89PNG\r\n\x1a\n\x00\x00\x00\rIHDR\x00\x00\x02\x00\x00\x00\x02\x00\x08\x02\x00\x00\x00{\x1aC\xad\x00\x00\x83\xcaIDATx\x9c\xed\xddy\\TU\xff8\xf0{\xe7\xce\xc2:\xcc\x0c\x9b\x88\xbb"" \x8b\x80(\xa8e\xa6\xe2\x82\xfb\x92\xe6Z\x9a\x9af\x96\x99\x96\x9a[Yf\x99\xbb\x99V\xe6\x86\xbb\xa0\xa9\xa5\xe2\x82"\x8a\xac*\xb8"\xee\xca030\x0c\xccr\xb7\xdf\x1f\xe7\xeb\xfcx\xd4\xca\x05\xe6\xde;\xf3y\xff\xf1\xbcz\x14\xe10\xe7\xde\xcf\xe7\xec\x07gY\x16\x03\x00\x00\xe0xD\\\x17\x00\x00\x00\x007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 \x01\x00\x00\x80\x83\x82\x04\x00\x00\x00\x0e\n\x12\x00\x00\x008(H\x00\x00\x00\xe0\xa0\xc4\\\x17\x00\xf0\x05\xcb\xb2\xe8?\x18\x86y\xee\x17\x88D\xff\xd7\\\xc0q\xdcFe\x02/\x03j\x10\xbc,\xdc\xfa\xd0\x00G\xc30\x0c\xcb\xb2\xe8\x01\x10\x89D\xd6\xe8\xf0\xe2\xff\x10\xaf\xa66K\n\x9e\x0fj\x10\xbc&amp;H\x00\x8e\x85a\x18\x86ap\x1c\'\x08\xe2\xa9\xbf\xa2iZ\xab\xd5\xe28~\xf9\xf2\xe5\xb2\xb2\xb2\xa7"\x82X,\x8e\x8c\x8c$\x08\xc2\xd9\xd9\xd9\xcd\xcd\xed\xd9\x7f\xcb\xb2\xacH$\x82PR\xdb\xa0\x06A\r\x82\x04\xe0\x10P\xd4 \x08\xa2\xfa\xbb]TTt\xe9\xd2\xa5\xec\xec\xec\xe2\xe2\xe2\xabW\xaf\x1a\x0c\x86\xaa\xaa*\x86a\xdc\xdd\xdde2\x19M\xd3\xe8\x8bQ;\x91e\xd9\xb2\xb22\x0c\xc3\xa4R\xa9B\xa1\xf0\xf7\xf7o\xdc\xb8q\xdb\xb6m\x9b5k\x16\x1c\x1c,\x16\xff\xff\xb1D\x8a\xa2p\x1cG\xa1\xc4\xe6\xbf\xa8\xdd\x82\x1a\x04\xb5\x01\x12\x80=cY\x96\xa6\xe9\xea\xef\xf6\x8d\x1b7\xfe\xfc\xf3\xcf\x93\'O\xde\xbe}\xbb\xb4\xb4T\xa5R\xb5h\xd1\xa2Q\xa3F\xa1\xa1\xa1~~~\x8d\x1a5"I\xb2n\xdd\xba...\xd5\xc7\x91q\x1c\xa7i\xfa\xee\xdd\xbb8\x8ek\xb5\xda\x1b7n\x14\x15\x15\xdd\xb8q\xa3\xb0\xb0\xf0\xd1\xa3G\xee\xee\xee\xbe\xbe\xbe\xf1\xf1\xf1\xbdz\xf5\n\x0f\x0f\xb7\x0eDP\x14\xf5R\xe3\x12\xe0YP\x83\xa0VA\x02\xb0Oh\x90\xd7:J\x90\x9d\x9d\xbd{\xf7\xee?\xff\xfc\xd3`0\xd4\xaf_?666&gt;&gt;&gt;88\xb8n\xdd\xbaR\xa9\x14\xc30\x96eI\x924\x9b\xcd8\x8e\x93$\xf9\xdcYD\x99L\x86a\x18A\x102\x99\x0c\x05\x05\x9a\xa6\xd5j\xf5\xf5\xeb\xd7\xcf\x9e={\xe6\xcc\x99\x9b7oZ,\x96\x0e\x1d:\x0c\x1e&lt;\xf8\xcd7\xdfDa\x0b\x95\x04\x9a\x93/\x0bj\x10\xd8\x00$\x00{C\xd3\xb4\xf5]}\xf8\xf0\xe1\xea\xd5\xab\x0f\x1d:d2\x99Z\xb7n\x9d\x90\x90\xd0\xb6m\xdb\x86\r\x1bb\x18FQ\x94\xd1h\xb4X,(RT\x9f\t\xfc\xa7\xf7\x1c=*\xd6YG\x14\x14$\x12\x89L&amp;C\x91E\xa3\xd1dff\x1e=z\xf4\xc4\x89\x13&amp;\x93)66v\xe2\xc4\x89\x91\x91\x91\xcf\x16\x0c\xfc\x0b\xa8A`3\x90\x00\xec\x07\n\x04\xa8ew\xfe\xfc\xf9%K\x96dgg\x07\x04\x04\x8c\x1c9\xb2[\xb7n\n\x85\x82a\x98\xca\xcaJ\xb3\xd9\\\x83\xd3}\xec\x13\x18\x86\x89\xc5bWWW\x89Db2\x99\xce\x9e=\xfb\xfb\xef\xbf\xa7\xa5\xa55n\xdcx\xd2\xa4I}\xfa\xf4A?\x8b\xa6\xe9gg/\x01\x025\x08l\x0c\x12\x80=`Y\x16\xcd\x10b\x18\xb6\x7f\xff\xfeE\x8b\x16UTT\xf4\xe8\xd1\xe3\xddw\xdf\r\t\ta\x18F\xaf\xd7\x93$i\x83\x99=\xeb\\\xa5\x9b\x9b\x9bT*\xbd\x7f\xff\xfe\x8e\x1d;\xf6\xee\xdd\xabV\xab\'N\x9c8a\xc2\x04\xb1X\\=\xcc\x01\x04j\x10p\x02\x12\x80\xe0Y[d\xa7N\x9d\xfa\xfc\xf3\xcf5\x1a\xcd\xb8q\xe3\xc6\x8c\x19\xa3R\xa9*++\x8dF#\x86a\xb6o\xb2\xa18"\x93\xc9\xe4r\xb9\xc5bINN\xfe\xe1\x87\x1ft:\xdd\xf4\xe9\xd3\xdf{\xef=\x0c\xc6\x13\xaa\x81\x1a\x04\\\x81\x04 `\xd6\x86\xd8\xbd{\xf7\xa6L\x99r\xf9\xf2\xe5\xf7\xdf\x7f\xff\xfd\xf7\xdfW(\x14eee$I&gt;\xb5j\xd0\xf6\xd0"\x16\x91H\xa4T*\x19\x86\xd9\xb7o\xdf\x8f?\xfe\xc8\xb2\xecw\xdf}\xd7\xa1C\x07\xcc\xe1\xc7\x13\xa0\x06\x01\xb7 \x01\x08\x95\xf5\xc5\xfb\xe6\x9bo~\xfd\xf5\xd7\xee\xdd\xbb\xcf\x981\xa3n\xdd\xba:\x9d\x8e\xa2\xa8\xea\x0b\x07\xf9\x00\xadIW*\x95\x16\x8be\xd5\xaaUk\xd7\xae\x8d\x8f\x8f_\xbe|\xb9\xbb\xbb;EQ\x9c\x879N@\r\x02\xceA\x02\x10\x1e\xebx\xf1\x95+WF\x8e\x1cIQ\xd4\xbau\xebZ\xb7n\xad\xd7\xeb\xcdf3\xdf\x02Gu(\x88xzz&gt;~\xfc\xf8\x93O&gt;IKK[\xb9rebb"\x86a\x0c\xc38\xce\x982\xd4 \xe0\t\xa80\x81Ao A\x10\xcb\x97/\x7f\xf3\xcd7\xbbw\xef~\xee\xdc\xb9\xe0\xe0\xe0\x92\x92\x12\x1e6\x1b\x9fB\x10\x84H$R\xab\xd5\xce\xce\xce[\xb6lY\xb2d\xc9\x84\t\x13\xc6\x8c\x19\x83\xd6\xb4P\x14\xc5u\x01m\x01j\x10\xf0\x07\xf4\x00\x84\x04\r\x1a\x18\x0c\x86Q\xa3F\x15\x14\x14l\xdd\xba5&lt;&lt;\\\xa3\xd1`B[\x92\x81F\x96\xbd\xbc\xbc4\x1a\xcd\x981cn\xdd\xba\xb5k\xd7\xae\xc0\xc0@\xfeG\xc0\xd7\x045\x08xEH\xcf\x9c\x83C#\xad\x17.\\\x88\x8c\x8c\x94J\xa5\x17.\\\x08\n\n*))\x11\xe2f}\x1c\xc7\xc5bqii\xa9T*MII\x19&gt;|x\xfb\xf6\xed\xff\xf8\xe3\x0f\xb1XL\xd34\xd7\xa5\xab-P\x83\x80o\x04\xf6\xd89,\xd4\xb0:q\xe2D\xd7\xae]\xc7\x8e\x1d\xbbu\xebV\xb3\xd9\\QQ!\x91H\xb8.\xda\xab\x13\x8b\xc5\x14E\xa9\xd5\xea\xe9\xd3\xa7\'%%M\x9d:\xf5\xc7\x1f\x7f$\x08\x02\x9dL\xc9u\xe9j\x18\xd4 \xe0!\x18\x02\x12\x00\x92$%\x12\xc9\xb2e\xcbf\xce\x9cy\xe0\xc0\x81N\x9d:\x95\x94\x94\x88\xc5b\xbbYwA\x92\xa4J\xa5R\xab\xd5qqqQQQ;v\xec\xb0\xb35\xe6P\x83\x80\x9f\xa0\x07\xc0w(v\xfc\xf0\xc3\x0f?\xfe\xf8\xe3\xb9s\xe7:v\xecXRR"\x91H\xec\xe9\xd5\x92H$:\x9d\xce\xc3\xc3#++\xab\xbc\xbc\xbc\x7f\xff\xfe\x04A\xa03\xc8\xb8.Z\r\x80\x1a\x04\xbc\x05=\x00^C\xb1c\xc9\x92%+V\xac\xc8\xc8\xc8\xf0\xf6\xf6\xd6\xe9t\xf6:\xc9F\xd3\xb4T*\x95\xcb\xe5\t\t\t\xce\xce\xce{\xf6\xec\xb1\x83V$\xd4\xa0\xd0k\xd0\xbeA\x02\xe0/4jl\x8d\x1d\n\x85\xc2`0\xd8k\xec@\xd0Zr\xa5Ri\x8d \xe8\xf6+\x81F\x10\xa8A\xa1\xd7\xa0\xdd\x83! \x9eB\xb1c\xd9\xb2e+W\xaet\x90\xd8\x81a\x98H$b\x18F\xa7\xd3\x1d:t\xc8h4\x0e\x1e&lt;\x18\xad.\x17b3\x05jP\xe85\xe8\x08\xa0\x07\xc0G(v\x1c8p 11\xb1\xa8\xa8\xc8\xcf\xcfO\xaf\xd7\xdb}\xec\xb0\xb2\xb6"\x9b7o\x9e\x90\x90\xb0l\xd924\x90\xc2u\xb9^\x02\xd4\xa0\xd0k\xd0A@\x0f\x80w\x18\x86\x11\x8b\xc5\x19\x19\x19\xa3F\x8d:z\xf4\xa8\xbf\xbf\xbfC\xc5\x0e\xecI+R\xaf\xd7\x9f&lt;yr\xff\xfe\xfd\xcb\x96-\x93H$\x02Z]\x0e5(\xf4\x1at\x1c\xd0\x03\xe0\x17t5Gyyy\xb3f\xcd\x16.\\8a\xc2\x04\xb4b\x84\xebrq\x80\xa2(\x85BQXX\x18\x19\x19y\xf2\xe4\xc9\xb8\xb88A\x1c&lt;\t5h%\xd0\x1at(\x90\x00\xf8\x05\r\x1dt\xea\xd4)  \xe0\xe7\x9f\x7f~\xfc\xf81\xba\xf1\xd51\x91$\xe9\xe3\xe3\xb3}\xfb\xf6I\x93&amp;]\xbbv\xcd\xc3\xc3\x83\xff\xd3\x89P\x83\xd5\t\xb1\x06\x1d\n$\x00\x1eA\xed\xa3\x85\x0b\x17&amp;%%\xe5\xe6\xe6\x96\x97\x97\x0b\xee\x84\x80\x1a\x87"\xc8\xb8q\xe3n\xde\xbcy\xec\xd81\x9e\x1f5\x035\xf8,a\xd5\xa0\xa3\x81\x04\xc0\x17h\xde\xec\xfc\xf9\xf3\x9d:u\xca\xcb\xcb\xabS\xa7\x8e\xc9d\x82\xf0\x81a\x18\xc30\n\x85"44t\xe4\xc8\x91\x9f\x7f\xfe9o\x87\x11\xa0\x06\xff\x89Pj\xd0\x01A\x02\xe0\x05t@&lt;\xcb\xb2\x81\x81\x81S\xa7N\x9d4i\x92Z\xad\x86\x86\x12B\xd3\xb4\x9b\x9b[aaa\xfb\xf6\xed\xb3\xb3\xb3\x9b7o\xce\xc3\xa3\xe7\xa1\x06\xff\x85 j\xd01A\x02\xe0\x05\xd4&amp;\xfa\xe4\x93O.\\\xb8p\xea\xd4\xa9\xd2\xd2Rh"U\x87\x86\x11f\xcf\x9e}\xf0\xe0\xc1\x0b\x17.X\xefO\xe7\x0f\xa8\xc1\x7f\xc7\xff\x1atL\x90\x00\xb8\x87\xb6J\x16\x14\x14\xc4\xc7\xc7_\xb8p\xc1\xd7\xd7\xd7l6C\xfb\xe8)h\x18!&lt;&lt;|\xc2\x84\t\x13\'N\xe4\xd50\x02\xd4\xe0\x8b\xe0s\r:,H\x00\xdcCoBttt\xff\xfe\xfdg\xcc\x98\xe1\xb0\xab\x06\xff\x1dM\xd3\xee\xee\xee\xd9\xd9\xd9={\xf6\xbcz\xf5\xaaJ\xa5\xe2\xcfz\x12\xa8\xc1\x17\xc1\xe7\x1atX\xd0H\xe1\x18\x8a\x1d\xc9\xc9\xc9:\x9dn\xe2\xc4\x89:\x9d\x0eb\xc7s\x11\x04\xa1\xd7\xeb\xdb\xb6m\xdb\xb1c\xc7y\xf3\xe6\xa1\xadF\\\x17\n\xc3\xa0\x06_\x18ok\xd0\x91A\x0f\x80Kh\xd3\x10EQM\x9b6\xfd\xe1\x87\x1f\x06\x0c\x18\xa0\xd1h`\xe6\xf0\x9f\xb0,+\x95J5\x1aMXX\xd8\x993gZ\xb6l\x89\xae\xa2\xe5\xb6HP\x83/\x8e\x875\xe8\xe0\xe0\xa3\xe7\x12Z\x0b\xf1\xcb/\xbf(\x14\x8a~\xfd\xfa\xd9\xf1A\xc15\x02\xc7q\xa3\xd1\xd8\xb0a\xc3\xc1\x83\x07\x7f\xf1\xc5\x178\xce}\xf3\x05j\xf0\xa5\xf0\xb0\x06\x1d\x1cT\x00g\xd0\'o2\x99\x9a7o\xbed\xc9\x92\x01\x03\x06\xe8t:\x98\x16\xfbw\xa8\t\xa9V\xab\xd1\xe9\x02\xa1\xa1\xa1\x1c6!\xa1\x06_\x01\xafj\x10\xc0\xe7\xce\x19\xb4td\xff\xfe\xfd^^^\xfd\xfa\xf5+++\x83\xd8\xf1\x9fP\x13\xb2q\xe3\xc6\x03\x06\x0cX\xbe|9\x8e\xe3\x1c\x8e#C\r\xbe\x02^\xd5 \x80\x04\xc0\x19\xb4\xfe\xe1\x87\x1f~\xf8\xf0\xc3\x0f\xc5b1\xbc\x06/\x88 \x88\xca\xca\xca\xa9S\xa7\xfe\xf5\xd7_\x8f\x1f?&amp;\x08\x82\xab^,\xd4\xe0\xab\xe1O\r\x02H\x00\xdc@c\xc7999\x0f\x1f&gt;\xec\xdd\xbb\xb7\xa3\x1d\x17\xfc:P\x132(((  `\xd3\xa6M8\x8esr\xce0\xd4\xe0+\xe3I\r\x02\x0c\x12\x00WP\x93g\xe1\xc2\x85\t\t\t\xde\xde\xde\x16\x8b\x85\xeb\x12\t\x0cM\xd3\xe3\xc6\x8d[\xb5j\x95\xc5b\xe1d\xe0\x05j\xf05q^\x83\x00\x83\x04\xc0\t\x96e\t\x82(//\xcf\xc8\xc8\x183f\x0c\x1c\x19\xf6\xb2\x08\x82\xa8\xa8\xa8\xe8\xde\xbd;\x8e\xe3\xe9\xe9\xe9\xb6oBB\r\xbe&amp;\xcek\x10 \xf0\xd4r\x00\r\x16\x1f&lt;x\xb0Q\xa3FQQQ\x06\x83\x81?\xe1\x83eY\x9a\xa6\xa9\xff\x85\x8e9\xe3\xbah\xff\x83\xa2(\xb9\\\xde\xbbw\xef\xcd\x9b7cO\xda\xe36\x035\xf8\xfa\xb8\xadA\x80\xc0\xa8%gv\xee\xdc\xd9\xbd{w\x9e\xcc\x80\xa1\xc3,q\x1cwrr\x92\xc9dh8\x9beY\xb4R\xdbb\xb1\x18\x8dF\x92$\t\x82\xe0\xc9\xde}\x91Hd6\x9b\xfb\xf4\xe93a\xc2\x04\xb3\xd9\xcc\xc9\xa5+P\x83\xaf\x83\x0f5\x08 \x01\xd8\x1a\x1a=\xd0j\xb5YYYs\xe6\xcc1\x1a\x8d\x9c\x0f\x80R\x14%\x95J\x15\n\x85\xc5b)**\xba|\xf9\xf2\x8d\x1b7JKK-\x16\x8b\xab\xabk\xfd\xfa\xf5CBBBCC\xbd\xbc\xbc\xca\xcb\xcbi\x9a\xe6CkW$\x12UVV\xc6\xc4\xc4`\x18\x96\x96\x96\xd6\xb9sg\x9b\x1d.\x065X#8\xacA`\x05\t\xc0\xd6\xd0A\xb8g\xcf\x9euss\x0b\x0c\x0c4\x1a\x8d\x1c\xb6\xc8\xd0P\x86\xa7\xa7\xa7Z\xadNJJ\xda\xbd{wFFFEE\xc5\xb3_\x19\x1a\x1a:b\xc4\x88\xf7\xde{\xcf\xc5\xc5\xa5\xb2\xb2\x92\x0f/*M\xd3\xce\xce\xce\x11\x11\x11\x07\x0e\x1c\xe8\xdc\xb9\xb3\xcd\x9a\xe1P\x835\x85\xab\x1a\x04V\xb0\x13\xd8\xd6\xd0\x95xc\xc7\x8e%\x08b\xed\xda\xb5\x1c^\x1b\xc20\x8c\xab\xab+\xcb\xb2\x7f\xfc\xf1\xc7\xd2\xa5K\xaf^\xbd\x8a\xfe\xdc\xdf\xdf\xbfY\xb3f&gt;&gt;&gt;\x12\x89D\xaf\xd7\xdf\xbau\xeb\xf2\xe5\xcb\xe8\xaf\xa2\xa3\xa3\xd7\xaf_\x1f\x18\x18XQQ\xc1y\x04\xa1iZ\xa5Rm\xdf\xbe}\xf1\xe2\xc5YYY\x18\x86\xd9\xa6a\x0b5XS\xb8\xaaA`\x05=\x00[#\x08\x82\xa6\xe9\xd3\xa7O\xcf\x9e=\x1b\r\xdarR\x0c\xb4#\xff\xca\x95+_~\xf9\xe5\xc1\x83\x071\x0cS(\x14\x03\x06\x0c\xe8\xd7\xaf_\xabV\xadT*\x95D"A\xbb4\r\x06\xc3\xe5\xcb\x97\xd7\xacY\xb3u\xeb\xd6\xcc\xcc\xcc\x84\x84\x84\xbf\xff\xfe\xbbq\xe3\xc6F\xa3\x91\xdb\xd7U$\x12UUUEGG?|\xf8\xf0\xf6\xed\xdb\x8d\x1b7\xb6\xcd=SP\x835\x85\xab\x1a\x04V\xf0Y\xdb\x14\x9a\x94S\xab\xd5F\xa31::\xba\xaa\xaa\x8a\xab\xc7\x1d5\x1e\xff\xfe\xfbo\x14;F\x8e\x1cy\xfa\xf4\xe9u\xeb\xd6u\xee\xdc\xd9\xdd\xdd\xbd\xaa\xaa\xaa\xac\xacL\xa7\xd3\x95\x97\x97c\x18\x16\x15\x15\xb5e\xcb\x96\x95+WJ$\x92\x07\x0f\x1e\x8c\x1e=\x9a\x0f\xe3\xc88\x8e\x9b\xcd\xe6\x86\r\x1b\xd6\xabW/;;\x1b\xb3\xc9J\x12\xa8\xc1\x1a\xc4I\r\x82\xea \x01\xd8\x14\x1a\xb1=w\xee\x9cR\xa9l\xd8\xb0\xa1\xd9l\xe6\xaa\xfd\x88\x96\xb1O\x9e&lt;y\xec\xd8\xb1\xbf\xfc\xf2\xcb\xef\xbf\xff\xde\xa8Q\xa3\xd2\xd2\xd2\xf2\xf2r\x8a\xa2D"\x11\xf1\x04\x86a\x06\x83\xa1\xa4\xa4\xe4\xc3\x0f?\xfc\xfc\xf3\xcf1\x0c\xcb\xcc\xcc\xdc\xb4i\x93B\xa1\xe0|\xed6\xc30\x12\x89$44\xf4\xd4\xa9S\x98M\xc2\x07\xd4`\xcd\xb2}\r\x82\xea \x01\xd8\x14z\xbe\xd3\xd3\xd3\x1b7n,\x95J9?=\xc6d2\xadX\xb1b\xc4\x88\x11\xa5\xa5\xa5&amp;\x93I,\x16?w\x99 A\x10b\xb1X\xa7\xd3}\xfc\xf1\xc7M\x9b6\xc5q|\xf3\xe6\xcd\x9c\x0f `ON\xe3\t\x0f\x0f\xbfp\xe1\x02f\x93\x11d\xa8\xc1\x9ae\xfb\x1a\x04\xd5\xc1\xc7mS\xe8q\xbfq\xe3FTT\x14\xd7e\xf9?\x06\x83\x01\xcd\x07\xfe\xfb\xbb\x87\xe38EQ*\x95\xaa{\xf7\xee,\xcb^\xbat\xa9\xb8\xb8X&amp;\x93q\xdbd\xc3q\xdcb\xb1DDD\x94\x97\x97WUU\xd9\xa01\x0e5X\xb3l_\x83\xa0:H\x006\x85&amp;\xe5\x8a\x8b\x8b\x9b7o\xce\xe1\xfcau"\x91\xe8\x05\x9b]hKQ\xabV\xad0\x0c\xab\xa8\xa8\xb8s\xe7\x0e\xe7M`\xeb ree\xa5N\xa7\xb3\xc1\x05#P\x835\xcb\xf65\x08\xaa\x83\x04`;\xe8\xe2\x8b\xf2\xf2r\x9dN\x17\x14\x14\xc4\x87\x0e\xf8\xcbb\x18\xc6\xd3\xd3\x13\xfdwEE\x05\xe7\xe1\x0f\xc7q\x92$\xeb\xd4\xa9\xe3\xe1\xe1\x81V:\xd6j8\x83\x1a\xacq6\xaeA\xf0\x14\x81=\xbe\x82\x86\x9a6\x1a\x8d\x86 \x08\x0f\x0f\x0f\xce\xe7\xdf^\x8d\xb5\x81\xc6\xf9*r\x04\xcd"*\x14\x8a\x07\x0f\x1e\xd4\xf6\xcf\x82\x1a\xac\r\xb6\xacA\xf0\x14H\x00\xb6\x83^\xbc\xfc\xfc|\x85B\xe1\xe7\xe7G\x92$\xe7\xed\xaf\x97%\x12\x89t:\x1d\x86a8\x8e\xcb\xe5r&gt;4\xd6P\xab\xbcE\x8b\x16\x99\x99\x99X-/#\x81\x1a\xac\r\xb6\xacA\xf0\x14H\x00\xb6\xe6\xe2\xe2b\xb1X\xf8\xf0\xe2\xbd,\xf4\xa2\xde\xbcy\x13\xc30ww\xf7\xbau\xeb\x92$\xc9\x931\x10\x93\xc9\xe4\xec\xecl\x9b\x9f\x055X\x1blY\x83\xc0\x8a\x17u\xefP\xae^\xbdZ\xbf~}\x9e\x1c!\xf9R\xd0|]ff&amp;\x8e\xe3M\x9b6\xadW\xaf\x9e\xc5b\xe1\xbc\t\x8c\xa6\r\x9b5kV\\\\\x8c=Y\xa5S\xab\xa0\x06k\xbcT6\xaeA`\x05\t\xc0vP\xbc@\xe1C$\x12\t+|0\x0c\xe3\xec\xec|\xed\xda\xb5\x8c\x8c\x0c\x96e;u\xea$\x97\xcb)\x8a\xe2\xba\\\xff\'  \xc0\x06\xe1\x03j\xb0\xf6\xd8\xa6\x06\xc1S \x01\xd8\x9aT*%I\x92\xebR\xbc4t\xf0\xc0\xef\xbf\xffn0\x18\x9c\x9c\x9c\x86\x0c\x19\xc2\xab50\x16\x8bE"\x91\xd8\xe6gA\r\xd6\x06[\xd6 \xb0\xe2K\xf5;\x0et\x98\x0c\xd7\xa5x9(v\\\xbe|\xf9\xd7_\x7f\xc50l\xc0\x80\x01\x91\x91\x91\xbc\xba\x06\xcb\x96\xeb\xc7\xa1\x06k\x03\xec\x00\xe0\x04_\xaa\x1f\xf0\x19:x\xf2\xf3\xcf?/++S(\x143g\xce\xe4U\xe3\x11\xfc\'\xa8A\xf0\\\xf0\x04\x80\xff@\x92\xa4\x97\x97\xd7\x0f?\xfc\xf0\xe7\x9f\x7fb\x186o\xde\xbc\xa0\xa0 \x0eO\xc1\x04/\x0bj\x10\xfc\x13x\x02lMX\xa3\x07(v\xa4\xa4\xa4\xcc\x993\x07\xc3\xb0\xc1\x83\x07O\x9c8Q\xa3\xd1pu\x05\xca?\xb1\xe5\xb0\x0c\xd4`m\x10\xe2\xc0\x9a\x1d\x80\x04`k\xe8\xa8^\xaeK\xf1B(\x8aR(\x14\xd9\xd9\xd9c\xc6\x8c\xb1X,QQQk\xd6\xac\xa9\xac\xac\xe4a\xf9\xc5b\xb1\xcd\xf6\xe5B\r\xd6\x06[\xd6 \xb0\xe2\xdds`\xc7P\x03\'::\xfa\xea\xd5\xab|\xb8\x8e\xe3\xdf\xd14\xed\xe6\xe6v\xf7\xee\xdd\xc1\x83\x07k4\x9aF\x8d\x1a%%%\xc9d2\xbem\x7fE-\xc7\xec\xec\xec\xe0\xe0`\xac\x96\xf7\x91B\r\xd6\x06[\xd6 x\n\xaf\x9f`\xbb\xe4\xe5\xe5U^^\xce\xf3\xa7\x1c\xdd\xd6\xad\xd3\xe9\xfa\xf7\xef_TT\xe4\xe5\xe5\xb5c\xc7\x8e\xfa\xf5\xeb\xf3\xe42\xf1gi4\x1a\x85B\x81\xd9$|@\r\xd6\x06[\xd6 \xb0\x82\x04\xc0\x01\x91HD\xd34\xafZa\xd5\xd14\xed\xe4\xe4d4\x1a\xfb\xf7\xef\x9f\x97\x97\xe7\xee\xee\x9e\x94\x94\x14\x19\x19Y^^\xce\xb7\x81c\x04\x85\x0c[\xb6\xc7\xa1\x06k\x96\xedk\x10 \xf0\x89\xdb\x0ez\xbe#""\xb4Z\xed\xc3\x87\x0f%\x12\t\x0f\x1b;\x0c\xc3H\xa5R\x8a\xa2\x06\x0e\x1c\x98\x91\x91\xe1\xe2\xe2\xb2e\xcb\x96N\x9d:\xf1p\xda\x10A\xeb\xc7/_\xbe\x1c\x1b\x1b\x8b\xd5\xf2\x0c-\xd4`m\xb0e\r\x82\xa7@\x02\xb0)\x96e]]]\xa5Riii\xa9X,\xe6[\xf8`\x18F,\x16\xe38\xfe\xce;\xef\x9c8qB&amp;\x93m\xdc\xb8\xb1W\xaf^j\xb5\x9a\xb7\xbb4\t\x82\xa8\xac\xac4\x1a\x8d\xbe\xbe\xbeX\xed\x87\x0f\xa8\xc1\x1ag\xe3\x1a\x04\xd5A\x02\xb0\x1d\xd4\xd2\xf1\xf0\xf0P(\x14W\xae\\qrr\xe2U\xf8`\x18\x86 \x08\xa9T:b\xc4\x88\xc3\x87\x0f\x8b\xc5\xe2\r\x1b6\x0c\x180\xa0\xa4\xa4\x84\xb7\xb1\x83eY\x89D\xf2\xe8\xd1#\xbd^\xdf\xb2eK\xac\x96\xc3\x07\xd4`\x8d\xb3q\r\x82\xa7\xf0\xb1Kh\xc7P\xbc\x08\x0c\x0c\xbc|\xf92\xaf\xf6\xbe\xa3\x83\x82]\\\\F\x8e\x1c\xb9o\xdf&gt;\x91H\xf4\xf3\xcf?\x0f\x1b6\x8c\xcf\xb1\x03\xc30\x96e\x9d\x9c\x9c\xae_\xbf\xaeP(\xe4r\xb9\r\xd6\x92C\r\xd6,\xdb\xd7 \xa8\x0ez\x006\x85\xe2E\xd3\xa6Msrr0\xde4vP\xa9\xdc\xdd\xdd\xc7\x8f\x1f\x9f\x94\x94\x84a\xd8\x8a\x15+\xc6\x8c\x19\xc3\xe7q\x03\x04\x8dx\xe4\xe4\xe4\xa8T*\xdb\\o\x0b5X\xb3l_\x83\xa0:H\x006\x85f\x11;u\xeat\xef\xde=\x9e\xec\xc7aY\x96eY\x85B\xf1\xd1G\x1f\xfd\xf6\xdbo\x18\x86\xfd\xf8\xe3\x8f\x13\'NT\xab\xd5\xfc\x9c3|V^^^\xc7\x8e\x1d1\x9b\xac \x84\x1a\xac\r\xb6\xacAP\x1d\xf7\x8f\xafCA\r\xc6\xd0\xd0P\xbd^\x7f\xfd\xfaugggn\x9fx\x96e\x19\x86Q\xa9T\x9f}\xf6\xd9\x9a5k0\x0c[\xb4h\xd1\xd4\xa9S\x85\x12;\x08\x820\x1a\x8d\x17/^\xb4\xd9\x02\x12\xa8\xc1\x9ae\xfb\x1a\x04\xd5A\x02\xb0)\x1c\xc7\x19\x86\xf1\xf0\xf0\xf0\xf6\xf6NOOwrr\xe2\xb6\xcf\xcb0\x8c\x97\x97\xd7\xec\xd9\xb3\x7f\xfc\xf1G\x0c\xc3\xe6\xce\x9d;c\xc6\x0c\xb4\xbe\x85\xc3R\xbd \x96e\xd1\r\':\x9d.""\x02\xb3\xc9Br\xa8\xc1\x1a\xc4I\r\x82\xea\xe0\xe3\xb65\x86ap\x1c\xef\xda\xb5kZZ\x1a\xb7\xb3\x884M{yy}\xfd\xf5\xd7_\x7f\xfd5\x86a\xd3\xa6M\xfb\xf2\xcb/\x1f=z\xc4\xb2,\xf5b\xb8=\xbc\x85a\x18\'\'\xa73g\xce\xb4h\xd1\xc2\xc7\xc7\x07}\xb0\xb6\xf9\xb9P\x835\x82\xab\x1a\x04V\x02h&amp;\xd8\x19\xf4\x88\xf7\xe8\xd1\xe3\xddw\xdf-++\xe3j3\x11M\xd3J\xa5\xf2\xc7\x1f\x7f\x9c5k\x96T*\x9d5k\xd6\xec\xd9\xb3i\x9a\xf6\xf5\xf5}\x91\x97\x10\x95\x99a\x18\xbd^_\xfb\x85\xfdG8\x8e\xef\xdf\xbf\xff\xcd7\xdfD\x85\xb1M\xfb\x11j\xb0\x06qR\x83\xc0\n\x12\x80\xad\xa1\xcb\xc4###e2Y^^^\xdb\xb6m+**l\xfc\xdc\xd34\xed\xe1\xe1\xb1c\xc7\x8ei\xd3\xa6I\xa5R\x85Ba0\x18&gt;\xfe\xf8\xe3\x17_\x84\x87FB\xea\xd4\xa93~\xfc\xf8\xda.\xed?\x11\x8b\xc5Z\xad\xf6\xc6\x8d\x1b\x8b\x16-\xc2l8z\x005XS\xb8\xaaA`\x05\t\x80\x03\xe8\xa0\xae\xf6\xed\xdb\xef\xdd\xbb\xb7c\xc7\x8e\xb6o\xf8\xa0\xdd7\xe9\xe9\xe9,\xcbZ,\x96\x92\x92\x92\xc5\x8b\x17\xbf\xc2\xf7\xf1\xf4\xf4\x9c0a\x02W\xed_\x85B\x91\x92\x92"\x97\xcb[\xb5je\xe3\xcf\x10j\xf0\xf5q[\x83\x00\x81\x04\xc0\x01\xd4F\x1b2d\xc8\xd4\xa9S\xab\xaa\xaal\x7f:#\x8e\xe3$I\x86\x86\x86\xb6o\xdf\x9e \x08\xb4\x83\xf4e\xbf\x03\xcb\xb2\r\x1b6\xac\xa5\x12\xfe\'\x96e\xc5b\xf1\xee\xdd\xbb\xbbv\xed*\x12\x89l|F?\xd4\xe0\xeb\xe3\xb6\x06\x01\xc2\xa3\xad\x8c\x0e\x85eY\x92$\x03\x02\x02V\xae\\\xd9\xad[\xb7\xf2\xf2r\x1b\x07\x11tI\xacT*}\x9do\xc20\x8c\xd1h\xac\xa9"\xbd8\x14;\x0c\x06CxxxjjjHH\x08\'mp\xa8\xc1W\xc6\x87\x1a\x04\x18\xf4\x00\xb8\x82\x8el\xec\xd7\xaf\xdf\xfa\xf5\xeb{\xf5\xeae\xfb4\x8c\xe3\xb8\xc5b1\x9b\xcd\xaf\xf9}8yi\xd1\xfc\xe7\xfa\xf5\xeb\x1b5j\x14\x1c\x1c\xccI\xec\x80\x1a|\x1d|\xa8A\x80A\x0f\x80+h\xb2\xee\xfe\xfd\xfbQQQiiiu\xea\xd4\xb1X,\xb0\x06\xee\x051\x0c\xe3\xee\xee\x1e\x1d\x1d\xfd\xc5\x17_\x0c\x1e&lt;\x98\xa6i\xdb\x0f\xc2@\r\xbe\x0e&gt;\xd4 \xc0`\x1f\x00Wp\x1c\xa7i\xda\xdf\xdf?66v\xeb\xd6\xadnnnp!\xea\x0bb\x18\xc6\xcd\xcd-==\xddl6\xf7\xec\xd9\x13\x1d\x82f\xfbb@\r\xbe2\x9e\xd4 \xc0 \x01p\xee\xd3O?\xfd\xe5\x97_\xd0rr\xae\xcb"\x0c\x0c\xc3\xc8d\xb2E\x8b\x16\r\x1a4\xc8\xd5\xd5\x95\xf3\x9b\xb9\xa0\x06_\x16\xdfj\xd0\x91A\x02\xe0\x0cZ\xbc\x11\x17\x17\xe7\xed\xed\xbdv\xedZ\x85BAQ\x14\xd7\x85\xe2;4tp\xf6\xec\xd9\xcc\xcc\xcc\x0f?\xfc\x90eY\x0e\x87\x0e\xa0\x06_\x01\xafj\x10\xc0\x1c\x00\x97\xd0\xd0\xe7\xe1\xc3\x87G\x8f\x1e}\xe5\xca\x15t\xac#\xd7\x85\xe25\x8a\xa2\xbc\xbd\xbd\xbbt\xe9\x12\x1c\x1c\xbct\xe9R\xce\xc7\x8e\xa1\x06_\x16\xdfj\xd0\xc1A\x0f\x80K\xa8\t\xd9\xad[\xb7\x86\r\x1b\xaeY\xb3\x06\x9a\x90\xff\x8ea\x18\xb9\\\x9e\x9e\x9e\x9e\x9b\x9b\xfb\xc5\x17_\xf0a\xe9\x08\xd4\xe0K\xe1a\r:8\xe8\x01p\x0c\x1d\x80u\xf9\xf2\xe5\x0e\x1d:\xa0k1H\x92\x84!\xd1\xe7\xa2iZ\xa5REDD\x8c\x1d;v\xd2\xa4I&lt;i&lt;B\r\xbe8~\xd6\xa0#\x83\xf4\xcb1\x91H\xc40LHHH\xf7\xee\xdd\xe7\xcd\x9b\xe7\xee\xee\x0eM\xc8\xe7\xa2(\xca\xd3\xd3s\xeb\xd6\xad&amp;\x93i\xdc\xb8q4M\xf3\xa4\xf1\x085\xf8\x82x[\x83\x8e\x0cz\x00\xdcC\x03\xc7eeeM\x9b6\xdd\xb9sg\x87\x0e\x1d\xf4z=\xb4\x8c\xaaCS\x85\x16\x8b%((())\xa9s\xe7\xce\xbcj&lt;B\r\xfe\'\x9e\xd7\xa0\xc3\x82\x04\xc0\x0b\xe8e\xf8\xfd\xf7\xdf\xe7\xcc\x99SXXh\xb1X\xe0v\xec\xeaH\x92\xf4\xf1\xf1\xe9\xdb\xb7\xaf\x8b\x8b\xcb\x96-[x\x18;\xa0\x06\xff\x1d\xffk\xd01A\x02\xe0\x0b\xf4Jt\xe9\xd2\xa5q\xe3\xc6?\xff\xfcsII\t\xac+G\xd0\xba\x91\xed\xdb\xb7\x7f\xf4\xd1G7o\xdetvv\x16\x89D&lt;\x8c\xadP\x83\xffD(5\xe8\x80 \x01\xf0\x05\xbaYP\xadV\xb7h\xd1b\xeb\xd6\xad]\xbat\xd1j\xb5\x82\xb8\xd8\xafV\xa1#w\x0c\x06CHH\xc8\xa6M\x9b\xbaw\xef\xce\xdb\xc6#\xd4\xe0s\t\xa8\x06\x1d\x10$\x00\x1eA/\xc6\x81\x03\x07F\x8c\x18q\xf9\xf2e777\x8b\xc5\xe2\xe0\x13e\xe8\xc6\xf3\xb8\xb8\xb86m\xda,]\xba\x94\xa2(&gt;\x87T\xa8\xc1g\t\xab\x06\x1d\r$\x00~A\xaf\xc7\xd4\xa9S322\xce\x9c9\xa3\xd5j\x1d\xb9\xb3\x8c\x06\x8e?\xff\xfc\xf3c\xc7\x8e]\xb8pA\x10\xb1\x03j\xb0:!\xd6\xa0C\x81\x04\xc0;\xe8%\x89\x88\x88h\xdd\xba\xf5\xfa\xf5\xeb\x1dv(\x19\xc5\x8e\xa4\xa4\xa4\x91#G\xde\xbd{\xd7\xdb\xdb[(\xa7\x86A\r"\xc2\xadA\xc7\x01\x95\xc1;hs\xe9\xb1c\xc7\xd2\xd2\xd2\x16-Z\xe4\xe3\xe3C\x92$\xd7\x85\xb25\x8a\xa2T*\xd5\xf1\xe3\xc7\'M\x9at\xe2\xc4\t\x1f\x1f\x1f\x01\xc5\x0e\xa8AL\xe05\xe88\xa0\x07\xc0Gh\x8b\xfc\xcd\x9b7\x03\x03\x03\x93\x93\x93{\xf4\xe8\xe1P\xadH\x8a\xa2\xdc\xdd\xddu:]\xb3f\xcd\xd6\xacY3b\xc4\x08\xc1\r\x1d@\r\n\xbd\x06\x1d\x04$d&gt;\x12\x89D4M7m\xda\xf4\xf4\xe9\xd3#F\x8c8r\xe4\x88\xe3\xb4")\x8arss\xd3\xe9t\xb1\xb1\xb1\xdf|\xf3\xcd\x88\x11#H\x92\x14\\\xec\x80\x1a\x14z\r:\x08H\x00&lt;E\x10\x04M\xd3\xb1\xb1\xb1\xc9\xc9\xc9\x83\x07\x0fF\x11\xc4b\xb1p]\xae\xdaE\x92\xa4\x9b\x9b[YYYll\xec\xe4\xc9\x93\xa7L\x99BQ\x94@\x1b\xceP\x83B\xafAG\x00\t\x80\xbf\x08\x82\xa0(*&gt;&gt;&gt;%%\x05E\x10___;nE\x92$\xe9\xe9\xe9i\x8d\x1d\xd3\xa6M\x13z\xcb\x11jP\xe85h\xf7 \x01\xf0\x9aX,F\x11d\xff\xfe\xfdC\x86\x0cY\xbbv\xad\x8f\x8f\x0fM\xd3\xf67s\x83V\x8cddd\xc4\xc4\xc4L\x992\x05\xc5\x0e;h9B\rr].\xf0o 9\xf3\x1d\x8a qqq\x7f\xfe\xf9gbb\xa2F\xa3\xf9\xf2\xcb/\xcb\xca\xca(\x8a\xb2\x8f\xed\x94,\xcb2\x0c\xe3\xe3\xe3s\xe8\xd0\xa1a\xc3\x86\xcd\x9b7o\xf2\xe4\xc9\xf6\x14;\xa0\x06\x01o\xc1* a@\x8b(\xd0\xc4Z\x8b\x16-\xb6o\xdf\x8ea\x98^\xaf\x17\xfa;FQ\x94T*\xf5\xf0\xf0\xf8\xfa\xeb\xaf\x17-Zt\xe4\xc8\x91\xb6m\xdb\xdae\xec\x80\x1a\x04&lt;\x04C@\xc2 \x16\x8bi\x9aV*\x95YYY2\x99,""\xe2\xca\x95+&gt;&gt;&gt;\x14E\xa1#h\x04\x87eY\x92$U*\x15M\xd3\x89\x89\x89\xdb\xb7o\xcf\xc9\xc9i\xdb\xb6\xad\xbd\xce\x19B\r\x02\x1e\x82\x04 \x18h{\x91\x9b\x9b\xdb\x8e\x1d;\xc6\x8f\x1f\xdf\xa5K\x975k\xd6x{{;99\t\xee\x06\x12\x9a\xa6q\x1c\xf7\xf1\xf19y\xf2dtt\xb4\xa7\xa7gnnn@@\x00M\xd3v&lt;g\x085\x08\xf8\x06\x86\x80\x04\x06\x8d\xb7\x12\x04q\xe1\xc2\x851c\xc6\xf8\xf8\xf8\xac[\xb7\xaeI\x93&amp;\xa5\xa5\xa58\x8e\xf3\x7f\xa7%\xcb\xb2\xa8!l2\x99\xa6O\x9f\xbek\xd7\xae\xef\xbf\xff~\xe4\xc8\x91\xd8\x93\xcdS\\\x17\xb0\xd6A\r\x02\xfe\x80\xda\x12\x18\x1c\xc7\xd1\xe2\xc2\xa8\xa8\xa8\xdc\xdc\xdc\xd0\xd0\xd0\xd8\xd8\xd8U\xabVyzz\xa2\xcb\x08y;\x9e\xc0\xb2,\x1a/\xf6\xf6\xf6NMM\x8d\x8d\x8d\xbdu\xebV^^\xde\xc8\x91#)\x8ar\x9cs\x02\xa0\x06\x01\x7f@\x0f@\xa8\xac\xad\xad\xd3\xa7O\xcf\x9c9\xd3b\xb1\xcc\x9f?\xbfk\xd7\xae&amp;\x93\xa9\xa2\xa2B$\x12\xf1\xe7mDmF\'\'\'ww\xf7\xabW\xafN\x9f&gt;\xfd\xca\x95+3f\xcc\x18=z4\xf6dv\x94\xeb2r\x00j\x10p\x0e\x12\x80\xb0Y\xdf\xbd\x15+V\xac^\xbd\xbay\xf3\xe63f\xcch\xdb\xb6\xad\xd9l\xae\xa8\xa8\xc00\x8c\xdb\xb3\x88\x19\x86a\x18\xc6\xd9\xd9\xd9\xcd\xcd\xed\xd6\xad[K\x97.=t\xe8Pbb\xe2\x9c9s&lt;&lt;&lt;\xd0\xb5\xe0\x0e{T2\x025\x088\xc4\x97&amp;\x06x5b\xb1\x98a\x18\x96e\'O\x9e\x9c\x91\x91\xd1\xacY\xb3A\x83\x06\xf5\xe9\xd3\xe7\xfc\xf9\xf3^^^\x9e\x9e\x9e"\x91\xc8\xf6\xa3\nh\xac\x80eY\x0f\x0f\x0foo\xef\x87\x0f\x1fN\x9e&lt;\xb9C\x87\x0e\x0f\x1e&lt;HNN\xfe\xe1\x87\x1fP\xec \x08\x02b\x07\xd4 \xe0\x10\xf4\x00\xec\x84\xb5!\xf9\xe8\xd1\xa3\xc5\x8b\x17\x1f=zT\xa5R\r\x1f&gt;\xbcO\x9f&gt;\x9e\x9e\x9ef\xb3\xb9\xb2\xb2\xd2\xda^\xab\xa5\x97\x16\xb5\x16q\x1cwqqqqq1\x99L\xc7\x8e\x1d\xfb\xf5\xd7_\xaf]\xbb\xd6\xb2e\xcb\x993g\x86\x87\x87\xa3\xa2B\xe0x\x16\xd4 \xb0=H\x00\xf6\x03\r\xd4\xa2 b2\x996l\xd8\xb0m\xdb\xb6\x07\x0f\x1e$$$\x0c\x1d:4""\xc2\xc5\xc5\x85\xa2\xa8\xaa\xaa*\x8b\xc5\xc2\xb2,Zs\xf2:\xaf1\xfb\x04\x86ab\xb1\xd8\xd9\xd9Y&amp;\x931\x0cSPP\xb0w\xef\xde\x1d;vP\x145`\xc0\x80\xf1\xe3\xc7\xfb\xfb\xfbcO\xd6\x0e\xf2gh\x9bo\xa0\x06\x81\x8dA\x02\xb07\xd6U\x86\xe8\xff\xa6\xa6\xa6n\xdb\xb6-##C&amp;\x93EGGw\xe9\xd2\xa5m\xdb\xb6\xbe\xbe\xbe8\x8e\xd34m2\x99,\x16\x0b:\x9a\xc6\x1aG\xfe\xa9\x81i\x1d\x85@_\x8c\xe3\xb8T*urrB\xbb~\xca\xca\xca\xf2\xf3\xf3\x0f\x1f&gt;\x9c\x9e\x9e\xfe\xf8\xf1\xe3\x96-[\xf6\xef\xdf\x7f\xe0\xc0\x81\xe8o!p\xbc8\xa8A`3\x90\x00\xec\x13\n"\xd6\xe6!EQ\xc7\x8f\x1fOJJ\xca\xce\xce.++k\xd8\xb0alllTTTHHH\xbdz\xf5\xdc\xdc\xdc\xd0\xbfB\xdd\x7f\x93\xc9D\xd3\xf4S\xdf\x10\xc7qgg\xe7\xea\x91\xc5l6?x\xf0\xe0\xea\xd5\xab\xb9\xb9\xb9\xe9\xe9\xe9W\xaf^\x95\xc9dM\x9b6\xed\xd7\xaf_\xcf\x9e=\x95J%\xfa2\x18.x5P\x83\xc0\x06 \x01\xd89\xd46\xac\xbeJ/77\xf7\xe4\xc9\x93\xb9\xb9\xb9YYYz\xbd\xde\xc3\xc3\xc3\xcb\xcb\xabY\xb3f\xf5\xeb\xd7\x0f\x08\x08\xb0X,-[\xb6T*\x95\xd5#\x08\x8e\xe3\x14E\xe5\xe4\xe4`\x18VZZZPPp\xef\xde\xbd\xfb\xf7\xef\xa3\xd5\x8a\xa1\xa1\xa1!!!o\xbe\xf9f\\\\\x9c\xf5\x07\xa1\x7f\x0eKD^\x1f\xd4 \xa8=\x90\x00\x1c\x02jN&gt;\x15G0\x0cS\xab\xd5\x05\x05\x05EEE\xb9\xb9\xb9\xf7\xef\xdf\xbfw\xef\x1e\x8e\xe3Z\xad\x96$\xc9\xa7\x1e\x0c\x91H\xe4\xe5\xe5\x85\xe3\xb8\x87\x87G```\x93&amp;M\x9a7o\x1e\x1e\x1e^\xa7N\x9d\xea\xc3\x02\x105j\t\xd4 \xa8\r\x90\x00\x1c\x0eZ\xe9\x81a\xd8?m\xde1\x18\x0cF\xa3\x11\xc7\xff\xef\xd9@\xffA\x10\x84J\xa5z\xee\xd7[\x07\xa0!j\xd8\x06\xd4 \xa8)\x90\x00\x1c\x1ajWb\xd5f\x051\x0c\xfb\xa7\x89&gt;\xebWZ\xc3\n\xfaJ\x08\x19\x1c\xb2\xfb\x1aDE\xb5\x96\x1c\xfd\xe1\xbf\xff\x82\xd8\x93\xdf\x08\x7f\xc2\x16\x05\x15&amp;H\x00\xe0i\xff\xf4H\xc0\x8b$\x14\x82\xaeA\xeb`\x17\x86a5r\x1e\x06\xfan\xd0\xc5y.H\x00\x00\x00\x8eY\x83&gt;:)\xaf\xfa_\x19\x0c\x86\x8a\x8a\x8a\x9c\x9c\x1c\xa3\xd1\x98\x9e\x9eNQ\x14EQ\xb9\xb9\xb9\xcf.s\xc20,((H.\x97\xb3,\xdb\xbauk\xa5R\xd9\xb2eK\x95J\xf5\xd4\xc0\x97u\xb3\x1b$\x03\x0c\x12\x00\x00\x80+\xcf\x9d\xd9\xae\xa8\xa8\xc8\xca\xca\xca\xcd\xcd\xcd\xcb\xcb\xbbr\xe5\x8aV\xab\xa5iZ.\x97\x8b\xc5\xe2\x90\x90\x10\xb1XL\x10D\x9b6m$\x12\xc9S\xb1\x8b \x88\xec\xecl\x9dN\'\x16\x8b\x0b\x0b\x0b\xab\xaa\xaa\xf4z=EQ\xde\xde\xde\xfe\xfe\xfe\xa1\xa1\xa1\xd1\xd1\xd1QQQ\xbe\xbe\xbe\xd6\x7f\x82&amp;?xu\xee\x9e\x8dA\x02\x00\x00\xd8\xdaSk[)\x8aJOOOMMMOO\xbf{\xf7\xae\x93\x93S\xfd\xfa\xf5\x83\x83\x83CCC\x03\x03\x03===\xfd\xfc\xfcP\xe8G_\xff\x9fc\\(\xaf&lt;z\xf4H\xaf\xd7_\xbe|\xf9\xc6\x8d\x1byyy\xd7\xae]+//\xf7\xf1\xf1\x89\x8e\x8e~\xeb\xad\xb7:v\xec\xe8\xe1\xe1a-\x0f\xe6\x90k\x9f \x01\x00\x00l\xe4\xa9\xddmz\xbd\xfe\xc0\x81\x03\x7f\xff\xfdwvv\xb6\xc9d\x8a\x89\x89\x89\x8b\x8bk\xdb\xb6m@@\x80\xab\xab+\x86a\x0c\xc3\x98\xcdf\x8a\xa2,\x16\x0b\xf6\xcc\x1c\xefs\xbf\xbf\xf5\x0bp\x1c\x97H$\x04A8;;\xa3\x06\xbe\xc5b\xb9}\xfb\xf6\xb9s\xe7N\x9f&gt;}\xe6\xcc\x19\x93\xc9\x14\x16\x16\xd6\xbe}\xfb&gt;}\xfa4l\xd8\x10\xfdCG;\xdf\x14\x12\x00\x00\xa0\xd6={\xbeERR\xd2_\x7f\xfd%\x97\xcb\xbbv\xed\xda\xbbw\xef\xd0\xd0P\x85B\x81aXUU\x95\xc9d\xb2N\t\xbc\xceJ\x1e\xeb\n"\xeb\x94\xb2L&amp;sqq\x11\x89DF\xa3\xf1\xda\xb5k\x87\x0e\x1d:p\xe0@QQQLL\xcc\xa0A\x83\xfa\xf5\xeb\xe7\xe4\xe4\x849\xd2\xb9\x17\x90\x00\x00\x00\xb5\xa8\xfa\twz\xbd\xfe\xb7\xdf~\xdb\xbcy\xb3N\xa7\xeb\xd2\xa5\xcb\x88\x11#\xc2\xc3\xc3\x9d\x9c\x9c\xccf\xb3\xd1h$I\xb2\xb6\xe7f\xad\xb3\x0e\x04A899\xb9\xb8\xb8\xb0,{\xe5\xca\x95\xdd\xbbwo\xdf\xbe\x9d\xa6\xe9\xae]\xbbN\x992\xa5Q\xa3F\x98c\xa4\x01H\x00\x00\x80ZQ=\xf4\xdf\xbf\x7f\x7f\xc9\x92%\xc9\xc9\xc9\r\x1a4\xf8\xe0\x83\x0fz\xf4\xe8!\x97\xcb\xab\x9fqm\xfb8\x8b\x8a\x87\x8eHruu5\x9b\xcdg\xcf\x9e]\xb9rennnxx\xf8\xcc\x993[\xb7n\x8d\xd9{\x1a\x80\x04\x00\x00\xa8a\xd5C\xff\x83\x07\x0f\x96,Yr\xe4\xc8\x91\xc0\xc0\xc0\xa9S\xa7\xc6\xc5\xc5\xd14\x8d\xd6\xe7\xf0d\xf9\r*-A\x10\xae\xae\xae2\x99\xec\xe6\xcd\x9b\xcb\x96-;~\xfcxPP\xd0\xf4\xe9\xd3\xa3\xa2\xa20\xfb\x9d\x1b\x80\x04\x00\x00\xa8I\xd6\xbb\x8e\x1f?~\xbcx\xf1\xe2\xbf\xfe\xfa\xeb\xcd7\xdf\xfc\xe8\xa3\x8f\x02\x02\x02L&amp;\x93\xc1`\xc00\xec\xa9\xc5\xfe&lt;Q\xfd\xfeK\x8dF\xb3~\xfd\xfa-[\xb64o\xde|\xd6\xacY\xe8&amp;\x1c\x94\'\xb8.fM\xe2&gt;\xfd\x02\x00\xec\x03\xbaHR$\x121\x0c\xb3b\xc5\x8a\x98\x98\x98\xeb\xd7\xaf\xef\xdc\xb9s\xc5\x8a\x15~~~j\xb5\xba\xb2\xb2\x92 \x08\xde\xc6P\x91H$\x16\x8b-\x16\x8bZ\xad&amp;\x08\xe2\xf3\xcf??q\xe2\x84\xbf\xbf\x7f\x8f\x1e=\xa6N\x9dZRRB\x10\x04M\xd36\xbe\x9e\xb3VA\x02\x00\x00\xd4\x004V.\x16\x8bO\x9f&gt;\x1d\x19\x19\xb9y\xf3\xe6\xa4\xa4\xa4\x94\x94\x94\x06\r\x1a\xa8\xd5j\x8b\xc5"\x16\x8b\xf90\xe0\xf3\x9f\xd0o\xc1\xb2\xacZ\xad\x16\x89D\xcb\x96-KOO/))\t\x0b\x0b\xfb\xed\xb7\xdf\x08\x82@\xb74s]\xcc\x9a\x01C@\x00\x80\xd7\x85.46\x18\x0c\xb3f\xcdJJJ\xfa\xea\xab\xaf\xc6\x8f\x1fo\xb1X\xf4z\xbd\xa0/\x93A\xd3\x03NNN\xee\xee\xee\xc7\x8e\x1d\xfb\xf8\xe3\x8f\xeb\xd5\xab\xb7t\xe9\xd2\x16-Z\xd8\xc7\xac\x80\x00\x122\x00\x80\xb7\xac\xf3\xbdiii111\x0f\x1f&gt;\xcc\xcc\xcc\x9c0a\x82F\xa31\x18\x0cb\xb1X\xd0!\x12\xf5\x06H\x92T\xab\xd5\x1d:t\xc8\xc8\xc8\x88\x8a\x8a\xea\xd4\xa9\xd3\xaf\xbf\xfe\x8a\x12\xdbs\x8f$\x12\x10\xe8\x01\xfc\x87gO\xa3}\xee\xb6\x14\xeb\x11\xbbX\xb5Ch\x05\xfd\xe8\x03\xf0\x9f\xac\x93\xa2\xf3\xe7\xcf_\xb1b\xc5\xf2\xe5\xcb\xdfy\xe7\x9d\x8a\x8a\n\x93\xc9\xf4Ow\x15\x08\x17\xfae\x95Jenn\xee;\xef\xbc\x13\x1c\x1c\xbcq\xe3FWWW\xd4\xfb\xe1\xbat\xaf\x08\x12\xc0s\xfc\xcb\xd9\x84/\xc5z\xee\xa0\x1d\xaf#\x06\x0e\x0b\x05&gt;\x9dN7h\xd0 \x8dF\xb3s\xe7\xce\xa6M\x9b\xa2\xe9S;n\xfa\x90$\xe9\xe1\xe1A\xd3\xf4\xfb\xef\xbf\x9f\x99\x99\xb9u\xeb\xd6\xe8\xe8h\x92$%\x12\t\xd7E{\x15\x90\x00\xfe?\x14\xaf\x9fZ\x9bL\xd3tIIINN\x8eZ\xad\xce\xca\xca\xc2q\x1c]\xa6j\xbdn\t\x91\xcb\xe5-[\xb6d\x18\xa6i\xd3\xa6\x8d\x1b7\x0e\n\n\xf2\xf3\xf3\xb3^\xd5\x8dU\xdbub\x07\xe3\x86\x00\xa0\x90\x97\x91\x91\xd1\xaf_\xbf&gt;}\xfa,_\xbe\xdcb\xb1TVV\n\xb7-\xfc\xe2\xac]\x81\xb5k\xd7\xce\x9a5\xeb\xab\xaf\xbe\x9a&lt;y\xb2@\xa7\x04 \x01&lt;}@\x15\x86aj\xb5:===---??\xff\xe1\xc3\x87&amp;\x93\xc9\xdd\xdd].\x97\xb7h\xd1\x82\xa2\xa8\xc6\x8d\x1b7m\xda\x14m[G\xff\\,\x16k4\x9a\xdc\xdc\\\x89Dr\xf7\xee\xdd\xc7\x8f\x1fWTT\xb0,\xeb\xed\xed\x1d\x1e\x1e\x1e\x1d\x1d\x1d\x1f\x1f\xdf\xb4iS\xebO\xb4\xef\xbd\x85\xc0\xee\xa1\xb6\xffo\xbf\xfd6}\xfat4\xec\xa3\xd5j\xd1\xb9\xca\\\x17\xcdF\xd0\x82W\x1f\x1f\x9f\xdc\xdc\xdc\xfe\xfd\xfb\xf7\xe8\xd1c\xf9\xf2\xe5h\xa0XX\x1f\x82C\'\x004\x81c\x1d\xe4\xc9\xcd\xcdMNN&gt;y\xf2dQQ\x91\x97\x97W\xb3f\xcd:v\xec\x18\x1c\x1c\xdc\xa0A\x03???\xa9Tj\xcd\x10\xcf~h\xd53?M\xd3\x8f\x1f?~\xf4\xe8\xd1\xa5K\x97P\x16\xd1h4nnn\x1d;v\xec\xdd\xbb\xf7\x1bo\xbc\x81\x1e\x91g\x13\x0f\x00&lt;g=\xd3\xed\x87\x1f~\xf8\xe9\xa7\x9f\x92\x92\x92\xe2\xe2\xe2JJJ\x04:\x00\xf2\x9aH\x92T\xa9T\x1a\x8d\xa6O\x9f&gt;\xf5\xea\xd5\xdb\xb9s\'Vm\x1f\x9c 8h\x02\xa8\xde_+..\xde\xb9s\':\xa0*,,\xacG\x8f\x1eqqqAAA\xa83k6\x9b-\x16\x0bI\x92\xd63\x05\xff\xfd(Z\xeb9\xb4\x12\x89\xc4\xc9\xc9\t\x8d\x14\xdd\xb9s\xe7\xec\xd9\xb3\x07\x0f\x1eLOO\xc7q\xbc{\xf7\xee#G\x8e\x8c\x8c\x8c|\xb60\x00\xf0\x16Z\xe9 \x12\x89F\x8d\x1au\xea\xd4\xa9\xf4\xf4tooo\x8dF\xe3\x98\xd1\x1f\xa1(\n-\x12MLL\xbc\x7f\xff~jj*\x9a!\xe0\xedf\xb7\xa78\\\x02\xa8\x1emSSSW\xadZ\x95\x9b\x9b\x1b\x1a\x1a\x9a\x98\x98\xd8\xb5kW\x7f\x7f\x7f\x0c\xc3\xaa\xaa\xaa\x8cF\xa3u\xfe\xf6\x15\xd6\xf3T?\x87\x16\xc7q\x99L\xe6\xea\xea*\x12\x89\xca\xca\xca\xd2\xd2\xd2\xf6\xec\xd9\x93\x91\x91\xa1P(&amp;O\x9e&lt;p\xe0@\xf4\xfe@\x1a\x00|fm\xfb\x0f\x1e&lt;\xb8\xa0\xa0\xe0\xc8\x91#\x1e\x1e\x1e\x15\x15\x15\x8e\x1c\xfd\x11\xd4\xe4\xf7\xf0\xf0\x186lXvvvFF\x86R\xa9\x14J\x0ep\xa0\x04P}\x84n\xdf\xbe}\x8b\x17/\xd6h4}\xfb\xf6\x1d3fL\xf3\xe6\xcdY\x96\xad\xa8\xa8@\xf7N\xd4x \xb6.+\x92H$nnnb\xb1\xb8\xb4\xb4t\xcb\x96-III:\x9dn\xfc\xf8\xf1\x13\'N\x94J\xa5\x98=\x1e6\x02\xec\x80\xb5\xed\xdf\xaf_?\xa3\xd1x\xe8\xd0\xa1\x8a\x8a\n\xb3\xd9\x0c\xcf*\x82&gt;\x1fOO\xcfy\xf3\xe6m\xde\xbc\xf9\xdc\xb9s*\x95J\x10cA\x0e\x91\x00\xaa\x9fM\xb8\x7f\xff\xfe%K\x96\xb0,\xdb\xbf\x7f\xff\xe1\xc3\x87\xabT*\x83\xc1`4\x1am\xb6&gt;\x07\xad5\x92H$\n\x85\x82\xa2\xa8\xbd{\xf7n\xde\xbc\xf9\xf6\xed\xdb\xef\xbd\xf7\xde\xc4\x89\x13\t\x82\xb0\xf6&lt;j\xbb$\x00\xbc\x084\xe1)\x91H\x06\x0f\x1e\xac\xd7\xeb\x0f\x1d:\xa4\xd3\xe9\x04\x11\xddl\xc9:-&lt;o\xde\xbc\xa4\xa4\xa4\xf4\xf4tt\xdf$\xcf?%\xfbO\x00\xd66u^^\xde\xacY\xb3\n\x0b\x0b\xa7N\x9d:~\xfcx\x82 \xca\xca\xcaH\x92\xe4d\xd92\xcaI\xa8\xe7(\x16\x8b\x0f\x1f&gt;&lt;g\xce\x1c\x86a\xe6\xce\x9d\xdb\xb3gO\xec\xc9B\x0b\x1b\x97\n\x80g\xa1Gq\xd4\xa8Qg\xcf\x9e\xbdz\xf5*D\xff\x7fA\x92\xa4\x8f\x8f\xcf\xb8q\xe3\x8e\x1e=ZTT\xc4\xff\xc6\x9c\x9d\'\x00\xf4\xec2\x0c\xf3\xd9g\x9fm\xdd\xba\xf5\x83\x0f&gt;\xf8\xe4\x93O\xdc\xdd\xdd\xb5Z-\xc30|\x88\xb0\xe8vl\x85BA\x10DRR\xd2\xec\xd9\xb3\x03\x03\x03\xd7\xaf__\xb7n]\x98\x15\x00\x9cCo\xd0\x8f?\xfe\xb8b\xc5\x8a\xf4\xf4tWWW\x92$!\xfa\xff\x134\xd8\xabT*\xfb\xf4\xe9#\x95Jw\xef\xdeM\x92$\x9f\xcf\xc3\xb0\xdb\x8a\xb4\x0e\xfb\x9c9s&amp;"""//\xef\xf4\xe9\xd3s\xe7\xcee\x18F\xa3\xd1\xa0s_\xb9.#\x86a\x18A\x10b\xb1X\xaf\xd7\xebt\xba!C\x86\xe4\xe4\xe44n\xdc8""\x02\x9d;h\x07\x87\x8d\x00\xe1B\xd1\xff\x8f?\xfe\xf8\xf6\xdbo\xd3\xd3\xd3\x15\n\x85\xc5b\x81\xe8\xff/\xd0H\xb2^\xaf\xdf\xbf\x7f\xbfF\xa3\x195j\x94D"\xe1\xf3+l\x9f=\x80\xa7\x8e(Y\xb0`\xc1\xf8\xf1\xe3+++\xab\xaa\xaax\x12\xf7\x9f\x0be,\x85B\x91\x9a\x9a:i\xd2\xa4\xe0\xe0\xe0\xdf\x7f\xff]\xe8\x87\x8d\x00\x81B\xe3&lt;\x19\x19\x19=z\xf4\xd8\xbf\x7f\x7fLL\x8cV\xab\x855?/\x02M\xf2\xd14\x1d\x15\x155e\xca\x94\x8f&gt;\xfa\x88\xb7\x8b;\xec0\x01\xa0pYVV6p\xe0@\xeb\x11%\xa5\xa5\xa5\x82\xd8|\x8b\xa6\x92\x94J%I\x92\xf6q\xd8\x08\x10"\xb4\xac\xa5\xbc\xbc&lt;  `\xf9\xf2\xe5C\x87\x0e-))\x91J\xa5\xf6\x17.j\tM\xd3\xae\xae\xae\x0f\x1f&gt;\x0c\t\t\xf9\xfb\xef\xbf\xe3\xe3\xe3\xf9\x99\x03\xf8\x1e\x10_\x16\x8a\xfeg\xcf\x9e\r\n\n\n\x08\x088\x7f\xfe&lt;\xba\x8a\x08]\xe3\xc0u\xe9\xfe\x1b\xdaDV^^n6\x9b\xb7n\xdd:m\xda\xb4n\xdd\xba\xadX\xb1\x025(\xe0\xf5\x03\xb6\x81\xe6\x9f\xfa\xf7\xef\xdf\xbf\x7f\x7f\x14\xfd%\x12\t&lt;~/\x8e \x88\x8a\x8a\x8a&amp;M\x9a\xfc\xfa\xeb\xaf}\xfb\xf6\xd5\xe9tO\x9d\x1e\xc6\x13|,\xd3+C\xd1?%%\xe5\xbd\xf7\xdeC\xc3&gt;\x1a\x8d\x06\xe3\xfdJ\xac\xe7\xb2\xae*;s\xe6\xcc\xb0a\xc3\xc6\x8c\x193g\xce\x1c\x98\x16\x066\x80\xde\xa3\x85\x0b\x17&amp;%%\xe5\xe6\xe6\x96\x97\x97\x0b\xf1\r\xe2\x03\xeb\xa2\xa0\x1b7n\xa4\xa6\xa6\xf2\xb0\x1fo?\t\x00}\xb8\xcb\x96-\x9b1c\xc6\x9f\x7f\xfe\xd9\xa9S\xa7\xc7\x8f\x1f\xa3\xddU\xc2e\xb1X\xbc\xbc\xbc\xd4ju\xbbv\xedZ\xb7n\xbds\xe7N\xc8\x01\xa0V\xa1\xa1\xff\xf3\xe7\xcf\xbf\xf5\xd6[\xb9\xb9\xb9u\xea\xd41\x99L\x90\x00^\x19\xc30\n\x85\xa2U\xabV#F\x8c\xf8\xfc\xf3\xcf\xf96\x10d\'\xf5\x8a\xa2\xff\x92%K\x96.]ZPP\xd0\xa1C\x074d\xc9u\xb9^\x97T*\xd5j\xb5\xae\xae\xae\x85\x85\x85\x15\x15\x15\xfd\xfa\xf5C;\xc5\xec&amp;m\x03^AC\xffz\xbd~\xc8\x90!?\xff\xfcs\xd3\xa6M\xab\xaa\xaa \xfa\xbf&amp;\x93\xc9\xb4o\xdf\xbe%K\x96dff\x8aD"^\xdd)o\x0f=\x00\xd4c]\xb2d\xc9\x8a\x15+222T*\x9</t>
        </is>
      </c>
    </row>
    <row r="469">
      <c r="A469" s="1" t="n">
        <v>467</v>
      </c>
      <c r="B469" t="inlineStr">
        <is>
          <t>polygon_sides_color</t>
        </is>
      </c>
      <c r="C469" t="inlineStr">
        <is>
          <t>What is the missing color of the part denoted with a question mark?</t>
        </is>
      </c>
      <c r="D469" t="inlineStr">
        <is>
          <t>['purple', 'yellow', 'blue', 'orange']</t>
        </is>
      </c>
      <c r="E469" t="inlineStr">
        <is>
          <t>purple</t>
        </is>
      </c>
      <c r="F469" t="inlineStr">
        <is>
          <t>There are 6 colored polygons arranged in a triangle with color ['green'] in the top row, ['green', '?'] in the middle row, and ['red', 'red', 'purple'] in the bottom row.</t>
        </is>
      </c>
      <c r="G469" t="inlineStr">
        <is>
          <t>We observe that the polygon with 8 sides is red in color and the polygon with 3 sides is green in color. Thus, the pattern is that the polygons with the same number of sides have the same color.</t>
        </is>
      </c>
      <c r="H469" t="inlineStr">
        <is>
          <t>Based on the pattern that the polygons with the same number of sides have the same color, the missing color of the part with 9 sides should be purple.</t>
        </is>
      </c>
      <c r="I469" t="inlineStr">
        <is>
          <t>b'\x89PNG\r\n\x1a\n\x00\x00\x00\rIHDR\x00\x00\x02\x00\x00\x00\x02\x00\x08\x02\x00\x00\x00{\x1aC\xad\x00\x00l3IDATx\x9c\xed\xddwT\x14W\x17\x00\xf07e+\xbb\xf4"`G\x11\x83XP\xc1\xd8c\t\xf6\x1aD\xc5\x86\x1dc\x8c_41\xc6\xc44S\x8d\x891\xf6\xde\xbb\xc4\x8a\xdd\xd8[@\x14E\xc1\x8e"(\xbdo\x9b\x99\xf7\xfd\xf1\x80\x105\x8a\n\xec\xec\xce\xfd\x9d\xf3\x9d\x93\x93\xf0\xe9\xb03\xfb\xee{\xf7\xbd\xb9\x97\xc2\x18#\x00\x00\x00\xd2C\x9b\xfb\x02\x00\x00\x00\x98\x07\x04\x00\x00\x00\x90(\x08\x00\x00\x00 Q\x10\x00\x00\x00@\xa2 \x00\x00\x00\x80DA\x00\x00\x00\x00\x89\x82\x00\x00\x00\x00\x12\x05\x01\x00\x00\x00$\n\x02\x00\x00\x00H\x14\x04\x00\x00\x00\x90(\x08\x00\x00\x00 Q\x10\x00\x00\x00@\xa2 \x00\x00\x00\x80DA\x00\x00\x00\x00\x89\x82\x00\x00\x00\x00\x12\x05\x01\x00\x00\x00$\n\x02\x00\x00\x00H\x14\x04\x00\x00\x00\x90(\x08\x00\x00\x00 Q\x10\x00\x00\x00@\xa2 \x00\x00\x00\x80DA\x00\x00\x00\x00\x89\x82\x00\x00\x00\x00\x12\x05\x01\x00\x00\x00$\n\x02\x00\x00\x00H\x14\x04\x00\x00\x00\x90(\x08\x00\xc0\x02\x08\x82\x8016\xf7U\x00`m \x00\x00\xb1\xe3y\x9e\xa6i\x8a\xa2x\x9e\x870\x00@9\x82\x00\x00\xc4\x8b\xe7y\x84\xd0\xc9\x93\'G\x8f\x1e\xf38\xe51\xc30$\x0c\x98\xfb\xba\x00\xb0\x12\x10\x00\x80\xd8q\x1c\xbfb\xc5\xf2\xb6\x1d[\xff8\xebg\xa3\xd1\xc80\x8c \x08\x82 \x98\xfb\xba\x00\xb0x\x10\x00\x80\xd8\x99\xf4\xa6Z\r=\xc6\xcd{o\xc3\xe1\xa5\xfe\xfe\xfe;w\xec\xa2i\x9a\xa6i\xc8\x08\x01\xf0\x86 \x00\x00\xb1\xa3(J\xaf7:\xbb;N]8\xb6cx\x93\xa9\xb3&amp;vz\xa7sL\xf4e\x92\x11\xe28\x0e\xc2\x00\x00\xaf\x07\x02\x00\xb0\x00\x14E\x99\x8c\xa6\xac\xb4\x1c\xbf\x96&gt;\xd3W\x87;\xb7\x90\xf5\x1a\xd0u\xcc\xc8\xb1\x8f\x1f?aY\x166\x06\x00x=\x10\x00\x80e\xa0(\x8aa\xe8\xc2|}a\xae\xaeKh\xbbik\xc7\xdc\xd4]z\xbbU\xe0\xfc\xdf\x17\xf2&lt;\x0f\x1b\x03\x00\xbc\x06\x08\x00\xc0\x92\xd04E\xd1Tnf\x1eEQ\xa3\xbf\x0c\x19\xf2]\xb7E\xdb\xe7\xb4\x08h\xb1w\xf7&gt;\xb21\x00\x19!\x00\xca\x0e\x02\x00\xb0&lt;4Cc\x8c3\x9f\xe4T\xab\xe3&gt;m\xc9\xb8\xa6\x83jO\xfa|\\\xef\x1e}/\xc7\\!\x19!\x8e\xe3\xcc}\x8d\x00X\x00\x08\x00\xc0R1,m\xd0\x19\xb3\xd2s\x03\xdem\xfc\xe9\xaa\xf1L\xdd\xbcn\xfd\x82\xa6\xfe\xef\x93\x9c\x9c\x1c\x96e1\xc6\xb01\x00\xc0\x8bA\x00\x00\x16\x8c\xa2)\x86\xa1\xf3\xb3\x0b\x0c:C\x9f\xb1A\x1f\xaf\x18y\xee\xc1\xa1\xc0\xc0\xc0\x85\xf3\x17S\x14\xc50\x0c\xcf\xf1\xb01\x00\xc0\x7f\x81\x00\x00,\x1e\xcd\xd0\x14Ee\xa5\xe6(\xd4\xf2q\xdf\x0e\xee\xf3Y\xdb\xb9\xeb~h\xd7\xb6\xfd\xfe}\x07\x18\x96\x81\x8d\x01\x00\xfe\x0b\x04\x00`%\x18\x96\xe69!+=\xb7\x8e_\x8d\xe9\xcb\xc2\xbd{8\x8f\xfdh\xc4\xc0\xe0\xc17n\xc4\xc3QQ\x00\x9e\x0b\x02\x00\xb0\x1e\x14\x85\x18\x86\xd6\xe5\xeb\xf3r\xf2[vm\xf6\xd9\x9a\xf0B\xb7\xe4w\xbbu\x9c6uzvv6\x1c\x15\x05\xe0)\x10\x00\x80\xb5\xa1h\x8a\xa6\xe9\xbc\xac|\x9e\xe7\xdf{\xbf\xfb\xc4\x85\x83O\xdf\xdb\x1f\x18\x10\xb8f\xe5Z\xa8!\x01@i\x10\x00\x80u\xa2\x19\x1a!\x94\x95\x9ac\xeb\xa8\x197+\xb4\xcfgm\xbe\xf9cF\x87\xf6\x1dN\x9d8\r5$\x00  \x00\x00k\xc6\xb04g\xe2\xb2\xd2r\xea4\xac\xf5\xd9\xea\xf0\xea\x9dl\x07\x8d\n\x1e\x1c\x12\xfa\xf0\xc1C\xd8\x18\x00\x00\x02\x00\xb0r\xa4\x86\x84\xbe@_\x98\xabk\xd7\xab\xc5\xf4uc34\xf7\xdbwn;\xe3\xd3\xcf\xa1\xb84\x908\x08\x00@\x12(\x9a\xa2h*/;\x1fa4\xf8\xa3\xdec~\xebw\xe0\xf2\x8e&amp;\x8d\x9b\xec\x8c\x80\xe2\xd2@\xba \x00\x00\t!5$\xb23r\xed\x9d\xed&gt;\xfcmd\xa7\x89\xfeS\xbf\x9d\xd8\xe9\x9d\xce1\x97.\x97\xb4\x1b\x830\x00\xa4\x03\x02\x00\x90\x1c\x86\xa1MFSvZ\x8e\xdf\xdb\xc5\xc5\xa5\x83\xbb\x8e\x1996%\x19\xbaN\x02i\x81\x00\x00\xa4\x88\xa2(\xbatq\xe95cn\xebcZ\xb7\x7f\xfb\xa7\xef\xa0\xeb$\x90\x10\x08\x00@\xba\xfe).MS#\xbf\x18\x10\xf6s\xaf\r\x87\x97\xf9\xfb\xfb\x97l\x0c\xc0QQ`\xdd \x00\x00\xa9+*.\x9d\x9a\xe3\xec\xe14u\xd1\xd8N\x13\xfc?\xfa\xfa\xfd\xde=\xfa^)U\\\x1a\xc2\x00\xb0J\x10\x00\x00@\x08!\x86\xa5K\xbaN~\xbar&lt;S\'\xafk\xbf\xa0\xa9\x93?~\x02]\'\x81\xf5\x82\x00\x00@\x11\xf2\xc6@A\x9e\xce\xa03\xf4\x19\x174uy\xd8\xc5\x94co\xb7nQ\xd2u\x92\xe38\xd8\x18\x00\xd6\x04\x02\x00\x00\xffB\xd3\x14).\xadT+\xc6~3(tV\xd7E\xdb\xe7\x046\x0f\xdc\xb7;\x92eY\xd8\x18\x00\xd6\x04\x02\x00\x00\xcf\xc1\xb0\xb4\xc0\x0b\x19\x8f\xb3\xab\xd5q\x9f\xb6t\xbc\xff\xa0\xda\x93f\x8e\x1f\x18&lt;\xf8\xc6\xf5x\xe8:\t\xac\x06\x04\x00\x00\xfe\x03U\xdcu2-\xa7EP\x93OW\x8c-tK~\xb7{Qqi\xe8:\t\xac\x00\x04\x00\x00^\xa4\xa4\xeb\xa4^g \xc5\xa5O\xdd\x8bl\xd1\xa2E\xe9\xae\x93\x90\x11\x02\x16\n\x02\x00\x00/W\xd2u\xd2\xd6Q3\xfe\xdb\xd0\xa7\xbaN\xc2QQ`\xa1 \x00\x00PVE\xc5\xa5Ku\x9d\x1c\xf3\xbf\x11\x83\x82\x07\'=L\x82\xa3\xa2\xc0\x12A\x00\x00\xe0\x15\x90\xa3\xa2%]\'?_7!\xd36\xb1m\xa76P\\\x1aX"\x08\x00\x00\xbc\xb2\x92\xae\x93\x1c\xcf\x0f\x9e\xd2{\xeco\xfd\x0e\\\x8e\xf0\xf7\xf7_\xb3\n\xbaN\x02K\x02\x01\x00\x80\xd7D34\xc28;=\xd7\xde\xd9v\xd2\x9c\x11\xdd\xa6\x04~3\xef_]\'!\x0c\x00\x91\x83\x00\x00\xc0\x1ba\x18\xdad\xe4r2r\xeb6\xae\xfd\xef\xae\x93IP\\\x1a\x88\x1c\x04\x00\x00\xde\x14).\xad\xcf\xff\xa7\xebd\xa6\xf6~\xbbN\xad\x7f\xfa\x1e\x8aK\x03Q\x83\x00\x00@\xf9\xf8W\xd7\xc9)}F\xce\xee\xb3\xe1\xd02\x7f\x7f\xff\x9d;\xa0\xeb$\x10)\x08\x00\x00\x94\'R\\:+-\xc7\xd9\xddq\xea\xa2\xb1\x1d\'4\x99:kb\xa7w:\xc7D\x17u\x9d\x847\x06\x80x@\x00\x00\xa0\xfc\x91\xae\x93Y\xa5\xbbN\x0e\xe8:f\xe4\xd8\xc7P\\\x1a\x88\t\x04\x00\x00*\x04yc\xe0\x9f\xae\x93k\xc7\xdc\xd4]z\xbbU`Iqi\xd8\x18\x00f\x07\x01\x00\x80\n\xf4O\xd7I\x8a\x1a\xfde\xc8\x90\xef\xba-\xda&gt;\xa7E@\x8b\xbd\xbb\xf7A\xd7I`v\x10\x00\x00\xa8pE]\'\x9f\xe4T\xab\xe3&gt;m\xc9\xb8\xa6\x83jO\xfa|\\\xef\x1e}/\x97\xea:i\xeek\x04R\x04\x01\x00\x80JRT\\:=7\xe0\xdd\xc6\x9f\xae\x1a\xcf\xd4\xc9\xebV\xaa\xeb$\x14\x97\x06\x95\x0f\x02\x00\x00\x95\xa7\xa4\xb8t\xe9\xae\x93-Z\x05.\x98\xb7\xa8\xa4\xb84l\x0c\x80J\x03\x01\x00\x80\xcaVR\\Z\xa9V\x8c\xf9z\xd0\xd0\xef\xbb\xff\xbe\xfe\xc7\xf6\xc5\xc5\xa5ac\x00T\x1a\x08\x00\x00\x98\x07\xe9:\x99\xf9$\xabj\x1d\xf7\xe9\xcb\xc3\xebvw\x1e\xfb\xd1\x88\x81\xc1\x83o\xdc\x88\x87\xa3\xa2\xa0r@\x00\x00\xc0|(\xc4\xb0\x8c\xa1\xd0\x90\x97\x93\xdf\xb2[\xb3\xcf\xd6\x84\x17\xba%\xbf\xdb\xad\xa8\xeb$\x1c\x15\x05\x15\r\x02\x00\x00fVR\\\x9a\xe7y\xd2u\xf2\xf4\xbd\xfd\x81\x01\x81kVBqiP\xb1 \x00\x00 \n4C#\x84H\xd7\xc9q\xb3B\xfb|\xd6\xe6\x9b?\xfeU\\\x1a6\x06@\xb9\x83\x00\x00\x80\x88\x14u\x9dL\xcb\xa9\xd3\xb0\xd6\xbf\x8bK?\x84\x8d\x01P\xee \x00\x00\xb1\x93\xda\xb4\x97\xd4\x90\xd0\x17\xfcS\\:Cs\xbf]\xe7\xb6\xd3?\x9ea\xd0\x1b\x18\x861\xf7\x05\x02\xeb\x01\x01\x00\x88\x1d+c\x11FX\x90X\x18(U\\z\xd0\xe4\x9ec~\xed{\xe6\xfe\x81\xb7[\xb7X\xbal\xa9^\xaf\x87\x9daP. \x00\x00\xf1\xa2i\x1a!\xd4\xb8q#\xa4g\xd3\x1eg\xca\xe4\xac\xe4V\x034\xc5\x99x\x83\xc1\xe4Y\xbbJ\xdd&amp;5\x13n\xc5GGE\x93\xba\x11R\xfb(@E`\xcd}\x01\x00\xbc\x844W\x00\x08!\x9e\x13\x14*\xb9Z\xab\x8a\xfe+v\xef\xd2\xe35\xec\xbc/\x9c\xfe\xbb\x81_\x03s_\x17\xb0\x1e\x10\x00\x80\xd8Ip\xaa+\xf0\x02\xc32\x8e\xaev\x89\tI[\xe7F\n\xe9\x8a9_\xcf\xef\xd3\xbf7B\x88\x94\x926\xf7\x05\x02+\x01\x01\x00\x00\x11!\x0b\x1d[Gm~v\xc1\xcao\xb7&gt;\x88J\x1f;&lt;\xfc\x7f\x1fO\x96\xcb\xe5$\xef\x0f\xa3?(G\x10\x00\x00\x10\x05\x8c1\x16\xb0J\xa3b\x18\xfa\xc0\x86\x13g\xb6\xc6ti\xd7s\xe3\xf1o\xdc=\xaa \x98\xf8\x83\x8a\x01\x01\x00\x00\xf3\xe3yA\xa1\x94\xa9lTq\x17\x13\xb6\xcf=X\xcb\xc1g\xf7\xd6\xfdM\x9a6F\x08\xf1&lt;O\xd34\x8c\xfe\xa0"@\x00\x00\xc0\x9cH\xba\xdf\xde\xc96%\xf1\xc9\xb2\x99[\x0cI\xf4\x97S\xbe\x1f\x1e6\x0c\xc1\xd0\x0f*\x1e\x04\x00\x00\xcc\x83\xa4\xfb\xb5\xf6\x9a\xc2\x02\xdd\xc6_w\xdd&gt;\x9d&lt;\xb0o\xe8\x97\xbbgB\xba\x1fT\x1a\x08\x00\x00T\xb6\xa2t\xbfVE\xd3\xd4\x89\xdd\xe7\x8f\xac\xbe\xd0\xb6i\x87\xe5\x877W\xab^\rA\xba\x1fT"\x08\x00\x00T*\x9e\x13\x14\xaa\xa2t\xff\x8ey\x87j\xd8\xd5\xdd\xb4b[\x9bv\xad\x11B\x1c\xc71\x0c\x03\xa3?\xa84\x10\x00\x00\xa8$\x02/\xd0\x0c\xed\xe0jW\x92\xee\x9f9\xe5\xbb\xd2\xe9~\x96\x85\xef#\xa8T\xf0\xc0\x01P\xe1\xb0\x801\xc2Z\x07\x8d\xbe\xc0\xb0}A\xe4\xa5\xbd\t\xc3\x06\x84}\xb5\xfbKH\xf7\x03\xf3\x82\x00\x00@\x05\xc2\x18\x0b\x02\xb6\xd1\xaa\x18\x869\xbb?\xea\xc0\x8a\xd3\xad\x1av8\xb2\x7f\x91O}\x1f\x04\xe9~`n\x10\x00\x00\xa8(&lt;\'\xc8\x952\x1b\xad\xeaz\xd4\xed\x88\x05\x07\xdd\x15\xb5\x96\xfe\xba\xbak\xf7.\x08!\x8e\xe3X\x96\x85\xd1\x1f\x98\x17\x04\x00\x00\xca\xdf?\xe9\xfe\xfb\xa9\xeb~\x8e\xc8\x8c3L\x9e8}\xc2\xc4\xf1\x08!\x9e\xe3)\x9a\x82t?\x10\x03x\n\x01(OX\xc0\x02\xc6\xb6E\xe9\xfe}1\xfbn\r\xee?l\xfa\x8ai\xf6\xf6\xf6\x18cA\x10\x18\x16f\xfd@, \x00\x00PN0\xe2yAe\xa3P\xaa\x15g"\xa3\xf6-=\xd9\xbaQ\x87C\x91\x8b\xeb\xd7\xf7A\x90\xf3\x01\xa2\x04\x01\x00\x80r\xc0s\x82L\xce\xda\xbb\xd8&amp;\xc4\xdc\x8dXpPU\xe0\xb0\xf4\xd7U\xddztE\xc5\xa7\xfb!\xe7\x03D\x08\x1eJ\x00\xde\x88\xc0\x0b\x14M9\xb8\xda\xa5\'gn\x9e\xbb\'):\xf3\xa3\x0f&gt;\x0e\xff`\x1cC3\x1c\xc7\xc1\xe9~ f\xf0h\x02\xf0\x9aH\xba_ko\xc3\x99\xf8\x9dK\x0e\x9e\xdfump\xef\xa1\xdbNOu\xab\xe2\x86\x10\xe2y\x1e\x86~ r\xf0\x80\x02\xf0:x\xae(\xdd\x7f62\xfa\xd0\xda3~\xd5\x9bGF\x1cl\xdc\xa4\x11\x82\x8a\x0e\xc0r@\x00\x00\xe0\xd5\x14\xf5kt\xb3\xbby\xf9^\xc4\x82\x83\xeaB\xc7y\xb3\x96\xf4\xe8\xd5\x1dA\xba\x1fX\x1axR\x01(+A\xc0\x14\xe9\xd7\x98S\xb0\xfc\xeb-\x0f.\xa6O\x99\xf4I\xf8\xc4q\x0c\xc3\x90\x8a\x0e0\xf4\x03\xcb\x02\xcf+\x00/WR\xd1\x81\xa2\xa9\x92~\x8d[\xce|[\xa58\xdd\x0f\t\x1f`\x89 \x00\x00\xf0\x12&lt;\'(Tr\xb5V\x15\xfdW\xec\xbee\xc7k\xda\xff\xd3\xaf\x11\xd2\xfd\xc0\xa2A\x00\x00\xe0?\x15\xa5\xfb]\xed\x12\x13\x92\xb6\xce\x8d\x14\xd2\x15\xbf|=\xbfO\xff\xde\x08\n8\x03\xab\x00\x8f/\x00\xcfA\xfa5\xda:j\xf3\xb3\x0bV~\xbb\xf5AT\xfa\xd8\xe1\xe1\xff\xfbx2\x14p\x06\xd6\x04\x02\x00\x00\xffR\xd4\xafQ\xa3b\x18\xba$\xdd\xbf\xf1\xf87\xee\x1eU\x10\xa4\xfb\x81u\x81\x00\x00\xc0?x^P(\x8b\xfa5n\x9f{\xb0\x96\xc3?\xe9~\x92\xf3\x81\xd1\x1fX\x13\x08\x00\x00 T\x9c\xee\xb7w\xb2-\xe9\xd7\xf8\xe5\x94\xefK\xf7k\x84\xa1\x1fX\x1f\x08\x00@\xeaH\xba_k\xaf),\xd0m\xfcu\xd7\xed\xd3\xc9\x03\xfb\x86~\xb9{&amp;\xa4\xfb\x81\xd5\x83\x00\x00\xa4\xab(\xdd\xafU\xd14ub\xf7\xf9#\xab/\xb4m\xdaa\xf9\xe1\xcd\xd5\xaaWC\x90\xee\x07\x12\x00\x01\x00H\x14\xcf\t\nUQ\xba\x7f\xc7\xbcC5\xec\xeanZ\xb1\xadM\xbb\xd6\x08N\xf7\x03\xc9\x80\x00\x00$\xe7\x9f~\x8d\xc5\xe9\xfe\x99S\xbe+\x9d\xee\x87\xd3\xfd@"\xe0A\x07\x12\x82\x05\x8c\x11\xd6\x16\xf5k\x8c\xbc\xb47a\xd8\x80\xb0\xafv\x7f\t\xe9~ M\x10\x00\x80$\x94\x14\xf3a\x18\xe6\xec\xfe\xa8\x03+N\xb7j\xd8\xe1\xc8\xfeE&gt;\xf5}\x10\xa4\xfb\x81TA\x00\x00\xd6\x8f\xe7\x04\xb9Rf\xa3U]\x8f\xba\x1d\xb1\xe0\xa0\xbb\xa2\xd6\xd2_Ww\xed\xde\x05A\xab^ m\x10\x00\x805\xfb\'\xdd\x7f?u\xdd\xcf\x11\x99q\x86\xc9\x13\xa7O\x988\x1e!\xc4s&lt;ES\x90\xee\x07R\x06O?\xb0N\xa4_\xa3mQ\xba\x7f_\xcc\xbe[\x83\xfb\x0f\x9b\xbeb\x9a\xbd\xbd=\xc6X\x10\x04\x86\x85Y?\x90:\x08\x00\xc0\xea`\xc4\xf3E\xfd\x1a\xcfDF\xed[z\xb2u\xa3\x0e\x87"\x17\xd7\xaf\xef\x83 \xe7\x03@)\x10\x00\x80U\xe19A&amp;g\xed]l\x13b\xeeF,8\xa8*pX\xfa\xeb\xaan=\xba"\xe8\xd7\x08\xc03\xe0\xcb\x00\xac\x84\xc0\x0b\x14M9\xb8\xda\xa5\'gn\x9e\xbb\'):\xf3\xa3\x0f&gt;\x0e\xff`\x1cC3\x1c\xc7\xc1\xe9~\x00\x9e\x05_\t`\xf1H\xba_ko\xc3\x99\xf8\x9dK\x0e\x9e\xdfump\xef\xa1\xdbNOu+\xee\xd7\x08C?\x00\xcf\x05_\x0c`\xd9x\xae(\xdd\x7f62\xfa\xd0\xda3~\xd5\x9bGF\x1cl\xdc\xa4\x11\x82\x8a\x0e\x00\xbc\x0c\x04\x00`\xa9\x8a\xfa5\xba\xd9\xdd\xbc|/b\xc1Au\xa1\xe3\xbcYKz\xf4\xea\x8e \xdd\x0f@\xd9\xc07\x04X\x1eA\xc0\x14\xe9\xd7\x98S\xb0\xfc\xeb-\x0f.\xa6O\x99\xf4I\xf8\xc4q\x0c\xc3\x90\x8a\x0e0\xf4\x03P\x16\xf0=\x01\x96\xa4\xa4\xa2\x03ES%\xfd\x1a\xb7\x9c\xf9\xb6Jq\xba\x1f\x12&gt;\x00\x94\x1d\x04\x00`1xN\x90\xc9e6\xb6\xea\xe8\xbfb\xf7-;^\xd3\xfe\x9f~\x8d\x90\xee\x07\xe05@\x00\x00\x16\x00cLQ\x94\x83\x9b\xdd\x9dk\x89\x8b\xa6\xad\x17\xd2\x15\xbf|=\xbfO\xff\xde\x08\n8\x03\xf0\x06\xe0k\x03\xc4\x0ec,\x97\xcb\x04\x81_\xf1\xcd\xd6{\xe7\x1f\x8f\x1b&gt;\xe1\x7f\x1fO\x86\x02\xce\x00\xbc9\ncl\xeek\x00\xe0\xf9\xc8\xc4?++\xcb\xb3\xaa\x87\x9d\xb3\xb6G\xc7\xbe\xdf\xcc\xfa\xca\xdd\xc3\x1dA\xba\x1f\x80\xf2\x00+\x00 v\x1c\xc7u\xef\xdac\xfa\xf4\xcf\xfc\x9b6A\xc59\x1f\x18\xfd\x01xs\xb0\x02\x00bW2\xd9\'C?EQ\xe6\xbe"\x00\xac\x04\x04\x00`\x01H\xba\x9f\xa6is_\x08\x00V\x05\x02\x00\x00\x00H\x14L\xa9\x00\x00@\xa2 \x00\x00\x00\x80DA\x00\x00\x00\x00\x89\x82\x00\x00\x00\x00\x12\x05\x01\x00\x00\x00$\n\x02\x00\x00\x00H\x14\x04\x00\x00\x00\x90(\x08\x00\x00\x00 Q\x10\x00\x00\x00@\xa2 \x00\x00\x00\x80DA\x00\x00\x00\x00\x89\x82\x00\x00\x00\x00\x12\x05\x01\x00\x00\x00$\n\x02\x00\x00\x00H\x14\x04\x00\x00\x00\x90(h\t\t\x80\x84\xe0R(\x8a"=v0\xc6\xd0lG\x9a\xa0!\x0c\x00\xd6\x0ccL\xfa\xa9\x91Q\xfe\xbf\x06zh\xb7)M\x10\x00\x00\xb0\x1e\xcfN\xf0\x9f\x1a\xd3\xf5z\xfd\xdd\xbbwo\xdc\xb8q\xf5\xea\xd5\x9b7ofgg\x17\x16\x16\xce\x9d;\xb7q\xe3\xc6\x08\xc2\x80\xf4@\x00\x00\xc0\x82\x91\t&gt;\xf9\x16?w\x82\xff\xf8\xf1\xe3k\xd7\xae%&amp;&amp;\x92\x11\xbf\xa0\xa0@.\x97{xxxxx\xf8\xf9\xf95h\xd0`\xcd\x9a5\x1b7n\xec\xd2\xa5\xcbO?\xfd\xe4\xea\xea\x8a\x10\xe2y\x9ea\x183\xfc2\xa0\xd2A\x00\x00\xc0b&lt;5\xc1\x7fv\x98\xce\xce\xceNNN\xbez\xf5jtttRRR~~~ff\xa6\xbd\xbd}\xadZ\xb5\xbc\xbc\xbc\x1a6lX\xadZ5\x0f\x0f\x0f\x1b\x1b\x1b\xf2\xa7\xe9t:\xb5Z}\xeb\xd6\xadi\xd3\xa6\x9d?\x7f\xfe\x83\x0f&gt;\xf8\xe4\x93O\x18\x86!Y#\xd8\x18\xb0z\x10\x00\x00\x10\xaf\xd2\x13|\x86a\x9eM\xce$%%\xc5\xc7\xc7_\xbdz\xf5\xe1\xc3\x87\xf1\xf1\xf1999vvv\xce\xce\xce&gt;&gt;&gt;\xb5k\xd7\xaeW\xaf\x9e\xbb\xbb\xbb\xab\xab+\x19\xca\x8d\xc5x\x9eG\x08\x91\x1c\x11\xcf\xf3*\x95J\xa3\xd1\x1c9r\xe4\xf3\xcf?\xcf\xcc\xcc\x9c={v\xef\xde\xbd\x11B\x1c\xc7=\xf7/\x05V\x03\x02\x00\x00bQz\x82\xff\xdc|N\xe9\t\xfe\xc3\x87\x0f\xd3\xd2\xd2\x10B\n\x85\xa2N\x9d:~~~5k\xd6\xacW\xaf\x9e\xb3\xb3\xb3J\xa5B\x08\t\x82`0\x18\x8cF\xa3\xc9d"+\x86\x12\xcf\xfe\xbd&lt;\xcf\xdb\xd9\xd9\xb1,\xbb|\xf9\xf2\xef\xbe\xfb\xce\xd7\xd7\xf7\xa7\x9f~\xf2\xf3\xf3C\x08q\x1c\xc7\xb2p\\\xd0:A\x00\xb0x\xb0qg\x05\xfe\xeb&amp;&amp;&amp;&amp;^\xb9r\xe5\xf6\xed\xdb\xf1\xf1\xf1\xc9\xc9\xc9YYY\xa5\'\xf8\xf5\xeb\xd7\xaf^\xbd\xba\xad\xad-\xc9\x05\x19\x8dF\xbd^O\x86\xfb\xd2\xa7&lt;\xcb\xf8l\x90\xa5\x86\xb3\xb3\xf3\xe3\xc7\x8f\x7f\xfc\xf1\xc7\r\x1b6\x84\x86\x86~\xfe\xf9\xe7\xce\xce\xced!\x02\x1b\x03\xd6\x07\x02\x80\x95\x80\x8d;\xcb%\x08\x02\x19\xa9\xb3\xb3\xb3o\xde\xbcy\xef\xde\xbd\xe8\xe8\xe8\x84\x84\x042\x7fwrr\xf2\xf4\xf4l\xd0\xa0\x81\xaf\xaf\xaf\xa7\xa7\xa7\xab\xab\xabR\xa9$\xff/\xbd^o0\x18x\x9e\x7f\xf1\x04\xff\x95p\x1c\'\x97\xcb\xed\xec\xec._\xbe\xfc\xe5\x97_\x9e;w\xee\xab\xaf\xbe\x9a0a\x02\xf9O/8H\n,\x11\x04\x00KE\xbe\xf3\x19\x19\x19\xabW\xaf\x9e8q\xa2B\xa1\x80\x8d;KD\x12,\xcb\x97/\xdf\xbe}{~~\xbe\x8d\x8dM\xed\xda\xb5===\x1b5j\xe4\xe5\xe5\xe5\xee\xee\xee\xe0\xe0@~\x92\xcc\xee\x8dF\xe3\x0bNy\x96\x0b\x8c1\xc7qZ\xadV\xa5R\xed\xde\xbd{\xda\xb4ivvv_\x7f\xfduPP\x10\x82\x8d\x01\xeb\x02\x01\xc0R\x91! 33\xcb\xd5\xcd\xc5\xbb\xae\xf7\xb4\xa9\x9f\x0e\x1f9\x0cAF\xc8\xa2\x90u\xdb\xb1c\xc7\x06\x0e\x1c\xb8g\xcf\x1ewww777\x85BA\xfe\x13\x19\xf19\x8e{\x8d|\xce\x9b\x13\x04A\x10\x04\'\'\xa7\xc2\xc2\xc2\xc5\x8b\x17\xff\xfc\xf3\xcfm\xdb\xb6\xfd\xfe\xfb\xef\xbd\xbd\xbd\x11\xac8\xad\x05\xcc\x16-\x9b \x08\xd5jx\xb6\x1b\xe37k\xe1\x17\xef\xb4\xefp\xea\xc4i2;#\xa3\x86\xb9\xaf\x0e\xbc\x08\x19Co\xdd\xba\x15\x1c\x1c\xbcy\xf3\xe6\xc0\xc0@[[\xdb\xfc\xfc\xfc\xb4\xb4\xb4\xf4\xf4\xf4\xec\xecl\x83\xc1\x801f\x18\x86eYr[+3\xae\xd34\xcd\xb2lff\xa6\xc9d\x9a:ujtt\xb4\x8b\x8bK\xabV\xad\xa6N\x9d\x9a\x9b\x9bK\x8e\x8a\x92E\'\xb0\\\x10\x00,\x1b\x85\x90\xc1`\xac\xd3\xb0\xd6\xe7k\xde\xaf\xd1\xd1v\xd0\xa8\xe0\xc1!\xa1\x0f\x1f&lt;dY\x96\xa2(r\xda\x0f\x88\x90 \x08$\x83\xd7\xa5K\x97Y\xb3fu\xe8\xd0\xe1\xc9\x93\'\xe4\xf0\x0f\x19\xeeE\xb2\x8c#\xd3\xfc\xb4\xb44{{\xfbE\x8b\x16EFF^\xb9r\xa5Q\xa3Fk\xd6\xac!\xfb\x01d\x07\xc2\xdc\x97\t^\x13\x04\x00\x8bGQ\x94\xbe\xc0P\x98[\xd8\xb6W\xe0\xf4uc34\xf7\xdbwn;\xe3\xd3\xcf\x8dF#L\xd3\xc4\xa9\xe4\xa0gPP\xd0\xc0\x81\x03\xc3\xc3\xc3SSS\xe5r\xb9\xb9\xaf\xeb?\xb1,k2\x99\xd2\xd2\xd2\x1a6lx\xf8\xf0\xe1\x1f~\xf8\xe1\xdbo\xbfm\xd5\xaa\xd5\x993g`\xc5i\xd1 \x00X\x03\x8a\xa6(\x9a\xca\xcb\xceG\x18\r\xfe\xa8\xf7\x98\xdf\xfa\x1d\xb8\xbc\xa3I\xe3&amp;;#v\xc14M\x84H\xf2\'88\xb8Z\xb5j\xdf}\xf7]zz\xbaL&amp;3\xf7E\xbd\x04EQ,\xcb\xe6\xe7\xe7\xa7\xa7\xa7\x07\x07\x07\xc7\xc4\xc4t\xee\xdc9888$$\xe4\xd1\xa3G\xb0\xe2\xb4P\x10\x00\xac\x07\xcd\xd0\x18\xe3\xec\x8c\\{g\xbb\x0f\x7f\x1b\xd9i\xa2\xff\xd4o\'vz\xa7s\xcc\xa5\xcbd\x9a\x06a@\x0cL&amp;\x13\xcb\xb2_|\xf1EbbbDDDFF\x86\x05\x1d\xdc\xa2i\x9aa\x98\xac\xac,\x9e\xe7\xbf\xfa\xea\xabs\xe7\xce\xb1,\x1b\x10\x10\xf0\xe9\xa7\x9f\x92\xd3A\xb0\xe2\xb4,\x16\xf3\xe4\x812b\x18\xdad4e\xa7\xe5\xf8\xbd\xed3}u\xb8s\x0bY\xaf\xe0\xaecF\x8eMI~\\\x12\x06\xcc}\x8d\xd2\xc5q\x9cL&amp;[\xb7n\xdd\xda\xb5k\xf7\xec\xd9\x93\x9f\x9f\x8f*\xf1`Oy!\x03}ZZ\x9a\x93\x93\xd3\x86\r\x1b\xb6o\xdf~\xfc\xf8\xf1\xfa\xf5\xeb\xef\xdc\xb9\x13V\x9c\x96\x05\x02\x80\x15\xa2(\x8af\xe8\xc2|}a\xae\xaeKh\xbbik\xc6\xdc\xd6\xc7\xb4n\xff\xf6O\xdf\xfdL\x92\x0f0M3\x0b\x9e\xe7Y\x96=s\xe6\xcc\xe4\xc9\x93w\xef\xde\xed\xe8\xe8\xa8\xd7\xeb-h\xfa_\x1a\xc9\x08\x19\x8d\xc6\xb4\xb44\x7f\x7f\xffs\xe7\xceM\x9d:u\xea\xd4\xa9\xad[\xb7\xber\xe5\nl\x0cX\n\x8b|\xf8@Y\xd04E\xd1Tnf\x1eES#\xbf\x18\x106\xbb\xf7\xba\x83K\x03\x03Z\xec\xdd\xbd\x8fL\xd3\xe0\xfbY\x99H)\x85\x94\x94\x94\xde\xbd{o\xd8\xb0\xa1A\x83\x06\xd9\xd9\xd9\x96^c\xa7dc 33s\xec\xd8\xb1\xd1\xd1\xd1\x81\x81\x81]\xbbv\r\x0b\x0bKOO\x87\x8d\x01\xf1\x83\x00`\xe5\xc8\xc6@fj\x8e\xb3\xbb\xe3\'\x8b\xc76\x1bT{\xd2\xe7\xe3z\xf7\xe8{9\xe6\n\xf9~B\x18\xa8\x04\xe4\x13\xd6\xe9t\x1d:t\x98&gt;}z\x97.]222,}\xf4/A\xe6\x13\xe9\xe9\xe9\x18\xe39s\xe6\x9c8q"++\xcb\xd7\xd7w\xfe\xfc\xf9\xe4=\x06Xq\x8a\x16\x04\x00I`X\xdad4e\xa5\xe7\x06\xbc\xdb\xf8\xd3U\xe3\x99:y\xdd\xfa\x05M\x9d\xfc\xf1\x93\xc7O`\x9aV\xd1He\x05\x9a\xa6\xfb\xf5\xeb\xd7\xaaU\xab)S\xa6\xa4\xa6\xa6\x8a\xff\xd8\xcf\xabbY\x96l\x0c\xb8\xbb\xbb\xef\xdc\xb9s\xd9\xb2e\xabW\xafn\xd8\xb0\xe1\xbe}\xfbJ6\x06\xcc}\x8d\xe0i\x10\x00\xa4\x82\xa2(\x86\xa1\xf3\xb3\x0b\x0c:C\x9fqAS\x97\x87]L9\xf6v\xeb\x16\xf3\x7f_\xc8\x0b&lt;\xc30\x1c\xc7\xc14\xad"\xf0&lt;/\x93\xc9F\x8d\x1a%\x08\xc2\x92%K222\xaco\xf4\'Jo\x0ct\xef\xde\xfd\xcc\x993\xa3F\x8d\n\x0f\x0f\xef\xd6\xad\xdb\xb5k\xd7J\xfa\xcc\x00\xf1\x80\x00 -4CS\x14\x95\x95\x9a\xa3T+\xc6~3(tV\xd7E\xdb\xe7\x046\x0b\x8c\xdc\xbb\x9feY\xd8\x18(w\xa4\xd6\xdb\xdc\xb9sO\x9f&gt;\xbdk\xd7\xae\xfc\xfc|\x8b;\xf3\xf3\xaaH\x18\xc8\xca\xca\xca\xcf\xcf\x9f&lt;y\xf2\xc5\x8b\x17\xbd\xbd\xbd\xdb\xb6m\xfb\xd3O?\xd14\r1@T\xa0\x18\x9c\xa5*\xaa\x06\x9a\x9e\xd1\xd0\xdf\xef\xfd\x85\x03\x1d]\xecL&amp;\xee\x15\x06\x17\x8cx^P\xd9(\x94j\xc5\x99\xc8\xa8}KO\xb6n\xd4\xe1\xcbof\xd6\xaf\xef\x83\xa0\x07H9!g\xae\x8e\x1e=\x1a\x12\x12\x12\x13\x13\xe3\xe0\xe0`0\x18,\xf4\xd8\xcf\xeb)).}\xfc\xf8\xf1.]\xba\xdc\xb9s\xc7\xd3\xd3\x93&lt;\xba\xe6\xbe4\x80\x10\xac\x00\xa4\x8bB\x0cK\x1bt\xc6\xac\xf4\xdc\x16A\xfe3\xd6\x86\x17\xba%\xbf\xdb\xad\xe3\xb4\xa9\xd3\xc9\xe9\x14\xd2\x03\xc4\xdcWi\xc1\xc8\xe8\x7f\xf9\xf2\xe5\x90\x90\x90m\xdb\xb6\xb9\xbb\xbb\xebt:I\x8d\xfe\x08!\x96ey\x9e\x7f\xfc\xf8q\xfb\xf6\xed\xdb\xb6m\xbbx\xf1b\x84\x10l\x06\x88\x87\xb4\x1eG\xf0\x14\x8a\xa6\x18\x86\xce\xcb\xca\xe7y\xfe\xbd\xf7\xbbO\\8\xf8\xd4\xbd\xc8\x16-Z,\x9c\xbf\xb8\xa4a,\xac\x11_CI\xad\xb7\x9e={\xfe\xfe\xfb\xef\xef\xbc\xf3Nff\xa64\x17U$#$\x08BHHHDD\x04)\x82d\xee\x8b\x02E\xe0N\x00D34B(+5\xc7\xd6Q3\xfe\xdb\xd0&gt;\x9f\xb5\xfd}\xdd\x0f\xed\xdb\xb5?}\x12\x8aK\xbf\x0e\xf2Y\xd14\xdd\xbe}\xfb1c\xc6\x84\x86\x86Z\xe5\xb1\x9f\xb2\xa3i://\xafO\x9f&gt;999\'O\x9e\x84\x13A\xe2\x01\x01\x00\x14aX\x9a3qY\xe9\xb9^\rjL_\x1e^\xab\xb3\xc3\xc0\x91P\\\xfau\x90\x9e&lt;\xfd\xfb\xf7o\xd0\xa0\xc1\xcc\x993\xd3\xd2\xd2\xa4&lt;\xfa#\x84(\x8a"\xbd-\xdb\xb7o\xbf~\xfdzT\x1c#\x81\xd9A\x00\x00\xff GE\xf5\x05\xfa\xdc\xec|(.\xfdzJj\xbd=|\xf8p\xc3\x86\r\xe9\xe9\xe9\xd09\x0b!DQ\x94\xc9d\n\t\t9t\xe8\x90N\xa7c\x18\x06b\x80\x18@\x00\x00O\xa3h\x8a\xa6\xe9\x7f\x17\x97\x8e\xf0\xf7\xf7_\xb3j-\x94\xfaz1R\xebm\xd1\xa2E\xeb\xd7\xaf\xdf\xb3gOAAA%\xb7\xf1\x12-\x86a\xf2\xf2\xf2\xde}\xf7]\x85B\xb1w\xef^\x8a\xa2`&amp;!\x06\x10\x00\xc0\xf3\x95*.m;i\xce\x88nS\x02\xbf\x997\xe3\x9d\xf6\x1dN\x15o\x0c@\x18x\n\xa9\xf5v\xea\xd4\xa9\x193f\x1c&gt;|\xd8\xde\xde^j\x87&gt;_\x8c\xe7y\x85B\xd1\xb3g\xcf\xd5\xabW\x9b\xfbZ@\x11x:\xc1\x8b0\x0cm2r9\x19\xb9u\x1b\xd7\xfelux\xcdNv\x03G\xbc7f\xe4\xd8\x94\xe4\x14(.]ZI\xad\xb7\xbe}\xfbn\xda\xb4\xa9f\xcd\x9a\xa4q\xae\xb9\xafKD\x18\x86),,\x1c5j\xd4\xc5\x8b\x17\x1f=z\x04Y 1\x80\x00\x00^\x82\x14\x97\xd6\xe7\xeb\x0bsum{\x07N_7\xf6\xb6&gt;\xa6u\xfb\x96?}\xf73l\x0c\x10d \xcb\xce\xcen\xd7\xae\xdd\xf4\xe9\xd3\x83\x82\x82${\xe8\xf3\x05(\x8a*,,\xf4\xf1\xf1\xa9U\xab\xd6\x9f\x7f\xfe\x89\xe0\x85\x00\x11\x80\x00\x00\xca\xa4\xa8\xebdV&gt;EQ#\xbf\x18\x10\xf6s\xaf\r\x87\x97\xf9\xfb\xfb\xef\xdc\xb1K\xe2\xc5\xa5Kj\xbd\xf5\xee\xdd\xbb{\xf7\xee\xd6Z\xeb\xad\xbcP\x145`\xc0\x805k\xd6\xc0\x0b\x01b\x007\x00\xbc\x82\x7f\x8aK{8M]4\xb6\xe3\x84&amp;Sg}\xd0\xf1\x9d\xce1\xd1\x97%[\\\x9a\xd4z\x1b9r\xa4\x8d\x8d\xcd\xaf\xbf\xfej\xc5\xb5\xde\xde\x1cy!`\xf0\xe0\xc1\x89\x89\x89qqqP\x1a\xc8\xec \x00\x80WVT\\\xba\xa8\xeb\xe4x\x97@\xb6\xd7\x80\xaeS\xff\xf7\xf1c\xe9\x15\x97&amp;E\x93\xe6\xcc\x99s\xe6\xcc\x99\x1d;v\xe4\xe6\xe6\xc2\x99\x9f\x17\xa0(\xca`0xxx4i\xd2d\xf3\xe6\xcd\x08!\x08\x00\xe6\x05\x01\x00\xbc\x0e\xf2\xc6@Q\xd7\xc9!\xed\xa7\xad\x1ds1\xf9\xd8\xdb\xad\x02\xe7\xff\xbeP:]\'\xc9\xe8\xbfk\xd7\xae\xd9\xb3g\xff\xf5\xd7_\x1c\xc7q\xdc\xab\xd4\xe3\x93$\xb2L\x1c1b\xc4\x96-[\xc8\x1e\x92\xb9\xafH\xd2 \x00\x80\xd7\xf7O\xd7I\x8a\x1a\xfb\xcd\xa0!\xdfu[\xb4}N\x0bit\x9d$\x87&gt;\xcf\x9f??j\xd4\xa8\x88\x88\x08WWW\xcbm\xf0[\x99\x18\x86\xc9\xcf\xcf\xef\xde\xbd{aa\xe1\xf9\xf3\xe7%\xb5^\x14!x^\xc1\x9b"\x1b\x03\x19\x8f\xb3\xab\xd5q\x9f\xb6d\\\xd3\xe7u\x9d4\xf75\x963\xb2\x81\x99\x96\x96\xd6\xbbw\xef\x15+V\xb4l\xd9233\x13R\xffed2\x99lmm{\xf4\xe8\xf1\xc7\x1f\x7f\x98\xfbZ\xa4\x0e\x02\x00(\x1f%\xc5\xa5\x8b\xbaN\xd6\xcd\xeb\xd6/h\xea\xff&gt;\xc9\xc9\xc9!\xc5\xa5\xadf\xa2\x871&amp;\'\x7f:v\xec8i\xd2\xa4\xde\xbd{\x93c?\xd6\xba\xd6)w4M\x1b\x0c\x86\x11#F\x9c:u\x8a\xbc-\x01\x1f\x9d\xb9@\x00\x00\xe5\x86\x14\x97.\xea:96\xe8\xe3\x15#\xcf=8\x14\x18\x18H\x8aK3\x0c\xc3s\xbc\x15l\x0c\x08\x82@\xd3\xf4\xfb\xef\xbf\xef\xed\xed=c\xc6\x0c\xa8\xf5\xf6\xaah\x9a.((h\xd2\xa4\x89\x9d\x9d\xdd\xfe\xfd\xfb\x11l\x05\x9b\x0f\x04\x00P\xceJ\xbaN*\xd4\xf2q\xdf\x0e\xee\xf3Y\xdb\xb9\xeb~h\xd7\xb6\xfd\xfe}\x07\x18\x96\xb1\x82\x8d\x01\xb2\xcd{\xe1\xc2\x85A\x83\x06\xf1&lt;\x0f\xbb\xbe\xaf\x81\xe7y\xa5R\x19\x1a\x1a\xba`\xc1\x02T\xfc\x91\x82\xca\x07\x01\x00T\x08\x86\xa5yN\xc8J\xcf\xad\xe3Wc\xfa\xb2p\xef\x1e\xcec?\x1a10x\xf0\x8d\x1b\xf1\xd6qT\xd4\xc6\xc6\xa6\xa0\xa0@\x84\xbb\xbe$\xdb\xc6\xfd\x1b\xcf\x8bk\xedE\xcaB\x04\x07\x07_\xbf~\xfd\xd1\xa3G4M[\xf4\x9c\xc0r\x89\xee\xf1\x05V\x83\xa2\x10\xc3\xd0\xba|}^N~\xcb\xae\xcd&gt;[\xf3\xaf\xae\x93\x96~T\x94$\x82\xcc}\x15\xff \xe3\xbe \x082\x99\xcc\xce\xce\xce\xd9\xd9\xd9\xc5\xc5\xc5\xd9\xd9\x99\xfc\x83\xa3\xa3\xa3\x8d\x8d\r\x12M\xf5\x85\x92\xb2\x10\x8d\x1b7\x86&gt;\x91f\x04\xe5J@\xc5\xa2h\x8aBT^V&gt;\xcd\xd0\xef\xbd\xdf\xbdU\xf7\xd4\xdd\xcb\xf7\x07\x06D|\xf6\xe9\x8c\xe1#\x87\xa1\xe2\xf6)\x90\x04x\x13\x18c\x96e5\x1a\r\xc7q\x0f\x1f&gt;\x8c\x8f\x8f\xbfs\xe7NJJJaa!BH\xab\xd5V\xaf^\xbdA\x83\x06\xbe\xbe\xbevvv\xd9\xd9\xd9\xe2)\xc30h\xd0\xa0\xdf~\xfb\xed\xdbo\xbf\x15\xc9\xf5H\r\x04\x00P\x19Jw\x9d\x1c7+4\xeeB\xc27\xbf\xcfX\xb3v\xf5\xd7_\x7f\xd3\xa6]k\x84\x10\xc7q\xa4\xbc\xa8\xb9\xaf\xd4\xf2\x90\xd1?\'\'g\xf3\xe6\xcd{\xf7\xee\xbdp\xe1Bjj\xea\xb3?\xc6\xb2l\xe3\xc6\x8dG\x8e\x1c9t\xe8P\x84\x90\xd9KU\x93\xb2\x10]\xbat\x991cFLLL\x93&amp;M\xc4\xb6\xa8\x92\x02\x08\x00\xa0\xf2\x14u\x9dL\xcb\xa9\xd3\xb0\xd6g\xab\xc3O\xed\xb98hTp\xdb\xa6\x1d~\x9a\xfdc\xb5\xea\xd5\x10B\xe4-bs_\xa6%\x11\x04A\xadV\xc7\xc6\xc6\xf6\xe9\xd3\xe7\xf1\xe3\xc7\xe4_j4\x1a//\xaf*U\xaah\xb5ZA\x10222\xee\xdc\xb9\x93\x94\x94\x14\x15\x15\x15\x15\x15\x15\x11\x11\xb1r\xe5JGGG\xf3\xbe\xb9F\xcaBxzzv\xe8\xd0a\xc1\x82\x05\xcb\x97/\x87\x00P\xf9 \x00\x80JEQ\x14\xc3P\xfa\x02=B\xa8]\xaf\x16\xcd;6\xda\xbd\xfcH\xfb\xcem\x07\xf6\r\xfd\xf2\x9b\x99r\xb9\x9c\xec\n\xc0@PF\xa4\xddn\xcd\x9a5\x11BJ\xa5\xb2W\xaf^\xdd\xbbwo\xde\xbc\xb9\xbb\xbb\xbbZ\xad&amp;\x1f#\xc7q\x19\x19\x19\x17.\\\x98;w\xee\xa9S\xa7\x8e\x1c9\xd2\xb7o\xdf\x03\x07\x0e\xc8d2\xf3\x9eb"/\t\x0e\x1a4h\xe2\xc4\x89:\x9dN\xa9Tb\x8ca\x15X\x99\xe0k\x06\xcc\xa0\xa8\xb8\xf4\xbf\xbaN\xeeh\xd2\xb8\xc9\xce\x88]\xd0u\xf2\x95\x901\xd4\xce\xcen\xd5\xaaU\xc7\x8e\x1d\xdb\xbcyshhh\xf5\xea\xd51\xc6yyy\xd9\xd9\xd9\xd9\xd9\xd9\x05\x05\x05\x1a\x8d\xa6W\xaf^\x87\x0f\x1f\x9e8q"B(::\xfa\xfb\xef\xbf\xb7\xb5\xb55\xef&amp;&lt;\xc30\xb9\xb9\xb9\x9d;wV*\x95{\xf6\xecA\xf0B@\xa5\x83\x00\x00\xcc\xa6T\xd7I\xbb\x0f\x7f\x1b\xd9i\xa2\xff\xd4o\'vz\xa7s\xcc\xa5\xcb\xd0u\xb2\xec\xc8{U\xef\xbc\xf3N\xe3\xc6\x8d322\xb2\xb2\xb2\x0c\x06\x03\xf9\xf7\x0c\xc30\x0cC\x02jVVVaa\xe1\xef\xbf\xff\xde\xb9sg\x9a\xa6\xd7\xae]{\xff\xfe}\x85Ba\xdeO\x98\xbc\x10\xd0\xb5k\xd7\x8d\x1b7\xc2\xdc\xbf\xf2A\x00\x00f\xc60\xb4\xc9h\xca.*.\x1d\xee\xdcB\xd6+\xb8\xeb\x98\x91cS\x92\x1fC\xd7\xc92\xa2i:??\xbf\xb0\xb0\x90\x8c\xf8\xcf\x8e\xa4\x14E\xb1,K^\x08\x98&lt;y2\xc68##\xe3\xec\xd9\xb3j\xb5\xda\xbc\x93n\x9a\xa6\xf5z\xfd\xa0A\x83\xce\x9d;\xf7\xe4\xc9\x13(\x0bQ\xc9 \x00\x00\xf3#]\'\x8b\x8aK\x87\xb6\x9b\xb6f\xccm}L\xeb\xf6oC\xd7\xc9\xb2#\xa9\xb3\x17\xff\x0c\xc30:\x9d\xce\xcf\xcf\xafJ\x95*\x14E\xdd\xb8q\xc3\xec\x03.\t]\x01\x01\x015j\xd4\xd8\xb2e\x8b5\xd5\x8c\xb2\x08\x10\x00\x80X\xfcS\\\x9a\xfew\xd7\xc9\x08\xa9w\x9d,/d9\xa5\xd1h\\]]\xc9"@\x0c\x9f\'\xd9\xf8\xed\xd3\xa7\xcf\xd6\xad[)\x8a\x82\xfd\xff\xca\x04\x9f5\x10\x97\xa7\xbaNv\x9a\xe0\xff\xd1\xd7\xef\xf7\xee\xd1\xf7J\xa9\xe2\xd2b\x18\xb6,\x17EQ\xa5sDf\xcf\xbc\x93\x0e\x01!!!\xb7n\xdd\xbaq\xe3\x06\xf4\x89\xacL\x10\x00\x80\x18\xfd\xd3u\xb2\xa5\xcf\xa7+\xc73u\xf2\xba\xf6\x0b\x9a:\xf9\xe3\'\xd2\xeb:Y\x8e\xc8\x0b\xc0z\xbd&gt;\'\'\x87\xa2(;;;\x8a\xa2\xcc\x1eM)\x8a\xd2\xe9t^^^\x8d\x1a5Z\xbf~=\x82\xb3@\x95\x08\x02\x00\x10)\xd2u\xb2 Og\xd0\x19\xfa\x8c\x0b\x9a\xba&lt;\xecb\xca\xb1\xb7[\xb7\x98\xff\xfbB^\xe0\x19\x86\xe18\x0eF\x8aW\x821\x96\xc9dIII\x8f\x1e=\xc2\x18{{{\x0b\x82`\xf6\x15\x00*&gt;\xcc\x1a\x16\x16\x06}"+\x19\x04\x00 j4M\x91\xe2\xd2J\xb5b\xec7\x83Bgu]\xb4}N`\xb3\xc0\xc8\xbd\xfbY\x96\x85\x8d\x81W\xc2\xf3\xbcZ\xad\xde\xb5k\x97\xd1h\xd4h4\x81\x81\x81:\x9dN\x0c9\xf7\x92&gt;\x91\x06\x83\xe1\xdc\xb9s\xb0\xc2\xab4\xe6\xbf\xf7\x00\xbc\x14\xc3\xd2\x02/\xfc\xd3urp\xed\xb1\x1f\x85\x95..m}]\'\xcb\x1d\xc7q\xb6\xb6\xb6\xf1\xf1\xf1K\x96,A\x08\xf5\xee\xdd\xdb\xc7\xc7G\xa7\xd3\x89a\x05\x80\x8a\xfbD\xb6m\xdbv\xed\xda\xb5\x08!\x08\xea\x95\x03\x02\x00\xb0\x10\xd4?]\'[\x04\xf9\xcfX\xfb\xaf\xe2\xd2V\xd6u\xb2\xdcq\x1c\xa7V\xabu:\xdd\xa8Q\xa3\xd2\xd2\xd2\x1c\x1c\x1cf\xcc\x98\xa1\xd7\xebE2\xfa\xa3\xe2&gt;\x91c\xc6\x8c\x89\x8c\x8c\xcc\xcd\xcd%7\xd4\xdc\x17e\xfd \x00\x00KB\xbaN\xe6e\xe5\xf3&lt;\xff\xde\xfb\xdd\'.\x1c|\xea^d\x8b\x16-\x16\xfe\xb1\x88t\x9d4\xf7\x05\x8a\x11\x99\\\xe7\xe4\xe4\xf4\xe9\xd3\xe7\xec\xd9\xb3\x14E-Z\xb4\xc8\xdb\xdb[$\xf9\x1f\x82\xbc\xcf\xdc\xb2eK\xadV\x0b}"+\x8dXn?x=\x18c\x8c%WC\xb1tq\xe9\xf1\xdf\x86\xf6\x9a\xd6\xea\x8f\x8d?\xf7\xea\xd3\xf3\xc0\x81\x03F\xa3\x11f\x8e\xa5q\x1c\xe7\xe2\xe2\x12\x17\x17\xf7\xee\xbb\xef\x9e&lt;y\x92e\xd9\xe5\xcb\x97\x07\x07\x07gff\x8a-^\x92n6\xc3\x87\x0f\x9f?\x7f\xbeHv\xa7\xad\x9e\xb4\x06\x0ekB\x0e\xf0\xd9\xd9\xdby\xb8V}p\xeb\x91L!\x93\xda\xb8\xc7\xb0\xb4Qo\xcaL\xcbi\xd6\xa1\xd1\x87\xbf\x87\x9d\xb8td\xe8\x90a\x89\x89\x89\x082\xc8\x08!\x840\xc6\x82 8;;o\xd8\xb0\xa1s\xe7\xceqqqNNN\xdb\xb6m\x0b\x0b\x0b\xcb\xcc\xccdY\xd1U\x02&amp;{9\xad[\xb7NHH \xab\x13\xb8\x8f\x15\r\x02\x80\x05#\xa7\xfa\xd4*\x9b\x82\x9c\x02\x9a\x95\xd6\xad\xc4\x02\xe6yA\xeb`\xa3\xd6\xa86\xfe\xba\xf3\xeb\xe0\xf9\x1f\x0e\xff\xf8z|\\\xdd\xbau\x91\x08^n\x12\x03\x8c\xb1\xbd\xbd\xfd\xd7_\x7f=t\xe8\xd0\xcc\xcc\xcc&amp;M\x9a\x1c&gt;|\xb8g\xcf\x9e\xe9\xe9\xe9b\x9b\xfb\x13d\x05\xb0i\xd3\xa6v\xed\xda\xd9\xd8\xd8\x98\xb7T\xb5D\x88n\x16\x00^\x95 \x084K#\xe9L\x950\xe2yAe\xa3P\xaa\x15g#\xa3\x0f\xad=\xe3W\xbd\xf9\xfe\x9d\x87\x1b7i\x84\x8a\xeb\n\x98\xfb\x12\xcd\x8f\xe7y\x07\x07\x87\xaf\xbe\xfaj\xd6\xacY\x08\xa1\x90\x90\x90\x85\x0b\x17\xaa\xd5jq\xce\xfd\t\x99L\x96\x9b\x9b\xbbg\xcf\x9eM\x9b6\x99\xfbZ\xa4B\xa4\x8f\x02x5\x92\x19\xfd\x05^`e\x8c\xbd\x8b}B\xcc\xdd\x88\x05\x07\xd5\x85\x8e\xf3f-\xe9\xd1\xab;\x82\xa6\x92\xa5\xf0&lt;ooo\xbfk\xd7.2\xfa\x87\x85\x85-]\xba\xb4\xa0\xa0 ??_\xb4\xa3?\xb9\xe6m\xdb\xb6\xa9\xd5\xea\x16-Z`\x8c\xc5\xb9L\xb12"}\x1a\x00x\x8a `\x84\x90\x9d\x93m\xc6\x93\xac\xcd37%Eg~\xf4\xc1\xc7\xe1\x13\xc7\x91Z\xa1\x08!\xd1\x0em\x95\x8c\xd4{\xd0\xe9td\xf4o\xd7\xae\xdd\xc2\x85\x0b\xf3\xf2\xf2\x04A\x10\xf3\x90J:\x1b\xafZ\xb5j\xc0\x80\x01r\xb9\x9c\xe38\xb8\xa1\x95\x00&gt;b v\x18cA\xc06Z\x15ES\xfb\xd7\x1f?\xb11:\xb4\xdf\xb0m\xbfOu\xab\xe2\x86\xa0\x8d\xf030\xc6\x1a\x8d\xe6\xec\xd9\xb3W\xae\\aYv\xe6\xcc\x99\xa4l\x86\x98\xc7S\x8c\xb1J\xa5\xbas\xe7\xce\x95+W~\xff\xfdw\x04=A+\x8bx\x9f\t\x00\x10B&lt;\'(Tr\xb5V\x15\xfdW\xec\xbee\'j\xd8{\xef\xff\xf3Pc\xffF\xa88\xe7\x03\xa3\xffS\x04A\x90\xcb\xe5\xb1\xb1\xb1\x82 \xf8\xf9\xf95k\xd6,//O\xcc\xa3?B\x88\x14\xa9\x9e7o^\xdd\xbau\xeb\xd7\xaf\x0f\xdd\xe1+\x8d\xa8\x1f\x0b e\x02/0,\xe3\xe8j\x97\x98\x90\xb4un\xa4\x90\xae\xf8\xe5\xeb?\xfa\xf4\xef\x8d\x8a\x87~\x91\x0fjfDQTRR\x12B\xa8a\xc3\x86\x1a\x8dF\x84G\xfe\x9fB\xce4\xef\xdc\xb9s\xc8\x90!\xe4\xf4*\x04\x80\xca\x01_! :\x82\x80)\x84l\x1d\xb5\xf9\xd9\x05+\xbf\xdd\xfa *}\xec\xf0\xf0\xff}&lt;Y.\x97C\xba\xff\xa5(\x8a\x12\x04\x81\xcc\xfa=&lt;&lt;\xc4P\xf0\xf9\xc5\x04A\xd0h4\x17/^|\xf0\xe0AHH\x08\xbc\xd1]\x99\xe0\x8b\x04D\x04c\x8c\x05\xac\xd6\xaa(\x9a:\xb0\xe1\xc4\x99\xad1]\xda\xf5\xdcx\xfc\x1bw\x8f*\x08\xd2\xfd\xaf"##\x83\xd4I\x15\xff\xb1(A\x10\x94J\xe5\xa6M\x9b\x02\x02\x02\xdc\xdc\xdc\xe0.W&amp;\x08\x00@,x^P(K\xd2\xfd\xc7k\xda\xfb\xec\xde\xb6\xbf\x89\x7fc\x84\x10\xcf\xf34M\xc3\xb8P\x16\x14E\xe9\xf5\xfa\xfe\xfd\xfb{yy\xb5o\xdf^T\x05\x7f\x9e\x8be\xd9\xec\xec\xec]\xbbv\xcd\x9f?_\xe4\x8b\x15\xeb\x03\x01\x00\x98\x1fI\xf7\xdb;\xd9\xa6$&gt;Y6s\x93\xfe\x01\xfd\xcb\xac\xf9}\xfa\xf5F0\xf4\xbf:\xd2\xf3\xab_\xbf~\x03\x07\x0e\xd4\xe9t"\x0f\x00\xe4\xf8\x7fdd$\xcf\xf3AAA\x08!\xb8\xd7\x95\t\x02\x000\',`\x84\x90\xd6^SX\xa0\xdb\xf8\xeb\xae\xdb\xa7\x93\x07\xf6\r\xfdr\xf7\xcc\x92t?\x0c\x07\xaf\x81\xa2(r\xf0\x9f\xa6i1\x8f\xfe\x04\xa9O\xd7\xbf\x7f\x7f\x96eE~\\\xd5\xfa\xc0g\r\xcc\x83\xa4\xfbUZ\x15MS\'v\x9f?\xb2\xfaB\xdb\xa6\x1d\x96\x1f\xde\\\xadz5\x04\xe9\xfe7F\x153\xf7\x85\xbc\x08\xc6X.\x97?z\xf4\xe8\xc2\x85\x0b?\xfe\xf8#\x82\xe3\xff\x95\x0e\x02\x000\x03\x9e\x17\x14J\x99\xcaF\x15w1a\xc7\xbcC5\xec\xeanZ\xb1\xadM\xbb\xd6\x08N\xf7\x97\x07RUM\xa5R\x19\x0c\x06\x83\xc1 \xdaQU\x10\x04\xadV\xbbe\xcb\x16\x17\x17\x178\xfeo\x16\x10\x00@\xa5\x12x\x81f\x19{g\xdb\x94\xfbO\x96\xcd\xdcbH\xa2gN\xf9nx\xd80T\x9c\xee\x87\x0c\xc0\x1b"o\xd5\xa6\xa5\xa5\x9d={\xb6V\xadZ\xd5\xabW\x17O\xdf\xc7ga\x8cW\xacX\x11\x16\x16F\xfa\x00C\x00\xa8d\xf0e\x03\x95\x04\x0b\x18#\xacu\xd0\x18\n\x8d\x1b\xe7\xec\xbau:y\x10\xa4\xfb\xcb\x1b\xa9\x10\xfe\xe8\xd1\xa3n\xdd\xba\xdd\xbe}\xdb\xc5\xc5%""\xa2Y\xb3f\x05\x05\x05b\x1b[1\xc6j\xb5:&gt;&gt;\xfe\xf6\xed\xdb\x83\x06\rB\xf0\x00\x98\x03\x04\x00P\xe1J\x8a\xf90\x0csv\x7f\xd4\xfe\xe5\xa7\xdb4\xeap\xf2\xc8\x96\xaa\xd5\xaa"H\xf7\x97+R\x05\xfa\xd0\xa1C\xb7o\xdfV*\x95iii;v\xech\xdd\xbau^^\x9e\xd8\x02\x00\xcf\xf3j\xb5z\xc5\x8a\x15\x81\x81\x81\x1e\x1e\x1e\xf0\x18\x98\x05\x04\x00P\xb1xN\x90+e6Z\xd5\xf5\xa8\xdb\x11\x0b\x0e\xba+j-\xfbmu\xd7\xee]\x90\xe5\xa7\xfbE~h\x9d\xa4}D{\x91\x0c\xc3\x18\x8d\xc6\xbd{\xf7\x92\xaa\xa5\xc0, \x00\x80\x8a"\xf0\x02\xcd\xd0\x0e\xaev)\xf7S\xd7\xfd\x1c\x91\x19g\x98&lt;q\xfa\x84\x89\xe3\x11B&lt;\xc7\xd3\x8ce\xa7\xfb)\x8a\x92\xc9db\x1b^\x19\x86)((\xe8\xdc\xb9s\xcd\x9a5\xef\xdf\xbf\xef\xe0\xe0\xd0\xbf\x7f\x7f\xbd^/\xb6\xe9?)\xffp\xfa\xf4iA\x10\xbau\xebFJX\x9b\xfb\xa2\xa4\xc8\x82\xbf\x81@\xb4J\xd2\xfd\xfa\x02\xc3\xf6\x05\xfbb\xf6\xdd\x1a\xdc\x7f\xd8\xf4\x15\xd3\xec\xed\xedI\xa9/\x86\xb5\xd4Y\x7f\t\xa3\xd1\x98\x91\x91A\xd3\xb4\xa8\xea\xecS\x14e4\x1a\xabV\xadz\xf4\xe8\xd1k\xd7\xaeyyy\xd5\xae]\xbb\xb0\xb0Pl\xc3\xab \x08\n\x85b\xc5\x8a\x15\xa4\xfb#\x1c\xff7\x17\xf8\xd0A\xb9\xc2\x88\xe7y\x95F%\x93\xb1g#\xa3\x0e\xac&lt;\xdd\xaaa\x87C\x91\x8b\xeb\xd7\xf7A\x08\x91\xef\xb9x\x86\xcb7\xf1\xf3\xcf?\x0f\x1d:\xb4g\xcf\x9e\x8e\x8e\x8e\xa2:jIQ\x94N\xa7sqq\xe9\xd6\xad\x9b\xc1`\x10\xe1\xe8O\x8e\xffgdd\x9c8qb\xe3\xc6\x8d\x08z8\x9b\x0f\x04\x00PnxN\x90\xc9Y;g\xdb[W\xeem\x9e\xb3\xd7CYk\xe9\xaf\xffJ\xf7[\xc7,\x8f\xcc\xfa;v\xec8u\xea\xd4\xce\x9d;_\xb9r\x85\xe7yQu0\xa7i\xdad2\x91\xb0$\xb6\xd1\x1f!$\x08\x82\x83\x83\xc3\xca\x95+\xed\xec\xec\xda\xb4i#\xaa%\x94\xd4X\xc3\x17\x12\x98\x9d\xc0\x0b\x14M9\xb8\xda\xa5\'gn\x9e\xbb\xe7aT\xc6\xd4\x0f?}\x7fR8B\x88\xe7x\x8a\xa6\xacc\xe8/A\xd34\xc7q\x1f}\xf4Q\\\\\\\xef\xde\xbd###\xb3\xb2\xb2h\x9a\x16O\x0c\x10\x7fQ\xe5M\x9b6\xf5\xeb\xd7\x0f\x8e\xff\x9b\x17|\xee\xe0\x8d`\x01\xf3\xbc\xa0\xb1\xb7Q\xa8\x14;\x97\x1c\xfce\xf4\xaa\x00\xf7\x0e\xe7\xcf\\x\x7fR8\xc6\x98\xe7y\x86e\xac\xf2\xeb\xcd0\x8c\xc9dZ\xb1b\x05M\xd3\xe3\xc6\x8dsvv\xe68\xce\xdc\x17e\x01\xc8{j7n\xdc\xb8r\xe5\xca\xf8\xf1\xe3\x11\x1c\xff7++\xfcf\x82J\x82\x8b\xfa5:8\xdb^&lt;t\xf9\xc7\xb0\xc5\xfcmmd\xc4\xc1_\xe6\xcev\xab\xe2\xc6q\x9c\xf8\'\xa1o\x82\xa2(\x96e\x05A\x88\x88\x888s\xe6\xcc\x0f?\xfc\xe0\xea\xea\n1\xe0\xa5x\x9e\xb7\xb1\xb1\xd9\xbd{w\xbdz\xf5&lt;==\x05A\x10\xcf\xb2I\x82\xacja\x0e*\x8d\xc0\x0b\xac\x8c\xb1w\xb1O\x88\xb9\x1b\xb1\xe0\xa0\xba\xd0q\xde\xac%=zuG\xd6\x95\xee\x7f1\xd2lK\xa5R\x9d:u\xca\xd7\xd7\xf7\xad\xb7\xde\xea\xd5\xabWZZ\x9aL&amp;3\xf7\xa5\x89\x17M\xd3\x06\x83a\xf3\xe6\xcd\xe1\xe1\xe1\x08!\xa8\xffc^\xd6\xff-\x05\xe5K\x100B\xc8\xce\xc96\xe3I\xd6\xe6\x99\x9b\x92\xa23?\xfa\xe0\xe3\xf0\x89\xe3\x18\x86\x91`\xbfF\x9a\xa6y\x9ewvv\xde\xb5kW\xf7\xee\xdd\x8f\x1d;\xe6\xeb\xeb\x9b\x95\x95%\xa9\x0f\xa1\xec\xc8\xf1\xff\xe8\xe8\xe8\xe4\xe4\xe4\xd0\xd0P\x04\xf9\x1fs\x83\xc7\x14\x94UIE\x07\x8a\xa6\xf6\xaf?~bcth\xbfa\xdb~\x9f\xeaV\xc5\rI\xb8\xa2\x03\xc30\x1c\xc7\xb5h\xd1b\xee\xdc\xb9=z\xf4\xb8p\xe1\x82V\xab5\x1a\x8d0\xb1}\x169\xfe\xbff\xcd\x9a\xf6\xed\xdbk4\x1a\xc9&gt;3\xe2\x01\x01\x00\x94\tI\xf7\x17\xf7k&lt;Q\xc3\xde{\xff\x9f\x87\x1a\xfb7B\x96_\xd1\xe1\xcd\xb1,k2\x99\x86\x0e\x1d\xfa\xe8\xd1\xa3\xa0\xa0\xa0+W\xae\x98L&amp;\x8b\xe8\xc7[\xc9d2Ynn\xee\xde\xbd{7m\xdad\xeek\x01\x08A\x00\x00/E\xfa5:\xba\xda%&amp;$m\x9d\x1b)\xa4+~\xf9\xfa\x8f&gt;\xfd{#)\xa5\xfb_J&amp;\x93q\x1c\xf7\xe9\xa7\x9f\xc6\xc6\xc6\xf6\xeb\xd7o\xe7\xce\x9d\xe9\xe9\xe9R\x0e\x8a\xcf"\xdd\x1f\xb7m\xdb\xa6V\xab[\xb4h\x811\x86\xcf\xc7\xec`\x95\n\xfe\x93 `,`[</t>
        </is>
      </c>
    </row>
    <row r="470">
      <c r="A470" s="1" t="n">
        <v>468</v>
      </c>
      <c r="B470" t="inlineStr">
        <is>
          <t>rectangle_height_number</t>
        </is>
      </c>
      <c r="C470" t="inlineStr">
        <is>
          <t>What is the missing number of the part denoted with a question mark?</t>
        </is>
      </c>
      <c r="D470" t="inlineStr">
        <is>
          <t>[1, 4, 2, 3]</t>
        </is>
      </c>
      <c r="E470" t="inlineStr">
        <is>
          <t>2</t>
        </is>
      </c>
      <c r="F470" t="inlineStr">
        <is>
          <t>There are 7 rectangles in the image with varying lengths and numbers inside them. The numbers from left to right are [1, 2, 1, 2, 3, 3, '?']. The lengths from left to right are ['short', 'medium', 'short', 'medium', 'long', 'long', 'medium'].</t>
        </is>
      </c>
      <c r="G470" t="inlineStr">
        <is>
          <t>We observe that the short rectangles are denoted as 1, the medium rectangles are denoted as 2, and the long rectangles are denoted as 3. Hence, the pattern is that the number in each rectangle corresponds to its length.</t>
        </is>
      </c>
      <c r="H470" t="inlineStr">
        <is>
          <t>Based on the pattern that the number in each rectangle corresponds to its length, the missing number of the rectangle with a question mark should be 2.</t>
        </is>
      </c>
      <c r="I470" t="inlineStr">
        <is>
          <t>b'\x89PNG\r\n\x1a\n\x00\x00\x00\rIHDR\x00\x00\x02\x00\x00\x00\x02\x00\x08\x02\x00\x00\x00{\x1aC\xad\x00\x00I\xbdIDATx\x9c\xed\xddy|T\xd5\xf9?\xf0\xe7\x9cs\'\x99\xc923\xd9\x08\xab\x0b\x12\x01E\xf6}\x13Q\x16k\x8bZ\x11Q\xc0\x05!\xee\xfd\x85\xb6\xdaZm\x01\xadu\x81\xd6\xda\xda\xd6\xb2#\x15W\xac\xad\xb6\x82\xe0\x02\x88B\x00\x15\x84\x84\x1dQ\x08\x84\xac\xb3d\x99\x99{\xcf\xf9\xfdq!\xe5\xcb&amp;\x10\x92\xb97\xf7\xf3~}_\xafo\x9b\xd0\xf0\xe4\xe1\xcc\xf9\x9c{\xee\x99;L)E\x00\x00\xe0&lt;&lt;\xde\x05\x00\x00@| \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xd2\xe2]\x00\x00|\x0f\xa5\xd49\xfc\xaf\x18c\xe7\xbd\x92sc\xf7\xfa\x9b0\x04\x00\x80\xe5(\xa5\xa4\x94J)\xc6\x18c\x8c\xf3s\xb9R?/?\xe4\xdc\xd8\xbd~\xe7`\xe7\x16\xce\x00p\xde\x99S\x1e\x11\t!\x8e\xfdz \x10\x90R2v\xa6\xafVs\xed\xec\xf7\xfb\x8f\xfd\xa29\x99r\xce\x1bnem\xf7\xfa\x1d\x08\x01\x00\x10\x7fJ)\xc304\xed\xc8\x15y(\x14\xca\xcf\xcf_\xb7n\xed\x17_|Y^^^XX\xa8\x1b\xfa\x99\xff4FL\x91jwI;\xbf\xdf\xdf\xb3g\xcf\xee\xdd\xbb\xf7\xee\xdd\xbbU\xabV\xe6wu]\xe7\x9c\x9f\xdf\x05\xb5\xdd\xebw,\x04\x00@\x9c\x19\x86a.\x99\xa3\xd1\xe8\xd2\xa5K_~\xf9\xe5\r\x1b6\xec\xdb\xb7\xef&lt;\xfe\x15iii={\xf6\x1c3f\xcc\xa8Q\xa3\x9a5kFD\xba\xae\x0b!\xce\xcbj\xda\xee\xf5;\x19\x02\x00 n\xccW\x1fc,\x10\x08\xcc\x9e={\xd1\xa2E\x9b7o\xae\xfbnJjJ\xeb\x0bZeeg\xb5\xcd\xb98=\xdd\xaf\xeb\xc6\x99\xccw\x8a\x14g&lt;\x16\x8b\x15|]XY\x11\xd8\xb7\xe7\xdb\x8a\xf2\x8a\xba\xef\xb6h\xd9b\xdcm\xe3&amp;M\x9a\xd4\xbe}{"\x92R\xd6g)m\xf7\xfa\x01\x01\x00\x10\x1fu\x0b\xe7\xf9\xf3\xe7?\xf7\xdcs\xdb\xb6m3\xbf\xde\xbaM\xab\xfeC\xfa\r\x1d1\xe4\xb2\xce\x1d\xb3\x9bg%\xa7\xa4\x08!\x84\xe0g\xf7BU*\x16\xd3#\xb5\x91\xd2\xc3\xa5;\xb6\xed\\\xfd\xd1\x9aU+Vo+\xd8a~3==\xfd\xa1\x87\x1e\x9a2e\x8a\xcf\xe7\xd3u\xbdn\xeb\xc6Q\xf5\x03!\x00\x00\xe2\xc2\x9c=\x8b\x8a\x8a&amp;N\x9c\xb8l\xd92\xf3\x8b\x1d.k?\xf1\x81;F\x8e\x1a\x91\xd5,C)U[\x1b\x89Ec\xd2\x90\x8a\xd4\xd9\xbfN\x19g\x8cq\xe6r\xb9\x12\xdd\x89\x9a\xa6\x85\x82\xc1\xb5\x9f\xe6\xcf\xfe\xd3\xbcU\x1f}j\xfe\x89\xf6\xed\xdb\xcf\x9d;w\xc0\x80\x01\xe6\x1d\xda\xb3\xdaN\xb1{\xfd`B\x00\x0046s\xd1\xbal\xd9\xb2\x89wO,:PDDms\xda\xde7e\xf2\x8fn\xba\xce\x97\xe6\x0b\x07\xc3\xb1X\x8c\x88\xce\xcb\x89\x17\xa5\x94\x94\x8a\x94\x12\x9aHNI\x96\xd2X\xb9\xe2\xd3\x97\x9e\x9f\xb5f\xe5\xe7D\x94\x98\x98\xf0\xcc3\xcf\xe6\xe5\xe5\x9d\xd5\x1cj\xf7\xfa\xa1\x0e\x02\x00\xa0Q\x99\xb3\xe7\xec\xd9\xb3sss\xcd\xaf\xdc\x91;\xfe\xe7\xbf\x99\x92\x95\x9d\x15\xa8\x08\x18\xba\xc1EC\x9dt4\x0c\x831\xe6\xf5\xa5\x1a\xba1\xefo/\xcf|\xf2\xf9p(LD\x93\'O\x9e5k\x96a\x18g2e\xdb\xbd~8\x16\x02\x00\xa0\xf1\x98;\'u\xb3\xa7?\xcd\xf7\xdb?L\xbby\xc2\xe8`e0\x1a\x8d6\xce^\xb69\x8dfdel\xf8|\xe3\xcf\xef\xfbE\xc1\xd7\xdb\xe8\xe8\x1c\xfa\xbd\xebh\xbb\xd7\x0f\xc7A\x00\x004\x92\xe3f\xcf\xac\xec\xacY\x8b\xff2\xe8\xaa\x01\x87\x0e\x16k\x9a\xd6\xc8\xd3V,\x16\xf3\xa7\xf9\xcbJ\xca\xee\x1c=\xf9\xcb\xf5_\xd11\xeb\xe8\xe3\xde\xc6\xd5d\xea\x87\x13!\x00\x00\x1a\x8391\xadX\xb1b\xd8\xb0aD\x94\x9e\x91\xfe\xef\x95o]\xd4\xf6\xa2\xca\x8aJ\x97\xcb\x15\x97\x92t\xddHt\'\x08!n\xfb\xe1\xed\x9f\xaf^GD\xd3\xa6M\x9b:u\xeaI\xcf\xd5\xd8\xbd~8)\x04\x00@\x833\x8f\xab\x17\x17\x17w\xe9\xda\xe5p\xf1a\xaf\xcf\xbb`\xc9\xec^\xfdz\x06*\x02\x9a+\x9eS\x95a\x18\x89\xee\xc4P04~\xd4][6me\x8c-[\xb6l\xd8\xb0a\xc7\xad\xa3\xed^?\x9c\n\xdeC\x01\xd0\xe0\xcc\'%L\x980\xa1\xf8P1\x11=\xf9\x87\xa9\x83\xae\x1aPYQ\x19\xdf\xd9\x93\x88\x84\x10\xb55\xb5\x99Y\x19/.\xf8\xa3?\xcd\xa7HM\xb8}\xc2\xa1C\x87\x18c\xe6S}Lv\xaf\x1fN\x05\x01\x00\xd0\xb0\xcc\xd5\xe8\xe2\xc5\x8b\x97/_ND\xb7\xde9f\xec\x1d7\x1f:X\x1c\xaf\x9d\x93\xe3h\x9aVY\x11\xe8\xd8\xa9\xfd\xb4\xe7~M\x8a\x8a\x0f\x15?\xfa\xe8\xa3\x9c\xf3\xba\xbd\x01\xbb\xd7\x0f\xa7\x81- \x80\x06\xa4\x94RJUVV\xf6\xe9\xd3g\xcf\x9e=\x17\\\xd4\xe6\xbd\xd5\xffLLL4\x8f\xb2\xc4\xbb\xba\xff1t\xc3\x9f\xe1\xbf\xfb\xe6{\xde\xff\xf7\xb2\xc4\xc4\xc4\xd5\xabW\xf7\xec\xd9\xd3|\x14\xb3\xad\xeb\xc7\x83"N\x0f\xdd\x01h@\xe6\xe1\xf4\xf9\xf3\xe7\xef\xda\xb5KJy\xef\x94\xc9Y\xd9\x99\xd1h\xd4R\xb3\'\x111\xceb\xd1\xd8\x94_=\x94\x98\x98\x18\x89D\xa6N\x9djN\xfdv\xaf?\xdeuY\x1d\x02\x00\xa0\xa1(\xa5\x84\x10555\xf3\xe7\xcfg\x8c]\x92\xd3\xf6\xc6[\xae\xaf,\x0fX\xf0\x8c\n\xe7&lt;\x1c\nw\xee~\xc5u7\x8e$\xa2U\xabV\x15\x16\x16\n!8\xe7\xb6\xae\x1fw\x02N\x0f\x01\x00\xd0P\xcc\xf7%\xadX\xb1b\xeb\xd6\xadJ\xa9\xc9?\xb9\xdb\xe7\xf7\xea\xfaY&lt;\x19\xbf1q\xce#\x91h\xee\xff\x9b\x94\x94\xe4\xa9\xaa\xaa\x9a3w\x8e\xf9E\xbb\xd6?g\x0e\x11!\x00N\x0f\x01\x00\xd0\xb0\x16,X\xc0\x18\xcbn\x91\xfd\x83\x1bF\x84\x82a\xcb\x1eO\xe4\x9cW\x85\xab:w\xef\xd4wP\x1f\xc6\xd8[o\xbe\x15\x0e\x87\x89\xc8\\\xfe\xdb\xaf\xfe\xb7\xde\xaa\xae\xae\xd64\r\x1bA\xa7\x81\x00\x00h\x10\xe6\xfeO \x10\xc8_\x9f\xaf\x94\x1at\xd5\x80\xacf\x99\xb1X\xccj\xbb\xe7\xc7RJ1\xc6\x87\xffp\x98R\xea\xc0\x81\x03\x05\x05\x05\xba\xae\xaf[\xb7\xce\x96\xf5\x17\x1d\xd8\xb4i\x13\xe1"\xe0\xb4\x10\x00\x00\r\xc2\x9cw6l\xd8\xb0\xff\xbb\xfdD4t\xe4\x10\xeb/D\x85\x10\xb5\xd55\xfd\xaf\xec\x9b\xe2M1\x0cc\xd5\xaaU_\x7f\xfduQQ\x11\xd9\xb1~\xddx\x7f\xe9\xfbt\xf4Sk\xe0\xa4\x10\x00\x00\r\xc2\x9cw\xf2\xd7\xe7\x13QRJ\xd2e\x9d;Fj"\x16?\x95\xc8\x18\x8bD\xa2\xad\xdb\xb4\xbc\xb8\xedED\xb4i\xd3\xa65k\xd6\x10QR\xb2-\xeb\xdf\xb0~\x03\x11Y\xbc\xe6\xf8Bk\x00\x1a\x84\xb9U\xb2q\xc3F"\xba\xe0\xc26-Zf[|\xff\xc4$\xa5\xf4$y:^\xd1\x9e\x886o\xde\xfc\xdf\xf7\xffKDm.lm\xaf\xfa/\xbb\xa2\x03\x11\x15\x16\x16\x86\xc3a\xbc)\xec4\x10\x00\x00\r\xc2&lt;\x87^RRBD\x19\x99\xe9\xc9)\xc9\x86a\xc4\xbb\xa8\xef\xa7\x94\xe2B4o\xd9\x9c\x88\xca\xcb\xcb\xbf\xfd\xf6[\xb2m\xfd\x95\x81\xca\x9a\x9a\x9axWdi\x08\x00\x80\xf3\xcf|\x0fj \x10\xd8\xb1c\x07\x11\xe5th\'lr\x1c\x851f\xe8zN\x87vDT\\\\\xbc{\xd7n\xb2a\xfd\xed:\\BD\xc1@\xb0\xb0\xb0\x90p\x1f\xf8\xd4,\xf7\x86\x0e\x80&amp;C)\x15\xd3cD\x94\x96\x9ef\xa3\x8d\x08\xa5TZz\x1a\x11\xe9\xbanN\x9d6\xad_Ji\xd9w-X\x04\xae\x00\x00\x1a\x90\xb9in\xbbi\xc8,\xb8\xee\xd3\xb5lZ?\x1d\xed?\x9c\n\x02\x00\xa0\xc1\xd9n\x1a:\xae`\xbb\xd7\x0f\xa7\x82\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i\xf1.\xc0\x11\x94R\xe7\xf0\xbfb\x8c\x9d\xf7J\x9c\t\xfd\x87\xfah\xc2\xe3\x07\x01\xd0 \x94RRJ\xa5\x14c\x8c1\xc6\xf9\xb9\\i\x9d\x97\x1f\xe2L\xe8?\xd4\x87s\xc6\x0f\x02\xe0|2\xff\xc9\x89H\x08!\x84\xa8\xfbz \x10\x90R2\xc6\xcep)a\xae\x1d\xfc~\xff\xb1?\xc4\x1cL\x9cs[\xac,\xe2\x02\xfd\x87\xfap\xe0\xf8A\x00\x9c\x1fJ)\xc304M3\xff\xc9C\xa1P~~\xfe\xbauk\xbf\xf8\xe2\xcb\xf2\xf2\xf2\xc2\xc2B\xdd\xd0\xcf\xfc\xa71b\x8aT\xbbK\xda\xf9\xfd\xfe\x9e={v\xef\xde\xbdw\xef\xde\xadZ\xb52\xbf\xab\xeb:\xe7\xdc\x9a\x0b\x8axA\xff\xa1&gt;\x1c;~\x10\x00\xe7\x81a\x18B\x08M\xd3\xa2\xd1\xe8\xd2\xa5K_~\xf9\xe5\r\x1b6\xec\xdb\xb7\xaf\x9e?\xb6\xb4\xa4\x94\x88\x96.]JDiii={\xf6\x1c3f\xcc\xa8Q\xa3\x9a5kFD\xba\xae\x0b!,\xb5\x9a\x88\x17\xf4\x1f\xea\xc3\xc9\xe3\x07\x01P/\xe6%\xa1\x10"\x10\x08\xcc\x9e={\xd1\xa2E\x9b7o\xae\xfbnJjJ\xeb\x0bZeeg\xb5\xcd\xb98=\xdd\xaf\xeb\xc6\x99\xfc{+R\x9c\xf1X,V\xf0uaeE`\xdf\x9eo+\xca+***\x96/_\xbe|\xf9\xf2\xdfL\xfd\xcd\xb8\xdb\xc6M\x9a4\xa9}\xfb\xf6D$\xa5\xb4\xc8R".\xd0\x7f\xa8\x0f\x8c\x1f\x04\xc0\xb93\x17\x0eD4\x7f\xfe\xfc\xe7\x9e{n\xdb\xb6m\xe6\xd7[\xb7i\xd5\x7fH\xbf\xa1#\x86\\\xd6\xb9cv\xf3\xac\xe4\x94\x14!\x84\x10\xfc\xecN\x12(\x15\x8b\xe9\x91\xdaH\xe9\xe1\xd2\x1d\xdbv\xae\xfeh\xcd\xaa\x15\xab\xb7\x15\xec8Xtp\xe6\xcc\x99\xf3\xe6\xcd{\xe8\xa1\x87\xa6L\x99\xe2\xf3\xf9t]\xd74\'\xfe;\xa2\xffP\x1f\x18?\x84\x008g\xe6\xe8)**\x9a8q\xe2\xb2e\xcb\xcc/v\xb8\xac\xfd\xc4\x07\xee\x189jDV\xb3\x0c\xa5Tmm$\x16\x8d\x85\x02!E\xea\xecO\x921\xce\x18\xe3,\xb3Yf\xab\x0bZ\r\xfb\xc15\xa1`p\xed\xa7\xf9\xb3\xff4o\xd5G\x9f\x96\x97\x97O\x9f&gt;\xfd\xb5\xd7^\x9b;w\xee\x80\x01\x03\xcc;Tq\xbf\x9clL\xe8?\xd4\x07\xc6\x8f\t\x01p.\xcc\xd0^\xb6l\xd9\xc4\xbb\'\x16\x1d("\xa2\xb69m\xef\x9b2\xf9G7]\xe7K\xf3\x85\x83\xe1\x8a\xf2J"2\xef\xf8sQ\xafK\xbcX,\x16\x89DI)\xa1\x89\xab\x86\x0f\xb9\xf2\x9aA+W|\xfa\xd2\xf3\xb3\xd6\xac\xfc|\xfb\xf6\xedW_=\xf4\x99g\x9e\xcd\xcb\xcb3O/8d\x0eB\xff\xa1&gt;0~\xea`\xfb\xf2\xac\x99\xa3g\xf6\xec\xd9#G\x8e4G\xcf\x1d\xb9\xe3\xff\xf5\xf1\x9b\x13&amp;\x8fc\x8cU\x94V\x98\x8b\x8b\xf3u\x87\x871&amp;\x04\x17\x9a \xa2` X\x15\xae\x1e:\xe2\xcaW\xdf{y\xdas\xbfNIM\x89D\xa2S\xa6L\xc9\xcd\xcd\xe5\x9c\x9b\xe7\xcc\xea\xff7Z\x1c\xfa\x0f\xf5\x81\xf1s,\x04\xc0\xd91\xcf\x8a\xcd\x9e=;77\x97\x88\xfci\xbe\x17\xe7?\xff\xdc_\x9fv\xbb\xdde%eD$\xb4\x06\xbc\xb3/\x84\xe0\x9c\x07*\x83UU\xd5\xf7\xff\xec\x9e7\xde\x7f\xe5\xb2+:\x10\x91Y\x8f\x10B\xa9s\xb8V\xb5\x13\xf4\x1f\xea\x03\xe3\xe78\x08\x80\xb3`.\r\xeaFOVv\xd6\xfc\xb7f\x8f\xbdcLIq\x899\xb0\x1a\xa7\x0cs\x18\x1d&gt;t\xb8s\xf7+^}oQ\xb7^]\xe9\xe8\x182\xd7\x11\x8dSF\xe3C\xff\xa1&gt;0~N\x84\x008S\xe6\xe8Y\xb1b\x859z\xd23\xd2\xff\xf9\xe1\xeb\xbd\xfa\xf5&lt;t\xb0\xd8\xe5r5\xfe\xe6\x9d\xcb\xe5\nT\x06\x93S\x93\xdf^\xf1z\xbfA}\x88h\xf6\xec\xd9\xd3\xa7O\x17B\xe8\xfaY\xbci\xc5.\xd0\x7f\xa8\x0f\x8c\x9f\x93B\x00\x9c\x11)\xa5\x10\xa2\xb8\xb8x\xfc\x84\xf1\x8c1\x9f\xdf7\xf7\x8d\x97.j{Q\xa0"\xe0r\xb9\xe2U\x95\xa6\x89h$*\xa5\xfc\xdb?\xfe\xdc\xa9\xcb\xe5D4}\xfa\xf4\xe5\xcb\x97k\x9af\x18F\xbc\xaaj\x08\xe8?\xd4\x07\xc6\xcf\xa9 \x00\xce\x88\xf9N\xf1\t\x13&amp;\x14\x1f*&amp;\xa2\'\xff0u\xd0U\x03*+*5W\x9c\x8fQ\t!jkj3\xb32^\\\xf0G\x7f\x9aO\x91\x9ap\xfb\x84C\x87\x0e1\xc6\x9a\xd2^\x84\x1d\xfb\x1f\xdf\xc2\xe08\xb6\x1b?\x8d\xf3\xfaE\x00|?\xf3\xe2q\xf1\xe2\xc5\xcb\x97/\'\xa2[\xef\x1c3\xf6\x8e\x9b\xcd+\xc7x\x97FD\xa4iZeE\xa0c\xa7\xf6\xd3\x9e\xfb5)*&gt;T\xfc\xe8\xa3\x8fr\xce\x9b\xcc\xddH;\xf6\xff\xd8\xa7\x80A\xdc\xb9\\.{\x8d\x9fF{\xfd"\x00\xbe\x87\xf94\xd7\xf2\xf2\xf2\'\x9ex\x82s~Q\xdb\x0b\x7f\xf5\xdb_\x04*\x82\x96z\xf3\xa7\xcb\xe5*+)\x1fs\xfb\xe8kG\x8d \xa2W_}u\xfd\xfa\xf5M\xe3\x86\xa4M\xfb\x9f\x9f\x9f_\xf7hI\x88#s\x1a-++\xb3\xd7\xf8i\xb4\xd7/\x02\xe0{\x18\x86\xc19\x9f?\x7f\xfe\xae]\xbb\xa4\x94\xf7N\x99\x9c\x95\x9d\x19\x8dF\xadv\x8d\xcf8\x8bEcS~\xf5Pbbb$\x12\x99:u\xea\x99?\xbd\xd6\xcal\xdf\x7f\xdb\xff\x0b\xd8\x9byCu\xee\xdc\xb9v\x1d?\r\x0c\x01p:J)!DMM\xcd\xfc\xf9\xf3\x19c\x97\xe4\xb4\xbd\xf1\x96\xeb+\xcb\x03\x96Z&gt;\x988\xe7\xe1P\xb8s\xf7+\xae\xbbq$\x11\xadZ\xb5\xaa\xb0\xb0P\x08a\xebE\xa8\xad\xfb\xbfs\xe7\xce\x94\x94\x14[\xf7\xbf\tp\xb9\\RJ;\x8e\x9f\xc6y\xfd"\x00N\xc7|F\xc7\x8a\x15+\xb6n\xdd\xaa\x94\x9a\xfc\x93\xbb}~\xafe\x0f\xf9q\xce#\x91h\xee\xff\x9b\x94\x94\xe4\xa9\xaa\xaa\x9a3g\x0e\x11\xd9z\x02\xb2o\xff\xab\xab\xab\xe7\xce\x9d\xebv\xbbm\xdd\xff&amp;\xc0\xeb\xf5\xae^\xbdz\xdb\xb6m\xf6\x1a?\x8d\xf6\xfaE\x00|\xbf\x05\x0b\x160\xc6\xb2[d\xff\xe0\x86\x11\xa1`\xd8\xb2\xf7\xf78\xe7U\xe1\xaa\xce\xdd;\xf5\x1d\xd4\x871\xf6\xd6[oUWWk\x9af\xf7\x8d \x9b\xf6\xff\xcd\xb7\xde,..NLL\x88w]\x8e\xc6\x183\x97\xff\xb6\x1b?\x8d\xf3\xfaE\x00\x9c\x92\xb9\xff\x10\x08\x04\xf2\xd7\xe7+\xa5\x06]5 \xabYf,\x16\xb3\xda\xee\xe1\xb1\x94R\x8c\xf1\xe1?\x1c\xa6\x94:Pt`\xd3\xa6Md\xdb\x8b\x00\xbb\xf7\xff\xbbo\xbf\xdd\xb8q\xa3\'))\xdeE9\xda\x81\x03\x07\xd6\xaf_o\xc7\xf1\xd38\xaf_\x04\xc0)\x99}\xdf\xb0a\xc3\xfe\xef\xf6\x13\xd1\xd0\x91C\xac\xbf\x90\x16B\xd4V\xd7\xf4\xbf\xb2o\x8a7\xc5\xd0\x8d\xf7\x97\xbeOG\x0fB\xd8\x8e\xbd\xfb\x9f\x92\x12\x8b\xe9K\x97.MH\xc0\x15@\xdch\x9a\xf6\xf9\xe7\x9f\xef\xd8\xb1\x83l7~\x1a\xeb\xf5\x8b\x008%\xb3\xef\xf9\xeb\xf3\x89()%\xe9\xb2\xce\x1d#5\x11\x8b\x7f\xfc\x13c,\x12\x89\xb6n\xd3\xf2\xe2\xb6\x17\x11\xd1\x86\xf5\x1b\x88\xc8\xe25\x9f\x8a\xad\xfb\x7f\xd1%\x17\x12\xd1\xfa\r\xeb\xf5\x98ND8\x0c\x14\x17\t\t\t\x1b6l\xd0u\xdd\xedq\xdbk\xfc4\xda\xeb\xd7\xd2\xed\x88/\xf3Rq\xe3\x86\x8dDt\xc1\x85mZ\xb4\xcc\xb6\xf8\xf5\xa3IJ\xe9I\xf2\x98O\x19,,,\x0c\x87\xc36}SXS\xe8\x7fAaqq1\x11a\xfe\x8f\x8bh4\xbaa\xc3\x06"jsAk[\x8e\x9f\x86\x7f\xfd"\x00N\xc9&lt;\x87[RRBD\x19\x99\xe9\xc9)\xc9\xb6x\xc0\x8bR\x8a\x0b\xd1\xbces"\xaa\x0cT\xd6\xd4\xd4\xc4\xbb\xa2s\xd4\x04\xfa\x1f\n\x85jkk\xe3]\x91sI)+**\x88(\xb3\x99-\xc7O#\xbc~\x11\x00\'\xa7\x94\xe2\x9c\x07\x02\x01s\x031\xa7C;a\x93\xe34\x8c1C\xd7\xdbu\xb8\x84\x88\x82\x81`aa!\xd9\xf0&gt;\xb0\xdd\xfb\x9f\xd3\xa1\x9d\xf9\x9f\xad\xbf\xe4l\xda\xcc#\xff\x97v\xbc\xd4^\xe3\xa7\xd1^\xbf\x08\x80\xd3QJ\xc5\xf4\x18\x11\xa5\xa5\xa7\xd9h#E)\x95\x96\x9eFDRJ\xcb\x9ez&gt;\x136\xee\x7fF\x1a\xd9\xf6\xf6{\xd3c\xbf\xf1\xd3X\xaf_\x04\xc0\xf70Wp\xb6\x9bF\xeb\n\xb6\xfb\n\xd4\xee\xfd\x07+\xb0\xdd?G\xa3\xbd~\x11\x00g\xc4v\xd3\xa8\xed\n&gt;=\xdb\xfd:\xb6+\xb8i\xb3\xdd?G\xa3\x15\x8c\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i\xf1.\xe0\x8c(\xa5\xce\xe1\x7f\xc5\x18;\xef\x958\x13\xfa\x0f\xd0$Y4\x00\x94RRJ\xa5\x14c\x8c1\xc6\xf9\xb9\\\xa9\x9c\x97\x1f\xe2L\xe8?\x80\x13X+\x00\xcc)\x83\x88\x84\x10B\x88\xba\xaf\x07\x02\x01)%c\xec\x0c\x97\xa2\xe6\xda\xd3\xef\xf7\x1f\xfbC\xcc\xc9\x88s\x8e\x95\xe9\xa9\xa0\xff\x00\x8eb\x95\x00PJ\x19\x86\xa1i\x9a9e\x84B\xa1\xfc\xfc\xfcu\xeb\xd6~\xf1\xc5\x97\xe5\xe5\xe5\x85\x85\x85\xba\xa1\x9f\xf9Oc\xc4\x14\xa9v\x97\xb4\xf3\xfb\xfd={\xf6\xec\xde\xbd{\xef\xde\xbd[\xb5je~W\xd7u\xce9\x16\xa4\xc7B\xff\x01\x1c\xc8\x12\x01`\x18\x86\x10B\xd3\xb4h4\xbat\xe9\xd2\x97_~y\xc3\x86\r\xfb\xf6\xed\xab\xe7\x8f--)%\xa2\xa5K\x97\x12QZZZ\xcf\x9e=\xc7\x8c\x193j\xd4\xa8f\xcd\x9a\x11\x91\xae\xebB\x08\xacF\t\xfd\x07p\xaa8\x07\x80\xb9\xa5 \x84\x08\x04\x02\xb3g\xcf^\xb4h\xd1\xe6\xcd\x9b\xeb\xbe\x9b\x92\x9a\xd2\xfa\x82VY\xd9Yms.NO\xf7\xeb\xbaq&amp;\xf3\x85"\xc5\x19\x8f\xc5b\x05_\x17VV\x04\xf6\xed\xf9\xb6\xa2\xbc\xa2\xa2\xa2b\xf9\xf2\xe5\xcb\x97/\xff\xcd\xd4\xdf\x8c\xbbm\xdc\xa4I\x93\xda\xb7oODRJ\'/E\xd1\x7f\x00\'\x8bg\x00\x98\x0bO"\x9a?\x7f\xfes\xcf=\xb7m\xdb6\xf3\xeb\xad\xdb\xb4\xea?\xa4\xdf\xd0\x11C.\xeb\xdc1\xbbyVrJ\x8a\x10B\x08~v\'Q\x94\x8a\xc5\xf4Hm\xa4\xf4p\xe9\x8em;W\x7f\xb4f\xd5\x8a\xd5\xdb\nv\x1c,:8s\xe6\xccy\xf3\xe6=\xf4\xd0CS\xa6L\xf1\xf9|\xba\xaek\x9a%\xae\x84\x1a\x19\xfa\x0f\xe0pq{\xe1\x99\xb3OQQ\xd1\xc4\x89\x13\x97-[f~\xb1\xc3e\xed\'&gt;p\xc7\xc8Q#\xb2\x9ae(\xa5jk#\xb1h,\x14\x08)Rg\x7f\x12\x91q\xc6\x18g\x99\xcd2[]\xd0j\xd8\x0f\xae\t\x05\x83k?\xcd\x9f\xfd\xa7y\xab&gt;\xfa\xb4\xbc\xbc|\xfa\xf4\xe9\xaf\xbd\xf6\xda\xdc\xb9s\x07\x0c\x18`\xde\xe1t\xd4v\x04\xfa\x0f\x00\xf1\t\x00s\xd1\xb7l\xd9\xb2\x89wO,:PDDms\xda\xde7e\xf2\x8fn\xba\xce\x97\xe6\x0b\x07\xc3\x15\xe5\x95Dd\x9e\x18\xe1\xa2^[\x04\xb1X,\x12\x89\x92RB\x13W\r\x1fr\xe55\x83V\xae\xf8\xf4\xa5\xe7g\xadY\xf9\xf9\xf6\xed\xdb\xaf\xbez\xe83\xcf&lt;\x9b\x97\x97g\x9e~q\xc8\x1c\x84\xfe\x03\x00\xc5\xe5\x9d\xc0\xe6\xec3{\xf6\xec\x91#G\x9a\xb3\xcf\x1d\xb9\xe3\xff\xf5\xf1\x9b\x13&amp;\x8fc\x8cU\x94V\x98\x8b\xd3\xf3u\x87\x901&amp;\x04\x17\x9a \xa2` X\x15\xae\x1e:\xe2\xcaW\xdf{y\xdas\xbfNIM\x89D\xa2S\xa6L\xc9\xcd\xcd\xe5\x9c\x9b\xe7\x14\xeb\xff7Z\x1c\xfa\x0f\x00\xa6\xc6\x0e\x00\xf3\xac\xe1\xec\xd9\xb3sss\x89\xc8\x9f\xe6{q\xfe\xf3\xcf\xfd\xf5i\xb7\xdb]VRFDBk\xc0\x93!B\x08\xcey\xa02XUU}\xff\xcf\xeey\xe3\xfdW.\xbb\xa2\x03\x11\x99\xf5\x08!\x94:\x87\xbd\x0e;A\xff\x01\xa0N\xa3\x06\x80\xb9\xb4\xac\x9b}\xb2\xb2\xb3\xe6\xbf5{\xec\x1dcJ\x8aK\xcc\x89\xa9q\xca0\xa7\xa1\xc3\x87\x0ew\xee~\xc5\xab\xef-\xea\xd6\xab+\x1d\x9d\x83\xccuh\xe3\x94\xd1\xf8\xd0\x7f\x008V\xe3\x05\x809\xfb\xacX\xb1\xc2\x9c}\xd23\xd2\xff\xf9\xe1\xeb\xbd\xfa\xf5&lt;t\xb0\xd8\xe5r5\xfe\xe6\xaf\xcb\xe5\nT\x06\x93S\x93\xdf^\xf1z\xbfA}\x88h\xf6\xec\xd9\xd3\xa7O\x17B\xe8\xfaY\xbc\xe9\xc9.\xd0\x7f\x008N#\x05\x80\x94R\x08Q\\\\&lt;~\xc2x\xc6\x98\xcf\xef\x9b\xfb\xc6K\x17\xb5\xbd(P\x11p\xb9\\\x8dS\xc3\x894MD#Q)\xe5\xdf\xfe\xf1\xe7N].\'\xa2\xe9\xd3\xa7/_\xbe\\\xd34\xc30\xe2UUC@\xff\x01\xe0D\x8d\x14\x00\xe6\x93\x06&amp;L\x98P|\xa8\x98\x88\x9e\xfc\xc3\xd4AW\r\xa8\xac\xa8\xd4\\q&gt;\x00.\x84\xa8\xad\xa9\xcd\xcc\xcaxq\xc1\x1f\xfdi&gt;Ej\xc2\xed\x13\x0e\x1d:\xd4\xf4\x8e\xa3\xa0\xff\x00p\x9c\xc6\x08\x00s\xf3a\xf1\xe2\xc5\xcb\x97/\'\xa2[\xef\x1c3\xf6\x8e\x9b\xcd\x9d\x87F\xf8\xdb\xbf\x97\xa6i\x95\x15\x81\x8e\x9d\xdaO{\xee\xd7\xa4\xa8\xf8P\xf1\xa3\x8f&gt;z\xecS\xcc\x9a\x00\x97\xcb\x85\xfe\x03\xc0q\x1a&lt;\x00\xcc\xa7\x01\x97\x97\x97?\xf1\xc4\x13\x9c\xf3\x8b\xda^\xf8\xab\xdf\xfe"P\x11\xb4\xd4\x9b?].WYI\xf9\x98\xdbG_;j\x04\x11\xbd\xfa\xea\xab\xf9\xf9\xf9u\x8f\xc6\xb45\xf3PMYY\x19\xfa\x0f\x00\xc7i\xf0\x000\x0c\x83s&gt;\x7f\xfe\xfc]\xbbvI)\xef\x9d29+;3\x1a\x8dZ\xed\x1a\x9fq\x16\x8b\xc6\xa6\xfc\xea\xa1\xc4\xc4\xc4H$2u\xea\xd4#O?\xb6\xf9\xa1D\xf3\x86\xea\xdc\xb9s\xd1\x7f\x008N\xc3\x06\x80RJ\x08QSS3\x7f\xfe|\xc6\xd8%9mo\xbc\xe5\xfa\xca\xf2\x80\xa5\x96\x9f&amp;\xcey8\x14\xee\xdc\xfd\x8a\xebn\x1cID\xabV\xad\xda\xb9sgJJ\x8a\xdd\x17\xa1.\x97KJ\x89\xfe\x03\xc0\x89\x1a6\x00\xccg\xbc\xacX\xb1b\xeb\xd6\xadJ\xa9\xc9?\xb9\xdb\xe7\xf7Z\xf6\x90\x1f\xe7&lt;\x12\x89\xe6\xfe\xbfIII\x9e\xea\xea\xea\xb9s\xe7\xba\xddn\xbbO@^\xafw\xf5\xea\xd5\xdb\xb6mC\xff\x01\xe08\x8dq\x13x\xc1\x82\x05\x8c\xb1\xec\x16\xd9?\xb8aD(\x18\xb6\xec\xfd=\xceyU\xb8\xaas\xf7N}\x07\xf5a\x8c\xbd\xf9\xd6\x9b\xc5\xc5\xc5\x89\x89\t\xf1\xae\xab^\x18c\xe6\xf2\x1f\xfd\x07\x80\xe34`\x00\x98\xfb?\x81@ \x7f}\xbeRj\xd0U\x03\xb2\x9ae\xc6b1\xab\xed&gt;\x1fK)\xc5\x18\x1f\xfe\xc3aJ\xa9\xef\xbe\xfdv\xe3\xc6\x8d\x9e\xa4\xa4x\x17U/\x07\x0e\x1cX\xbf~=\xfa\x0f\x00\'j\xc0\x000/\xde7l\xd8\xb0\xff\xbb\xfdD4t\xe4\x10\xeb\xdf\xcf\x13B\xd4V\xd7\xf4\xbf\xb2oJJJ,\xa6/]\xba4!\xc1\xc6+PM\xd3&gt;\xff\xfc\xf3\x1d;v\x10\xfa\x0f\x00\'h\xd8+\x00"\xca_\x9fODI)I\x97u\xee\x18\xa9\x89X\xfc\xe3\x9f\x18c\x91H\xb4u\x9b\x96\x17]r!\x11\xad\xdf\xb0^\x8f\xe9Dd\xd3\xc3(\t\t\t\x1b6l\xd0u\xdd\xedq\xa3\xff\x00p\x9c\x06\x9c\x0e\xcc\xad\x86\x8d\x1b6\x12\xd1\x05\x17\xb6i\xd12\xdb\xe2\xfb\x0f&amp;)\xa5\'\xc9c&gt;\xa5\xb2\xb0\xa0\xb0\xb8\xb8\x98\x88l:\xffD\xa3\xd1\r\x1b6\x10Q\x9b\x0bZ\xa3\xff\x00p\x9c\x86\r\x00\xa5TII\t\x11ed\xa6\'\xa7$\xdb\xe2\x01/J).D\xf3\x96\xcd\x89(\x14\n\xd5\xd6\xd6\xc6\xbb\xa2s\'\xa5\xac\xa8\xa8 \xa2\xccf\xe8?\x00\x1c\xaf\xa1\x02@)\xc59\x0f\x04\x02\xe6\x06tN\x87vB\xd3l\xf1\xa8w\xc6\x98\xa1\xeb9\x1d\xda\x99\xff\xd9\xfaK\xe6\xd33\x8f\xfc_\xda\xf1R\xf4\x1f\x00\x8e\xd3\xe0o\x04\x8b\xe91"JKO\xe3\x9c\xdbb\x02""\xa5TZF\x1a\x1d\xbd\x8d\xd1\x04\xa0\xff\x00p\xa2\x06\xbf%h\xae\xe0,\xfb\xe6\xa3S\xb1]\xc1\xa7g\xbb_\xc7v\x05\x03\xd8Q#\x9d\t\xb1\xdd\x85\xbc\xed\n&gt;=\xdb\xfd:\xb6+\x18\xc0\x8e,}(\x10\x00\x00\x1a\x0e\x02\x00\x00\xc0\xa1\x10\x00\x00\x00\x0e\x85\x00\x00\x00p(\x04\x00\x00\x80C!\x00\x00\x00\x1c\n\x01\x00\x00\xe0P\x08\x00\x00\x00\x87B\x00\x00\x008\x14\x02\x00\x00\xc0\xa1\x10\x00\x00\x00\x0e\x85\x00\x00\x00p(\x04\x00\x00\x80C!\x00\x00\x00\x1c\n\x01\x00\x00\xe0P\x08\x00\x00\x00\x87B\x00\x00\x008\x94\x16\xef\x02\x1c\xea\xb8O\xbb\xc5\x07`52[\xf7\xff\xc4\x8fJF\xfd\x8d\xcc\xd6\xe3\xe7X\xf6\x0e\x00iH\xa9\xa4\xf9\x9f\x191\xa1\x89\xf8\xd6szJ))%\x11\t.4M\xe3\x9c3\xc6\x94R\x864\x0c\xdd\x90\x86d\x8cqa\xa7k2\xf4\xbf\xd1\x1c)^\x11\xe7\\h\x82s\xce8cDR)iH\xc30\xcc_\xcd\xfc\xa5\xe2]\xecI\xd8\xbd~"\x92R*\xa9\x881!\xf8\xd1\xf1CJ\x91\x94\xd20\x0c\xc30\x88HpA\x16-\xff\xe4\xec\x1a\x00J\x91\x94\x86\xd7\x9b\xeaJL E\xc4HI\x19\x0c\x84N\\\\X\x819\xfa\x13\x12\x12\x92\x92\x93\x18\xa3\xaa\xaa\xeaP T]]\xa3\xc7b\xae\x04WRR\xb2\xcf\x9f\xeaI\xf2\xe81=\x1c\xaeRRYv\x1a\xaa\x83\xfe7\x1as\xdeIHty\x92R\x85\xe0\xb5\xb5\x91p0\\]U][\x1bQJ%&amp;&amp;x\x92&lt;\xa9\xbeTO\x92G\x1a\xb2\xba\xaa:\x16\x8b\ta\xa1$\xb6{\xfdJ)iH\xa1\x89\xe4\x94\xe4\x84\x84\x04C\xd7\xab\xaa\xaa\x83\x81`mMm,\x16\xd34\xcd\x93\xe4\xf1\xfa\xbc^\x9fWJ\x19\x0e\x85\r\xc3\xb0T\xfd\xa7g\xcb\x00\x90Rr\xc6\xd23\xd2\xdf{\xfb\xbf_m\xdc\xc49WR%\xa7$\x8d\x9f4.11\xc1\\JX\x87\xa1\x1b\xee$\xb7\xc7\xe3)\xda_\xf4\xdfw\x96~\xfa\xc9\x9a\xc2\xaf\xb7\x1f*:T]]m\x18R\x08\x91\x92\x9a\xd2\xb2u\x8bn=\xbb\\}\xed\xd0~\x83\xfa\xb8\x12\\\xa1`\xc8\xcac\x08\xfdo\x1c\xe6\xd4\xe3I\xf6x&lt;\xee\x83E\xc5\x1f.\xfd\xf8\xb3U\xeb\n6\x17\x1e*:\x14\xa8\x0c\xc4b:)%4-%5\xa5y\xcb\xec\xcb;w\x1c4t\xe0\xc0!\xfd3\xb22\x02\x95\x01\xb2\xc0\xbe\x84\xdd\xeb\'")ebbbR\xb2\'\x18\x08m\\\xf7\xc5\xda\xd5\xf9_m\xdc\xb4o\xcf\xb7\xa5\x87Kkjj\xa5a0\xce\x93\x92&lt;\xcd[5\xef\xd4\xf9\xb2\xab\xaf\x1d:\xf8\xea\x81^\x9f7\x18\x08Za\xfc\x9c\t\xfb\x05\x80\xae\x1b\x1e\x8f\x9b\x0b\xfe\xd4c\xcf\xfcy\xc6_\xeb\xbe\x9e\x98\x988\xe6\xf6\x9b\xdd\xeeD\xa5\x94\x15\x86\x0e\x11I)\x19c\xe9\x99i;\xb7\xed~y\xd6?\xfe\xf5\xd6{\x87\x0f\x1d&gt;\xf1\x8fU\x85\xab\x8a\x0f\x16\x7f\xb9\xfe\xaby\x7f[\xd8\xab_\x8f\x9f&gt;\x967d\xd8\xa0\xca\x8a\x00\xe7\x16Z\x87\xd6A\xff\x1b\x87\x94\xd2\xe5r%\xfb\x93\x0b\xb7l{m\xe1\x1b\xef\xbd\xfd\xdf\xa2\xfd\x07O\xfa\'\xc3\xa1\xf0\xa1\xa2C_m\xd8\xf4\xca\xbc\xd7.\xba\xe4\xc2\xdc\x87\xee\x1ew\xf7\xad\xd1HT\xd7\xf58\xfe\nv\xaf\x9f\x88\x94TI\xc9\x9e\x03\xdf\x16\xbd\xf3\xc6\xbb\xef\xbd\xfd\x9f\x82\xaf\xb7\x9d\xf4\x8fUWU\x97\x96\x94m\xf9j\xebk/\xbfyy\x97\xcb\x1e\xfe\xcdO\x87_wM\xa0\xd2\xa2\xaf\xdf\xe3\xd8,\x00t]\xf7\xa7\xf9\x8a\xf6\x1fz\xf8\x81G?\xf9`%\xe7\xbcn\'.=3\xcd"\xf3\x8eI)\x95\x94\x9cd\xe8\xc6\x9f\x9f\xfb\xeb\x8b3_2\x175B\x08\xb3`)\x95\x891\xc69WJ)RR\xca\xf5\x9fo\xbc\xf5\x87\x13~9\xfd\xe1\x87\x1e\xb9?\x18\x08Zm\x0c\xa1\xff\x8dV\xbc\xdb\xe3\x0eV\x06\x9f\x9d6\xf3\x95y\xafUWU\x13\x11\x17\\\x08\xc1\x88\xc9\xa3\x88\x88s.\x04\'bRI%\xd57\xbb\xf7\xfd*\xef7k&gt;\xf9\xec\x0f\xb3fh.\xcd\xd0\x8d\xb8\xfc\xa3\xd8\xbd~"2\x0c\xe9\xf5\xa5\xbc\xfe\xf2[O\xfc\xf2w\xe6\xe0!"\xcd\xa5q\xc6\xcd\xa1\xa2\xa4""\xc6X\xdd\xcd\x0c%\xd5\xd6M\x05w\xde4\xe9\xb1\xa7~y\xff\xcf\xee\tV\x04-\xb5\x97xR\xb6\t\x00%\x95R*3+\xe3\x93\xe5\xab~v\xef/\xf6\x7f{@\xd3\x84aH]\xd7\x8f\xdc\xca\xd3\x8dx\xd7\xf8?J)M\xd3\xf6\xec\xdc\xf3\xf8\x94ikV~NDB\x13\xa4H)\x15\x8b\xc5\x8e\xfb\xc3\xe6\xed#s#E\x08\xa1\x94zf\xea\x0cM\x13\x0f\xfc\xfc\xde\x8a\xb2J\x8b\xdcYE\xff\x1b\xafx\xa9\x12\xdd\x89{w}3\xfe\x86\xbb\x8a\xbe+2\x8bg\xc4\x0c\xc3\x88\x19\xff+\x9esN\xa4\xeafR\xc6\x19)b\x9c\t!\xfe\xf3\xce\xd2XL\x9f\xf5\xea_\xe3\xf2\x8fb\xf7\xfa\xeb(EY\xcd\xb2\x02\x95\x01\x97\xcbEDRJ=\xa6\x9f\xe4\xcf\x19DG7\xac\xcc\x19\xff\xa9\xc7\x9e\xc9j\x969f\xc2\xe8\xca\x8aJ\x8b\xef\x05\xd9#\x00\x0c\xc3HHH\xf0$y^\x9c\xf9\xd2\xef\x1e\x7f\xd60\x0c\xa1\t\xc3\x90\xd6\xbc\xe5h\xd2\\\xda\xcf\xef{t\xe3\xba/\\.\x97n\xe8\xa4\x94aH"\xca\xe9\xd0n\xe0U\x03.\xef\xdc1+;\xcb\xe5\xd2\x82\x81\xd0\xd6M\x05\xef\xfd\xf3\xbf{w}\xc383\x0c\xc3|\r&lt;\xfd\x9b\x19\xbd\x07\xf4\xea\xda\xa3sUUu\xdc\xaf\x03\xd0\xff\xc6\xac\x9c1\x16\x8b\xc5\x9a5\xcfj\x96\x9dyp\xffAM\xd3t]7[\x9d\xd3\xa1\xdd\xa0\xab\x06t\xe9\xd9\xb9e\xab\x16I\xc9ID\x14\x0c\x04w\x14\xee|\xff\xdf\x1f\xac]\xbd\x8e\x88H\x91.u\x97K\xfb\xe0?+\x16\xfe}Q\xeeO&amp;U\x94W4\xf2\x1cd\xf7\xfaMB\xf0p(|\xf5\xb5W\r\x1a:p\xf5G\x9f\x9a_\xcc\xcc\xca\xe8\xd5\xbfg\x97\x1e\x9d/j{\xa1\xcf\xef\x15BTUU\xef\xde\xb1\xe7\xc3\xf7?\xfe|\xf5Z"R\x862\x0f2=\xf1\xcb\xa7\x06^\xd5\xdf\x9f\xee\xd7c\xba\xa5\xae\x8c\x8fc\x83\x00\xd0c\xba\xd7\x9f\x1a\xa8\x0c\xfd\xec\xde_\xfc\xeb\xcdw\x89\x91\x10\xc2\\\x1a$$&amp;D#\xd1x\x17x\x12\xe6p\xff\xcd\xd3\x8f\x8e\xbb\xfe\xae\x9a\xea\x1a%\x95A\xaa[\xaf\xae\xf7\xff\xf4\x9e+\xaf\x19\xe4\xf5y\xa5\x92\xd2\x90D\x8a1~\xe3-\xa3\x1ez\xe4\xbe\xdf?\xf9\xc2\xdf\xff4\x87s.\xa5$A\x86a\xfc\xe9\xb9\xbf,\\2\'\xees,\xfa\xdf\xd8\x18\x19\x86\xe1\xf5y_\x98\xfb\x87\x1f]\xf9\xe3`e\x90\x88\x86\x8e\x182\xf1\xfe;{\xf7\xefi\x9e61\x0cC\x1a\x92\x88\xb8\xe0C\x86]9\xf1\x81;_\x9d\xff\xfa\xe3S\xa6\x99S\xadaH\xc6\xd8\xdf_\x98s\xd3\xad7&amp;\xba\x13\rC6\xea\x14d\xf7\xfa\x8f2G\xd1]\xf7NX\xfd\xd1\xa7\xfd\x06\xf7\x1d}\xdb\x8dW^3\xa8E\xab\x16B\x08\xc30\x94\x92J\x11gL\x8c\x1a~o\xde\xe47\xff\xb1\xe4\xd1\x9f&lt;\x1e\x89F\x95R\x9c\xf3\xf2\xb2\x8a\x7f\xbe\xfe\xaf\x87\x1e\xbe\xbf\xbc\xb4\xc2"\x17\xf1\'e\xf5-*\xa5TFV\xc6\xd7_n\xfd\xf1\xb01\xffz\xf3]!\x84\xe0\xc2\xbcf\x7f\xf4\xc9Gr\xda\xb7\xa3#\xd7\x92\xd6\xc29\xaf\xae\xaa\xee;\xa8\xef\xd3/&lt;i\x18\x86\xc7\xe3\x9e\xfa\xeccK\x96\xbdz\xdd\x8d#\x95Re\xa5\xe5\x95\xe5\x95\xc1@(\x14\x08\x07*\x03\xa5%eJ\xd1S/&lt;1n\xe2\xadRJ!\xb8y\xf7r\xf5Gkvn\xdb\xed\xf1\xb8e\xfcB\x00\xfd\x8fK\xff9\xe7\xa1`\xa8\xfde\x97&gt;\xf6\xe4/:tj\xbf`\xc9\xec\x97\xff9o\xc8\xb0\xc1J\xa9\xf2\xd2\xf2\xca\x8a\xcap(\\]]]]]\x1d\x0e\x85\xcb\xcb\xcaC\x95\xa1\xc9\xf7O\xfc\xd5o\x7f!\xa5d\x9cI)\x89\xb1\xa2\xfd\x077\xac\xfd\xc2\x93\xe4Q\x8d~.\xcb\xee\xf5\x9b\x84\x10UUU\xbd\x07\xf4z{\xc5\xeb\x8b\xdf]x\xdb]c\xfdi\xfe@e\xa0\xbc\xb4&lt;P\x19\x08\x05\xc2\xe1P8\x10\x08\x95\x95V\x04*\x03wN\xbe\xfd\x91i?SRq\xce\x88\x881\xb6r\xf9\xeaX4\xc6\xb8u\x97\xffd\xf1\x00PJ\xb9\x12\\\x8b\x17\xbc&gt;z\xf8\xd8\x1d\x05;\xcd+A\xc30\x12\x13\x13\xff&lt;\xff\xf9\xfb\xa6\xe4VVT\xc6\xbb\xc6S\x12B\x94\x95\x96\xff\xf8\xd6\x1b~\xfd\xf4\xaf\x16\xbe=\xf7\xa1G\x1e\x88\xc6b\x95\x15\x01"\xd24!\x84\x10\x82\x9b\xb7\xc54M\x93\x86\x0cT\x04~\xf2\xc8\xfd^_\xaa\xb9S\xc18\x8b\xd4F6\x7f\xf9u\xa2;1^/\x00\xf4?\x8e\xfd\xd74-P\x11\xb8q\xec\xf5o/\x7f}\xd8\x0f\xae\t\x05C\xc1@\x90\x88\x84f\x96\xfe?\x9a\xa6q\xc1\x8b\x0f\x1f\xbe\xed\xae[.l{\xa14$\xe7\\p\xc6\x18+\xd8R\xa8\xb9\xb4\xb8, \xec^\xbfII\x95\x90\x90\xd0\xb3O\x8fHm\xa4\xa2\xacB\xd7u!\xc4\x91_Ap\xf3\x0e\xb69\x9cJJK~|\xeb\r\x19Y\x19\xe6\xf8QJ\xed\xdb\xfbm\xa02\xa8i\xc2\xca;\xa5\xd6\r\x00i\xc8\x94\xd4\x94\x0f\xdf\xff\xf8\xa7\xb9\x0f\xd7\xd4\xd4r\xce\xcdK\xcb\xd6\x17\xb4Z\xfc\xde\xcbco\xbf\xb9\xf8`q$\x12%"E\x16\xed\xaf\x10&lt;\x18\x08\xde\x9b7\xb9\xcf\x80^\xc5\x07\x0f3\xc6N\xb5\x9b\xc9\x05\x8fD"-\xdb\xb4\xec\xd2\xbd3\x11\x1d9[C\xb4o\xcf\xb7\xe6m\xc9F\xad\x9b\x88\xd0\xffx\xf7\xdfd\xde\xcd6\xcf\x14\x9ef+\x9c1f\xfe{u\xef\xd5\x85\x8e\xde\x904\x97\xdb\xa4\xe2\xf9\xd6T\xbb\xd7o\x96QUU\xc5\x18\x13\x9a8\xd5n&gt;cLJ\xe9\xf3\xf9.\xbc\xb8\r\x11\x99\x15\x87C\xe1\xda\xda\x08\xb3\xde\xf5\xf1\xb1\xac[\x1c\x17\xbc*\\5\xf8\xea\x81W^=H)%4a\xe8\xc6\x80!\xfd\xde^\xf1F\xef\xfe=\xcbJ\xcb\x19\xe3Gn\xca[t\xfe!"\xe2\x9c\x07*\x03\xd5\xd55\xda\x19\xec\x03j\x9ahuAK"s\x001"\n\x87\xc2d\xbe\xd1\xb6\xd1\xa1\xff\x14\xd7\xfe\xd7\x91R\x9e\xe1]P\xc6\x98?\xcdO\xf4\xbfz\xadp\xfb\xd1\xee\xf5\xd3\x99mr*E\xc4\x881NG\xcbg\x16~\xacE\x1d\xeb\x06\x00\x11I\xa9\x12\xdd\x89\xcf\xcf\x9e\xd1\xaaM\xabX4v\xd7}w,\xfa\xe7\xbc\xacf\x19\xc1\xca\xa0\xcb\xe5RJZ\xedM\xa7\'e^\xf0\x9e\xe1\x1f&gt;\xeeOj.\x17\x11\xc5k\x8aE\xff\xe3\xdb\x7f\xd3\x99N"\x8c\x94R\xa1`\xc8\xfco\x8a\x881\xcaj\x96I,\xce\x01m\xf7\xfa\xcf\x88"!xuUu\xf1\xc1b2\xc3\x80\xc8\xe7\xf7z\x92\xdc\xd2\x90\xcc\xc2\x8f\x07\xb2\xf4) \xceYMUM\xf3\x96\xd9\xcf\xfd\xe5w\xbbw\xec\xbe\xe7\xffM\nT\x04\ri\x98w\xd5\x95"K/&gt;\xcf\x9e\x94\xaa\xbc\xac\x82\xc8\xdcUQD\x94\x99\x95\xa1\x94\x8a\xd7\x00B\xff\xe3\xdb\xff\xb3\xc29\xaf\xa9\xae\xd9\xb2\xa9\x80\x88\x94T\xe6\x19\x96\x8eWt\xd4c:\xb7\xf6}H\x93\xad\xeb7\x0c\xc3\x9b\xea]\xfd\xf1\x9a\x03\xdf\x15\xd5\xdd\x04n\xdb\xeeb\xaf\xcf\x1b\n\x86,xJ\xa2\x8e\xa5\x03\x80\x88\x84&amp;\x02\x95\xc1\xfeW\xf6\x1d2lpyYE\xdd\xfb6\xe3]\xd7\xf9\'\x84\xa8\nW\xed\xde\xbe\x87\x88\xcc7\xa9\x12Q\xbbK\xdb\xea\xbaA\xf1\xbb\x90D\xff\xe3\xdb\xff3\x14\x8d\xc6\xb2\x9ae|\xf0\xde\x8a\xed\x05;\xccc\'JQ\xeb\x0b[w\xef\xdd\xb5\xba\xaa\xda\xe2\x07Q\xc8\xe6\xf5K)\x85&amp;\xf4\x98\xfe\xfb\'\xff\xa8\x942w\x81\x94R\xc3\xae\xbbF\x08\xa1\xa4\xb2\xf2&gt;\x8b\x85K;\x8as^[Sk\xdeG\xb2\xfe\x9e\xda\xb9\x91R\xba=\xee\x1d\x05;\xf6\xec\xda\xcb\x183\xa7\xa0\xb4\x8c\xb4\x8eWt\xa8\xad\xad\x8d\xef\n\x08\xfd\xb7\xc8\nT\xa9#\xc9T\xc7&lt;P\xaf\xebFFfz\xd1\xfe\x83\xd3\x7f\xf9\x14\x91b\xc4\xcc\x1b\xd7\xb9?\xb9;=#]\xd7u\x8b\\\xc1\xd8\xbd\xfe\x932\xcf\r\xa7\xa6\xa6\xfc\xf2\'\x8fmX\xbb\xd1\\\xec\x1b\x86q\xf1%\x17\x8d\x1a\xfd\xc3P0\xc4\xad\xfdN`\x1b\x04\x00\x1dy`\x88\xa5\xfbXO\xd2\x90nw\xe2k\x8b\xde2\x0c\x83sn\x9e\x1c\x18r\xcd\xe0VmZF#\xd1\xb8O\xbb\xe8\x7f\xbc\x0b$"\xe2\x9c\xd5\x1d\x9d\x14Bh.\xcd\x93\xe4IK\xf7\xfb\xd3|\x9f\xadZ{\xcb\x0f\xc6\xef\xde\xb1\x87s\xc19\x8f\xc5b\xc3\xae\xbb\xfa\xf6\xc9\xe3\x02\x95\x01\xeb\xfc\xc3\xd9\xbd\xfe\x13\x99\xef\x90w%$\xfcd\xd2\xcf^[\xf8\xa6\x10\xa2\xeeD\xdc\x93\x7f\x98\xe6\xf5\xa5\xea\xban\x8d\xb1sJV\xdf\x02r\x02\xf3\x00\xdc\xa6/\xbe~\xeb\x95\xb7\xcd\xf3d\xe6N\xcb\x84\xc9\xb7\xc5\xac\xfd&gt;\xf2\xa6\xc1.\xfd\xd7u\xbd\xeeD\x924dmm\xe4p\xf1\xe1\xc2\xaf\xb7-{w\xf9\x07\xffYAD\x9aK3\xcfe\x8d\x1c5\xfc\x8f\xb3g\x9e\xf8\xd4\xa3\xf8\xb2{\xfd\xc7\xd1u=\xd5\x9bZQV\xf1\x93\xbb\x7f\xbar\xc5\xea\xba\xe3\xc2R\xca\xa7\xfe\xf8\xc4\xd5#\x87X\xe7A^\xa7\x81\x00\x88?\xc6\x88q6\xed\x91\'kkj\xcdm\x16\xc30\xae\xbf\xf9\x87}\x07\xf6\xae\xac\xb0\xf4\n\xa8i\xb0x\xff\xcd\xa3\xf4\xa1`\xe8\xae\xd1\xb9\x81\xca\x00\xe3L)\xa5\xebF8\x14\x0eT\x04\x8e=\x88\xa5\xc7\xf4\x16\xadZ\xdc7e\xf2\xed\xb9\xe3c\xb1\x98\x1e\x8b\xf3\xe3\x94Mv\xaf\xff\xa4t\xdd\xf0\xa7\xf9\xb7n*\xb8\xef\xf6\x87v\xef\xd8c\xae\xfd\xa5\x94\x9c\xf3g\xff\xf2\xd4\xed\x93\xc7\x97\x97\x95[\x7f\xf6\'\x04@\xdc\xe9\xba\x9e\xd5,\xebw\x8f?\xf3\xd9\xca\xb5B\x08\xf3\xa1\xb8\xfet\xff/\xa6?\\[\x13\xb1\xce\xf2\xb3\xa9\xb2G\xff\x19I)wl\xdbi&gt;W\xf9XB\x08b$\xb8\x18|\xcd\xa0\xd1\xb7\xdd0r\xd4\x08_\xaa\xef\xe0\xc1\x83\xc4\x8e&lt;\x00\xd5\x12\xec^\xff\xffe\xe8\x86\xdf\xef]\xbbz\xdd\xddc\xef\xad,?\xf2\xbcOiH\x7f\x9a\xef\x8f\xb3g\x8e\xbc~Dyiy\xdc\xd7\rg\x08\x01\x10OzL\xcfl\x96\xf1\xda\xcbo\xfc\xf1\x99\x17\x85\x10RJ.\xb8\xa1\x1b\xd3g\xfc\xfa\xe2K.\xb4\xc5%\xa4\xad\xd9\xab\xffI\xc9I\xe6\r\x89\xa3\xa7\xb0\x8e\xec\xa7\x987S\xf7\xec\xdc\xf3\xf6\xab\xff\xdaV\xb0c\xc8\xd5\x83{\xf4\xed\xae\xebzMu\x8d\xa5\xa6!\xbb\xd7o\x92R&amp;\xa7&amp;o\xd9\\p\xd7\xcd\xb9u\x9f\xfce\x18F\x87\xcb\xdb\xffe\xe1\x0b\x1d;u(+)\xd34\xdb\xcc\xab\x16\xbd\xc2r\x02=\xa6\xa7g\xa6}\xb4\xec\x93\x87\xef{\x94sf\xbea\xd2\xd0\x8d\xbb\x1f\xb8k\xcc\x84\xd1V\x9b}\x9a\x1e{\xf5_)\x15\x0e\x86u]\x8f\xc5b\xfa\x11\xc6\x91\xffgH]7\xf6\xec\xdc\xfb\xc1\x7fV\xfc\xf1w\x7f\xfe\xf1\xb0[ro\xbb\xff\x9b\xdd\xfb\xbc&gt;\xaf\xf9\xd8&gt;+\xb0{\xfdG(\xe2\x9cGj#y\x93~\x1e\x0c\x04\x85&amp;\x14)\xc30\xfa_\xd9\xef\xcde\x8bs:\\RQVa\xa3\xd9\x9fp\x05\x10/zL\xf7\xa7\xfb7\xae\xfb\xf2\xde\xf1\x0fF"\x11\xce\x99\x10\\\xd7\xf5\x91\xa3\x86O}\xf6\xb1\x80\x05\xb6\x9e\x9b6\x1b\xf5\xdf|NNRr\xd2\xbc7\xff\x1e\x8b\xe9\x8cH\x11\xe9\xba^\x15\xaa*9\\\xbao\xef\xb7[\xbe\xda\xb2\xf9\xcb-\xe6\x8e9\xe7\\\xd7\xf5\xf7\xff\xb5\xec\xf3\xd5\xeb\xfe\xb2\xe0\x85!\xd7\x0c\n\xc4\xfb\xf3i\xed^\xff\xb1\x0ci\xa4\xa5\xa7\xcd\xff\xdb\xc2\xc2-\xdb\x84&amp;\x94TR\xca~\x83\xfb.\\2G\x08\x11\x0eVi.\x9b\xcd\xa86+\xb7i\xd0u\xdd\x97\xe6+\xdc\xb2\xed\xae\x9bs\x03\x95A\xf3s\x15u\xdd\xe8;\xb0\xf7\x9f\xe7\xfd!R\x1bQJY\xfc\xcd/\xb6f\xbb\xfe\x9b\xf7Q\x07_=\xf0\x98{\x12\xcc&lt;\xaaD\xa4j\xaak\xf7\xec\xda\xfb\xfa\xcbo\xce\xfb\xebB\xf3\x03\xda\x84\xe0\x95\xe5\x95\xb9\xb7\xdd\xff\xceGo\xe6thWS]\x13\xdf\xbb\xa9v\xaf\xbf\x0ec,\x1a\x8d\xfe\xfb\xad\xf7\x18c\x8c1\xa9d\xcb\xd6-\xfe\xb2\xe0\x8f\x9aK\xab\xa9\xae\xb1\xd4%\xe3\x19\xb2D[\x1dE\xd7u\xaf\xd7\xbb{\xc7\xee\xdbo\x9cXR\\\xc29g\x9c\xe9\xba\xd1\xa5G\xe79\xaf\xbd\xc4\x85\x88\xfbga7m6\xed\xbfR*\x14\x08\x07*\x83G\xff/PYQY^Z^^Z\x11\xa9\x8d\xb4\xcd\xb9\xf8\xa9?&gt;\xb1\xe0\xad\xd9\xa9\xdeT\xc6\x98aHM\xd3\xaa\xc2UO\xfc\xf2)\x8b\xfc.v\xaf\x9f\x8e&gt;\x1d\xbd\xf4p\xe9\xcem\xbb\x94R\xe6\'\x8cNzpb\xeb\x0bZU\x85\xab\xacs\x99rV\xac\xd2\\\x87\xd0u\xdd\xebM\xfdf\xef\xbe\xf1\xd7\xdfU\xb4\xff\xa0\x10\x82qf\xe8F\xa7.\x97/\\2\'9%9R\x1b\xb1\xce\x88ozl\xdd\x7f\xf3\xd3\x0b\xfe\x0fM\x08M0\xcejkj\x0f\x15\x1d\xfa\xc1\xf5#\x7f\xf5\xdbG\xcc\xcfT1\x0c\x9ds\xfe\xe9\xc7\x9f}\xb5~SRr\x92\x15\x1e\xdbg\xf7\xfa\x95R\x9a\xd0\xcaK\xcb\x83\x81\x10\x11\x19\x86!\x84\xe87\xa8Ou\x95\x15oV\x9f!\x8b\x8e\xf5&amp;I\xd7\x8d\xd4\xd4\x94\xef\xbe\xdd?\xe1\xfa\xbb\xbe\xdb\xb7\xdf&lt;\x00g\xe8\xc6\x15];-zg\x9e/\xcdWSc\xe3\x91d}M\xb8\xff\x9cs\x97\xcbURRz\xfd\xcd?j\xd5\xa6\xa54$c\xcc&lt;q\xbfv\xcd:\xb7;QJK\x1e\xa8&lt;\xca.\xf53\xcejj"\xe6\xd4\xcf\x18K\xf1\xa6\xa4g\xa6\x1b\x86a\x95\xe3\xc2g\x0f\x01\xd0H\x0c\xddHIM.:ph\xfc\xf5w}\xb3g_\xdd\xec\xd3\xb5G\x97\x7f\xfc{\x81?\xddo\xcdCoMF\x93\xef\xbf\xf9\xfe5\xaf\xcf\xdb\xb1S\x07\xa2#\x0f\xa6\'\xa2\xbd\xbb\xbe\x91RY\x7f\x82\xb2E\xfd\x8c\xc80\x8c#\x9fi,e\xa4&amp;b\x1e\x04\x8aw]\xe7\x0e7\x81\x1b\x83a\x18I)I\x87\x0f\x1d\x9ep\xc3]{v\xee\xad\x9b}\xba\xf5\xea\xba\xf0\xed9\xa9\xdeT\xbb\xcf&gt;\x16\xe7\x9c\xfes\xceRRS\x8e\xfc\x17ED\x14\x0eW\xc5\xeb#E\xcf\x81\x95\xebg\x8cE"\xd1\x8b\xda^\xb0\xf0\xed\xb9\xe6Y&amp;\x97KKJ\xf2\x98\xd7+\xf1\xae\xee\x1c!\x00\x1a\x9ca\x18IIIe%e\x13n\x98\xb8s\xdb\xae\xba\xd9\xa7{\xefn\x0b\x97\xccIIMi2\xb3\x8f59\xa9\xffLJ\x15\x0e\x85\x8f\xfdRbB\x82\xf5\x1fg}\x94\xa5\xeb7\x9f\x13\x95\x92\x9ar\xcd\xb5W\x99_QJUW\xd5\xd8\xfa\xe9\xe8\x08\x80\x86e\x18\x86\'</t>
        </is>
      </c>
    </row>
    <row r="471">
      <c r="A471" s="1" t="n">
        <v>469</v>
      </c>
      <c r="B471" t="inlineStr">
        <is>
          <t>rectangle_height_color</t>
        </is>
      </c>
      <c r="C471" t="inlineStr">
        <is>
          <t>What is the missing color of the part denoted with a question mark?</t>
        </is>
      </c>
      <c r="D471" t="inlineStr">
        <is>
          <t>['orange', 'purple', 'yellow', 'green']</t>
        </is>
      </c>
      <c r="E471" t="inlineStr">
        <is>
          <t>yellow</t>
        </is>
      </c>
      <c r="F471" t="inlineStr">
        <is>
          <t>There are 7 rectangles in the image with varying colors and lengths. The lengths from left to right are ['medium', 'medium', 'short', 'long', 'short', 'long', 'long']. The colors from left to right are ['green', 'green', 'red', 'yellow', 'red', 'yellow', '?'].</t>
        </is>
      </c>
      <c r="G471" t="inlineStr">
        <is>
          <t>We observe that the green rectangles are of medium length and the red rectangles are of short length. Hence, the pattern is that the color of each rectangle corresponds to its length.</t>
        </is>
      </c>
      <c r="H471" t="inlineStr">
        <is>
          <t>Based on the pattern that the color of each rectangle corresponds to its length, the missing color of the part denoted with a question mark should be yellow.</t>
        </is>
      </c>
      <c r="I471" t="inlineStr">
        <is>
          <t>b'\x89PNG\r\n\x1a\n\x00\x00\x00\rIHDR\x00\x00\x02\x00\x00\x00\x02\x00\x08\x02\x00\x00\x00{\x1aC\xad\x00\x00=\x04IDATx\x9c\xed\xddy`T\xd5\xdd7\xf0\xdf9\xf7\xcedf\xb2\xcd$$a\x15\x94\x84\xcd(1\x10\x10\x82\xe0\x86`U\xdc\x11\x05|\xfa\xa0`\xabh\xc3\xebc[\x9f\xd7\xb7\x80\xf6\xa9E\xb4O\xb5\xed\xf3X\xc2"X)\xadZ\xab\xb6\x95@l\x05\\X\x955a\x13d\x8b\tY\'\xdbdf\xee=\xe7\xfd\xe3\x96\x14q\x0b\x81d\xee\xcd\xf9~\xfe\xc2I\x9c\xfcrr\xe6|\xcf=\xf7\xdc{\x99\x94\x92\x00\x00@=&lt;\xd6\x05\x00\x00@l \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z\xac\x0b\x00\xe8pR\xcav\xfc_\x8c\xb1\xf3^\x89\x9a\x9c\xde\xfeN\xaf\xff\x1b \x00\xa0\x0b\x92R\n!\xa4\x94\x8c1\xc6\x18\xe7\xed9\xd2=/o\xa2&amp;\xa7\xb7\xbf\xd3\xebo;\xd6\xbep\x03\xb0!\xeb#GD\x9a\xa6\x9d\xfez0\x18\x14B0\xd6\xd6\xden\xcd\xdd\xfc~\xff\xe9/Z\x1ff\xce\xb9#fv1\xe1\xf4\xf6wz\xfd\xed\x80\x00\x80\xae@Ji\x9a\xa6\xae\xff\xf3\x88\xb6\xa1\xa1a\xf3\xe6\xcd\x9b6m\xfc\xf8\xe3\x8fkjjJKKL\xc38\x8b\xb7c\x8c\xa4\xec\x9f\x99\x19\xf0\x07\x86\r\xcf\xcb\xcd\xcd\x1d1bD\xaf^\xbd\xac/\x1a\x86\xc19\xb7\xe7\x84.V\x9c\xde\xfe_S\xff\xa6S\xf5\x97\x9a\xa6y\xb6\xef\xd9\xbf\x7f\x7f\xbf\xdf?|\xf8p;\xf7\x1f\x04\x008\x9ei\x9a\xd6\x94-\x12\x89\xac^\xbdz\xc5\x8a\xe5[\xb7n9r\xe4\xd8y\xfc\x11)\x81\xe4a\xc3\xf3&amp;O\x9e&lt;i\xd2\xcd\xe9\xe9\xe9Dd\x18\x86\xa6i\xb6\x9a\xcd\xc5\x8a\xd3\xdb\xffK\xf5\xaf\xd8\xbau\xeb\x91#G\xce\xfd\x9d[\x05\x02\x81\xe1\xc3\x87O\x9e&lt;y\xd2\xa4I\xb6\xea?\x08\x00p0\xab\xf72\xc6\x82\xc1`aa\xe1\xcb/\xaf\xd8\xb9sW\xebW\x93\x12&lt;}{\'f\xa4y\xb3/\xf2\x07R&lt;\xd2\x10m\xf9\xb8II\x8c\xb3h\xd4\xdcZRSW\x17&gt;p$X]\xdb\xdc\xfa\xd5\x9e=\xba\xdf3u\xda\xfd\xf7\xdf?p\xe0@"\x12B\xd8d*\x17\x13No\xff/\xd5\xff\xf2\xce\x9d;[\xbf\x9a\x98\x98x\xc1\x05\x17t\xef\xde}\xc0\x80\x01)))\x86a\xb4q\xbcf\x8cE\xa3\xd1\x9d;w\xd6\xd6\xd6~\xfa\xe9\xa7555\xff\xaa\xbfg\xcf{\xee\xb9\xc7&gt;\xfd\x07\x01\x00N\xd5:q[\xb6l\xd93\xcf,\xd8\xbbw\x9f\xf5z\xdf\xde\xc9\xd7\x8c\xeey\xe3\xd5}\x87\rI\xed\x95\x11\xaf\xc5\xbbH\xe3\xa41:\xbb\x9e.)*(lVU5\xef\xd8_\xbbz\xc3\xf1\xd5\xeb\x8f\xed\xde[M$\x89(%%\xf0\xf0\xc3\x8f\xcc\x993\'99\xd90\x8c\xd6\xa5\x03\xa58\xbd\xfd\xbfX\xff3{\xf7\xee\xb5^\xbf\xe0\x82\x0b\xae\xbc\xf2\xca\x89\x13\'\x0e\x1d:\xb4{\xf7\xee\x89\x89\x89\xba\xae\xb7c\xaa\x1e\x8dF\xc3\xe1pEEEii\xe9\xbb\xef\xbe\xbbv\xed\xda={\xf6X_JIIy\xf8\xe1\x87\xed\xd0\x7f\x10\x00\xe0H\xd6\xa7\xb7\xac\xacl\xc6\x8c\x19EEE\xd6\x8b\x97\x0e\xeaV0\xe3\x92\xdb\'^\x94\x94\xe6#)\xa9\xc5\xa4\xa8)\x84\x14\x92\xe8\xec\xfb9\xe7\x8c1\xc6\\\x9c\xe24\xd2\xb9\xd1\x10\xf9\xc7\xc6\xb2\xe7\nw\x14\xad?f\rC\x03\x07\x0e\\\xb2dI~~\xbeu\x860\xe6\x87\xf3\x9d\xc9\xe9\xed\xff\x95\xf5_|\xf1\xc5\xb3g\xcf\xbe\xe5\x96[\xd2\xd3\xd3\xa5\x94---\x91H\xc4Z\xfdo\xc78i\xed\xfcq\xb9\\^\xafW\xd3\xb4\xfa\xfa\xfa\r\x1b6&lt;\xff\xfc\xf3\xc5\xc5\xc5\xd67\xd8\xa1\xff \x00\xc0y\xacISQQ\xd1}3f\x9c(+#\xa2A\x17\x05~\xf8\xfd\x9c\xa97e\xb9\x93\xe3\xa81bFM"\xc68\x9d\xfb\xa7JJ\x12BJ\x92\xba\xc6)\xdeEB\xae]w\xec\x99\x17?)\xfe\xe08\x11\xc5\xc5\xb9\x7f\xfe\xf3\x05\x05\x05\x05Je\x80\xd3\xdb\xff_\xf5\xdfw\xdf\x89\x13\'\x88(++\xeb\xd1G\x1f\xbd\xf3\xce;\x03\x81@}}}$\x12\xb1\x86\xefs\xff\x83\xb6n\x06\xd5u=11\xd14\xcd\xb5k\xd7&gt;\xf7\xdcs\xef\xbd\xf7\x1e\x11\xc5\xc5\xc5\xfd\xfc\xe7?\x8fa\xffA\x00\x80\xc3X\x9f\xde\xc2\xc2\xc2Y\xb3f\x11\x11\x11{\xf8\xdf.~\xea?.ON\xf3R0l\x9a\x82s\xde\x11\x9f#I$L\xc9\x18\xf1\xa482\xc5\xaf\x96\xee\xfc\xc9\xb3[\xea\x1a\xc3D4s\xe6\xccE\x8b\x16\x99\xa6i\xb7M~\x1d\xc1\xe9\xed\xff\xa5\xfa\xe9{\xdf\xfb\xde\xbcy\xf3222jkk;\xf4\xdc\xaci\x9a\x8c1k\xd9\xe77\xbf\xf9\xcd\xfc\xf9\xf3\x1b\x1a\x1a\xce\xb6\xfe\xf3\x0b\x01\x00Nb\x1d\xb9\xb7~zS\xfd\x9e\xff\xf9\xe9\x15\x93\xef\x1cL\xf5a#bj:\xef\x84O\x8fi\rC\xa9\xdeO\xb6\x96\xdf\xff\x1f\x7f\xff\xb8\xa4\x9aHZ\x9f\xe1.\x7f\x1c\xe0\xf4\xf6?\xa3\xfe@ \xf0\xfc\xf3\xcfO\x9f&gt;=\x18\x0cF"\x91\xceY\x8b\xb7b 55u\xe3\xc6\x8d\x0f&lt;\xf0\x80u\xda9V\xfd\x07\x01\x00\x8e\xf1\xc5O/\xeb\x99\xe6\xfd\xf3\xa2\x89yW\xf4\x89\x967\xe9z\x87\xcc:\xbf\x81\x11\x15\xba\xdfS[\xdd|\xd3w\xff\xfa\xc1\'\x95D\xa2u\x1ew\xc6eD]\x86\xd3\xdb\xff\x8c\xd1?##\xe3\x0f\x7f\xf8\xc3\xb8q\xe3N\x9e&lt;\xd9\xbe\xd3\xbc\xe7"\x1a\x8d\x06\x02\x81\xca\xca\xca[o\xbdu\xf3\xe6\xcdt\xdaq@g\xf6\x1f\x04\x008\x83\xf5\xc1(..\x1e?~&lt;\x11\xa5\xa7x\xb7\xbeu{\x9f~\xc9F]Xw\xc5f#\x9di\x08-N74v\xfd=o\x15\x7ft\x82\x88\xe6\xcd\x9b7w\xee\xdc.\xb9/\xc8\xe9\xed\x7fF\xfd\xdd\xbau\xdb\xb0aC\xff\xfe\xfdkkk].W\x0c\xaa\'2\x0c\xc3\xe3\xf1h\x9av\xfd\xf5\xd7\xaf_\xbf\x9eb\xd1\x7f\x10\x00\xe0\x00\xd6v\xe9\x8a\x8a\x8a\x9c\xa1C+N\x9e\x0c$\xc5\xad~\xe9;yy=\x8c`X\xd7c\xb9\x8dZ\x98\x92\xc7i\xd5\r\x91\x89\xd3\xde\xde\xba\xbb\x8a1***\x1a?~|\x17;\x0epz\xfb\xff\xab\xfe\x9c\x9c\x8a\x8a\n\xbf\xdf\xff\xc6\x1bo\x8c\x1e=:\x86\xa3\xbf\xc54M\x8f\xc7\x13\x0c\x06o\xbc\xf1\xc6\xed\xdb\xb73\xc6:\xb9\xff\xa8{\r\x0b8\x88u\xa5\xfe\xf4\xe9\xd3\xcb+*\x88h\xd1SW\xe4]\xd1\xc7\xa8\x8b\xf1\xe8CD\\cf\x8b\x99\xda\xcd\xfb\xc7_\x8fO\xf1\xc7\x91\x94\xf7N\x9f^^^\xce\x18\xb3\xee*\xd358\xbd\xfd\xffU\x7fy9\x11\xfd\xf2\x97\xbf\x1c7n\\\xccG\x7f"\xd24-\x14\n\xa5\xa5\xa5\xbd\xfc\xf2\xcb\x81@\x80\x88\xee\xbd\xf7\xde\xce\xec?\x08\x00\xb0;k6\xb4r\xe5\xca\xb5k\xd7\x12\xd1\x83w\x0f\xbe}\xca\x90hyS\xacV\x1e\xce\xa0\xe9\xcc\xa8\x0b_8\xb8\xdb\x8b\xf3\xf2%QyE\xc5\xe3\x8f?\xce9\xef2\xc7\xd6No\xff3\xea\x9f1c\xc6\xbd\xf7\xde{\xf2\xe4\xc9\x98\x8f\xfe\x16]\xd7\xeb\xea\xea\xb2\xb3\xb3\x9f{\xee9)eyyyg\xf6\x1f,\x01\x81\xadI)\xa5\x94uuu#G\x8e&lt;t\xe8\xd3\xfe\x17$m\xfb\xcb\x9d\xbe8\x8d\x9b\xd2V{m\x0cS\xe8~\xcf]\xf7\xbd\xf3\xc7w\x0ey\xe2\xdc\xeb7l\x18&gt;|\xb8u\xf7\xc7X\x97vN\x9c\xde\xfe\xd6-&lt;O\xd5\x7f\xa8_\xbf~\x1f~\xf8\xa1\xc7\xe3\xb1\xb6\xe2\xc4\xba\xea\x7f1M3%%\xe5\xf6\xdbo\xff\xf3\x9f\xff\x1c\x17\x17\xb7\xa1\xb3\xfa\x8f\xb3{\'ty\xd6\xe6\xe8e\xcb\x96\x1d&lt;xP\x08\xf9\xc4\xf7.KL\xf3\xc9\x88i\xa7\x0f/\x11\x11gLF\xc5O\xe7\x0c\xf7\xc4i-\xe1\xf0\xdc\xb9s\xdb~\xf7`;sz\xfb\x7f\xb1~\xf1\xe8\xa3\x8ffddX\xd7y\xc5\xba\xe4/`\x8cE"\x91\'\x9ex"...\xdc\x89\xfd\x07\x01\x00\xf6%\xa5\xb4\x16I\x97-[\xca\x18\x1b\xd4?p\xd7\xad\x03D]\x8b\x16\xeb\xa5\xe7/\xe3\x9c\x89\xc6H\xd6\xa5\xe9Sn\xe8OD\xeb\xd7\xaf+--\xd54\xcd\xd1g\x02\xba@\xfbs\xceC\xa1\xd0\xb2e\xcb\x18c\x03\x06\x0c\xb8\xfb\xee\xbbkkkm\xb8G\x8bs\xde\xd0\xd0\x90\x9b\x9b{\xdbm\xb7\x11\xd1\xfa\xf5\xeb;\xa7\xff\xd8\xee\x0f\t\xd0\xca\xba.\xa6\xb8\xb8x\xcf\x9e\x12)\xe5\xe33\x87\xc6%\xc7IC\xd8k\xf2v\n\xe3L\x86\xcd\x1f\xcf\x1a\x1a\xefs755/Y\xbc\x98\x88\x1c\x1d\x00\x8en\xff\xc5\x8b\x17\x13\x11\xe7\xbc\xb8\xb8x\xcf\x9e=R\xca\x82\x82\x02\xbf\xdfo\x9c\xd5\x93\t:\x11\xe7\xbc\xa5\xa5e\xce\x9c9&gt;\x9f\xaf\xa9\xa9iq\xa7\xf4\x1f\x04\x00\xd8\xddK/-c\x8c\xf5\xcaH\xbc\xfd;\xfdeC\x84k6\xed\xb4\x9c3\xd1\x14\x19xi\xfa\xd5\x97\xf7d\x8c\xbd\xfa\xda\x1f\x9b\x9b\x9bu]w\xfaB\x90C\xdb\xff\xb5\xd7\xfe\xd8\xd8\xd8HD\xd6\xf4\xbfG\x8f\x1e\xb7\xdezk}}\xbdm\xb7\xe7r\xce\x9b\x9a\x9arss\xc7\x8e\x1d\xcb\x18{\xed\xb5\xd7:\xa1\xff\xd8\xf4o\t`\xad?\x04\x83\xc1-\x9b7K)\'\\\xd1+&gt;\xcd\'\xa2\xb6[}&gt;\x9d\x94$\x19\xbb\xfd\xba~R\xca\xb2\x13\x9f\xef\xd8\xb1\x83\x1c{\x10\xd0\x05\xda\xbf\xa4\xa4\xc40\x8cM\x9b6I)\xaf\xb9\xe6\x9a\xf4\xf4\xf4h4j\xb7\xd5\xff\xd3Yg\xado\xba\xe9&amp;)eYYY\'\xf4\x1f\x04\x00\xd8\x94\xd5\xef\xb7n\xddz\xec\xf8\t"\x9atu_\x92Dd\xdfO/\x11i\x1ag-\xc6\xf8\xd1\xbd\x92\x12&lt;\x86i\xae~\xe7\x1dj\xd7\x9d\x84\xed\xa0\x0b\xb4\xff\xfa\xf5\xebw\xed\xdaUVVFD\x13\'N\xb4\xff\x1f\xc2:\xe3r\xd5UW%%%\x19\x86\xb1z\xf5j\xea\xe0\xfe\x83\x00\x00\x9b\xb2\xfa\xfd\x96\xcd\x9b\x89(\xc1\x177lH*\x85\r\xde\x19w\x1bk?\xc6H\x86\xcd\x8c\xde\x89\x03.L&amp;\xa2-[\xb7\x10\x91Cw\x82v\x81\xf6\xdf\xb9c\xfb\x07\x1f|@D\t\t\tC\x87\x0emii\xb1\xf9\xdf\x821\x16\x0e\x87\xfb\xf4\xe9\xd3\xbf\x7f\x7f"\xda\xb2\xa5\xc3\xfb\x8f\xad\x9b\x03Tf\x1d\xaao\xdd\xb6\x95\x88.\xba )\xadG\x82\xb4\xf7\xfa\x83E\x08\xa1y]\x97\rI!\xa2\xd2\xd2\x92\xc6\xc6F\x87^\x14\xe6\xe8\xf6\xcf\x19\x9cBD;v\xeex\xe7\x9dw\x88\xe8\x82\x0b.\xe8\xd5\xab\x97\xcd\xd7\x7f,B\x08\x9f\xcfw\xc9%\x97\x10QiiiG\xf7\x1f\x04\x00\xd8\x94\xb5\x0f\xba\xb2\xb2\x92\x88\xd2S=q\xf1ni:`\x18\x95\x92\x88\xb3&gt;\xdd\xe3\x89(XW\x17\n\x85b]Q;u\x81\xf6\xaf\xae\xa9&gt;z\xf4(\x11\xa5\xa5\xa5%$$X\xcf\xf6\xb29\xeb\xe2\xaf^\xbdz\x11Q0\x18\xec\xe8\xfe\x83\x00\x00;\xb2&gt;\x06\xc1`\xf0\xc0\xfe}D\x94\x9d\xe5\'\xcd\x19\xd7U1\xc6\xc8\x14\x17g\x06\x88(X\xdfXZZJ\x0e&lt;\x0f\xec\xf4\xf6\xcf\xce\n\x10\xd1\xc9\x8a\xca\x83\x07\x0f\x12\xd1\xe0\xc1\x835MsJ\xfd\xa6i\x0e\x1a4\x88\x88\x82\xc1`G\xf7\x1f\xdb]\x10\x01\xd0JJ\x19\x8dF\x89\xa8[\xc0C\x9c9\xe1\xf3KDD\x92\xba\x05&lt;D$\x84\xb0\xed\xae\xf3\xb6pz\xfb\x1b\x86!\x84\xf5\x10\xf9\x14\x07-\xc4I)SSS\xa9S\xfa\x0f\x8e\x00\xc0\xd6\xacE[\xc3p\xc6G\xb7Uk\xc1\xf6_t\xfef\x8en\xff\xd6\xa7k9.\x86[\x0b\xee\xe8\xfe\x83\x00\x00\x07p\xdc(\xea\xb8\x82\xbf\x99\xe3~\x9d3\nv\\\x0cwZ\xc1\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a5\xc7\xba\x806\x91R\xb6\xe3\xffb\x8c\x9d\xf7J\xda\xc7\xe9\xf5\x03@\x97d\xd3\x00\x90R\n!\xa4\x94\x8c1\xc6\x18\xe7\xed9R9/o\xd2&gt;N\xaf\x1f\x00T`\xaf\x00\xb0\x86&lt;"\xd24M\xd3\xb4\xd6\xd7\x83\xc1\xa0\x10\x821\xd6\xc6\xa9\xb45w\xf6\xfb\xfd\xa7\xbf\x895\x98r\xce;nf\xed\xf4\xfa\x01@)v\t\x00)\xa5i\x9a\xba\xae[C^CC\xc3\xe6\xcd\x9b7n\xdc\xf8\xc9\'\x1fW\xd7\xd4\x94\x96\x96\x18\x86y\xb6\xef\x99\xd9?\xd3\x1f\xf0\xe7\r\xcf\xcb\xcd\xcd\x1d1bD\xaf^\xbd\xac\xd7\r\xc3\xe0\x9c\x9f\xdf\t\xb5\xd3\xeb\x07\x00\x05\xd9"\x00L\xd3\xd44M\xd7\xf5H$\xb2z\xf5\xea\x15+\x96o\xd9\xba\xf5\xe8\x91\xa3\xe7\xf8\xb6\xd5U\xd5DT\xb4\xba\x88\x88\xfc\x01\xff\xf0a\xc3\'\xdf5\xf9\xe6I7\xa7\xa7\xa7\x13\x91a\x18\x9a\xa6\x9d\x97\xd9\xb4\xd3\xeb\x07\x005\xc58\x00\xac%\x11M\xd3\x82\xc1`aa\xe1\x8a\x97W\xec\xda\xb9\xab\xf5\xab\xbe\x04oJw\x7fR\xb7\x84\x8c\xbe\xa9\t\xc9^\xd3\x14\x8c\xbe}\xbc\x93$\x19c\xa6a\x1e\xdf_\xd1\\\x1f\xaa&lt;^\xdbP\xd7XW[W\\\\\\\\\\&lt;\xf7\'?\x99:u\xda\xfd\xf7\xdf?p\xe0@"\x12B\x9c\xcbT\xda\xe9\xf5\x03\x80\xcab\x19\x00\xd6\xc4\x99\x88\x96-[\xb6\xe0\x99\x05\xfb\xf6\xee\xb3^\xef\xd6#00\xef\xc2\xec\xfc\xac\xde\x03{\xf8\xbb%\xc6\xf9\xdc\x9a\xc6\x19\xe7Dg\xb3\x97F\x92i\x98\xd1\x88Q_\xddTv\xe8\xe4\xde\xcd\x9f\x96|\xf4\xe9\xf1\x83\xe5\x9f\x7f^\xfe\xec\xb3\xcf.Y\xba\xe4\x91\x87\x1f\x993gNrr\xb2a\x18\xba\xde\x9evpz\xfd\x00\xa0\xb8\x98\r\x1c\xd6\xe8YVV6c\xc6\x8c\xa2\xa2"\xeb\xc5\xde\x99\xdd\xaf\xbe\xfb\xf2\x9c\xab\x06\'\xa5$\x10\xc9h\xd80\xa2f\xa81l\xcd\xb4\xd9\xd9\x8c\xa0\x8c\x88\x18\xe3\x8c%\xa5\xc6\xa7\xf6\x180t\xdc\xa0Pc\xcb\xfem\x9f\x15\xbf\xf2a\xc9\xc6Okkj\xe7\xcf\x9f\xbfj\xd5\xaa%K\x96\xe4\xe7\xe7[gh\xcfj9\xc5\xe9\xf5\x03\x00\xc4&amp;\x00\xacIkQQ\xd1\x8c\x193\xca\xca\xca\x88\xa8{\xdf\xb4\xeb\xee\xcd\xcf\x9bp\x89/\xd1\x13j\n7\x05\x9b\x89\x88qk\xfb#\xa36\xac\x9c|\xed\xcf\x8a\x9a\xd1\x88IRr\x8d_\x92?\xe0\xe2Q\x99%\x1b\x0f\x16-\x7f\x7f\xef\x96C\xfb\xf6\xed\xbb\xfa\xea\xab\x17,XPPP`\xed\xdei\xe3\x18\xea\xf4\xfa\x01\x00(&amp;\x01`\x8d\x9e\x85\x85\x85\xb3f\xcd""Fl\xdc\x9dy7?xmRjBs}\xa8\xb1\xae\x99s\xce\xb5\xf3\xb6\xae}jf\xcc\x88\xa8\xb91D\xc4\xb2\xf3\x07\x0c\xb9&lt;\xf3\xef\xab6\xbe\xf5\xbf\x7f\x0f5\xb5\xcc\x993\xa7\xa4\xa4d\xd1\xa2E\xa6i\xb6e\x93\xa5\xd3\xeb\x07\x00\xb0tv\x00X{%[G\xcf\xf8$\xdf\xdd?\xbaa\xf4\xa4\xcb\x9a\x1bZ\x1aj\x9a4\xfd|\x0e\x9d_f\x9d/m\xae\x0f1\xc6&amp;~\xf7\x8a\xcc\x9c\xbe\xcb\x9f|\xe3\xf8\xfe\xf2\xc2\xc2B"Z\xb4h\xd1\xb7\xce\xa3\x9d^?\x00@\xabN\xdd@b\xad\x9b\x9f\x1a=Yrj\xc2\xec_N\x1ds\xcb\xb0\xfa\xeaFa\nM\xef\xa4b\xb8\xc6\x19guU\r\xfd\x86\xf4\x9a\xf3?\xdf\xbd0\xbb7#fU\xc59\xb7\xc6\xd0.Y?\x00\xc0\xe9:/\x00\xac\xd1\xb3\xb8\xb8\xd8\x9a;\'\xfa\xbd?\\:33\xa7o]e\xbd\xa6\xc7`?\xbb\xaek\xcd\r!o|\xdc\x0f\x97\xce\x1c0\xac\x1f\x11\x15\x16\x16\xce\x9f?_\xd34\xc30\xba^\xfd\x00\x00g\xe8\xa4\x00\x10Bh\x9aVQQ1m\xda4\xc6X|\x92\xf7\xc1_LM\xef\x93\xd2T\x1f\xd2t\xed\xdb\xff\xff\x8e\xc15\x1e\x8d\x1aR\xc8Y\x0b\xee\xba``\x0f"6\x7f\xfe\xfc\xb5k\xd7\xea\xban\x9a_\xb8p\xd7\xe9\xf5\x03\x00|Y\'\x05\x80u\xa7\x84\xe9\xd3\xa7WTT\x10\xd1\x94\x1f\xde8xd\xff\xc6\xfaP\xa7-\x9b|\x1d\xcey$\x1cML\x89\xbf\xff\xe9\xc9\xf1I\x1e)\xe5\xf4\xe9\xd3\xcb\xcb\xcb\x19c\xa7\xaf\xa58\xbd~\x00\x80/\xeb\x8c\xf1\xcbZ&lt;Y\xb9r\xe5\xda\xb5k\x89h\xcc-\xc3\xc6\xdc\x92[W\xd9\xa0\xc7n\xee|:M\xe3M\xf5\xa1\xde\x99\x19\x93\xff\xe3;DTQQ\xf1\xf8\xe3\x8fs\xce[o\xdc\xe6\xf4\xfa\x01\x00\xbeR\x87\x07\x80u7\xe3\x9a\x9a\x9a\'\x9f|\x92s\x9e\xde;\xf5\xb6\x1f\\\xd7\\\x1f\xe2\x9a\x8dv\xaa\xe8\xba\xd6P\xdb\x94?)7\xf7\xea!D\xf4\xfb\xdf\xff~\xcb\x96-\xd6\tU\xa7\xd7\x1f\xeb\xd2\x00\xc0\xbe:&lt;\x00\xac\xcd\xe9\xcb\x96-;x\xf0\xa0\x10\xe2\xba\x7f\x1b\x93\x9c\x9a\x10\x8d\x9a\xb6\xdb\xaa\xc8\x98\x195o\x98u\x95;\xce\x15\x0e\x87\xe7\xce\x9dk\xdd\xbd\xd9\xe9\xf5\xc7\xba,\x00\xb0\xaf\x8e\r\x00)\xa5\xa6i\xa1Ph\xe9\xb2\xa5\x8c\xb1\x1e\xfd\xd2F^\x7fiS0\xa4u\xe4f\xf9\xf6\xe1\x9c\xb54\x87\xfb\r\xeeiM\xa2\xd7\xad_WZZ\xaai\x1a\xe7\xdc\xd1\xf5\xe3 \x00\x00\xbeN\xc7\x0ed\xd6=j\x8a\x8b\x8bK\xf6\x94H)\xaf\x99:\xda\x97\xe41M\xbb\x0eI\x8c\x19\x11\xe3\xda\xe9\xf9q^wsS\xf3\xe2\xc5\x8b\x89\x88s\xee\xe8\xfa\x11\x00\x00\xf0u:c&amp;\xbb\xec\xa5e\x8c\xb1@zr\xee\xd5CZ\x1a\xc3\x9c\xdbl\xf1\xe4\x14\xceYKs\xa4\xdf\x90^\x03s/d\x8c\xbd\xfa\xda\xab\x8d\x8d\x8dDdM\xff\x9dX\x7fss\xb3\xae\xebX\x08\x02\x80\xaf\xd4\x81\x01`\xad\xff\x04\x83\xc1\xcd\x9b7K)\x07\x8f\xb8(\xb9[\x82a\xc3\xd5\xf3\xd3Hb\x8c\xd1\xa5W\x0e\x92R\x96\x9d(+))1\x0cc\xd3\xa6M\x0e\xad\x7f\xc7\x8e\x1d\x84\x83\x00\x00\xf8\x1a\x1d\x18\x00\xd6\xb8\xb3u\xeb\xd6\x13\xc7O\x10\xd1\xc5c\xb2\xa4$\xb2\xf1\xe8ID\x9cS\xa4%:0\xefB_\x82\xc74\xcd\xf5\xeb\xd7\xef\xda\xb5\xeb\xf3\xb2\xcf\xc9\x99\xf5\xbf\xf3\xce;t\xea\xa95\x00\x00g\xe8\xd8#\x00"\xda\xbcy3\x11y|q}\x06\xf4\x88\x86\xa3\xf6\x1e?\x891fD\xcc\xd4\xee\xfe\xf4&gt;\xa9D\xb4}\xc7\xf6\x0f&gt;\xf8\x80\x1c[\xff\x96\xad[\xe8\xd4-\xe4\x00\x00\xce\xd0\x81C\x83\xb5T\xb2u\xdbV"\xea\xd63\x10HK2\xa3\xa6\xcd\x07P"\x12B\xc4y]\xbd\xb22\x88h\xc7\x8e\x1d\x7f\xfb\xdb\xdf\x88(\xb5\x87\xdf\x89\xf5\x97\x96\x96666\xe2\xa20\x00\xf8J\x1d\x1b\x00R\xca\xca\xcaJ"J\x0c\xc4{\xe2\xe3\x84\x90\xe7\xf2h\x94\xce!\x89\x18g\xfe\xf4$"\xaa\xa9\xae&gt;z\xf4\x089\xb0\xfe@z2\x11\xd5\xd5\xd5\x85B\xa1XW\x04\x006\xd5Q\x01 \xa5\xe4\x9c\x07\x83\xc1\xfd\xfb\xf7\x13Q\xf7\x0b\xd3\xb8\xe6\x8c\xeb\x92\x18c\xc2\x14\xdd/L#\xa2\x93\x95\x95\x07\x0f\x1e$G\xd6\xdf\x8d\x88\x1a\xea\x1bJKK\t\xe7\x81\x01\xe0\xabt\xec\x03a\xa4\x94\xd1h\x94\x88\x12\xfc&gt;\xc6\x99\x03\x86O""\x92\x92\x12\xfc&gt;"2\x0cC0F\x0e\xac?\xde\xef#"!\x04n\r\r\x00_\xa7\xc3O\x0fZg\x02\x84\xe1\xb0\x19\xa8Up\xeb\x93\xd6\x1dZ?\xe1\xe9`\x00\xf0\xf5:k\x7f\x88\xe3F!\xf6\x8d\xffi\x7f\x8e+\x18\x00:\x1d6\x08\x02\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d6\x05\x80\x03H)\xdb\xf1\x7f1\xc6\xce{%jB\xfbC\x07A\x00\xc0W\x90R\n!\xa4\x94\x8c1\xc6\x18\xe7\xed9R&lt;/o\xa2&amp;\xb4?t\x0e\x04\x00\xfc\x8b5d\x10\x91\xa6i\x9a\xa6\xb5\xbe\x1e\x0c\x06\x85\x10\x8c\xb16NE\xad\xb9\xa7\xdf\xef?\xfdM\xac\xc1\x88s\x8e\x99\xe9\xd7A\xfbC\'C\x00\x00\x11\x91\x94\xd24M]\xd7\xad!\xa3\xa1\xa1a\xf3\xe6\xcd\x9b6n\xfc\xf8\xe3\x8fkjjJKJ\x0c\xc3`Dm\\\x89\xb0\x86\xaa\xcc\xccL\x7f 0&lt;//77w\xc4\x88\x11\xbdz\xf5\xb2\xbej\x18\x06\xe7\x1c\x13\xd2\xd3\xa1\xfd!&amp;\x10\x00@\xa6ij\x9a\xa6\xebz$\x12Y\xbdz\xf5\x8a\xe5\xcb\xb7n\xd9r\xe4\xd8\xb1s|\xdb\xaa\xcd\x9b\x89huQ\x11\x11\x05\x92\x93\x87\xe7\xe5M\x9e&lt;y\xd2\xcd7\xa7\xa7\xa7\x13\x91a\x18\x9a\xa6a6Jh\x7f\x88\x1d\x04\x80\xd2\xac%\x05M\xd3\x82\xc1`aa\xe1\xcb+V\xec\xdc\xb5\xab\xf5\xab\x89\x1eO\xef\xc4\xc4t\xaf7\xd3\xef\x0fx&lt;\x86\x10m\x1c-\x18cQ\xd3\xdcSSS\x17\x0e\x1f\x0e\x06k\x9b\x9bk\x83\xc1\xb5\xc5\xc5k\x8b\x8b\x7f\xf2\x93\x9fL\x9d6\xed\xfe\xfb\xef\x1f8p \x11\t!T\x9e\x8a\xa2\xfd!\xb6\x10\x00\xea\xb2&amp;\x9eD\xb4l\xd9\xb2g\x16,\xd8\xbbo\x9f\xf5z\xef\xe4\xe4+z\xf6\xbc\xb6o\xdf\xec\xd4\xd4\xf4\xf8\xf8\x04\x97K\xe7\x9c\x9f\xe5TQJi\x08\xd1b\x9a\x95\xcd\xcd\xfbjk\xd7\x1f?\xfe\x8fc\xc7J\xab\xab?//\x7f\xf6\xd9g\x97.Y\xf2\xf0#\x8f\xcc\x993\'99\xd90\x0c]W\xb1\x1f\xa2\xfd!\xe6\xf0\x87W\x945\xfa\x94\x95\x95\xcd\x981\xa3\xa8\xa8\xc8zqp\xb7n3/\xb9\xe4\x86\x8b.J\xf3\xf9\xa4\x94a\xd3\x8c\x98fC$"\xdb\xb5\x13\x911\xc6\x19K\xf3\xf9\xfa$&amp;N\xec\xd7\xaf&gt;\x12\xf9\xb0\xac\xec\xc5\x1d;\xde;v\xac\xa6\xb6v\xfe\xfc\xf9\xabV\xadZ\xb2dI~~\xbeu\x86S\xa9\xe5\x08\xb4?\xd8\x01\x02@E\xd6\xa4\xaf\xa8\xa8h\xc6\x8c\x19eeeD\x94\x19\x08&lt;\x94\x93sKV\x96?.\xae!\x12\xa9\r\x85\x881~j\x10!"j\xef\xe8\x10\x15"l\x9aRJ\x9d\xf3k/\xb8\xe0\xaa&gt;}\xde;v\xecW\x9f|\xf2\xfe\xf1\xe3\xfb\xf6\xed\xbb\xe6\xea\xab\x7f\xbe`AAA\x81\xb5\xfbE\x911\x08\xed\x0f6\x81\xe5?\xe5X\xa3Oaa\xe1\xc4\x89\x13\xcb\xca\xca\x88\xb1\x7f\xcf\xce\xfe\xdb\xed\xb7\xff{v6#\xaa\x0e\x85L)5\xce\xb5\xf34%dD\x1ac:\xe7D\x14\x8cD\x9a\xa2\xd1k\xfa\xf6}}\xd2\xa4\x9f\x8e\x19\x93\x18\x17\x17\x8eD\xe6\xcc\x993k\xd6,\xce\xb9\xb5O\xf1\xdc\x7f\xa2\xcd\xa1\xfd\xc1&gt;\x10\x00j\xb1\xf6\x1a\x16\x16\x16\xce\x9a5\x8b\x88\xfc\x1e\xcf\x8b\xd7^\xfb\xcb\xab\xaf\xf6hZU(DD:\xe7\x1d7\t\xd4\x18\xe3\x8c\x05\xc3\xe1\xa6h\xf4\x91\xdc\xdc7n\xbe\xf9\xe2n\xdd\x881\xab\x1eM\xd3\xa4\x94]{\x0cB\xfb\x83\xad \x00\x14b\xad;\xffs\xf4a,\xdd\xe7{\xe5;\xdf\x99:d\xc8\xc9\xe6fSJ\xbd\xb3v\x83X\xc3PEssNz\xfak\x93&amp;\rKO\'\xce\xad\xaa\xacyh\xe7\x94\xd1\xf9\xd0\xfe`7\x08\x00UX\xa3Oqq\xb15\xf7L\xf5x\xfer\xdbm#{\xf4(ojru\xe4\xac\xf3\xeb\xb88\xafkiIt\xbb\xdf\xbe\xed\xb6\xfc\x1e=\x88\xa8\xb0\xb0p\xfe\xfc\xf9\x9a\xa6\x19\x86\xd1\xe9\xe5t8\xb4?\xd8\x10\x02@\tB\x08M\xd3***\xa6M\x9b\xc6\x18\xf3{&lt;+\xae\xbf\xfe\xa2\xe4\xe4\xbap\xd8\x15\xbbm\xe0:\xe7\xd6\xf9\xc9\xc5\x13&amp;\\\x92\x96F\x8c\xcd\x9f?\x7f\xed\xda\xb5\xba\xae\x9b\xa6\x19\xab\xaa:\x02\xda\x1f\xec\t\x01\xa0\n\xd34\xa7O\x9f^QQADO_q\xc5\xd8&gt;}j\xc3\xe1N[v\xf8:\x1ac!\xd3\xec\xe6\xf5\xfev\xfcx\x7f\\\x9c\x94r\xfa\xf4\xe9\xe5\xe5\xe5]o;\n\xda\x1fl\x08\x01\xa0\x04\x97\xcb\xb5r\xe5\xca\xb5k\xd7\x12\xd1\xb4\xc1\x83\xa7\x0e\x19b\xad&lt;\xc4\xba.""\x9d\xb1\xbapxH\xb7n?\xcd\xcf\'\xa2\x8a\x8a\x8a\xc7\x1f\x7f\xfc\xf4\xbb\x98u\x01h\x7f\xb0\'[tA\xe88\xd6\xa6\x8e\xea\xea\xea\'\x9f|\x923var\xf2OF\x8f\xaeki\x89\xf9\xdc\xf3t.\xce\xab\x9b\x9b\xef\x19&lt;\xf8\x86\xfe\xfd\x89\xb1\xdf\xff\xfe\xf7\x9b7on\xbd5\xa6\xa3\xa1\xfd\xc1\xcel\xd4\x0b\xa1#X\'\xf4\x96,^|\xf0\xe0A!\xe5\xec\xcb.K\xf7\xf9"\xa6i\xb7#|\xc6XD\x88\xc7\x86\x0f\xf7hZ8\x1c\x9e;wn\xdb\xef~lgh\x7f\xb03\x04@\x17\xe7r\xb9\x84\x10\xcb\x96-c\x8ce\x06\x02\xb7\x0f\x18Pk\xb3\xe9\xa7\x853\xd6\x18\x89\x0cMO\xbf\xb1\x7f\x7f"Z\xbf~\xfd\x81\x03\x07\x12\x12\x12\x9c&gt;\tu\xa3\xfd\xc1\xc6l\xd7\x11\xe1\xfcJJJ\xda\xb0a\xc3\xde}\xfb\xa4\x94\xdf\x1f:49.\xce\xb0\xebG\x9a3\x166\xcd\x07\x87\x0e\xf5\xb9\xdd\xcd\xcd\xcdK\x16/\xf6x&lt;N\x1f\x80\xd0\xfe`g\x08\x80.\x8e1fM?\xbb\'&amp;\xde\xd0\xbf\x7fC$\xa2\xd9o\xfai\xe1\x8c5E"C\xd3\xd3G\xf7\xec\xc9\x18{\xed\xd5W+**\xdcqq\xb1\xae\xeb\xdc\xa0\xfd\xc1\xc6l\xda\x17\xe1|9q\xe2\xc4\x96M\x9b\xa4\x94c{\xf5J\xf7\xf9\xa2\xf6[}&gt;\x9d$\xe2\x8c]\xdf\xaf\x9f\x94\xf2\xe8\xb1c\xdb\xb6m\xf3y\xbd\xb1.\xea\x9c\xa0\xfd\xc1\xce\x10\x00]\x99\xaek\x1f}\xf4\xd1\xfe\x03\x07\x88h|\xdf\xbeD\xed\xbf\xa9d\xe7\xd08\x0f\x19\xc6\x98^\xbd\x12\xe2\xe2\xa2\x86\xb1\xfa\x9dw\xdcnw\xac\x8bj?\x17\xda\x1f\xec\r\x01\xd0\x95\xb9\xdc\xee\xad[\xb7\x1a\xa6\xe9u\xb9.NMm1\x8c\xb3}\xaeH\'cDa\xd3\xec\x95\x98xar2\x11m\xdd\xb2%j\x18D\xe4\xd0\xdd(h\x7f\xb09\x04@W\x16\x89D\xb6n\xd9BD}\x12\x12z$$\xd8|\xfd\xc1"\x84\xf0\xb9\\\x17\xa7\xa4\x10QII\x89u\xe9l\x9b\x1f\x87n/h\x7f\xb09\x04@W&amp;\x84\xa8\xad\xab#\xa2T\xaf7\xc1\xed6\x9d0\x91\x93D\x1ac=\xe2\xe3\x89\xa8\xa1\xa1\xa1\xa5\xa5%\xd6\x15\xb5\x1f\xda\x1fl\x0e\x01\xd0\xc5Y[\xce\x07\xa5\xa4\xe8\x0e\xb9\xae\x871f\x0810%\x85\x88\x18\xe7N\xbf)\r\xda\x1f\xec\x0c\x01\xa0\x84\x14\x8f\x873\xe6\x80\xe1\x87\x88\x88$Q\x8a\xc7C\xedz\x10\xae=\xa1\xfd\xc1\x9e\x10\x00J0\x9c\xf6Iv\\\xc1\xdf\xccq\xbf\x8e\xe3\n\x86\xf6A\x00(\xc1q\x87\xf1\x8e+\xf8\x9b9\xee\xd7q\\\xc1\xd0&gt;\x08\x00\x00\x00E!\x00\x00\x00\x14\x85\x00\x00\x00P\x14\x02\x00\x00@Q\x08\x00\x00\x00E!\x00\x00\x00\x14\x85\x00\x00\x00P\x14\x02\x00\x00@Q\x08\x00\x00\x00E!\x00\x00\x00\x14\x85\x00\x00\x00P\x14\x02\x00\x00@Q\x08\x00\x00\x00E\xe9\xb1.\x00\x00\xc0\x19\xe4iZ_d\xa7\x89am\xed\x83\x00\x00\x00\xf8&amp;B\x08!\x84\xa6in\xb7\xdb\xedvk\x9a\xc69g\xa7\x1e\xf1&amp;\x84\x88D"\xe1p\xd80\x0c\xc6\x18\xe7NZVA\x00\x00\x00|\x05)\xa5i\x9a\xba\xae\'&amp;&amp;\xba\xdd\xee\xc6\xc6\xc6\xb2\xb2\xb2\xa3G\x8f\x96\x97\x97WUUYOK\x8e\x8f\x8f\xcf\xc8\xc8\xe8\xd7\xaf\xdf\x85\x17^\x98\x9a\x9a\x1a\x8dF\x1b\x1a\x1a\xb8s\x1e\xa5\x89\x00\x00\x008\x93\x942..\xce\xe7\xf3\x05\x83\xc1\xf5\xeb\xd7\x17\x15\x15\xad[\xb7\xee\xc0\x81\x03uuu_\xfef\x97\xcb\xd5\xb7o\xdf\xab\xae\xba\xea\x9e{\xee\xc9\xcf\xcf\x0f\x87\xc3---\x9a\xa6uz\xd5g\r\x01\x00\x00\xf0\x05RJM\xd3\x8e\x1d;\xf6\xa7?\xfd\xe9\x0f\x7f\xf8\xc3\xce\x9d;\xbf\xf9\xfb\xa3\xd1\xe8\xc1\x83\x07\x0f\x1e&lt;XXX8e\xca\x94\xff\xfa\xaf\xff\xea\xdd\xbbw}}\xbd\xfd3\x00\x01\x00\x00\xf0\x05\xa6i\x06\x02\x81\xa7\x9f~z\xc1\x82\x05\xad/2\xc6.\xba\xe8\xa2\x81\x03\x07\xf6\xef\xdf?--\xcd\xeb\xf5J)\xeb\xea\xea\x0e\x1f&gt;\xbc}\xfb\xf6\xd2\xd2R"\xd24m\xd5\xaaU\x1f~\xf8\xe1\xaaU\xab\x86\r\x1bf\xff\x0c@\x00\x00\x00|\x01\xe7&lt;\x14\nM\x992e\xe1\xc2\x85B\x88!C\x86\xdcr\xcb-\x13&amp;L\x18&lt;x\xb0\xdf\xefw\xb9\\Dd\x9d\x01f\x8c\x99\xa6Y__\xbfu\xeb\xd6\x17^x\xe1/\x7f\xf9\x8b\xcb\xe5:z\xf4\xe8\xcd7\xdf\xfc\xde{\xef\xf5\xeb\xd7/\x14\n\xd9\xf9\xb40\x02\x00\x00\xe0\x0b8\xe7---\x03\x06\x0c\xf8\xf1\x8f\x7f\x9c\x95\x95u\xeb\xad\xb7&amp;\'\'\x87\xc3\xe1P(\x14\x0c\x06O\xdf\x03JD\x8c1M\xd3\xc6\x8d\x1bw\xcd5\xd7\xbc\xf8\xe2\x8b?\xf8\xc1\x0f\xdcnwee\xe5C\x0f=\xf4\xce;\xef\xc4\xeaWh#\x04\x00\x00\xc0\x99\x18c---\xf3\xe6\xcdc\x8c566VVVZ{{\xbenI\xa7\xbe\xbe^J\xf9\xe0\x83\x0fJ)g\xcf\x9e\xad\xeb\xfa{\xef\xbd\xf7\xd7\xbf\xfe\xf5\xe6\x9bo\xae\xab\xab\xb3\xedB\x90}\x8fM\x00\x00b\x881\x16\x0c\x06\xeb\xea\xea\x84\x10\xba\xae\x7f\xf3\xe6NM\xd34M\xab\xac\xac\xfc\xfe\xf7\xbf\x7f\xcd5\xd7X\xd7\x04\xac\\\xb9\xd2\xe6\xfbA\x11\x00\x00\x00_\xcd\x1a\xd6\xdb8\x88[\xdf&amp;\xa5\xbc\xef\xbe\xfb\xac\x7fl\xde\xbc\xb9\xb2\xb2\xd2\xe5r\x9d\xb1jd\x1f\x08\x00\x00\x80\xf3C\xd3\xb4P(\x94\x9b\x9b\x1b\x1f\x1fOD\xe5\xe5\xe5\xc7\x8f\x1fw\xbb\xdd\x08\x00\x00\x80\xae\xcf0\x8c@ \x90\x91\x91a\xfd\xbb\xba\xbaZ\xd34\x04\x00\x00@\x17g\xdd \xc8\xe5r\xf9|&gt;\xeb\x95p8l\xe7m\xa0\xf6\xad\x0c\x00\xc0Y\xa4\x94\x8c1!D4\x1a\xb5^\xd1u\xdd\xb6\xd3\x7fB\x00\x00\x00\x9cG\x9c\xf3\xe6\xe6\xe6\xda\xdaZ\xeb\xdf~\xbf\xdf4M\xdb\xee\x05B\x00\x00\x00\x9c\x1fRJ\xb7\xdb}\xf4\xe8\xd1\xea\xeaj"\n\x04\x02={\xf6\x8cF\xa3\x08\x00\x00\x80.N\x08\xe1\xf1x\xfe\xfe\xf7\xbf[\xb3\xfe\xec\xec\xec\x1e=zD"\x11\x04\x00\x00@Wf\x9d\xfe\xad\xaa\xaaZ\xb6l\x99\xf5\x9f\xb7\xdez\xab\xdb\xed\x16B\xc4\xba\xb4\xaf\x85[A\x00\x00\x9c\x07\x86a\xa4\xa7\xa7?\xfa\xe8\xa3\x87\x0f\x1ff\x8c\xf5\xe9\xd3\xe7\xae\xbb\xee\xb2\xf9\rAq\x04\x00\x00p\xae\xa2\xd1hzz\xfa\xf2\xe5\xcb\xff\xfb\xbf\xff\xdb\xba\xf4\xf7\xc9\'\x9fLKK\xb3\xf3\xfa\x0f!\x00\x00\x00\xce\x85\x94\xd2\x9a\xfb\xff\xeew\xbf\x9b9s\xa6\xcb\xe5\x8aF\xa3\xdf\xfd\xeew\xa7M\x9bV[[\xab\xeb\xb6^eA\x00\x00\x00\xb4\x93\x10\x821\x96\x96\x96\xf6\x8b_\xfc\xe2\xde{\xef%\xa2H$r\xe3\x8d7\xfe\xeaW\xbf\xb2\x1e\x0e\x1c\xeb\x02\xbf\x85\xad\xd3\t\x00\xc0\xb6\x0c\xc3\x88\x8f\x8f\x17B|\xff\xfb\xdf\x7f\xf1\xc5\x17\xad\xb9\xff\x9dw\xde\xb9t\xe9R\xd34M\xd3\xb4\x7f\x00\xd8\xbd&gt;\x00\x00\x1b\xb2\xee\xf9s\xec\xd8\xb1\xeb\xaf\xbf\xfe\xc5\x17_\xd44-\x1a\x8d\x16\x14\x14\xbc\xfc\xf2\xcb\x86a\x18\x86a\xff\xd1\x9fp\x04\x00\x00p\xb6\x0c\xc3HII\xd9\xb0a\xc3\xd4\xa9S\xcb\xca\xca\x88\xc8\xe5r\xfd\xfa\xd7\xbf~\xe0\x81\x07jkk\xa5\x94\x8e\x18\xfd\t\x01\x00\x00pV\xacG\xc6\xbf\xfb\xee\xbb\xb7\xdf~{cc#\x11eff\xbe\xf4\xd2K\xf9\xf9\xf9\x95\x95\x95\x9a\xa69e\xf4\'\x04\x00\x00@\xdb\t!\xe2\xe3\xe3w\xef\xde}\xd7]w555\x11Q~~\xfe\xaaU\xab\xd2\xd3\xd3O\x9e&lt;i=/\xdeA\x10\x00\x00\x00m\xc597M\xf3\x81\x07\x1e\xa8\xab\xab#\xa2\xcb/\xbf\xfc\xad\xb7\xde\x8a\x8b\x8b\x0b\x06\x83\x8e\x1b\xfd\t\'\x81\x01\x00\xda\xc84\xcd\xa4\xa4\xa4\xd7_\x7f}\xf3\xe6\xcd\x9c\xf3\xee\xdd\xbb\xff\xeew\xbf\xf3z\xbd\xcd\xcd\xcd6\xdf\xef\xffu\x10\x00\x00\x00mb\xdd\xeb\xdfz\xd4\xbb\x10\xe2?\xff\xf3?\xfb\xf7\xef\xdf\xd0\xd0\xe0\xd0\xd1\x9f\x10\x00\x00\x00ma\xdd\xeb\xed\xf3\xcf?\xdf\xbe}\xbb\x94\xb2{\xf7\xee\xb7\xddv[0\x18t\xee\xe8O\x08\x00\x00\x80\xb68\xe3^\xff\x97_~yFF\x86\x9d\xef\xf5\xdf\x16\x08\x00\x00\x80o\'\xa5\xd4u\xfd\xe4\xc9\x93\xa6i\x12\xd1\xe0\xc1\x83m\xfe\xb8\xc7\xb6@\x00\x00\x00\xb4\t\xe7\xdc\xda\xfcCD=z\xf4\xb0\x9e\x00\x1c\xd3\x8a\xce\x95\x83W\xaf\x00\x00:Y8\x1c\xb6\xae\xf3JJJ\xb2\xf3\x93^\xda\x08\x01\x00\x00\xd0&amp;\x8c\xb1H$b\x8d\xfb]`\xfaO\x08\x00\x00\x80\xb6\xe0\x9c766N\x980\xe1\xcd7\xdf$\xa2\xc1\x83\x077559\xe8\xae\x0f_\t\x01\x00\x00\xf0\xed\x18c\xd1h\xb4w\xef\xde\x99\x99\x99D\x14\n\x85\x9c\xbe\x05\x88\x10\x00\x00\x00md-\x01\xb5\xb4\xb4\x10\x11\xe7\xdc\xe9\xa3?!\x00\x00\x00\xda\x8e1f\xe7\x87\xbc\x9f-g/`\x01\x00t2)e\x17\xd8\xffcA\x00\x00\x00\xb4\x95\x10\xc2\xedv{&lt;\x1e)\xa5\xd3\xaf\x02#\x04\x00\x00@\x1b1\xc6\x12\x12\x12\xca\xca\xca\x0e\x1d:\xe4r\xb9\xdcn\xb7\xd33\x00\x01\x00\x00\xf0\xed\xac{\x01\xfd\xe8G?\xca\xcb\xcb\x1b9r\xe4M7\xddTYY\xe9r\xb9\x1c\x9d\x01\x08\x00\x00\x80o!\x84HHH\xf8\xe8\xa3\x8f\x9e\x7f\xfe\xf9\xfa\xfa\xfap8\xbcn\xdd\xba\xff\xfd\xdf\xffMHH\xb0n\r\xe4P\xd8\x05\x04\x00\xf0-\xac;\xc1\xed\xdd\xbbW\xd34k\xf7\'c\xac\xb4\xb4\xd44MGo\x06\xc5\x11\x00\x00@\x9bX\xf3}\xce\xb9\xa6iB\x08\x9f\xcf\xe7\xf4+\x81\x9d]=\x00@\'\xe0\x9c755\x8d\x1d;6###\x12\x89\x84\xc3a)\xe5\xed\xb7\xdf\xee\xe8\xf5\x1f\xc2\x12\x10\x00\xc0\xb7\xb2\xae\x01\xee\xde\xbd\xfb[o\xbd\xb5|\xf9\xf2\xe6\xe6\xe6\xeb\xae\xbb\xee\xa6\x9bnjhhp\xf4ua\x08\x00\x00\x80o\xc79onn\xce\xce\xce\xfe\xf5\xaf\x7fm]\x0bV__\xef\xe8\x13\x00\x84\x00\x00\x00h#\xcey(\x14jjj\xb2\xc6}G\xcf\xfd-\x08\x00\x00\x80\xb6\xe2\x9c;\xfd\xc4\xef\xe9\xba\xceo\x02\x00\x00g\x05\x01\x00\x00\xa0(\x04\x00\x00\x80\xa2\x10\x00\x00\x00\x8aB\x00\x00\x00(\n\x01\x00\x00\xa0(\x04\x00\x00\x80\xa2\x10\x00\x00\x00\x8aB\x00\x00\x00(\n\x01\x00\x00\xa0(\x04\x80\x12\x1cw\xc3*\xc7\x15\xfc\xcd\x1c\xf7\xeb8\xae`h\x1f\x04\x80\x12\xa2B8\xeb\xb9\xa5Q!b]\xc2\xf9\x84\xf6\x07{B\x00tqB\x08"\xdaUUe\x08\xc1\x9dp\xebZ)\xa5\x8b\xf3]UU\xd4%\xe6\xa1h\x7f\xb03\x04@\x17\xe7r\xbb\x89\xa8\xb6\xa5\xa5\xc50\x9cr\xefr)eU(DD.\x97\xcb\xe9w^t\xb9]\x84\xf6\x07\xbb\xc2_\xb7+\xf3x&lt;\xb9\xc3\x86\x11\xd1\xe1\xfa\xfa\x8a\xa6&amp;7\xe7\xf6_\x88\xe0\x8c\xb5\x98\xe6\xee\xeaj"\x1a8p`\xf7\xee\xdd\x89\xc8\xa1\x93Q\x8f\xc7\x93;l8\xa1\xfd\xc1\xae\x10\x00]\x99i\x18\xb9\xb9\xb9\x8c\xb1\xc6H\xe4`]]\x9c\xae\x0bi\xeb!H\x12\xb95\xeddS\xd3\xa1`\x90\x88\x86\xe6\xe4x=\x1e"r\xc8\xd4\xf9Lh\x7f\xb09\x04@W\x16\x8dFG\x8f\x1e\xdd\xa7W/)\xe5{\xc7\x8e\xe9\x9cK{\x0f@BJ\xaf\xaeo\xab\xa8\xa8nj\xe2\x9c\x8f\xbf\xee:G?t;\x82\xf6\x07{C\x00teRRVV\xd6e\xb9\xb9\x8c\xb1\xe2c\xc7\x82\xe1\xb0n\xef%])\xa5\xc6\xf9;\x9f}&amp;\x89\xd2RS\xc7\x8c\x19\xd3\xd4\xdc\x1c\xeb\xa2\xda\x0f\xed\x0f6g\xeb\xee\x08\xe7N\xd7\xf5\xbb\xa6L\x91R~Z[\xfb\xc1\xf1\xe3\tn\xb7i\xd7I\xa8$\xf2\xe8\xfa\x91`\xf0\x1f\xc7\x8e\x11\xd1\x84\x89\x13{\xf7\xee\x1dni\x89u]\xe7\xc4\x85\xf6\x07\x1bC\x00tq\x8d\x8d\x8d\xb7\xdcrKZZ\x9a\x94\xf27\xdb\xb7\x0b)m\xbb\x9ck\n\x91\xe8v/\xdb\xbd\xbb\xb2\xa9I\xd3\xb4\x99\xb3f\xc5\xba\xa2\xf3\x00\xed\x0fv\x86\x00\xe8\xe2B\xa1\x90\xd7\xeb\xbd\xe7\x9e{\xa4\x94\x1f\x96\x95\xbd{\xe4HR\\\x9c\r\'\xa1\xff\x9c~\xd6\xd7\xbf\\Z\xca\x18\x1b:t\xe8\x981c\xea\xeb\xeb5M\x8bui\xe7\xa4\x19\xed\x0f6\x86\x00\xe8\xe24M\x93R~\xef{\xdf\xf3\xfb\xfdD\xf4\xfc\xc7\x1f\xdbs\x12j\x08\x91\xe4v/\xda\xb1\xa3\xba\xb9\x99\x88\x1e{\xec1)\xa5p\xfe\xf5\xa8h\x7f\xb03\x04@\x17\xc79g\x8c\r\x1a4\xa8\xa0\xa0@J\xb9\xb1\xac\xec\xc5\xed\xdb\xbb\xf9|\xb6\xba\xd6\xdf\x10\xc2\x1f\x17\xf7\xfe\x89\x13\x85\xbbv\x11\xd1\xd8\xb1c\xa7L\x99\xc2\x18\xeb\x02\xd3O\xb4?\xd8\x19\x02@\t\x86a\x14\x14\x14\\t\xd1E\x8c\xe8\x99-[6\x95\x95\x05&lt;\x1e\xc3\x1ec\x90\x902N\xd7\x1b#\x91G\xdf{/b\x9a\x9a\xa6=\xf7\xdcs6\xdf.y\xb6\xd0\xfe`O\x08\x00%H)\x93\x93\x93W\xae\\\xa9\xe9zc4\xfa\xf0\xbb\xefV\x85B\x1e]\x8f\xf9b\xb4\xb4V\x9f5\xed?\xd6\xad+\xad\xae\x96R&gt;\xfb\xec\xb3\xc3\x86\r\xebb\xdb\xcf\xd1\xfe`O\x08\x00%p\xce\r\xc3\x189r\xe4\xc2\x85\x0bI\xca\xbd55S\xde~\x9b3\xe6\xd14#vc\x90\x90RJ\xd9#&gt;\xfeG\xeb\xd6\xbd\xbe\x7f?\x11\xddq\xc7\x1d\x05\x05\x05\x86at\xb1\xc5\x07\xb4?\xd8\x13\x02@\x15\xba\xae[\x0b\x113g\xce$\xa2\xed\x95\x95w\xbd\xfdv0\x12Iv\xbbc\xb2\x1em\x08\xe1\xd2\xb4D\xb7\xfb\xe1w\xdf}\xa9\xb4\x94\x88\xf2\xf2\xf2\x16-Z$\x84\xe8\x92\xa3\x0f\xda\x1fl\x08\x01\xa0\x10M\xd3\x84\x10\x8b\x16-\x9a9s&amp;I\xb9\xe1\xf8\xf1)o\xbf}\xa0\xb66\xcd\xeb5\xa5\xec\xb4\xdb\xd4H)\xa3B$\xc7\xc5EM\xf3\xc1\xe2\xe2%\xbbv\t\xd3\xcc\xcb\xcb+**\n\x04\x02D\xe4\x94\xbbf\x9e-\xb4?\xd8\r\x02@!\x8c1\xc6\x98i\x9a\xff\x1c\x83\x88vVV\xde\xf0\xc6\x1b+\xf7\xee\xf5\xc7\xc5\xf9\\.C\x88\x0e\x1d\x86\xe4\xa9\x89g\xba\xcf\xb7\xb5\xbc|\xd2\x1bo\xbc\xbao\x1f\x11\x8d85\xfa\x08!\xba\xf0\xfd\x87\xd1\xfe`7\xf8c\xab\x851\xc69\xb7\xe6\xa1\xf3\xe6\xcd#\xa2\xdaP\xe8\xc1\xe2\xe2\xfb\x8a\x8a\xf6\xd6\xd4\xa4x\xbd&gt;\x97\xcb\x94\xd2\x94\xf2&lt;\xee\x03\x91D\xa6\x94\x86\x10.\xce\xbb\xf9|5--s?\xf8\xe0\xe67\xdf\xdc]UED\x93\'O^\xad\xcc\xe8\x83\xf6\x07[\xd1c]\x00t6\xeb\x00_\x081w\xee\xdc\xcb/\xbf|\xc6\x8c\x19eee\x7f&gt;p`\xf5g\x9f\xdd\x92\x999\xeb\xd2K\x87\xa6\xa51\xc6B\xd1hD\x08\xeb&lt;a\xfb\xd6\x04\xa4\x94\x8c\x881\xe6\xd64\x8f\xae\xeb\x8c\x1dih\xf8\xe5\xb6m+JKO66\x12\x91\xdb\xe5Z\xf0\xcc3\x05\x05\x05V=\x8a\x8c&gt;h\x7f\xb0\x0f\x04\x80\x8a\xac\xb5\x08\xc30&amp;L\x98\xb0e\xcb\x96\'\x9exb\xe5+\xaf\xb4D"\xabJK\xdf\xfc\xf4\xd3q\xbd{O\xe8\xdb7\xbfW\xaf^\t\t^\x97Kc\xcc\x10BJy\x16w\x85\x97\x92\x18sq.\xa4\x0c\x9b\xe6\xc9\xe6\xe6m\x15\x15k&gt;\xfb\xec\x1f\xc7\x8f\x9774X\xdf2~\xfc\xf8\xa7\x9ezj\xe4\xc8\x91B\x08k^\xdcQ\xbf\xad\xfd\xa0\xfd\xc1&amp;\x10\x00\xea\xd2u\xdd4\xcd\x9e={.]\xba\xf4\x81\x07\x1ex\xfag?[\xbbfMsK\xcb\xeaC\x87V\x1f:\x94\xe4\xf5f\xf9\xfd\x03\xfc\xfe\xde\x89\x89\xfd\x93\x93S&lt;\x1e\xa3m\xf70\x90D\x9c("\xc4\x9e\xea\xea\xeaP\xa8\xa4\xa6\xe6@]]ecc\xeb7\xe4\x8f\x1e\xfd\xd0\xec\xd9w\xdf}7\x11\x99\xa6\xa9\xec\x9e\x13\xb4?\xc4\x1c\x02@i\xd6\x9dj\x84\x10#G\x8e\xfc\xf3\x9bo\xee\xde\xbd{\xf9\xf2\xe5\xaf\xbf\xfa\xea\xe1#G\xeaC\xa1m\xa1\xd0\xb6\xcf??_?+=-\xed\xfa\xeb\xaf\x9f:m\xda\xf8\xf1\xe3\xe9\xd4\xd3\xd2\x15\x1f}\xd0\xfe\x10[\x08\x00\xd5Y\xb7|\xb1V\x9b\xb3\xb3\xb3\x17.\\8\x7f\xfe\xfc\x1d;v\xacY\xb3f\xe3G\x1f\xed\xdb\xbb\xb7\xbe\xbe\xbe\xba\xb6\xb6\x1d\xef\x9c\x18\x1f\x1f\x1f\x1f?x\xc8\x90\x9c\x9c\x9c+\xaf\xba*???55\x95\x88\xac!\x0fC\x8f\x05\xed\x0f1\x84\x00\x00""k\tX\x08!\x84\xf0\xf9|\xa3F\x8d\x1a5j\x14\x11\x85B\xa1\xa6\xa6\xa6\x92\x92\x92v\xdc\x1b 333)))99\xb9\xf5\x15\xebM4M\xc3\xe8s\x06\xb4?\xc4\x04\x02\x00\xfe\x85s\xce9\xb7f\x88RJ\xce\xb9\xd7\xeb\xf5z\xbdc\xc7\x8em\xf7{Z\x83\x9au\x9a\x11\xe3\xce7C\xfbC\'C\x00\xc0\x99N\xbf\x0f\xb0\xb5\x1b\xbd}\xf7\x85\xb7\xf6\xbaX\x83\xda\xf9\xac\xaf\xabC\xfbC\xa7A\x00\xc07\xb1v\xa0c\xe6\x18+h\x7f\xe8P\x98\x1a\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00\x18c\x9d\xf3\x83\xce\x973\nvz\xfd\x00\x00_\xa6w\xe8\xbbK)\x85\x10DdDM\x92\x1d\xfa\xa3\xce3#j\x92U\xbf\x94\xe4\xd8\xfa\x89\xc8j\x7f\x00\x80/\xeb\xa8#\x00\xc6\x98\x942)))++\x8b\x88\x8e\xef/7\r\xc1\x9d0-\x95Rj:?\xbe\xffs"JOO\xcf\xcc\xcc$\x07\xd6\x7fb\x7f9\x11%&amp;%Z\xed\x8f\x03\x02\x00\xf8\xb2\x0e\\\x02\x92R\xea\xba\xde\xad[7"j\xae\x0fE#\x86S\x86!)eCm\x13\x11%%%edd\x10Q\x933\xeb\x8f\x8f\x8f\x0f\x04\x02\x84\x00\x00\x80\xaf\xd2\x81\x01`-&gt;\x0c\xbdt(\x11\x9d&lt;V\x1d\xacj\xd0\\\\J\xbb\xaf\xa4p\xc6\x8c\xb0yb\x7f\x05\x11eggO\x980\x91\x88\xaa\x8e\xd78\xab\xfe\xe3\xfb\xcb\x89(++</t>
        </is>
      </c>
    </row>
    <row r="472">
      <c r="A472" s="1" t="n">
        <v>470</v>
      </c>
      <c r="B472" t="inlineStr">
        <is>
          <t>shape_reflect</t>
        </is>
      </c>
      <c r="C472" t="inlineStr">
        <is>
          <t>What is the missing shape denoted by a question mark?</t>
        </is>
      </c>
      <c r="D472" t="inlineStr">
        <is>
          <t>['square', 'triangle', 'hexagon', 'pentagon']</t>
        </is>
      </c>
      <c r="E472" t="inlineStr">
        <is>
          <t>square</t>
        </is>
      </c>
      <c r="F472" t="inlineStr">
        <is>
          <t>There are six shapes in the image separated by a line. In the top part there are ['hexagon', 'triangle', 'square']. In the bottom part there are ['hexagon', 'triangle', '?'].</t>
        </is>
      </c>
      <c r="G472" t="inlineStr">
        <is>
          <t>We observe that the hexagon is reflected across the line as a hexagon. Similarly, the square is reflected as a square. Hence, the pattern is that each shape in the top part is reflected in the bottom part.</t>
        </is>
      </c>
      <c r="H472" t="inlineStr">
        <is>
          <t>Based on the pattern that each shape in the top part is reflected in the bottom part, the missing shape which is reflected from a square part should be a square.</t>
        </is>
      </c>
      <c r="I472" t="inlineStr">
        <is>
          <t>b'\x89PNG\r\n\x1a\n\x00\x00\x00\rIHDR\x00\x00\x02\x00\x00\x00\x02\x00\x08\x02\x00\x00\x00{\x1aC\xad\x00\x00T\x8bIDATx\x9c\xed\xddg\\T\xc7\xc2\x06\xf09\x85e\xa9\x0b\xa8\x80\xd1\x141\xd6X\x88%\xb6\x1b;\x1aM7\x8a\xbd\x80Q\xec]\xb1\x00FD\x14DE\xb1a\x124\xf6\xa811\xb9)\x8a\r\x8d\xb1\x04[\xc4\xdebbAT`\xe9\xec\x9e\xf2~\x98d/\xafF\xa3\x02\xdb\xe6\xf9\xff\xee\x87\x9b\x05\xdc\xd9\xb3\xe7\xcc3gf\xce\x0c\xa7\xaa*\x01\x00\x00\xf6\xf0\x96.\x00\x00\x00X\x06\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b0$Y\x96\x15E\xb1t)\xd8\xa5\xaa*\x8e?\xb0\x8cSU\xd5\xd2e`\x91\xa2(\xaa\xaa\n\x82@\x08\x91$I\x10\x04\x8e\xe3,](\x00`\x0b\xee\x00\xccMUUI\x92x\x9e\x17\x04a\xf7\xee\xddiii\xa2(r\x1c\'\xcb\xb2\xa5\x8b\xc6\x10UUUUMOO?w\xee\x1c\xee\x03\x80Y\x08\x00\xb3\x92e\x99\xe38Q\x14/]\xba\xf4\xf1\xc7\x1f\x07\x04\x04\xbc\xf9\xe6\x9b\xb3f\xcd\xd2\xeb\xf5\x82 (\x8a\x82\x180\x0f\xfaE\xc4\xc6\xc6\xf6\xea\xd5\x8b\xe3p\x1f\x0c\x8c\xc2\xa9o&amp;\xb4\x8d\xc9\xf3\xbc^\xaf_\xb4hQBBBff\xa6\xe9\xa7u\xea\xd4\x99&lt;yrPP\x10!D\x96e\x9e\xe7\xd1#T~\x14E\xe18\xee\xf7\xdf\x7fo\xd4\xa8Qvv\xf6\xb6m\xdb&gt;\xfa\xe8#Y\x96i\x8f\x1c\x00;\x10\x00\xe5\x8e\xf60\xd0\xcae\xf3\xe6\xcd\xb3f\xcd\xbap\xe1\x02\xfdQ`\xbf\x8f\x08\xc7mY\xb7\x8d\xfeg@@@hhh\x87\x0e\x1d\x08\x06\x06\xca\x13\xad\xeb{\xf4\xe8\xb1m\xdb6A\x10\xfc\xfc\xfc\xd2\xd2\xd2\x04A@\xee\x02sT(7\x8a\xa2H\x92D\xff\xff\x91#G:u\xead:\xec\xad\xda\xb4\xd8\xf0\xed\x9at\xc3\x1f\xe9\x86?6|\xbb\xe6?m[\xd2\xd79\x8e\x0b\x0e\x0e\xbeu\xeb\x16\xfd+\xd3\x9fCY\xa1\x87t\xff\xfe\xfd\x84\x10\x9e\xfb\xab\x0bt\xce\x9c9*\x8e6\xb0\x07w\x00\xe5\xc5\xd4\xa5p\xeb\xd6\xad\x88\x88\x88\r\x1b7\x14\x17\x15\x13B|_\xf0\x1d?}t\xcf\x01=\x1c\x1c\xc4\xec,=!\xc4\xc3Sg0\x18\xb7\xad\xdf\x9e\xb8\xf8\xb3+\x97\xae\x12B*W\xae&lt;b\xc4\x88)S\xa6h4\x1aS\xdf\x91E?\x8d\x9d\xa0\'\xbd\xd1hl\xd5\xaa\xd5\xc9\x93\']\\]\xbc*x\xde\xb8\xfe\x87\xbb\xbb\xfb\x89\x13\'\xfc\xfc\xfcTU\xc5\xa1\x06v \x00\xca\x9e\xa9\xca6\x18\x0c\x89\x89\x89\xd1\xd1\xd1\xe9\xe9\xe9\x84\x10G\xad\xe3\x90Q\xc1\x83\x86\xf5\xaf\xfaR\x95\xecL\xbd\xa2\xfe\xd5/D\x07$\xbd*x\xa6\xdf\xb9\xbbf\xe5\xda\xd5+\xd6ege\x13B\x1a4h0m\xda\xb4^\xbdz\x11\x0c\x0c\x94\x11\x9a\xca_|\xf1\xc5\xa0A\x83\x08!\x1f\x8f\n\x0e\xec\xf7\xd1\xdbo~`4\x1a\x07\x0c\x18\xf0\xc5\x17_`$\x00\x98\x82\x00(K\xaa\xaa\xca\xb2,\x8a"!\xe4\xc7\x1f\x7f\x0c\r\r=s\xe6\x0c\xfd\xd1\xbb\x1f\xbd=z\xca\x88\xfa\xaf\xd7+\xc8+(**\xa2\xbfS\x92$I\x1a\x8dF\xe7\xa9;{\xfa\xec\xa2\xe8\x84o\xb7\xfd\x97\xbe\xde\xa9S\xa7\xc8\xc8\xc8f\xcd\x9a\x11\xc4@\xe9\xd0\xe6\xbf^\xaf\xaf[\xb7nFF\x86\x9b\xbb[\xf2\xb1\xef_\xad\xf1jp\xcf\xa1\xdfl\xf9V\x10\x84\xbd{\xf7\xb6n\xdd\x1a\x19\x00\xec\xc0\xddn\x99\x91$\x89N\xf1LKK\xeb\xd3\xa7O\xd7\xae]i\xed_\xabn\xcd\xa4\xad\xabV\xaeO\xa8U\xb7f\xe6\xfdL\xa3\xd1\xf8h\xedO\x08\x11EQ\x96\xe5{\xe9\xf7\xaa\xbdZm\xd9\x17\x8b\xd7\xefX\xdd\xa8\xa9?!d\xd7\xae]m\xdb\xb6\x1d&lt;x\xf0\xad[\xb7\xe8\xb00\xa6\x8a&gt;\x1fEQx\x9e\x0f\x8f\x08OOOW\x14e\xcc\x94\x11U_\xaar\xff\xfe\xbd\xd0Y\x93&lt;\xbd&lt;eY\x8e\x88\x88\xc0\xb1\x05\xa6\xe0\x0e\xa0\x0c\x98\x1a\xe6\x19\x19\x19\t\t\t\x0b\x16,(,,$\x84T\xf4\xae8r\xe2\xb0~\x83{;9;\xe5\xeas\t\xf7T]\xf9\xf4!a\x9d\xa7.?7\xff\x9b/\xbf]47\xe1\xce\xad;\x84\x10\xdf\xca\xbe\xd3\xa7M\x0f\t\t\xc1\xc0\xc0s\xa0S?/]\xbaT\xaf~=EV\xea\xd6\xaf\xb3c\xdfVI\x92\x8dF\xa3\xb7O\xa5\xe8\xf0\xd8\xf8\xb9\t\x84\x90\xb5k\xd7\xf6\xef\xdf\x1f7\x01\xc0\x08\x04@\xa9\x94\\\xd1a\xf5\xea\xd5\x11\x11\x117o\xde$\x84h\x1c\x1d\xdf\xef\xf1\xce\x84\x19c\xabU\x7fY\x9f\x9d\xf3\x1c\x15\n\xfd\x13\x9d\x87\xfb\xcd?n\xadI\\\xf7Y\xc2\xea\xa2\xa2"BH\xfd\x06\xf5c\xe6\xc5t\xe9\xd2\x85\xa0G\xe8Y\xd0\xe3\xd9\xb9s\xe7]\xbbv\x11B\xd6}\x9d\xd4\xa1K\xbb\xacL\xbd(\n\x84\x10\x8e\xe3:7\x7f\xe7\xf7k7\xaaW\xaf\x9e\x9a\x9a\xea\xe6\xe6\xc6q\x1c\x0e,\xd8=4!\x9f\x93ZbE\x87={\xf6\x04\x04\x04\x04\x07\x07\xd3\xda\xff\xcd\xf6\xad6\x7f\xbfv\xe9\x9axo\x9fJ\x0f\xeeg\x12B\x9e\xa39I\xff\xe4\xc1\xfdLO/\xcf\xb09\xd3v\xec\xdb\xda\xaeS\x1bB\xc8\x99\xdf\xcet\xed\xda\xf5\xed\xb7\xdf\xa6S\xd79\x8e\xa3\x93\x17\xcb\xfa\xf3\xd9\x15Z\xfb\xef\xda\xb5\x8b\xd6\xfeo\xbd\xd7\xb9]\xe76\xd9Y\x7f\xd5\xfe\x92$\xb9\xba\xbb\x8e\x9d:\x8a\x10r\xe5\xca\x95\xf8\xf8x\x9e\xe7\xd1\x17\x04,\xc0\x1d\xc0\xf30\xb5\xe8/]\xba\x14\x13\x13\xb3z\xf5jz\x18\xfd^\xad6~\xfa\xe8\x0f{}\xa0\xc8rnn^\x99&lt;\xc9E\x07\x96]\xdd\\y\x9eK\xfeao\xcc\xcc\x05\x17\xcf]$\x84899\r\x192d\xc6\x8c\x19\xde\xde\xde%\x8b\x04\x0f\xa1c\xbf\x8a\xa2\xd4\xabW\xef\xf2\xe5\xcb\xa2(\xfe\xf7\xe0\xd7\xb5\xeb\xd6\xcc\xcf/0\xf5\xa1)\xb2\xe2\xee\xe9\xde\xadC\xe0\xd1C\xbfzxx\xa4\xa6\xa6bJ(\xb0\x00\x01\xf0lJN\xf1\x8c\x8d\x8d]\xb8paVV\x16!\xc4\xc3S7h\xd8\x80\xa0\xe1\x03\xbc}\xbd\xb3\x1edq\x1cW\xb6u\x07}_7w\xb7\xc2\x82\xc2\xf5\x9foZ\xb101\xe3\xee=B\xc8\x8b/\xbe8k\xd6\xac~\xfd\xfa988``\xe0\x1f\xd1h\\\xb6l\xd9\xa8Q\xa3\x08!!c\x87\xcc\x8a\x0b\x7fp\xefA\xc9\xa1xEQ\\\\]R\x8f\x1c\xef\xfd\xf6\x80\xe2\xe2b:%T\x92\xa4\x7f\x1c\xae\xb7o4/-]\x8ar\x81n\xbdG!\x00\x9e\x96\xfa\xffWt\x88\x8e\x8e\xa6\x93|8\x8e\xeb\xde\xe7\xc3a\xe3\x87\xd6\x7f\xbd\x9e&gt;Ko0\x18i\xc7By\x90eY\x10\x05ww\xb7\xdb7\xef$\xc4.\xdf\xfc\xc5V:0\xd0\xa2E\x8bY\xb3f\x05\x04\x04\x10\xac!\xf1\xff\xd1P\xcc\xc8\xc8\xa8\xfbZ]}\xb6\xfe\xc5\x97\xab\xfe\xf7\xc0\xd7Zg\xad,\xc9\x0f\x1d"I\x92*\xf9T\x1c\xd6w\xd4\xf6\xcd;\x04A\xd8\xb7o\xdf\x9bo\xbe\x89\xfb*\xb0o\x08\x80\x7fW\xb2\xea?z\xf4hxxxrr2\xfd\xd1\xebM\x1aN\x9e9\xa1}\xe7\xb6\x85\x85E\x05y\x05\x82X\xfe5\xafJ$Y\xd6j\x1d\x9d\\\x9c\xce\x9c83of\xdc\xbe])\xf4\'\xbd\xfb\xf4\x9e&gt;mz\xbdz\xf5\x08!l\xb6^\x1fEk\xf0\xa0\xa0\xa05k\xd6\x10Bb\x12\xe6\x0c\x1a&gt;\xe0~\xc6\xfdG\x0f\x8e\xaa\xaa\x0e\x1a\x87\x8c\xf4{]Z\xbe\x9b\x9d\xa5o\xdc\xb8\xf1\xa1C\x87\x1c\x1c\x1c\xd8i6\xd2i\xb2\xa7N\x9d\x9a0a\x02\xbd\x8f\xb4\x8f\x0fN\xab8EQ\x16.\\\xe8\xef\xefO?\xa6\xa5\x0be-\x10\x00\xff\xc2\xd4\x06\xcc\xc8\xc8\x88\x8a\x8aZ\xb5jUqq1!\xa4\xf2\x0b\xbe\xe3\xa6\x8f\xfe\xb0\xe7\xfb.\xae.\xd9Y\xd9&lt;\xcf\x9b\xf3\xacRUU\x91\x15\x17WgA\x14\xb7o\xfaf\xf9\x82\xc4\x0bt`\xc0\xd9i\xd2\xc4I\xa3F\x8d\xf2\xf6\xf6.\x99[l\xa2S?O\x9c8\xd1\xaaU\xab\xe2\xe2\xe2\xa6-\x9al\xdd\xb9\xb1\xb0\xa0\xf0q\xdf\x94$I\x15+UX:\x7f\xc5\xec\xe9s\t!k\xd6\xac\x198p ;7\x01\xf4\x93&amp;\'\'\x97\\\xb4\xca\x9e\xec\xda\xb5+  \x80\x9d/\xf4i \x00\x1e\xebq+:h\xb5\xda\x8fG\x05\xd1\x15\x1d\x9eo\x8ag\xd9\x96P\xe7\xa1\xcb\xcd\xc9]\xb5\xe4\xb3\xb5\x9fn\xbcWb`\xc0\xb4\xb8t\x99\x0fH\xd8\n\xfa\xd5\xb4m\xdb6%%E\x10\x84/\xb6\x7f\xde\xaeSk}v\xce\x93\xbf/^\xe0;7\x7f\xe7\xf7\xab7|||\xd2\xd2\xd2&lt;&lt;&lt;\x18\xb9\t\xa0\x87k\xff\xfe\xfd\x1d;v\xe4y\xbe\xd6k5\xbd\xbc&lt;\xe9\xe3\x8d\x96.\xdasRUU\x14\xc5\xcc\xcc\xac\x8bg/)\x8a\xb2{\xf7\xee\xb6m\xdb"\x00JB\x00\xfc\x83\'\xac\xe8\xd06\xa0\xf5\xb4\xc8\xc9\r\x1b7\xcc\xcf\xcb\xff\xc7\x15\x1d\xccO\x96dA\x14&lt;\xbc&lt;\xae]\xbe\xbeh\xce\xe2\x1d[\xffK\xefQ\x18_\\\x9a^\xe7\xdb\xb6m\x0b\x0c\x0cTU\xf5\x83\x1e\xef&amp;n\\v\xff\xff\x8f\xfd\xfe\xe3_\xe9&lt;\xdc\x7f\xfav\xd7\xe0\x9e\xc3\x08!3f\xcc\x88\x8a\x8ab\xa4\xca\xa0\x1fs\xdf\xbe}\xed\xdb\xb7\'\x84l\xfea}\xe7.\x1d\xf59z\xa1\xdc\xc6\xb4\xca\x9b,\xc9:w\xdd\xce\x1fw\xf7\xea\xda\x8f\x10\xb2w\xef\xdev\xed\xda1\xf2m&gt;%\xcb\xd7_\xd6\x86\xf6\x9e\xd3\x15\x1d\xa2\xa3\xa37m\xdaD_\xafU\xa7fh\xe4\xa4\x80\xae\xed\x15E}p\xff\x81 \x08\xd6P\xfb\x13B\x04Q *\xb9\x9fq\xdf\xdb\xa7R\xc2\x9aE\xbd\x83z\xc6\xcd^th\xff\xe1\xe4\xe4\xe4\xdd{v\x07\r\n\n\r\r\xadY\xb3&amp;ai\xaa(m\xd6\xe8\xf5\xfa\xd0\xd0PB\x88\x9b\x9b\xeb\xe8\xd0\x91O\xe8\xfc1\x11\x04!G\x9f\xdb\xf9\xdd\x80\xff\xb4my(\xe5p\\\\\xdc\xc0\x81\x03k\xd4\xa8\xc1`\xc7qaAQ^A^^^\xbe\xed\x9e3t\xd2DaA\x91\xa5\x0bb\xbd\xd8:\xa7\x9fL\x96eEQDQ\xd4\xeb\xf5\xe1\xe1\xe1o\xbc\xf1\x06\xad\xfd+zW\x9c\x19\x13\xf6\xdf\x83_wz\xbbc^n~A~\x01\xdd\xc5\xd7\xd2\xe5-\x81#\xa2(\x1a\x8d\xc6\xfb\x19\x0f\x9a4o\xb4~\xc7\x9a\xd8es_\xadY]U\xd4\xa4\xa4\xa4\x16-[\x94\xdcu\x92\x85\xfdoi\xd4\xc5\xc7\xc7_\xbbvMU\xd5\xc1\xa3\x82\xea\xbf^\xaf\xe4\xc4\xff\x7f\xfbs%l\xee4Q\x14\x8b\x8b\x8b\xc3\xc2\xc2\xc8\xdf\x89\xc2\x14\x9e\xe7x;aM\x97\xaa\x95A\x00\x10\xf2w\x9f\x0f\xdd\x13j\xf5\xea\xd5\xcd\x9b7\x8f\x8a\x8a*,,\xd4h4=\xfa}\xf4]\xca\xf6\xe1\xe3\x87(\x8a\x92\xa3\xcf\xa1\'\x94\xa5\xcb\xfb\xcf\xe8Rty9\xf9E\x85E\x03\x87\xf6\xfdj\xf7\xe6\xf1\xd3F{xzd&gt;\xc8\xfc\xe4\x93OZ\xb4h\xb1y\xf3fZ~Y\x96\xed\xb8F\xa3C\xdfW\xaf^\x8d\x8f\x8f\xe78\xee\x95\xea\xaf\x8c\x98\x10\x92\xf5 \xeb)\xef\xd8x\x9e\xcf\xcb\xcdo\xd8\xb8~`\xff\xee\x84\x90-[\xb6\xd0!\x04&lt;\x1b\x0c\xf6\xc7J\xeb2\xb3\xa1+:p\x1cWrE\x07\xbaec\xcb6-\xbe\xfcq\xfd\xd25\x8bJ\xb3\xa2\x83\xf9\xf1\x02\xcf\xf3\xfc\xfd{\x0f\x9c\x9d\x9d\xa7E\x85~\x95\xbc\xb9G\xbf\x8fx\x8e?\x7f\xfe|\xef\xde\xbd;w\xee|\xf4\xe8Q\xfb^C\x82N\xfe\x89\x8c\x8c\xcc\xce\xce&amp;\x84\x8c\x9b:\xca\xd5\xddU\x92\xa4\xa7\xff\x17\x04\x81/\xc8+\x9c\x106\xc6\xc3S\xc7q\xdc\xc4I\x13\x8b\x8b\x8b\xb1w&lt;\xd8\x1f\xa6\x03\x80\xce\x90\x11E\xf1\xf6\xed\xdb\x83\x07\x0f\xee\x18\xd0q\xf7\xee\xdd\x84\x90\xea5\xfcb\x97\xcd\xdd\xf0\xed\x9a&amp;\xcd\x1b\xdd\xcfx\xf0\xb8\x05\x9c\xad\x99iqi\xbf\x1a\xd5\x12\x92\x16\xae\xdb\x91\xd4\xaamK\xf2\xff\x17\x97\xa6\x1dYv\xd6\xb0\xa5\xa3\xf7\x07\x0f\x1e\xdc\xb0a\x03\xc7qM[4\xe9\xd1\xff#}\xa6\xfe\x99\xbeA\x8e\xe3\x8a\x8a\x8a^\xa8Zy\xf4\xe4\x11\xaa\xaa\x1eO=No\x9eX\xe8=\x03\xa60\x1d\x00\x82 \x18\x0c\x86\xa8\xa8\xa8\xc6\x8d\x1b\'%%\x11\x95\xe8&lt;t\xe3\xa6\x8d\xde\xbe\xe7\xcb\x81C\xfb\x16\x15\x16\xe5\xe5\xe4[]w\xffS\xe38Nt\x10\x8b\n\x8b\x1e\xdc\xcfl\x1b\xd0z\xc3\xb7kb\x97FW\xaeR\xb9\xa8\xa8())\xa9i\xd3\xa6QQQ\x06\x83\xc1&amp;nk\x9e\x92\xaa\xaa\x1c\xc7\x15\x17\x17\x8f\x1b?\x8e\xf6\xe9M\x8d\x9c$K2y\xf6/P\x10\x85\\}\xee\x80\x90~~5\xaa\xf1&lt;?m\xda\xb4\xac\xac,\xdc\x04\x80\x9da4\x00\x14E1\x1a\x8d\x9b7on\xd4\xa8Qxx8\x9d\xe0\xff\xeeGo\x7f\xb3w\xcb\xf4\xa8Pgg\xe7\xfb\xf7\x1e\xf0&lt;\xcf\x0b6\x7f|x\x9e\x17EQ\x9f\x9dSTP4`h\xdf\xefR\xbe\x1a5y\xb8V\xab\xbds\xe7Nxxx\xe3F\x8d7o\xdel4\x1a\xed\xa3mK\xe7\xeal\xde\xbc\xf9\xc4\xf1\x13\x84\x90\x9e\x03z\xb4j\xdb"7\'\xf79\x86m8\xc2I\x92\xec\xec\xec4#*TQ\x94;w\xeeDDD\xe0&amp;\x00\xec\x8c\xcdWp\xcf\x81.\xa3\x7f\xe4\xc8\x91\xde\xbd{\x9f={\x96\x10\xe2\xdf\xa4\xe1\xfa\x1dk\x96\xaf]R\xed\xd5j\xf7\xd2\xef\x99\x1e\x02\xb0\x1b\x82 p&lt;G\x17\x97\x9e1g\xea\xb7)_\xbd\xdb\xedmA\x10\xd2\xce\xa6\xf5\xee\xdd\xfb\xc8\x91#\xbc\xed/\x80L\x9b\xff\x99\x99\x99S\xa7N\xe5y^\xe7\xa1\x9b\x106&amp;/\xe7\xf9g1\n\x82\xa0\xcf\xcey\xeb\xfd\xce]\xde\xebL\x08ILL\xbcx\xf1"2\x00\xec\t\x8b\x01@\x19\x8dF\x9e\xe7\x05A\x183e\xe47{\xb6\xb4\rh\x9d\x9b\x93[XP(:\xd8j\x9f\xcf\xbf\xa2SE3\xefg\xd6\xacS\xe3\xf3\xad+g\xc6\x86\xd1\x89OF\xa3\xd1\xd2E+\x03\xb4\xf9\xbfp\xe1B\xd3\x8e\x8f/T\xad\\TTT\x9ao\x93\xe38\xc9(\x8d\x9f1F\xe3\xa8\x91$i\xcc\x981\xe8\x05\x02{\xc2n\x00p\x1c\xa7(\x8a,\xcb\xffi\xdfJ\xa3\xd5d=\xc8\xa2\xb5\xa1\xa5\xcbU\xbe\xfe\x9a*\x9a\x9bg(6\xd4\xac]\x83&gt;\xfa`\x07\x81Gk\xff\x8b\x17/\xce\x8f\x9b\xcf\xf3\xbc\xdf\xab\xd5\x06\x84\xf4\xcb\xd5\xe7\x96\xf2)V\x9e\xe7\xf3r\xf3\x1a4\xaa\x1f&lt;|\xa0\xaa\xaatK\x19L\t\x05\xbba\xe7\xf5\xdd\xd3\xc8\xcf\xcbWd\xc5v\x9fw\x7f\x0e&lt;\xcfs\x1cWXh?OH\xd2\xfe\x9f1c\xc6\x18\x8a\r\x8a\xa2\xcc\x98\x13\xea\xec\xec$I2\xf7\x1c\xe3\xbf\xff\x9f \x08\xf9\xb9\xf9CF\x07{\xfbT\xe2yn\xcc\xd81t\xde0\xee\x03\xc0\x0e \x00\xfe\xaa\r-]\n\x0b\xb0\x9b\'$\x1f\xdd\xf1\xf1\xad\xf7;\xff\xeb\xa2oO\x89N\t\xad\xfaR\x95\xf1\xd3\xc7(\x8az\xf1\xc2\xc5\xc4\xc4D\x8c\x04\x80}@\x00\x80m\xa3m\x7fS\x07\xbdF\xa3\x990c\x8cd,\xcb5,EQ\xcc\xce\xd2w\xef\xfba=\xff\xd78\x8e\x8b\x88\x88\xc8\xca\xca\xe2y\x1e7\x01`\xeb\x10\x00`\xdbh\xef?\x9d\xa2\xa3\xaaj\xf0\x88\x81\r\x1a\xd5\xcf\xcb\xcd+\xdb\xe1\x1cY\x96]\\]\xa7\xcc\x9c\xa8\xaajfffDD\x04\x1dC*\xc3\xb7\x000?\x04\x00\xd80:\x82\x9d\x9e\x9e\x1e\x1e\x1e\xce\xf3|%\xef\x8aCF\x07\xe7\xe7\x96\xfd\x02\x96\x82 dge\xb7\xef\xdc\x06SB\xc1\x9e \x00\xc0\x86\xa9\xaajzLWQ\x94\ta\xe3\xaa\xbeT\xa5\x94S?\x1f\x87\xe38EV0%\x14\xec\t\x02\x00l\x15\xed\xfc9~\xfc8]\xb5\xbbi\x8b&amp;}\x82\x023\x9fz\xd5\xcfg\xc5\xf3|.\x9d\x12:\xec\xaf)\xa1[\xb7n\xc5\x94P\xb0i\x08\x00\xb0Ut\xf8w\xe2\xc4\x89\xc5\xc5\xc5\x82 \x8c\x9d:J\x14\xc5rm\x92\x0b\x82\x90\x9b\x93;r\xd2\xb0W\xfc^\xe68.,,\xcc`0\xe0&gt;\x00l\x17\x02\x00l\x12\x9d\xfa\xb9u\xeb\xd6\x03\x07\x0e\x10B\xde\xed\xd65\xa0k\xfb\xec,}\xb9\xaem\xc7q\x9c\xa1\xd8\xe0]\xd9{\xf8\xf8\xa1\xaa\xaa^\xbat)..\x0e#\x01`\xbb\x10\x00`{h\x8b\xdb`0\xcc\x08\x9bA\x08qs\x7f\xda\x1d\x1fKO\x14\xc5\xcc\xfb\x99=\x07\xf6x\xa3e\x13B\x08]y\x023\x82\xc0F!\x00\xc0\xf6\xd0=\xbf\xe2\xe2\xe2._\xba\xac\xaa\xea\xe0\x91\xcf\xb6\xe3c)\xa9\xaa\xea\xe0 \x8e\t\x1d%\x08\xc2\x83\x07\x0f\xa6M\x9b\x86g\x02\xc0F!\x00\xc0\xc6\xd0\xb1\xdf\xabW\xaf\xc6\xc4\xc6\xfc\xbd\xe3\xe3\xd0\xa7\xdf\xf1\xb1\xf4\x04A\xc8\xce\xd2\x07tm\xff\xeeGo\x13B6m\xdat\xfc\xf8qt\x04\x81-B\x00\x80\x8d\xa1c\xbf\x91\x91\x919\xfa\x1c\xf2\xd7\x8e\x8fn\xcf\xb4\xe3c\xe9\xf1&lt;_XP8z\xca\x08w\x9d{qq\xf1\xa4I\x930\x14\x0c\xb6\x08\x01\x00\xb6\x84\x8e\xfd\x1e8p`\xc3\x86\r\x84\x90\xe7\xdb\xf1\xb1\xf4x\x9e\xcf\xcb\xcbo\xd0\xa8\xfe\x80!}\t!)))\xdb\xb6m\xc3\x94P\xb09\x08\x00\xb01\x8a\xa2\x84G\x84\xcb\xb2\xacq\xd4&lt;\xf7\x8e\x8f\xa5\'\x8abvf\xf6\xd0\xb1\x83_z\xe5EUUCCC\xf5z=\xf9{\x80\x1a\xc0&amp; \x00\xc0f\xd0\xe6\xff\xbau\xeb\x0e\xa4\x1c \x84\xbc\xfdA\x97\xff\xb4k\xf9|;&gt;\x96\x1e\xc7q\x06\x83\xc1\xdb\xa7\xd2\xc4\xb0q\x1c\xc7]\xbbv-&gt;&gt;\x1e7\x01`[\x10\x00`\x1b\x1e\xdd\xf1q\xca\'\x13ss\xf2,\xb8\xa9\xbd(\x8a\x99\x0f\xb2\xba\xf7\xfd\x90N\t\x8d\x8f\x8f\xbfz\xf5\xaa \x08\x18\r\x06[\x81\x00\x00\xdb\xf0\xe8\x8e\x8f~\xaf\xbeRTX.\xcb\xfe&lt;=\x8e\xe3dY\t\x9d5\xc9\xd1\xd11;;;22\x12\xa3\xc1`C\x10\x00`\x03h\xed\x7f\xf9\xf2\xe5\xf9q\xf39\x8e\xa3;&gt;fg\x99{\xec\xf7Q&lt;\xcf\xe7\xe6\xe4\xfe\xa7]\xcb\xb7?|\x8b\x10\xb2a\xc3\x86\x03\x07\x0e\xa0#\x08l\x05\x02\x00l\x00\xed\xff\x991c\x86\xa1\xd8\xa0\xaa\xea\x8c9S\x9d\x9d\x9d\xac\xa4\x92\x15\x04!7\'o\xf2\xcc\x89\x9e^\x9e\xb2,GDDXI\xc1\x00\xfe\x15\x02\x00\xac\x9di\xc7\xc7\xad[\xb7\x12B\xfe\xd3\xb6e\xe7w;\xe6\xe8s-\xd8\xfb_\x12\xc7qE\x85E\xd5kT\x1b\x18\xd2\x8f\x10\x92\x92\x92\xb2q\xe3F\xdc\x04\x80M@\x00\x80U+\xb9\xe3#\xcf\xf3\x1a\x8d&amp;l\xee4Y\xb6\xaeQVA\x10\xb22\xb3GL\x08\xa9V\xfd\x15\xfa\x90\x9a^\xaf\xc7`\x00X?\x04\x00X\xb5\x92;&gt;*\x8a\x12&lt;b\xe0\xebM\x1a\x96\xf9\x8e\x8f\xa5D#\xca\xd5\xddu\xec\xd4Q\x84\x90+W\xae\xc4\xc7\xc7\xf3&lt;\x8f\x9b\x00\xb0rVt\x15\x01&lt;\x846\xff\xb3\xb2\xb2J\xee\xf8\x98W\x0e;&gt;\x96\x9e(\x8a\xfaL}\x8f\xfe\x1f\xbd\xd1\xb2\t\xc7q\xf1\xf1\xf1\xd7\xae]\xc3\x94P\xb0r\x08\x00\xb0^\xb4\xf9\x1f\x1e\x11\xfe\xd7\x8e\x8f3\xc6\x96\xdf\x8e\x8fe\x80#\xb2$\x87\xce\x9a$\x8abvv\xf6\xd4\xa9S\xd1\x0b\x04V\x0e\x01\x00V\xca\xb4\xe3cbb"!\xe4\xb5\x06u\xbb\xf7\xedf\rS?\x1f\x87N\tm\xd5\xb6E`\xff\xee\x84\x90\xad[\xb7\xa6\xa4\xa4`4\x18\xac\x19\x02\x00\xac\x94i\xc7GY\x92\x05A\x98\x1e\x15\xea\xec\xeal\xe5\x95\xa9 \x08y9\xf9\x13\xc2\xc6xx\xea8\x8e\x9b8ibqq1\xee\x03\xc0j!\x00\xc0\x1a\x95\xdc\xf1QU\xd5w\xbbu\xed\xd8\xa5]vf\xb6\x15\xf6\xfe\x97\xc4q\\QQ\xd1\x0bU+\x8f\x9e&lt;BU\xd5\xe3\xa9\xc77o\xde\x8c\xad\x02\xc0j!\x00\xc0\xea&lt;\xb4\xe3\xa3\xbb\xce\xcdl;&gt;\x96\x9e \n\xb9\xfa\xdc\x01!\xfd\xfcjT\xe3y~\xda\xb4i\x99\x99\x99\xb8\t\x00\xebd\x03W\x14\xb0\xe6\xa1\x1d\x1f\x07\x0c\xe9\xd7\xa0Q\xfd\xbc\xbc|\x9b\x08\x00\x8ep\x92$;;;\xcd\x88\nU\x14\xe5\xce\x9d;\x0b\x17.\xc4M\x00X\'\x1b\xb8\xa2\x80)\xff\xdb\xf11&amp;\x86\xe3\xb8\x17_\xae:t\xec\xe0\xec\xccl\xab\x1d\xfb}\x94 \x089\xfa\xdc\xce\xef\x06\xfc\xa7mK\x8e\xe3\xe2\xe2\xe2._\xbe\x8c)\xa1`\x85\x10\x00`]\xfe\xb7\xe3cN\x0e!dR\xf8xo\x9fJ\x06\x83\xc1J\xa7~&gt;\x9e,+as\xa7\x89\xa2X\\\\\x1c\x16\x16F\xb0W\x0cX\x1f\x04\x00X\x91Gw|\xec\xde\xf7\xc3L3n\xf8^Vx\x9e\xcf\xcb\xcdo\xd8\xb8&gt;\x9d\x12\xbae\xcb\x16L\t\x05+\x84\x00\x00\xeb"\xcb\xf2\xff\xdb\xf1QVl\xae\xedO\t\x02_\x90W8a\xc6\x18\x0fO\x1d\xcf\xf3\x13\'M\x94$\t\xa3\xc1`U\x10\x00`-$I\x12\x04a\xe3\xc6\x8d\xd6\xb0\xe3c\xe9\xfd5%\xf4\xc5\x17FO\x1e\xa1(\xca\xf1\xd4\xe3\x89\x89\x89\x18\r\x06\xabb\x93\x97\x16\xd8\x1fUUy\x9e\xcf\xc9\xc9\x89\x8c\x8c\xe4y\xde\xc3\xd3\xf2;&gt;\x96\x9e \n9\xd99\x83\x86\xf5\xaf\xe7\xff\x1a\xcf\xf3\x11\x11\x11YYY&lt;\xcf\xe3&amp;\x00\xac\x04\x02\x00\xac\x02\x9d\xfc\x13\x13\x1bs\xe5\xca\x15EQFO\xb6\x8a\x1d\x1fK\x89#\x9c,\xcbN\xceNSfNT\x14%333""\x82\xe38\xdc\x04\x80\x95@\x00\x80\xe5\xd1\x89\xff\x97/_\x8e\x8b\x8b\xe3y\xdezv|,=A\x10\xb2\xb3\xf4\xed;\xb7\xe9\xf2^gB\x08]\xd7\x1a\x1dA`%\x10\x00`y\xb4K\x84\xee\xf8\xa8(\x8aU\xed\xf8Xz\x1c\xc7)\xb22~\xc6\x18\x8d\xa3\x86\xeel\x83\xa1`\xb0\x12\x08\x00\xb00:\xf53%%\xc5:w|,=\x9e\xe7ss\xf3\x1a4\xaa\x1f&lt;|\xa0\xaa\xaa\xbbv\xed\xda\xb5k\x17\xa6\x84\x825@\x00\x80%\x99v|\x9c8q"\xcf\xf3\xa2(Z\xe1\x8e\x8f\xa5\'\x08B~n\xfe\x90\xd1\xc1\xde&gt;\x95x\x9e\x1b3v\x0c\xa6\x84\x825@\x00\x80%\x99v|&lt;~\xfc\xb8\xa2(=\x07to\xd8\xb8~^\xaem,\xfb\xf3\xf4\xe8\x94\xd0\xaa/U\x19?}\x8c\xa2\xa8\x17/\\\xc4\x94P\xb0\x06vu\x99\x81m\xa1S?K\xee\xf881l\\A^\xa1 \xd8\xe1i)\x8abv\x96\xbe{\xdf\x0f\xeb\xf9\xbf\xc6q\x1c\x9d\x12\x8a\x9b\x00\xb0,;\xbc\xd2\xc0V(\x8a\xc2q\x9ci\xc7\xc7\xb1SG\xf9\xbe\xe0\x93\x9f\x9f\xaf*\xaalw\x14Y1\x18\x0cZ\'\xa7Ia\xe3TU\xa5SBq\x13\x00\x96e\xf3\xd3\xecJOQ\x146[a\x96\xfd\xd4\xb4\xf3\xe7\xe2\xc5\x8b\x89\x89\x89\x1c\xc75m\xd1d\xf0\xc8A\x8a\xacxU\xf0\xb2\xe5\xa9\xff\xffB\x96\x95\x0f&gt;z\xaf{\xdf\x1f\xb7m\xd8\x9e\x98\x988h\xd0\xa0F\x8d\x1a\xd1Ca\xe9\xa2\x01\x8b\x10\x00\xc4\xc5\xd5\x85\x17xY\x96\xedf\xda\xc9\xbfRUUQ\x14\x07\x8d\x83e\xcb\xc0\xf3\xfc\x981c$\xa3D\x08i\xd9\xa6\xf9/\x07\x8e\xe8\xb3sDA\xb0\xd74\xe6\x08\x91\x15\xc5\xd9\xc5\xf9\xf5&amp;\rwl\xf9\xceh4N\x9c8q\xff\xfe\xfd\xb8\t\x00Ka7\x00h\x05\xc4q\xdc\xcf{\x0f\xbd\xd1\xb2\xb1\xa7\x97\xa7&gt;[\xcf\xf3\xbc\xdd\xb7\xc5$I\xd6h4\xae\xce\xaewo\xdf\xe58\x8e\x1e\x043\x97\x81\xc6\xed\xf6\xed\xdb\x93\x93\x93\x1d4\x0e\x8a\xac\xc4\xcfM\x88\x9f\x9b`\xe6bX\x90 \x08\x1a\x8d\xe6\xe7\x9f\x7f\xde\xbe}{\xb7n\xdd\x98j\x7f\x80\xf5\xb0\xf3\xca\xee\t\x1c\x1c\x1c\x14E\x91eyI\xec\xb2\x0f\xda\xf58\xb0\xe7`\x85\x8a^Z\'\xad$I\x96.Zy\x91e\x99\x10\xe2U\xc1#G\x9f3.dR\xf8\x84Y\x1c\xc7\xc9\xb2l\xe6\x8fL\xa3W\xaf\xd7\x8f\x1a5JUU\xa3\xc1(\xb37#^\x96e\x83\xc1 \xcb\xf2\xa8Q\xa3\xf4z=\x16\x08\x02\x8b`\xf1\x0e\x80\xee\xcd\xd4\xbcy\xf3M\x9b6EEE\x9d={\xf6\xd4\xf1\xdf\xfa\xbe7\xa8{\x9f\x0f\x87\x8d\x1fZ\xdf\xff\xb5\xac\xcclY\x92\x05\xd1~Zdt\x9cC\xe7\xa1+,(\\\x19\xff\xd9\xf2\x05+\xefe\xdc\'\x84h4\x9a\x90\x90\x90\xc6\x8d\x1b\x9b\xb9\x1b\x9a\xdes\xac[\xb7\x8eV|6\xbd\xe0\xcfs\xa3\x1f\x9c\xf6\xff`:\x10X\x04\x8b\x01@\x08\xa1]=\xbdz\xf5\xea\xd6\xad[ll\xec\xc2\x85\x0b\xb3\xb2\xb2\xb6n\xd8\xbe\xeb\xfb\xdd\x1f\x8f\n\x1e:f\xb0\x87\x97\x87&gt;[O\x7f\xd3\xd2\x85-\x15UUeYvus\xe5y~\xdf\xae\x94\x05\xb3\x17\x9dL=M\x7f\xd4\xb5k\xd7\x98\x98\x98z\xf5\xea\x99\xb9H\xb4\xba\xd7\xe9t\x1d:t0\xf3[[36S\x10,\x8b\xd1\x00\xa0dY\xd6h4aaa\x81\x81\x81111\xabW\xaf\xd6g\xe7,\x88\x8a\xff\xefW?\x8c\x9c4\xac[\xef\x0f\x14Y\xce\xcb\xcd\xe7\x05\x0b\xf4\x92\x97\tI\x924\x8e\x1a\x9d\xa7\xee\xcc\xc9\xb4\x84\xd8\xe5\xdf}\xf5=}\xbd~\xfd\xfa111]\xbat!\x84\xc8\xb2l\x91a\x00:\x10m\xe67\xb5N\x169\xfe\x00\x84\xf1\x00\x10\x04\x816\x90k\xd6\xac\xf9\xf9\xe7\x9f\xf7\xe9\xd3\',,\xec\xc8\x91#\x17\xcf_\x1a3x\xc2\xd6\r_\x8d\x9f&gt;\xa6e\x9b\x16\xf9\xb9yEE\x06\xd1\xa6z\x84\x14Y!\x1c\xa9X\xa9\xc2\xdd\xf4\x8c\xc5s\x97~\xba4\xa9\xb8\xa8\x98\x10\xe2\xeb\xeb;r\xe4\xc8)S\xa6h4\x1aZ\xffZj\xec\x91\xe38\x0c{\x02X\x96m\xf7o\x94\x1e\xc7q\xa2(*\x8a"IR\x87\x0e\x1d\x0e\x1e&lt;\x98\x94\x94T\xb5jUB\xc8\xc1\xbd\x87zu\xed?u\xd4\x8c\xec,\xbdW\x05\x0f\xf2\xf7 \xaa\x95SUU\x92$Ww\x17\xad\x93v\xed\xaa\r\x1f\xb4\x0f\\\x1a\xb7\xa2\xb8\xa8\xd8Q\xeb\x18\x1c\x1c\x9c\x9a\x9a\x1a\x16\x16\xa6\xd1hh\xc3\xdf\xd6;\xb8\x00\xa04p\xfd\x13B\x08]\x86L\x96eQ\x14\x83\x82\x82\x8e\x1f?\x1e\x16\x16\xe6\xe4\xe4d0\x18\xd6$\xae{\xab\xe5{+\xe3?\x13\x04A\xe7\xa1\x93e\xd9z;.T"I\x92\x83\x83CE\xef\n\xa9GN\xf4}o\xd0\xe4\x91\xd3\xae]\xbeF\x08\xe9\xd8\xb1c\xca\xfe\x94\xcf?\xff\xbcJ\x95*\x92$\xa9\xaa\x8a\xd67\x00 \x00\xfe\x87\xf6\x08I\x92\xe4\xed\xed={\xf6\xecc\xc7\x8eu\xed\xda\x85\x10r\xef\xee\xbdY\xa1Q=:\xf7\xde\xb7k\xbf\x9b\xbb\x9b\x93\xb3\x93d\x94\xacm\xce\x86,\xcb\x84#\x15\xbd+f\xdc\xbd7j\xd0\xf8\x9e]\xfa\xfd\x92r\x98\x10R\xbbv\xed\xa4\xa4\xa4\xe4\xe4\xe4f\xcd\x9a\xc9\xb2\xac\xaa\xaa(\x8a\xe8q\x86\x7f\xa5(\xaab\'\xac\xebR\xb5*L\x8f\x01&lt;\x8a\xf6\x08\xd1\xf1\xc9z\xf5\xea}\xff\xfd\x0f?\xfe\xf8chh\xe8\x993gN\xa6\x9e\xee\xf7~\xd0\xbb\x1f\xbd=a\xc6\x98\xd7\x1a\xbe\xa6\xcf\xd2\x1b\x0cFk\x18\x18P\x14\x85\x10\xa2\xf3p\xcf\xcb\xcd\x8f\xfd$n\xed\xaa\rt\x8a\xa7\x93\x93\xd3\xc4\x89\x13\'M\x9a\xa4\xd3\xe9\x14\x8bv\xf7\x83-rr\xd6\xba:\xbb\xda\xf4|hY\x92]\x9d]\x9d\x9c\xb5\x96.\x88\xf5\xc2\xec\xe3\xc7\xa2\x95&amp;\xcf\xf3\x06\x83!66v\xd9\xb2e\xe9\xe9\xe9\x84\x10\x9d\x87.h\xf8\x80\xa0\xe1\x03\xbc}\xbd\xb3\x1ed\xd1\x87i-RBUU\x15Yqqs\xe1y.\xf9\x87\xbd\xf3"\xe6_:\x7f\x99\xfe\xa8w\xef\xde\xd3\xa7O\xa7S&lt;%I\xb2\x83\xbd\x15\xa1\xbc\xd1\xa7\x91\xf7\xef\xdf\xdf\xb1cG\x9e\xe7k\xbdV\xd3\xcb\xcb\x93\xee[`\xe9\xa2=\'z\xbf\x9b\x99\x99u\xf1\xec%EQv\xef\xde\xdd\xb6m[&lt;t]\x12\x02\xe0_\x98N\x97\xdb\xb7o\x87\x87\x87\'\xadN"*!\x84\xf8\xbdZm\xfc\xf4\xd1\x1f\xf6\xfa@\x91\xe5\xdc\xdc&lt;A\x10\xcc|\x9dH\x92\xa4\xd5j\x9d\\\x9c\xce\x9c837b\xfe\xfe\xe4\x03\xf4\xf5\xe6-\x9aG\xce\x8a\x0c\x08\x08\xa0\xbfc\xfe\x82\x81\x8d\xa2\xa7zrrr\xa7N\x9d,]\x96r\xb1k\xd7\xae\x80\x80\x00\x04@I\x08\x80\x7fG\xa7\x8a\xd2F\xf4\x9e={\xe6\xcd\x9b\xb7{\xf7n\xfa\xa37\xdb\xb7\x1a?}L\xab\xb6-\xf3r\xf2\x8a\x8a\x8a\xcc\xd3\xd0\xa6g\xb0\xce\xc3\xfd\xd6\xcd;Kb\x96n\xfeb\xabi\x8a\xe7\xf4\xe9\xd3\x87\r\x1bFW\xb9 \xb6\xff\x14\x1b\x98\x93\xa2(&lt;\xcf\x9f:uj\xc2\x84\t\xf4\xcc\xb1\x8f\xa6\x03\xad\xe2\x14EY\xb8p\xa1\xbf\xbf\xbf\x82\xb5WK@\x00&lt;-:0@\xdb\x0e\xabW\xaf\x8e\x88\x88\xb8y\xf3&amp;!D\xe3\xe8\xf8~\x8fw&amp;\xcc\x18[\xad\xfa\xcb\xfa\xec\x9crm_(tE\x07O]~n\xfe\xd7_\xee\x88\x8fN\xb8s;\x9d\x10\xe2\xe4\xa4\xfd\xf8\xe3!aaa\xde\xde\xde\xa4\xc4]\x0b\x00\xc0\x13 \x00\x9e\x8d\xe9\xb9\xd9\x8c\x8c\x8c\x84\x84\x84\x05\x0b\x16\x14\x16\x16\x12B*zW\x1c9qX\xbf\xc1\xbd\x9d\x9c\x9dr\xf5\xb9\x84+\xe3\xd6\xb7\xaa\xaa\xb2$\xbb\xb8\xb9\x08\x82\x90\xb2\xfb\xc0\x82\xa8\xc5\'\x7f=E\x7fTrE\x07K=\xd6\x0bvCUU{\xad\x138\x8e\xc3\xa5\xf1\x10\x04\xc0\xf30\r\xab\xa6\xa5\xa5EGGo\xda\xb4\x89\xbe^\xabn\xcd\xd0Y\x93:\xbf\xd3Q\x92\xe4\xbc\xb2\x1b\x18\x90$I\xa3\xd1\xe8&lt;ugO\x9f]8gI\xc9\x15\x1d\xa6O\x9f\xde\xabW/\x82\xaa\x1f\x00\x9e\x1d\x02\xe09\x95\x1c\x180M\x15\xa5?z\xf7\xa3\xb7GO\x19Q\xff\xf5zy\xb9y\x86bCi\x06\x06\xe8\x8a\x0e^\x15&lt;\xd3\xef\xdc]\xbdb\xed\xea\x15k\xe9\x12u\x8f\xae\xe8\x80nM\x00xV\x08\x80R)9U4111::\x9aN\x15u\xd4:\x0e\x19\x15&lt;t\xec`\x1f_\xef\xcc\x07YD%\xfc3ntN\x03\xc6]\xe7&amp;I\xf2\xd6\xf5\xdb\x13\xe3?\xbdz\xf9\x1a!\x84p$8(x\xf6\xec\xd9/\xbc\xf0\x02Aw?\x00\x94\x02\x02\xa0\x0c\x98j\xe1[\xb7nEDDl\xd8\xb8\x81N\xcb\xf1\xab\xe17|\xdc\x90\xee\xfd\xba\x89\xa2\x90\xa3\xcf}\xfa\x1e!:\xc5\xd3\xd5\xdd\xe5\x97\x94#\xf3#\x17\xd1gz\t!\x1d;v\x9c:u*]E\x19S&lt;\x01\xa0\x94\x10\x00e\xa3\xe4\x1c\xa1\xa3G\x8f\x86\x85\x85\x99\xa6\x8a\xb6l\xd3br\xc4\xf8\x96m\x9a\xe7\xe5\xe4\x17\x15\x15\x89\x82H\x1e_i\x9b\xa6x^\xbfzc\xe1\x9c\xc5;\xb6|g0\x18\x08!\xb5k\xd7\x9e2eJPP\x10Aw?\x00\x94\x11\x04@Yzh\xaahll\xec\x85\x0b\x17\x08!\x1a\x8d\xe6\xfd\xc0w\'\xcc\x18\xebW\xa3Zvf\xf6?\xf6\xdb\xd0\xde$7w\xb7\xc2\x82\xc2\xf5\x9foZ\xb6`\xe5\xfd\x7fZ\xd1\x01\xeb\xb8\x01@YA\x00\x94=\xd3\xc0\x80^\xaf\x8f\x8b\x8b3M\x15\xad\xe4]q\xc0\xd0\xbeC\xc7|\xec\xea\xe6\x92\xa3\xcf%\x7f\x8f\xdc\x96\xd8\xb4\x8bK\xfeaoLD\xdc\xc5\xf3\x97\xe8?\x85\x15\x1d\x00\xa0\xfc \x00\xca\xcb\xe3\xa6\x8a\xd6\xacScj\xe4\xe4\x80\xae\xed\x15E\xcd\xcb\xcd\'D\xd5j\xb5.\xae.\xa7\x8f\x9f.\xb9\xa2C\xc9M\xbb\xd0\xdd\x0f\x00\xe5\x01\x01P\x8eJN\x15MNN\x8e\x98\x19q\xe4\xf0\x11\xfa\xa3\xb6\x01\xad\xa7ENn\xd0\xa8&gt;\xc7\xf37o\xdc\\\xb3r\xddgKW\x17\x15\x15\x91\xbfWt\x08\t\t\xc1\x14O\x00(W\x08\x80rg\xaa\xc4\x8dF\xe3\xca\x95+\xff7U\xd4\xd1q\xf8\x84\xa1U_\xaa2?r\xd1\xdd;w\xe9+C\x87\x0e\xc5\x8a\x0e\x00`\x1e\x08\x0031\xd5\xe6\x19\x19\x19QQQ\xabV\xad*...\xf9\x0b\x01\x01\x01\xb3g\xcfn\xd6\xac\x19\xc1&lt;\x1f\x000\x0b\x04\x80\xf9&lt;4U4&lt;&lt;&lt;99\x99`E\x07\x00\xb0\x10\x04\x80\xb9\x95\x8c\x81/\xbe\xf8\xe2\xfa\xf5\xeb3f\xcc\xc0\x02\xce\x00`~\x08\x00\xcbP\x14\xa5\xe4\xda\x84\xe8\xee\x07\x00\xf3C\x00X\x12\xdd\xa5\x1dS&lt;\x01\xc0"\x10\x00\x00\x00\x8cB\x8f3\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n\x01\x00\x00\xc0(\x04\x00\x00\x00\xa3\x10\x00\x00\x00\x8cB\x00\x00\x000J\xb4t\x01JKUUK\x17\x01\x00\x18\xc5q\x9c\xa5\x8bP*\x1c*P\x00\x006\xd9\xf6\x1d\x80\xaa\xaa999\x8a\xa2p\x1c\x92\x0c\x00\xcc\x87\xd69nnn\xa2h\xc3\xb5\xa8\xad\x16]UU\x8e\xe3\xf4z}\xd3\xa6M\xf5z=\x02\x00\x00\xcc\x89\xe7yEQ\xb6o\xdf\xfe\x9f\xff\xfcG\x96eA\x10,]\xa2\xe7a\xab\x01@\xc9\xb2|\xe5\xca\x15K\x97\x02\x00\x18\x95\x9f\x9fo\xe9"\x94\x8a\xad\x06\x00\x1d{qqq\x89\x89\x89)**\xb2tq\x00\x80-\xb4\xd7\xa1V\xadZ\x84\x10\x9e\xb7\xd5\xe9\x94\xe89\x01\x00`\x94\xad\xde\x01\x98H\x92d\xe9"\x00\x00\xa3\x04A\xb0\xe9\x99\xa0\xb8\x03\x00\x00`\x94\xadv]\x01\x00@)!\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94h\xe9\x02\xb0KUUY\x969\x8e\x13\x04\xc1\xd2e\x01(G\xaa\xaa*\x8aB\xff\x8f(&gt;\xa9\xce\x91e\x99\xfe\x1f\x9e\xe7\t!\x1c\xc7\x99\xa1x,\xe3TU\xb5t\x19X$\xcb\xb2\xa9\xdeWUUUUz\xc6\x03\xd8\x01Z\xe3\xab\xaa\xcaq\x1c\xcf\xf3\xcf]\x8f\xcb\xb2\\\xfa\x7f\x04\x9e\x00\x01`n\xb4)\xc4\xf3\xbc\xd1h\x9c3gN\xb5j\xd5\x06\x0e\x1cH\x08\x91e\x19g9\xd8\x01Ze\x97|%++\xeb\xea\xd5\xab\x99\x99\x99\xe7\xce\x9d\x1b1b\x84F\xa3y\xdc_\xad[\xb7\xce\xc9\xc9\xc9\xc7\xc7\xa7N\x9d:^^^%[E\x8a\xa2\xa0\x91T\xe6\x10\x00\xe6C\x9bE\xb4\xe1\xbfy\xf3\xe6\xe8\xe8\xe83g\xce\x10B:u\xea\x14\x19\x19\xd9\xacY3B\x88$I\x82  \x06\xc0\xa6\xc9\xb2|\xfc\xf8\xf1\xc3\x87\x0f\x9f9s\xe6\xdc\xb9sW\xaf^\xcd\xc8\xc8\xa0?\xbap\xe1B\xadZ\xb5\x1e\xad\xcdUU\x95$\xe9\xc5\x17_\xbc{\xf7.!\xa4B\x85\n/\xbc\xf0B\xcd\x9a5_\x7f\xfd\xf5\xe6\xcd\x9b\xbf\xf1\xc6\x1bnnn\x16\xf8$vO\x85\xf2\xa7(\x8a$I\xf4\xff\x1f9r$  \xe0\xa1oA\xab\xd5\x06\x07\x07\xdf\xbcy\x93\xfe\x8e\xe9\x97\x01l\x88$I\x8a\xa2$%%\xd5\xabW\xef\x1fG\xb6&lt;==cbb\xd4G\xcep\xfa\x9f)))\x95*U\xfa\xc7j\xea\xe5\x97_\x1e7n\x9c\xfaw\xcf\x12\x94\x15\x0c\x02\x97;\xda\xdd/\x08BFFFTT\xd4\xaaU\xab\x8a\x8b\x8b\t!\xbe\x95}&amp;\x86\x8f#\x84,\x8cZ|\xe7vzRR\xd2\x8f?\xfe8b\xc4\x88)S\xa6h4\x1aSO\x91e\x0b\x0f\xf0\xf4TU\xe58N\xab\xd5\xa6\xa5\xa5\xd1W\xaaU\xabV\xabV\xad&amp;M\x9a4j\xd4\xa8B\x85\nu\xeb\xd6\xa5\xa7\xf4C\xf1@\xff\xd3\xdf\xdf\xff\xe2\xc5\x8b\xb4\xb3(55\xf5\xc4\x89\x13\x97.]\xbat\xe9Rqq\xf1\x8d\x1b7rrr\x08!\xb2,?y\x18\x19\x9e\t\xba\x80\xca\x91\xa9\x127\x18\x0c\x89\x89\x89\xd1\xd1\xd1\xe9\xe9\xe9\x84\x10\xadV\xfb\xf1\xa8\xa0A\xc3\x07T}\xf1\x05B\xc8\xcd?o\xadY\xb9\xee\xb3\x84\xd5EEE\x84\x90\x06\r\x1a\xcc\x9b7\xafK\x97.\x04\x03\x03`}TU\xa5m\x9aGOK\xfa\xfa\x91#G\xa2\xa2\xa2:u\xea\xd4\xbcy\xf3z\xf5\xea9;;?\xf7{\xc9\xb2|\xf1\xe2\xc5\xd4\xd4\xd4\xe4\xe4\xe4\x96-[\x0e\x1f&gt;\xbc\xe4\xec\x89\x92\xd0w\xfa|\x10\x00\xe5\x82^$\xb4\xa9\xf2\xe3\x8f?\x86\x86\x86\xd2\xee~BH\xdb\x80\xd6\xd3"\'7l\xdc0?/\x9f\xd6\xf8Z\xad\xd6\xd9\xd5\xf9\xcc\xc9\xb4\xa5\xf3W|\xbb\xed\xbf\xf4\xd7\xbav\xed\x1a\x13\x13S\xaf^=\x82\x18\x00\xab\xf1\xb8\xfa\xb7$I\x92J6\xd2\x15EQ\x14\x85\x9e\xbdO\x9e\xdcI\xeb"\xd3\x84\xd1\x87fH?\xe1\xadM#\nOS&lt;(\t\x01P\xf6L\x17@ZZZtt\xf4\xa6M\x9b\xe8\xeb\xb5\xea\xd4\x0c\x8d\x9c\x14\xd0\xb5\xbd\xa2\xa8y\xb9y\xa6\x06\x0bM\x0bW7W\x9e\xe7Sv\x1f\\\x18\x15\x7f\xe2\xd7S\x84\x10\'\'\xa7!C\x86\xcc\x981\xc3\xdb\xdb\x9b\xe0\xe4\x06\x8b2\xb5idY\xde\xbcy\xf3{\xef\xbd\xe7\xe6\xe6\xa6&gt;2\xe1\x872U\xfa\xa5l\xb8\xd0~j\xfaO=\xf9\xe4_\xbbvm\xe7\xce\x9d}||\xe8\x9f\xa0\xef\xf4)\xe10\x95%Y\x96\x15E\x11EQ\xaf\xd7\x87\x87\x87\xbf\xf1\xc6\x1b\xb4\xf6\xaf\xe8]qfL\xd8\x7f\x0f~\xdd\xe9\xed\x8ey\xb9\xf9\x05\xf9\x05\xa2(\x9a.\x0c\x8e\xe3DQ,\xc8/\xc8\xcd\xc9m\xd7\xa9\xcd\x96\x9f6\xce\x8c\t\xf3\xf6\xa9TXX\xb8d\xc9\x12\x7f\x7f\xff\x84\x84\x04\x83\xc1 \x08\x02\xbd\xae,\xfa\x11\x81E\xf4\x89EQ\x14\xf7\xec\xd9\xd3\xbau\xeb~\xfd\xfa\r\x192$\'\'\x87\xd6\xb6\x8f\xfe&gt;\xcf\xf3\xa2(\x96\xbeO\x86F\x08\xfd\xa7\xfe\xf1\x17\xe8\xf4\x8a\x85\x0b\x17\x0e\x1c8\xb0I\x93&amp;\xabW\xaf\xa6\x7f"IRi\xde\x97\x1d\xb8\x03(\x1bj\x89)\x9e\xabW\xaf\x8e\x8d\x8d\xbdp\xe1\x02!D\xa3\xd1\xbc\x1f\xf8\xee\x84\x19c\xabU\x7fY\x9f\x9d\xf3\xaf\xadx\xfa\x0b\xee:\xb7\xdb7\xef$\xc4.\xdf\xfc\xc5V\xdaMT\xbfA\xfd\x98y1t`\x00\xdd\x9d`N\xf4\x8e\xf6\xc1\x83\x07S\xa6LY\xbdz5\xad1\xaaW\xaf\xbeu\xebV\x7f\x7f\x7f\x0b6\xb7iI233\x03\x03\x03\xf7\xee\xddK_\xec\xd8\xb1cLLL\xa3F\x8d\xd0q\xfa4\x10\x00\xa5U\xb2\xbb\x7f\xcf\x9e=\xf3\xe6\xcd\xdb\xbd{7\xfdQ\xcb6-&amp;G\x8co\xd9\xa6y^N~QQ\xd1\xd3\xcf^\x90$Y\xabutrq:s\xe2\xcc\xbc\x99q\xfbv\xa5\xd0\xd7{\xf7\xe9=}\xdat:0\x80\x18\x80\xf2f\xeaN\xd9\xb9s\xe7\xd8\xb1c/^\xbcH\x08\xf1\xf5\xf5\x9d&gt;}\xfa\xf0\xe1\xc3EQ|\\\x17\x90\xf9\x95\x1ci\xf3\xf0\xf0\x88\x8c\x8c\x1c=z4\xc1\xe3c\xff\x06\x01P*\xa6\x16\xfd\xed\xdb\xb7\xc3\xc3\xc3\x93V\'\x11\x95\x10B\xaa\xd7\xf0\x0b\x197\xa4G\xbfn\xa2(\xe4\xe8s\x9f\xa3\xa6VUU\x91\x15\x177\x17\x9e\xe7\x92\x7f\xd8\x1b33\xee\xe2\xb9K\x84\x10\'g\xa7I\x13\'\x8d\x1a5\n\x03\x03P\xaeL\x95\xfb\xacY\xb3&gt;\xf9\xe4\x13\xfab\xef\xde\xbd\xe3\xe2\xe2^x\xe1\x05\xf2OO\xfcZ\n-\x89\xc1`\x88\x8e\x8e\x9e7o\x1e\x9df\x1d\x18\x18\xb8r\xe5JOOO\xeb)\xa7\x15B\x00&lt;\xa7\x92S&lt;ccc\x97-[F\xa7x\xea&lt;tA\xc3\x07\x04\r\x1f\xe0[\xd9\'\xf3A\x16Q\t/&lt;\x7f\x03\x84\xbe\x8b\xbb\xce-/7\x7f\xd5\x92\xcf\xd6~\xba\xf1\xde\xdd{\x84\x90\x17_|q\xd6\xacY\xfd\xfb\xf7\x17EQ\x92$\x9e\xe7\xd1\xcc\x812D\xab\x85\xac\xac\xac\xee\xdd\xbb\xef\xdb\xb7\x8f\x10R\xa9R\xa5%K\x96\xf4\xea\xd5\x8bX\xe5\xdd\xa7\xa9%t\xf4\xe8\xd1\x91#G\x1e?~\x9c\x10\xe2\xe7\xe7\xf7\xe5\x97_6n\xdc\x18\xc3\xc2\x8f\x83\x83\xf2\xcch\x9f\x0f\xads7o\xde\xdc\xa4I\x93\xf0\xf0pZ\xfb\xbf\xfb\xd1\xdb\xdf\xec\xdd2=*\xd4\xd9\xd9\xf9\xfe\xbd\x07&lt;\xcf\x97\xa6\xf6\'\x84\xd0w\xd1g\xe7\x10B\xa6|2\xe9\xdb\xfd_\x05\xf6\xfb\xc8\xd1\xd1\xf1\xcf?\xff\x0c\x0e\x0en\xdd\xba\xf5\x9e={DQ\xa4\xa3^\xc8r(C\xaa\xaa:::j\xb5ZBH\xeb\xd6\xad\x0f\x1d:\xd4\xabW/\xba:[\xc9)\x0cVB\x10\x04UU%Ij\xd6\xac\xd9\xbe}\xfb\x86\x0c\x19B\x08)..\xaeX\xb1"\xc1\xaa\xa2\x8f\x87;\x80gPr\xa47---44\xf4\x87\x1f~\xa0?z\xbd\xa9\xff\xc4\xb0\xb1m:\xb6\x96e9?7_\x10\xcb\xba}\xa4\x12I\x96\xb4Z\xad\xab\xbb\xeb\xa1\xfd\xbf\xc4G\'\x1c\xd8\xfb3!\x84\xe3\xb9\xa0\xa0\xa0\xd0)\xa15k\xd6$\xe8\x11\x82\xb2C{\xcf\xd3\xd2\xd2\x96/_\x9e\x90\x90 \x08\xc2C\x13\xfc\xad\x93\xe9\x12\x98?\x7f~\xa5J\x95\x06\r\x1a\x84\x8b\xe2\t\x10\x00O\xcbt\x1a\xd1\x15\x1d&gt;\xfb\xec\xd3\xc2\xc2"BH\xe5\x17|\xc7M\x1f\xfda\xcf\xf7]\xdc\\\xf4Yz:\x0b\xad\x9c\xca@o&gt;\xdc\xdc\\yA\xd8\xbe\xe9\x9b\xe5\x0b\x12/\x9c\xbbH\x08\xa9P\xc1k\xf4\xe81\xe3\xc6\x8d\xd3\xe9tt\xb1\x14\x9c\xf1P\xb6lh4\x95\xd6i\xa6\x87l\xd0\xfc\x7f\x02\x04\xc0\xbf+\xb9\x80\xf3\xca\x95+M+:8j\x1d{\r\xec1&amp;tT\x95\xaa\x95\x9ff\x8ag\xd9\x96G\xe7\xa1\xcb\xcd\xc9]\xb5\xe4\xf3\xcf\x97\xad\xc9\xce\xca&amp;\x84\xd4\xa9Sg\xf2\xe4\xc9AAA\x04\x0f\x0fC\xd9\xa1\xcfa\xd9\xdc\xb9d\xa3\xc563\x04\xc0\x93\x94\x9c\xe2\x99\x9c\x9c\x1c13\xe2\xc8\xe1#\xf4GtE\x87\xfa\x8d\xea\x17\xe6\x17&gt;\xd3\x14\xcf\xb2"K\xb2 \n\x9e\x15&lt;\xcf\x9cL[\x19\xff\xe9\xb6\r_\xab\xaaB\x08\t\x08\x08\x08\r\r\xed\xd0\xa1\x03\xb1\xca\xc1:\x00\xb0\x1e\x08\x80\xc7z\xdc\x8a\x0e5\xeb\xd4\x98\x1a9\x99\xae\xe8\x90\x9f\x9b\xcf\x0b\x96lhK\x92\xe4\xec\xe2\xec\xe4\xa4\xdd\xf3\xd3\xbe\x15\x0bW\xfd\xbc\xff\x17B\x08\xc7qAAA\xb3g\xcf\xa6\xd3\xf5\xd0\x07\n\xff\xaa\xe4\xf8\x96}3-L\x84\x86\x11A\x00\xfc#S\x9f\x8f^\xaf\x8f\</t>
        </is>
      </c>
    </row>
    <row r="473">
      <c r="A473" s="1" t="n">
        <v>471</v>
      </c>
      <c r="B473" t="inlineStr">
        <is>
          <t>shape_morph</t>
        </is>
      </c>
      <c r="C473" t="inlineStr">
        <is>
          <t>What is the missing shape of the part denoted with a question mark?</t>
        </is>
      </c>
      <c r="D473" t="inlineStr">
        <is>
          <t>['circle', 'pentagon', 'square', 'triangle']</t>
        </is>
      </c>
      <c r="E473" t="inlineStr">
        <is>
          <t>circle</t>
        </is>
      </c>
      <c r="F473" t="inlineStr">
        <is>
          <t>There are eight shapes arranged in a grid. The top left shape is a hexagon and the bottom right shape is a ?. The other shapes do not appear to regular shapes.</t>
        </is>
      </c>
      <c r="G473" t="inlineStr">
        <is>
          <t>We observe that from the top left to bottom right direction, the shapes look like a hexagon but gradually change shape into something like a circle. Hence, the pattern is the the shapes are morphing between hexagon and circle shapes.</t>
        </is>
      </c>
      <c r="H473" t="inlineStr">
        <is>
          <t>Based on the pattern that the shapes are morphing between hexagon and circle shapes, the missing shape at the bottom right should be a circle.</t>
        </is>
      </c>
      <c r="I473" t="inlineStr">
        <is>
          <t>b'\x89PNG\r\n\x1a\n\x00\x00\x00\rIHDR\x00\x00\x02\x00\x00\x00\x02\x00\x08\x02\x00\x00\x00{\x1aC\xad\x00\x00\xac\xf9IDATx\x9c\xec\x9dyxLW\xff\xc0\xcf]f\xee\xec\x99\xac\x93\x08\x12\xb2\x12\xd9\xa4A\x10[,\xb5\xd4RK\xd1z\xd1RZ\x14\xad*\xed\x8bR-Z\xa5\xb6VK\x8bW\xed\xd4\xd2\xaaj\x04\xb1\x85\x04\xd9\x90]\x12B\xf6d2\xfb\xcc\xdd~\x7f\x9c\xca/\xa5\xd5\xb4E&amp;s\xcf\xe7\xe9\xd3gd\xb63\xe7\x9e\xfb\xdd\xcf\xf7`&lt;\xcf\x03\x04\x02\x81@\x08\x0f\xbc\xa9\x07\x80@ \x10\x88\xa6\x01)\x00\x04\x02\x81\x10(H\x01 \x10\x08\x84@A\n\x00\x81@ \x04\nR\x00\x08\x04\x02!P\x90\x02@ \x10\x08\x81\x82\x14\x00\x02\x81@\x08\x14\xa4\x00\x10\x08\x04B\xa0 \x05\x80@ \x10\x02\x05)\x00\x04\x02\x81\x10(H\x01 \x10\x08\x84@A\n\x00\x81@ \x04\nR\x00\x08\x04\x02!P\x90\x02@ \x10\x08\x81\x82\x14\x00\x02\x81@\x08\x14\xa4\x00\x10\x08\x04B\xa0 \x05\x80@ \x10\x02\x05)\x00\x04\x02\x81\x10(H\x01 \x10\x08\x84@A\n\x00\x81@ \x04\nR\x00\x08\x04\x02!P\x90\x02@ \x10\x08\x81\x82\x14\x00\x02\x81@\x08\x14\xa4\x00\x10\x08\x04B\xa0 \x05\x80@ \x10\x02\x05)\x00\x04\x02\x81\x10(H\x01 \x10\x08\x84@A\n\x00\x81@ \x04\nR\x00\x08\x04\x02!P\x90\x02@ \x10\x08\x81\x82\x14\x00\x02\x81@\x08\x14\xa4\x00\x10\x08\x04B\xa0 \x05\x80@ \x10\x02\x05)\x00\x04\x02\x81\x10(H\x01 \x10\x08\x84@A\n\x00\x81@ \x04\nR\x00\x08\x04\x02!P\x90\x02@ \x10\x08\x81\x82\x14\x00\x02\x81@\x08\x14\xa4\x00\x10\x08\x04B\xa0 \x05\x80@ \x10\x02\x05)\x00\x04\x02\x81\x10(H\x01 \x10\x08\x84@A\n\x00\x81@ \x04\nR\x00\x08\x04\x02!P\x90\x02@ \x10\x08\x81\x82\x14\x00\x02\x81@\x08\x14\xa4\x00\x10\x08\x04B\xa0 \x05\x80@ \x10\x02\x05)\x00\x04\x02\x81\x10(H\x01 \x10\x08\x84@A\n\x00\x81@ \x04\nR\x00\x08\x04\x02!P\x90\x02@ \x10\x08\x81\x82\x14\x00\x02\x81@\x08\x14\xa4\x00\x10\x08\x04B\xa0 \x05\x80@ \x10\x02\x05)\x00\x04\x02\x81\x10(H\x01 \x10\x08\x84@A\n\x00\x81@ \x04\nR\x00\x08\x04\x02!P\x90\x02@ \x10\x08\x81\x82\x14\x00\x02\x81@\x08\x14\xa4\x00\x10\x08\x04B\xa0 \x05\x80@ \x10\x02\x05)\x00\x04\x02\x81\x10(H\x01 \x10\x08\x84@A\n\x00\x81@ \x04\nR\x00\x08\x04\x02!P\x90\x02@ \x10\x08\x81\x82\x14\x00\x02\x81@\x08\x14\xa4\x00\x10\x08\x04B\xa0 \x05\x80@ \x10\x02\x05)\x00\x04\x02\x81\x10(H\x01 \x10\x08\x84@A\n\x00\x81@ \x04\nR\x00\x08\x04\x02!P\xc8\xa6\x1e\x00\x02\x81pL\xf8\x07\xc0\xc7\xf5\x7f\xc70\x0c\xc3\xb0?|q\xc3\xd7\xd4\xbf\xf2\xd1\x17#\x9e\x14X\xc3IG \x1c\x98\xc6/u$q\xfe\x01\x1c\xc7\xd5\x0bq\x0c\xc3p\x1c\x7fR\xd3\xc8\xf3&lt;\xfcp\xf0@%\xe08\n]&lt;\x19\x90\x02@4o\xea\x170\xc7q\xe0\x11)\xdfPR4^j\xc0\x8fz\xf41x\xa0\x1b\xea?J\xc8\xaa\xa2^\xe2\xff\x99\xb8\xd7j\xb5eee\xa5\xa5\xa5\x0c\xc3$\'\'3\x0c\x03\xafNqqqqq1\x86a\xf52\x9d\xe7y\x1f\x1f\x1f\x1f\x1f\x1f\xf8O\x92$;u\xeaD\x92\xa4\x97\x97\x97\xa7\xa7\xa7Z\xad~\xe8\x93\xebU\x02\xd2\x07\xff\x12\xa4\x00\xfe6\xf5\xc6\x88\xbd!\x90;\x81\xe3\xb8z\xa1\x8c\xe3x\xe3\x7f\xb2N\xa7cY\xb6^\xee&lt;\n|\x8a \x08\x95J\xf5\xb4\x07\xd3|\x81?\x99 \x88\x87$\xfe\xdd\xbbw\xf3\xf2\xf2233\xcb\xca\xca\xaf]\xbfVYYYPP`4\x18\x1e\xd2\xa0\x7f\x0b\x1c\xc7\xe5\n\x85\x9f\x9f\x9f\xbb\xbb{T\xc7(OOMhhh@@@\xabV\xad\x1a\xbe\x8c\xe7y\x96e\x052\xffO\x16\xa4\x00\xfe\x1e\xd0\xe8h\xeaQ\xfc)v&gt;\xbc\x7f\x0f\xc7q\x0f\xdd\xe4\x1c\xc7\xe9t:\x8e\xe32339\x8e+...**\x82\xa2\\\xab\xd5fdd\xc0\xc7\x16\xab57\'\xa71\xc2\x08\xc7\xf1\xc0\xa0 \tE\xc17\x86\x85\x85\xa9\xd5j\xf8\xd8\xd7\xd7\xd7\xc7\xc7\x07\xc7\xf1\xd0\xd0P\x1c\xc7U*\xd5C\x83\x11\xd4\xfc\xdf\xb9s\'???3#\xe3\xec\xb9s\xc5\xc5\xc5\xb999F\xa3\xb1\xfe\x95\xae*\x15\x86\xe3f\xab\xd5h6\x0f\x8b\xebs\xfa\xf2\x15\xbd\xd1\x08\x00h\xe7\xe7WYSSU[\xfb\xd0\'\xbb9;\xbb\xbb\xb8d\x15\x14\x00\x00\x94ry\x9f.\x9d\x8f&amp;\x9c\x96K\xa5R\x8a\xe29\xaeZ\xa7\xab\x7f\xa5\\.\x0f\x0c\n\xf2\xf1\xf1\xe9\xd5\xa3GhX\x98\xbf\xbf\x7f\xeb\xd6\xad\x1f\x1d\x1e\xa21 \x05\xf07\x80\xb7wFFFuu\xf5c\x0c\xc9g\x0f\x1c\x8c\xab\xabkXX\x98\x03\xcb x{\xdf\xbe}\xfb\xe8\xd1\xa3:\x9d\xae\xb6\xb66-=\xbd\xa2\xbc\xbc\xb4\xb4\x94aY\x83^\xff\x98\xf7z\xa8\xd5Uuu\\#.\x19\x8eanNN\x15Z\xedc^\xa3P*I\x82\xf0\xf2\xf2\xf2\xd0h"\xc2\xc3\x9d\x9d\x9dU*U\x8f\x1e=\xa2\xa2\xa2\x1cx\xfe\x19\x86!I\xb2\xb0\xb0\xf0\xd0\xa1C\x87\x0f\x1fNOO\xaf\x97\xf8\x1a\x17\x97\xf2\x9a\x9a\xd8\xa8\xa8;\xa5\xa5\x1dC\xda_\xb8v\xfd\x85^\xbd\xce_\xbf\xae\x90J\x0b\xef\xdd\x9b9~\\Qi\xe9\x9d{\xf70\x80E\xb6k\xd7\xc6\xdb\xbb\xa2\xa6\x06`\x00^\r\x0c\x03\x80\x07\x1e..\x85\xf7\xee\xa5fe\xf1\x80o\xed\xed\xed\xeb\xe5\xb5q\xf7\x9e6\xde\xde\x06\xb39\xb6c\xc7\x1f\xcf\x9e\xed\x1e\xd5\xf1\xfa\xcd[\xad\xbd\xbc\xce_\xbb\x06\xbf\x0e~\xb5\\.\x0f\x0f\x0f\x1f1bD\xef\xde\xbd\xa3\xa2\xa2X\x96%\x08\xa2\xa9\xa6\xa8\xd9aGR\xcc\xce\x81\x13\xa5\xd5j\xdb\xb6m\xab}\xacth*\xd4j\xf5\xed\xdb\xb7a\xc0\xd4\xf1d\x10\xbc\xb1\x8f\x1c92i\xd2\xa4\xba\xba\xba\x87\x9e\xd5\xb8\xba\x96WW\xb7m\xd5\xaa\xaa\xb6Vg0\x00\x00\\\xd5jO7\xb7\x9b\xf9\xf9\xf0\x05SF\x8f:\x9e\x98XZQ\xf9\x97_\xe4\xe5\xe1&gt;\xb8g\xcf\xad\x07\x0e\xc2\x7f\x86\xf8\xfb\x97UUUk\xb5\x00\x00\x95B\xe1\xe6\xec|\xfb\xee]\xf8u\x8f\xbe\xf7\xc0\x81\x03\xa3F\x8drH\x19\x04\xa5\xff\xe1\xc3\x87_y\xe5\x15\x93\xc9\x04\xff\x18\x13\x11Qg0\xdc\xca\xcf\xffx\xf6\xec\x8f\xbf\xfezH\xaf^^\xee\xee\x9en\xae\x12\xa94\xcc\xdf_,\x16{{xP"\x11%\x16\xbb\xa8\xd5pE2,K\x92$\x10\x89\x1e\xfe\x02\x9af\x18\x86$\x08\x00\x00\x0f@\x8dVk\xb5\xd9\xac4}\xaf\xa2\xc2f\xb3e\xe4\xe7[\xcc\xe6\xb2\xaa\xea\xd2\xca\xca\x9f\xce\x9e\xfd`\xda\xb4\x0f\xd6\xadk\xef\xef\xef\xa4P$\xa5\xa5\xd5\x7f\x06\x9c\x7f8\xd4g1)\xcd\x1f\xa4\x00\x1a\x0b\xbc\xabg\xcc\x98\xf1\xe5\x97_J$\x12\x8b\xc5\xd2\xd4#\xfa\x1dpHo\xbe\xf9\xe6\xa6M\x9b\x1cO\x00q\x1c\x87aXUUU\x87\x90\x90\x8a\xcaJ\x92$]\x9c\x9cd\x12\tI\x12\x1c\xcb\xdd.)\x998|\xd8\xe1S\t\xbd\xa2\xa3\xdd\xd4\xea\x82\x92\xbb&lt;\x0f4\xae.\xfd\xbav-,\xb9G\x92\x04\xcbr1\xe1\xe1*\x95Ro0\xe0\x18\xf6g+\x1e\x03\x80\xe3y\xa5B\xa1\xd3\xe9\x93\xd2\xd3\t\x02g\x18\xb6MK\xef\xf8K\x97\xca\xabk0\x0c\xf8\xb5lU\xa5\xd5\x9eMI\x19\xd17n\xc7\x91\xa3m[\xb6\xc4\t\x9caX\x93\xc5RSW\xc7q\x9c\x9b\x9b\xdb\x8d\x1b7\xdc\xdc\xdcx\x9ew\xa4X\x04\xcb0\x04I\xee\xdd\xbbw\xde\xdc\xb9\x80\xe3\xeeUT\x00\x00\x08\x82\x18=\xa0\xff\xa0\xd8\x1e\xc9\x99\x193\xc6\x8d\xe3\x01\xe6\xa4Tx\xba\xbar&lt;OR\x14g\xb3\xe18n\xa3i\x9e\xe79\x9eg\x18\xe6\xb7\xcf\xc20\x9e\xe7y\x8e\x07\rM\x14\x1e`8\x86a\x0f\x9c\x02\x00H\x92\xc41\x0c\xc30\xb1H\xc4q\x1c.\x163V+\x8eae\xd5\xd5uz\x03\x06\xf8M{\xf6t\n\r\xfb\xf9\xfc\xb9\x03\'\x7feY\x16\x00\xe0\xeb\xedM\xb3\xec\xea\xb5k\xc7\x8e\x1d\x0b\x07\xfcl\'\xa9Y\x82\x14@\xa3\x80\xc1\x87\xfc\xfc\xfc\xf0\xb00\x93\xd9\x0c\x00\x90I$\x94Xl\x0f\xb3\x87a\x98\xd5f3Y,\x00\x00\x99T\x9a\x9e\x91\xe1\xef\xef\xef`\xc1P\x86a\x08\x82\x183f\xcc\xc1\x83\x07\t\x82\xe08nd\xbf\xbe=\xa3\xa3\x01\x00\xa1\x81\x81&amp;\xb39\xc0\xc7\x87\x12\x8b\xc5"\x91Z\xa5\xa2D"\x00\x00\xc7\xf3\x80\xe7q\x89\x04~\x02o\xb5b\x18\x06\x1a3\'\xb0\xbc\x84\xa2~\xfb\x97\xc5\x020\x0c\xc70\x00\x80\x95\xa6\xb5:\x9d\x8d\xa6\xad6[^q\xb1L*\xcd\xcc\xcd\x05\x00$\xa6\xa4\x1c\x8a?\x85a8\xc7\xb1\xa3F\x8d\xda\xbf\x7f?\x0b\xed\\\x87\x00\x1a\xd4\xa7N\x9d\xea\xd7\xaf\x1f\x00`\xc1\xd4\xa9I\xa9\xa9=\x9e{\xee\xa5!\x83]\x94J\x8d\xab+.\x16\xdbL&amp;\x1c\xc7Y\x96\xb5\xd14\xc00\x8e\xe3\xf0\x07\x85\xfc\x00\xfc\x13\x87\x14\xee\x1d\x00\x0f&lt;o\x0e*T\x9e\x17\x8bDp\x01\x88e2\xcef+\xaf\xae\xae\xd6\xe9\x0e\x9f\xfc\xf5\xa7\xc4\xb3\xd1\xa1\xa1\x9bv\xef\x01\x00\xc4\xc7\xc7\xf7\xed\xdb\x17\xf9\x01\x8d\x01)\x80F\x01M\x8c\x91#G^9\x7f\xbe_\xf7nwJK\xd7\xbe\xf7\x9e\xb7Fc\xa3\xe9\xa6\r\xb6\xf0&lt;/\x16\x89\xee\x95\x97\xcf]\xb5\xaa\xb5\x97W\xfc\x85\x8b\x9dcc\x0f\x1d:\x04\x00p\x18\'\x00\xde\xc9\xcb\x96-[\xb2d\x89\x9fO\xeb{e\xe5\xe3\x07\r\xfa\xf6\xf3\xd5\xac\xd1@\x90"\x9ee1\x82\xb0Y\xad\x00\x00\x8e\xe3\x18\x96m\xb8\xa4\xeb\x83\xfeP\x1e5f\xadc\x7f\xf4\xc6\xdf\x9e\xc20\x92 \xa0f\x15S\x14\xfcj\x96\xa1\t\xb9\xe2\xb5w\xe6\xed\xfe\xf9goOMA\xf1\x9d\xa5K\x97.^\xbc\xd81\x04P}\xe4g\xea\x94)\x91\xc1\xc1\x89))\n\xa94\xf3\xd8Qo\x8d\x86e\x18\x9a\xa6i\x86\xe1x\x9e\xc0q\x1e\x00\xec\xe9\xc7\x1e\xe1F\x03\x0c\x00\x96\xe3p\x0c\x13\x91\xa4H$"\xc4\xe2{\xa5\xa5\xed\x06\r\xb6\xd0t\xcf\xe8\xe8\xd4\xec\xec-[\xb7\x8e\x181\xc21.\xc1S\x05)\x80\xbf\x06\xba\x93\xbbw\xedz\xf9\x95WT\n\x85\x88 \xf7~\xbe\xbao\x8fX\x93^O\x10\x04h\xda\t\xc40\x96eeJ\xe5\xa9s\xe7\xc7\xbe3\x8ff\x19\x9d\xc1\xb0\xeb\xfb\xef\xc7\xbf\xfc\xb2cx\xc1\xd0\x95IJJ\xea\xd1\xa3\x07\xcb\xb2r\xa9t\xea\xe8Q\xef\xbf\xf1\x86T,fh\x1aJ\x1c\xbe\x81\x98~\x06\x02\xe8\xb7\x81\xf1&lt;\xf6@\x1e\x91"\x91\xd9f\xfb\xe4\xab\xaf\xb6\x1c8h4\x9b\t\x828w\xee\\LLLs\xf7\xc3\xe0\xf8+++CBB*++\xe3bb\x06\xc5v\xf7t\xf7\x18=h\xa0I\xaf\x87\xb5\xffMn\x00\xf1&lt;\xcfr\x9c\\\xa9&lt;x\xe2\x97\xd2\x8a\xf2\x9f\xcf_HHJrww\xbfy\xf3\xa6\xbb\xbb{s\xbf\x04O\x1b\xa4\x00\xfe\x02\xb8\xc2L&amp;SXx\xb8\x8b\x842\xdbhW\'\xd5\x8eO?\xf5tvf\x18\xc6\x1er\xad&lt;\xcf\x93$YV[;q\xfe\xfc\xea:\x9dT,\xaa\xb1X3\xd2\xd3e2Y\x93\xdf\x9f\xff\x12X\xb5YYY\x19\x16\x16\xa6\xd3j[h4\xf7+*\x92\xf7\xed\r\t\x080\x18\x0c\xf6\xe3\xe2\xb0,\xabP(n\xe6\xe5uzil\x0b\x0f\x8f\xfb\xe5\xe5*\xb5:##\xc3\xdd\xdd\x1d\xfc\x9d\rhv\x05,g\xaa\xad\xad\x1d0`@Zj\xaa\xda\xc9\xa9\xb2\xba\xfa\xd8\xa6\x8d/\x0c\x1aTWQA\xda\xcd\xe4C\x18\x96u\xf2\xf0\xf8\xf1\xe7\x9f\x87\xce\x98\xe9\xee\xea\xaa\xad\xab\x8b\x88\x8c&lt;y\xf2\xa4\xb3\xb3\xb3\x03\xd7e\xfd{\x9a\xe5\xd2|\x96@\x0b\xe2\xbd\xf7\xde+\xbc};#7\xaf\xa2\xba\xfa\xbb\xe5\xcb\xdb\xb4hA\xd3t\xbd\x05\xd4\xb4\xe08N\xd3t\x9b\x16-\xbe[\xbe\xbc\xa2\xba:#7\xaf\xf0\xf6\xed\xf7\xde{\x0f\xc7\xf1\x7f\xb3\x07\xc7\x1e\x80\x93?\x7f\xfe\xfc\x8a\x8a\n\x9ae)\xb1\xe8\xf8W_\x86\xf8\xf9\xd9\x95\xf4\x07\x00\x10\x04a0\x18B\xfc\xfc\x8e\x7f\xf5%%\x16\xd1,[QQ1\x7f\xfe\xfc\xe6{\t\xe0\xd6*\x83\xc1\xf0\xfc\xf3\xcf\xa7\xa4\xa4\xe08\xee\xe5\xe6\xba\xfe\xfd\x85\x03ccu\xf6\'\xfd\x01\x00$A\xe8**\x06\xc6\xc6\xae\x7f\x7f\xa1\x97\x9b+\x8e\xe3)))\xcf?\xff\xbc\xc1``\x7f\x1f\x15D4\x04)\x80\xc7\x01w&lt;\xe6\xe5\xe5m\xdf\xb6\r\x00@3L\xd7\x88\x88\x96-Z\xe8a\xf0\xc7n \x08B\xaf\xd7\xb7l\xd1\xa2kD\x04\xcd0\x00\x80\xed\xdb\xb6\xe5\xe5\xe5\xc1tYS\x8f\xee\x1f\xc2q\x1cI\x92\xd999\'~\xfc1&lt;8\x98e\xd9N\x1dB\xfb\xf4\xec\xa97\x99\xecj\xf2!\x04A\xe8M\xa6&gt;={v\xea\x10\xca\xb2lxp\xf0\x89\x1f\x7f\xcc\xce\xc9!I\xb29^\x02\x98\xc4^\xb0`Arr\xb2T"\xb1\xd1\xf4k/\xbe8k\xca\x14\x93\xd9l\x87\x93\x0f!\x08\xc2d6\xcf\x9a2\xe5\xb5\x17_\xb4\xd1\xb4T"INN^\xb0`\x01I\x920\x87\x87x\x14\x14\x02z\x1c\xb0\x9er\xd4\xa8QI\x89\x89}bb\xee\x96\x95n[\xbe\xbcU\x8b\x16f\x8b\x05\xb73\xa7\x92\xe3y\xa9Dr\xf7\xfe\xfd\xc9\xff\xfdo+O\xaf\xd3II1={\x1e&lt;x\xb0\x99\x96\x84\xc2f/&amp;\x93)..\xee\xd6\x8d\x1b\x9d\xc2B{&gt;\x17\xfd\xc6\xb8\xb1J\x99\x0c\xb6sh\xea\x01\xfe\x01\xb0\x8d\x84\xded\xfaj\xcf\xde\xc4\xab)\xc9\x19\x99\xed;tHHH\x90\xc9dO\xb03\xda3\x00\xe6Nw\xec\xd81i\xd2$\x95B\xa13\x18^\x192d\xe7\xc6\r\xda\xb22\x91\xddg\x95h\x86Q{zN\x989\xeb\xfb\x9f~\x82\x83\xdf\xbe}\xfb\xc4\x89\x13QB\xf8\x0fA\x1e\xc0\x9f\x02E\xe7\xb9s\xe7\x0e\x1d:t\xbf\xaa\xeaTR\xd2\xa2\xe9\xd3}[\xb76\x99L\xf6&amp;\xfd\x01\x008\x86\x99L&amp;\xdf\xd6\xad\x17M\x9f~*)\xe9~U\xd5\xa1C\x87\xce\x9d;G\x10Ds4\x7f\xe0\xe4/\\\xb80%%E.\x93\x95UU)\xe52\x0f\x0f\x8f&amp;/\xbbz\x0c\x18\x86\xd9h\xda\xc3\xc3C)\x97\x95UU\xc9e\xb2\x94\x94\x94\x85\x0b\x176\xafK\x00m\xff\xc2\xc2\xc27\xdex\x03\xc7\xf1\xb6\xadZ\xc6u\xe9\xb2x\xc6\x9b\x16\xad\xb6YX\x12\x04AX\xb4\xda\xc53\xde\x8c\xeb\xd2\xa5m\xab\x968\x8e\xbf\xf1\xc6\x1b\x85\x85\x85\xc8\x0f\xf8C\x90\x07\xf0\xa7p,\x0b0,..\xae\xb6\xf4\xbeD"\xa9\xa8\xae9\xf5\xdd\xb7-\xdc\xdd\xed$\xf7\xfb(0\x1b|\xbf\xb2\xb2\xef\xab\xafy\xb8\xbaX,\x16g\xaf\x16\t\t\t\x80\xe7\xf1\xe6p\xeb\xd6\x03\xa5\x7fBBB\xdf\xbe})\x8a\xb2Z\xad\xd3\xc6\x8c\xd9\xfc\xf1\xf2\xba\x9a\x1a;\x8c&gt;?\x04\xc3\xb2N..\xd3?\xf8\xef\xd7\xfb\xf7\xc3\xc1\x9f:u*..\xaeY\xb8bP\x1a\xc0\xc4oFz:\xcd0\x18\x86\xdd\xfa\xf1X\x80\x8f\x8f\xd1dj.\xd9l\x8e\xe3\xe42Y^qq\xfb\x17\x86\xf2&lt;/"\xc9\xb0\xf0p\x98\x10\x06\x8e\xb8I\xfe\xdf\xd0&lt;\xae\xe8\xb3\x87eY\x9c v~\xff\xfd\xd9\xb3g\xf3\xef\xdc\xf5pv9\xbaic\x1boo\xda\xbe-P\x9a\xa6\xdbx{\x1f\xdd\xb4\xd1\xc3\xd9%\xff\xce\xdd\xb3g\xcf\xee\xfc\xfe{\x9c \xfe\x7f\x1f\xa6\xdd\x03\xf7\xd0\x9aL\xa6i\xd3\xa6\x11\x04\xc10\x8c\x87\x8b\xcb{S\xa7X\x8c\xc6f!\x80p\x1c\xb7\x18\x8d\xefM\x9d\xe2\xe1\xe2\x02\xf7\xafM\x9b6\xcdd2\xe18n\xe7\xc6\x16\x0c\xbb1\x0c3d\xc8\x90\xabW\xaf\xaaU\xaa\xb0\xc0\xc0%o\xbe\x11\xd0\xb6\xad\xbe\x99L&gt;\x04\xc7q\xbd\xd1\x18\xd0\xb6\xed\x927\xdf\x08\x0b\x0cT\xabTW\xaf^\x1d2d\x08\xc30v\xdb\xca\xb7\xa9h6\x17\xf5Y\x02\xeb\xc6\xacV\xeb\x86/\xbe\x08\x0f\n\xa2\x19\xe6F^^\xeb\x16-Lf3f\xdf\xb7\x01\x86\xe3&amp;\xb3\xb9u\x8b\x167\xf2\xf2h\x86\t\x0f\nZ\xbfv\xad\xd5f\xb3\x7f\xe9S\x0f\xbcEg\xce\x9cYPP\xc0q\x1c\xcb\xb2\xab\xdf\x9d\xd7\xc6\xc7\xc7j\xb5\xdaa\xe4\xedQp\x0c\xb3Z\xadm||V\xbf;\x8feY\x8e\xe3\n\n\nf\xce\x9c\t\xc5kS\x8f\xeeq@\x1f\xe5\x93O&gt;IJJ\x92PTEu\xf5\xcc\x97\xc7/\x9e=\xdb\xa0\xd7\xdb\xbf\xe3\xf5\x10$A\x18\xf4\xfa\xc5\xb3g\xcf|y|Eu\xb5\x84\xa2\x92\x92\x92&gt;\xf9\xe4\x93\xe6\x15\x8e{\x06\xa0\x10\xd0\x1f\x00\xef\x84\xe5\xcb\x97/Z\xb4\xa8c\xfb\xf6=\x9f{n\xf2\x8b#\xda\xf9\xfb\x9b\x9b\x83\x17\xccq\x9cT&amp;\xcb\xca\xcf\xdfv\xf8\xf0\x99+\xc9i\xd9\xd9\xcb\x96.]\xb4xq\xb3\x08A&lt;H?\xfeo\xd2\xa4\x89\x1a77\xa5L\x16\x16\x18xh\xd3F]3\t@\xd7\xc3\xb2\xacJ\xad\x1e9cfFn\xae\xded*\xaf\xaa\xda\xbe}\xc7\xc4\x89\xff\xb1\xdbT$\xac\xb8MMM\xed\xdc\xb93\x06\x80\x8d\xa6\xfbt\xee\x9c\xb0c\xbbN\xa7#\xec~\xcd\xff\x19,\xc7\xa9T\xaa\xb8\x89\x93N_\xb9"\x16\x89x\x00\xae\\\xb9\x12\x19\x19\x89v\x87\xd5\x83\x14\xc0\xc3\xc0\t\xa9\xa9\xa9\xe9\x18\x1en0\x18j\xea\xea\xfaw\xedzr\xdbw\xcdH\x06A\xe93`\xf2\xab\xbf^\xba\x04\xff\x92\x93\x93\x13\x10\x10`\xe7\x1d\xca~\x0bA\xb0l\xd7\xce\x9dY\xb39\xb7\xb8xPl\xec\xf7\x9f}\xca0\x0chn{yx\x9e\x07\x18F\x92\xe4+\xef\xce\xff\xf9\xfc\xf9@\x1f\x1fB*\xbdt\xe5\n\xec$ao\xbf\xa5&gt;\xf8\x13\x13\x13\x93\x91\x91A\xe0\xb8X$\xba\xb2w\x8f\xbf\xaf\xaf\xd5b\xb1\xe75\xf3x8\x8e\xa3$\x92\xfc\xa2\xa2\xcec\xc7\xd9h\x9a\xe5\xb8\xb0\xb0\xb0\xa4\xa4$\x92$\xed\xf0*4\t\xcd\xf5\xd2&gt;=`\xe3\xc9\xc5K\x96\x94WT\xf4\xef\xd6\xed\xcdq\xe3V\xbe\xfd6m\xb5\xday\xf0\xa7!\x18\x8e\xdb,\x965\x0b\xde\x93K\xa5^\xee\xee~-[\xae\\\xb1\x12\xb3\xa7\x03\x0c\xfe\x10\xb8\xebb\xe5\x8a\x15\xd7\xd3\xd20\x0c\x9b&gt;f\xcc\xfc\xd7^#H\x12^\x91\xa6\x1e\xdd\xdf\x03\xc30\x8e\xe3\x08\x92\x9c\xff\xdak\xd3\xc7\x8c\xc10\xeczZ\xda\xca\x15+\xecsg\x06\xf4\x0e\x0f\x1c8\x90\x9a\x9a\n\x1b\xba-\x9b5\xb3}\xbbvf\xb3\xb9\xf9J\x7f\x00\x00\x8e\xe3f\xb3\xb9}\xbbv\xcbf\xcd\xb4\xd14\xcb\xb2\xa9\xa9\xa9\x07\x0e\x1c@\x81\xa0z\xec](&lt;c\xe0\x9dp\xfe\xfc\xf9\x1e=z\x90$\xc90\xccG\xb3f\xfdw\xce\xec\xba\xcaJ\xfb\xf4\xdc\xff\x0c\x8e\xe3\xe4r\xf9Og\xcf\x1eM8\xfd\xeb\xc5\x8b%\xe5\xe5\xe7\xcf\x9f\xef\xde\xbd\xbb\xdd\x06\x82\xa0\x94\xbf~\xfdz\xb7n\xdd8\x8e\xa3i\xba\x7f\xd7\xae\'\xb7o\xd3\xd5\xd6\xda\xe7\x80\x1b\x03\xcb\xb2*g\xe7\x01\x93&amp;\xffz\xe9\x92H$\xc2q\xfc\xe2\xc5\x8b\x1d;v\xb4+W\x0c\xce|QQQLL\xcc\xe0n\xdd\xe4Ri\xd1\xbd{\x87\xd6\xaf\xb3\xc2\xfe\xa9\xcd\x1f\x9e\xe7)\x8a\x1a\xf9\xd6l_oo\xa3\xd9|\xfc\xe2\xc5\xa4\xa4$___\xbb\xba\nM\x05R\x00\xff\x0ft\x849\x8e\x8b\x89\x89\xc9\xcb\xce6\x9a\xcdj\xa5\xea\xc2\xee]\xbe-\xbc\xec\xb6\xf4\xf3\xcf\xe0y\x9e\xc0q3M\xb7\xed\xdb\xaf\xce`P)\x14\x01AAIII\xf0\xdcT;\xfc-P3\xf5\xee\xdd\xfb\xec\xd9\xb3\x00\x00\'\x85\xe2\xe2\xae\xef\x03|}\xad6[\xb3\xc8\xfd\xfe!\x1c\xcfSbq^QQ\xb7\x97_\xa93\x18\x00\x00\xbdz\xf5:s\xe6\x8c]\xa9a8\x98~\xfd\xfa\x9d:uJ!\x97\xaf_\xb8p\xf2\xa8\x91z\xbd\xbe\xf9N\xfb\xa3p&lt;\xafT*\xb7\x1d&lt;\xf4\xd6\x8a\x15\x06\xa3\xb1o\xdf\xbe\xf1\xf1\xf1vu\x15\x9a\n\xa1+\xc0\x86\xc0\x10\xc4\xaaU\xab\xae]\xbb\xe6\xe1\xea\x1a\xd7\xa5\xcb\x97\x8b\xff\x1b\xec\xefg\xb3\xd9\xecPb&gt;\x1e\x0c\xc3h\x96uR\xa9\xbeY\xbat@\xb7n\x1e..\xd7\xae][\xb5j\x95=\x87 ~9y2\xfd\xda\xb5\x81\xb1\xb1\xde\x1a\xcd\x7f\xa7O\x0f\t\t\xb1\xc3\x1d\xd7\x7f\x0b\x1c\xc3\xcc\x16KHH\xc8\x7f\xa7O\xf7\xd6h\x06\xc6\xc6\xa6_\xbb\xf6\xcb\xc9\x93\xf6\x13\x82\x803\xbfi\xd3\xa6S\xa7NI(\xca`4\xa6ee\x81\x07m\xf8\x1c\x06\xf8s\xd2\xb2\xb2\x0cF\xa3\x84\xa2N\x9d:\xb5i\xd3&amp;\xfb\xb9\nM\x08\xf2\x00~\xa3a\xee\xd7h4Vk\xb5\x83bc\x8f\x7f\xf7\xad\xae\xa6\xa6\xf9\x9a\t,\xcb\xaa\\\\\x06\xbf\xfa\xda\xcf\xe7\xcf\xbb\xaa\xd5r\xb9\xfczz\xba\x8b\x8b\x0b\xb0\xa7\xed0\xb0\xdf\xaaN\xa7\xeb\xdc\xb9sAAA\x90\xaf\xef\xab/\xbe8\xe3\x95\x97\xe9\xe6l\xfb7\x84\xe3y\x91X\xbc\xe9\xfb]\xdf\xfd\xf0CNQ\x91\x9f\x9f\xdf\x95+WT*\x15\xec\xe5\xd7\x84\x03\xab\xdf\xf6\xe5\xe7\xe7\x07O9\x8d\x08\x0eN\xda\xbb\x87e\x18\x07\xeb\xa0\t\x7f\x0eA\x921c\xc7\xa5eg\x03\x00\xd4juAA\x01\xda\x1a\x86&lt;\x80\xdf\x80\x91\xd0E\x8b\x17WVV\xf6\xef\xd6\xed\x8d\xb1c?\x9a\xfd\x96\xcd\xee\x0b\xff\x1f\x0f\x86\xe36\xb3\xf9\xa3\xd9o\xbd9vl\xbf\xae]\xcb+*\x16/Y\x02\xf3\x93M=\xb4\xff\x87eY\x1c\xc7\xd7\xaf_\x9f\x9b\x9b\xcb\xb2\xec\xad\x82\x02\x85L*\xa1(\xbb\x1a\xe4\xbf\x81\xe38\tE)d\xd2[\x05\x05,\xcb\xe6\xe6\xe6\xae_\xbf\x1e\x9e\x9f\xd5\xe4\x03\xc30\xec\xb3\xd5\xab%8\xde\xafkWw\x17\x97\r\x1f| \x16\x8b\xd9f\x98u\x7f&lt;\x18\x86\xb1\x1c\'\x16\x8b7|\xf0\x81\xbb\x8bK\xbf\xae]%8\xfe\xd9\xea\xd5\xf6v/&lt;{\x90\x07\x00\xc0\x83;!???2&lt;\xdch6\x03\x00\x96\xbf\xf5\xd6\x07o\xcd\xaa\xab\xaaj^\xb9\xdfGa\x18\xc6\xc9\xdd}\xf9\x17\xeb\x16m\xd8 \x16\x8bm6\xdb\x993gz\xf6\xec\t\xe3]M=\xba\xdff\xbe\xa2\xa2\xa2st\xb4_\x8b\x16%\xe5\xe5\xa1\x01\x01\x077m\xd4k\xb5\x8e\x94\xa0\xe38N\xa9V\x8f\x9a133/\xaf\xa5FSp\xff\xfe\x95\x94\x14\x0f\x0f\x8f&amp;\xccC\xc2\x99\xcf\xce\xce\x0e\x0f\x0f\xc7\x00\x88\n\tyo\xcakCz\xf525\x87\xcd.\xff\x0c\x8e\xe3d2\xd9Og\xcf\xae\xda\xfa\xed\xb5\x9b7y\x00\xd2\xd3\xd3\x83\x83\x83\x85\x9c\r\x16\xe8\xcf~\x08\xe8!.X\xb0@)\x95N\x18\xfaB\xaf\xe8\xe8\xa1\xbd{[\x8dF{\x10\x91\xff\x12\x82 ,:\xdd\xe8\xe7\x9fwU\xabm6\x9b\xbb\x8b\xcb\xa7\xabV\xda\x8f}\x07g~\xce\xec\xd9\xc5w\xeff\xdd\xbe\x1d\xd7\xa5\xcb\xd7\x1f.1\x1b\x0c\xf63\xc2\'\x02\x86af\x83\xe1\xeb\x0f\x97\xc4u\xe9\x92u\xfbv\xf1\xdd\xbbsf\xcfn\xda\xc2\\\xa8\x00\xb6n\xdd\xca2\x0c\x8e\xe3)\x99\x99\xad&lt;=9\x8e\x03\x8e5\xf3\xbf\x03\xc38\x8ek\xe5\xe9\x99\x92\x99\x89\xe38\xcb0[\xb7n\x15\xb8\x13\x80\x14\xc0oy\xb0\xfd\xfb\xf7\xff\xf0\xc3\x0f5\x06\xc3\xa9\xa4\xcb\xff\x9d&gt;-\xb4]\xb0c\x94\xc1a\x18f\xb3\xd9\x82\xfc\xfd\xbe\\\xbch\xea\xa8Q\x11\xc1\xc1\t\t\xa7\xf7\xef\xdfo\x0f\x19\xb0\xfa~\xab{\xf7\xed\x03\x00\x94VV\xd6\xe9\xf5\xae\xae\xae\xf6\xdcp\xe9\x9f\x01\xdb4\xb9\xba\xba\xd6\xe9\xf5\xa5\x95\x95\x00\x80\xbd\xfb\xf65a\xaf\xd6\x07\x07]\xe4\x7f\xb7m\x9b\xc6\xcd\xcdb\xb5.\x9b5\xb3cd\xa4}v\xba}R\xc0\x8e\xb9\x1d##\x97\xcd\x9ai\xb1Z5nn\xdfm\xdb\x96\x97\x97o\x9f\x95\x11\xcf\x06\xa1\x87\x80~;S\x94e##"n\xde\xba\x05\x00h\xa9\xd1\x9c\xff~\xa7\xa7\x9b[\xb3+\xfd|\x0c,\xcb\xaa\x9c\x9c\x9e\x7fm\xca\xc9\x8b\x17\x01\x00!\xed\xdb\xa7\xa6\xa5\x11\x04\xd1\xb4yH\x8eeq\x82\xe8\xd1\xb3\xa7\xb6\xb4T!\x97ku\xba\x8b\xbbwI)\xca\x91f\xbe\x1e\xd8\xab\xd5l\xb5v\x1b\xff\xb2Z\xa52\x18\x8dj/\xafs\x89\x89p\x12\x9e\xf1`\xa0\xea}}\xea\xd4-[\xb7\xfa\xb5n\xdd\xb1]\xbbU\xf3\xdei\xe1\xee\xeex\xaa\xf7!x\x9e\x17\x89D\xf7++\xdf[\xfd\xf9\xf5\xac\xac\x82;w\xa6N\x99\xf2\xcd\x96-\x82-\t\x15\xba\x07\x00\xbb\x82|\xb5ysIq\xf1\xb8\xc1\x83\xfbt\xee\xbci\xd1\x7f}}}\xad\xcd\xb0\xf4\xf3q`\x18\xcb\xb2\x93G\x8c\xe8\x1b\x133n\xf0\xe0\x92\xe2\xe2\xaf6on\xda\x03\x0ba\xbf\xd5\xc4\xc4\xc4\xd4\x94\xe4\xfb\x95\x95\x12\xb1x\xdf\xda5J\x99\xccQe\x10t\x02\x942\xd9\xbe\xb5k$b\xf1\xfd\xca\xca\xd4\x94\xe4\xc4\xc4D\xfc\x99;\x01p\xcd\xe7\xe4\xe4\xec\xda\xb5\xab_LL\xdb\x96-;\x87\x85\xb5\xf1\xf1\xb18\x84\xcb\xfbx0\x0c\xb3X\xadm||:\x87\x85\xb5m\xd9\xb2_L\xcc\xae]\xbbrrr\x9a\xef\xe1\x9d\xff\x12A+\x00\x98\xfc\xa9\xa9\xa9\xf9\xf0\xc3%uF\xe3\x91\x84\x84\x01\xdd\xbb\x0f\xed\xd7\xafY\xf4\x9d\xff[\x108n4\x1a_\x1a\xfaB\xbf\xae]\x8f$$\xd4\x19\x8d\x1f~\xb8\xa4\xa6\xa6\xa6\xa9\xc2\xd0\xf5\xfdVg\xcf\x99#\x93H\x87\xf6\xee\xdd\xa6\xa5\xb7\x87\xb33\xcd0\xcd\xba\xec\xea\xf1`8N3\x8c\x87\xb3s\x9b\x96\xdeC{\xf7\x96I\xa4\xb3\xe7\xcc\x81\x91\xc6gy\x15\xe0\xe4\xaf\\\xb9\xd2\xd3\xc5\xe5fA\x81\x93B1\xf3\x95\x97\ruu\x0e\xb6\xe6\xff\x0c\x92 \x0cuu3_y\xd9I\xa1\xb8YP\xe0\xe9\xe2\xb2re3h\x94\xf2\x94p\xd8\x9b\xad1\xc0&lt;\xd8\xea\xd5\xab%\x18\xd6\xafkW)E\x85\xf8\xb5eh\xda!\xc3\xa0\x18\x00\x8c\xcd\x16\xe2\xd7VJQ\xfd\xbav\xa5\x00\xf6\xd9g\x9f5\x95\xe1\x03\x8d\xd0\x83\x07\x0ff\xa6\xa7W\xd4\xd6n;|x\xd2\xf0\xe1\x1a\x0f\x0f\x9aa\x1cp\xea\x1f\x80\x01@3\x8c\xc6\xc3c\xd2\xf0\xe1\xdb\x0e\x1f\xae\xa8\xad\xcdLO?x\xf0\xe0\xb3\xbc\n0\xfa\x9f\x9b\x9b\xbbo\xef^\x9d\xd1\x18\x1b\x155\xbc__\x01\xca&gt;\x9e\xe7\x87\xf7\xeb\x1b\x1b\x15\xa53\x1a\xf7\xed\xdd\x9b\x9b\x9b+\xccL\x80@\xf5\x1ex\xb090???(8\x18\xc7\xb0\x98\xf0\xf0\xf9\xaf\xbd:4.N\xaf\xd7;jM\x18\xc7qJ\xa5\xf2XB\xc2\xaa\xad\xdf^\xcf\xca\xc2p\xfc\xfc\xf9\xf3\x91\x1d;\x82g[\x06W\x9fw\t\x0en\'\x01|H` \xcb\xb2[?Z&amp;n\xe6\x15\xb7\x8d\xc7\xc60S\x16-&amp;\x08\xe2fn\xae\x05`\xd9\xd9Y\xcf,\x1f\x03\x83\xdd\xafL\x98\x10\x7f\xfcx\xcfN\x9dJ++~X\xbf^\xa5P8j\xe4\xed\x0f\x81\x99\x00\x9d\xc1\xf0\xe2[oy\xb9{$&amp;\'\xf7\x1b&lt;\xf8\xfb\x9d;\x05\x98\tpLI\xd7\x18x\x8e\xc3q|\xc5\x8a\x15m\xbc\xbc&lt;\xdd\xdc.\xa6\xa6\xb6\xf2\xf2\xa2i\xda\xb1\xcb\xe0h\x9an\xe9\xe9y9=\xddb\xb5\x9a\xcd\xe6w\xdey\x07\x7f\xe6\xce/4\xffw\xed\xda\xa5\xad\xaa\xb0\xd2tV~\xfe\xba\xf7\x17*d2N\x18\xb6\x08\xc7\xf3\n\x99l\xdd\xfb\x0b\xb3\xf2\xf3\xad4\xad\xad\xaa\xd8\xb5k\xd7\xb3q\x02\xe0\xb1\xf5\xe5\xe5\xe5G\x8f\x1c1Z,\xc9\x99\x99Kg\xcerV\xab\x1d-\xe3\xf5W`\x18f\xb5\xd9\x9c\xd5\xea\xa53g%gf\x1a-\x96\xa3G\x8e\x94\x97\x97\x13\x04!4\x83X\xa0\n\x80eY\x82$w\xec\xd8\xb1c\xc7\x0e\x9c\xc0{w\xea\xf4\xd3W_E\xb4kgi\xe6\xcdg\x1e\x0f\x8ea&amp;\xb3\xb9cd\xe4\xeaw\xdfU+\x95\xd3_z\xa90\'{\xf3\xd7_?\xcbbD\x18\x80\xae\xaa\xaazg\xde&lt;\x9ae\xa3C;L\x1a1\\&amp;\x91\xd0\x0e\x1ay{\x14\x1c\xc3h\x9a\x96I$\x93F\x0c\x8f\x0e\xed@\xb3\xec;\xf3\xe6UUU=\x8304\xd41\x9b7o6\x18\x0c\x00\xc3\x18\x86i\xe5\xa9a\x19F 3\xdf\x10\x1c\xc3X\x86i\xe5\xa9a\x18\x06`\x98\xc1`\xd8\xbcy3p\xb8&amp;H\x7f\x89\x10\x15@}\xee\xf7\xad\xd9\xb3y\x9e\xc7p\xe2~EET\xfbv\x8eQ\xf8\xffxH\x820\xd6\xd6\xbe6jd\xf2\x81\xfd"\x92\xbcSV\xbep\xc1\x82\x9a\x9a\x9agvf$4\xff7\x7f\xb5\x19c\x18\xa3\xd9\xb2\xf7\xe7\x131\x91\x91.j5\xd3\xd4\x9b\x12\x9e%\x0c\xcb\xba\xa8\xd51\x91\x91{\x7f&gt;a4[0\x86\xd9\xfc\xd5S/\xca\x82\xcb\xdej\xb5\xee\xdd\xb3\x07\x00`4\x99&amp;\x0e\x1f\x1e\x10\x14$\x84\xe2\x9fG\x81\xe5@\x01AA\x13\x87\x0f7\x9aL\x00\x80\xbd{\xf6X\xad\xd6ftx\xea\x13A\x88\n\xa0&gt;\xf7+\'\xc9\xbe11z\x83a\xd3\xa2\xff\xba\xc2\x12\x14\x01\xdc\t\x1c\xc7\xc9\xa5R\x9b\xd5\xba\xf5\xe0\xc1\xb8\x98\x18)A\xac~VMQ\xa0\x0c\xaa\xad\xa9\xf9|\xcd\x1a\x85L6q\xd8\xb0\x15o\xcf\x8d\xee\xd0A\xaf\xd77\xdfs\x07\xff\x01\x04\x8e\xeb\xf5\xfa\xe8\x0e\x1dV\xbc=w\xe2\xb0a\n\x99\xec\xf35kj\x9f\xb2\x1a\x86\xcb~\xe7\xce\x9d\xf7KJ^\x1a8p`l\xec\x98\xe7\x070\x8e\xdb\xf8\xe1/\xc1q\x9c1\x99\xc6&lt;?``l\xecK\x03\x07\xde/)\xd9\xb9s\xa7\xd06\x06\x0b\xee\xdaC\x0b477w\xc5\xca\x95\xe5\xb5\xb5f\x8b\xe5\xeb\x0f\x97\xb4m\xedci&amp;g\x8e\xff{p\x1c7\x99\xcd\xfe\xbe\xbe\xfb\xd6|n\xb1X\xcakkW\xac\\\x99\x9b\x9b\xfb\x0c\xc2\xd0\xbf\xa9\xde\xb5kI\x9e\xf3m\xd92)-m\xf2\x88\xe1\xcd\xf1\xc0\xaf\x7f\x0f\x144\x93G\x0cOJK\xf3m\xd9\x92\xe4\xb9\xd5k\xd7&gt;U\xe9\x03\'\xf9\xfb\xef\xbf\xd7\x19\x8d?\x9e9\x13\xd7\xa5K\x87\xe0`\x93\xd9,\x90e\xff(0"\xda!88\xaeK\x97\x1f\xcf\x9c\xd1\x19\x8d\xdf\x7f\xff=\x10XsP\xc1)\x80\xfa"\xe8\xb6\xde-&lt;\\]/\xa6\xa6\xb6n\xd1\x82\xc01 $\xbf\x0f\x00@\xe0xKO\xcf\x8b\xa9\xa9\x1e\xae\xaem\xbd[\xacX\xb1\xe2i\xc7\xa0\xa1\xf9_VV\xb6{\xc7\x0e\x9c \xf4F\xc3\xc7sf+\xe4\xc2\xaa?\xa9\x07\xee\x0bS\xc8\x15\x1f\xcf\x99\xad7\x1ap\x82\xd8\xbdcGYY\xd9Sr\x02\xe0\xe4\x97\x97\x97\xa7\xa6\xa5y\xba\xb9Qb1\x00\x80 IA\x85;\x1e\x85\xe7y\x82$\x01\x00\x94X\xec\xe9\xe6\x96\x9a\x96V^^.\xa8(\x90\xb0\x14\x00\xec&lt;\x9c\x98\x98\xb8m\xdb6\x86\xe5\x06\xc5\xc6\xfe\xf8\xe5\x97\x91\xcd\xff\xec\xd3\xbf\x0b&lt;+5\xb2]\xbb\x1f\xbf\xfarPl\xac\x8df\xb6o\xdf~:!\xe1\xa9f\x83Y\x96\x85!\x88\xd2\xb2\xb2\xd8\xe7\x9e\x0b\xf4\xf5m\xe9\xa1\x91\x88\xc5\xc2\xb9\xd9\x1e\x82\xe7y\x89X\xdc\xd2C\x13\xe8\xeb\x1b\xfb\xdcs\xa5ee0\x04\xf14.\x01\xfc\xcc\x13\'N\x98\x0c\x86\xf2\xea\xea\xd6^^\xff\x196\xd4b0\x08*\xf2\xf6(\x04\x8e[\x0c\x86\xff\x0c\x1b\xda\xda\xcb\xab\xbc\xba\xdad0\x9c8q\x02&lt;\x98.! \xac}\x00\xb0\xcew\xd0\xf3\xcf_KI\xa9\xa8\xa9qR*o\xc7\xff*\x15\x89\x1c\xaf\x01\xfa_\xf2\xdb\x99\x916[\xc0\x80\x815\xba:\x00\x80\x9f\xbf\xff\xad\x9b7I\x92|J\x05\xe90\xf8\xd6\xb9s\xe7\xabW\xafJ\xc4\xe2\x99\xe3\xc7\xafz\x7f\xa1\x034\xdc\xfe70\x0c\xe3\xe4\xe6\xf6\xde\'+6\xee\xdem\xb1\xd9\x9e{\xee\xb9+W\xae\xc0\x89z\xb2_\xc4\xf3&lt;\xc30aaa\x14\xc7\xf9x{\xb7\xf2\xf2\xdc\xb0h\x91\xd0R/\x7f\x08\xcbqJ\xa5r\xd6G\x1f\xdd--+\xbew\xcf\x8a\xe3\x19\x19\x19\xf0.h\xea\xa1=\x0b\x04t\xf9\xa1\xf4?p\xe0\xc0\xa9\x84\x84\xd0\xc0\xc0icFoY\xbaT\xa5T\xd2,+\x90\x8b\xdd\x10\x0c\xc3h\x86qV\xab\xbfx\x7f\x01\x00 \xa8M\x1bmE\xc5\xae\xdd\xbb\x9fR&amp;\x00\xfa^\xf1\xa7Ne\xdd\xb81\xacO\x9f\xf0\xe0\xe0\xee\x1d#9\xab\xd5\x81\x1b?4\x06\x0c\xc79\xab\xb5{\xc7\xc8\xf0\xe0\xe0a}\xfad\xdd\xb8\x11\x7f\xea\xd4\x13?+\x06\xfa^\xd7\xaf_\xcf\xc9\xce..--)/\x9f1~\xbc0#o\x8f\x02cq3\xc6\x8f/)//.-\xcd\xc9\xce\xbe~\xfd\xfaS\xf2\xc3\xec\x10\xa1\xdc~\xf5\xe5\xe7\xd3\xdfx\x83a\xd9\x84\xcb\x97\x0bK\xee\x8d\x1e&lt;\xc8l4\n\xd6\x08"\x08\xc2d4\x8e~\xfe\xf9/\x17-\x8a\x0c\x0e\xb61\xcc\xbc\xa7V\x90\x8ea\x18\xc7\xf3_\xac\xf9\\"\xa1\xae\xde\xb81\xacO\xef\xfe=z\x98L&amp;\xc1N&gt;\x84\xc0q\x93\xc9\xd4\xbfG\x8fa}z_\xbdqC"\xa1\xbeX\xf39\xf7\xa4\x8fc\x84W\xf3\xd0\xa1C&lt;\x00j\x95J"\x16\xbb;;\xb3\x0e\xddu\xa3\xf1`\x00\xb0\x0c\xe3\xee\xec,\x11\x8b\xd5*\x15\x0f\xc0\xa1C\x87\xc0\x83Isx\x84r\xfbq,\x8b\xe3\xf8\xe6\xcd\x9b9\x9b\r\xee\xf6\x9e\xf6\xd2\x18\x86\xa6\x05q\x91\xff\x1c\x96\xe3D"QhP\xe0\xde\x13\'\x0cf3o\xb3m\x86]B\x9f\xb4\x05\x8a\xe3x\xe2\xd9\xb3\xf1\xf1\xa7"\x82\x82{w\xee\xe4\xe9\xe6N\x92\xa4@\xb6\xfe&gt;\x1e\x8e\xe7I\x92\xf4ts\xef\xdd\xb9SDPp|\xfc\xa9\xc4\xb3g\x9f\xac\x13@\x10\x84\xd5j=v\xec\x18\x86aE\xf7\xee\r\xee\xd9\xd3M\xa3\xb1!\x0f\x00\x00\x00\x0f\xcc\xa0i7\x8dfp\xcf\x9eE\xf7\xeea\x18v\xec\xd81\xab\xd5*\x90\x9e\x10\x82P\x000\xa8\x9a\x9f\x9f\xbfr\xe5\xaaV\x9e\x9e\x93G\x0c_&gt;g\xf6\x8b\xfd\xfaY\x90\x05\x8a\xe3&amp;\xa3\xb1sX\xd8\'s\xe7N\x195\xaa\xa5\xa7\xe7\xcaU\xab\n\n\n\xb0\xa7\x10\x08\xda\xb1};\xcb\xb2\xf1II\xe5U\xd5\x13G\x8d4\t&gt;\x03\t!p\xdcd0L\x1c5\xb2\xbc\xaa:&gt;)\x89e\xd9\x1d\xdb\xb7?\xc1\xcf\x87\xf1\x9f\x9b7n\xe4\xe6\xe6\xf2&lt;O\x89\xc5\x83z\xc42\x02\xabzx&lt;8\x8e3f\xf3\xa0\x1e\xb1\x94X\xcc\xf3|nn\xee\xcd\x1b7\x04\x12\x05\x12D\xfe\x8d\xe7y\x9c V\xaeXa4\x1a2\xf3\xf2\xca\xab\xabo\xfex\xccb\xb5:r\xdb\x9fF\x03\x17\xfa\xd4Q#C^\x18ZQS\x03\x00X\xb6l\xd9\x8e\x1d;\x9e\xd4\xea\x87\xed\'o\xdd\xbau\xec\xd8\xb1\x01\xdd\xbb\x11\x041\xb0{,\xcb0\xc8\xf8\xaf\x87\x07\x80e\x98\xa1\xbd{\x8bE"\x86e\x8e\x1d;v\xeb\xd6\xad\xf6\xed\xdb?\x91l0\x0ce\x9c&gt;s\x06\xc30\x85L\xa6\x94\xc9Z{y\xd16\x1bZ\xfa\xf5`\x00\xd06[k//W\'\'\xbd\xc9d2\x9bO\x9f9\xd31*J\x08Q \xc7\xb7\x02\xa0\x00\xba~\xfd\xfa\xa1C\x07\x07\xf5\xe81\xb8G\x8f\xd7F\x8eT99\xa1$\x18\x04&amp;\xc1TNN\xaf\x8d\x1c9\xb8G\x8f~]\xbb\xee\xdb\xb7/#=\xfdIu\xc7\x85\x1f\xb2m\xdb\xb6Z\xad\xf6\xd7KIN\n\xc5\xebcF[\x04\x9czy\x14\x02\xc7-F\xe3\xebcF\xcb\xa4\x92_/%\xd5j\xb5\xdb\xb7o\x07O\xa8/\r\x8e\xe3\x0c\xc3\xec\xdf\xbf\x9f\xc00\x8d\xab\xeb\xd4\xd1\xa3\x95*\x15#\xc8\xc2\x87?\x03\xc30\x86e\x95*\xd5\xd4\xd1\xa35\xae\xae\x18\x86\x1d8xP \'\xc5;\xfe/\x04\x00\xd04\xfd\xd6\xacY\xda:\xdd\xc9\x0b\x17\xa4\x12j\xd9\xac\x99\xb4\xc5"\x84\xab\xdbHp\x1c\xa7-\x96e\xb3fJ%\xd4\x99+Wl6\xdb\xf8\x97_\xae\xab\xab{"\xd9`\x82 l6[||&lt;t5d\x12\x19AQ\x8c\x90v\xdb7\x06\x96\xe7\t\x91\xc8\xd7\xdb\x1bFl\x0e\x1d:TWW\xf7\xef\x9bSB)\xa6\xd3\xe9rssi\x96\xcd\xbfs\xe7\xb9\xd0\x0e"\x92t|\xcb\xf6o\xc2\x03 "\xc9\xe7B;\xe4\xdf\xb9\xc3r\xdc\x8d\xcc\xcc\xc2\xc2B!\x1c\x13\x86\x84 \xe2\xff\xe1y\xc0?\xe8\xd7\xcf0\xcc\x93\xf8@\x1e\x00\xc0\xb2\xac\xc9d\xfa\xf7\x9f&amp;\x100\x0c\xd3\xe9t\x16\x8b\x05\x19\xe9M\x02\x86a\x0c\xc3\x08d\xc5\nB\x01\x88D\xa2\xf5\x1b6\xa8\x9dT\x03\xbaw7[\xac\x8b7l\x14I$\x0e\xaf\xdb\x1b\x0f\xc7q"\x89d\xf1\xc6\x8d&amp;\x8b\xc5[\xa3qR\xa9v\xed\xda\xe5\xea\xea\xca\xff\xebzDh\xf5K\xa5\xd2\xe1\xc3\x87\xc3f\xf4&amp;\x8b\x89\xb5ZI\xe4~\xfd\x1e\x02\xc3X\x9a.\xbaw\x0fF\xde&amp;M\x9a\xa4\xd1h\x98\x7f\xdd\x9d\x106\x17R\xa9T\x81\x81\x81"\x82\xf0o\xdd\xfaj\xe6\r\xc7&gt;v\xed\x9f\x01\x0fk\xbb\x9ay\xc3\xbfuk\x1c\xc3"##;t\xe8\xf04v\xe4\xd9\x1b\x0e\xfe\xf3\x00\x00\xb0\xa2\xaec\xc7\x8e#G\x8e\xfa\xf9\xdc\xb9\xe3\xe7\xce}{\xe8\x90\xae\xaeN$\x12\t!\xc9\xf3\x97\xfcv:R]\xdd\xb7\x07\x0f\x9d8\x7f\xfe\xce\xfd\xfb\xa3F\x8d\x8a\x88\x88`\x18\xe6\x89\xac~\xf8!\x93&amp;MrV\xab\xfbw\x8d\xa93\x18\xbe\xd9\x7f@"\x97\xb3H\x01?\x80\xe58\x89\\\xfe\xcd\xfe\x03&amp;\xb3\xa5\x7f\xd7\x18g\xb5z\xf2\xe4\xc9\xe0\xc1\xd4\xfdK8\x8e#Ir\xcc\x981,\xcf\x97WWo9p@\xaf\xd3\x91\xc2;\xf9\xe41\xf0&lt;O\x12\x84^\xa7\xdbr\xe0@yu5\xcf\xf3\xa3F\x8d\x02\xc28\x1b\xc0\xf1\x15\x00\x00\x00\xc30\x9e\xe3\x16,\\(\x97+B\x03\x02\x86\xc5\xc5m9xH\x80\xa7\xff\xfc!\xd00\xdfr\xf0\xd0\xb0\xb8\xb8\xd0\x80\x00\xb9B\xb1`\xe1B\xfe\xc9\xd9&gt;P\x01\xb7o\xdf~\xe8\xd0\xa1\'/\\\xfc\xe9l\xe2\xb13g\x08\x92DFh=\x18\x00\x04I\x1e;s\xe6\xc7\xb3gO^\xb88t\xe8\xd0\xf6\xed\xdb\xc3\xcd\x13O\xe0\xc31\x0c\x00\xd0\xa7wo\x9e\xe7\xf5Fcu]\xdd\x9d\xd2R\x91X\x8c\x96~=&lt;\x00"\xb1\xf8Niiu]\x9d\xdeh\xe4x\xbeO\xef\xde@\x18mA\x05\xa1\x00`2\xc7\xdf\xdf\x7f\xc1\x82\xf7J\xca\xca\xb6\x1e&lt;\xf8\xfe\xda\xb5W22d\x82\xb7CY\x8e\x93\xc9\xe5W22\xde_\xbbv\xeb\xc1\x83%ee\x0b\xde{\xcf\xdf\xdf\xffi8\xbf\x13\'M"\x08\xa2_L\x8c\xc6\xcdu\xc7\xc1C2\x85B\xe0\x93\x0fa9N\xa6P\xec8xH\xe3\xe6\xda/&amp;\x86 \x88\x89\x93&amp;=\xc1\xcf\x87\x86NH\x87\x0e\x81\x81\x81\xf0(\xc4\x9f\xcf\x9d\'\xa5R!\x98\xb7\x8d\x84\xe38R*\xfd\xf9\xdcyx4f```H\x87\x0e\xd00j\xea\xa1=u\x04\xa1\x00\x00\x008Ap\x1c7}\xfatL,VH\xa5c\x07\x0e\xcc\xcc\xc9\xa5iZ\xe0\xc5\x88\x04\x8e\xd34\x9d\x99\x93;v\xe0@\x85T\x8a\x89\xc5\xd3\xa7O\xe78\x0e\x7f\xa2K\x1f\xc6\xb5{\xf6\xea\xd5\xaf_\xdf\xb4\x9c\xec3W\x92\xcb\xaa*\x19A\x9eD\xf8(8\x861\x0cSVUy\xe6JrZNv\xbf~}{\xf6\xea\x05k\x97\x9f\xd4W\xb0,KQ\xd4\xd0\xa1Cy\x9e\xf7\xf5\xf6&gt;\x9e\x98XU^.F!P\x00\x00\x00&lt;\xcf\x8bE\xa2\xaa\xf2\xf2\xe3\x89\x89\xbe\xde\xde&lt;\xcf\x0f\x1d:\x94\xa2(!\xec\x02\x03\xc2Q\x00\xb0\xa2\xd1\xcd\xcdm\xf5\xea\xd5b\x92L\xcd\xce~\xf3\xa3\x8f\x0e\xfc\xf2\x8bL.\x17\xc8\x95~\x14\x96eer\xf9\x81_~y\xf3\xa3\x8fR\xb3\xb3\xc5$\xb9z\xf5j77\xb7\x7f\x9f\xfb}\x14\x9e\xe7q\x0c\x9b\xf3\xf6;\x16\x8b\xf5\xb9\x0e\x1d\x8e\x9e&gt;\xf3\xeb\xb9s2\x99L\xe0N\x00\xcbq2\x99\xec\xd7s\xe7\x8e\x9e&gt;\xf3\\\x87\x0e\x16\x8bu\xce\xdb\xef\xe0O\xba\x17\x13\xbc\x9a#G\x8e\xc4\x00\xd0\xeat\x16\x9b\xad\xb2\xb6\x96@\xc5\xa0\x00\x00\x00x\x00\x08\x92\xac\xac\xad\xb5\xd8lZ\x9d\x0e\x03`\xe4\xc8\x91@\x18\xf1\x1f \xa8v\xd0\xf5\xd5\x8d\xedCB\n\xf2\xf3\x01\x00.*\xa7\xbc\x93\'\xa4b1j\x07\rP;\xe8\xa6\x00\xb5\x83nrP;h\xa1\x00\x9d\x00\xb1X\xfc\xcd\xe6\xcd\x00\x80\x96\x1a\xcd\xf0\xbeq\x97\xd2\xd2\xa4R\xa9p\xb4`=&lt;\xcfK\xa5\xd2Kii\xc3\xfb\xc6\xb5\xd4h\x00\x00\xdfl\xde,\x16\x8b\x9f\x86\xf9\x0f\x81A\xe7Q\xa3F\x89\x08b`\x8f\x1ew\xcaJ\x93S\xae*\x14\n\xc1\x06\xa39\x8eS(\x14\xc9)W\xef\x94\x95\x0e\xec\xd1CD\x10O\xaf\xf8\x84eY\x91H\xf4\xde{\xef\xdd,(\xf8\xf1\xec\xd9\x0b\xd7\xaeWUW\x8b\xd1\x89`&lt;/&amp;\xc9\xaa\xea\xea\x0b\xd7\xae\xffx\xf6\xec\xcd\x82\x82\xf7\xde{O$\x12\t\'*  \x05\x00\x00\x80\'^\xf5\x89\x8b\x9b4i\x92XD\xfe|\xfe\xfc\x0bo\xbc\x99\x9a\x95%\x15XN\x8c\xe38\xa9T\x9a\x9a\x95\xf5\xc2\x1bo\xfe|\xfe\xbcXDN\x9a4\xa9O\\\x1c&lt;2\xe1)})\xccFN\x980\xc1\xcb\xd3\xf3\xfc\xd5\xab\xb9EE%\x15\xe5\x16\x9bM \xa6\xd6\xa3`\x18f\xb1\xd9J*\xcas\x8b\x8a\xce_\xbd\xea\xe5\xe99a\xc2\x84\xa7\x94{\x84\x9f9p\xe0@\x99B\xa1qu\xbdSZ\xfa\xbf\xa3\xc7$\x82\xcf\xc3\xb3\x1c\'Q(\xfew\xf4\xd8\x9d\xd2R\x8d\xab\xabL\xa1\x188p x0]B@X\n\x00&lt;\xf0\x03\x16.\\x\xfb\xde\xfd\x8a\xea\xean\x91\x91w\xee\xdfg9^h\x8d\xe1X\x8e+)+\xeb\x16\x19YQ]}\xfb\xde\xfd\x85\x0b\x17&gt;=\xdb\x1f\x027%yzz\x8e\x9f8\x91cY\xa5\\\xf1\xc1\x17\xeb\x0cF\x8307d\xc0\xed\x17\x06\xa3\xe1\x83/\xd6)\xe5\n\x8ee\xc7O\x9c\xe8\xe9\xe9\xc9=\x9dh$\x9c|\x8dF\x13\x19\x11QVUe\xb5\xd9\x00\x00\xec\xbf\xdeh\xd6\xdc\xc10\x8ce\x18\x00\x80\xd5f+\xab\xaa\x8a\x8c\x88\xd0h4O\xe9\x12\xd8\'\x82S\x00\xb0$400p\xe1\x82\x05\x1agg\xa9D2\xed\xc3\xa5\xb7\xef\x14K(J \xed\xe99\x8e\x93I\xa5\xf9EE/\xbd\xfd\x8eD"\xd18;/\\\xb0 00\xf0\x19\xec{\x84\xc7m\xcf\x9b;\x97\xc1\xf0\xa2\x92\x92\x98\x88\x88m\x87\x8f\x08\xea\x0c\xeez`\x97\x9em\x87\x8f\xc4DD\x14\x95\x940\x18&gt;o\xee\xdc\xa7\xda\x80\x0cN\xf2+\xaf\xbc\xa2\x92\xcb_\xe8\xdd;\xe1\xf2\xe5\x1b\xd9\xd92\xa9T \xcb\xfeQ8\x9e\x97I\xa57\xb2\xb3\x13._~\xa1wo\x95\\\xfe\xca+\xaf\x00\xc1\x1c\x05\x03\x11P\x12\xb8\x1e\xf8\x93kkk\xdb\xb4m\xab\xab\xab\xf3\xf7\xf1i\xa5\xd1\xec\xfe\xecS\xb5J\xf5\xef7\xdf7\x0bX\x8e+\xaf\xa9\xd9\xb0\xf3\xfb\r\xbbv\xa9\xd5\xea\x82\x82\x02ggg\xf0L*\x1f`\x94i\xf9G\xcb\xbf\xf8|u\xad^\xcfq\xdc\xc5\xdd\xbb\xbaFF\xea\x84\x94\x90d9N\xa5T^JM\xed6\xfee\x1c\xc7\x9d\x95\xca9\xef\xcc\xfb\xef\xa2\xff&gt;\xd5\x10\x1c\\\xf66\x9b-"&lt;&lt;;\'\x07\x00\xf0\xfe\xeb\xaf\x7f\xfc\xde\xfc\xba\xaa*R0\x11\x8f\x860,\xeb\xe4\xe6\xf6\xc1\xaaO?\xf9\xe6\x1b\x00@pPPZz\xbaX,\x06\x82)\x01\x02\x02\xf4\x00\xc0\x03w\xd8\xc5\xc5e\xfd\xbau\x18\x86\xf1\x1c\xdb\xc2\xc3\xe3\xda\xad,\x8a\xa2\x1c^\x1d2,+wv\xfe\xf6\xe0\xa1N\xa3\xc7\xd0\x0c\xd3\xdaS\xb3b\xe5J\x17\x17\x97g\xe6\xf6B\x0fl\xfa\x1b\xd3y\x92\x94K%c\x07\rLJM\xad\xd1j\x05%\x83H\x82\xa8\xd1j\x93RS\xc7\x0e\x1a(\x97Jx\x92\x9c\xfe\xc6\xf4\xa7\xed\x81\xc1eOQ\xd4\xd8q\xe3\x00\x00r\x99l\xc7\x91#y99\x12\x01,\xfbG\xe1y^BQy99;\x8e\x1c\x91\xcbd\x00\x80\xb1\xe3\xc6Q\x14%\xa8\xf8\x0f\x10\xa6\x02\x000\x1b\xcc0\x13\'N\x9c8q"\xc7rg\x92\x93\x87\xbc\xf1FZV\x96D"q`\x8f\x18\xfa\xbc\xd7SS\xe7}\xf6\x99V\xaf\xdf\xbco_\x9b\xa0\xe0\xe9\xd3\xa6=U\xc3\xf3!\xea7d|\xbez\xb5\x88 R2ol?|\xc4d\xb1\x88D"\x07\x9e\xf9\x86p&lt;/\x12\x89L\x16\xcb\xf6\xc3GR2o\x88\x08\xe2\xf3\xa7\xb6\xfd\xe2!\xa0\x82\x99&gt;}\xbaB\xa1\x00&lt;O\x92\xe4\xdd\xb2rB\x90gsr&lt;O\x90\xe4\xdd\xb2r\x92$\x01\xcf+\x14\x8a\xe9\xd3\xa7\x83\'\xd4\x7f\xa9\x19!\xac_\xdb\x10x\xea\xe1\xc2\x85\x0b\x0bKK\xcb\xaa\xaa\xbaEF\xde--\x15\x89D\xc0\x81o\x06\x9e\x17\x89D%ee]\xc2\xc3%\x14%\x95J?\xff\xfc\xc9\x1fA\xfe\x97@\'\xe0\xe5\x97_V\xbbyP"Q;\x7f\xff\xd9\x9f\xac0\x98L\x02\xd9\x18\x8cc\x98\xc1d\x9a\xfd\xc9\x8av\xfe\xfe\x94H\xa4v\xf3x\xf9\xe5\x97\x9fM\xe3I\xd8\x9cU\xa3\xd1\x0c\x1b&gt;\\.\x91t\n\r]\xb2qC\xadV\x0b\x8fB|\xda\xdfn?\xc0\xa31k\xb5\xda%\x1b7t\n\r\x95K$\xc3\x86\x0f\xd7h4\xac\xf0\xce\xc9\</t>
        </is>
      </c>
    </row>
    <row r="474">
      <c r="A474" s="1" t="n">
        <v>472</v>
      </c>
      <c r="B474" t="inlineStr">
        <is>
          <t>triangle</t>
        </is>
      </c>
      <c r="C474" t="inlineStr">
        <is>
          <t>What is the missing number of the part denoted with a question mark?</t>
        </is>
      </c>
      <c r="D474" t="inlineStr">
        <is>
          <t>['36', '85', '95', '48']</t>
        </is>
      </c>
      <c r="E474" t="inlineStr">
        <is>
          <t>48</t>
        </is>
      </c>
      <c r="F474" t="inlineStr">
        <is>
          <t>There are three groups of numbers with a triangle arrangement in the image. The first group is [7, 4, 28], the second group is [6, 8, '?'], and the third group is [9, 2, 18].</t>
        </is>
      </c>
      <c r="G474" t="inlineStr">
        <is>
          <t>We observe that the number 28 is the product of 4 and 7. Similarly, the number 18 is the product of 2 and 9. Hence, the pattern is that the rightmost number in each group is the product of the other two numbers.</t>
        </is>
      </c>
      <c r="H474" t="inlineStr">
        <is>
          <t>Based on the pattern that the rightmost number in each group is the product of the other two numbers, the missing number of the group [6, 8, '?'] should be 48.</t>
        </is>
      </c>
      <c r="I474" t="inlineStr">
        <is>
          <t>b'\x89PNG\r\n\x1a\n\x00\x00\x00\rIHDR\x00\x00\x02\x00\x00\x00\x02\x00\x08\x02\x00\x00\x00{\x1aC\xad\x00\x00\xbb\xcdIDATx\x9c\xec\x9dwx\x14\xd5\xd7\xc7\xcf\x9d\x99\x9d-)\xbb\x9bF\x0f\x84\x12j(\xa1\x97 \xbd\x89\x82\x82\x80 J\x13\x15DA\xba"M, \x02\nX@\x9a\xd2D\x9a\x82Bh\xd2\x91\x12ZB\t\x84\x16j\xfa\xf663\xf7\xbe\x7f\\\xd87?\x9a$\x84dC\xee\xe7\xe1\xe1\x81\xd9\xd9\xd9\xbbe\xce\xf7\xdcs\xcf=\x07\x11B\x80\xc1`0\x18E\x0f\xae\xa0\x07\xc0`0\x18\x8c\x82\x81\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x85\t\x00\x83\xc1`\x14Q\x98\x000\x18\x0cF\x11E(\xe8\x010\x9e9\x84\x10\xfa7\xfd\x87\x17t\x8f\x02\x1a\x17\x83\xc1(`\xd0}F\x81\xf1|@\x08\xc1\x18\x13B\x10B&lt;\xcf?\xe1\x99\x1c\xc71=`0\x8a\x0eL\x00\x9e+\x08!\x8a\xa2p\x1c\xc7q\xff\x1f\xdcS\x14\xc5j\xb5\xde\xb9s\xe7\xf6\xed\xdb\x00\x08\xe0\xee7^\xb1b\xc5\x80\x80\x00\x83\xc1\x90\xfd\n\x8a\xa2\x00\x00S\x02\x06\xa3(\xc0\x04\xe09\x01c\x8c1\x16\x84\xbb1\xbd\xcc\xcc\xcc\x93\'O\xee\xdb\xb7\xef\xdf\x7f\xff\xbdq\xe3\xc6\x9d\x94\x14\x8b\xc5\xe2q\xbb\xb3?% 0P\xa3VW\xa8P\xa1t\xe9\xd2\xcd\x9a5k\xd2\xa4I\xf5\xea\xd5u:\x1d}T\x96e\x9e\xe7\x99\x0c0\x18\xcf1L\x00\n=4\x86C\xe3&lt;V\xabu\xe3\xc6\x8d\xeb\xd6\xaf?t\xf0PjjJN/\x15\x11\x11\xd1\xb2e\xcb^\xbdz\xb5j\xd5\x8a^\x90\xce\'\x98\x0c0\x18\xcf%L\x00\n1\xd9M\x7fBB\xc2\xb2e\xcb\xd6\xfc\xfe{\xf2\xb5k\xde\x13\x02\x02\x03\xcbW\xaaZ\xacd\xa9\x8a\x95\xab\xfb\xf9\xf9W\xaeQ\x0b+2]\xfd\x95%\xe9l\xfcq\x97\xd3\x99x\xe6\xd4\x9d[7\xaf]\xbe\xe8\xce6?\xa8]\xbbv\x9f&gt;}\xfa\xf6\xed[\xacX1\x00P\x14\xe5\xf1\x0b\t\x0c\x06\xa30\xc2\x04\xa0\xb0\x821\xa6\x81\xfe\x9b7oN\x9c8q\xd5\xaaUN\xa7\x93&gt;T\xb2tx\xa3\x98V/\xb4\xedP\xa5F\x9dRe\xca\xa95\xa2 \x00&amp;\xa0\xc8\xffs\x05A\x05@@\x96\xc1n\xb3&amp;_I\x8a?\x11\xf7O\xec\xa6c\x87\xf6\x99MY\xf4\x84\xe2\xc5K\x0c\x1d:d\xcc\x981\xa2(b\x8cY\xca\x10\x83\xf1\x9c\xc1\x04\xa0P"\xcb\xb2 \x08\x92$\xfd\xf8\xe3\x8f_|\xf1\xc5\x9d;w\x00@\x14\xc5\xfaM_x\xbd\xdf\xbbu\x1b5\x0b+\x1e\x861\xb8\xdd\x1e\x8f\xdb}7\xc9\x07 \xbb\xf9&amp;\x00\xde\x83\x1c/\xa8\xd5j\xb5F\x90e\xb8q\xed\xd2\xfe]\xdbV/\xfd\xe9\\\xc2)zfTT\xd4\xf4\xe9\xd3;v\xec\x08l*\xc0`&lt;_0\x01(|P\xeb\x7f\xf1\xe2\xc5\xfe\xfd\xfb\x1f8p\x80\x1e\xec\xf4J\xcf\xc1\x1f\x8e\xa9\\\xad\xa6\xa0\x12\x1cv\x87$y\x00\x9e&lt;\xad\x93`L\x08\xc1\x08\x90\xa8\xd1\xe8tj\xab\xd5\x11wh\xefw_M&gt;\x15w\x98\x9e1h\xd0\xa0Y\xb3f\x05\x04\x04\xd0W\x7ffo\x8e\xc1`\xe4\x1fL\x00\n\x13t3\x17\xc7qk\xd6\xac\x19:thzz:\x00\xd4\x8cn\xf0\xe1\xf8)M[\xb6\'\x848\xec6zB\xaec5\x84\x10\x8c\x15\x8e\xe3\x03\x02\x03\xec6\xdb\xa6\xb5\xab\xe6N\x9f\x9cz\xe7\x16\x00DGG\xff\xfc\xf3\xcfu\xea\xd4a\x1a\xc0`&lt;\x1f0\x01(4x\xad\xff\x94)S&amp;O\x9eL\x0f\xbe\xf7\xd1\'\xef~\xf4\x89\xceOk6\x99\xe9N\xae\xbcz9\x1a\xed\xd1\x1b\xfc\xaf_\xbd\xf6\xf9\'\x1fm\xdb\xb4\x1e\x00\x82\x82\x82~\xf8\xe1\x87\x1e=z0\r`0\x9e\x03\x98\x00\x14\x0e\xbc\t?\x83\x07\x0f^\xb8p!\x00\x84\x16+&gt;m\xf6\xc2v/u6e\xd9\x9e]h^\x96%\xad\xd6O\x14U?\xcf\x9d9\xfb\x8b\t\x92\xc7\x03\x00\x0b\x16,x\xfb\xed\xb7\x99\x060\x18\x85\x1d&amp;\x00\x85\x00\xba\xbfW\x10\x04\xaf\xf5\xafV3\xfa\x87\x15\x1bJ\x96\x0e7e\x99\x9e\xf5v-\x8c1\x00\x04\x05\x07\xee\xffg\xf7\xd07_\xb5\x98\xb2\x80i\x00\x83\xf1\\\xc0\x04\xa0\x10@\xed\xec\xbb\xef\xbe\xfb\xd3O?\x01@\xb5\x9a\xd1\x8b\xd7n\xd1\x1b\x82l6\xab \xa8\xf2g\x0c\x92$\x85\x84\x1a\x8f\x1c80\xb8Wg\x8b\xd9\x04\x00K\x97.}\xeb\xad\xb7\x98\x060\x18\x85\x17&amp;\x00\xbe\x0e\xb5\xb0\x0b\x16,x\xe7\x9dw\xe0\x9e\xf5\x0f\xd0\x1b\x9cv\x07\x9f\xbf\x96W\x96$c\x88\xf1\xd8\xc1\xbb\x1a\xe0\xe7\xe7\xb7{\xf7\xeez\xf5\xeayw$0\x18\x8c\xc2\x05\x13\x00\x9f\x86\xda\xd6\xc3\x87\x0f7i\xd2\x04c\\\xa9J\xf5_\xff\xdc\x15\xa078\x1d\xce\x02\xc9\xc7\x97%)(\xc4x\xe4\xc0\x81\x81\xaf\xb5w\xd8\xed\x11\x11\xe5\xe3\xe2\x8e\xd1rrl\x8f\x18\x83Q\xe8`\x8e\x9b\xefB\xb59##\xa3w\xef\xde\x84\x10\x9d\xce\xef\xab\xf9K\x83BB\x1cvGA\xed\xc6\x12T\xaa\x8c\xf4\xac\xc6/4\x1d3\xf9k\x00\xb8r\xe5\xf2\xe0\xc1\x83\xe9\x02u\x81\x8c\x87\xc1`&lt;\rL\x00|\x17\xea\xfe\x8f\x1c9\xf2\xf2\xe5\xcb\x84\x90\xd1S\xbe\x8enP\xcf\x94e.\xd8\x98\xbbJ\xa5JO1\xf5\x1d\xfc\xde\xcb\xaf\xbd\x01\x00k\xd7\xae\xfd\xf5\xd7_y\x9e\xa7u\xa4\x19\x0cF!\x82\x85\x80|\x14\x9a\xd9\xb9o\xdf\xbe\x96-[*\x8a\xd2\xae\xf3\xab?\xae\\\x97\x99n\xca\xe7\xb8\xffC!\x84\xf0&lt;/y&lt;\xaf\xb6\xaa{#\xf9jXX\xd8\xd9\xb3g\xf5z=+\x16\xc4`\x14.\xd8\x0c\xc0\x17\xa1\xfd\xb9\xdcn\xf7\x88\x11#\x14E1\x04\x05\x7f\xfc\xf9l\xbb\xdd\x85|c\xad\x15!$y&lt;z\xa3a\xdc\xb4\xd9\x18\xe3;w\xeeL\x9c8\x91\xe38\x16\x08b0\n\x17&gt;aP\x18\xf7A\x83?\xabW\xaf\x8e\x8b\x8b\x03\x80&gt;\x03\x87\x96-\x1f\xeer\xbar\x92lCr\xc1\x93\x8f\x90\x17\x04\x8b\xc9\xd2\xbac\xe7\xc6\xcd[\x03\xc0O?\xfdt\xfe\xfcy\xa6\x01\x0cF\xe1\x82\x85\x80|\x11\xba\xf3\xabV\xadZ\xe7\xcf\x9f\x8f\xa8Ty\xed\xf6#\x80\x000\x81\'\x0e\xb0\xd0\xae\x90\x04 G\x11\x19EQ\x9e\xfc\xf7\x801\xd6\xe9t\x89g\x13^\xef\xd4\xcc\xe9\xb0\x0f\x1a4h\xe1\xc2\x85\xac\\(\x83Q\x88(\xf8\x802\xe3&gt;\xbc\xd1\xff\xf3\xe7\xcfc\x8c\xbb\xbc\xd6\xd7`\xf4OO3=\xf9\xda/B\xc8\xe9tx\\.@\x08r"\xf0:\xff\x00A\x10\x9eP\x038\x8e\xb3\xdb\xed5j\xd7\xae\xdf$f\xef\x8e\xad\x7f\xfe\xf9\xe7\x97_~\x19\x1c\x1cL\xe3WO\xfe\xa2\x0c\x06\xa3\xa0`\x02\xe0\xa3\xfc\xfc\xf3\xcf\x18\xe3\xe0\xd0\xb0\x97\xba\xf7\xb1Y]O\xeeV\xcb\xb2\x1c\x14\xa2_&lt;\xff\x9b\xa5?\xcc\xe6\x05A\x91\xe5\xc7\x9fO\x8d=B\x08\x08\xf9q\xe5\xa6\xe8\x06M\xecv+\xc7=\xd1\xcb!\x00\xac\xe0\xde\x03\x86\xee\xdf\xb5=55u\xc3\x86\r\xac&gt;\x04\x83Q\x88`7\xaaoA\x13ln\xdf\xbe\xbdy\xf3f\x00h\xd6\xb2}\xd9\xf2\xe1\x19\xe99p\xff\x01\x00!\xe4r8,f\x13B9\x0b\xf1I\x1eO\x8e\x9cw\x8e\xe7\xedvg\xe3\x98V\xe5*T\xbc\x92ta\xf1\xe2\xc5\x03\x07\x0ed\xbb\x82\x19\x8c\xc2\x02\xbbW}\x0b\x9aM\xbfm\xdb6\x8b\xc5\x02\x00\xad;\xbe\xac(\xcf6\xa2Bk\xc9!\x8eC\x08i\xb4:Br\xb6p \xcbR\x80^\x17\xd3\xba#!\xe4\xe4\xc9\x93IIIl)\x98\xc1(,\xb0\x19\x80oAm\xfd\x9e={\x00\xa0x\xc9\xd2\xf5\x1a7w:r\x94\xfc\x03&lt;\xcf\xdb\xac\xceno\x0ch\xda\xaa\xbd \xf0\x8f\x99\x01\x10\x02\x82\xc0\x8f\x1f6\xf0\xea\xa5\x0b\x08\xa0V\xdd\x86\xd5k\xd5v8\xec9z9\x0e!I\xc2\xad;\xbc\xbc|\xe1\\\x97\xcbu\xf0\xe0\xa1\xc8\xc8HV\x1d\x88\xc1(\x140\x01\xf0-8\x8e\x93$\xe9\xf0\xe1\xc3\x00P\xbdV\xdd\xd0baf\x939Gy5\x08!Y\x92K\x95)[\xaeB\xa5\xc7\x84\x7f0V\x02\x02\x85\xbd;\xf6]\xbfz\x99\xee\xe3}}\xc0{Z\x9d\xc6\xe5r\xf1|N\xc2M\x1c\xe7r\xba*W\xaf\x19V\xa2\xe4\xed\x1b\xd7\xf7\xee\xdd\xdb\xaf\xdf[l\x11\x98\xc1(\x140\x01\xf0!\xa8\xe3\x9c\x94\x94t\xe9\xd2e\x00\xa8\xd78\x86\xe7!Gi&lt;\x14\x84\x90\xc7\xe3q\xbb]\x8f\x0e\xe6\x10E\xc1\x1c\n\xf8a\xd6\xe7\x8a"#\x84\xca\x94\xab\xd0\xa6c\x17\xab\xc5\x9e#\xebO_K\x92$cppT\xed\xfa\xb7o\\\xff\xf7\xdfC.\x97K\xadV\xe7t\xcc\x0c\x06#\xffa\xf3t\x1f\x82\x86k\xae^\xbd\xeav\xbb\x00\xa0BdUY\xcee\x95M\x84\x10\xc7\xf1\xdc#\x00@\x01\x81\x81\xa7\x8e\x1f;\xb4g\'\xcf\xf3\x84\x90\x1e}\x07\x19\x83\xf5\xb2$\xe5n\xd8*\x15\x94\xafT\x05\x00n\xdf\xbec\xb1Xr\xba\xf8\xcc`0\n\x04&amp;\x00&gt;\x045\x9a\'O\x9e\x02\x80@\xbd\xbeL\xb9\xf29M\xcby\xf2\x17R\xa9\xf8\x15\x8b\xe6+\x8aL\x08\xd1\x1b\x83^~\xad\x8f\xdd\xe6\xe2r\xb5\x87\x8bCH\x96\xa1R\xd5\x1a\x00`\xb1\x98\x13\x13\x13\xe1^\x1f1\x06\x83\xe1\xcb0\x01\xf09\xecv;\x00\xf0\xbc\xe0\xef\x1f\x801~\xf2\xdd\xbfO\x08\xc1X\xab\xd5^8{n\xdb\xa6u&lt;\xcfc\x8c_\xea\xd6\xbbL\xb92n\x97+\xd7bC\x08\x04\xea\r\x00\x801v:\x9dy9\\\x06\x83\xf1\xcc`\x02\xe0C\xd0\xcc\x99\xb8\xb8c\x00P\xa6\\y\xbd1X\x96\xe5&lt;\x9f\x01`\x8c5:\xf1\xb7_\x16\xb8\x9cN\x00P\x89\xea\xd7\xfa\x0er9\xa5\\W\x9a\xa3\xb5\xe1J\x87G\x04\x04\xea\x01\xe0\xe8\xd1cpo6\xc3`0|\x19&amp;\x00&gt;\x87$I\x00\xe0\x1f\x10\xa8\xd6h\xf2&lt;\x90B\x08Qk47\xae\xde\xf8\xe3\xb7_9\x8eS\x14\xa5E\xdbN\xd5j\xd6r8\x1c\xb9O\xdcD\x08c\x1c\x10\x18(\x8a"\xdc\x1b?\x83\xc1\xf0}\x98\x00\xf8\x1c\xd4\xe5\xc79\xa9\xcb\xf6\xe4`E\xf1\xf3\xd7l\xfcm\x99)+\x83Z\xfc\xd7\x07\xbc\x871~\xfai\x86w\xc0,\x07\x94\xc1(,0\x01\xf09\xa8\x01}&amp;\x01\x14B\x04\x95\x98\x9e\x9a\xf9\xdb\xb2\x05\x88\xe3dE\xa9]\xafQ\xa3f/\xd8m\xf6\',\xfe\xf3\xb8k\xdf\xfb\x07\x13\x00\x06\xa3\xb0\xc0\x04\xc0\xe7\x90e\x19\x00\x04A\xe0\xb8&lt;\xb6\xa4\x8a\xa2\x04\x04\xea\xb6\xfe\xf1\xfb\xad\x1b\xc9&lt;\xcf\x03!\xbd\x07\x0c\x11\xd5"\xc6O\xdb\xcd\x91\x10"\x08\x02B\x1c\xdc\x1b?\x83\xc1\xf0}\x98\x00\xf8\x104\x84\x12\x1c\x1c\x0c\x00)\xb7oY\xccf\x9a\xa4\x9fW\xd7\xe7\x05\xc1fs,\xffy&gt;BH\x91\xe5\xf0\x88\n\xad;\xbdl\xb3\xe6x\xf3\xd7}\x10BT*\xd5\x9d\xdb7\x1d\x0e\x1b\xdc\x1b?\x83\xc1\xf0}\x98\x00\xf8\x10\xd4\xd6W\xaf^\x03\x00\xd2S\xef8\xed\xb6&lt;l\xae\xa2(\x8a\x7f\x80\xff\xee\xd8\xbf/\x9c\x8b\xe7\x05\x81\x10\xd2\xa3\xef\xdb\xc6\xa0\\n\xfe\xfa\x1f\x08\xe1\x05!#=\xcd\xe9p\x00@\xcd\x9aQ\xc0\x02A\x0cFa\x80\t\x80\xcfa4\x1a\x00\xc0\xe3v\xa7\xa7\xa5\xf0\x82\x90\x8bR\x10\x0f\x05!$\xcb\xf2\xaf\x0b\xbf\x03\x00\xac(\x06c\xf0K\xdd{\xe7z\xf3Wv\x08\x00\xc7A\xca\xcd\xeb\x00 \x8a\xa2\xbf\xbf?0\x01`0\n\x03L\x00|\x08j4k\xd5\xaa\x05\x00\x0e\x87\xfd\xe6\xf5d\x95\xeaI\xfbs=\x1e\x8c\x15\xff\x00\xff\xc3\xfb\xf7\x1c;\xb4_\x10T\x18\xe3\x97\xba?\xed\xe6//\x84\x10\x9e\x87\xab\x97.\x00@@@`\xa5J\x95\x80\t\x00\x83Q\x18`\x02\xe0CP\xa3\x19\x11\x11\x11\x10\x10\x08\x00gO\xc5\xf1&lt;\xe0\xbc\x10\x00B\x80\xe3\xb8\xe5\x0b\xe7\x01\x10B\xb0\xa8~\xda\xcd_\xd9\xe18\xce\xe5R\xce\xc6\x9f\x04\x80\xf2\xe5#\xfc\xfc\xfcXWH\x06\xa3P\xc0\x04\xc0\x87\xe08\x8e\x10R\xa6L\x99\xaaU\xab\x02\xc0\xf1#\x07&lt;\x1e\xf2\xf4\x85\xf51\xc6:?\xbf\xf8\xe3q\xbb\xb7\xff\xc5\xf3\x82\xa2(-\xda\xbdX5\xaa\xe6Sm\xfe\xba\x07!D\x14\xc5\xf4\x94;\x89gN\x03@\xb3f\xcdT*\x15mk\xc3`0|\x1c&amp;\x00\xbe\x85\xa2(\x1c\xc75n\xdc\x18\x00\xce\xc5\x9f\xbcq\xed\x8aZ\xady\xca(\x10\xc1X\xad\x16V-\xf9A\x96$\xea\x97\xbf\xde?o6\x7f\x01-,\xa1U\x9f&lt;\xf6oVf:\x00\xc4\xc44\x07\x16\xffa0\n\tL\x00|\x0bj:\xdb\xb4i\r\x00fS\xd6\x81\xdd\xdb\xb5:\x11?\x85CM0\xd6hu\x97.\\\xfc{\xe3o\x1c\xc7\xcb\xb2\\\xa7~\xe3\x86M_\xb0[\xf3`\xf3\xd7\xdd1sh\xc7_\x1b\t!z\xbd\xbea\xc3\x06p\xaf\xa8Q\x81@\x1e\xa0\xa0F\xc2`\xf8&gt;L\x00|\x0bj:_x\xe1\x85R\xa5J#\x84vm\xfd\x83\x10x\x9a\x82\xa0\x18c\x9d\x9f\xf8\xfb\xf2Ev\x9b\x8d\x17x\x00x}\xc0\x10Q\xad\xc2$\x0f\xa244\xfe\x93\x91\x9aqh\xff.\x84P\xf3\xe6\xcdK\x96,\x891\xce\xcf\x19\x00\xc6XQ\x14Y\x96\x15E\xa1/}\x1f\xde\x13dY\xc6\x183I`0\xbc0\x01\xf0-h\xb2f@@@\xaf^=\t!G\x0e\xec=\x1d\x17\xa7\xd3\xe9rW\x15\x8e\x10"\xaa\xd5\xb7o\xde\xd9\xb0r)\xc7\xf1\xb2$\x95\x8d\xa8\xd8\xbac\x1el\xfe\xa2`E\xd1\xf9i\xb7\xfe\xf9{\xea\xed[\x84\x90\xc1\x83\x07C~\xd5\x01\xa56\x9d\x10\xc2q\x1c\xcf\xf3\x82 \xf0&lt;\xcfq\x9c\xd3\xe9\xcc\xca\xca2\x99L&amp;\x93)++\xcbl6{O\x10\x04\x81\xe38\x84\x90\xa2(\xca\xb3)\xb5\xc4`\x14.XKH\x9f\x83N\x02\xfa\xf7\xef\xff\xddws\x9d\x0e\xfb\xc6\xdf~\x99\xda\xe8[\xbb-g\xbd\xda)XQ\xfc\x8d\x01K\x7f\x9c\x93\x9e\x96BW\x98{\xbc\xf9\xb6!(0+\xdd\xc4\x0by\xf0\xd5#\x8e\x93e\xbcv\xf9"\x84P\x85\n\x15Z\xb7nM-\xf2\xd3_\xf9Q\x10Bh\xe3L\xef\x16\xb9\xeb\xd7\xaf\x1f;v,&gt;&gt;\xfe\xf4\xe9\xd3f\xb3\xf9\xd2\xa5KV\xab\r! \x00@\x80\x17\xf8jU\xabj4\x9az\xf5\xea\x95/_\xa1a\xc3\x06\x95*U\x12\xee\xbdwEQ\x10B\xac\x7f=\xa3\xc8\xc2Z\xf7\xf9"\xd4\xc6\xb5n\xdd\xfa\x9f\x7f\xfe\t\n\t\xfb}\xdb\xbf\xa1\xc5\x8aK\x92\x94\xc3\xd0\nA\x88\x93e\xe9\xad\xaem\xae_\xbd\x0c\x08\xf4\x06\xe3\xf2M\xbb\x8d\xc1\xa1r\x8e/\xf5\x10\x14E\t\xd4\x07\xee\xf8\xeb\xcfa\xfd\xba)\x8a2e\xca\x94\x89\x13\'\xca\xb2,\xe4\x85\xb4&lt;\x085\xfd^\xbb\x7f\xf0\xe0\xc1\r\x1b6\xec\xdf\xbf\xff\xec\xd9\xb3\x16\x8b\xe5\t/\xa2V\xab+U\x8a\xac_\xbf^\x97.]:t\xe8@{\x173\x19`\x14Y\x98\x00\xf8"\x8a\xa2\xf0&lt;\xbf{\xf7\xee\x96-[\x02\xc0\xcb\xaf\xf5\xf9v\xf1\xf2\xf44SNm+BH\x96$\x9b\xd5\xc2q\x1c\x01\x10EQ\xe7\xe7O\xed]\x9e\x8c\x93\xe3\xb8\xae-\xea\\I\xba\x10\x12\x12\x92\x90\x90\x10\x1a\x1aJ\xc3\xeeyr\xf1\xec\xd0\x0f\x04\x00RRR\xfe\xfc\xf3\xcfe\xbf\xfcr`\xff\xfe\xec\'\x18\x8cAa\xc5K\x86\x16+\x1e\x12V"\xbc\\\x84$\xc9\x00\xc0\x0b\x82)+\xe3\xca\xc5D\x9b\xd5r#\xf9JfzZ\xf6\xa7T\xab^\xbd\xc7k\xaf\xf5\xec\xd9\xb3J\x95*\x00 \xcb2\xcf\xf3,\x7f\x89Q\xa4`\x02\xe0\xa3P\x93\xd7\xa3G\x8f\xdf\x7f\xff]T\xab\x97m\xd8\x15\xdd\xa0\xa1\xd5\x9a\xe3\xea@\x08!o=\tL\x88\x92G-\xc6dI\n\x0e3\xfe4\xfb\x9b\xe9\x13G!\x84f\xce\x9c\xf9\xd1G\x1f\xd1%\xd6&lt;\xac_\x04\xf7\xb2z8\x8e3\x9b\xcd\xb3g\xcf^\xb0`\xc1\xed\xdb\xb7\xe9C\xa2Z]\xa3v\xddF1\xadj\xd7k\x1cY\xb5F\xa0\xde\xe0\x1f\x18\x88\x10\x08* \x04\xe8\x9b\xc4\x18\x14\x19\\.\x97\xd9\x94y\xfd\xea\xe5\xd3\xc7\x0f\x1f=\xb8\xf7\xd8\xa1}fS\x16\xbd\x88N\xa7\xeb\xd5\xab\xd7\xd8\xb1c###\xe1\xde\xdc+\x0f\xc7\xcf`\xf82L\x00|\x14\x9a\xd0r\xe5\xca\x95:u\xeaX,\x96\xaa5j\xff\xbe\xfd\xa0$)\xb9\xd8d\x9b\xfd+\xce\x13\xeb\x8f\x15E\xeb\xe7w5\xe9\xe2k\xed\x1a8\x1d\x0e\x8cq\x95*UF\x8f\x1e\xfd\xe6\x9bo\n\x82@\xd7\xab\xf3\xc4\x8cz\x1d\xff\xd5\xabWO\x992\xe5\xfc\xf9\xf3\xf4x\xe5jQ/\xf7\xe8\xd3\xb4E\xfbJU\xabiu\xa2,\x81\xdb\xe5V\x14Y\x91er\xff\xfb\x05\x84\x10\x878^\xa5\x12EQ\x149Y\x82\xe4\xabI\x87\xf7\xef\xf9{\xe3o\x07\xfe\xd9NO3\x06\x05}4b\xc4\x981cDQ\xf4\xbe(\x83\xf1\xdc\xc3\x04\xc0w\xa1\x96\xe8\xcb/\xbf\xfc\xf8\xe3\x8f\x01\xa0\xf7\x80!\x9f\x7f;?=5KP\xa9\npT\x84\x10\x04 \xa8\x84\xd7_l\x9ep\xe2\x987\xaf\x06\x00\x1a7n&lt;e\xca\x94\xb6m\xdbB^DT\xe8r\xc2\xad[\xb7\x06\r\x1a\xb4e\xcb\x16z\xb0q\xf3V}\x06\xbd\xdf(\xa6Up\x88\xde\xe9\x90].\xa7\xa2(\x1cB\x886Ox\xf4\xcb\xdd\xdd\x14\x801BH\xad\xd1h\xfd\xd4n\xa7|\xe2\xe8\x81\xb5+\x96l\\\xbd\x8c\xde\x045j\xd4\xf8\xf1\xc7\x1f\x9b6m\xeaM\'\xcd\xf5\xe0\x19\x8cB\x01\x13\x00\x9f\x86\xc6\xeb;t\xe8\xb0}\xfbv\x00\x98\xf9\xe3\xf2\xd7\xfa\xf6I\xb9\x9d\xa9\x12\xc5\x82\x1a\x92,K\xc5\x8a\x1b\xc7\xbd?t\xe5\xe2\xef\x01\xe0\xb3\xcf&gt;\xeb\xd4\xa9\xd3\xb8q\xe3\xe8\x08\x01\xa0w\xef\xde\xe3\xc7\x8f\xafQ\xa3\x06\xdc3\xe29}\to\xd8\'66v\xc0\xc0\x81\xb7n\xde\x04\x80\x88\x8a\x91\x03\xdf\x1f\xf5\xca\xebo\xa9\xd5\xa2\xd5b\x97e\x89\xe3\xb8\xdc\xcd3\x08!XQ\x10\xc7\xf9\xfb\x07\x08*\xb4{{\xec\xc2o\xa7\xff\xbb\xef\x1f\x00\x10\xd5\xea\xe9_}5|\xf8p`\xe1 F\x11\x80\t\x80OCmPJJJ\xcd\x9a\xb5RSS\xf4\x06\xe3O\xab6\xd5k\xd24+\xbd`\xe6\x01\xb2,\x87\x86\x19\x16\xcd\x9f7m\xdc0B\xa0M\x9b6\xdb\xb6m\xa3\x9e\xf2\xea\xd5\xab\xbf\xfc\xf2\xcb\xd3\xa7O\x03\x80N\xa7\x1b9r\xe4\xc8\x91#\xf5z}N\x17\x06\xbc\xd6\x7f\xce\x9c9#F\x8c\xa0\x07{\x0f\x182\xfc\xe3)!a!Y\x99\x16Bh.P^\xc4\xb2\xb0B0\t4\x18\x14E\xfeu\xc1\xbc\xef\xbe\x9ad\xb3Z\x00`\xc0\x80\x01s\xe6\xcc\t\x08\x08`\x1a\xc0x\xbea\x02\xe0\xeb\xd0@\xd0\xa1C\x87\x9a5k\x861\x0e\xd4\x1b\x16\xac\xde\\\xafI\xd3\xcc\xf4,U~j\x00!\xb2,\x87\x163.\x9e?\x7f\xea\xd8\xf7\x01 ""\xe2\xe8\xd1\xa3AAA4`\xc2q\x9c\xc7\xe3\x991c\xc6\xf7\xdf\x7fO\xd7i\xabV\xad:z\xf4\xe8\xfe\xfd\xfb\xc3\x13\xa7Zzs=\x07\x0f\x1e\xbcp\xe1B\x00\xd0\x1b\x83&amp;N\xff\xee\xd5\xd7\xfbX\xcc\x0e\x8f\xc7\xf3,rL\xe9\xd8\x82C\x02\xe3\x0e\x1f\xfd\xe4\xc3\xb7\xcf\'\x9c\x02\x80\x06\r\x1al\xdd\xba\xd5h42\r`&lt;\xc70\x01(\x04P\rX\xb8p!\xddjK5\xa0aL\xd3\xb4\x94|\xd2\x00\x8c1\x10\x12ZL\xff\xf3\xdc\xbb\xd6?(((66\xb6^\xbdz^\xfb\xe8];\xbdu\xeb\xd6\xa7\x9f~\xbat\xe9R\xba\x1a\xdc\xb6m\xdb\xb1c\xc7\xb6n\xdd\x1a\xfeka\xc0\xeb\xfb{\xad\x7f\xb5\x9a\xd1\xb3\x16,\xafT\xb5jf\x86\xe9Y\xe7h\xca\x92\x14\xa0\xd7\xdbm\x96\xa9c&gt;\xf8c\xcd\xaf\x00P\xbf~\xfd\xd8\xd8X\xa6\x01\x8c\xe7\x18&amp;\x00\x85\x03\x1aL\xf7j\x80\xde`\x9c\xf1\xc3/\xed:w\xce\xca\xb4\x12\x82\xf3\xaa\xac\xdb\xa3^Z\xa3\xd1\xa85\xea\x85\xdf~\xfd\xf5\x94\xb1\x00\x10\x14\x14\xb4u\xeb\xd6\xfa\xf5\xeb\xdf\x970C\x08Q\x14\x85:\xe9;w\xee\x9c&gt;}:]\x18\xe08\xae_\xbf~\xdeT\xcbG\xa5\xd9\xd0\xe3\xd9\xad\xff\xe2\xb5[\x8c\xc1!\x16\x939\x7f\xe2]\x8a"\x8b\xa2Z\xab\xd3\x8e\x19\xd2\x7f\xc3\xaa\xa5pO\x03\x0c\x06\x03\xb0\x12\xa7\x8c\xe7\x11&amp;\x00\x85\x86\xfb4\x00\x00\xde\xfb\xe8\x93\x0f\xc6M!@\xecV+/\x08yn\xa10\xc6\x18+\xc6 c\xea\x9d;\x93G\r\xdd\xb6y=\x00\x04\x07\x07o\xd9\xb2\xa5~\xfd\xfa\x8fZ\xe0\xcd\xbeew\xc9\x92%_\x7f\xfd\xf5\xb9s\xe7\xe8\x13\x87\r\x1b6|\xf8p\xba0\x00\xff\x9b*J\xaf\xe6\x8d\xfbS\xeb\x1f\xa078\xec\x8eg\xb4\xb5\xf8\xa1`\x8c9\x0e\xf9\xf9\xfb\x8f\x1d:\x80j@\xf7\xee\xdd\x7f\xff\xfd\xf7g\xb7\xc3\x99\xc1(@\x98\x00\x14&amp;\xa8\x19\x8a\x8d\x8d}\xe3\x8d7\xd2\xd3\xd3\x01\xa0\xc9\x0bm&gt;\xf9bN\xf5Z\xd5\xcd&amp;\x87\xc7\xe3\xc9\xab8\t\xc1X\xc1X\xa7\xf3\xd3\xeaT;\xfe\xde\xfc\xf9\xc7#\xae]N\x02\x80\x06\r\x1a,_\xbe\xbcR\xa5J\xff\x99,\xef\r\xfa\x9b\xcd\xe69s\xe6\xcc\x9d;7##\x03\x00\xaaV\xad:q\xe2\xc4^\xbdz\xc1\xbd\xe6\x074\x8b\x94\xe7\xf9\xed\xdb\xb7\xb7k\xd7\x0e\x00\xaaE\xd5Y\xbcnk\x80\xde\xe0t8\xf3?%\x9f`\x8c8\xe4\xef\x1f0fH\xbf\r\xab\x97\x01\xc0\xe4\xc9\x93\'M\x9a\xc44\x80\xf1\xfc\xc1\x04\xa0\x90Am\xe5\xc5\x8b\x17\xfb\xf7\xef\x7f\xe0\xc0\x01\x00\xd0\x1b\x8co\xbc\xfd\xfe\x1b\x83\x86\x15/\x19j\xb5\xb8\xdcn\xd7S\xe5Gb\x0c\x00Z\x9d\xce\xcfOu\xe6T\xfc\xcfs\xbf\xf9c\xcd\xaf\xf4\xe0\xa0A\x83\xbe\xf9\xe6\x9b\xc0\xc0\xc0\'\xdf*\xe5=\xf3\xc2\x85\x0b3f\xccX\xb2d\t\xbdT\xbbv\xed\xa6N\x9d\xda\xb0aC\x00\x90$\x89\xe7\xf9\xd4\xd4\xd4\xda\xb5\xeb\xa4\xa4\xdc\t4\x18\xd7l=\x18Q1\xd2b\xb1\x14\x94\xc1\xa53\x18\x95J\xd5\xabc\xd3\xf8\x13\xc7\x10B\xb1\xb1\xb1m\xdb\xb6e{\xc4\x18\xcf\x19L\x00\n\x1f\xd4\x0cI\x924f\xcc\x98\x1f~\xf8\xc1\xedv\x03@D\xc5\xca\xfd\x87\x0c\x7f\xa1m\xa72\xe5\xc2=n\xe2t\xd8\x15Y\x86{\x897\x8f\x99\x16\xdc\xeb\x9b\x82\x01@\xa5R\xeb\xfc\xb4\x08\xc1\xb9\x84\x84\xd8?~\xffu\xe1\\Z2\xa1X\xb1b\xd3\xa6M\x1b4h\x10\xe4&lt;;\xfe\xbe\x85\x81O?\xfd\xf4\xd0\xa1C\x00\xa0\xd1hz\xf7\xee=u\xea\xd4R\xa5J\x01@\x87\x0e\x1dbcc\x11B_\xff\xf0\xeb+\xbd\xfbd\xa4\xe5o\x8e\xd3\x03(\x8a\xa2\xd3\xe9\xae]N\xea\xd5\xb1\xa9\xd9\x94U\xacX\xf1s\xe7\xce\xea\xf5z\xb6A\x8c\xf1&lt;\xc1\x04\xa0P\xe2\xb5\xc2\x87\x0f\x1f\x9e0a\xc2\x8e\x1d;\xe8\xf1\xb0\xe2%:w\xeb\xdd\xb2}\xe7\x1a\xb5\xeb\xe9\r\xfe\x8a\x02n\xb7\x876C\x01B\xb2\xf7\x97G\x00\x88C\x08\x90\xa0R\t*\x95\xa8\x16\x10@\xca\x9d\xd4\xe3\xff\xee\xdb\xfe\xd7\xc6m\x9b\xd6;\x9d\x0e\x00@\x08\xf5\xef\xdf\xff\xb3\xcf&gt;\xf3vz\xc9\x9d\xf9\xc3\x18c\x8c\x05A\x90e\xf9\xd7_\x7f\x9d4i\xd2\xf5\xeb\xd7\x01\xa0x\xf1\xe2c\xc7\x8e\r\r\r}\xe3\x8d7\x00\xa0\xc7\x9boO\xff~Azj\x8e\xcb\xde=\x0bdI\x0e\x0e5\xfc\xfe\xeb/c\x87\xbe\x05\x00\xef\xbf\xff\xfe\xdc\xb9s\xd9$\x80\xf1&lt;\xc1\x04\xa0\xb0\x92}\xadu\xf1\xe2\xc5s\xe6\xcc\x89\x8f\x8f\xf7&gt;\x1aY\xb5F\xe3\xe6\xadj7hR=*Zo\x0c2\x04\x05#\x04\xd9]jB@\x92@Q\xe4\xac\x8c\xb4\xf4\xd4;\t\'\x8f\x1d?|\xe8\xdf}\xbbn^\xbf\xe6=\xa7]\xbbvc\xc6\x8c\xa1\x19\x9cyb\xf8\xbc\x17IMM\x9d7o\xde7\xdf|\xe3p\xdc\x95\x19\x84P\xa9\xf0r\xebv\x1eU\xab5yX\xaf\xf4)Q\x14\xc5`\xd4\x0fy\xa3\xdb\xb6\xcd\xebU*\xd5\xa1C\x87\xea\xd6\xad\xcb\xb2B\x19\xcf\rL\x00\n7^\xaf\xdc\xe3\xf1l\xdd\xbau\xf1\x92%\xdb\xb7m\xa3V\x95\xe2\x1f\x10h\x0c\n.S\xae\xbc\xce\xcf\xbfr\xf5\x9a\x8a\xa2\x00\x01@ K\xf2\xf9\x84\x93n\xb7\xeb\xda\xa5\x0b&amp;S\x96\xc7\xed\xf6&gt;\xa5D\xc9\x92\x9d;w\xee\xf7\xd6[M\x9a4\x81lK\xb5y2\xe0\xec\x11\xa1\x84\x84\x84\xe9\xd3\xa7o\xd8\xb0\xc1\xed\xf1\xc8\x92\xf4\xd9\xac\x05}\x06\xbd\x9d\x91\xfeD\xee\x7f.\x8a\xe2\xe5\xe2\xe9\x18c\x9dN{\xf1\xfc\xd9\xeem\x1az&lt;\xee\x17^h\xb1{\xf7?L\x00\x18\xcf\rL\x00\x9e\x07\xb2\xbb\xe7\x89\x89\x89\x9b6o\xde\x16\x1b{\xea\xd4\xa9\xd4\xd4\xd4\'\xbfHDDDttt\xe7\xce\x9d;u\xea\x14\x16\x16\x06\x0f\xf4`\xc9C\x08!\xb2,\xabT*\x9b\xcdV\xa1B\x85\xb4\xf4\xf4\xfa\x8db\x96n\xd8\xe6t\xba\x1ec[1\xc6\x84`\x04\x88\xe39\x848:&lt;B0BO\xb4\xe8M0\xc6\x04#\xba0\xc2e{: \xee\xd1\xefQ\x96\xe5\xa0`\xc3W\x13\xc6.\x9c;\x03!\xb4k\xd7\xae\x16-Z\xb0@\x10\xe3\xf9\x80\t\xc0s\x025g\xd9\xcb-dff\x9e8q\xe2\xdf\xc3\x87/%]\xba~\xfdzJ\xca\x9d\xdb\xb7\xef \x04V\xabM\x96eA\xe0k\xd7\xae\xed\x1f\x10\x10U\xa3F\xd9\xb2e\x9b4iR\xbdzu\x9dNG\x9f\x9b\x0fM\xb2dY\xe68\xee\xe7\x9f\x7f~\xe7\x9dw\x00`\xee\xd2\xb5\x1d\xbbv3e&gt;\xbcW\xe5\xbd\xdc$?\xb5\x9aW\x14p9]\x92\xe4\xe1y^\xa3\xd5\xaaT\x9c$\x11\xbb\xcd\x8a\x10 \xf4\xf0\x01\xd3\x0fG\xab\xd5i\xb4*E\x01\x97\xcb%y&lt;&lt;\xcf\xab5ZQ\xe4d\x19\xec6\xeb\xa3\x9aY\xd2\xc6\xf7\xa9wn\xbf\x14\x13e\xb7\xd9z\xf7\xee\xbdb\xc5\n&amp;\x00\x8c\xe7\x03&amp;\x00\xcf\x1bt\xb9\xf5\xc1LP\x8c\xb1\xc9d\xe28\xee\x95W^\xd9\xbd{w\x8b\x16-\xfe\xf9\xe7\x9f\xfb\x9eK[\xa5\xe7Oc,j\xd3\x9b4ir\xe4\xc8\x91\n\x91U\x7f\xdbz\x80\xa3\x9d\\\x1e@Qd?\xff@\x8eC\t\xa7\x8e\xef\xdf\x19{*\xeep\xca\xed\x1bN\x87CP\xa9\x82CB\xab\xd5\xac\xdb\xb2\xfd\x8b\xf5\x1a7\x97$\x8f\xc7\xed~\xd0\x88\x13\x8c9^\xf0\x0f\xd0]8{v\xf7\xf6\xbfO\x1c9x\xfb\xe6u\xa7\xc3.\xa8T\x06cp\x95\xea5cZwh\xd8\xac\xa5\xa0\x12\xec\xb6\x87\xf7\xdbQ\x14Eo\x08\x1c\xf5\xce[\x7f\xac\xf9500\xf0\xfc\xf9\xf3%J\x94x\xca\x18\x14\x83\xe1\x0b\x14|\xae\x05#o\xf1\x9a\xfe{!\x0eB\x17\t8\x8e\x0b\n\n\x02\x00\x9a^\xa9R\xa9h8\x9e&gt;\x8b\x9e\x90o^-\xf5\xa0\x0f\x1f&gt;|\xec\xd81B\xc8\xcb\xaf\xbd\x11\x14jx0\xf9\x87\xaaQ\xa0\xde\x10w\xf8\xf0\x8f\xb3\xbe\xd8\xb3\xe3oE\x96\xef\xbb\xd4\xa1\xbd\xbb\x16\xcd\xfb\xba\xfdK\xdd&gt;\xfebvHXq\x97\xd3\x99]\x03\x08\xc1\x82(\xca\x92g\xea\xd8\x0f\xd7\xfe\xba\xc8\xe1\xb0\xdf\xf7\xf4\xc3\xfb\xffY\xf6\xd3\xb7\xd1\r\x9b\x8e\x9f\xf6M\xad\xba\r,f\xcb\x83\x1f\x02\x02\xc0\x98\xbc\xf6\xc6\xc0MkWZ,\x96\x95+W\x8e\x1c9\xd2\xbb\x92\xc1`\x14^\xd8Z\xd6s\x0bB\x88\xe7yA\x10x\x9e\xa7!o\xea\xe0\xd39\x1f\x15\x06\x8e\xe3\x04A\xa0\xe7\xe4\xa7?K\xc7\xb0v\xedZEQD\xb5:\xa6u\x07\xa7C\xe6\x1fp\xde9\x84\xdc.\xd7\x9c/\xa6\xf4y\xb1\xf9\xae\xad\x7f\xe2{r\xf5\xbf \x9e\xe7c7\xad\xeb\xffj\xdb\xf4\xd4;\xa2Z\xa4{\x1a\xe8\xabp\x1c/K\x9e!o\xbc\xf2\xcbO\xdf\xd1\xc4V\x00\xd0\xf9\xf9\x87\x16+\xa17\x06\xd1\xff\xf2\xbcp\xfc\xf0\x81~\xaf\xb4=zp\x9f\x7f\x80?\xc6\xf7\xbf\n\xc7\xf3\x0e\xbb\xb3Z\xad\xe8r\x15*\x02\xc0\xbau\xeb\xe8\xc2x^}\x1a\x0cFA\xc1\\\x98\xa2\x02\xbaGA\x0f\x04\x00\x80\xe7yEQ\xf6\xec\xd9\x03\x00\xd5kEGV\xab\xe1r:\xd1}1+E\t\xd0\x07\xec\xdf\xb4m\xee\xf4\xc9&lt;/\x00\x00!$\xbaA\x93V\x1d^\xaeX\xa5\xba\x9f\xbf\xbf\xddf;vh\xef\xea\xa5\x0blV\xb3(\xaa/_L\x9c:v\xd8\xf7\xbf\xae\xf7\xb8=\xf4]b\x8c\xf5\x86\x80\xcf?\x19\xfd\xef\xbe]\xa2Z\xe3q\xbb\xcaW\xaa\xf2\xde\xc8\x8fk\xd5m\xe4\xe7\x1f y&lt;\xd7\xae\\\\\xbep\xfe\xf6\xbf6\xa8D\xd1n\xb3\x8e\x1f6`\xfd\xaec\x82 b|\x7f\x1e\xaa,K\xc1!\x86\x17\xda\xbex\xf9bb||\xc2\x9d;wJ\x95*\xc5\xa2@\x8c\xc2\x0e\xf3b\x18\xf9\r]\xac\xbes\xe7Nbb"\x004\x8ei\xad\xd3\xa9\x94\x07\xbc{\x8e\xe7\xad\x16[\x9b\x17_\xee3p\x88\xa2\xc8\x15+W\x9b\xff\xcb\xfa\xe5\x9bv\xbf7jl\xab\x0e\x9d\xeb7y\xa1e\xfb\xce\x9fN\x9f\xb1|\xd3?\xa1\xc5\x8aK\x92\x87\x17\x84][\xfe&lt;u\xec\x88\xce\xcf\x8f\xc6\xbeDQ\xbcs\xeb\xce\xc6U\xcb8\x8e\x93&lt;\xee\x88\x8a\x95\x97o\xfa\xa7{\x9f\xbe%J\x87\x07\x04\xea\x83B\xc3\x1a6k\xb5\xe0\xb7\xf5=\xde\x1c$y&lt;*QL\xberi\xdf\xceX?\x7f\x1d]\x9f\xf8\x9f\xc1 $\xcb\xa4\xc9\x0bm\x10B6\x9b\xf5\xe8\xd1cpo\x19\x83\xc1(\xbc0\x01`\xe474\xfe\xf3\xef\xbf\xffZ,\x16\x8e\xe3j\xd7o,I\x84{\x98+\x8d\x10\x92&lt;\xf2\x87\x1f\x7f\xf6\xd1\xa7_,\xdb\xb8\xb3C\xd7W\x9cNgV\xba\xc9j6\xdbmV\x9b\xc5|\xfbfzt\xc3:\xef\x0c\xff\x98\xae\x16\x10B\x0e\x1f\xd8\xa3V\xf3\x84\n\x80Z}\xedrRfF\x1a\xcd\x19\xed=\xe0\xbd\x92e\x8a\xa7\xdcN\x97&lt;\x1eY\x96eI\xb2\x9aM\x0e\xbb\xd4\x7f\xc8HQ\xad\xa6\x89O\xe7\xe2O\xf2&lt;&lt;\xb8\x16\x8d8\xce\xedrGV\xad\x11\x1c\x12\n\x00\xbbv\xed\xca\x87\x0f\x8a\xc1x\xd60\x01`\xe47T\x00\x12\x12\xce\x00\x80\x7f@@\xc5\xca\xd5&lt;n\x0fzXH\x1d!$I\x92JT\x0f\x199\xde?P\x9f\x95a\xe28\x8e\x17\x04\x8e\xe79\x8e\xe3x^\xa5\x12\xadf\xa9^\xe3f&lt;\xcf\xcb\xb2\x0c\x00\xb7n\\#\x84\xf6\x8b$\x08qn\x97\x13\xe0n\xfb\xc8Re\xca\xb9]XP\xa9\xbc\xd10^\x10dI\n4\x18\x03\x03\rXQ\x08!N\x87\xfd\xa1Yqt\xab]X\xf1R\xe1\x11\x15\x01\xe0\xdc\xb9\xb3\xc0:\x040\n?L\x00\x18\xf9\r]&gt;\x8d\x8f?\r\x00\xc5K\x961\x18\x83dY~\x941E\x08\x01\xc6\xa6,\xb3"\xcbt%\xe0\x7f\x1f\x05\x02D\xad\xd6\x08*\x15\xc1\x18\x00\xc8\xff\x87e\x90\xa2\xc8zc\x10\xc7q\xf4`Z\xcamA\xe0H\xf6\xb8\r!\x1c\xcf\xd9\xad\x16\x9b\xd5BG\x15\x1cV\xecQV\x9d\x10\xa2\x12\xb9\xb2\x15*\x01\xc0\xa5K\x97\xacV+B,\x8b\x9aQ\xb8a\x02\xc0(\x18L&amp;\x13\x00\x18\x83C\xfc\x02\x02\x1f\\\x00\xf8\x1f\x10zT\x92\x12!\xc0s\xbc\xd5j\xf1\xb8=\x1c\xcf#\x84\x82C\xc3\x10\x02 \xc0q\x9c\xc7\xed.W!2\xbc\\\x05\x02\x80\x10Z\xb7j\x89\xdb-\xa95\x1a:W\xc0\x18\xcb\xb2l0j6\xad]\xe9r9\xe9f\xe0F\xcdZ\xba]\xcaC\xa7#\x84\x10A\x80\xe2%J\x03\x80\xd9l\xf1\x9d\x82E\x0cF\xaea\x02\xc0\xc8Wh\xe6\x8c\xd5j\xbd|\xf92\x00\x14/Y\x86\xe3H\xae\xfdhB\xb0\xa8\xe6\xcf\xc5\x9f$\x04s\x88#\x84T\x8d\xaa\xa3\xc8w\x833\xb2,\xeb\r\x01o\x0c\x1eF0V\xa9\xc4\xd3qG\xc6\x0e\xe9\x8f\xb1b0\x1a\x08&amp;\xa2Z\x1dV&lt;\xe8\xb7e+\x7f\x9a\xfd\xa5(\xaaeIz\xa9{\x9f\xe8\x86\x8d\x1dv\xdbCS&lt;\x11B\xb2\x0c\xc5J\x96\x06\x00\x9b\xcd\x9a\x94\x94\x04\xf7\xc2Y\x0cF!\x85\t\x00#\xbf\xa1\x91}\x93\xc9\x02\x00\xe1\xe5\xca\xabT\xb9\x0f\xa4 \xc4y\xdc2\xed\xdb%+rX\x89\x92\xf5\x1a5s8\xeef\x94\xf2&lt;o6Y{\xf7\x7f\xb7\xed\x8b\xafx&lt;n\x95(nZ\xbb\xa2G\xbb&amp;[6\xfe\xaeR\xabRn]\x1f3d\xf0\xa8w\xfaH\xb2\xe4\xf1\xb8\xeb5\x8e\x994c\xae\xd3\xe9|T=\t\x04\x801\x84\x97+\x0f\x00\x1e\x8f\x87\xce`\x98\x000\n5L\x00\x18\x05\x00BH\x10x\x00\x90$)\xd7&amp;T\x96$cP\xe0\x86\xdf~=y\xf4\x90J%\x12\x8c{\xf7\x7f/\xacx\xa8\xe4qg\x0f\xceH\x924\xf3\xa7\xe5]z\xf4\x95&lt;\x1e\x0eq\x17\xce\xc5\x7f\xd0\xbf\xc7km\x1buk\xdd`\xcd/\x0b\x01\x80`\xfc\xda\x1b\x03\x17\xac\xde\xac\xd6he\xe9\x91\xab\x11\xde\xab\xd1\x7f\xb0m\xc0\x8c\xe7\x00&amp;\x00\x8c\x82\xe1)}gEQ\xfc\x03\x03.\x9c;?c\xe2(\x9e\x17$\xc9S\xbeR\x957\x07\x0f\xb3\x98\xed\xd9K{\xd2\x86\xc3\xb2,}\xb7\xf4\x97\xaf\x7f\\\xae\xf3\xf7\xe7yA\xa5\x12\xcf\'\x9c2\x9b\xb2\x04A\x08\t+\xb6h\xed\xd6\xef\x96\xfe\x0c\x04&lt;\x1e\xcf\x93\xef\xefe\xbe?\xe39\x80\t\x00\xa3`\xa0\x064w~4\xc6\x8aZ\xa3\xb6\x9a\xcd\x1f\x0e\xe8i\xca\xcaD\x08T\xa28\xed\xdb\x85~\xfe\x01\xca\x03\tE\x04\xe3@\xbd\xfe\xf4\xf1\xf8\x83{v(\x8aB\x08\x96$\xcf\xbd1\x80\xcdjY2\x7f\xd6\x96\x8d\xdb\x02\x0c\x81\xb4`\xc6\xe3_\xda;`&amp;\x00\x8c\xe7\x00&amp;\x00\x8c\x02\x00!D-\xa9)+\x03\xe3\x9c\x15T\xc0\x18\xabT*\xac(\xef\xbf\xd5=\xf1\xcciQ\x14eY\x9e\xfc\xf5\xf7\r\x9a6\xb3Z,\xf7U\xf6\xc7X\t4\xe8\xd7\xadX\xda\xabC\xd3\r\xab\x96:\x1dv\x8cq\xeb\x8e]\xde\x1b9\xbet\xd9\x08E\x91]N\xe7\xfe\x7f\xb6\r\xe8\xde~\xfa\xa7cDQ|\xbc\x06 \x04\xa6\xcc\x0c\x00@\x88c! \xc6s\x00\x13\x00F\xbe\x82\x10\xc2\x18\xeb\xf5\xfa\xaaU\xab\x00@R\xe2YY\xceA\x85"\xdaX\x98\xe3\xf8\x0f\x07\xf4:r`\xb7\xa8V{&lt;\x9e\x8f&amp;|\xf1z\xff\x81\x0f\xf6\x12P\x14%\xd0\xa0_\xb9\xf8\xc7q\xef\xf7w\xd8m\x00P\xbeR\x95\x9f\xd7\xfc\xfd\xfd\xf2\x8d\xa3\'}\xb1\xe1\x9fc\x13g\xcc\x0b-V\x1c\x00\x04A\xf8y\xee\xd7c\x87\xf6\x13\xd5\xe2#_\x9a\x10\x95\n\x92\x12\xcf\x02\x80\xd1h\xacV\xad\x1a\xdc\xdb\xd3\xc0`\x14R\xd8\xcf\x97Q\x00 \x84\xb4Z-\x008\xecv\xb7\xebq]\xc0\xb2\x831\x16\x04^P\t#\x06\xf5\xde\xbdm\xb3\xa8\xd6x\xdc\xee\xf7FN\x18:z|f\x86\xf9\xbemb\x18c\x9d\x9f\xee\xf4\xf1\xb8i\xe3&gt;\xe0\x05\x81\x10R\xa7A\x93U[\xf6\xbd\xd0\xb6\xa3\xd5b\xceH7\xa9T\xea~\xef\x0e]\xb7\xf3H\xa3\xe6\xadeY\x16\xd5\xea\xcd\xebV-\x9e7+\xd0\x10\xa0(\xf7\x17\x9d\x86\xbb\xcb\t\xc4j1\x03\x80(\x8a\xaa\xec\x1d\x96\x19\x8c\xc2\t\x13\x00F~Ck\xa8\xd5\xaaU\x1b\x00\xae_\xbdd\xcaL\x17\x04\xe1?C\xea\xb49\xa5J\xa5\xfa\xe8\xed&gt;\xdb\xffZ/\xaa\xd5\x1e\xb7\xeb\xbd\x8f&gt;\x195\xf13S\x96\xe5\xc1R\xd2@\x88(\xaa\x16\xcf\x9b)I\x12\x10b0\x06\x7f\xfd\xe3\xaf\x81\x06cVf\x16\xad\x92\x8d1NO\xcb\n\t-\xfe\xc3\xf2\rU\xa3jK\x1e\x0f\xc7\xf1\x8b\xe6\xcd\xbcs\xf3\xb6(\xaa\x1f\x1c\x0fBH\x92\xd0\xc5\xf3\t\x00P\xa9R\xc5\xc0\xc0@Z\xd5.\x8f&gt;\x15\x06\xa3\x00`\x02\xc0(\x18*U\xaa\x08\x006\xab\xf5F\xf2U\x95J|\xbc\x00P\xeb/\xaa\xc5Q\xef\xbe\x19\xfb\xe7ZQ\xad\xf6\xb8\xdd\xc3\xc6N\x1e5y\x9a)\xcb\x82\x10\x82\xfb\x16~\t\x11T\xaa\x8c\xb4\x8c\xb8\x7f\xf7\x03B\x8a\xa2\xb4\xeb\xfcj\xf9J\xe5\xadf\x8b\xd7sG\x08\xd1\xa6\xc4\x81\xfa\x80w?\xfa\x98\x10\xc2q(+3=\xe1\xc41\x8dV{_\xa5OB\x88 \x08\xe6\xac\xf4[\xd7\xaf\x01@\xf9\xf2\xe5Y\x1d\x08\xc6s\x00\x13\x00F~C\x03&gt;\xcd\x9a5S\xab5\x92\xe49y\xf4\x90\xa8\xe6\x1eSZ\x99`\xcc\xf3\x9cZ\xa3\x1e\xf3\xde[\x7fo\xf8\x8dZ\xff\xe1\x1f\x7f6\xe2\x93I\xa6\x0c\xf3\xa3\x9a\x1c\xf0\x82`6e\x99MY\xf4\xb1\x8a\x95\xabbL8\xee\xfe3\x05\x9ew:\xa5\xf2\x15\xab\x08\x82@\xab;\xa4\xa6\xdc~\xd8t\x82\xa85\x9aK\x17\xce\xdd\xba\x91\x0c\x00-[\xb6\x04\x96\x08\xc4(\xfc0\x01`\xe474\xd3\xa6\\\xb9r\xe5\xcb\x97\x07\x80#\x07\xf7\xc8\xf2#\x13\x81\x08\xc6\x88\xe74Z\xed\xd8!\xfd7\xaf[%\x8aj\x8f\xdb\xfd\xd1\x84/&gt;\x187!3\xc3\x8c8\xee\x91A\x98{\xbd0\xe9\xff\xdc\x1e7\x82\x87\xd4y&amp;w+}\xba1&amp;\x88\xe3\x08!\x0f\r\xeec\x8cE\x91;vh\xbf\xa2(j\xb5\xa6Q\xa3F\xc0V\x80\x19\x85\x1f\xf6\x0bf\x14\x00\x18cQ\x14\x1b5j\x08\x00q\xff\xeeO\xbe|Y\xa3\xd1&lt;\xe8P\x13B8\x9e\xd3\xeat\xe3\x86\x0e\xfc\xf3\xf7\xe5\xbc x&lt;\xee\x8f&gt;\xfdb\xc8\xa8\xf1\xe9i\x99\x00@\x08\xc6\x8a\xf2\xff\x7f\xb0\x82\xb1B[B\xca\xb2l0\x06\x19\x83B\xe8\xa5\x0e\xee\xd9A\x00\x01 |\xaf/&amp;\xed\x99,I\x9e\x80@\xe1\xf0\xfe\x7f\xbc]\xc0\xca\x94\xab\xf0\xa0 \xf1&lt;\xeftxvn\xfd\x03!T\xa1B\xf9\x88\x88\x08B\x08\x13\x00Fa\x87\xfd\x82\x9fgh\x1f`Y\x96eYV\x14\x05cL[e\xd1\x87\xbc\xc7i\xaf\xe0\xfc\x1f^\xb7n\xdd\x00\xc0j1\x1f\xda\xb7K\xe7\xa7\xbe\xbf\xe5/!\x08!\xb5F\xf3\xf1\xfb\x836\xfe\xb6L%\x8a*A5\xe5\x9b\x1f\xc7N\x1d/I\x8a\xde\x10\x14\xa8\xd7\x07\x04\xea\x03\xf4\xd9\xfe\x04\xea\xfd\x03\xf4j\x8d\x16\x00\xc9\xb2l\x0c6\xd6m\xd4\x8c:\xf5\x87\xf6\xec\xfcu\xc1\xf7\xc5J\x18t~\xfe\x82\xa0\xe2y\x9e\x17\x04\x8dV[\xb2T\xc8\xd1\x83G\x17~;\x83\xe7y\xac(\x11\x15#\xab\xd7\xaa\xe3t\xd8\xb9l\x15\x81\x08\xc6Z\xad6)\xf1\xdc\xf9\xf8\x93\x84\x90N\x9d:\x89\xa2\xf8\x1f\x15L\x19\x8c\xc2\x00\xdb\xcc\xf2\xbcA\x1d[\xea\x9fr\x1c\xc7\xff\xef\xc6(\xb8\xb7\x97\x95\xf6\x82\xcf~\x9c\xca\x00}\xd6\xb3\x1e$\x8d\x02\xb5j\xd5\xaaR\xa5JIII\x9b\xd7\xad\xec\xd6\xfb\xad\xfb{\x02\x13\xe2\xef\xef7m\xfc\x88\xf5\xab\x96\x08*\x95\xe4\xf1h\x02\xf5\x87\xf7\xed\xda\xb5\xf5O\x84\x1e\xda@\x0c8\x8e\x97$O\x8b\xb6/\xf6\x19\xf8\xae\xc5b\xf5x\xa4~\xef\r\xff{\xc3o\x8a\xa2\x08\x82j\xca\xe8\xa1\x89gNw\xe9\xd9\xb7T\x99r\xa2Z\xad\xc8JF\xda\x9d=\xdb\xff^\xf0\xdd\x0c\xab\xd9$\xa8TDQ\x86\x8e\x9e\xe8\x1f\x10`1\x99\xb8lI\xa5\x18cQ-\xfc\xbd\xf17\xb7\xdb-\x8ab\xbf~\xfd\x80\xc5\x7f\x18\xcf\x05,\x93\xe1\xf9\x81\xfa\xfb\xd9\xcdzFF\xc6\x993g.]\xbat\xfd\xfa\xf5\xe4\xe4\xe4\xab\xd7\xaeq\x08\x9d8q"++\xcbh4\xf6\xed\xdbW\xaf7\xd4\xac\x19U\xbat\xe9\xea\xd5\xab\xebt:\xefu0\xc6\xdcc\xc2\xeby\x81,\xcb\x82 L\x9c8\xf1\xb3\xcf&gt;C\x08\xfd\xfa\xc7\xee\xfaM\x9b\xd9,V\xefV^B\x88Z\xad\xe9\xd1\xae\xd1\x85\xf3\t\x08\x10\xc6\x8a\xa2`\x1a\xdey&lt;\xdd\xdf\x188\xe3\xfb\x9f33L\x00Ho\xd0\xaf\xf9e\xd1\'\x1f\x0e\x02\x00\x8e\xbb\xbb\xd4\x1c\x14\x12\xaa\xd5\xf9I\x1eOVF\xba\xb7,\x04\x00\xbc7r\xc2\x88O\xa6Z-\xd6\xec\xc6\x9d6\x9bt9\x9d\x9d\x9b\xd5HOMi\xd9\xb2\xe5\xce\x9d;\xe9\xe7\x93\xb7\x1f\x08\x83\x91\xff\xb0\x19\xc0\xf3\x00u\xf9\xbd\xe9\xed\x87\x0f\x1f\xde\xb6m\xdb\x81\x03\x07N\x9e:\x95\x96\x9a\xfa\xd0\xa7\xa4\xa7\xa7\xcf\x9e=\xdb\xfb\xdf\x88\x88\x88\xe8\xbauc\x9a5k\xd7\xae]\xd5\xaaU\xe9\xbcAQ\x94g\'\x03\xd4\xf3\x186l\xd8w\xdf}g6\x9b\x7f_\xbe\xb0I\x8b\xe6\x98\x90\xff5\xab\xc8\xe3qK\x1e\xcf\xc3/\xf1\x08\xbc\xa1$\x9e\xe7-&amp;s\x8f7\x07\x16+Qr\xf6\xe7\x9f\x9e9\x15G\x8fg\xa6\xa7\x01\xa4e\x7fJ\xb9\n\x91CGO\xe8\xd2\xa3\xaf\xcdj\xbd\xcf\xb2+\x8ab0\x06\xfc\xf1\xdb\xaf\xe9)w\x08\xc0\xa0A\x83\x00\x80\t\x00\xe3\xf9\x80\xcd\x00\n7\xd4[\xa7\xf6\xfa\xc6\x8d\x1b\xabW\xaf^\xb1b\xc5\xc9\x93\'\xb3\x9f\x83\x10\x04\x05\x87j\xb4\xba\xb2\xe5+\xd2e\x00\x00P\x14\xe5\xda\xe5\x8b\xb2$\x99\xb22\xb3\x9f\xacV\xab[\xb4h\xd1\xa7O\x9f.]\xba\x04\x06\x06\xd23\x1f\x8c#=\rt\x00\x1c\xc7y&lt;\x9e\x05\x0b\x16L\x9e&lt;\xd9j\xb3\xc9\xb2\xbcp\xf5\xdf1\xad\xdbX\xccV\xfar\x84\x10AP\xad[\xb98\xe5\xd6\xcd\'L\xbaG\x1cG0\xaeQ\xa7^\xab\x0e/:\x1dw7\x18+\x8a\x12\x10\xa8w:\xecG\x0e\xec9\xb4w\xe7\x85s\tY\x19in\x97\x8b\xe7\x85@\x83\xa1Bd\xd5F1\xad\x9a\xb6lg\x0c2Z\xcc\x96\xfb\xcc:M\xff\xb7\x98\xb2\xba\xb6\xac\x9b\x91\x96R\xa9R\xa5S\xa7N\x89\xa2\xf8\xa8\xdcS\x06\xa3p\xc1\x04\xa0\x10\xe35\xcd\t\t\t\xb3g\xcf\xde\xb0aCVV\x16}H\xadVW\x8d\xaa]3\xbaat\x83&amp;\xc5J\x96*]\xb6\xbc \xa8\x82BB\xe9\xd7\x8d\x10`\x05g\xa4\xa7z&lt;\xee\xe4\xcb\x17o$_=q\xe4`\xc2\xc9\xb8\x0bg\xe3\xbd\xbf\x86\xf0\xf0\xb2\xfd\xfb\xf7\x1b2dHXX\x18\xcd\x99yz\x9f7\xbb\\m\xd9\xb2e\xdc\xb8q\xa7O\x9f\xa6\x0f!\x80:\r\x9b\xae\xfck\x8f\xddf\xcf\xf6B\xc4? @\x10\xe0n\x9b\xf7\xff\xbc&gt;\x00\x02p\xbb\xb1\xc3n\xcfn\xa0\xb1\xa2p&lt;\xef\xe7\xef\xcf\xf3 \xcb\xc4\xe5t\xc9\xb2\xc4q\x9cZ\xa3U\xaby\x8c\xc1nw\xc8\x92\xf4\xa0\xce\xc9\x92\x14Z\xcc\xf8\xd9\xb81\x8b\xe6}\r\x00k\xd6\xacy\xed\xb5\xd7\xf2\\\x11\x19\x8c\x82\x82\t@\xa1\xc4kI\xcdf\xf3\xcc\x993\xbf\xf9\xe6\x1b\xa7\xd3I\x1f\x8an\xd8\xb4U\xfb\xce1\xad;T\xac\\M\xa3\x13\xb1\x02\x8a\x82=\x1e\x0f\xc1D\x96=\xd9\r\xa9J%"\x84D\xb5\x9a\x17\x00\x01X\xcc\xb6\x84\x93\xc7\xfe\x89\xdd\xb4w\xc7\x96\xa4\xc4s\xf4\x9c\xd2\xa5KO\x9d:\xb5\x7f\xff\xfe\xf0tS\x81\xec\xeb\x13\t\t\tc\xc7\x8e\xfd\xfb\xef\xbf\xe9C=z\xf4(U\xaa\x14\x8dG\x8d\xfb\xec\x9bw?\xfa(\xedN\x96p/\x19?G\x19J\x08\x80\x00&lt;j\x1d\x1b+\n\x01\x82\x10G\xe3Zw\xf3@\t\x06@\x0f\x8dt)\xb2\x1c\xa8\x0f&lt;~\xe4\xdf7\xbb\xb6\x92&lt;\x9e\xb6m\xdb\xc6\xc6\xc62\xeb\xcfx\x9e`\x02P\xf8\xf0\x06\xa0\xd7\xacY3q\xe2\xc4\xc4\xc4D\x00P\xab5\x1d\xbat\xef\xdc\xed\xf5\xa6-\xdb\xa9\xd5\x82\xdb-\xbb\x9cN\xac(\x80\x907^q\x7f\xa1\xfc\xbb\xf9\xa041\x14\xf1&lt;\xaf\xd5\xf9\x89"\xca\xca4m\xdb\xbcq\xf3\xda\x95\x07vo\xa7g\xb6n\xddz\xc6\x8c\x19\xd1\xd1\xd1\xb9[\x15\xf0\x1a\xcd\xd4\xd4\xd4\xcf?\xff|\xe1\xc2\x85T\xaej\xd6\xac\xf9\xd5W_u\xec\xd8\x91\x10R\xa5J\x95\x8b\x17/\x</t>
        </is>
      </c>
    </row>
    <row r="475">
      <c r="A475" s="1" t="n">
        <v>473</v>
      </c>
      <c r="B475" t="inlineStr">
        <is>
          <t>color_hexagon</t>
        </is>
      </c>
      <c r="C475" t="inlineStr">
        <is>
          <t>What is the missing color of the part denoted with a question mark?</t>
        </is>
      </c>
      <c r="D475" t="inlineStr">
        <is>
          <t>['red', 'blue', 'orange', 'yellow']</t>
        </is>
      </c>
      <c r="E475" t="inlineStr">
        <is>
          <t>red</t>
        </is>
      </c>
      <c r="F475" t="inlineStr">
        <is>
          <t>There is a hexagon split into six parts with the colors ['purple', 'red', 'blue', 'purple', '?', 'blue'] in an anti-clockwise order.</t>
        </is>
      </c>
      <c r="G475" t="inlineStr">
        <is>
          <t>We observe that a blue part is opposite another blue part, and a purple part is opposite another purple part. Thus, the pattern is that the colors in opposite parts are the same.</t>
        </is>
      </c>
      <c r="H475" t="inlineStr">
        <is>
          <t>Based on the pattern that spatially opposite parts have the same color, the missing color of the part which is opposite a red part should be red.</t>
        </is>
      </c>
      <c r="I475" t="inlineStr">
        <is>
          <t>b'\x89PNG\r\n\x1a\n\x00\x00\x00\rIHDR\x00\x00\x02\x00\x00\x00\x02\x00\x08\x02\x00\x00\x00{\x1aC\xad\x00\x00}\x8cIDATx\x9c\xed\xddyxU\xd5\xd5?\xf0=\x9c;\xe7\x0ea\x08\xa3\xd0\x10\x10\xc10\x850\xc60*\x8aC\xb1\xafE\x19\xa4J\xb5\x85\xb7\xb5\x16\x05\x05\xc4\xa8\x80J)\xa0\xd4\x16\xab\xbeNT&amp;\xa5\xf2+T\xa8D4\x84\x08\x88\x18\x14\x14\x15! \x01$"p3\xdc\xdc\xf1\xec\xb5\x7f\x7f\xec\xe4J\x114@\x92;\x9c\xf5y|\xde\xc7\xb7\x93\x97\xe4\x9e\xb3\xf6\xd9{\x9d\xf5\xa5RJ\x82\x10B\xc8xX\xac?\x00B\x08\xa1\xd8\xc0\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0\x00 \x84\x90Aa\x01@\x08!\x83\xc2\x02\x80\x10B\x06\x85\x05\x00!\x84\x0c\n\x0b\x00B\x08\x19\x14\x16\x00\x84\x102(,\x00\x08!dPX\x00\x10B\xc8\xa0\xb4X\x7f\x00\x14KRJ)e\xac?\x05\x8a\x19J)\xa54\xd6\x9f\x02\xc5\x0c\xc5\xeb\xdf\xb0t]\xd74\\\x01\x18\x9d\xae\xeb\x9cs,\x03\xc6\x84\x05\xc0\xa0\x00\x801\xf6\xe5\x97_\xfe\xeew\xbfc\x8c\x01@\xac?\x11jT\x9a\xa6\xe9\xba~\xf7\xddw\x8f\x1b7.\xd6\x9f\x05\xc5\x0c.\x00\rG\x95\xfc@ \xb0h\xd1"\x8f\xc7SPP\x10\xebO\x84b\xa6k\xd7\xae\xc7\x8e\x1d\xbb\xee\xba\xeb233\xa5\x94\x8c\xe1\xa1\xa0\xb1\xe0\x13\x80\xe1\x08!8\xe7K\x97.\xbd\xf3\xce;)\xa5\x9c\xf3\xe8w\x80R\xbc\xfe\x93\x1c%\x04\xa4$\xa4\xe67\xce9\x0f\x87\xc3\x13&amp;L\xf8\xc7?\xfe\x81[\x82\x06\x84\x05\xc0X\xd4\xa9oEEE\xd7\xae]O\x9e&lt;\t\x00\xb8\xf9cpf\xb3Y\x08QPP\x90\x9b\x9b\xab\x16\x07\xb1\xfeD\xa8\xf1`\xc17\x16\x00\xe0\x9c\xe7\xe5\xe5\x95\x95\x95\xa9\xb5?%\x84P&amp;%\xf4\xedq}N\xf6/\x02\xc1*F\xf1\x16\x90\x9c@\x82\xc5l\xfb\xfa\xe8\xde\x7f\xbf\xfb\xac\x94 %\xa1\x8c\xea\xba\x0e\x00S\xa6L\xd9\xb6m\x9b\xc9d\x92R\xe2\x81\xb0q\xe0\x13\x80\x81\x00\x00\xa5\xf4\xab\xaf\xbe\xca\xcc\xcc\x04\x80h\x0f(\xa5TJ\xe9v6\x7f\xec\x8fkl6\x97\x10:\xde\x02\x92\x8e$\x84\x00\x80\xdd\xe6Z\xf8\x7f\x13?\xdf\xbf\x8dQ\x06R=\xfcQ\xce\x99\x10\xe2\xd5W_\xbd\xe3\x8e;\xf0!\xc0P\xb0\x00\x18\x88\xba\xb6\xaf\xbd\xf6\xda\xfc\xfc|\x93\xa6Et\xbdGZ\xdaw~\xffq\x9f\x8f1.@\x0c\xcc\x1a5\xfe\x17\x8fV\xfb\xcb\x19\xc3[@\xb2\x01\x10\x0e\x9b\xfb\x83\x8f\xd7\xbd\xf6\xfffS\xca$\x91\x9c\x9b\xdat\xe9[\xfa\xe9\xfb\xea\xec7--m\xef\xde\xbd\x1e\x8f\x07_\x0e0\x0e&lt;\xf43\nu\xf7\xcf\xcf\xcf\xcf\xcf\xcf\xe7\x9c\x03\x00\xa3t\xfe\xa0A\xbf\xe9\xde]\x12B\x89\xa4\x94}\xf0\xc9[G\xbf\xf9\xd2fM!\x840\xca\xf0\xaf\xa4\xf9\x8bR\xa6qS8\x12\xf8O\xe1\xcb\x84\x10\xc6\x18\x91\xf2\xb2n9?\x9f\xfe\x7f6W\x13)%\xe3\xbc\xac\xac\xec\xa9\xa7\x9e\xc2\x9e`C\xc1\x02`\x08jcW\xd7\xf5{\xef\xbd\x97\x12\xc2)\x15\x00\xa3:v\x1c\xd8\xba\xf5\xaf\xae\xbc\xf2gn\xb7\x0e\xc0\x19\x03\x10on|\x9aQ\x8e\xcb\xbf$#A8l\xee\xfc\xa2\xa5\'O\x1fa\x8c\x83\x04\xc6\xf9U\xe3\x1f\xf4\xb4h\x973f\x9a\x94\x12@2\xc6\x17,X\xb0\x7f\xff~\xac\x01\xc6\x81\x05\xc0\x10\xd4k_\xcf?\xff\xfc\xbe}\xfb8\xe7\xba\x10.\xb3\xf9\xfe\xec\xec\x8ap\xd8m6O\xcb\xce&amp;\x84H\x00J\xd9W\x07w\xee\xf9r\xb3\xcd\xea\x04\x10\xb1\xfe\xd4\xa8~H)M&amp;\xcb\x89S\x87\x0bw\xbcN)%\x94J\x80\xcc\xe1c[w\xee]q\xe2h\xe6\xd5c\xd2\xd23\x01\x04\xe3&lt;\x1c\x0e\xcf\x9a5K\x9d\t\xc5\xfaS\xa3\xc6\x80\x05 \xf9\xa9\xb3\xdf\xb2\xb2\xb2\xbc\xbc&lt;\xb5\xb9\x0bRN\xcc\xcc\xec\x99\x96\x16\xd4\xf5\xcapxL\x97.\xfdZ\xb5\x12\x128\xa3\x84\x905\x1b\xff\x12\n\xfb\x19\xe3x\x0fH\x0eR\x82\xc5l_\xbbi\x89?P\xc9\x18\x97\x00\x16\x87;g\xec\xb4H\xd0O\xa44[\x1d\x83&amp;\xcc$R\x02\x08\xce\xf9\xea\xd5\xab\xd5&amp;\xa1\x10\xb8\x02H~X\x00\x92\x9fz\xc3s\xe6\xcc\x99^\xaf\xd7\xc4\xb9.D;\x97\xebw\xbdzy\x83A\x8d1I\x88\x00\xc8\x1b0@c\x0c\x008\xe3\xdf\x9d*\xcd/Z\xea\xb0\xb9%&gt;\x04$&gt;\x90`\xb7\xb9&gt;\xdbWT\xfci\xbe:\xfb\x95\x12\x06\x8c\xfe\xa3\xb3Y\x1b=\x1cd\x9a\x16\xf4\x95\xa7\xf7\x1e\xd6\xb1\xdfu \x04e\x8cRz\xef\xbd\xf7\xea\xba\x8e\xcf\x01F\x80\x05 \xc9\xa9\xcd\x9f\xe2\xe2\xe2\x95+W\xaa\xb3_I\xc8\xf4\xbe}\xd3\xec\xf6\xb0\x10\xea&lt;\xa0*\x1c\xbe\xaam\xdbq]\xba@mWh\xe1\x8e\xd7O\x9c:l\xd2,x\x0bHt\x94\x10!\xf4\r\x9b_\x94\x12\xd4\xe6~Zzf\xaf\x1b~\x1d\xaa\xae`5\xed\x9e\x14\x84\x184\xe1!\x8b\xdd)\x84`\x9c\xef\xdb\xb7\xef\xf9\xe7\x9f\xc7\x93\x00#\xc0\x02\x90\xe4\xd4\xf1\xef\xd4\xa9SC\xa1\x10\xa7T\x07\xe8\xd7\xaa\xd5mW\\q:\x18\xd4j\x07\xbfp\xc6|\xe1\xf0\x83}\xfa\xb8-\x16\x00\xc1\x18\xf7\x07*\xd7mz\xd6juH\x89\xb7\x80\x04&amp;@\xa4\xd8S\xb7\xedZ{\xb0\xf4\x13\xc68HI\xa4\x1c4a\xa6f\xb1I!\x08Qo\x01\xb2\xb0\xbf*\xadC\xb7\x9e#\xef\x94\x00jDt^^\x9e\xd7\xebe\x8c\xe1\n \xb9a\x01Hf\xaa\xf5s\xf5\xea\xd5\x85\x85\x85\x9a\xa6\xe9B\x989\xcf\x1b0@\x00\x9c\xd9\xe7C\t\t\xeazk\xa7\xf3\xfe\xeclI\x08\x91@)\xfbx\xef\xa6}\x07?\xb4Z\x1c\x805 1I"5n*\xaf:\xf1N\xd1\xab\xaa\xb5_\x82\xe8\xd4\x7f\xe4\xcfz\x0f\x0b\xf9\xca\xe9\x19o{1\xae\x05\xab\xbc\xd97Ov\xb7h\'\x84\xce5\xcd\xeb\xf5\xaa\x13#|\x08HnX\x00\x92\x96Z\xbb\xa9\xbe\x0eB\x08#\x04\xa4\xbc)##\xb7m\xdb\xaap\x98\xfd\xf7\x9b&gt;\x9c\xb1\xcaPhbff\x07\x8fG\x00p\xc6t\x11Y\xfb\xce\xdf\x18\xe3\xd1\xc1a(\xb1\xa87\xbf\xde\xdd\xba\xfc\xa4\xf7\x18\xa5\x0c$p\xcd\x943f\x9aZ\xe6\xff\xd7\x7f\x94R\xa1\x87S\x9a\xb4\xecw\xcb\x1fHMKhM\xcf\x18n\x04%7,\x00IK\x8d\xfdY\xb8p\xe1\xfe\xfd\xfbM\x9a\x16\x11\xc2c\xb5\xce\xea\xdf\xbf*\x1c\xe6?\x98\xfaK\t\x11R\xdaM\xa6\xc7\x06\x0e$\x84\xa8\x8d\xa0\x92\xc3\x9f\xec\xf8\xe4\xad\x14\x9b\x07[B\x13\x8e\x94`5;\x8e\x1c\xff\xa2h\xe7jJ\x99j\xfd\xcc\xba\xf1\xee\x16\x1d{\x84\xfdU\xf4\x07_\x00\xc6\xb5@\xc5\xa9nW\x8fm\xd3\xa5\x0f\x08\x9dq\xad\xe6\xad\x11&lt;\nNjX\x00\x92\x93:\xfb-))\x99?\x7f\xbez\xedSJyWff\x86\xc7\x13\xd4\xf5s\xbe\xe7\xc5)\xad\x0c\x85F\xa6\xa7\xe7\xb6m\x0bR2B\x08\xa1o\xbd\xf7\\\x85\xef\x14\xe7\x9a\xc4\xe7\x80\x84"\ta\x8c\xaf\xdd\xb4$\x10\xf4Q\xc6$\x08\xbb\xa7Y\xf6\xa8I\xe1\x80\xef\xfcs&gt;$\xe3\xda\x80[\xef\xa7\x8c\x81\x10\x9ck\xf9\xf9\xf9\xabW\xaf\xc6\x96\xd0$\x86\x05 9\xa9\xb3\xdf9s\xe6TVVj\x9cG\x84\xe8\xe0\xf1\xdc\x9b\x95\xe5\r\x06\x7f\xb8\xfc?\x93\x90rvN\x8e\x99s\x90\xc0\x19;\xe5\xfd\xe6\xdd\xad\xcb\x1cv|\x08H$\x00\xc2au}\xbe\x7f\xeb\x9e/63\xca\xd4\x14\xf0\xab\xc6&gt;\xe0j\xdeV\x0f\x07\xc9y\xe6\xfcP\xc6\x83\xbe\xf2\x8c&gt;\xd7\\q\xd5(\x80\x9a\x96\xd0Y\xb3f\x85\xc3a|\x0eHVX\x00\x92\x90:\xfb\xdd\xb2e\xcb\xf2\xe5\xcb5\xce\x85\xae\x13B\x1e\x1b80\xc5l\x16j\xfe\xf3y0J}\xe1pV\x8b\x16\xbf\xe9\xde\x1d\xa4\xa4\x84P\xca\x8av\xae.=\xf6\xb9\xc5l\xc7[@\xa2`\x8c\x07\xc3\xfe\xb5\x9b\x96\x10B\xd5r\xbeM\x97&gt;\xdd\xae\x19\x1f\xa8:\xcd\xf8\x8fM\x80g\x8c\x87\x03\xd5\xb9\x13\x1e\xb2\xa6x\x84\x1e\xe1\x9a\xb6\x7f\xff\xfe\x85\x0b\x17\xe2I@\xb2\xc2\x02\x90\x9c\x84\x10yyyB\x08F\xa9\x902\xb7m\xdb\x91\xe9\xe9\x15\xa1\x10\xff\xa9)\x8f\xaa%tr\x8f\x1e\xcd\xedv\x90\xc0\x18\x0b\x04}o\x17\xbed6Y\xb1%4!\x08\x10v\x9bk\xc7\'o\x1d=\xbe\x8f1\x06RR\xc6\x06\xdcz?\xe3\x1a\xf9\xc9\x12N\xa9\x1e\x0e\xa4\xb6\xee\xd0\xeb\xfa\x89jX8\xa3l\xd1\xa2Eeee\xd8\x11\x94\x94\xb0\x00$\x1b]\xd79\xe7+V\xac\xd8\xb2e\x8bI\xd3t!4\xc6f\xe7\xe4\x88\xba\xad\xdfUK\xe8e.\xd7\x83}\xfa\x80\x94D\x02c\xbc\xf8\xb3w&gt;\xdbWd\xb7\xb9\xb0%4\xceI)M\x9a\xf9t\xf9\xf1\xf5\x05/D[?;\xe7\xfc&lt;\xa3\xef5A_9\xad\xc3\x94o\xc6y\xb0\xca\xdb\xef\x96{&lt;-\x7f\xa6\x1e\x02N\x9f&gt;=s\xe6L|\' )a\x01H*j\xeaCee\xe5\xec\xd9\xb3\x19\xa5DJ\x90r\\\x97.=\xd3\xd2|?h\xfd&lt;\x1f\x8d\xb1\xf2`\xf0\xb6+\xae\xe8\xd6\xac\x99\x9a\x1a-%l\xd8\xfc\xa2\x10:%8\'4\xaeI\tV\x8b\xe3\xbdm\xcb\xab|\xa7(\xe5 \xc1bw\x0e\xb8uJ$\x18\xf8a\xe7\xcfyP)t\xb3\xdd9\xf0\xb6\xfb\t!\x02@\xad\'v\xed\xda\xa5\xde$o\xd0\xcf\x8f\x1a\x19\x16\x80\xa4\xa2\x9a\x7f\xe6\xcf\x9f_RR\xc29\xd7\x01\xdc\x16\xcb\x83}\xfa\xf8#\x91\x1f?\xfb=\x8b\x90\xd2a6\xcf\xea\xdf_\x12"A0\xc6\x0f\x96~\xb2\xad\xf8_\x0e\xbb\x1bO\x83\xe3\x16H\xb0X\xec\x87\x8f\xee-\xf8`\x15\xa5\x8cP"\x01z\x8e\xbc\xb3EF\x8fH\xc0Gi]\xbf\x00\x94k\xc1\xaa\xf2+\x87\xdf\xd6\xa6K_\x10:e&lt;\x1c\x0eO\x992E\x08\x81\x0f\x01I\x06\x0b@\xf2P\x8d\xff\xea\xd4\x8es.\x01\xa4\x94\xf7\xf5\xee\xdd\xc6\xe9&lt;_\xeb\xe7\xf9pJ\xcb\x83\xc1\xe1\xed\xdb\x8fLO\x17R2B(\xa5o\x15&lt;w\xba\xfc\xb8\xa6\x99\xf1.\x10\x9f(!\x8c\xf277&gt;-D\x842\x06 \xdci\x97\xf5\xb9yr\xb0\xca\xfb\xe3g\xbf\xe7\x04B\x1f\xf4\xabY\x8ckB\xe8\x9a\xa6\x15\x15\x15\xadX\xb1\x02[B\x93\x0c\x16\x80\xe4\xa1\xee\xcb\xaaoOE\xbetk\xd6\xec\xee\xee\xdd+B\xa1\x0bZ\xfe+\xea\xd5\xb0\x87\x07\x0cp\x99\xcd \x81QV\xe5;\xfd\xde\xb6\xe5V\x0b\x0e\x08\x8aG\x00\xc2fu\xee\xf9r\xf3W\x07wR\xca\x88\x94D\xca\x9cq\x0f\xdaS\xd3\x84\x1e&gt;_\xeb\xe7\xf9\xa8\x01A\xed\xba\xe7d\x0e\x1f#\x01$\xa1\x94\xb2\xd9\xb3gWTT`Kh2\xc1\x02\x90$T\xebgaaa\xf4\xcd\x1dI\xc8\xac\xfe\xfdm\x9a\xf6\xe3\xad\x9f\xe7\xc3(\xad\n\x87\xbb7o&gt;\xb1[7\x90ReF\x16|\xb0\xaa\xf4\xd8\xe78 (\xde\xa8\xd7\xbe\xc2\x91\xc0\x9a\x8d\x7f!\x840\xc6\x00D\x9b.}\xaf\x1cvk\xb0\xf2\'Z?\xcf\x871\x1e\xf6\xfbr\xc6N\xb38\\B\xe8\\\xe3%%%\x8b\x17/f\x8c\xe1C@\xd2\xc0\x02\x90\x0c\xd4k_\xa1Ph\xea\xd4\xa9\x94R\xd5\xfay}\x87\x0e\xc3\xdb\xb7/\xafC\xeb\xe7\xf9h\x8cy\x83\xc1\xff\xed\xd9\xb3\xbd\xcb%$0\xc6\x84\x88\xac/x\xa1\xee\xbb\xc9\xa8qH\x106\xabs\xcb\x8e\xd5\xdf\x9d*U\x89\x8f\\3\r\xfa\xd5,\x10\xfa\xd9c\x7f\xea\x8eR=\x1ct6k=`\xf4\x145 \x883\xfe\xf4\xd3O\xab\xe3%&lt;\rN\x0ex%\'\x03u\xf6\xbbj\xd5\xaa\xe2\xe2b\xb5\xfc7s\xae\xfa8/\xa5k\x87\x12\x12\x16\xa2\x95\xc3qoV\x96\x945SBw\x7fQ\xf0\xf9\xfe\xadv\xcc\x8c\x8c\x1bRJM3{+\xca\xfeS\xf8Rm\xeb\'\\&gt;\xf0\xa6v\xdd\xaf:\xe7\xd8\x9f\xbac\x9c\x87\xaa+{^?1\xb5u:\x08\x9dq^QQ1g\xce\x1c|\' i`\x01Hxj\xf9\xef\xf5zg\xcc\x98\xc1\x18\xa3R\x82\x94\xbf\xe9\xde\xbdg\x8b\x16?\x9c\xfay\xa14\xc6N\x05\x02\xe3\xbbv\xed\xdb\xaa\x95\x00\x95\x19I\xd7nZ\x12\x89\x04132NH\tVK\xca\xfa\x82\x17\x02\xc1*J9\x80\xb0\xa6xro\x9f\x11\xf6W\x9d\x7f\xecO\x1dQ\t\xc2d\xb1\r\xb9\xe3\x11B\x88.\x04\xe7\xda\xf2\xe5\xcb\x8b\x8a\x8a4M\xc3\x8d\xa0$\x80\x05 \xe1\xa9\xe5\x7f^^^YY\x19gL\x17\xa2\xb9\xdd&gt;\xb9G\x0f\xdf\xb9\xa6~^\x04I\x88\xc6\xd8\xb4\xeclF\xa9\x04`\x8c\x1d=\xbeo\xf3\x8e7lV\'fF\xc6\x1cH\xb0Z\x1c_\x1d\xda\xb9}\xd7\xda\x9a\xd6O){]?1\xb5M\xc6\x8f\x8c\xfd\xa9;\xcax\xa8\xba2\xa3\xdfu\xed\xba_%APF\x85\x10S\xa6L\t\x85Bx\x1a\x9c\x04\xb0\x00$6u\xf7W\x19~\x9c1Y\x9b\xf8x\x99\xcbu\xa1\xad\x9f\xe7\xa3ZBG\xa4\xa7\xff\xa2S\xa7hK\xe8\xdb\x85/y+\xca032\xe6\xa8\x9a\xfa\xf9\xce_\x01\x04c\x0c\x84Hm\x9d\xde\xef\x96{\x82U^\xc6/q\xf9\xff=\tb\xe8\xc4G\xb9f\x12Bh\x9a\xb6k\xd7\xaeU\xabV\xe1\x80\xa0$\x80\x05 \xb1\xa9\xfd\x1f\x95\xe2\xcd\x19\xd3\x01\xfa\xb6ju{\xd7\xae\xa7\x03\x01\xad&gt;\x96\xff\ng\xac:\x1c\x9e\xd5\xbf\xbf\xc7j\x15\x12\x18e\x81`\xd5\xfa\x82\x17\xccf\x1b\xb6\x84\xc6\x10\x80\xb0\xdb\\\x1f|\xfc\xef\x92\xc3\xb5\x89\x8fD\x0e\xb9\xe3\x11\x93-E\x82\xb8\xf8\xe3\xdf\xffF\x19\x0b\x07|-;\xf5\xca\xba\xf1n\xd5\x12\xca\x18\x9b1c\xc6\xe9\xd3\xa7\xf1! \xd1a\x01H`\xaa\xf53?????\x9fs.\x008\xa5\xd3\xb2\xb35\xc6\xea\xf7\xa2\xa4\x84\x04t=\xc3\xe3\xb9+3S\xd6\xb6\x84n\xdf\xb5\xb6\xf4\xd8\xe7\x16\x8b\x1d[BcB\xb5~\x06C\xd5\x1b6\xbfH\x08Qc\x7f\xdau\xbf*\xa3\xdfu!_E]\xc6\xfe\xd4\x1dc&lt;\x1c\xf0e\x8f\x9ad\xf74S\xa7\xc1eeeO=\xf5\x14&gt;\x04$:,\x00\x89J\xad\xfdkb\x9b\x08Qo~\x8d\xea\xd8qDzzy0x\xd1\xad\x9f\xe7\xc3\x19\xf3\x06\x83\xf7\xf6\xee\x9d\xeev\xeb\x00\x9c1\x00\xf1\xe6\xc6\xa7\x19\xe58\x1e(&amp;$\x08\x87\xcd\x9d_\xb4\xf4\xe4\xe9#\xaa\xf5\x93q&gt;t\xe2\xa3\rr0C\xa9\x1e\x0e\xba\x9a\xb7\xcd\x19\xf3\x80\xac\xc9\x8c\xe4\x0b\x16,\xd8\xbf\x7f?\xd6\x80\x84\x86\x05 Q\xa9\xdd\x7f\x15\xdc\xca9\xd7\x85p\x99\xcd\xf7eg\x07"\x91K\xec\xfc9\'J\x88.\xa5\xd3l\x9e\x9a\x9dM\x08\x91\x00\x94\xb2\xaf\x0e\xee\xdc\xf3\xe5f\x1b\xb6\x846:)\xa5\xc9d9q\xeap\xe1\x8e\xd7)\xa5*\xf11s\xf8\xd8\x16\x1d{\x84\x03\xbeKi\xfd&lt;\x1f\xc6\xb5\xa0\xaf\xfc\xcaa\xa3\xd3\xd23\x01\x04\xe3\\\xc5M\xe3.PB\xc3\x02\x90\x90\x00\x80RZVV\x96\x97\x97G)\xa5\x84\x80\x94\x1333{\xa6\xa5\xf9\x1a\xa6\x00\x10B4J\xcb\x83\xc11]\xba\xf4k\xd5JH\xd5\x12J\xd6l\xfcK(\xec\xc7\x96\xd0F&amp;%X\xcc\xf6\xb5\x9b\x96\xf8\x03\x95\x8cq\t`q\xb8s\xc6N\x8b\x04\xfd\x97\xdc\xfay\xfe\x7f\xa8\x10&amp;\xabc\xd0\x84\x99DJ\x00\xc19_\xbdzu\xcd\xf6#\xb6\x84&amp;&amp;,\x00\tI\x8d}\x9e9s\xa6\xd7\xeb5q\xae\x0b\xd1\xce\xe5\xfa]\xaf^\xde`\xb0\x1e\xcf~\xcfI\x00\xe4\r\x18\xa01\x06\x00\x9c\xf1\xefN\x95\xe6\x17-u\xd8\xdc\xd8\x12\xdah@\x82\xdd\xe6\xfal_Q\xf1\xa7\xf9\x942I\xa4\x940`\xf4\x1f\x9d\xcd\xda\xd4K\xeb\xe7\xf9P\xceC\xbe\xf2\xf4\xde\xc3:\xf6\xbb\x0eDMf\xa4j@\xc0\xe7\x80\x04\x85\x05 \xf1\xa8\xcd\x9f\xe2\xe2\xe2\x95+W\xaa\x97\xf2U\xebg\x9a\xdd\x1e\x16\xa2Aw\xe4\xd5\x80\xa0\xab\xda\xb6\x1d\xd7\xa5\x0bHI\x08\xa1\x94\x16\xeex\xfd\xc4\xa9\xc3\xd8\x12\xdah(!B\xe8\x1b6\xbf(%\xa8-\xf8\xb4\xf4\xcc^7\xfc:T]Q\x8f\xad\x9f\xe7\xfb\x87\x83\x10\x83&amp;&lt;d\xb1;\x85\x10\x8cs\xd5\x82\x8c\'\x01\t\n\x0b@\xe2Q\xc7\xbfS\xa7N\r\x85B\x9cR\x1d\xa0_\xabV\xb7]q\xc5\xe9\x86_\xfe\x93\xda\xcc\xc8\x07\xfb\xf4q[,\x00\x821\xee\x0fT\xae\xdb\xf4\xac\xd5\x8aSB\x1b\x83\x00\x91bO\xdd\xb6k\xed\xc1\xd2\xda\xd6O)\x07M\x98\xa9YlR\xd4[\xeb\xe7\xf9\xa8)\xa1i\x1d\xba\xf5\x1cy\xa7\x04 \x84RJ\xf3\xf2\xf2\xbc^/F\x86%",\x00\tF\xb5~\xae^\xbd\xba\xb0\xb0P\xd34]\x083\xe7y\x03\x06\x08\x80\xc6\xe9\xc6Q\x99\x91\xad\x9d\xce\xfb\xb3\xb3%\xa9\x19\x10\xf4\xf1\xdeM\xfb\x0e~\x88SB\x1b\x9a$R\xe3\xa6\xf2\xaa\x13\xef\x14\xbd\x1aM|\xec\xd4\x7f\xe4\xcfz\x0f\x0b\xf9\xcai\x83/\xff\tQ\xa7\xc1U\xde\xec\x9b\'\xbb[\xb4\x13B\xe7\x9a\xe6\xf5z\xd5Y\x14&gt;\x04$\x1c,\x00\x89D\xad\xb0T\xf7\x05!\x84\x11\x02R\xde\x94\x91\x91\xdb\xb6\xed\xa5\x8f\xfd\xa9;\xceXe(413\xb3\x83\xc7#\x008c\xba\x88\xac}\xe7o\x8cqBp\r\xd8\x80\x00\x84\xc3\xe6~w\xeb\xf2\x93\xdec\x9425\xf53g\xcc4\xb5\x18o\xa4\x0fA\xa9\xd0\xc3)MZ\xf6\xbb\xe5\x0f\xa4\xa6%\xb4\xa6\x1b\r7\x82\x12\x0e\x16\x80D\xa22\xbf\x16.\\\xb8\x7f\xff~\x93\xa6E\x84\xf0X\xad\xb3\xfa\xf7\xaf\xaa\xa7\xb1?u\xa4\xb2b\xec&amp;\xd3c\x03\x07\x12B\xd4FP\xc9\xe1Ov|\xf2V\x8a\xcd\x83-\xa1\rDJ\xb0\x9a\x1dG\x8e\x7fQ\xb4s5\xa5L\xb5~f\xddxw\x8b\x8e=.q\xea\xe7\x85b\\\x0bT\x9c\xeav\xf5\xd86]\xfa\x80\xd0\x19\xd7j\xdeG\xc1\xa3\xe0D\x83\x05 a\xa8\xb3\xdf\x92\x92\x92\xf9\xf3\xe73\xc6\x88\x94R\xca\xbb233&lt;\x9e\xfa\x1a\xfbSw\x9c\xd2\xcaPhdzzn\xdb\xb6 %#\x84\x10\xfa\xd6{\xcfU\xf8Nq\xaeI|\x0eh\x00\xea\xd5\xdf\xb5\x9b\x96\x04\x82&gt;\xca\x98\x04a\xf74\xcb\x1e5)\x1c\xf05\\\xeb\xe7\x8f|\x1c\xc6\xb5\x01\xb7\xdeO\x19\x03!8\xd7\xf2\xf3\xf3\xa3aD\x8d\xfea\xd0E\xc2\x02\x900\xd4\xd9\xef\x9c9s*++5\xce#Bt\xf0x\xee\xcd\xca\xf2\x06\x83\x8d\xb9\xfc?\x93\x90rvN\x8e\x99s\x90\xc0\x19;\xe5\xfd\xe6\xdd\xad\xcb\x1cv|\x08\xa8\x7f\x00\xc2au}\xbe\x7f\xeb\x9e/63\xca\x08\x91R\xca\xab\xc6&gt;\xe0j\xde\xb6A[?\xcf\x872\x1e\xf4\x95g\xf4\xb9\xe6\x8a\xabF\x01\xd4\xb4\x84\xaa8R|\x0eH X\x00\x12\x83:\xfb\xdd\xb2e\xcb\xf2\xe5\xcb5\xce\x85\xae\x13B\x1e\x1b80\xc5l\xbe\xb8\xc4\xc7K\xc7(\xf5\x85\xc3Y-Z\xfc\xa6{w\x95&lt;C)+\xda\xb9\xba\xf4\xd8\xe7\x16\xb3\x1do\x01\xf5\x8b1\x1e\x0c\xfb\xd7nZB\x08U\x8b\xee6]\xfat\xbbf|\xa0\xea"\x13\x1f\xeb\xe5#\x85\x03\xd5\xb9\x13\x1e\xb2\xa6x\x84\x1e\xe1\x9a\xb6\x7f\xff\xfe\x85\x0b\x17\xe2I@\x02\xc1\x02\x900\x84\x10yyyB\x08\x95\xf8\x98\xdb\xb6\xed\xc8\xf4\xf4\x8aKH|\xbct\xaa%tr\x8f\x1e\xcd\xedv\x90\xc0\x18\x0b\x04}o\x17\xbed6Y\xb1%\xb4\x1e\t\x10v\x9bk\xc7\'o\x1d=\xbe\x8f1\x06RR\xc6\x06\xdcz?\xe3\x1a\x89a\xa1\xa5T\x0f\x07R[w\xe8u\xfdD)\xa5\x94\x84Q\xb6h\xd1\xa2\xb2\xb22\xec\x08J\x14X\x00\x12\x80\xae\xeb\x9c\xf3\x15+Vl\xd9\xb2\xc5\xa4i\xba\x10\x1ac\xb3srD\xacW\xd9\xaa%\xf42\x97K\xc5O\x12\t\x8c\xf1\xe2\xcf\xde\xf9l_\x91\xdd\xe6\xc2\x96\xd0z!\xa54i\xe6\xd3\xe5\xc7\xd7\x17\xbc\x10m\xfd\xec\x9c\xf3\xf3\x8c\xbe\xd7\x04}\xe5\xf5;\xf5\xf3B1\xce\x83U\xde~\xb7\xdc\xe3i\xf93\xf5\x10p\xfa\xf4\xe9\x993g\xe2;\x01\x89\x02\x0b@\xbcSS\x1f*++g\xcf\x9e\xcd(%R\x82\x94\xe3\xbat\xe9\x99\x96\xe6k\xc4\xd6\xcf\xf3\xd1\x18+\x0f\x06o\xbb\xe2\x8an\xcd\x9a\x01\x00\xa3TJ\xd8\xb0\xf9E!t\xdah\x8d\x89IMJ\xb0Z\x1c\xefm[^\xe5;E)\x07\t\x16\xbbs\xc0\xadS"\xc1@cv\xfe\x9c\x07\x95B7\xdb\x9d\x03o\xbb\x9f\x10"\x00\xd4Je\xd7\xae]\x18\x1c\x9f\x10b\xfe\x05B?A5\xff\xcc\x9f?\xbf\xa4\xa4\x84s\xae\x03\xb8-\x96\x07\xfb\xf4\xf1G"\xb1:\xfb=\x8b\x90\xd2a6\xcf\xea\xdf_\x12"A0\xc6\x0f\x96~\xb2\xad\xf8_\x0e\xbb\x1bO\x83/\x11H\xb0X\xec\x87\x8f\xee-\xf8`UM\xe2#@\xcf\x91w\xb6\xc8\xe8\x11\t\xf8(\x8d\xfd\x17\x80r-XU~\xe5\xf0\xdb\xdat\xe9\x0bB\xa7\x8c\x87\xc3\xe1)S\xa6\x08!\xf0! \xfe\xc5\xfe\x0b\x84~\x84j\xfcWgk\x9cs\t \xa5\xbc\xafw\xef6Ng\xe3\xb7~\x9e\x8f\xca\x8c\x1c\xde\xbe\xfd\xc8\xf4\xf4hf\xe4[\x05\xcf\x9d.?\xaeif\xbc\x0b\\\nJ\x08\xa3\xfc\xcd\x8dO\x0b\x11\xa1\x8c\x01\x08w\xdae}n\x9e\x1c\xac\xf2\xc6\xea\xec\xf7\x9c@\xe8\x83~5\x8bqM\x08]\xd3\xb4\xa2\xa2\xa2\x15+V`Kh\xfc\xc3\x02\x10\xd7\xd4\xddSu\xd7\xa9\xc8\x97n\xcd\x9a\xdd\xdd\xbd{E(\x14\'\xcb\x7fE\xbd\x1a\xf6\xf0\x80\x01.\xb3\x19$0\xca\xaa|\xa7\xdf\xdb\xb6\xdcj\xc1\x01A\x17\x0f@\xd8\xac\xce=_n\xfe\xea\xe0NJ\x19\x91\x92H\x993\xeeA{j\x9a\xd0\xc3\x8d\xdf\xfay&gt;j@P\xbb\xee9\x99\xc3\xc7\xa8\xccHJ\xd9\xec\xd9\xb3+**\xb0%4\xce\xc5\xd1M\x04\x9dE\xb5~\x16\x16\x16F\xdf\xaf\x91\x84\xcc\xea\xdf\xdf\xa6i\xb1j\xfd&lt;\x1f5%\xb4{\xf3\xe6\x13\xbbu\x83\xda\xcc\xc8\x82\x0fV\x95\x1e\xfb\x1c\x07\x04]\x1c\xf5\xdaW8\x12X\xb3\xf1/\x84\x10\xc6\x18\x80h\xd3\xa5\xef\x95\xc3n\rV\xc6\xac\xf5\xf3|\x18\xe3a\xbf/g\xec4\x8b\xc3%\x84\xce5^RR\xb2x\xf1b\xc6\x18&gt;\x04\xc43,\x00qJ\xbd\xf6\x15\n\x85\xa6N\x9dJ)U\xad\x9f\xd7w\xe80\xbc}\xfb\xf2\x98\xb6~\x9e\x8f\xc6\x987\x18\xfc\xdf\x9e=\xdb\xbb\\B\x02cL\x88\xc8\xfa\x82\x17\xe2a\x9f:\x11I\x106\xabs\xcb\x8e\xd5\xdf\x9d*U\x89\x8f\\3\r\xfa\xd5,\x10z\xe3\x8d\xfd\xa9;J\xf5p\xd0\xd9\xac\xf5\x80\xd1S\xd4\x80 \xce\xf8\xd3O?\xad\x0e\xae\xf048n\xe1\xc5\x19\xa7\xd4\xd9\xef\xaaU\xab\x8a\x8b\x8b\xd5\xf2\xdf\xcc\xb9\xea\xb6\x8c\xbf\xab\x9f\x10B(!a!Z9\x1c\xf7feIY3%t\xf7\x17\x05\x9f\xef\xdfj\xc7\xcc\xc8\x0b$\xa5\xd44\xb3\xb7\xa2\xec?\x85/\xd5\xb6~\xc2\xe5\x03oj\xd7\xfd\xaaF\x1e\xfbSw\x8c\xf3Pue\xcf\xeb\'\xa6\xb6NW\xc1\xf1\x15\x15\x15s\xe6\xcc\xc1w\x02\xe2Y&lt;~\x93\x90Z\xfe{\xbd\xde\x193f0\xc6\xa8\x94 \xe5o\xbaw\xef\xd9\xa2EcN\xfd\xbcP\x1ac\xa7\x02\x81\xf1]\xbb\xf6m\xd5J\x80\xca\x8c\xa4k7-\x89D\x82\x98\x19yA\xa4\x04\xab%e}\xc1\x0b\x81`\x15\xa5\x1c@XS&lt;\xb9\xb7\xcf\x08\xfb\xabb1\xf6\xa7\x8e\xa8\x04a\xb2\xd8\x86\xdc\xf1\x08!D\x17\x82sm\xf9\xf2\xe5EEE\x9a\xa6\xe1FP|\xc2\x02\x10\x8f\xd4\xf2?//\xaf\xac\xac\x8c3\xa6\x0b\xd1\xdcn\x9f\xdc\xa3\x87\xafq\xa7~^\x04I\x88\xc6\xd8\xb4\xeclF\xa9\x04`\x8c\x1d=\xbeo\xf3\x8e7lV\'fF\xd6\x11H\xb0Z\x1c_\x1d\xda\xb9}\xd7\xda\x9a\xd6O){]?1\xb5MFL\xc6\xfe\xd4\x1de&lt;T]\x99\xd1\xef\xbav\xdd\xaf\x92 (\xa3B\x88)S\xa6\x84B!&lt;\r\x8eOq}71&amp;u\xf7WI{\x9c1Y\x9b\xf8x\x99\xcb\x15?\xad\x9f\xe7\xa3ZBG\xa4\xa7\xff\xa2S\xa7hK\xe8\xdb\x85/y+\xca03\xb2\x8e\xa8\x9a\xfa\xf9\xce_\x01\x04c\x0c\x84Hm\x9d\xde\xef\x96{\x82U\xde\x86O|\xac\x07\x12\xc4\xd0\x89\x8fr\xcd$\x84\xd04m\xd7\xae]\xabV\xad\xc2\x01A\xf1\t\x0b@\xdcQ\xfb?*k\x9b3\xa6\x03\xf4m\xd5\xea\xf6\xae]O\x07\x02\x8d\x90\xf8x\xe98c\xd5\xe1\xf0\xac\xfe\xfd=V\xab\x90\xc0(\x0b\x04\xab\xd6\x17\xbc`6\xdb\xb0%\xf4\'\x01\x08\xbb\xcd\xf5\xc1\xc7\xff.9\\\x9b\xf8H\xe4\x90;\x1e1\xd9R$4x\xe2\xe3\xa5\xa3\x8c\x85\x03\xbe\x96\x9dze\xddx\xb7j\te\x8c\xcd\x981\xe3\xf4\xe9\xd3\xf8\x10\x10\x87\x12\xe0\x86b(\xaa\xf53?????\x9fs.\x008\xa5\xd3\xb2\xb35\xc6\x12\xe5\xd2\xa1\x84\x04t=\xc3\xe3\xb9+3S\xd6\xb6\x84n\xdf\xb5\xb6\xf4\xd8\xe7\x16\x8b\x1d[B\x7f\x84j\xfd\x0c\x86\xaa7l~\x91\x10\xa2\xc6\xfe\xb4\xeb~UF\xbf\xebB\xbe\x8a\xd8\x8e\xfd\xa9;\xc6x8\xe0\xcb\x1e5\xc9\xeei\xa6N\x83\xcb\xca\xca\x9ez\xea)|\x08\x88CX\x00\xe2\x88Z\xfb\xd7\x84+\x11\xa2\xde\xfc\x1a\xd5\xb1\xe3\x88\xf4\xf4\xf2`0\x0e[?\xcf\x873\xe6\r\x06\xef\xed\xdd;\xdd\xed\xd6\x018c\x00\xe2\xcd\x8dO3\xca\x13\xe6\xcf\x10\x0b\x12\x84\xc3\xe6\xce/Zz\xf2\xf4\x11\xd5\xfa\xc98\x1f:\xf1\xd1\x04;&gt;\xa1T\x0f\x07]\xcd\xdb\xe6\x8cy@\xd6dF\xf2\x05\x0b\x16\xec\xdf\xbf\x1fk@\xbc\xc1\x02\x10G\xd4\xee\xbf\x8aW\xe5\x9c\xebB\xb8\xcc\xe6\xfb\xb2\xb3\x03\x91H\xdcv\xfe\x9c\x13%D\x97\xd2i6O\xcd\xce&amp;\x84H\x00J\xd9W\x07w\xee\xf9r\xb3\r[B\xcfCJi2YN\x9c:\\\xb8\xe3uJ\xa9J|\xcc\x1c&gt;\xb6E\xc7\x1e\xe1\x80/&gt;[?\xcf\x87q-\xe8+\xbfr\xd8\xe8\xb4\xf4L\x00\xc18WA\xd6\xb8\x0b\x14o\x12\xe9[\x95\xdc\x00\x80RZVV\x96\x97\x97G)\xa5\x84\x80\x94\x1333{\xa6\xa5\xf9\x12\xad\x00\x10B4J\xcb\x83\xc11]\xba\xf4k\xd5JH\xd5\x12J\xd6l\xfcK(\xec\xc7\x96\xd0s\x92\x12,f\xfb\xdaMK\xfc\x81J\xc6\xb8\x04\xb08\xdc9c\xa7E\x82\xfe8n\xfd&lt;/)\x84\xc9\xea\x184a&amp;\x91\x12@p\xceW\xaf^]\xb3\xb1\x89-\xa1q\x03\x0b@\xbcPc\x9fg\xce\x9c\xe9\xf5zM\x9c\xebB\xb4s\xb9~\xd7\xab\x977\x18L\x88\xb3\xdfs\x12\x00y\x03\x06h\x8c\x01\x00g\xfc\xbbS\xa5\xf9EK\x1d6w\x82\xedi4&lt;\x90`\xb7\xb9&gt;\xdbWT\xfci&gt;\xa5L\x12)%\x0c\x18\xfdGg\xb36q\xde\xfay&gt;\x94\xf3\x90\xaf&lt;\xbd\xf7\xb0\x8e\xfd\xae\x03Q\x93\x19\xa9Z\x1b\xf09 ~$\xea\x9d%\xc9\xa8\xcd\x9f\xe2\xe2\xe2\x95+W\xaaW\xe7U\xebg\x9a\xdd\x1e\x16"\xf1\xae~BH\xed\x80\xa0\xab\xda\xb6\x1d\xd7\xa5\x0bHI\x08\xa1\x94\x16\xeex\xfd\xc4\xa9\xc3\xd8\x12z\x16J\x88\x10\xfa\x86\xcd/J\tj\xa3&lt;-=\xb3\xd7\r\xbf\x0eUW$D\xeb\xe7yP\x10b\xd0\x84\x87,v\xa7\x10\x82q\xae\x9a\x9b\xf1$ ~`\x01\x88\x0b\xea\xf8w\xea\xd4\xa9\xa1P\x88S\xaa\x03\xf4k\xd5\xea\xb6+\xae8\x9d\xc8\xcb\x7fR\x9b\x19\xf9`\x9f&gt;n\x8b\x05@0\xc6\xfd\x81\xcau\x9b\x9e\xb5ZqJ\xe8\xf7\x04\x88\x14{\xea\xb6]k\x0f\x96\xd6\xb6~J9h\xc2L\xcdb\x93"\x01Z?\xcfGM\tM\xeb\xd0\xad\xe7\xc8;%\x00!\x94R\x9a\x97\x97\xe7\xf5z12,N$\xf0\xcd%i\xa8\xd6\xcf\xd5\xabW\x17\x16\x16j\x9a\xa6\x0ba\xe6&lt;o\xc0\x00\x01\x90\xa8\x97~-\x95\x19\xd9\xda\xe9\xbc?;[\x92\x9a\x01A\x1f\xef\xdd\xb4\xef\xe0\x878%T\x91Dj\xdcT^u\xe2\x9d\xa2W\xa3\x89\x8f\x9d\xfa\x8f\xfcY\xefa!_9M\xe0\xe5?!\xea4\xb8\xca\x9b}\xf3dw\x8bvB\xe8\\\xd3\xbc^\xaf:\xe5\xc2\x87\x80x\x80\x05 \xc6\xd4:H\xf5H\x10B\x18! \xe5M\x19\x19\xb9m\xdb\xc6\xf3\xd8\x9f\xba\xe3\x8cU\x86B\x1333;x&lt;\x02\x803\xa6\x8b\xc8\xdaw\xfe\xc6\x18\'\x04\xd7\x80\x04@8l\xeew\xb7.?\xe9=F)SS?s\xc6LSK\xe6X\x7f\xbaKF\xa9\xd0\xc3)MZ\xf6\xbb\xe5\x0f\xa4\xa6%\xb4\xa6\xcf\r7\x82\xe2\x01\x16\x80\x18S\x99_\x0b\x17.\xdc\xbf\x7f\xbfI\xd3"Bx\xac\xd6Y\xfd\xfbW\xc5\xfd\xd8\x9f:RY1v\x93\xe9\xb1\x81\x03\t!j#\xa8\xe4\xf0\';&gt;y+\xc5\xe61xK\xa8\x94`5;\x8e\x1c\xff\xa2h\xe7jJ\x99j\xfd\xcc\xba\xf1\xee\x16\x1d{\xc4\xed\xd4\xcf\x0b\xc5\xb8\x16\xa88\xd5\xed\xea\xb1m\xba\xf4\x01\xa13\xae\xd5\xbc\xe9\x82G\xc1q \x19\xbea\x89K\x9d\xfd\x96\x94\x94\xcc\x9f?\x9f1F\xa4\x94R\xde\x95\x99\x99\xe1\xf1\xc4\xff\xd8\x9f\xba\xe3\x94V\x86B#\xd3\xd3s\xdb\xb6\x05)\x19!\x84\xd0\xb7\xde{\xae\xc2w\x8asM\x1a\xf89@\xbd\xfa\xbbv\xd3\x92@\xd0G\x19\x93 \xec\x9ef\xd9\xa3&amp;\x85\x03\xbeDl\xfd&lt;?\xc9\xb86\xe0\xd6\xfb)c \x04\xe7Z~~~4\xe6(\xd6\x9f\xcd\xd0\xb0\x00\xc4\x92:\xfb\x9d3gNee\xa5\xc6yD\x88\x0e\x1e\xcf\xbdYY\xde`09\x96\xffg\x12R\xce\xce\xc91s\x0e\x128c\xa7\xbc\xdf\xbc\xbbu\x99\xc3n\xdc\x87\x00\x00\xe1\xb0\xba&gt;\xdf\xbfu\xcf\x17\x9b\x19e\x84H)\xe5Uc\x1fp5o\x9b\xa0\xad\x9f\xe7C\x19\x0f\xfa\xca3\xfa\\s\xc5U\xa3\x00jZBU\xd0)&gt;\x07\xc4V\xb2\xdde\x12\x88:\xfb\xdd\xb2e\xcb\xf2\xe5\xcb5\xce\x85\xae\x13B\x1e\x1b80\xc5l\x8e\xb7\xc4\xc7K\xc7(\xf5\x85\xc3Y-Z\xfc\xa6{w\x95iC)+\xda\xb9\xba\xf4\xd8\xe7\x16\xb3\xdd\x98\xb7\x00\xc6x0\xec_\xbbi\t!T-\x8d\xdbt\xe9\xd3\xed\x9a\xf1\x81\xaa\xb8K|\xbct\x8c\xf1p\xa0:w\xc2C\xd6\x14\x8f\xd0#\\\xd3\xf6\xef\xdf\xbfp\xe1B&lt;\t\x88-,\x00\xb1$\x84\xc8\xcb\xcb\x13B\xa8\xc4\xc7\xdc\xb6mG\xa6\xa7W\xc4e\xe2\xe3\xa5S-\xa1\x93{\xf4hn\xb7\x83\x04\xc6X \xe8{\xbb\xf0%\xb3\xc9j\xc0\x96P\x01\xc2ns\xed\xf8\xe4\xad\xa3\xc7\xf71\xc6@J\xca\xd8\x80[\xefg\\#IY\x0e)\xd5\xc3\x81\xd4\xd6\x1dz]?QJ)%a\x94-Z\xb4\xa8\xac\xac\x0c;\x82b\x08\x0b@l\xe8\xba\xce9_\xb1b\xc5\x96-[L\x9a\xa6\x0b\xa116;\'G$\xe5\xc5O\x08\xa9m\t\xbd\xcc\xe5R\xc1\x96D\x02c\xbc\xf8\xb3w&gt;\xdbWd\xb7\xb9\x0c\xd5\x12*\xa54i\xe6\xd3\xe5\xc7\xd7\x17\xbc\x10m\xfd\xec\x9c\xf3\xf3\x8c\xbe\xd7\x04}\xe5\x892\xf5\xf3B1\xce\x83U\xde~\xb7\xdc\xe3i\xf93\xf5\x10p\xfa\xf4\xe9\x993g\xe2;\x011\x84\x05 \x06\xd4\xd4\x87\xca\xca\xca\xd9\xb3g3J\x89\x94 \xe5\xb8.]z\xa6\xa5\xf9\x92\xa2\xf5\xf3|4\xc6\xca\x83\xc1\xdb\xae\xb8\xa2[\xb3f\x00\xc0(\x95\x126l~Q\x08\x9d&amp;A\xcbc\x9dI\tV\x8b\xe3\xbdm\xcb\xab|\xa7(\xe5 \xc1bw\x0e\xb8uJ$\x18H\x8e\xce\x9f\xf3\xa0R\xe8f\xbbs\xe0m\xf7\x13B\x04\x80Z\x03\xed\xda\xb5\x0b\x83\xe3c%\x89\xbfm\xf1K5\xff\xcc\x9f?\xbf\xa4\xa4\x84s\xae\x03\xb8-\x96\x07\xfb\xf4\xf1G"\xc9w\xf6{\x16!\xa5\xc3l\x9e\xd5\xbf\xbf$D\x82`\x8c\x1f,\xfdd[\xf1\xbf\x1cv\xb7AN\x83A\x82\xc5b?|to\xc1\x07\xabj\x12\x1f\x01z\x8e\xbc\xb3EF\x8fH\xc0Gi2\x7f\x01(\xd7\x82U\xe5W\x0e\xbf\xadM\x97\xbe t\xcax8\x1c\x9e2e\x8a\x10\x02\x1f\x02b"\x99\xbfm\xf1I5\xfe\xab\x130\xce\xb9\x04\x90R\xde\xd7\xbbw\x1b\xa73\x99Z?\xcfGeF\x0eo\xdf~dzz43\xf2\xad\x82\xe7N\x97\x1f\xd74\xb3\x11\xee\x02\x94\x10F\xf9\x9b\x1b\x9f\x16"B\x19\x03\x10\xee\xb4\xcb\xfa\xdc&lt;9X\xe5M\xbe\xb3\xdfs\x02\xa1\x0f\xfa\xd5,\xc65!tM\xd3\x8a\x8a\x8aV\xacX\x81-\xa11\x81\x05\xa0\xb1\xa9{\x9c\xea\x81S\x91/\xdd\x9a5\xbb\xbb{\xf7\x8aP(\xe9\x97\xff\x8az5\xec\xe1\x01\x03\\f3H`\x94U\xf9N\xbf\xb7m\xb9\xd5\x92\xfc\x03\x82\x00\x84\xcd\xea\xdc\xf3\xe5\xe6\xaf\x0e\xee\xa4\x94\x11)\x89\x949\xe3\x1e\xb4\xa7\xa6\t=\x9cL\xad\x9f\xe7\xa3\x06\x04\xb5\xeb\x9e\x939|\x8c\xca\x8c\xa4\x94\xcd\x9e=\xbb\xa2\xa2\x02[B\x1b\x9f!\xee8\xf1C\xb5~\x16\x16\x16F\xdf\x82\x91\x84\xcc\xea\xdf\xdf\xa6i\xc9\xd7\xfay&gt;jJh\xf7\xe6\xcd\'v\xeb\x06\xb5\x99\x91\x05\x1f\xac*=\xf6yr\x0f\x08R\xaf}\x85#\x815\x1b\xffB\x08a\x8c\x01\x886]\xfa^9\xec\xd6`e\x12\xb6~\x9e\x0fc&lt;\xec\xf7\xe5\x8c\x9dfq\xb8\x84\xd0\xb9\xc6KJJ\x16/^\xcc\x18\xc3\x87\x80F\x86\x05\xa0\xf1\xa8\xd7\xbeB\xa1\xd0\xd4\xa9S)\xa5\xaa\xf5\xf3\xfa\x0e\x1d\x86\xb7o_\x9e\xa4\xad\x9f\xe7\xa31\xe6\r\x06\xff\xb7g\xcf\xf6.\x97\x90\xc0\x18\x13"\xb2\xbe\xe0\x85\xe4\xde\x01\x97 lV\xe7\x96\x1d\xab\xbf;U\xaa\x12\x1f\xb9f\x1a\xf4\xabY \xf4d\x18\xfbSw\x94\xea\xe1\xa0\xb3Y\xeb\x01\xa3\xa7\xa8\x01A\x9c\xf1\xa7\x9f~Z\x1d\x89\xe1ipcJ\xe6\xeb-\xde\xa8\xb3\xdfU\xabV\x15\x17\x17\xab\xe5\xbf\x99s\xd5\x13i\xa4\xab\x9f\x10B(!a!Z9\x1c\xf7feIY3%t\xf7\x17\x05\x9f\xef\xdfjO\xd2\xccH)\xa5\xa6\x99\xbd\x15e\xff)|\xa9\xb6\xf5\x13.\x1fxS\xbb\xeeW%\xcd\xd8\x9f\xbac\x9c\x87\xaa+{^?1\xb5u\xba\n\x8e\xaf\xa8\xa8\x983g\x0e\xbe\x13\xd0\xc8\x8c\xf5\xb5\x8b!\xb5\xfc\xf7z\xbd3f\xcc`\x8cQ)A\xca\xdft\xef\xde\xb3E\x8b\xe4\x98\xfay\xa14\xc6N\x05\x02\xe3\xbbv\xed\xdb\xaa\x95\x00\x95\x19I\xd7nZ\x12\x89\x04\x9323RJ\xb0ZR\xd6\x17\xbc\x10\x08VQ\xca\x01\x845\xc5\x93{\xfb\x8c\xb0\xbf*\xb9\xc6\xfe\xd4\x11\x95 L\x16\xdb\x90;\x1e!\x84\xe8Bp\xae-_\xbe\xbc\xa8\xa8H\xd34\xdc\x08j4X\x00\x1a\x89Z\xfe\xe7\xe5\xe5\x95\x95\x95q\xc6t!\x9a\xdb\xed\x93{\xf4\xf0%\xcb\xd4\xcf\x8b \t\xd1\x18\x9b\x96\x9d\xcd(\x95\x00\x8c\xb1\xa3\xc7\xf7m\xde\xf1\x86\xcd\xeaL\xb2\xccH\x90`\xb58\xbe:\xb4s\xfb\xae\xb55\xad\x9fR\xf6\xba~bj\x9b\x8c$\x1b\xfbSw\x94\xf1PueF\xbf\xeb\xdau\xbfJ\x82\xa0\x8c\n!\xa6L\x99\x12\n\x85\xf04\xb8\xd1\x18\xf4\xd6\xd3\xc8\xd4\xdd_\xe5\xe1q\xc6dm\xe2\xe3e.\x97\x11Z?\xcfG\xb5\x84\x8eHO\xffE\xa7N\xd1\x96\xd0\xb7\x0b_\xf2V\x94%Yf$US?\xdf\xf9+\x80`\x8c\x81\x10\xa9\xad\xd3\xfb\xddrO\xb0\xca\x9b\xc8\x89\x8f\xf5@\x82\x18:\xf1Q\xae\x99\x84\x10\x9a\xa6\xed\xda\xb5k\xd5\xaaU8 \xa8\xd1`\x01h\x0cj\xffG%bs\xc6t\x80\xbe\xadZ\xdd\xde\xb5\xeb\xe9@ \xa1\x13\x1f/\x1dg\xac:\x1c\x9e\xd5\xbf\xbf\xc7j\x15\x12\x18e\x81`\xd5\xfa\x82\x17\xccf[\xd2\xb4\x84\x02\x08\xbb\xcd\xf5\xc1\xc7\xff.9\\\x9b\xf8H\xe4\x90;\x1e1\xd9R$$p\xe2\xe3\xa5\xa3\x8c\x85\x03\xbe\x96\x9dze\xddx\xb7j\te\x8c\xcd\x981\xe3\xf4\xe9\xd3\xf8\x10\xd08\x0c}\xf7i\x1c\xaa\xf53?????\x9fs.\x008\xa5\xd3\xb2\xb35\xc6\xf0\x0bN\t\t\xe8z\x86\xc7sWf\xa6\xacm\t\xdd\xbekm\xe9\xb1\xcf-\x16{\x12\xb4\x84\xaa\xd6\xcf`\xa8z\xc3\xe6\x17\t!j\xecO\xbb\xeeWe\xf4\xbb.\xe4\xabH\xd6\xb1?u\xc7\x18\x0f\x07|\xd9\xa3&amp;\xd9=\xcd\xd4ipYY\xd9SO=\x85\x0f\x01\x8d\x03\x0b@\xc3Rk\xff\x9a\x08$B\xd4\x9b_\xa3:v\x1c\x91\x9e^\x1e\x0c\x1a\xaa\xf5\xf3|8c\xde`\xf0\xde\xde\xbd\xd3\xddn\x1d\x803\x06 \xde\xdc\xf84\xa3&lt;\t~:\x12\x84\xc3\xe6\xce/Zz\xf2\xf4\x11\xd5\xfa\xc98\x1f:\xf1\xd1$;\xe4\xb8x\x94\xea\xe1\xa0\xaby\xdb\x9c1\x0f\xc8\x9a\xccH\xbe`\xc1\x82\xfd\xfb\xf7c\rh\x04X\x00\x1a\x96\xda\xfdW!\xa8\x9cs]\x08\x97\xd9|_vv \x121`\xe7\xcf9QBt)\x9df\xf3\xd4\xeclB\x88\x04\xa0\x94}up\xe7\x9e/7\xdb\x12\xbc%TJi2YN\x9c:\\\xb8\xe3uJ\xa9J|\xcc\x1c&gt;\xb6E\xc7\x1e\xe1\x80\xcfh\xad\x9f\xe7\xc3\xb8\x16\xf4\x95_9ltZz&amp;\x80`\x9c\xab\x88l\xdc\x05j\x04\xf8\x15l@\x00@)-++\xcb\xcb\xcb\xa3\x94RB@\xca\x89\x99\x99=\xd3\xd2|X\x00\xce\xa0QZ\x1e\x0c\x8e\xe9\xd2\xa5_\xabVB\xaa\x96P\xb2f\xe3_Ba\x7fB\xb7\x84J\t\x16\xb3}\xed\xa6%\xfe@%c\\\x02X\x1c\xee\x9c\xb1\xd3"A\xbf![?\xcfK\na\xb2:\x06M\x98I\xa4\x04\x10\x9c\xf3\xd5\xabW\xd7l\x99bKhC\xc2\x02\xd0\x80\xd4\xd8\xe7\x993gz\xbd^\x13\xe7\xba\x10\xed\\\xae\xdf\xf5\xea\xe5\r\x06\r~\xf6{N\x02 o\xc0\x00\x8d1\x00\xe0\x8c\x7fw\xaa4\xbfh\xa9\xc3\xe6N\xd0\xdd\x12\x90`\xb7\xb9&gt;\xdbWT\xfci&gt;\xa5L\x12)%\x0c\x18\xfdGg\xb36\x86m\xfd&lt;\x1f\xcay\xc8W\x9e\xde{X\xc7~\xd7\x81\xa8\xc9\x8cTM\x13\xf8\x1c\xd0\xa0\xf06\xd4P\xd4\xe6Oqq\xf1\xca\x95+\xd5\x0b\xee\xaa\xf53\xcdn\x0f\x0b\x81W\xffY\xd4\x80\xa0\xab\xda\xb6\x1d\xd7\xa5\x0bHI\x08\xa1\x94\x16\xeex\xfd\xc4\xa9\xc3\t\xda\x12J\t\x11B\xdf\xb0\xf9E)Amg\xa7\xa5g\xf6\xba\xe1\xd7\xa1\xea\n\x83\xb7~\x9e\x07\x05!\x06Mx\xc8bw\n!\x18\xe7\xaam\x1aO\x02\x1a\x14\x16\x80\x86\xa2\x8e\x7f\xa7N\x9d\x1a\n\x858\xa5:@\xbfV\xadn\xbb\xe2\x8a\xd3\xb8\xfc?\x0f\x95\x19\xf9`\x9f&gt;n\x8b\x05@0\xc6\xfd\x81\xcau\x9b\x9e\xb5Z\x13oJ\xa8\x00\x91bO\xdd\xb6k\xed\xc1\xd2\xda\xd6O)\x07M\x98\xa9YlR\x18\xba\xf5\xf3|\xd4\x94\xd0\xb4\x0e\xddz\x8e\xbcS\x02\x10B)\xa5yyy^\xaf\x17#\xc3\x1a\x0e\xde\x89\x1a\x84j\xfd\\\xbdzuaa\xa1\xa6i\xba\x10f\xce\xf3\x06\x0c\x10\x00x\xe9\x9f\x8f\xca\x8cl\xedt\xde\x9f\x9d-I\xcd\x80\xa0\x8f\xf7n\xdaw\xf0\xc3\xc4\x9a\x12*\x89\xd4\xb8\xa9\xbc\xea\xc4;E\xafF\x13\x1f;\xf5\x1f\xf9\xb3\xde\xc3B\xber\x8a\xcb\xff\xf3`\\\x0bVy\xb3o\x9e\xecn\xd1N\x08\x9dk\x9a\xd7\xebU\xe7g\xf8\x10\xd0@\xb0\x00\xd4?\xb5ZQ\x9d\x0c\x84\x10F\x08HySFFn\xdb\xb6\xc6\x1c\xfbSw\x9c\xb1\xcaPhbff\x07\x8fG\x00p\xc6t\x11Y\xfb\xce\xdf\x18\xe3\x84$\xcc\x1a\x10@8l\xeew\xb7.?\xe9=F)SS?s\xc6LS\x0b\xdbX\x7f\xba8F\xa9\xd0\xc3)MZ\xf6\xbb\xe5\x0f\xa4\xa6%\xb4\xa6\x83\x0e7\x82\x1a\x08\x16\x80\xfa\xa72\xbf\x16.\\\xb8\x7f\xff~\x93\xa6E\x84\xf0X\xad\xb3\xfa\xf7\xaf2\xf0\xd8\x9f:RY1v\x93\xe9\xb1\x81\x03\t!j#\xa8\xe4\xf0\';&gt;y+\xc5\xe6I\x88\x96P)\xc1jv\x1c9\xfeE\xd1\xce\xd5\x942\xd5\xfa\x99u\xe3\xdd-:\xf60\xe0\xd4\xcf\x0b\xc5\xb8\x16\xa88\xd5\xed\xea\xb1m\xba\xf4\x01\xa13\xae\xd5\xbcC\x83G\xc1\r\x03\xbf\x8e\xf5L\x9d\xfd\x96\x94\x94\xcc\x9f?\x9f1F\xa4\x94R\xde\x95\x99\x99\xe1\xf1\x18y\xecO\xddqJ+C\xa1\x91\xe9\xe9\xb9m\xdb\x82\x94\x8c\x10B\xe8[\xef=W\xe1;\xc5\xb9&amp;\xe3\xfe9@\xbd\xfa\xbbv\xd3\x92@\xd0G\x19\x93 \xec\x9ef\xd9\xa3&amp;\x85\x03&gt;l\xfd\xac\x1b\xc9\xb86\xe0\xd6\xfb)c \x04\xe7Z~~~4@)\xd6\x9f-\xd9`\x01\xa8g\xea\xecw\xce\x9c9\x95\x95\x95\x1a\xe7\x11!:x&lt;\xf7fey\x83A\\\xfe\xd7\x9d\x90rvN\x8e\x99s\x90\xc0\x19;\xe5\xfd\xe6\xdd\xad\xcb\x1c\xf6x\x7f\x08\x00\x10\x0e\xab\xeb\xf3\xfd[\xf7|\xb1\x99QF\x88\x94R^5\xf6\x01W\xf3\xb6\xd8\xfaYG\x94\xf1\xa0\xaf&lt;\xa3\xcf5W\\5\n\xa0\xa6%TE\xa8\xe2s@\xbd\xc3[R}Rg\xbf[\xb6lY\xbe|\xb9\xc6\xb9\xd0uB\xc8c\x03\x07\xa6\x98\xcd\xc6I|\xbct\x8cR_8\x9c\xd5\xa2\xc5o\xbawWi9\x94\xb2\xa2\x9d\xabK\x8f}n1\xdb\xe3\xf9\x16\xc0\x18\x0f\x86\xfdk7-!\x84\xaa\x05l\x9b.}\xba]3&gt;Pe\xa0\xc4\xc7K\xc7\x18\x0f\x07\xaas\'&lt;dM\xf1\x08=\xc25m\xff\xfe\xfd\x0b\x17.\xc4\x93\x80z\x87\x05\xa0\x9e\t!\xf2\xf2\xf2\x84\x10*\xf11\xb7m\xdb\x91\xe9\xe9\x15\x06K|\xbct\xaa%tr\x8f\x1e\xcd\xedv\x90\xc0\x18\x0b\x04}o\x17\xbed6Y\xe3\xb6%T\x80\xb0\xdb\\;&gt;y\xeb\xe8\xf1}\x8c1\x90\x9226\xe0\xd6\xfb\x19\xd7H\x1c\x17\xadxD\xa9\x1e\x0e\xa4\xb6\xee\xd0\xeb\xfa\x89RJ)\t\xa3l\xd1\xa2Eeee\xd8\x11T\xbf\xb0\x00\xd4\x1b]\xd79\xe7+V\xac\xd8\xb2e\x8bI\xd3t!4\xc6f\xe7\xe4\x08\xbc\xf8/\x9cj\t\xbd\xcc\xe5R\x91\x99D\x02c\xbc\xf8\xb3w&gt;\xdbWd\xb7\xb9\xe2\xb0%TJi\xd2\xcc\xa7\xcb\x8f\xaf/x!\xda\xfa\xd99\xe7\xe7\x19}\xaf\t\xfa\xcaq\xea\xe7\x85b\x9c\x07\xab\xbc\xfdn\xb9\xc7\xd3\xf2g\xea!\xe0\xf4\xe9\xd33g\xce\xc4w\x02\xea\x17\x16\x80\xfa\xa1\xa6&gt;TVV\xce\x9e=\x9bQJ\xa4\x04)\xc7u\xe9\xd23-\xcd\x87\xad\x9f\x17Ec\xac&lt;\x18\xbc\xed\x8a+\xba5k\x06\x00\x8cR)a\xc3\xe6\x17\x85\xd0i\xfc5SJ\tV\x8b\xe3\xbdm\xcb\xab|\xa7(\xe5 \xc1bw\x0e\xb8uJ$\x18\xc0\xce\x9f\x8bB\xa5\xd0\xcdv\xe7\xc0\xdb\xee\'\x84\x08\x00\xb5\xba\xda\xb5k\x17\x06\xc7\xd7#\xfcj\xd6\x0f\xd5\xfc3\x7f\xfe\xfc\x92\x92\x12\xce\xb9\x0e\xe0\xb6X\x1e\xec\xd3\xc7\x1f\x89\xe0\xd9\xefE\x13R:\xcc\xe6Y\xfd\xfbKB$\x08\xc6\xf8\xc1\xd2O\xb6\x15\xff\xcbaw\xc7\xd5i0H\xb0X\xec\x87\x8f\xee-\xf8`UM\xe2#@\xcf\x91w\xb6\xc8\xe8\x11\t\xf8(\xc5/\xc0\xc5\xa0\\\x0bV\x95_9\xfc\xb66]\xfa\x82\xd0)\xe3\xe1px\xca\x94)B\x08|\x08\xa8/\xf8\xd5\xac\x07\xaa\xf1_\x9dSq\xce%\x80\x94\xf2\xbe\xde\xbd\xdb8\x9d\xd8\xfay)Tf\xe4\xf0\xf6\xedG\xa6\xa7G3#\xdf*x\xeet\xf9qM3\xc7\xcf]\x80\x12\xc2(\x7fs\xe3\xd3</t>
        </is>
      </c>
    </row>
    <row r="476">
      <c r="A476" s="1" t="n">
        <v>474</v>
      </c>
      <c r="B476" t="inlineStr">
        <is>
          <t>polygon_sides_color</t>
        </is>
      </c>
      <c r="C476" t="inlineStr">
        <is>
          <t>What is the missing color of the part denoted with a question mark?</t>
        </is>
      </c>
      <c r="D476" t="inlineStr">
        <is>
          <t>['purple', 'yellow', 'orange', 'blue']</t>
        </is>
      </c>
      <c r="E476" t="inlineStr">
        <is>
          <t>orange</t>
        </is>
      </c>
      <c r="F476" t="inlineStr">
        <is>
          <t>There are 6 colored polygons arranged in a triangle with color ['yellow'] in the top row, ['?', 'green'] in the middle row, and ['yellow', 'green', 'orange'] in the bottom row.</t>
        </is>
      </c>
      <c r="G476" t="inlineStr">
        <is>
          <t>We observe that the polygon with 5 sides is green in color and the polygon with 7 sides is yellow in color. Thus, the pattern is that the polygons with the same number of sides have the same color.</t>
        </is>
      </c>
      <c r="H476" t="inlineStr">
        <is>
          <t>Based on the pattern that the polygons with the same number of sides have the same color, the missing color of the part with 3 sides should be orange.</t>
        </is>
      </c>
      <c r="I476" t="inlineStr">
        <is>
          <t>b'\x89PNG\r\n\x1a\n\x00\x00\x00\rIHDR\x00\x00\x02\x00\x00\x00\x02\x00\x08\x02\x00\x00\x00{\x1aC\xad\x00\x00f\xf2IDATx\x9c\xed\xddg`T\xc5\xbb\x06\xf09e7=\xd9\xf4\xd0\x91\x9a\x02\t\x84N\xe8\x16@\x04\x01C\xef\x88(\xa2\x80p\x91^\xa5#(Mi\x82 \xa2t\xa4\xa5\xe0\x9fN\x08RC\xe8HQ\xa4\xa5\'\x9b\xb2\xd9=g\xe6~8a\x89\x80\x8a\x98d\xcby~\x9fn\xc1\xb0dw\xe7\x99yg\xce;\x1cc\x8c\x00\x00\x80\xfa\xf0\x96~\x01\x00\x00`\x19\x08\x00\x00\x00\x95B\x00\x00\x00\xa8\x14\x02\x00\x00@\xa5\x10\x00\x00\x00*\x85\x00\x00\x00P)\x04\x00\x00\x80J!\x00\x00\x00T\n\x01\x00\x00\xa0R\x08\x00\x00\x00\x95B\x00\x00\x00\xa8\x14\x02\x00\x00@\xa5\x10\x00\x00\x00*\x85\x00\x00\x00P)\x04\x00\x00\x80J!\x00\x00\x00T\n\x01\x00\x00\xa0R\x08\x00\x00\x00\x95B\x00\x00\x00\xa8\x94h\xe9\x17\x00P\xf4dY&amp;\x84\xf0&lt;\xcfq\x9c\xa5_\x0b\x80\xf5\xe2p)&lt;\xd8\x13\xe5\xf3l\x1e\xf7\x19\xa3\xb2L9\x8e\xe38\x8e\xe7\xb1\xde\x05\xf8\x13\x04\x00\xd8\x0fJ\xa92\xcao\xdd\xbe\xc7\xc5\xd9\xb5v\xed\xd0\x00\x7f\xaf\xc2\x7f@\x96e\xc6\x98\x12\x06X\x1c\x00 \x00\xc0N\xc8\xb2,\x08\x82,\xcb\x91\xdd\x06\xe4?\x8aq\xf2pIJ\x15\x9d\xdd+\x04\x85\xd4\t\r\xad\xd5\xb8Q\xfd\xc0\xea\x95\n\xffyJ)\xa5\x14a\x00j\x86\x00\x00{ I\xb2(\n\xbf\xdf\xbd\xdf\xae]\x87\x16a\x99K\xe6\xb6%\x02\x97\x97\xa2\xbfp\xe5Q\xe2\xb5\xa4\xf8\x84\xd4\x9bw\x99\xc6\xa5\xac\x97\xdf+\xf5\xea5\x0e\r\xadQ\xb7N\x98\xa7\xce\xed\xcf?A"\x8f\xb7\r\x90\x07\xa0\x12\x08\x00\xb0m\x8c1J\xa9 \x081\xfb\x0f\x0f\xea\xd7m\xca\xb0J\x83&gt;hD\x1ff3\xc6\x04\rO\x1c5\xc4A$\x1c!\xe99\xbf\xfd\x91v\xfa\xc2\xc3\xf8\xc4\x94k\xb7sSs\\\xdd=\xcb\x07\x06\x877m\xda\xb4Nx\xad\n\xe5K\x15\xfe\x99\x94\xca\x94\xa2R\x04\xf6\x0f\x01\x006\xcc\\\xf4\x9f5w\xf1\x86\x15\x93\xd6|\xd9\xaaa\x93J\xa6\x07Y\x1a\rO\x08a\x840\xca\x18#\x8c0Q\x10\x88\x83@\x1c5D\xe4I\xbe)\xfdA\xe6\xb5\xdb)\xc7\xcf\xdc?\x95\x98\x9e\xa6w0q\xbeU\xab\x87\x07\x06\x85DD4\n\xab\x19\xe4\xe8\xa85\xff\x15\x85\xb7\x91\xb18\x00;\x83\x00\x00[%I\x92(\x8a\xfal}\xbf\xfe\x1f\xe6&gt;\xdc\xbf\xf1\xabv^\xbe\xae\xa6\xb4\x1c\x8dFx\xee\x9fg\x8cP\xca\x18c&lt;\xcf\xf1\x1a\x818h\x88\xa3H(%Y\xb9Wo$\'\\}\xf4KBJ\xe2\xaf\x06\x03\xf1\xd5y\x97\xab\x1d\xde(&lt;&lt;\xbcn\x9d\xb02\xa5\xfd\n\xff\x10l#\x83=A\x00\x80MRF\xff\xcbW\xaeu\xea\xd4\xb5KK\xd3\x8c\xa9o\x90\x1c\xa3l0\t\xe2\x0b\x9d\xf5d\x8c0\xc6(c\x1c\xe1\x04\x81\'\x8e"q\xd4\x10\x81#\xd9\x86\x87\xf7\xd2\x13\xaf\'\x1f;\xf3\xe0\xda\xed\xec?\x925^~U*U\xad\x15\x1aZ\xaba\xc3\xfa\x95^)\xe7\xe8\xa01\xff\x10\xf362\xce\x98\x82\x8dB\x00\x80\x8daL\x99\xc5\xf3[\xb7\xef\x19\xfea\xbfE\x93C#\xbb\x87\xd3\xa4l\x8e0\x8e\x7f\xc9)9e\x8cQ\xc2\x18\x13\x04\x9e\xd3\n\xc4QC\xb4\x02\x91\xa9!9\xeb\xe6o\xa9\xf1\xe7\x1e\x9c8\x97r?U\xd0\xe7\xbb\x95\xa9P\xa3Z`H\xd3&amp;\x11\xd8F\x06;\x80\x00\x00[\xa2\x9c\xf5$\x84L\x9a2g\xf3\xb7\x9f\xedX\xd3&gt;8\xb4\x94\x94\x9c-\xbe\xd8\xc4\xffE0F(cLY\x1chx\xa2\xd5\x10\'\x91p\x84d\xe7\xdd\xfb-\xfd\xf4\xe5\x87g/%\x9f\xbb\x92\xadl#\x07\x85\xd4i\xd8\xb0Qh\xcd\xe0g\xce\x98b\x1b\x19l\x00\x02\x00l\x86R\xf6\xc9\xd2\xeb{\xf7}\x9f\xa4\xef\xdf\xb8\xf2\x1dWg\x8d\x94i\x105\xc5U~a\xca\x82\x83\x12F\x88\xc0s\x9c\x83H\x9c\x9e\xdeF\xbevK\x7f\xe3.%\x9a\xd2U\x03kW\x0f\xaa\x11\xd1\xb8Q\xf5j\x95\n/\x0e\xb0\x8d\x0cV\x0b\x01\x00\xb6\xc1d2i4\x9a\xf8\x93g\xde{w`\xe7\x16\xf2\xb4I\xaf\x93l\x83l\x94\x04\xa1\xe4\x8a\xef\xe6\xc5\x01\xcf\x15\xdaF&amp;\x8cd\xe6^\xbd\x9et\xe1\xea\xa3\xf8\xf3\xc9W~\x93\xb2\x0cN\xde\xfe\xd5\xaa\x07\x866l\xd8\xb0a\x83\xbaOm#\x03X\x0f\x04\x00X;\xc6\x18c\x94\xe7\x85\xd5k\xbf\x9f6a\xf8\xea\x99\xe1\xad;\x86\xca\x8f\xb2xB^\xba\xe8_\x14\xafJ\xd9F&amp;\x840Q\xe0\x89\xa3\x868j\x88@H\x9e1\xfda\xd6\xe9K\x0f\x12\xae&amp;\x9fJ\xccx\x90\xaau\xd5U(S&gt;\xb0A\x83\x88\xda\xb5k\xd4\x0e\r&amp;\xd81\x06\xab\x81\x00\x00\xabf.\xfa\x0f\x1b&gt;\xf6\xe0\xdee{\xbf{\xbb|%\x1f)5\xa7\x08\x8b\xfeE\xa2`\x1b\x990\x9e\xe3y\xad@\x9c4D#\x10J\r\xc9Y\xb7~O;q\xe6\xfe\xc5\xdb\xfa\x03G\x1f\xd5i\x16\xb9f\xf5J\xf3?\n\xc0\xb2\x10\x00`\xbd\x94\xa2\x7fZzz\x8f\xee\xfd\x9c\xa5\xf8\xadk\xbb\n\x8c\xc99\xc6\x17&lt;\xebi)\x8f+E\x84#D\xd0\xf0D+\x12\x07\rq\x16S\xae%Un\xf9c\xdc\xc9\xf3\xc1A\x81\xcaA&amp;K\xbfRP;|\x04\xc1J)\xa3\x7f\xdc\x89\xd3M\x9b4o\x1erk\xc7\x96&gt;|\xbeD\xf3^\xf4\xa4\xbf\x05q\x1c\x11xN\x148A\xe0\x18e4\xcf(\xa7\xe5\x18n\xa7\xf9T\xf6\x1d\xf0v\xd9q\x13\xa6s\x1c&amp;^`\x15\xf0A\x04\xabc&gt;\xe9\xbf\xe0\xcb\xe5\xab\x96L^25\xfc\xf5v!\xf2#\xbdM\x9f\xa8d\x8c\x10\r\x9f\x92\x9aW\xed\xb5M\xc7\xe2\xce\x06\x07c\x11\x00\x96\x87\x00\x00\xebb\xae\x8f\xf7\xed?\xe4\xfa\xb9M\xbb\xbei\xefW\xce\xd3\n\x8b\xfe/A\x96\xa8\x10\xe0&gt;b\xd8\xce[9\xf5w\xed\xf8\x01;\x01`q\x08\x00\xb0"J\xd9\')9\xb5C\xfb\xce\xd5\xfco\xad\xff\xaa#1R9\xcf\xda\x8b\xfe/\x08\x8b\x00\xb06\xf8\xf0\x81U`\x8c\xc9\xb2,\x8a\xe2\xfe\x9f\x0f7k\xdc\xa0K+\xfd\xfau\xddh\xb6\x91\xe5\xdb@\xd1\xff\x05q\x1c\xa1\x06\xc9\xb7\xb2w\xbf\xf6\xa5\xc7b\'\x00\xac\x00&gt;\x82`y\xe6\x96j\xb3\xe6.\xfe~\xc5\xa4U\x0bZ4n^Ez\x98%\n&lt;\xb1\xd9\xa2\xffs\x99\x17\x01\x81ol\x8e;y\xa1Z\xd5\xcaX\x04\x80\x05\xe1\x93\x07\x16&amp;\xcb2\xcf\xf3\x94\xd2N\x91\xfd\x0e\xef\x9aytgd\xe3F\x15\xa5\x07Y\xa2ho\xa3?)\xb4\x08hQ\xc7m\xd9\xd7\xdf`\x11\x00\x96\x85\xcf\x1fX\x92R\xf4W\xaerl\x19\x96\xb9x^[b\x90d[8\xeb\xf9\xd2(e\x9c\x8b\xf6b\xc2\xfd\xe6}\x0f_\xbb~\xcd\xc7\xdb\x9b\x10b\xc3\xc7\x9b\xc0\x96\xd9\xed\xd7\x0c\xac\x9c\xb9\xe8\x1f\x13{(\xa2A\xf8\xf0\x9e\xda\xc5K:\xd0L\x03\xcb\x97\xecx\xf4\'\x84\xf0&lt;G\xf5\xf95\x1b\xbd\x12Q\x93\x9f9k!\xc7q\x94RK\xbf(P)\xac\x00\xc0\x02\xcc\' \xa7L\x9b\xb3}\xc3\xdcU\x9f\xb7h\xd8\xf4\xc9U\x8evOY\x04\\\xbe\xf0\xa0I\x9fC\xd7\xb1\x08\x00\xcbQ\xc5\xf7\r\xac\x8a$I\x82 dg\xeb;t\xeay\xee\xe0\x82\xe3{\xba6\xacWNz\x90\xa9\x92\xd1\x9f&lt;^\x04\x844\xac\xd8\x14\x8b\x00\xb0(\xb5|\xe5\xc0J\x98\xafr\xacS\xb7IX\xa9\x84]\x9bz\xbbkx9#O\xfc\x8b\x8b|\xed\x15\xc7s,7\x7f\xf6\xa7\xcd\xd6}\xbb"9%\x85\xe7y\xac\xc5\xa1\xe4!\x00\xa0\x840\xc6(\xa5\xa2(n\xdd\xbe\xe7\xf5\x96\x8dg\x0e\xf3\xfalF\x1b\x9a\x9e\xc3\x8c\xb2}\x17\xfd\x9f\xeb\xc9" \x94\x9f1k\x01\x16\x01`\x11\xd8\x03\x80\x92`.\xfaO\x9c&lt;{\xcb\xba\x19\xc5q\x95\xa3\xcd\xa1\x94q\xae\x0e\x89g\xee\xbe:\xe8\xc4\x9d;\xb7\x9c\x9d\x9d\tv\x02\xa0d\xa9\xf7\xeb\x07%\xc6$I\x82 \xa4\xa5\xa7\xb7i\xfb\xf6\xe5\x13\x8bN\xc7\xf6\x0e\x0e\xf4\x95\x92T=\xfa\x13Bx\x9ec\xd9\xf9\xa1\xf5*T\xf0\xcd]\xbb\xee\x07,\x02\xa0\xe4\xa9\xfa\x1b\x08%\xc0d2iD1\xfe\xe4\x99&amp;M\x9a7\x0b\xba\xb9}S/7\x81\xa7Y\xc5x\x91\xaf\ra\x8c\x10\x9eL\x1f^\x7f\xce\x9c9F\xa3\x11\xcf\x85A\t\xc3\x97\x10\x8a\x0bc\x8cRY\xa3\xd1\xac^\xfb}\x97N\xad\xbf\x18\x1d0~b\x1b\xf9\x91\x9e\xc92_\x82\x17\xf9Z3A\xe0hF\xde\x9bo\xd7\xf4uz\xb0r\xf5z\xe5\x89hK\xbf(P\x11\xcc8\xa0X0\xc6\x94r\xf6\xb0\x11c\x0f\xee\xb1\xde\xab\x1c-N\x96\x99\xe0\xe9\x14\xf5\xd3\xa5\xf7f\xde\xb9\xf5\xebeQ\x14\x95\xb6H\x96~]\xa0\n\xf86B\xd1SntIIIy\xe7\x9d.w/\xac9\x7f\xa0_\xf9\xd2\x1e2F\xff\xe7Q\x16\x01m\xdf\xae\x81E\x00\x94&lt;|!\xa1\xe8QJy\x9e?z\xfc\x97\xc4_\xb6\xed\xd8\xd6W\xb0\x91\xab\x1c-\x851B\x08\x9b5\xb2\x91\xb2\x13\x80g\x02\xa0\xc4\xe0;\t\xc5\x85\xe7E_\x1fO\x96k\x94%\xca\xf3\xa8i\xfc\xa5\'\x8b\x00\xe7\x07\xcbW~\x8b\xe3@Pb\x10\x00P|\x98$\xc9\x1cGP\xd0\xfeG\x8c\x11\xc2\x91\xe9\xc3\xea\xad\\\xb9\x82\xe0i\x00()\x08\x00\x00\xcb\x13\x04\x8ee\xe6\xb5m\x13\x9c\x9bve_\xf4\xcf&lt;\xcf\xcb\xb2l\xe9\x17\x05\xf6\x0f\x01\x00`\x15\xa8DEw\x87O\xfa\x06N\x988\x95`\x11\x00%\x02\x01\x00`\x15x\x91\xa7\xe9\xb9\xef\xbf\xdb0\xf9\xee/QX\x04@\x89@\x00\x00X\x05\x8e\x10f\xa2Z\x0f\xc7\xb1\x83j\x8e\xc7"\x00J\x04\x02\x00\xc0Z\xf0"O\xd3r\x06\x0fh\x80E\x00\x94\x0c\x04\x00\x80\xb5\xe0\x08a\x12\xd5\xea\x1c\xc7\x0e\xaa9~\xc2\x14\x82E\x00\x143\x04\x00\x80\x15\xe1E\x9e\xa6\xe7\x0c\x1eP?\xf5\xde\xe9\xbd\xfbb9\x8e\xc3"\x00\x8a\x0f\x02\x00\xc0\x8ap\x84P\x13\xd5z:\r\xef\x138s\xf6|\xac\x00\xa0X!\x00\x00\xac\x8b \xf0,3\xafO\xd7\xda7.\x9d\xb8t\xe9\n\xba\x03A\xf1A\x00\x00X\x17\x8e#\xd4 \xf9U\xf6\xee\xd9\xd6o\xdc\xc4\xe9\xb8$\x00\x8a\x0f\x02\x00\xc0\xea\xf0\x02\xcf2r\'\x8ehv\xf4\xc0N,\x02\xa0\xf8 \x00\x00\xac\x8e\xb2\x08\xf0\xad\xec\xdd\xaf}i,\x02\xa0\xf8 \x00\x00\xac\x91\xb2\x08\x980\xbc)\x16\x01P|\x10\x00\x00\xd6\xa8\xf0"`\xec\x04,\x02\xa0X \x00\x00\xac\x94y\x11p\xe2\xc8O\x17\x12/a\x11\x00E\x0e\x01\x00`\xa58\x8e\xc8\x06\xc9\xb7\xaaO\xfb\xa6^_,\xfa\x1a\x17\xc5@\x91C\x00\x00X/\x9e\xe7\x98\xde\xf0\xc9\xa0\xfa\xbb\x7f\xda\x94\x9c\x92"\x08\x02\nAP\x84\x10\x00\x00\xd6\x8b\xe79\xaa\xcf\x0f\x8dx\xa5Q0\x9b9k!\x16\x01P\xb4\x10\x00\x00V\x8d\xe39\x96\x93?\xe7\xd3\xe6\xeb\xbe]\x91\x9c\x92\x82+\xe3\xa1\x08!\x00\x00\xac\x9a\xb2\x08\x08iX\xb1iM\x1e\x8b\x00(Z\x08\x00\x00k\xc7\xf1\x1c\xcb\xcd\x9f\xfdi3,\x02\xa0h!\x00\x00\xac\x9dy\x11\xd0\xa4\x06\xf7\xd9L,\x02\xa0\xc8 \x00\x00l\x80\xb2\x130o|\xcb\xcd\x1bW\xde\xf9\xedw\x1c\x07\x82"\x81\x00\x00\xb0\x01\x1c\xc7\x11I\x0e\xf0s\x95M\xb9\x19\x19\x99\x84\x10\x04\x00\xfcw\x08\x00\x00\x1b@e\xca\xe9\x9c\xa7.8\xdc\xb0\xd9\xdb\xb5\xc2j\xca\xb2\xcc\xf3\xf8\xf2\xc2\x7f%Z\xfa\x05\x00\xc0?`\x8c\xf0\x8eb\xf2\xcd\xd4\xf5{\x1e\x1c\x8d\x9b\xcc\x18\xc3MaP$0\x89\x00\xb0v\xca\xf4\x7f\xe6\xa2\xa3M[u\xac\x11\x12D)\xc5\xf4\x1f\x8a\x04V\x00\x00V\xcd&lt;\xfd_\xb7\xfb\xfe1L\xff\xa1Ha\x1e\x01`\xd5\nO\xffC0\xfd\x87"\x85\x15\x00\x80\xf5\xc2\xf4\x1f\x8a\x15\xa6\x12\x00\xd6K\x99\xfe\xcf\xf8\xf2\x08\xa6\xffP\x1c\xb0\x02\x00\xb0R\xca\xf4?\xe9f\xea\xc6\xa8\xa4CG1\xfd\x87\xa2\x87\xd9\x04\x80\x95\x92e\xcay8}\xb7\xf9\\\xd5\x90F\x98\xfeCq\xc0\n\x00\xc0\x1a1Bx\roL\xcf[\xf4\xdd\xd5\xaf\xd7\xcc\xc7s\xbfP\x1c0\xa1\x00\xb0FT\xa2\xbc\xa7\xcb\xca\xb5\xbfx\x97\xa9\xdb\xee\xcd7\x18c\x82 X\xfaE\x81\xbd\xc1\n\x00\xc0\xea0B8\x917f\x18\xe6\xacN\\\xb5n\x1fA\xe7\x1f(\x1eX\x01\x00X\x1d*Q\xde\xcbe\xe5\xda\x93\xbe\xe5\xea\xb7m\xf3\x1a\xa5\x14\xd3\x7f(\x0eX\x01\x00X\x17L\xff\xa1\xc4`\x05\x00`]0\xfd\x87\x12\x83\x15\x00\x80\x15a\x8c\xf0\x1a\xde\x98i\x98\xb3*q\xd5zL\xff\xa1xa\x05\x00`E(e\x9c\xcey\xc57\'\xfd+6\xc4\xf4\x1f\x8a\x1bV\x00\x00V\x84\xe3\x081\xd1\xa5\xdf_\xfal\xc1&amp;\x82\xe9?\x143\xac\x00\x00\xac\x85,3^\xe7\x14\xb5\xe7R\x1eW\xae}\xbb7\x18cx\xf4\x17\x8a\x15&gt;^\x00\xd6\x82\xe3\x08!\xdc\xf8\x05\'F\x7f:\xc6\xc9\xc9\x89R\x8a\xe6?P\xac\x10\x00\x00V\xa1`\xfa\xff\xd3\xc5\xe4\xbcR\xef\x0f\xea\x8b\xce?P\x02\xf0\t\x03\xb0\n\x05\xd3\xff\x85\'\xc6\x8e\x1d\xab\xd5j\xd1\xfb\x13J\x00\x02\x00\xc0\xf2\nO\xff\x07c\xfa\x0f%\x05\x1f2(&gt;\x9c(\n\x8c\x11\x9cd\xf9G\x98\xfe\x83E \x00\xa0\xb8P*%\xa7\xa4s\xceZA\xe4)E\x08\xfc%L\xff\xc1R\xf09\x83\xa2\xc7\xf3&lt;\xa5\xb4iD\xfd\x9a\xf5\xdf\xe9\xf4\xcez\xd9A\xe4\x9d4\xb2D-\xfd\xba\xac\x14\xc7\x11\xc2\xb8q\x0b\xe30\xfd\x87\x12\x86\x00\x80\xa2\xc7q\x1c\xc7q&gt;&gt;&gt;\xdb\xb6m)\x17:\xb0V\xabu\xbf\xdf\xcf\x14\xbc]$d\xc03d\x99q\x1eNQ\xbb/\xa6\x1b\xcbb\xfa\x0f%\x0c\x1f5(\x16\x1c\xc71\xc6(\x95\x17\x7f9g\xf8\x84\xe5\x11\xefD\xc7D]\x16\x03&lt;d\x99\xe1\xe9\xd6?a\x8cs\x10\xbf\xfc\xf6l\x9f\xbe\x03\xb4Z-\xce\xfeCI\xe2\xf0m\x84be2\x994\x1aM\xfc\xc93\x03\x07\x0e\xe8\xdd\x9a\x8e\x9f\xd8\x9a\xa4\xe5R\x93\xc4\x0b\x98|\x10J\x19\xe7\xa2\xbd|\xe1A\xb3\xbe\x87._\xbe\xec\xe7\xe7G\x08A\x00@\x89\xc1\x97\x10\x8a\x97F\xa31IR\xc3\x06u\x8e\x1d;|\xe4J\xe5\xce\xdd\xbe\xd7\xcb\x94ww\x94L(\x07\x11F\x19\xe7\xec0n\xde\x91\xde\xfd\xde\xf7\xf7\xf7\xc7\xf4\x1fJ\x18\x02\x00\x8a\x9dF\x14eY\xf6\xf2\xf4\x8c\x8e\xfa)\xb8\xd1\xf0\xbaol\xb8|5Y\xf4sU\xf9\x96\x00\xa5\x8cws\xb8\x14\x7f\xe7h"\x9d8~$:\xff@\xc9\xc3\x07\x0eJ\x82 \x08\x8c1J\xe9\x8c\xe9\xe3f~\xb1\xe9\xf5^\xfb\xb7n9/\x06\xb8S\xca\x98ZO\x88\x9a\xa7\xff\xfd\xfa\xbf\xef\xeb\xe3\x83\xe9?\x94&lt;\xec\x01@\x89\x92$I\x14\xc5\xcbW\xaeu\xea\xd4\xb5k+\xe9\xb3)o\x90\x1c\x83l\x90\x04Q]s\x11s\xf5\xbfI\x9fC\xd7\xaf_\xf3\xf1\xf6&amp;\xa8\xfeC\x89S\xd7\xb7\x0e,N\x14EI\x92\x82\x83\xaa\x9f9},\xe1AX\x87n\x1b\xb2LT\xd09I&amp;\xd9\xd2/\xadDa\xfa\x0f\xd6\x00\x01\x00%M\x14EY\x96]]\xddv\xed\xd8X\xbb\xe5\xa8\x88\xb76\xc7\x9f\xba+\x96\xf20\xa9f[\x98R&amp;\xb8;\\&lt;q\xe7h\xa2&lt;\x01\xd5\x7f\xb0\x1c\x94\x80\xc02\x94-\x01A\x10bb\x0f\r\xea\xdf}\xca\xb0J\x83&gt;hD\x1f\xea9B8\xde\xce\xe7\xc2\xb2L\x05\x1f\xd7\x0e]\xbe\xafT\xe7\xbd/\x17\xcc\x94e\x19\xf7&gt;\x82E \x00\xc0\x92\x94-\x81\xdf\xef\xdeo\xd7\xaeC\xcb\xb0\xcc\xc5\xf3\xda\x12\x83$\xe7\x99\xecxK\x801B\x1c\x84\x87\xf7\xb2\x82\xdb\xfdt\xf9\xea\x8d\x00\x7f\x7f\x82\xea?X\x88\xdd~\xcd\xc0&amp;(\xe5\xa0\xf2\xe5J\x9f?w\xf2n^\xe3\xd6\x91\x9b\xd2\xf4\xf9\x82\x97\xb3\x1d?%@e\xca\xb9;\xcd]~\xa2i\xcb\xb7J\x05\x04\xa0\xfa\x0f\x16\x84\x00\x00\x0b\x13\x04Ai\x80\xb3c\xeb\xba\xe6\x1d&amp;4\xed\xb85\xee\xc4\x1d\xb1\x94\xbb$Qbw\xabS\xc6\x08\xef(&amp;\xdfL]\xb7\xeb\xfe\xac\x19\x93\t\xe6\xfe`Q(\x01\x81U0o\t\xec\xff\xf9\xf0\xc7C\xde}\xaf\x8b\xfb\xa8O[\xd1Gz\x8e1{\xda\x12\x90%*\x04\xb8\x8f\x18\xb6\xf3VN\xfd];~@\xf5\x1f,\x0b\x01\x00VD\xd9\x12HJN\xed\xd0\xbes5\xff[\xeb\xbf\xeaH\x8cT\xce3\xda\xc7\x96\x00c\x84h\xf8\x94\xd4\xbcj\xafm:\x16w688\x10\xe7\x7f\xc0\xb2\xf0\xe1\x03+\xa2l\t\xf8\xf9z\xc7\xc7\x1f&amp;\x9eo5|\xf3\xfb\xa4\xd4l\xbb\xe9#Me\xca\xe9\x9cg.:\xda\xb4U\xc7\x90\x90 t~\x06\x8b\xc3\xe7\x0f\xac\x8b\xb9i\xc4\xfao\xbf\xee2`V\xb3nQ\xfbc\xaf\x8a\x01\xee\xb2l\xdb\x8b\xd5\'\xd5\xff\xdd\xf7g\xcf\x98\x8c[_\xc0\x1a\xa0\x04\x04VJ)\x07\xc5\x9d8\xfd\xde\xa0\x81\xbdZ\xd3\xf1\x13[\xb3\xd4\x1c&amp;S\xde\xa6\xb6\x04\x18!\x8c1F\x89\xc9$;\x96\xf3\x1c\xf1\xf1\x0eT\xff\xc1z \x00\xc0z)\x19\x90\x96\x9e\xde\xa3{?g)~\xeb\xda\xae\x02cr\x8e\xb5o\t0F(c\x8c\x11\x8e\x10A\xc3\x13\xadH\x1c4\xc4YL\xb9\x96T\xb9\xe5\x8fq\'\xcf\x07\x07\xa1\xfa\x0fV\x01\x01\x00V\xcd&lt;S\x1e6|\xec\xc1\xbd\xcb\xf6~\xf7v\xf9J&gt;Rj\x8ehe\x19@\x19c\x940\xc2x\x8e\xe7\xb5\x02q\xd2\x10\x8d@(5$g\xdd\xfa=\xed\xc4\x99\xfb\x17o\xeb\x0f\x1c}T\xa7Y\xe4\x9a\xd5+1\xfd\x07+\x81\x00\x00k\xc7\x18c\x8c\xf2\xbc\xb0z\xed\xf7\xd3&amp;\x0c_=3\xbcu\xc7P\xf9Q\x16o\xd1\xa6\x11\x8c\x11V\xd0\xca\x9a\x89\x02O\x1c5\xc4QC\x04B\xf2\x8c\xe9\x0f\xb3N_z\x90p5\xf9Tb\xc6\x83T\xad\xab\xaeB\x99\xf2\x81\r\x1aD\xd4\xae]\xa3vh0\xe18\xcc\xfd\xc1J \x00\xc06\x98\xaf\x96|\xef\xdd\x81\x9d[\xc8\xd3&amp;\xbdN\xb2\r\xb2Q\x12J\xf0j\xc9\xc7\xb5\x1d\xc6s\x1c\xaf\x11\x88\x83\x868\x8a\x840\x92\x99{\xf5z\xd2\x85\xab\x8f\xe2\xcf\'_\xf9M\xca28y\xfbW\xab\x1e\x18\xda\xb0a\xc3\x86\r\xea\x96)\xedWb\xaf\x10\xe0_A\x00\x80\xcdP\xb6\x04\xb2\xf4\xfa\xde}\xdf\'\xe9\xfb7\xae|\xc7\xd5Y#e\x1aDMqe\x80y\x0b\x97\x11"\xf0\x1c\xe7 \x12\'\r\x11y\x92oJ\x7f\x90y\xedv\xca\xf13\xf7\xaf\xdd\xd2\xdf\xb8K\x89\xa6t\xd5\xc0\xda\xd5\x83jD4nT\xbdZ%O\x9d\xdb\x93\x1f\xc2\xa8,S\xae\x90bz\xb5\x00\xff\x16\x02\x00l\x89\xb9z&gt;i\xca\x9c\xcd\xdf~\xb6cM\xfb\xe0\xd0RRrv\x11n\t\x98\xa7\xf9\x1c\xe1\x04\rO\xb4\x1a\xe2$\x12\x8e\x90\xec\xbc{\xbf\xa5\x9f\xbe\xfc\xf0\xec\xa5\xe4sW\xb2Ss\\\xdd=\xcb\x07\x85\xd4i\xd8\xb0Qh\xcd\xe0\xc0\xea\x95\n\xff\x10JeJ\x19\xc7q&lt;\xcfc\xc4\x07\xab\x85\x00\x00\x1b\xc3\x94"\x0c\xcfo\xdd\xbeg\xf8\x87\xfd\x16M\x0e\x8d\xec\x1eN\x93\xb29\xf2\xf2M#\n\xb6p\x19\x13\x04\x9e\xd3\n\xc4QC\xb4\x02\x91\xa9!9\xeb\xe6o\xa9\xf1\xe7\x1e\x9c8\x97r?U\xd0\xe7\xbb\x95\xa9P\xa3Z`H\xd3&amp;\x11u\xeb\x84\x15\x9e\xe6\x13B$I"\x84(#&gt;\x06}\xb0\t\x08\x00\xb0I\x85\xaf\x96\xec\xd2\xd24c\xea\x1b$\xc7(\x1b^\xb4\x8f\xf4\xe3-\\\xc6\x11N\x10x\xe2(\x12G\r\x118\x92mxx/=\xf1z\xf2\xb13\x0f\xae\xdd\xce\xfe#Y\xe3\xe5W\xa5R\xd5Z\xa1\xa1\xb5\x1a6\xac_\xe9\x95r\x8e\x0e\x1a\xf3\x0f\xa1\x94*\xbd&lt;9\xec\xeb\x82mB\x00\x80\xadR2@\x9f\xad\xef\xd7\xff\xc3\xdc\x87\xfb7~\xd5\xce\xcb\xd7\xd5\x94\x96\xa3\xd1&lt;\xff\x84%c\x84Re\xf5Ph\x0b\x97R\x92\x95{\xf5Fr\xc2\xd5G\xbf$\xa4$\xfej0\x10_\x9dw\xb9\xda\xe1\x8d\xc2\xc3\xc3\xeb\xd6\t{j\x0bW\x96e\xe5!^\xd4v\xc0\x0e \x00\xc0\x86\x99\xdb\xe9\xcc\x9a\xbbx\xc3\x8aIk\xbel\xd5\xb0I%\xd3\x83,\x8d\x86\'\xca\x16.e\x8c\x11F\x98(\x08\xc4A \x8eOo\xe1\x9eJLO\xd3;\x988\xdf\xaa\xd5\xc3\x03\x83B""\x1a\x85\xd5\x0crt\xd4\x9a\xff\nl\xe1\x82\x1dC\x00\x80m{r\xb5\xe4\xfe\xc3\x83\xfau{|\xb5d6cL\xd0\xf0\xc4QC\x1cD\xc2\x11\x92\x9e\xf3\xdb\x1fi\xa7/&lt;\x8cOL\xb9v;W\xd9\xc2\r\x0c\x0eo\xda\xb4i\x9d\xf0Z\x15\xca\x97*\xfc3\xb1\x85\x0b*\x81\x00\x00{ I\xb2(\n\xca\xd5\x92-\xc22\x97\xccmK\x04./E\x7f\xe1\xca\xa3\xc4kI\xf1\t\xa97\xef2\x8dKY/\xbfW\xea\xd5k\x1c\x1aZ\x03[\xb8\x00\x04\x01\x00vC9!*\xcbrd\xb7\x01\xf9\x8fb\x9c&lt;\\\x92REg\xf7\nA!uBCk5nT\xff\x99\x93\x9a\x05[\xb8\x98\xe6\x83j!\x00\xc0~\x98\xb7\x04\xb6n\xdf\xe3\xe2\xecZ\xbbvh\x80\xbfW\xe1?\x80-\\\x80\xc2\x10\x00`W\x94\xcf\xb3yp/\xbc\x85\x8b\x93\x9a\x00OA\x00\x80\x1d\x92e\x99&lt;.\xe8[\xfa\xb5\x00X/\x04\x00\x00\x80JaQ\x0c\x00\xa0R\x08\x00\x00\x00\x95B\x00\x00\x00\xa8\x14\x02\x00\x00@\xa5\x10\x00\x00\x00*\x85\x00\x00\x00P)\x04\x00\x00\x80J!\x00\x00\x00T\n\x01\x00\x00\xa0R\x08\x00\x00\x00\x95\x12-\xfd\x02\x00\xc0\x8a(\x17\xec\x10tRR\x07\xf4\x02\x02\x80\'\xb7#\x08\xc2\xf3oT\x06\xbb\x84\x00\x00P/\xc6\x98,\xcb&lt;\xcf\x9b{e\xa7\xa7\xa5\xc7F\xff\xbcu\xeb\x16I\x96v\xfc\xb4]\xb9f\xc7\xb2/\x12\x8a\x0f\x02\x00@u\x9e\x1d\xf7o\xdd\xbc\x1d\xb57\xfaD|\xdc\xf9+gx\x0fS\xdd\xd65\x0fn=\xd1\xb5e\xff\xb9\x9f\xcf\x96$I\x14Q+\xb6O\x08\x00\x00\xb5P\xea&lt;\x85\xc7\xfd\xdb7\xef\xec\xdb\x1b\x15\x15\xb3\xef\xfa\xdd\xcb\x9e\x15\x9d\x03\xebW\n\xac]\xb9Ty?A#d\xa5e\x8f\xef\xb4`\xd3\xdamm\xdel\x8du\x80\xbdB\x00\xd8&lt;e*\x87\xfd:\xf8+\xca\xb8/\x8a\x02!\x05\x1f\x12\xf3\xb8\x7f\xe3\x8f\xcb\xba\n\xcea\xcd\x03C\xeaU\xf3\xf4\xf1\x90ej\xc8\xcd7\xe5\x9bdJ=&lt;\xdd\x12\xe3\xafn\xfd\xec\xe0\xf9\x84s:\x9d\x0e\x9f1\xbb\x84\x00\xb0\x13\x98\xa3Aa\x8c1\xe5&lt;O\xe1q\xff\xfc\xd9\x84]?\xed:\x1aw\xe4\xf7\xa4[\x1e\x15\x9cj5\x0fR\xc6}\xc9$\xe7\xe5\x18dI&amp;\xca\xe5\x99\x1c!\x84\xc8\x92\xec\xe5\xef\xb9f\xe6&amp;\xd7\xd4\xd2\xbb\xf7\xfd\x84B\x90]B\x00\xd8*\xe5r\xf3\xb4\xb4\xb4\xb5k\xd7~\xf4\xd1G\x0e\x0e\x0e\xe6\xd3{\x96~i`1\xca\xa0\xcf\x18+&lt;X\x9f;\x93\xb0{\xd7\xee\xd8\x03\xd1I9\xf7\xca\x86\xf8\x865\x0b\xacX\xbd\\\xe1q\x9f\xe38\x8e\x7f\xce\xec\x9e1\xe6\xe2\xee&lt;!\xf2\xf3)\xc3g}0\xf4}L2\xec\x0f\x02\xc0V\x99\x03\xc0\xdf\xdf\xbfj\xd5\xaa#G\x8e\x1c4h\x10AEH\x95\x9e\x1d\xf7MF\xd3\xc5\x0b\x97v\xef\xdec\x1e\xf7k7\x0f\xae\x12\xfa\x8a\x8b\x9b\xb3\xd1`\xcc\xcf3\xfe\xcd\xb8oF)sp\xd4\xa4=\xca\x98\xddg\xd5\xe1\x9f\x8f\xd4\xaeS[\xd9B(\x91\x7f\x13\x94\x04\x04\x80\xadR\x02 ))\xa9i\xd3\xa6s\xe7\xce]\xb4h\x11\xa5t\xda\xb4i-Z\xb4 \x84H\x92$\x08\x02b\xc0\xbe=w\xdc?z\xf8\xd8\xb6m\xdbO\x9c9\x96/d\xfbU\xd1\x85\xb7\x0c\xa9R\xf3\x15\x177gc\x9e\xd1\x90\x9b\xaf\x1c\xf6\xff\xfbq\xbf0Y\xa6:o\xf7C;\xe2Nn\xb8\x91x\xe9\x02\xc1\x03b\xf6\x05\x01`\xab\x94\x00HNN\xaeW\xaf^\\\\\\\xe9\xd2\xa5\xd7\xaf_?w\xee\xdc\xe0\xe0\xe0\x05\x0b\x16\x94/_\x9e`c\xc0N\x99\x1f\xd65\xbf\xb9\xca\xb8\xbf}\xfb\xf6\xb8\xd3\xc7\x0c\x1a}\xe5\xf02\xb5\x9b\x85\x94\xad\\\xca\xd1\xc9\xc1h0\xbd\xc4\xb8_\x98,Q/\x7f\xdd\x82\x8fW6(\xff\xea\x8ao\xbe\xc6f\x80=A\x00\xd8*s\x00\xd4\xaf_?::\xbaT\xa9R...\xd9\xd9\xd9\xf3\xe7\xcf\xdf\xbe}{\xbbv\xedf\xce\x9c\xa9\xd5j\xb11`7\x9e\x1d\xf7\xd3\xd3\xd2\x8f\x1d\x89\x8b\x89\x89\x8e;u\xcc\xa0-\x18\xf7\xcbW+\xa3\xd5j\xf2r\xf2\x8d\xf9FF\xd9K\x8f\xfb\x85\xfe^\xc2s\x9c\xa8\x15\xc7u\x9a\xbft\xce\x8a\x9e\xbd{`ba7\x10\x00\xb6\xaap\x00\xc4\xc6\xc6\x96*U*//O\xa3\xd1\xe8t\xba\x9b7oN\x9a4)!!a\xda\xb4i\x91\x91\x91\x04\x1b\x03\xb6\xec\xd9&amp;\r\xe9i\xe91Q\xb1\xbb\xf7\xecN\xb8vV\xf4\xa4\xe5\x83\x03\xc2\x9a\x06U\xa8V\xb6`\xdc7\x18\x19c\x1c\xcf\x15\xe1\xdbM)svq\xfc\xed\xfa\x1f_\x7f\xbc%1!1\xa0T\x00c\x0c\xb3\n;\x80\x00\xb0U\xcf\x06\x80\xd1h$\x84\xc8\xb2\xec\xe4\xe4\xe4\xea\xea\x1a\x15\x155k\xd6,A\x10&gt;\xff\xfc\xf3\xbau\xeb\x12\xc4\x80My\xf6a\xdd\xb4\xd4\xf4\xd8\xe8\xd8\xdd{v_\xb8v\x96\xd7I\xc1\x8d\xab\x84E\x04\x05\x94\xf3\xe5x\xdeP&lt;\xe3~a\xb2${\xfazlY\xb6/\xfd\x8c|,\xfe(\nA\xf6\x01\x01`\xab\x9e\x1b\x00\xca\x97_\x19;\x94\x87w\x96/_\xbel\xd9\xb2z\xf5\xea\xcd\x9e=\xbbt\xe9\xd2\x04\x1b\x03\xd6\xed\xaf\x1e\xd6\x8d\xfd9\xe6\xf6\xfd\x1b\x9c\x9b)$\xa2JhDP@9?BH^\x8e\xc1\x94o"\x84\x14\xdf\xb8\xff\xa7\xd7&amp;S\x9d\xaf\xc7g\xfd\x17G6\xef3{\xde,d\x80\x1d@\x00\xd8\xaa\xbf\t\x00\x85,\xcb\x1c\xc7y{{\xa7\xa7\xa7O\x9b6-66\xb6{\xf7\xee\x13&amp;L\x10\x04\x01\x1b\x03\xd6\xe6\xf1\xc3\xbaO\xc6\xd3\'M\x1a\xfe\xb8\xecY\xc19\xacY`\x95\x9a\x15\xfc\xca\xf8\x10\xc2\x15\x1a\xf7\xf9\x92\\\xce1\xc6\x04Q\x90\x8c\xd2\xa4w\xbe\xdc\xbb-\xa6I\xb3\x08\x9c\n\xb5u\x08\x00[\xf5\x8f\x01\xa0\x90$I\xd9\x18\xb8z\xf5\xea\xa7\x9f~\xfa\xc7\x1f\x7fL\x9e&lt;\xb9c\xc7\x8e\x04GE\xad\xc0\xb3M\x1a~\xbdv3&amp;&amp;\xf6\xd9&amp;\r\x92I\xce\xcf3\x9a\x8c\x16\x18\xf7\x0b\x93e\xea\xe6\xe1r\xf6p\xe2\xae\xf9\xc7/_\xbe\xe4\xe4\xec\x84\xa2\xa2MC\x00\xd8\xaa\x17\x0c\x00\xf2\xb8"\xe4\xec\xec\xec\xe2\xe2\xb2u\xeb\xd6\x05\x0b\x16\xe8t\xba\x993g\x86\x87\x87\x13\xc4@\x89{n\x93\x86sg\x12v\xef\xda\x15\xfb\xbf\xe8\xb4\xfc$\xd7\x00\x87Z-\x9en\xd2P\xd0\xa2\xc1\n\xde%Y\x92}Jy-\x1b\xf7]y.\xf8\xc7\xad\x1bQ\x08\xb2i\x08\x00[\xf5\xe2\x01`\xfe\xf3\xb2,{{{\x1b\x8d\xc6%K\x96\xac^\xbd\xbau\xeb\xd6\xe3\xc7\x8f\x0f\x08\x08 \xd8\x18(~/\xd2\xa4\xa1v\xf3\xe0J5*\xb8\xba\xbb\xc8\xff\xd4\xa4\xc1\xb2\x18c\xce\xaeN\xe3\xde\x99?}\xe4\x1c\xb4\x88\xb0i\x08\x00[\xf5o\x03@a\xde\x18\xb8\x7f\xff\xfe\xec\xd9\xb3cbb&gt;\xf8\xe0\x83\x11#F\xf0&lt;/IR\xe1\xbdG(\x12\xcf}X\xf7\xc4\xf1\xf8C\x87\x0e\xc5\x1e\x88y\xbaIC\x9e\xd1\x90\x97OeJ8\x8e\xb7\xbeq\xdf\xcc\xdc"bN\x9f\xd5\xa7\xe2\xcfT\xab^\x15\x9b\x016\n\x01`\xab^.\x00\x14\x92$988\xb8\xbb\xbb\x9f&gt;}z\xda\xb4i\xf7\xee\xdd\x9b:uj\x87\x0e\x1d\x08*BE\xe4\xaf\x9a4(\x0f\xeb\xe6k\xf4\xa5\xab\xfb\xd4l\\\xbdZX%\xe7\x97m\xd2`Y\xb2Du\xbe\xee\xd1\x1b\x0e]\xde\xfd\xe0\xec\xf9\xd3\x04-"l\x13\x02\xc0V\xfd\x97\x00P\xfesI\x92\xdc\xdc\xdc\x9c\x9c\x9c\xb6n\xdd\xfa\xd9g\x9fU\xae\\y\xc6\x8c\x19\xc1\xc1\xc1\x84\x10\x14v_\x9a,\xcb\xe4\x9f\x9a4\x94\xafVF\xeb\xa0\xb5\xc5q\xbf0Y\xa2\xde\xfe\xbayC\x977\xae\xf4\xc6\xf2U_\xe13c\x8b\x10\x00\xb6\xea?\x06\x80B9\x85\xe2\xe3\xe3\xa3\xd7\xeb\x97-[\xb6f\xcd\x9a\xf6\xed\xdbO\x9e&lt;Y\xa7\xd3){\x95X\xd7\xbf\x9c\xf4\xb4\xf4\xe8}\xb1\x87\x8f\x1c\xfe\xe5\xec\t\x83&amp;\xabr\x9d\xb2\x7fj\xd2\xa0&lt;\xb4e\x9b\xe3\xbe\x19c\x84\xe3\x88F\xab\x19\xd3a\xde\xf7+6\xb5\xeb\xf0&amp;6\x03l\x0e\x02\xc0V\x15I\x00(\x94\xef\xad\xa7\xa7\xe7\xed\xdb\xb7\xe7\xcc\x99s\xf8\xf0\xe1!C\x86\x0c\x1f&gt;\x9c\xe0\xe1\xe1\x7fCYTE\xed\x8b\xda\xf4\xe3\xe6\x84\xabg\x05O\xa9z\xfd\x8a\xd5kW\xaeP\xbd\x9cV+\x16S\x93\x06\xcb\xa2\x94:\xbb:]?\x7f{\xed\x98\x9f.\x9c\xbf\x80\x16\x116\x07\x01`\xab\x8a0\x00\x14\x92$)=$\xe2\xe2\xe2\xa6L\x99\x92\x9f\x9f?}\xfat4\x97~A\x05\xd73\xa4\xa6\x95.[\xea\x8d\xf7\x1a6}\xab\xbeoio\x8e\xe3\x0cyFc\x9e\xbd\x8d\xfb\x85)\x17\x87m^\xb2;\xe3\x1c9\x1aw\x18\x85 \xdb\x82\xac\x86\x02\xa2(\x1a\x8d\xc6\xe4\xe4\xe4\xbau\xeb\xee\xdf\xbf\xff\xbd\xf7\xde\x1b:th\x97.]~\xff\xfdwQ\x149\x8eS\xaa\xdb\xf07\x18c\xfe\xa5\xfc_\x8dl\xaa\xf3\xf6\xc8L\xd5g\xa6\xea\x8d\x06#\xc7s\xbc`\xb7\xab(A\x14\xd2\x922\xba~\xf4\xd6\xdd\xdc\xeb\xb3g\xcc\x15EQ\x92$K\xbf(xQ\x08\x00x\x82\xe38Q\x14\xf5z}JJJ\xaf^\xbd\xe2\xe2\xe2\xaaW\xaf\xde\xa6M\x9b\xd1\xa3G\x1b\x8dF\xa5\x87\x84\xd2F\x02\xfe\x8a$I\xfa\x8c\x1c\xc9$\xf3\x02o\xc7\xe3~a&lt;\xcfeg\xe6\x0c\xfb\xbc\xff\xac/\xa6\x9d:yZ\x14E\xcc\x15l\x05\x02\x00\x9e\xc6\xf3\xbc \x08iii\x8c\xb1\x193f\xec\xde\xbd\xfb\xde\xbd{\xe1\xe1\xe1\xabW\xafV\x1e\x14\x90e\x19\x95\xc3\xbf\xa1\xb6M\x13\x8e\xe3\x8cF\xc9+@\xd7\xed\xd37{\xf5\xea\x95\x93\x93C\x08\xc1\'\xc4&amp; \x00\xe0\xf9\x94\xf9~rrr@@\xc0\xc6\x8d\x1b\xbf\xfa\xea\xabu\xeb\xd65o\xde\xfc\xd0\xa1C\xca~\x00b\x00\xcc\x04\x81\xcfL\xcdj\xd1\xb1\xa1g\r\xed\xbb\xfd\xdf\x13\x04\x01\x8b\x00\x9b\x80\x00\x80\xbf\xa4T\x84\xf2\xf3\xf3\x93\x93\x93\x1b6lx\xe8\xd0\xa1A\x83\x06\r\x192\xa4_\xbf~\xf7\xef\xdf7\xc7\x80\xa5_&amp;X\x05A\x14\xd2\x933\xdf\x9f\xd6\xf3\xe7\xd3{\xbf\xfbv\x036\x03l\x02\x02\x00\xfe\x81yc ##\xa3w\xef\xdeqqq\x9e\x9e\x9e\xaf\xbd\xf6\xda\xf4\xe9\xd3\xb11\x00\x851FdI\x1e:\xb7\xcf\xf0Q\x1f\xdf\xb8\xfe\xab(\x8a\xf8`X9\x04\x00\xbc\x10\xa5\xfa\x9f\x9a\x9a\xcaq\xdc\x97_~\xb9m\xdb\xb6s\xe7\xce\x85\x87\x87o\xd9\xb2E\xf9\x7fI\x92\x84\x8a\x90\xca\xf1&lt;\x97\x9b\x9dW\xb9f\x85\xd7\xdfk\xd0%\xb2\xab\xf2\x91\xc0\xa7\xc2\x9a!\x00\xe0_0o\x0c\x94/_~\xc7\x8e\x1d\xf3\xe7\xcf_\xbcxq\x8b\x16-N\x9f&gt;\xad\x1c\x15E\x0c\xa8\x9c \n\xe9I\x19\x1d\x06\xbe\x9e\xafK\x1b7z\x026\x03\xac\x1c\x02\x00\xfe\x9d\xc2\x1b\x03\xaf\xbd\xf6\xda\xa1C\x87"##\xfb\xf6\xed;l\xd8\xb0\x07\x0f\x1e\xe0\x89\x01\xe0\x05!#5k\xe8\xac\xbe+7.\xdb\xbb;\n\xa7B\xad\x19\x02\x00^\x86\x12\x03\x99\x99\x99\x19\x19\x19\x1f}\xf4\xd1\xf1\xe3\xc7\x19c\xcd\x9a5[\xb8p!\xa5\x14\x1b\x03j\xc6qD6\xc9N\xae\x8e\xef\xcf\xe9&gt;`P\xbfG\x0f\x1f\xf1&lt;\x8f\x0f\x83uB\x00\xc0\xcb\x13\x04\x81\xe7\xf9\xe4\xe4d\x8e\xe3\x96,Y\xf2\xc3\x0f?\x1c&lt;x\xb0n\xdd\xba;w\xee\xc4\xc6\x80\x9a\xf1\x02\xaf\xcf\xcc\t\x8b\x08\xaa\xd5\xaer\xff&gt;\x039\x8eC\x00X\'\x04\x00\xfcW\xa2(2\xc6\x92\x92\x92BBBv\xef\xde=~\xfc\xf8\xb9s\xe7\xb6m\xdb\xf6\xec\xd9\xb3\xe6\x8d\x01K\xbfF(i\xa2(\xa4&gt;J\xef\xf9I\xc7\xc4\x07\xa7\x16\xcc\xfb\x02\xa7B\xad\x13\x02\x00\x8a\x86F\xa3\xc9\xcd\xcdMNN\xee\xdc\xb9\xf3\xc1\x83\x07[\xb5j\xd5\xa3G\x8f\xe1\xc3\x87gff*\t\x81B\xb0\xfap\xf9\x86\xfc\x8f\xe7\xf7\xfdl\xee\xd4sg\xcf\xe3T\xa8\x15B\x00@\x91\xe1y^\x14\xc5\xb4\xb4\xb4\x9c\x9c\x9c\xd1\xa3G\x1f:t(??\xbfA\x83\x06\x8b\x16-\xe28N\x10\x04I\x920\x04\xa8\x07\xcfs\x86&lt;\xa3\x7f9\xdf\xce\xa3Zu\xeb\xdaM\xaf\xd7\xe3T\xa8\xb5A\x00@\x113o\x0c\xb8\xb8\xb8,_\xbe|\xcd\x9a5{\xf6\xeci\xda\xb4\xe9\x9e={DQ\xc4\xc6\x80\xaa(-"^\x8dl\xe2\x11$\x0c\xfbp\x04N\x85Z\x1b\x04\x00&lt;A)\x95eY\xfa\xb3\x97\xeb\xf9\xa3\xd4|\x95\xe6\xd2111\x1f}\xf4\xd1\xc4\x89\x13;w\xee|\xf9\xf2e\x1c\x15U\x15^\x10\xd2\x933\x07M\xee\xb1\xfb\xd0\xd6\x8d\xdf\xfd\x80S\xa1V\x05\x01\x00\x84R\xaal\xd09;;{zz\xfa\xfa\xfa\xfa\xfa\xfa\xfa\xf8\xf8(\xff\x83N\xa7\xd3h4\xb2,\xff\xdb\xea\x8d\xb9\x87DZZZ\xb7n\xdd\x8e\x1c9R\xaf^\xbd\xb7\xdf~{\xe4\xc8\x91\x19\x19\x198*\xaa\x12\x1cG(e\xbc\xc0}\xb8\xa0\xf7G#&gt;\xbcq\xfd\x06N\x85Z\x0f\xdc\xdd\x03\xc4\xd5\xd5U\xab\xd5fdd$&amp;&amp;^\xbdz\xf5\xb7\xdf~\xcb\xc8\xc80\x1a\x8d\x0e\x0e\x0e&gt;&gt;&gt;\xd5\xaaU\xabU\xabV\x85\n\x15\x8cFcNN\xce\xbf\xbd\xf4U\xb9 0%%E\x10\x84q\xe3\xc6u\xef\xde}\xee\xdc\xb9\r\x1a4\x18=z\xf4\xa0A\x83\x08n\x9dT\x01\x9e\xe7r\xf4yUC+\xb6\x1cP\xb7o\xef\xfe\'~9\xae\xbc\xe9\x96~]\x80\x00P=A\x10\xe2\xe3\xe3\x7f\xfa\xe9\xa7\xfd\xfb\xf7_\xb9r\xe5\xb9\xcbs\x7f\x7f\xff\xd6\xad[\x8f\x181",,,--\xed%.\xfeV\xfe\x93\xe4\xe4d__\xdf\xe5\xcb\x97\x1f;vl\xec\xd8\xb1\xdf}\xf7\xdd\xb4i\xd3p\xeb\xa4\x1a\x88\xa2\x90\x9e\x94\xd9a\xc0\xeb3\x8f-\x1d3j\xec\xdc\x05spy\xa45\xc0\x9d\xc0\xb6\xea\xbf\xdf\tL)uss\x1b6l\xd8\x8a\x15+\xcc\xff\xc7\xf2\xe5\xcb\x97/_\xde\xdb\xdb[\xab\xd5\xe6\xe6\xe6\xde\xbbw\xef\xca\x95+\xf9\xf9\xf9\x84\x1077\xb7\xf9\xf3\xe7\x0f\x1a4(==\xfd%2\xc0\xfc\xb2eY\xf6\xf0\xf0\x10\x04\xe1\xfb\xef\xbf\x9f;wnpp\xf0\x82\x05\x0b\xca\x97/O\x1e_O\xffr?\xd9\xb2\x94\xb7#5%54\xbc\xe6\xd0\xaf\xba{\xf9z\x98L\x12\xf2\xac0\xc6\x98 \nT\xa6\x13:/\xdc\xb4v[\x9b7[\xdb\xee\xdbm7\x90\xc0\xeaE)\xd5h4\x95+W&amp;\x84\x84\x85\x85u\xe8\xd0\xe1\xd5W_\xadZ\xb5\xaa\xa7\xa7\xa7F\xa3!\x840\xc6rsso\xdf\xbe\xbde\xcb\x96\xa5K\x97fee}\xf0\xc1\x07\xa2(\xf6\xef\xdf\xff\xa53\xc0\xbc1@\x08\xe9\xdd\xbb\xf7\xdbo\xbf=\x7f\xfe\xfc6m\xda\xb4k\xd7n\xe6\xcc\x99Z\xadV\xa9\x0e\xa3&gt;`\x7f8\x8e3\x19%7\x0f\x97\x81\xd3\xdfyo\xf0{\xe7\x13\xce\xe9t:%8-\xfd\xd2\xd4\x0b+\x00[\xf5\xdfW\x00\x8c1\x8dF\x93\x9e\x9e\x1e\x1f\x1f\xff\xdak\xafyyy\xe5\xe7\xe7\x1b\x0c\x86\xc2\xc74\x05Appppvv&gt;q\xe2D\xd7\xae]\xff\xf8\xe3\x0fww\xf7S\xa7N\x95.]\xfa\xdf\xfeu\xcf\x92eY\x14E\x9dNw\xf3\xe6\xcdI\x93&amp;%$$L\x9b6-22\x92\xd8\xe0\xc6\x00V\x00/H\x96d/\x7f\xcf537\xb9\xa6\x96\xde\xbd\xef\'\x14\x82,\x0b\xf3,\xf5\xe28\xced2yxxt\xee\xdcY9\xb9\x9f\x9d\x9d\xad\x8c\xbc\xc2c\x84\x90\xbc\xbc\xbc\x87\x0f\x1f6j\xd4h\xf9\xf2\xe5\x1a\x8d&amp;++k\xed\xda\xb5\xae\xae\xae\xff\xfd0\x9f\xb9\xb9\xb4\xbf\xbf\xff\xc6\x8d\x1b?\xff\xfc\xf3E\x8b\x16)\xcd\xa5q\xeb\xa4\xbd\x12D!#%\xb3\xcf\xe8\xce\xa7\x7f=\xb6|\xd9\n\x9c\n\xb5,\x04\x80\xaa)\x83lFF\x06\xa5TyJ\xeb\xd9I+\xcf\xf3\x0e\x0e\x0e\xc9\xc9\xc9o\xbc\xf1F\xd3\xa6M9\x8e\xfb\xdf\xff\xfe\x97\x9d\x9d]$\xd5[\xa5"d4\x1a\xcd\xcd\xa5\xbbt\xe9\xd2\xb7o_\xdc:i\xc7\x18#\xa6|\xd3\xb0\x85\xfd&gt;\x9d\xf8\x7f\xe7\xce\x9cS\xe6\x01\x96~Q*\x85\x00P;\xa5I\xc3\x8b\x14+DQl\xd6\xac\x19c\xec\xb7\xdf~KII\xd1h4E5=/\xdc\\z\xe8\xd0\xa1\xc7\x8f\x1f\xc7\xad\x93vLi\x11Q\xfa\x95\x80wF\xbd\xda\xabWoe\x9d\x87\xa5\x9eE \x00\xe0\x85p\x1c\xc7\x18+]\xba4!$\'\'\'++K\x10\x84\xa2\xfd\xd2\x16n.]\xf8\xd6\xc9\xad[\xb7\xa2\xb9\xb4\x9d\x11\x04&gt;#%\xabUd\x13m9\xd3\x87\x83?B\x8b\x08KA\x00\xc0\xbf\xa0\x1c\xce)\xd6QX\xe9\x19i\xbeu\xf2\xf3\xcf?_\xb8p\xe1\x9bo\xbeY\xb8\xb94b\xc0\x0e\xf0\x02\x9f\x95\xaa\x1f2\xab\xcf\x96\x98\xef7n@\x8b\x08\xcb@\x00\xc0\x0bQN\xb9\xa4\xa5\xa5\x11B\x9c\x9c\x9c\x94M\xe0b:\xe5\xf2\xd4\xad\x93\x07\x0e\x1ch\xd9\xb2e\x8f\x1e=\x86\r\x1b\xf6\xf0\xe1C\xb4\x12\xb2\x0f\x1cGdJ\x05\x81\x1f\xfay\xafa\x9f|\xfc\xe0\xfe\x03\xb4\x88(y\x08\x00xQ\x8c\xb1\x8b\x17/r\x1cW\xb6lYoo\xef\xe2\xbe\xdfC\x89\x81\x8c\x8c\x0c\xa5\xb9\xf4\xc1\x83\x07\x9f\xbau\x12\xcd\xa5m\x1d\xcfs9\xfa\xdc\xaa\xa1\xaf4\xeaZ\xa3K\xe7\xae\xb88\xac\xe4!\x00\xe0\x9f1\xc6\x1c\x1c\x1c\xee\xdd\xbb\x17\x1b\x1b\xcb\x18\x8b\x88\x88pww\x97\xa4\x928\xe7n\xde\x18puu]\xb2d\xc9\xc6\x8d\x1b\x95[\'w\xed\xda\x85\xe6\xd2v@\x10\x85\x8c\x94\xac.\x1f\xb5{\xc4\xee\x8c\xfbt&lt;.\x0e+a\x08\x00\xf8g\x92$\xb9\xbb\xbb\x7f\xfe\xf9\xe7\x0f\x1f&gt;\xd4j\xb5\xfd\xfa\xf53\x18\x0c%\xf9\xb0\xae2.\x14\xbeur\xd2\xa4I\x85\x9bKc\xd4\xb0]\x1c\xcfeg\xe6|&lt;\xbf\xdfWk\x17\x1f;r\x1c\x17\x87\x95$\x04\x00\xfc\x1d\xc6\x98\xc9d\xf2\xf3\xf3[\xb3f\xcdW_}E\x08\x192dH\xdd\xbausrrJ\xb8[\x03\xc7q\xe6[\'\xdfy\xe7\x9d\xa3G\x8f\x16n.\x8d[\'m\x97\xd2"\xc2\xd5\xc3\xa5\xcf\xa4\x0e={\xf5\xcc\xd6g\xe3Th\x89A\x00\xd8\x83b\xfa\xb6PJ\x19c~~~\xabV\xad\x1a2d\x88$I\xcd\x9b7\x9f&gt;}zff\xa6\xa5z\xf5(\xb7N\xa6\xa6\xa6\xca\xb2&lt;n\xdc\xb8\xd8\xd8\xd8\x9c\x9c\x9c\x86\r\x1b~\xf9\xe5\x97\xca\x03\r\x16yU\xf0\x1f\t\x02\xaf\xcf\xc8n\xd8\xa6N\xd9\xfa\x9e\x03\xfb\r*\xf2\x13\xc6\xf0W\x10\x00\xb6M\x99+\x15\xc7\xc0\'\xcb\xb2V\xabuss\x9b4i\xd2\xe0\xc1\x83\x8dFc\xf3\xe6\xcd7o\xde\xac\xec\xd4Y\xb6\xcbM\xe1\xe6\xd2+V\xacX\xb9rettt\xe7\xce\x9d\xa3\xa3\xa3\x8dF#\xc6\x0e[$\x88BzR\xc6\x80\xf1\x91\xf1\xd7\x0f.[\xbc\x0c\'\x82J\x06\x02\xc0V)Ofyzzzyy]\xbat\xc9\xd1\xd1\xb1\x08\x07&gt;I\x92\\]]\xb3\xb3\xb3\xbbu\xeb6c\xc6\x0cBH\xd7\xae]w\xee\xdc\xe9\xec\xecl4\x1a\xad\xa4U\xa7(\x8ayyy\x8f\x1e=j\xd6\xac\xd9\xd6\xad[\xaf^\xbd\xda\xbbw\xef\xdf\x7f\xff\x9d\x14\xf3\x93\nPLd\x99:8;\xbc\xda\xa3\xf1\x97\x8b\x16\x99L&amp;K\xbf\x1cU\xb0\x8ao2\xbc\x1c\xa5\x9d\xa7\x83\x83Czz\xbaR\x04/\x92\x1f+\xcb\xb2\x9b\x9b\xdb\xad[\xb7^\x7f\xfd\xf5\x9d;w\n\x820u\xea\xd4\xef\xbe\xfb\x8e\xe3\xb8\xfc\xfc|+\x19\xfd\x95k,\xbd\xbd\xbd=&lt;&lt;\xe6\xce\x9d[\xbbv\xed\xce\x9d;_\xbdz\xb5J\x95*\x84\x10\xb4\xe1\xb49\x8c1\x07\x07m\xf2\x1f\xa9;\x16\xfd\xbcf\xcd7JCr(nh\xc4j\xf3\x18cE8\xfaSJ\x9d\x9c\x9c\xee\xde\xbd\xdb\xae]\xbb;w\xeex{{\xafZ\xb5\xaaS\xa7N\xa9\xa9\xa9\x1c\xc7Y\xc3\xe8\xcf\x18\x93$\xc9\xcd\xcd\xcd\xc9\xc9i\xeb\xd6\xad\x0b\x16,\xd0\xe9t\x9b6m\n\x0f\x0f\'\x8f\x1fX\xb3\xf4k\x84\x7f\x8dR\xe6\xea\xe1&lt;\xf7\x83\x15\x9f~&lt;\xa1i\xf3\xa6\xb8+\xa6d \x00\xecA\x11V&lt;\x94\xd1\xf3\xddw\xdf\xbds\xe7\x8e\xaf\xaf\xef\xf6\xed\xdb\x9b4i\x92\x94\x94d%32I\x92\x1c\x1c\x1c\xbc\xbc\xbcN\x9f&gt;=m\xda\xb4{\xf7\xeeM\x9e&lt;\xb9c\xc7\x8e\x04\x97J\xda2\xe5\x92\x80\xcdKv\x97s\xae:~\xd2X\\\x12Pb\xf0[\x86\'dY\xf6\xf4\xf4\xfc\xfe\xfb\xef\x8f\x1e=*\x8a\xe2\xb2e\xcb\x9a4i\xf2\xe8\xd1#\xadVk\xe9\x97F\x94#\x9e\xbe\xbe\xbe\xf7\xef\xdf\x9f0aBLL\xcc\x07\x1f|0b\xc4\x08\xf3n!\x86\x0c\x1bE)uqwN&lt;q5~\xcb\xe5\x0b\xe7/0\xc6\xaca\xa1\xa9\x12\xf8E\xc3\x9f0\xc6\xb6o\xdf\xceq\\\x9b6m\xdey\xe7\x9d\xe4\xe4d\x8b\x8f\xfeJ\xcd\xc7\xc3\xc3\xc3\xd3\xd3s\xd9\xb2e\xcd\x9b7\xe78\xee\xc8\x91##G\x8e\xe4y^\xb9\xc1\x06C\x86\x8db\x8c\xf0&lt;/Kt\xe5\xf8M\xdf\xae^W\xaat)J)\xde\xcd\x12\x83I\x13\x14P\xf6\x12\xd2\xd3\xd3/]\xba\xc4\x18S\xaef\xb4lEEy\xb6\xcb\xd9\xd9\xd9\xc5\xc5%**j\xd6\xacY\x82 \xfc\xf8\xe3\x8fu\xea\xd4!\x8fk&gt;\xa8\x14\xdb4*So\x7f\xdd\xbc\xa1\xcb\xbb\xbf\xd5\xa7]\x877Q\xfc)a\xf8]\xc3\x13\xa2(&amp;\'\'?|\xf8\x90\xe3\xb8\xc0\xc0\xc0\xfc\xfc|\x0b\x06\x80$I\x1a\x8d\xc6\xcb\xcb\xeb\xca\x95+\xe3\xc7\x8f\xbfq\xe3\xc6\x94)S\xbat\xe9B\x1e\x0f\xfd\x18)l\x9d,Q\x9d\xaf\xfb\xde\xf5\x07\xb8$\xb7e\xb1K\xb0\xf1[\xf2\xf0\x15\x82\x02J\xed5;;\xdbh4\xba\xbb\xbb{{{\x17_\xc3\xe7\xbf\xa7\xfc\xbd\xbe\xbe\xbe\xe9\xe9\xe9#F\x8c\x88\x8d\x8d\xed\xde\xbd\xfb\xa6M\x9b\xb4Z-\xca\xfdv\x83R\xe6\xe8\xac\xbd\x7f\xeb\xe1\xbe\xaf\x8f\x9d\x8a?\xa3\xdc\xfb\x86=\xfc\x12\x86/\x12&lt;\xc1\xf3|~~\xbe\xd1h4\x99LEx\xe3\xe3\x8bSj&gt;:\x9d\x8e\xe7\xf9e\xcb\x96-[\xb6\xac^\xbdz?\xff\xfc\xb3r\x13\x19f\x88\xf6\x84\xe3\x88\xa8\x11\xbf\x18\xbev\xee\x8c\xf9\xd5\xaaW\xc5\x9bk\x11\x08\x00(\xc0q\x9c\xc9d\xf2\xf5\xf5\x1d3f\x8c\x93\x93\x93\x83\x83CI&gt;\x8b\xaf\x0c\xfd\xcaU3\xe6r\xff\xfa\xf5\xeb\xeb\xd6\xadK\x08Qvz1@\xd8\rI\x92}Jy}5\xee\xbbV\xb5\xdb~0\xf4}\x94\xfe-\x05\xbft(`\x0e\x809s\xe6\x10B222JlI.\xcb\xb2(\x8a^^^7o\xde\x1c&lt;xpBB\xc2\xb4i\xd3\x94]h\x0c\xfd\xf6G\x96\xa9\x87\xa7k|\xcc\xd9?~I\x8f\xbd\xbc\x12s\x7f\x0bB\x00\xc0\x13Jc\xfd\xe4\xe4dRRuve\x91\xe1\xe5\xe5\xa5\xd7\xeb\'N\x9c\xb8}\xfb\xf6v\xed\xda}\xfb\xed\xb7\xe6r?\x86\x06;\xc3\x18\xd3j\xc5\xf4\xe4\xacuSwD\xed\xd8\xef\xea\xe6\x8a\xd2\xbf\x05!\x00\xe0OJ\xac\xdf\x83R\xf3\xf1\xf0\xf0\x10\x04a\xc3\x86\rs\xe7\xce\r\x0e\x0e\x8e\x8e\x8e._\xbe&lt;A\xb9\xdf~Q\xca\\=\\\xe6\xbc\xbf|\xfc\'S\x9a4\x8b@\xf1\xc7\xb2\xf0\xab\x87?a\x8c\xb9\xb8\xb8p\x1c\x97\x9b\x9b[|}u$IRN\xf7\x1f9rd\xc2\x84\t\xca\x96o\x8b\x16-\x08N\xf7\xdb5Y\x92\xbd\xfd=\x7fX\xbc\xabf\xe9\xfa\xe3&amp;\x8e\xc1\xe8oq\xf8\xed\xc3\x9f888\x9c9s\xc6d2\xd5\xae]\x9b&lt;&gt;\x91Y\x84?_\x99\xda\xfb\xfa\xfa\xde\xbcys\xd2\xa4I\x17.\\\x181b\xc4\xa0A\x83\xc8\xe3r?F\x04{Ee\xea\xea\xe1r\xe1\xc4\xd5_\xb6\\\xb9\x98x\x11-\x1f\xac\x01\xde\x00(\xa0t\x81\xfe\xfc\xf3\xcf\x9b4i\xd2\xb2e\xcbO&gt;\xf9\xc4\xc1\xc1\xa1\x08O\x82RJeY\xf6\xf6\xf6\xd6h4\x13\'Nl\xdf\xbe}\x992e\xce\x9e=;h\xd0 J)\xa5\x14\xad\xdc\xec\x18cD\xd0\x08y\xd9\x86\x15c\x7f\xfcv\xcdz\xff\x00\x7f\xb4|\xb0\x06x\x03\x80\x90\xc7} \xf4z\xfd\xfa\xf5\xeb\t!\x1c\xc7\xfd\xf8\xe3\x8f\x7f\xfc\xf1G\x91d\x80\xb9\x81\xb3\x97\x97\xd7\xe6\xcd\x9b#""\xae\\\xb9\x12\x1d\x1d=\x7f\xfe|\xadV\x8bf&gt;j@eY\xe7\xed\xbel\xfc\xfa\xc1=\x87\xb6k\xdfV)\xf4Y\xfaE\x01J@P\x88R\xf47O\xc3\x8bd\xfa/I\x92r\xba?..n\xca\x94)\x06\x83a\xe6\xcc\x99o\xbd\xf5\x16A\xb9_5dI\xf6\xf4\xd3\xedZ\xb3\xdf!\xc3k\xf6\xfc\x99\xd8\xe1\xb7\x1e\x98v\x01!\x8f\x0f\x80\xba\xbb\xbb\xf7\xec\xd9S\xb9g822\xb2\\\xb9r\xff\xa5\x1d\x90\xb9\x81srr\xf2\xfb\xef\xbf?</t>
        </is>
      </c>
    </row>
    <row r="477">
      <c r="A477" s="1" t="n">
        <v>475</v>
      </c>
      <c r="B477" t="inlineStr">
        <is>
          <t>shape_reflect</t>
        </is>
      </c>
      <c r="C477" t="inlineStr">
        <is>
          <t>What is the missing shape denoted by a question mark?</t>
        </is>
      </c>
      <c r="D477" t="inlineStr">
        <is>
          <t>['pentagon', 'triangle', 'hexagon', 'square']</t>
        </is>
      </c>
      <c r="E477" t="inlineStr">
        <is>
          <t>square</t>
        </is>
      </c>
      <c r="F477" t="inlineStr">
        <is>
          <t>There are six shapes in the image separated by a line. In the top part there are ['?', 'triangle', 'hexagon']. In the bottom part there are ['square', 'triangle', 'hexagon'].</t>
        </is>
      </c>
      <c r="G477" t="inlineStr">
        <is>
          <t>We observe that the hexagon is reflected across the line as a hexagon. Similarly, the square is reflected as a square. Hence, the pattern is that each shape in the top part is reflected in the bottom part.</t>
        </is>
      </c>
      <c r="H477" t="inlineStr">
        <is>
          <t>Based on the pattern that each shape in the top part is reflected in the bottom part, the missing shape which is reflected from a square part should be a square.</t>
        </is>
      </c>
      <c r="I477" t="inlineStr">
        <is>
          <t>b'\x89PNG\r\n\x1a\n\x00\x00\x00\rIHDR\x00\x00\x02\x00\x00\x00\x02\x00\x08\x02\x00\x00\x00{\x1aC\xad\x00\x00T\xb4IDATx\x9c\xed\xddw\\\x95\xd5\xe3\x07\xf0\xf3\x0c.\xf3r\x01\x078Z\x1a\xe0\xa2L-W\x8a{UV\xa6\xe6H\x134qOBE\xc4D\x11QT\x04g\xe6\x9e\xa5V\xda7Mq[\x8eBMES\x9c\x95\x03Q\x81\xcb\xe6\xdeg\xfc\xfe8y\xe3\xe7J\x05\xee:\x9f\xf7\xeb\xfb\xc77\x86\xf7\xf0\xdc\xe7\x9e\xcfY\xcf9\x9c\xaa\xaa\x04\x00\x00\xd8\xc3[\xba\x00\x00\x00`\x19\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00\x00\x80Q\x08\x00\x00\x00F!\x00\x00\x00\x18\x85\x00\x00\x00`\x14\x02\xc0LTUUUU\x96\xe5\'\xff\x98\xa2(\x8a\xa2\xa8\xaaj\x9eR1NUUEQ,]\nv)\x8a\xf2\x9f\x9f\x08(S\x1c\xea\x9a2B+\x17zyy\x9e\xe7\xf9g\xcbZ\xfa\xbb\xaa\xaar\x1c\xc7\xf3&lt;\xc7qeSL\x00\x0b\xa0\x8d!Q\x14\t!\xb2,\xd3\x9b\xdc\xd2\x85b\x11.z\xe9\xa3\xed\x1a\x8e\xe3\x04A\x10EQ\x14E\x9e\xe7\x0b\n\n\xee\xdc\xb9s\xe4\xc8\x11I\x92\x1e\xf9[4*~\xff\xfd\xf7k\xd7\xaeegg\xf3&lt;O\x7f]\x10\x04\x8e\xe3\xd0V*]4\\\xd3\xd2\xd2\xce\x9d;\x87~\x80\x99\xd1O\x87(\x8a)))\xbbw\xef\x16\x04\x81\xe7yI\x92\xd0\x185?\xf4\x00\xcaJ^^\xde\xb9s\xe7\xce\x9e={\xfa\xf4\xe9\x94\x94\x94\xcb\x97/\xeb\xf5\xfa\xdc\xdc\xdc?\xff\xfc\xd3\xdb\xdb\x9b6\xed\x8b\xff\xbc\xa2(&lt;\xcf\xd7\xad[\xf7\xd2\xa5K\x1e\x1e\x1e\xfe\xfe\xfe/\xbf\xfc\xf2k\xaf\xbdV\xb7n\xdd:u\xea\x94+W\xceR\x7f\x88]\x92$I\x14\xc51c\xc6\xec\xde\xbd\xfb\xf4\xe9\xd3\xb2,\x0b\x82`\xe9B\xd9?Sc_\xaf\xd7\xc7\xc7\xc7\xc7\xc7\xc7gee\xf5\xef\xdf?,,\xcc\xcf\xcf\x8f\xfe\x00\xde\x08\xb3R\xa1\xf4\xc8\xb2\xac(\xca\xae]\xbb\x82\x83\x83\xabU\xab\xf6\xc8q\x9b\xf8\xf8xUU\x8dF\xe3\x03\xbf\xa8\xaa\xeao\xbf\xfd\xf6\xc8\xf7\xc8\xdb\xdb\xfb\x83\x0f&gt;X\xbat\xa9i\x86\x00J\x82\xbeMW\xae\\\xf1\xf0\xf0 \x84l\xde\xbcYUU\xda\x02\x852\xa2(\x8a\xe9\n/_\xbe\xbcf\xcd\x9a\xc5\xefp//\xaf\xc9\x93\'gee\xa9\xaa*\xcb2\xfd8\x80\x19\xa0\x07P\x9ah\xbbr\xd1\xa2EC\x86\x0c1}\xd1\xc7\xc7\xa7f\xcd\x9au\xeb\xd6-_\xbe|\x83\x06\r*T\xa8\xf0\xc6\x1bo\xa8\xff\xbf\x07@\xff\xf3\xda\xb5kW\xae\\III\xb9s\xe7\xce\xf1\xe3\xc7\xcf\x9f?\x7f\xf3\xe6\xcd\xa2\xa2"\xfa3]\xbat\xd9\xb2e\x0b\x9aH%G\xafa\xb7n\xdd6o\xde,\x08B\xb5j\xd5RRR\xe8@\x04\xe6ZJ\x9dZl\xb8\x7f\xcf\x9e=\xb1\xb1\xb1III\xf4[\xdd\xfbt%\xaa\xfa\xcd\xda-\xf4?k\xd4\xa81y\xf2\xe4\x1e=z\x10BdY\xc6\xdba\x0e\x96\xcd\x1f\x1bE\x9b\x90\x0f\x7f\x9d\xb6q\x0e\x1e&lt;X\xa5J\x95\xae]\xbb\xce\x9d;\xf7\xd7_\x7f\xa5\xed\x9a\xe7\x90\x97\x97w\xf6\xec\xd9\xe5\xcb\x97\x7f\xf6\xd9g5j\xd4\x88\x89\x89Q\x1f\xea:\x14/\xd2\xf3\xbd\nk\xe8{\xb4\x7f\xff~B\x08\xcf\xfd3\x07\x16\x1d\x1d\xad\xa2\x13P\x06L\x97\xf4\xc6\x8d\x1b\xc1\xc1\xc1\xa6\n\xfd\xed\x16M\xd6m[\x99f\xf8+\xcd\xf0\xd7\xbam+\x9b\x0666\xd5H\xed\xda\xb5;z\xf4\xa8\xe9\xd7\xd1\xe5-S\xe8\x01&lt;\x1bUU\x15Ey\\\x1b\\UU\x8e\xe3\xb2\xb2\xb2\x08!tx\x81\xa2C7\x84\x10\x8e\xe3\x9e\xb0\xe0A}\xfc\xc2!\x83\xc1\x90\x99\x99\xe9\xed\xed\xfd\xc8_\xa4\xf3\x07\xf4\x1d\xc5j\x8a\'\xa0\x97\xc8h46m\xda\xf4\xe4\xc9\x93\xaen\xae^\xe5&lt;\xff\xbc\xfa\x97\xbb\xbb\xfb\x89\x13\'\xaaU\xab\x86\x0bXZ\xe8\r\xcf\xf3\xbc\xc1`\x989s\xe6\xc2\x85\x0bo\xdd\xbaE\x08y\xd5\xafz\xc8\xc8\x01]?\xe9\xa2\xd18de\xea\t!\x1e\x9e:\xa3Q\xfaz\xf5\xa6\xb9\xd3\x13\xd3n\xa6\x11B\x1c\x9d\x1c{\xf7\xea\x1d\x15\x15U\xa5J\x15\x82\x89\x812e\x89\xd4\xb1U\xa6\xd6wjj\xea\x7f\xb6\xb8%I2\x1a\x8d%i\xc2\xd0\x95?\xf4\x1f\xf9\xcf\x1f\xfe\xe3\x8f?L\xaf\x8bF\xd3\xe3\xd0+\xb9r\xe5Jz\xf3\x0f\x18\x16\xbc\xeb\xe8\x8f\x0e\x0e\x0e\x84\x90\xbe}\xfb\xaa\xe8\x04\x94\x86\xe2\xc3\xfd\x1b6lx\xed\xb5\xd7\xe8\xd5\xf6\xf0\xf4\x18\x1d&gt;\xfc\xd4_\xbf\xdd6\xfe\xf5G\xda\xa9s\xb7~\xbf\x90~\xe6B\xfa\x99s\xb7~?\x9fv:\xcd\xf0g\xf2\xa5\xc3\xc3B\x07;:9\xd2\x9f\xf7\xf1\xf1IHH(**R11Pf\x10\x00O\x85\xd6\xc5\xaa\xaa\xde\xbe}{\xe4\xc8\x91NNNqqq\xc5o\xf4\x07~\xb8\xd4\xab\xe0\xc7\xfd\x9b\xb4T\x87\x0e\x1drrr\xea\xd0\xa1CJJ\n\xfd:*\xb2\x87\xd171##\xc3\xc7\xc7\x87\xe7y\x9d\x87\xee\xd7\xd4\x9f3\xd4\xb4\x0f\xbaw&amp;\x84\x08\x82p\xe0\xc0\x01\x15\x97\xae\x04\x8a\x7f"\x8e\x1e=\xda\xae];SC\xb3s\xd7w\xf7\x9d\xd8\x99._\xbfx\xf7\xec\xd9\x9b\'i\xd5_\xfc\x7fgo\x9e\xbc\x9c\xf1\xc7-\xc3\x9f\xbb\x8e\xfd\xf8\xdeG\xef\x98~1  `\xfb\xf6\xed\xf4\xdf4\x1a\x8dh\xdc\x94.\x04\xc0\x7f+\xbez\xa1j\xd5\xaa\xf4\xbetpp\xf8\xf5\xd7_M\xc1`\x11\xf4\xd5\xef\xdc\xb9S\xa3F\rZ*gg\xe7\x88\x88\x88\xec\xecl\xf5\xf1\xb3\x05\xcc\xa2\xef\xe3\xd0aC\xe9\xb5\x9a4}\xc2\xcd\xc2\xab\xa9w\xce\x1c\xf9\xe3\xa0\xa7\x97\'!$00P\x92$\x04\xc0\xf31]\xb7\xeb\xd7\xaf\x07\x07\x07;99\xd1\xeb\\\xef\xcd\xbak\xb7\xae\xf8;\xef\xf2\xb5\xec\xd4\xb37N\x9e\xbf}\xfa\xe1\xda\x9f\xfe\xef\xfc\xed\xd3go\x9e\xfc3\xe7\xe2\x8d\x82+\xcb7}\xe9_\xcb\xcf\x14\x03={\xf6&lt;s\xe6\x0c\xfd\xf7qc\x97"\xcc\x01\xfc\x07\xba\xb0\xe7\xe6\xcd\x9bc\xc6\x8c\xf9\xfa\xeb\xaf\xe9\x17{\xf6\xec9q\xe2D???Q\x14-\xbbPAUUEQn\xdf\xbe\xbdx\xf1\xe2\xb8\xb8\xb8\x82\x82\x02BH\xfd\xfa\xf5\x17,X\xd0\xb0aCEQ\xe8\xac\x83\x05Kh%\xe8\xa5HMM\xad\x13PG\x91\x95Z\x015\xb7\xee\xdb$I\xb2\xd1h\xac\xe8]a\xfa\xa4\x99\xf11\x89\x84\x90\xd5\xabW\xf7\xe9\xd3\x07\x83\xce\xcf\xa4\xf8p\xff\x92%K\xa6\xc7LO\xbb\x95F\x08\xa9T\xa5\xd2\xe8\t\xc3?\xf8\xb8\xb3\xab\xd6U\x9f\xa9\x7f\xca\xc7}\x15E!*\xd1\xea\xb4\x05\xf9\x05k\x97mX0{\xf1\xdd\xf4\xbb\x84\x10gg\xe7\xb1c\xc7\x0e\x1f&gt;\xbcb\xc5\x8a\xea\x13\xa7\xe2\xe0\xe9!\x00\xfe\xdb\xce\x9d;\xfb\xf7\xef\x7f\xe3\xc6\rBH\x8d\x1a5\xe6\xcc\x99\xd3\xb1cGK\x17\xea\x11\xce\x9e=\x1b\x1a\x1a\xfa\xd3O?\x11B\x1c\x1d\x1dg\xcc\x981j\xd4(r\x7fj\xda\xc2\x85\xb34Z\xa7\xb7o\xdf~\xd7\xae]\x84\x905\xdf-o\xdd\xb1ef\x86^\x14\x05B\x08\xc7q\xed\x1b\xbd{\xed\xca\x9f\xd5\xabWONN\xd6j\xb5\x08\xce\xa7Q\xbc"\xde\xb1c\xc7\xb8\xf1\xe3\xce\x9c&gt;C\x08qrr\x1a0&lt;\xa8_H\x9f\xaa/V\xd1ge?G\xa0\xd2_\xd1y\xb8_\xbd\xfc\xe7\x9c\xe8y[7\xfd\xcfPTD\x08\xa9Z\xb5jTTTPP\x10\xc1\x1e\x12\xa5\x01\xd7\xee\xd1h\xff(///&lt;&lt;\xbcC\x87\x0e\xb4\xf6\x1f&gt;|\xf8\xd1\xa3G;v\xecH\x97\x81Z\xba\x8c\xffRUU\x92\xa4\xda\xb5k\xef\xd8\xb1#!!\xc1\xc3\xc3\xa3\xa8\xa8h\xf4\xe8\xd1\xdd\xbau\xbbv\xed\x1a\xfd[,]FK\xa2\xb5\xc9\xae]\xbbh\xed\xdf\xa1s\xfb\x96\xed\x03\xb32\xff\xa9\xfd%Irsw\x1b9~\x18!\xe4\xd2\xa5K\xf1\xf1\xf1&lt;\xcfc\xe3\x8d\'\xa3\xb7\x1c\xdd\xef$%%\xe5\x9dw\xde\xe9\xd4\xa9\x13\xad\xfd[\xb6\x0b\xdc\xbaoSD\xf4\x04O/\xcf{w3\x08!\xcf\xd1T\xa7\xbfr\xefnFE\xef\n\xf3W\xc6o\xfcqu\xb3VM\t!t|\xa9m\xdb\xb6{\xf6\xec\xc1\x1e\x12%\x87\x1e\xc0\xa3\xd1J3++\xabQ\xa3F\x17/^\xacX\xb1bbbb\xf7\xee\xdd\x89\x15/J3\xf5\xc4O\x9c81p\xe0\xc0\xe3\xc7\x8f\x8b\xa2x\xe4\xc8\x91\x06\r\x1a\xd0u\xa2\x96.\xa0e\xd0\xb7RQ\x94:u\xea\\\xbcxQ\x14\xc5\xff\x1d\xfa\xaeF-\xbf\xbc\xbc|\xd35Qd\xc5\xdd\xd3\xbdK\xeb\xee\xc7~\xf9\xcd\xc3\xc3#99\x19KB\x9f\xc0\xf4\x11HOO\x8f\x8e\x8e^\xbat)\x1d{\xf4\xaf\xe5?n\xca\xd8\xb6\x9dZ)\x8a\x9a\x9b\x93K\xb7\xb1*\xe1k\xa9\xaa*\xcb\xb2V\xeb\xc6\x0b\xc2w\x1b\xbf\x9f;=\xf1\xca\xa5\xab\x84\x10\x8e\xe3\x82\x82\x82\xc6\x8d\x1b\x87=$J\x02\x01\xf0X\xf4\x96\xda\xb3g\xcf\x84\t\x136l\xd8P\xbdzuI\x92J\xe5\x9e.St\xd2"77788\xd8\xdf\xdf\x7f\xea\xd4\xa9\x8c\x7f6\xe8\x9f\xbf`\xc1\x82a\xc3\x86\x11BBF~6%n\xd2\xbd;\xf7\xe8\xb3\xa9\x94\xa2(\xaen\xae\xc9G\x8f\xf7|\xa7oQQQ\xdf\xbe}W\xadZE\xaf\xa4\xe5\nn\x8dL\x8d\x0c\xa3\xd1\xb8v\xed\xda\xc9\x93\'\xff\xfd\xf7\xdf\x84\x90\x8a\xde\x15\x06\x8f\t\xf9\xa4\x7fOg\x17\xe7\x9c\xec\x1c\xfa3\xa5\xfb\xba\xaa\xaaz\x96\xf3LOK_\xb1h\xf5\xca\xc5\xab\xe93\x04\x9e\x9e\x9ec\xc6\x8c\t\x0b\x0b\xd3h4\xa6\xb2\x95\xe2\xeb\xda=\x04\xc0\x93\xd0~\xae$I\xce\xce\xce6T\x1d\x98j\xfc\xfc\xfc|gggB\x88\x95\x87V\xd9\xa1\x95Bzzz\xad\xda\xb5\xf4Y\xfa\x17^\xaa\xfa\xbf\x83\xdf9\xb98\xc9\x92\xfc\xc05\x91$\xa9\x82w\xf9A\xbd\x87}\xbbq\xab \x08\xfb\xf6\xedk\xd6\xac\x19\xe3\xd9Y\x9cZlG\x87\xa4\xa4\xa4\xc9\x93\'\x1f9r\x84\x10\xe2\xe4\xe4\xd4\xe3\xd3n\xc3\xc3\x86T\xaeZ);;G\x96\xca\xf0\x8aI\x92\xac\xd18\xe8&lt;ugN\xa6,\x9e\xfb\xe5\xe6\xf5\xdf\xd1\xea+   &lt;&lt;\x1c{H&lt;\x07\x04\xc0S\xb1\xb9!\x14L\xfcR\xb4\x06\x0f\n\n\xa2\x0f\x7f\xc5&amp;F\xf7\x1b\xdc\xf7n\xfa\xdd\x87\xb3\\UU\x07\x8dCz\xda\x9d\x8eM\xde\xcb\xca\xd4\xd7\xaf_\xff\x97_~qpp\xc0l0\xb9\xdf\xad$\x84\xa4\xa4\xa4L\x8f\x99\xbea\xfd\x06\xfa\xf5\x96\xed\x02\xc7O\t\r\xa8\x17P\x90WPXX$\n\x02)\xe3K\xa5\xaa\xaa,\xc9.n.\xce\xceN{w\xee\x9f5e\xce\xc9\xe4S\xf4[m\xdb\xb6\x9d:uj\xc3\x86\r\tb\xe0\xa9!\x00\xfe\x9b\x8dV\xa6\xf4\x9d\xb5\xc5\x92\x97\x16\xba\xf4\xf3\xc4\x89\x13M\x9b6-**z\xb3q\x83M;\xd7\x17\xe4\x17&lt;.\xcb%I*_\xa1\xdc\xfcY\x8b\xa6\x86\xc7\x10BV\xae\\\xf9\xe9\xa7\x9f2\xde\t0\xd5\xa4\xe9\xe9\xe9\xf3\xe7\xcf\x8f\x9b\x1dW\x90_@\x08\xa9Q\xcb\x7f\xc8\xd8\x90.=?\x90%)/7\x9f\x17\xccZ\xdb\xd2\xe7"=&lt;=\xf2r\xf3\xbe\xfbzk\xfc\xf4\xc4[t\x0f\tG\xc7\x81\x03\x07FDDT\xacX\x91`b\xe0) \x00\xfe\xc1\xce\x922:#\xcaB\xfb\x88~\xfe[\xb4hq\xe0\xc0\x01A\x10V}\xbb\xace\xbb\xe6\xfa\xac\xec\'W\n\xbc\xc0\xb7o\xf4\xee\xb5\xcb\x7fz{{\xa7\xa4\xa4xxx\xb0\xd9\t\xa0\xc3\xee\xf4Z\xadX\xb1\xc24\xdc_\xc1\xbbB\xdf\xcfz\r\x1c1@\xeb\xae\xd5g\xe9\x89\xe5\x86\xddMKE\xaf\xffuc\xe5\xe25_\xcd_QXXH\x08\xf1\xf1\xf1\t\x0f\x0f\x0f\t\t\xc1\xc4\xc0\x7f\xc2u!\x84\x10\xba\x96\x99\xe7y\xabZ\xdcY\x16ho\xc6\xfa\xa7\xb2K\x8e\xd6\x0e\x9b7o&gt;x\xf0 !\xe4\xbd.\x9d\xdavj\x95\x95\xa9\x7fr\xed/\xcb\xb2\x8b\x8b\xf3\xc4i\xe3\x14E\xb9u\xeb\xd6\x9c9sX\xb8+\x1e@\xa7\xbe\xe8\x99t{\xf6\xeci\xd7\xae]pp\xf0\xdf\x7f\xff\xed\xe8\xe8\xd8\xfd\x93\x8f\xb6\xed\xdf\x12\xf6E(!$+#\xeb9\xce:-E\xa6\xa5\xa2\x9e^\x9e\x11\xd3\'l\xdd\xb7\xa9E\xdb\xe6\x84\x90\xb4\xb4\xb4\x11#F4h\xd0`\xc7\x8e\x1d\xb4\x84X*\xfa8\xe8\x01\xfc3\xbe\x1f\x13\x13\xd3\xabW\xaf\x97^z\xc9F\x07|\x9e\x06\xfd\xd3dY\x8e\x8d\x8d\x1d2d\x88N\xa7#v:FD{9\xb9\xb9\xb9\xf5\xea\xd5\xbbz\xf5\xaa\x9b\x9b\xeb\xf7\xfb6W\xf7}\xa5\xa0\xa0\xf0?+,EQ\xb4\xeen=:\xf5\xf9\xe5\xc0\x11\x8dFs\xe6\xcc\x19___\x9b\x9b\x04zn\xa6a\x93\xd4\xd4\xd4\xd8\xd8\xd8\x15+W\xa8\x8aJ\x08i\xda\xa2q\xe8\xa4\xd1M\x02\x1b\xe5f\xe7\x15\x16\x16\x8a\x82X\xd6\xc3\xfdO\x8fNP\xbbi\xddx\x9eK\xda\xbe762\xee\xc2\x1f\xa9\xf4[={\xf6\x0c\x0f\x0f\xafS\xa7\x0e)6\x93\x01&amp;L\xdc\xd3O@\x878W\xae\\\x19\x1e\x1e^\xb7n\xdd\xd5\xabW\x93\xfbKG\xec\x0c\xfd\xa3N\x9e&lt;Y\xbbv\xed\x89\x13\'\x8e\x1d;\x96\x86\x81\xa5\xcbU&amp;h-\x16\x1f\x1f\x7f\xe5\xca\x15UU\xfb\x0f\x0b\nx\xa3N\xf1\x85\xff\xff\xf5\xebJD\xcc\x04Q\x14\x8b\x8a\x8a"""\xc8\xfd\t\x15\xfbF\x07\xd6\x05A\xd0\xeb\xf5S\xa6Li\xdc\xa4\xf1\xf2\xe5\xcbUE}\xd5\xaf\xfa\xcc\x051k\xb7\xael\xd0\xa8\xde\xdd\xf4{F\xa3Q\x14\xad\xa8\xf6\'\x84\xd0\x13\x86\xf3\xf3\xf2ss\xf2\xda\xbd\xd3\xe6\x7f\x87\xbe\x9b\x1c\x1bQ\xbebyB\xc8\x86\r\x1b\xdez\xeb\xadI\x93&amp;\xe9\xf5zQ\x14q\xb6\xf6\x03\x98\xee\x01\xd0f\xdd\xe9\xd3\xa7\x9b4iRXXX\xa5J\x95\xbd{\xf7V\xabV\x8d\xd8c\xbb\x98&gt;\x0f\x95\x9b\x9b\xdb\xabW\xaf\x1f\x7f\xfc\x91\x10\xb2|\xf9\xf2\xa0\xa0 \xfb\x9b(\xa3s\xbfW\xae\\i\xd0\xa0\x81^\xaf\x7f\xa9\xdaK\xbb\x8e\xfe\xef\x99\xeesI\x92\xbd\xca{\x84\x0e\x9a\xb0n\xf9\x06B\xc8\xfe\xfd\xfb\x03\x03\x03\xed\xefB\x99\x14\xdf\xd1a\xe3\xc6\x8dQQQ\x7f\xfc\xf1\x07!\xc4\xc3\xd3#hP\x9f~\x83\xfb\xfaT\xf2\xce\xb8\x97IT\xc2\x0b\xd6\xded|p\x0f\x89o~0\x18\x0c\x84\x90\x1a5j\x84\x85\x85\x99\xf6\x90`a\x0e\xeci\xb0\x1b\x00\xf4\xa6\'\x84\xbc\xf9\xe6\x9b\'O\x9e\x14E\xf1\x97_~y\xeb\xad\xb7\xec\xb8\xb3O\x87\x80\xf4z=\x1d\x18qqq9}\xfat\xb5j\xd5\xec\xecO\xa6=\xfdO?\xfdt\xf5\xea\xd5\x1c\xc7\xcd\xfdrV\xf7\xbe]3\xefe&gt;}\xf7_UU\x07\x07\x87\xac\xac\xac\xd6\xf5;\xe8\xb3\xb2\xeb\xd5\xaf\xf7\xcb\xcf\xf6\xb9$\xb4\xf8\xea\xfec\xc7\x8eEFF\xd2\xdd2x\x8e\xff\xa8\xf7\x87\x83F}\x16\xf0F\x1d}\xa6\xde`0\xd8\xd6\xe0\x89$INNNn\xee\xae\x87\x0f\x1c\x9d\x155\xf7\xf0\x81#\xf4\xebm\xda\xb4\x19?~|\xeb\xd6\xad\xe9\xcf\xb00\x19\xf6d\xf6\xf3\xb1\x7fV\xb4\xc9\xf3\xf9\xe7\x9f\x9f&lt;y\x92\x102k\xd6\xac\xb7\xdez\x8b\xce}Y\xbahe\x85\x8e\xf9\xe8t\xba\xf5\xeb\xd7;88\xe4\xe5\xe5\xf5\xee\xdd\xdb\xb4\x8b\xaf\xa5KW:huv\xe8\xd0\xa1u\xeb\xd6q\x1c\xf7f\xe3\x06\xdd\xfa|\xa4\xcf\xd0?S\xfd\xc5q\\aaa\xe5\xaa\x95\x86\x7f&gt;DU\xd5\xe3\xc9\xc77n\xdch\x7f\xb3\xc1t\xe5\x9b(\x8a7n\xdc\xe8\xdf\xbf\x7f\x8b\x16-h\xed\xdf\xb4E\x935[\x97\'.\x9fS\xcd\xf7\x95;iwL\taCDQ4\x1a\x8dw\xd3\xef5hTo\xdd\xb6\x953\x17\xc4T\xf7\xadF\x08\xd9\xbd{w\x9b\xb6m\xfa\xf7\xef\x7f\xf3\xe6M\xba\x95/\xe3#B\x8c\xf6\x00h\x9b\xf7\xc4\x89\x13\r\x1b6\x94$\xa9M\x9b6III\x8c\xcc\x11\xd1?s\xca\x94)_|\xf1\x05!d\xfe\xfc\xf9C\x87\x0e\xb5\x8f\xf1\r\x9adF\xa3\xb1I\xd3&amp;\'\x8e\x9f\x10E\xf1\x9b\x9f\xd65hT?/7\xefYs]%*\xcfq\x1c\xff\xef\x92\xd0\xb3g\xcf\xeat:;\xeb\x04&lt;p^#\xdd\xc0\xb9{\xdf\xae\x0e\x0ebV\xa6\xde\xb2\x8b|J\x85"+\x84#^\xe5&lt;\xd3n\xdd^\xb1h\xf5\x8aE\xab\xe9\xd2U\x1f\x1f\x9f\xa1C\x87\xd2=$,]FKb:\x00\x02\x03\x03\x0f\x1e&lt;\xa8\xd3\xe9\x8e\x1f?\xce\xce\xe6_\xea\xfd\xf3\xc5\x1a7n|\xe2\xc4\tOO\xcf\xf3\xe7\xcfW\xa8P\xc1\x0e\x06\x82h\x8c\xadZ\xb5\xaa_\xbf~\x84\x90\xde\xc1=\xe7|\x19{7\xfd\xde\xf3\xe5\xba,\xcb:\x0f\xf7\x9f\xb6\xed\xea\xff\xf1 B\xc8\xb0a\xc3\x12\x13\x13\xed#)\xe9\\\xe8\x96-[\xa2\xa7E\xa7\x9cM!\xff\x7f\x03\xe7\xac\x0c\xbd\xa2\xda\xd5n\xfb\x92$i4\x1a\x9d\xa7\xee\xec\xa9\xb3s\xa2\x13~\xd8\xf2#\xfdz\xed\xda\xb5#""&gt;\xfa\xe8#\xba\n\xdc\xb2\x85\xb4\x08\x16\x03\x80~\x86\x13\x13\x13G\x8c\x18A\x08\x89\x8e\x8e\x0e\x0f\x0fg\xa4\xf9O\xd1+p\xe8\xd0\xa1\x96-[*\x8a\xf2\xd1G\x1f}\xfd\xf5\xd7\xa6\xa7~l\x94i\x03\xd7\xda\xb5k\xa7\xa7\xa7k\xdd\xb5{O\xfc\xe4\xe1\xe1a4\x1a\x9f\xbb\xcd.\xcb\xb2\xceS7\xa0\xfb\xa0\x1d\xdbv:88\x9c9s\xc6\xcf\xcf\xcf\xd6\x1b\n\xa6w\xbfy\xf3\xe6\x84\x10A\x10:\xbd\xdfa\xf8\xb8!\x01o\xd4\xc9\xcf\xcd/,,\xb4\xcb\x0f\x02\xddC\xc2U\xeb*\x08\xc2\x81\xdd\x87\xe2\xa6\xce\xfd\xfd\xfe\x1e\x12\x07\x0f\x1edv\xdf\'\x1b\xbe\x8f\x9f\x1b\xad\x0e\xee\xde\xbdK\x08\xf1\xf5\xf5\r\r\re\xed\xbd\x17\x04A\x92\xa4f\xcd\x9a\xf5\xe9\xd3GU\xd5\xa2\xa2"\xa3\xd1h\xd3\x95\x1a\xb9\xdf\xab\x9b3gNZZ\x9a\xa2(#\xc2\x86T\xaeZ\xa9\xb0\xb0\xb0$#6\x1c\xc7IFi\xf4\xc4\x11\x1aG\x8d$I#F\x8c\xe08;i3\xd1w\\\x10\x84\xc93#\x96mZ\xecW\xd37\xe3n\xc6?K&lt;\xed\x11\xc7q\xa2\x83X\x90_\x90\x93\x9d\xd3\xa2m\xf3\xef\xf7|3"l(m\xf8\x1b\x8dFK\x97\xcebl\xfb3\xff|\xe8l\xde\x94)Sf\xcd\x9ae\x1a\x04\xb4\xa7\x81\xdd\xa7\xc1\xf3\xbc\xaa\xaa#F\x8c\x18&lt;x\xf0\xb6m\xdbl}$\x94\xd6\xfe\x17.\\\x98\x157\x8b\xe7\xf9j\xaf\xbe\xd27\xe4\x93\x1c}\x8e \x96(\xd7y\x9e\xcf\xcd\xc9}\xad^@\xf0\xe0OUU\xa5G\xca\x08\x82`\x073\x87\x1c\xc7\xd1\x81 \xbf\x1a\xbe\x86"CnN\xae\xc5\xcf75\x03\x9ay\x99\xf725N\x9a\xb7[5\xa5\';\xd9\xfd_\xfd\x04,\x06\x00\xb9\x9f\x01\xa1\xa1\xa1\x03\x06\x0c\xb0\xf5\xa1\x8f\xe7C\xd7A\xbf\xf1\xc6\x1b\x0b\x17.$\x84\xd8\xfa\xdc&amp;]\xe1:b\xc4\x08C\x91AQ\x94\x89\xd1\xe3\\\\\x9c%I\xe6J\xfc\xc0\x92 \x08y9y\x9f\r\x0f\xae\xe8]\x81\xe7\xb9\x11#G\xd0\x93\xb0\xec\xa3\x1f@\x08)((dd\x17,\x13A\x14\x14Y\xc9\xcb\xcd\xb3tA,\x8f\xa1w\xfd\x014\x03\xecx\xe3\x87\xa7d\x07K\x1b\x1f&gt;\xf1\xb1\xc3\xfb\xed\xffs\xd3\xb7\xa7D\x97\x84V}\xb1\xca\xe8\xf0\x11\x8a\xa2^8\x7fa\xc9\x92%\xf6\xb4$\x94\xe7Y\xbc\xffY\xcb\xbc\xc7a\xfa\x12\xe0i@b\xfb\x1b%\xd2\x087\r\xd0k4\x9a1\x13GHF\xa9\x14\xdfYQ\x14\xb32\xf5]{\x7fX\xa7nm\x8e\xe3"##333\xe9\x18Zi\xbd\x04\x80E\xd8\xf6\x87\xdf\xe6\xd0\x07/\xa5\x87X\xdb)\xf36\x84\x8e\xfe/Y\xb2\xe4\xc2\x85\x0b\xaa\xaa\x06\x0f\xf9\xf4\xb5z\x01\xb99\xb9\xa5\x1bl\xb2,\xbb\xba\xb9\x85M\x1e\xab\xaajFFFdd$\x1dC/\xc5\x97\x000?\x04\x809\xd0z\x9f&gt;x)\x08\x82\xf8\x10\xba\x1a\x81\xfe\x98\xa5\x0bkK\xe8\x0c^ZZ\xda\xa4I\x93x\x9e\xafP\xb1\xfcg\xc3\x83\xf3r\xf2J}RG\x10\x84\xac\xcc\xacV\xed\x03;vnO\x08\xa1ycO\x03A\xc0&amp;\xfb\\\xf2\xf58\xe6\x1f\xf17m\xb3E\xab\xa4\xdc\xdc\xdc\xf3\xe7\xcf_\xbcx\xf1\xcf?\xff\xcc\xca\xca***\xd2h4^^^\xbe\xbe\xbe\x01\x01\x01\xbe\xbe\xbe\x82 X\xf6$/\xdb\x9a\x14\xa1\x13\xf8\x13&amp;L\xc8\xcc\xcc$\x84\x8c\x89\x18U\xf5\xc5*w\xef&lt;\xe7\x93_O\xc6q\x9c"+\xa3\'\x8e\xd8\xb3s\x9f\xd1`\x1c1b\xc4\xce\x9d;\x11\x00`\xd3\xd8\n\x00\xdam7\xe7\x8a\x17\xda\xe4\xcf\xca\xca\xda\xb1c\xc7\xf7\xdf\x7f\x7f\xf8\xf0\xe1\xeb\xd7\xaf?\xf2\'5\x1aM\xc3\x86\r\x07\r\x1a\xd4\xabW/b\xa1S\x88m\xeba`Z\xda\xe3\xc7\x8fo\xd8\xb0\x81\x10\xf2f\xe3\x06\xbd\x82\xbag&lt;\xcb\xa6o\xcf\x84\xe7\xf9\x1c\xba$t\xd0\xa7\x8b\xe7-\xdd\xb5k\xd7\xa6M\x9b\xbau\xeb\xc6\xdaC$`Ol\xe6\xd3^r\xaa\xaafgg\x9bm\xe2\x97&gt;\x98z\xed\xda\xb5\xf0\xf0\xf0\x80\x80\x80^\xbdz}\xf3\xcd7\xd7\xaf_\xe78\xce\xc1\xc1\xc1\xb1\x18\x8dF#\x08\x82\xc1`8t\xe8P\xef\xde\xbd;u\xeat\xfb\xf6m\x8b\xcc1\xf2&lt;\x9f\x97\x97g+\xcf\xc5\xd0\xce\xca\xd8\xb1c\x8b\x8a\x8a\x04A\x189~\x98(\x8aez\xd1\x04A\xc8\xc9\xce\x19\x1a:\xe8\xe5j/q\x1c\x17\x11\x11a0\x18\xeciI(\xb0\x86\x89\x00\xa0\x9f\xcf\xac\xac\xac\x06\r\x1a\x04\x06\x06\xce\x9b7\x8f\x10R\xd6\xa3\xedt\xc4\xff\xc7\x1f\x7f\x8c\x89\x89\xb9~\xfd\xba \x08\x1a\x8d\xc6\xc1\xc1\x81\x10b4\x1a\x8b\x8a1\x18\x0ct(\x83N\x0f\xec\xd8\xb1\xa3m\xdb\xb6\xf7\xee\xdd3\xdb&amp;\x9d\xf4R\xec\xdd\xbb\xb7U\xabV\xfe\xfe\xfe?\xff\xfc3)\xfb\xebSB\xb4\xdd\xbdi\xd3\xa6g:\xf1\xb1\x848\x8e3\x14\x19*V\xaa8x\xf4@UUSSS\xe3\xe2\xe20\x13\x00\xb6\x8b\x89\x00\xa0\x9f\xcf\xc3\x87\x0f_\xbcx\xf1\xe0\xc1\x83\xde\xde\xde\xa4\xec\xcfx\xa25Q\x9f&gt;}^x\xe1\x05\xba\x95\xbc\xc1`0\x1a\x8d\xaa\xaaV\xa9R\xa5q\xe3\xc6\x1d;v\xec\xdc\xb9s\x8b\x16-^|\xf1E\xfaL&amp;=\x8b\x95\x1eC\x18\x12\x12b\xb6\x9a\x85v\x89\xaaU\xab\xb6o\xdf\xbe\x1b7n\xfc\xf4\xd3O\xc4\xba\xcf\xc0\xa2e3\x18\x0c\x13#&amp;\x12B\xb4\xeen\xc3\xc7\r-\xc8/0\xc3\xf8\x95(\x8a\x19w3&gt;\xfe\xb4\xdb[M\x1a\x10B\xe8\xce\x13X\x11\x046\x8a\x89\x00\xa0\xf5\xc5\xae]\xbb8\x8e\xf3\xf4\xf44\xed\x81U\xa6/J\x17\xa7\xbb\xbb\xbb\x0f\x180\xc0h4J\x92\xf4\xdak\xafEEE%\'\'_\xb8p\xe1\xf0\xe1\xc3\xdb\xb7o\xdf\xbau\xeb\xbe}\xfb\xce\x9d;\xf7\xd3O?5n\xdc\x98\x0ej\x1b\x0c\x06A\x10\xb6l\xd9\xf2\xf3\xcf?\x9bg\xd7\x01:\xdc\xf4\xd2K/5n\xdc\x98\xe7\xf9\xbd{\xf7\xd2\xb32\xca\xfau\x9f\x1b\x9dW\x8f\x8b\x8b\xbb\x98zQU\xd5\xfeC\x9f\xed\xc4\xc7\x12RU\xd5\xc1A\x1c1n\x98 \x08\xf7\xee\xdd\x9b0a\x02\x9e\t\x00\x1b\xc5D\x00\xd0\xa6\xf4\xef\xbf\xff\xae\xaa\xaa\x9f\x9f\x9f\xb7\xb7\xb7y\xd6\xba\xd0z!88\xf8\xe3\x8f?\xde\xb1c\xc7\xef\xbf\xff&gt;i\xd2\xa4\xfa\xf5\xeb\xbb\xba\xba\x9a\x16\x86*\x8a\xe2\xea\xea\xda\xbe}\xfb\xfd\xfb\xf7\xb7n\xdd\x9aVmt\x9az\xcd\x9a5\xc4\\-q:`\xd5\xa8Q#EQ\xae\\\xb9\x92\x99\x99i\xb5C\xdb4&amp;/_\xbe\x1c;3\x96\xe3\xb8\x97\xab\xbf&lt;d\xcc\xc0g:\xf0\xab\x84\x04A\xc8\xca\xd4\xb7\xed\xd4\xea\xbd\x8f\xde!\x84l\xd8\xb0\xe1\xf8\xf1\xe3\x18\x08\x02[d\xff\x01@7\xef\xcd\xcd\xcd\xbdt\xe9\x12!\xa4Q\xa3Ff\xdb\xcc\x8bN8W\xadZu\xe3\xc6\x8d\x1d:t\xa0}\x02\xd3\xfe\x13t\xd0\x9f\x86\x84\xc1`\xd0h4\t\t\t\x0e\x0e\x0e\xf4\x07TU\xfd\xf5\xd7_\xcd\xb6O\x11\x8d\xc3f\xcd\x9a\x11B\xb2\xb2\xb2.\\\xb8@\xacu\x97\x08z\xf5\xa2\xa2\xa2\xb2\xf5\xd9\x84\x90Q\xe3\x87\xb9\xb9k%I2g\x19x\x9e/\xc8/\x18\x1e6\xc4]\xe7^TT\x14\x1a\x1aj\xb5y\t\xf0\x04L\x04\x00!\xe4\xd2\xa5Kw\xee\xdc!\x84\xd4\xad[\xd7\xfc\x05\xa0\x8d}UUEQ|x\x19\x12\xdd\xc0@U\xd5\x9a5k\xfa\xfb\xfb\x9bz\'\xb7o\xdf\xce\xcb\xcb3O\xcdB_\xb1V\xadZNNN\xb4\xb7D\xacr\x1a\x80\xce\xfd\x1e&lt;xp\xdd\xbau\x84\x90\xe7;\xf1\xb1\xe4x\x9e\xcf\xcd\xcd{\xad^@\xdf\xcfz\x13B\x0e\x1c8\xb0y\xf3f\xfb\xd8%\x14\x98\xc2J\x00\\\xb9r\xc5h4j4\x9a\xd7_\x7f\x9d\x98w\x03\x1cSc\xff\xc9\x83N\xb4\x9c\xe5\xca\x953}\xc5`0\x98\xadaKc\xe6\x85\x17^\xa8Z\xb5*!\xe4\xe2\xc5\x8b\xc4Z\xb7\xc8V\x14eR\xe4$Y\x965\x8e\x9a\xf1Q\xa1\xb2$\x97x\xc7\xcf\xe7!\x8abVF\xd6\xc0\x91\xfd_|\xf9\x05UU\xc7\x8d\x1b\xa7\xd7\xeb\x89U\xa6&amp;\xc0\xe3\xb0\x12\x00\x97.]\x12\x04A\xab\xd5\xbe\xfc\xf2\xcb\xc4*\xab6:\xee\x9f\x9b\x9bk\xfa\x8a\xb3\xb3\xb3\xd9\xb6\xe9\xa7\x01\xe0\xe2\xe2\xf2\xc2\x0b/\xf0&lt;o\x9d\x01@\x9b\xffk\xd6\xac9x\xe0 !\xe4\x9d\x0f:\xbe\xdd\xb2INv\x8eE\x1e^\xa3\xcb\xba*zW\x18\x1b1\x8a\xe3\xb8+W\xae\xc4\xc7\xc7\xa3\x13\x00\xb6\xc5\xfe\x03\x80\xd6b\'N\x9c\x90e\xd9\xc7\xc7\xc7\xc9\xc9\xc9\n\xdbht\xdc\xff\xce\x9d;\xb4\xe6\xa5*W\xae\xec\xe2\xe2b\xb6\xbd\x19\xe8ey\xe5\x95W\x14E9s\xe6L~~\xbeU\x8dk\xd3\xeb\x90\x91\x911~\xfcx\x9e\xe7u\x1e\xba\xb0/\xc6\xe6d\xe7Zp\xb5\x92(\x8a\x19\xf72\xbb\xf6\xfe\x90.\t\x8d\x8f\x8f\xbf|\xf9\xb2 \x08\xd69w\x02\xf00\xfb\x0f\x00:\xcb\xda\xa1C\x87\x0e\x1d:\xbc\xf2\xca+\xce\xce\xceV\xb8\xdd\x8d,\xcb&lt;\xcf\x7f\xf5\xd5W\xd9\xd9\xff\xeeb\xff\xf6\xdbo\x133&gt;\x90e\n\x80\xbau\xeb\x0e\x1a4\x88XY\x0f\xe0\xe1\x13\x1f\xab\xbd\xfaraA\x89N|,9\x8e\xe3dY\x197%\xd4\xd1\xd11+++**\xca\xaaR\x13\xe0\xc9\xec?\x00\xe8\xd0Jpp\xf0\x8e\x1d;\x96.]j\x85\xdb\xdd\x18\x8dF\x07\x07\x87_\x7f\xfdu\xda\xb4i4\xae\xe8\xe2\x9f\xa0\xa0 b\xc6\xe9\n:\x8f\xfa\xd9g\x9f\x9d&lt;yr\xe2\xc4\x89...\xc4j2\x80\xbek\x17/^\x9c\x157\x8b\xe38z\xe2cV\xa6\xb9\xe7~\x1f\xc6\xf3|Nv\xce\xdb-\x9b\xbc\xf3a\x07B\xc8\xbau\xeb\x0e\x1e&lt;\x88\x81 \xb0\x15\xd6U\x15\x96\x1d\xba\xe2\xde\xc7\xc7\xc7:k\xff\xdf~\xfb\xed\xbd\xf7\xde\xcb\xcf\xcf\xa7U\xbf,\xcbC\x87\x0e\xadS\xa7\x0e\xed\x19\x98\xb3&lt;\xf41i3\xaf\xaa\xfcO\xb4\xd36q\xe2DC\x91AU\xd5\x89\xd1\xe3]\\\x9c\xad\xa4\x92\x15\x04!\';\xf7\xf3\xc9c=\xbd&lt;eY\x8e\x8c\x8c\xb4\x92\x82\x01\xfc\'\xeb\xaa\r\xcb\x8ei\xc5\xbd\xa5\x0b\xf2/\xba\xf1\x83\x83\x83\x03\xdd\xfc\'==\x9d\xe7yQ\x14\x8dFc\x93&amp;Mf\xcc\x98a\x91\xce\n\xed\x7fX\xbce]\x9c\xe9\xc4\xc7M\x9b6\x11B\xden\xd1\xa4\xfd{m\xb2\xf59V\xf2\xac2\xc7q\x85\x05\x85\xd5}_\xf94\xe4\x13B\xc8\x81\x03\x07\xd6\xaf_\x8fN\x00\xd8\x04V\x02\x80\xb2\x92\x01\rR\xac\x9e\x9d?\x7f\xfe\xbb\xef\xbe\xab\xd7\xeby\x9e\xe7y\xdeh46j\xd4h\xdb\xb6m\xce\xce\xce\x169\xa8\xdd\xdaN\x87/~\xe2#\xcf\xf3\x1a\x8d&amp;"f\x82,[\xd7,\xab \x08\x99\x19YC\xc6\x84\xbcR\xfde\xfa\x90\x9a^\xaf\xc7d\x00X?\xb6\x02\xc0J\xd0\xda\x9f\xe7\xf9Q\xa3F\r\x1f&gt;\x9c\xfe\x7fZ\xcd\xbd\xfb\xee\xbb\xbbv\xed*W\xae\x1c=\xb7\xc0\xd2%\xb5\xbc\xe2\'&gt;*\x8a\x12&lt;\xe4\xd37\x1a\xbc^\xea\'&gt;\x96\x10}\xef\xdc\xdc\xddF\x8e\x1fF\x08\xb9t\xe9R||&lt;\xcf\xf3\xe8\x04\x80\x95\xb3\xa2O\x11;h\xa56`\xc0\x80y\xf3\xe6\x89\xa2H\x9b\x8a\xb2,\x8f\x1e=z\xdb\xb6mZ\xad\xd6\ng\xaa-\x826\xff333\x8b\x9f\xf8\x98[\x06\'&gt;\x96\x9c(\x8a\xfa\x0c}\xb7&gt;\x1f\xbd\xd5\xa4\x01\xc7q\xf1\xf1\xf1W\xae\\\xc1\x92P\xb0r\xa8e\xcc\x8d\x8ehGGG/[\xb6\xcc\xb4\xf3\x0f\xc7qK\x96,\x993g\x8e\xa9s`\xe9bZ\x05\x1a\x84\x93"\'eff*\x8a2f\xe2\xc8\xaa/V),\xb4\xf0\xd2\xcf\xc7\xe2\x88,\xc9\xe3\xa6\x84\x8a\xa2\x98\x95\x955~\xfcx\x8c\x02\x81\x95c\xa5\xa2Q\x14\xc5\x1aV\xb6\xd0\xcd&gt;\xcf\x9d;\xf7\xc5\x17_\x98\xe6\tEQ\xdc\xbcy\xf3\xc0\x81\x03%I\xb2\x86!x\xbas\x91e\xcb@\x8a\x9d\xf8\xb8d\xc9\x12BH\xed\xd7ju\xed\xdd\xc5\x1a\x96~&gt;\x0e]\x12\xda\xb4E\xe3\xee}\xba\x12B6m\xdat\xe0\xc0\x01\xcc\x06\x835c%\x00\xe8\x02\x1bb\xe9\xadZ\xe8\xab\xcf\x9f?\x9f\xd6\xf5\x84\x10EQV\xacX\xf1\xe1\x87\x1f\x1a\x8dF:\x1cd\xc1\xe2\x91\xfb\x11e\rc,\xa6\x13\x1feI\x16\x04!|\xda8\x177\x17+\xafL\x05A\xc8\xcd\xce\x1b\x131\xc2\xc3S\xc7q\xdc\xd8\xd0\xb1EEE\xe8\x07\x80\xd5b"\x00TU=~\xfc\xf8\xf4\xe9\xd3\x87\x0e\x1dJ,\x97\x01t\x8d\xbf$I{\xf7\xee\xe58\x8e\xee \xdf\xa3G\x8f\xde\xbd{\xd3\xa7\x01,R*\x13Z\xb7.Z\xb4h\xc8\x90!\xfb\xf6\xed3\x18\x0c\x96-\x8c\xe9\xc4GUU\xdf\xeb\xd2\xa9M\xc7\x96Y\x19Y\xd6\x90LO\xc0q\\aaa\xe5\xaa\x95\x86\x7f&gt;DU\xd5\xe3\xc9\xc77n\xdc\x88\xa3\x02\xc0j\xd9\x7f\x00\xd0\xa3N\xbe\xf8\xe2\x8b\x89\x13\'\xfe\xf2\xcb/\x92$Y0\x00\x08!w\xee\xdc\xb9~\xfd:\x9d\xf5%\x84\x84\x84\x84X\xc9\x94/-\xde\xf9\xf3\xe7\x17-Z\xd4\xb3g\xcf\xa2\xa2"\xb3\x1dJ\xfc\xc8\x92\x98N|t\xd7i\xcdv\xe2c\xc9\t\xa2\x90\xa3\xcf\xe9\x1b\xf2I5\xdfWx\x9e\x9f0aBFF\x06:\x01`\x9dl\xe0\x13UB\xf4\x83\xf7\xe6\x9bo\x8a\xa2x\xeb\xd6\xad\xfc\xfc|\xcb&gt;\x11\x96\x99\x99I\x0f}$\x84h\xb5Z???\xfa\x04\x80\xa5\xcacB\xcb\x90\x9a\x9a*\x8ab@@\x80V\xab\xb5\xd4\xa6I\x0f\x9c\xf8\xd8\xf7\xb3O^\xab\x17\x90\x9b\x9bg\rW\xe9?q\x84\x93$\xd9\xc5\xc5y\xe2\xb4q\x8a\xa2\xdc\xbauk\xce\x9c9\xe8\x04\x80u\xb2\x81OT\xa9x\xe1\x85\x17$I\xca\xcb\xcb\xbb}\xfb6\xb1\xe8L@QQ\x91\xd1h\xa4\x13\xad\x06\x83\xc1\xd5\xd5\xd5R%y\x00\xdd\xdf8--M\x92\xa4\x17^x\x81X\xe8*\xfd{\xe2cl,\xc7q/\xbcTu\xe0\xc8\xfeY\x19YV;\xf7\xfb0A\x10\xb2\xf59\xed\xdfk\xfbv\x8b&amp;\x1c\xc7\xc5\xc5\xc5]\xbcx\x11KB\xc1\n\xd9\x7f\x00\xd06l\x8d\x1a5x\x9e\xcf\xcb\xcb;}\xfa4\xb1P\xd5FK\xa2\xd3\xe9Z\xb6l\xd9\xaaU\xab\x96-[v\xec\xd8\xd1J\xea5\xfa\xdcYZZ\xda\x95+W\x08!5k\xd6$\x16\xbaJ\xff\x9e\xf8\x98\x9dM\x08\t\x9d4\xba\xa2w\x05\x83\xc1`\xf1\xe9\xf1g%\xcbJD\xcc\x04Q\x14\x8b\x8a\x8a"""\x88\xa5\x17 \x00&lt;\xcc\xfe\x03\x80\x8e\x1bT\xaf^\xdd\xd3\xd3\x93\x10r\xea\xd4)b\xd1\x00\xa8V\xad\xda\xde\xbd{\xf7\xec\xd9\xb3w\xef\xde\xef\xbe\xfb\x8e\xf6\x00,^\xbb\x99&amp;\x00\xe8\x894\x01\x01\x01\x16)\xd5\xc3\'&gt;v\xed\xfda\x86\x19\x0f|/-&lt;\xcf\xe7\xe6\xe4\xbd^?\x80.\t\xfd\xe6\x9bo\xb0$\x14\xac\x90\xfd\x07\x00\x9d\x7f\xf3\xf2\xf2z\xe5\x95W\x08!\xc7\x8e\x1d\xb3\xf8\x93V\xf2}\xd63&amp;@\x03\xe0\xd8\xb1c\x84\x10\xadV[\xabV-b\xa1X\x92e\xf9\xff\x9d\xf8(\xdb\xea\x96\x18\x82\xc0\xe7\xe7\x16\x8c\x998\xc2\xc3S\xc7\xf3\xfc\xd8\xd0\xb1t\xed/\xfa\x01`=\xec?\x00\x08!\x8a\xa2\x88\xa2X\xa7N\x1dB\xc8\xa9S\xa7233-8\x0fL_\xd7\xb4\xd6\xdeJ2\x80&amp;\xe2\xc1\x83\x07\t!U\xabV\xf5\xf1\xf11\x7fLJ\x92$\x08\xc2\xfa\xf5\xeb\xad\xe1\xc4\xc7\x92\xfbgI\xe8\x0b\x95\x87\x7f&gt;DQ\x94\xe3\xc9\xc7\x97,Y\x82\xd9`\xb0*6\xf9\xd1zV\xb4\xcem\xd9\xb2%\xc7q\xe9\xe9\xe9\xbf\xff\xfe;\xb1\\\xcdK\xcf\x88\xcf\xcb\xcb3\xed\x00j\xf1&amp;!\xad\xeb322\x8e\x1f?\xceq\\\x93&amp;M4\x1a\x8d\x99\xaf\x0f-CvvvTT\x14\xcf\xf3\x1e\x9e\x96?\xf1\xb1\xe4\x04Q\xc8\xce\xca\xee7\xa8O\x9d\xba\xb5y\x9e\x8f\x8c\x8c\xb4l\xe3\x03\xe0\x01L\x04\x00\xadDZ\xb7n\xed\xe0\xe0\xe0\xee\xee~\xe8\xd0!\x8b\x14\x83~\xeco\xdc\xb8\xd1\xa7O\x1f\x7f\x7f\x7f__\xdf\xf6\xed\xdb\'\'\'s\x1cg\xd9V!}\xf5\xe4\xe4dZ\xc8w\xdey\x87\x98}\x9a\x84.\xfe\x89\x9d\x19{\xe9\xd2%EQ\x86\x7fn\x15\'&gt;\x96\x10G8Y\x96\x9d]\x9c\xc3&amp;\x8fU\x14%###22\xd2\xe2o7\x80\x89\x8d\xcd\xad=\x1fZ\x89x{{\xef\xdf\xbf\xdf\xd7\xd7\x97\xce(\x9a\xbfiI\x9f\xab\xfa\xe4\x93O\xf6\xef\xdfO\xbf\xb2k\xd7\xae\xe4\xe4\xe4\xb3g\xcfz{{[\xf0\xa4bz)\x9a4ir\xf9\xf2\xe5\xd4\xd4T???b\xde\xebC\x17\xfe_\xbcx1..\x8e\xe7\xf9\x97\xab\xbdd%\'&gt;\x96\x9c \x08Y\x99\xfaV\xed\x03;vn\xbfc\xdb\xce%K\x96\x0c\x1b6\xcc\xcf\xcf\xcfJ\x9e\xfe\x03\xc61t\x0b\x8a\xa2\xd8\xb8q\xe3\xf2\xe5\xcb{xx\x98\xff\xd5\xe9\x07\xfe\xda\xb5k\xf4\xccXz\x00\x80F\xa3\xc9\xc8\xc8\xa0;CX|}\x88\x9b\x9b\x9b\xa7\xa7g\xc3\x86\r\xe9r)s\xa6\x11\xedm\xd0\x13\x1f\x15E\xb1\xaa\x13\x1fK\x8e\xe38EVFO\x1c\xa1q\xd4\xd0\x93m0\x15\x0cV\x82\xa1\x00 \x84\xc8\xb2l\xa9\xed\r\xa8\xcc\xccL\xba\t\x04\xdd\x05\x9a\xa6\xc2\xdd\xbbw-U\x9e\xe2\xe8\x95\xa1\x97\xc8\x9c\xafK\x97~\x1e8p\xc0:O|,9\x9e\xe7srr_\xab\x17\x10&lt;\xf8SUUw\xed\xda\xb5k\xd7.,\t\x05k\xc0V\x00\x08\x82`\xd9\xfd\x96+T\xa8@\xd7\xff\xd0\x1e\x00]\x13R\xa9R%K\x95\xa78ze\xe8%2\xdb\x8b\x9aN|\x1c;v,\xdd\xb1\xd5\nO|,9A\x10\xf2r\xf2&gt;\x1b\x1e\\\xd1\xbb\x02\xcfs#F\x8e\xc0\x92P\xb0\x06l\x05\x80\x05\xd1\xba\xfe\xc5\x17_\xec\xd0\xa1\x83\xa9\x07`0\x18\xaaT\xa9\xd2\xbauk\xbaQ\xa8\xa5\xcbh\x01\xa6\x13\x1f\x8f\x1f?\xae(\xca\xc7}\xbb\xbe^? 7\xc76\xb6\xfdyztIh\xd5\x17\xab\x8c\x0e\x1f\xa1(\xea\x85\xf3\x17\xb0$\x14\xac\x81]}\xcc\xac\x1cm\xf1\xad\\\xb9288\xb8j\xd5\xaa\x15+V\xec\xd4\xa9\xd3\xce\x9d;\xbd\xbc\xbc\x88\x15&lt;\x0cl~t\xe9g\xf1\x13\x1f\xc7F\x8c\xca\xcf-\x10\x04;\xbc-EQ\xcc\xca\xd4w\xed\xfda\x9d\xba\xb59\x8e\xa3KB\xd1\t\x00\xcb\xb2\xf9U\x16%A\xdb_fkl\xd2*\xbe\\\xb9r\xcb\x96-\xcb\xcf\xcf7\x1a\x8d:\x9d\x8e\xdc\x1f\x061O\x19\x1e@\xe7!,\xd5\xf9\xa0/MO|$\x84\x8c\x1c?\xcc\xa7\xb2\xf7\xdd;\xf7\x1cD\x07\x85\xd8[\xd3\x98#\x9c$K\x1e\x9e\x1e\xa1\x11\xa3\xfau\xfd\x8c.\tMLL\xa4S \x96.\x1d0\x8a\xdd\x00\xb0\xd4\x07\x8f\xd6\xb9...\xc4\xec\t\xf40:\xe8o\x91KA\x07\x7f.\\\xb8\xb0d\xc9\x12\x8e\xe3\xdel\xdc\xa0\xff\xd0~\x8a\xacx\x95\xf3\xb2\xe3\xbe\x90,+\x1f|\xd4\xb9k\xef\x1d\x9b\xd7}\xbbd\xc9\x92~\xfd\xfa\xd5\xabW\xcf\xb2KB\xe9h\xa4\xa5^\xdd\x82\xd8\xfc\xab\x1f\xc0h\x00\xd0\xb6\xe7\xbe}\xfb8\x8e\x0b\x0c\x0c4\xe7\xb6\x07\xb4\xce\xa57\x9f\x05?\xf6\xb4\x00\x7f\xff\xfd\xf7\x81\x03\x07\xfa\xf4\xe9c\xfe^\x08\xbd\xe6#F\x8c\x90\x8c\x12!\xa4I`\xa3\xc3\x07\x8f\xea\xb3\xb2EA\xb0\xd7\xcf%G\x88\xac(.\xae.o4x}\xeb7?\x18\x8d\xc6\xb1c\xc7\xee\xdf\xbf\xdf\xb23\x01\xaen\xae\xbc\xc03\xd5\x11\xa1\x8d0\x07\x8d\x85\xcf\xe0\xb3\x06,\x06\x00\xdd\xfa\xf8\xeb\xaf\xbf\x0e\n\n\xaaW\xaf\xde\xcf?\xffl\xfeO\xa0\xc5G\xfceY\x16Eq\xf9\xf2\xe5S\xa6L\xb9r\xe5Jxx\xb89O$\xa6\xd5\xcd\xb7\xdf~\x9b\x94\x94\xe4\xa0qPd%&gt;&amp;1&gt;&amp;\xd1&lt;\xafn\r\x04A\xd0h4?\xff\xfc\xf3\xb7\xdf~\xdb\xa5K\x17\xf3\xd7\xbf4\x809\x8e\xfby\xef/o5\xa9\xef\xe9\xe5\xa9\xcf\xd2[\xc9\xd9DeJ\x92d\x8dF\xe3\xe6\xe2v\xfb\xe6m\xba\x12\xcf\xe2\x1fF\x0b\xb2\xf37\xfb\x91h\x00\x1c;v\xac\xa0\xa0\xe0\xe8\xd1\xa3\x9b7ofmQ6\xed\x00]\xb9r%!!\x81\xe3\xb8\xad[\xb7\x123\xf6\x88i\xd5\xa3\xd7\xeb\x87\r\x1b\xa6\xaa\xaa\xd1`d\xea\xe2S\xf48 Y\x96\x87\r\x1bFw\x852\xf3\x88\x84\x83\x83\x83\xa2(\xb2,\'\xcc\\\xf0A\xcbn\x07\xf7\x1c*W\xde\xcb\xc9\xd9I\x92$s\x16\xc3\x9c\xe8m\xe6U\xce#[\x9f=*$t\xd2\x98)\xf4\x01L;\xfe\x93\xff\x13\x8b\x8b\x10\xe8\x9f\x9c\x97\x97W\xb7n\xdd\xcb\x97/W\xaf^\xfd\xe4\xc9\x93...\xec\xb4\x05$I\x12E\xb1{\xf7\xee\x9b6m\xd2h4\xbf\xfe\xfa\xeb\xeb\xaf\xbfn\xb6\x91h:\xdc\xa4\xd7\xeb\x93\x93\x93i\xc5\xc7\xc8e\x7f\x00\xfd\xc3\x15Ei\xd0\xa0\x81N\xa73\xe7u\xa0U\xff\x96-[\xa6M\x9bv\xf6\xecYB\x08\xc7q]{}8h\xf4\xc0\x80\xba\xb533\xb2dI\x16D\xfb\x19\x11\xa2\xf3\x1c:\x0f]A~\xc1\x9a\xaf\xd6/\x9c\xbd\xf8N\xfa]B\x88F\xa3\t\t\t\x992e\x8aN\xa7\xb3\xec\x13B\x96\xc2b\x00\x90\xfbC\x10\x9b7o\xee\xd6\xad\x1b!d\xe8\xd0\xa1\xf3\xe7\xcf\xa7\xd5\xa2\xa5\x8bV\xe6\xe8\xdf\xbei\xd3\xa6\xee\xdd\xbb\x13B\x86\r\x1b\x86\xb5(\xcc2\x18\x0c3g\xce\x9c3g\x0e]\x88\xa5\xf3p\x1f0,x\xe0\x88\xfeZw\xad&gt;KO,:MU*\xe8\xc3\xednZ7\x9e\xe7\x0f\xec&gt;4{\xea\xdc\x93\xc9\xa7\xe8\xb7:u\xea\x14\x1b\x1bKw\x89g\x16\xa3\x01@\xee\xd7\x83\x1d:t\xd8\xb9s\'\xc7q;w\xeel\xdb\xb6\xad\xdd\xd7\x83t\xf8+==\xfd\xb5\xd7^\xbbs\xe7\x8e\xb7\xb7\xf7\xb9s\xe7,\xd2\xfc\xa1\x13q\xe6|E\xabe\xa9\xae\xa7\xe9nOMM\x8d\x8d\x8d]\xb1b\x05\xad\r\xfck\xfa\r\r\x1d\xd4\xa5\xe7\x07\x8a,\xe7\xe6\xe4\xf1\x82\xad\xf6\x8c%I\xd28j\xdc\xb4ngN\xa6$\xce\\\xf8\xc3\x96\x1f\xe9\xd7\x03\x02\x02bcc;v\xecH\x08\x91e\x99\x9d\xae\xff\xc3\xd8\r\x00Z\xfb\xa4\xa7\xa7\xbf\xfe\xfa\xeb\xe9\xe9\xe9&gt;&gt;&gt;\xbf\xff\xfe\xbb\xb7\xb7\xb7}o\xd3H\xff\xbav\xed\xda%%%\x11Bv\xed\xda\xc5B\xec\xc1\xe3\xd0\x062\xed\xf8\xee\xd9\xb3\'""\xe2\xe8\xd1\xa3\xf4[\xcdZ5\x1d\x1d&gt;\xa2I`\xe3\xbc\x9c\xdc\xc2B\x83hS#B\x8a\xac\x10\x8ex\x95\xf3\xbc\x9d\x96\xfe\xe5\xbceK\xe7//*,"\x84\xf8\xf8\xf8\x0c\x1d:4,,\xcct\xe2\x85\x1d\x7f\xd8\x9f\x06\xbb\x7f&lt;\x1d}\xf6\xf1\xf1Y\xb0`\x01!$--\xado\xdf\xbe\x85\x85\x85\x96.W\x19\xa2\x8d\x9d\xc9\x93\'\xd3\xda\x7f\xd4\xa8Q\xa8\xfd\x19\xc7q\x9c(\x8a\x8a\xa2H\x92\xd4\xbau\xebC\x87\x0e-_\xbe\xbcj\xd5\xaa\x84\x90C{\x7f\xe9\xd1\xa9\xcf\xf8a\x13\xb32\xf5^\xe5&lt;\xc8\xfdIT+\xa7\xaa\xaa$In\xee\xaeN\xceN\xab\xbf\\\xf7A\xab\xee\xf3\xe3\x16\x15\x15\x169:9\x06\x07\x07\'\'\'GDDh4\x1a\xfaY`\xbc\xf6\',\xf7\x00(:\xee?f\xcc\x98\xb9s\xe7\x12B\x16-Z4h\xd0 \xbb\xac\x13\xe9\xe0Orrr\xb3f\xcd\x8a\x8a\x8a\x1a7nL\x0f\xc6a\xb9\xff\x0b\xc5\x99n\xfb\xf4\xf4\xf4\xc4\xc4\xc4\xd9\xb3g\x17\x14\x14\x10B*xW\x182&amp;\xa4\xcf\x80^\xce.\xce\xfa,=]:i\xe9\xc2&gt;\x8aJ$Yrrrrsw=|\xe0\xe8\xac\xa8\xb9\x87\x0f\x1c\xa1\xdfi\xd3\xa6\xcd\xb4i\xd3\x1a6lH\xee\x9f&lt;\x8a{\x9eb=\x00L\xbbCw\xee\xdcy\xe0\xc0\x81\xed\xdb\xb7\xd7h4\xf6zs\xd0\xfe~jjjXX\xd8\xec\xd9\xb3\xfd\xfd\xfd\xed{\xbc\x0b\x9eU\xf1\x11\xa1\x94\x94\x94q\xe3\xc2\xb6o\xdfA\xbf\xf5F\x83\xd7\xc7N\x1a\x15\xd8\xa6\xb9,\xcby9y\x82h]u(M/\x0f/\x8f+\x17\xaf\xce\x89\x9e\xb7\xf5\x9b\x1f\x0c\x06\x03!\xa4F\x8d\x1aaaaAAA\x84\xf9\xe1\xfeGb=\x00X\xc6\xec\xfaKx\xb2\xe2;D\xed\xd8\xb1c\xdc\xb8qg\xce\x9c\xa1\xdfz\xef\xa3w\xc6L\x1cQ\xfb\xf5\xda\xfaL\xbd\xc1`\xb4\x86\x89\x01:\x94\xef\xae\xd3\xe6\xe6\xe4}\x99\xf0\xd5\xea/\xd7\xd1%\x9e\xce\xce\xcec\xc7\x8e\r\r\r\xd5\xe9t\x18\xee\x7f\x1c\x04\xc0?,\xbb-\x9a9\xd1\xb1 b\x05O#\x8353U\x9at\xa9\xe8\x82\x05\x0b\xd2\xd2\xd2\x08!:\x0f]\xd0\xe0\xbeA\x83\xfbV\xf4\xa9\x98y/\xd3\x82#B\xaa\xaa*\xb2\xe2\xaau\xe5y.i\xfb\xde\x19\x91\xb3R\xff\xb8H\xbf\xd5\xb3g\xcf\xf0\xf0p\xba\xc4\x93\x91\xe5\xdd\xcf\x07\x01\x00\x00\x8fe\x9a\x18\xb8y\xf3\xe6\xa4I\x93\x96\xafXNTB\x08\xa9\xf6\xea+\xa3\xc3\x87\x7f\xd8\xe3\x03E\x96srr\xcd?\xaa.I\x92\x93\x93\x93\xb3\xab\xf3\x99\x13gb"g\xedO:H\xbf\xde\xa8q\xa3\xa8)Qm\xdb\xb6%\x18\xee\x7f\n\x08\x80\xffF\x9b\xcc6w\x1b\xd9h\xb1\xc1\xda&lt;\xb0Tt\xc6\x8c\x19\xbbw\xef\xa6\xdf\xa2KE\x9b\xb6h\x92\x9b\x9d[XXh\x9e\x866\xcd$\x9d\x87\xfb\x8d\xeb\xb7\x12b\xe7o\\\xb5\xc9\xb4\xc43&lt;&lt;|\xd0\xa0At\x97\x0b\x821\x9f\xa7\x80\x00xZ64_J\xdfSZ\xf5c\xa0\x1fJE\xf11\xd2\x15+VDFF^\xbf~\x9d\x10\xa2qt|\xbf\xdb\xbbc&amp;\x8e|\xa5\xfaK\xfa\xac\xec</t>
        </is>
      </c>
    </row>
    <row r="478">
      <c r="A478" s="1" t="n">
        <v>476</v>
      </c>
      <c r="B478" t="inlineStr">
        <is>
          <t>color_number_hexagon</t>
        </is>
      </c>
      <c r="C478" t="inlineStr">
        <is>
          <t>What is the missing number of the part denoted with a question mark?</t>
        </is>
      </c>
      <c r="D478" t="inlineStr">
        <is>
          <t>['4', '6', '7', '8']</t>
        </is>
      </c>
      <c r="E478" t="inlineStr">
        <is>
          <t>6</t>
        </is>
      </c>
      <c r="F478" t="inlineStr">
        <is>
          <t>There is a hexagon split into six parts with the colors ['purple', 'blue', 'purple', 'green', 'blue', 'green'] in an anti-clockwise order. The parts are denoted with the numbers [2, 1, 5, 1, '?', 6] respectively.</t>
        </is>
      </c>
      <c r="G478" t="inlineStr">
        <is>
          <t>We observe that the numbers in the blue parts add up to 7. Similarly, the numbers in the green parts also add up to 7. Thus, the pattern is that the numbers in the parts of the same color add up to 7.</t>
        </is>
      </c>
      <c r="H478" t="inlineStr">
        <is>
          <t>Based on the pattern that the numbers in the parts of the same color add up to 7, the missing number of the blue part should be 6.</t>
        </is>
      </c>
      <c r="I478" t="inlineStr">
        <is>
          <t>b'\x89PNG\r\n\x1a\n\x00\x00\x00\rIHDR\x00\x00\x02\x00\x00\x00\x02\x00\x08\x02\x00\x00\x00{\x1aC\xad\x00\x00\x99gIDATx\x9c\xec\x9dy\x9c\xceU\xfb\xc7\xcf\xf2\xbd\xf7u\x06cl\xc9\x16\xb2\xfc\nE\x11\xa1F\x96B\x18\xeb\xa0"i\xb5\x94H\x92D\xc9\x1a\xf5\xc8R\xd9\r\x83\x84\xc8\x94\x84\xa8d\xe9\x11I\x0cY\xd2\x18c\xee}?\xcb\xef\x8f3s\xe7Q\xca2s/s\x9f\xf7k\xfe\x88\xa7\'_\xf7r\xaes\xae\xebs&gt;\x1f\xc89\x07\x12\x89D"I&lt;P\xb4\x1f@"\x91H$\xd1A\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16\x00\x89D"IPd\x01\x90H$\x92\x04E\x89\xf6\x03H\xa2\t\xe7\x9cs\x1e\xed\xa7\x90D\r\x08!\x840\xdaO!\x89\x1aP~\xff\x13\x16B\x88\xa2\xc8\x1d@\xa2C\x08\xc1\x18\xcb2\x90\x98\xc8\x02\x90\xa00\xc6\x10B\xbf\xfc\xf2\xcb\xd3O?\x8d\x10b\x8cE\xfb\x89$\x11EQ\x14B\xc8\xa0A\x83\xfa\xf4\xe9\x13\xedg\x91D\r\xb9\x01L8D\xc9\xf7\xf9|\xd3\xa7O\xb7Z\xad\xdb\xb7o\x8f\xf6\x13I\xa2\xc6\xed\xb7\xdf\xfe\xfb\xef\xbf?\xf4\xd0C\xf5\xeb\xd7\xe7\x9c#$\x87\x82\x89\x85&lt;\x01$\x1c\x94R\x8c\xf1\xe2\xc5\x8b\x07\x0e\x1c\x08!\xc4\x18\x87?\x03\xf2\xfb\x9f\x08p\xc69(|\xc71\xc6\xc1`0##c\xc9\x92%\xb2%\x98\x80\xc8\x02\x90X\x88\xa9\xaf\xc3\xe1\xb8\xfd\xf6\xdb\xf3\xf3\xf3\x19c\xb2\xf9\x93\xe0\xa8\xd5jJ\xe9\xf6\xed\xdb\xef\xbb\xef&gt;\xb19\x88\xf6\x13I"\x87,\xf8\x89\x05c\x0cc&lt;n\xdc\xb8\xdc\xdc\\\x8c1\xe7\x85:\x10\xc6\xd8\x83\xf7?\xda\xe1\xc1^n\x8f\x13#\xb9\x04\x94N\x18c:\x9d\xfe\xe8\xaf?~\xbcb\x1ac\x1c\x00\x06!"\x840\xc6\x86\r\x1b\xb6g\xcf\x1e\x95J\xc59\x97\x03\xe1\xc4A\x9e\x00\x12\x08\xc6\x18\x84\xf0\xd7_\x7f\xad_\xbf&gt;c,\xac\x01\x85\x10q\xce\xca&amp;\x97_\xf4\xfe\xd7&amp;\xa3\x85\x90 \x84\xb2\x17T\na\x8c\x1a\x8d\x96\xe7G?\xba\xf7\xc0\xd7\x08a\xc6(\x00\x00B\x80\x10\xa6\x94.Z\xb4h\xc0\x80\x01\xf2\x10\x90P\xc8\x02\x90@\x88\xefv\xbbv\xed\xb2\xb3\xb3\x15\x95\x8a\x84B\xd5\xea\xde\xe1(\xb8X\x90w\x1e#L)i\xff@\xcf\x97\x9e\x9d\xeap\x16`\xac\x00 ?\x18\xa5\tH)1\x9b\x93&gt;\xdf\xb6z\xea\x9c\x97\x10\xc2\x8cS\x95J\xa9\xdf\xa4\xee\xc1=?\x89\xd9OJJ\xca\x91#G\xacV\xab\xbc\x1c\x908\xc8\x02\x90(\x88\xd5?;;\xbb]\xbbvb\x8b\xc78\x9f\xb0h\xdb/\x07v\xaf\x98\xf5*\xc6\n\xe7\x0cB\xf4\x9f\xa9\x1b\xaaW\xad\xe3\xf3{\xe5@\xb8t\xc1\xc5\xad\xaf\xc1\xc3\x1e:\x9f{Zh@\xefnu\xe7\xabsFf\xdc\xff\xb4\xd3\xe6R\x14%\x14\n\x8d\x1d;\xf6\xcd7\xdf\x94\x87\x80\xc4A~\xc9\x13\x02\xd1\xd8%\x84&lt;\xff\xfc\xf3\x00@q\xe4o\xf6\xe0\xa3u\x1a5o\xf3\xe8c\xe5\xabT\xa3\x94 \x84)%\x1f,z\x13\xc9\x19@\xa9\x83Rj6%e\xae\x9b{&gt;\xf74\xc6\nc\x0c+\xf8\xb1\x17\xfbV\xb8\xa5\xfc\xc0\xe1\xbd8\xe7\x8c3\x84\xd1\xd4\xa9S\x8f\x1f?.\xef\x85$\x0e\xb2\x00$\x04\xe2\xda\xd7\xbcy\xf3\x8e\x1d;\xa6(\x98R\xa27\x9a\xbb\x0e\x1e\xe5u;\r&amp;\xcb\xa3O\x8e\x01\x000\xce\x10\xc2\x07\x0f\xed\xd9\xbd7\xdbh4SF\xa3\xfd\xd4\x92\xe2\x81s\xaeQ\xeb\xce\x9e?\xb9~\xf3\x12\x08!\x80\x801\xd6&gt;\xbd\xed\xed\x8dj\xe7\x9e\xcbk\x9f\xfe@\xcdz\xd5\x18eB\x12:v\xecX\x08ec Q\x90\x05\xa0\xf4#f\xbf\xb9\xb9\xb9\xe3\xc6\x8d\x83\x10\x02\x00\x19c\x0f\xa4\x0f\xae~\xfb\x9d\xa1\x80\xcf\xebv\xb6|\xb8o\xed;\xefa\x94\x8a\xb6\xcf\xfc\xc5\x93}&gt;\x0fFX\x8e\x01J\x07\x8cQ\x9dN\xff\xd1\xb2w\\n;\xc6\x981j4\x1b\x06\x0e\xef\xed\xf7\xfa9\xe7:\x83v\xd0\xa8\x0c\xce\xb9\xa8\x01YYY\xd9\xd9\xd9\x18cJ\xe5\x0e\xa0\xf4#\x0b@\xe9G\xdc\xf0\x1c3f\x8c\xcdfS\x14\x15\xa1\xa4\\\xa5\xaa\x1d\xfb=\xe7\xb6\xdb\x10V8\xe0\x8c\x92^\xcfM\xc0X\xa1\x8cb\xac\x9c;\x7f*s\xdd\\\xb3)I.\x01\xa5\x00\xc6\xa8\xc9h\xfdv\xdf\xb6\xed\xdflD\x08s\xce9\xe3\xfd\x9e\xeb\x91R\xb1l\xd0\x1fT\x14\xc5ew7m\xdd\xb8E\xbb\xa6\x94R\x84\x10\x84\xf0\xf9\xe7\x9f\'\x84\xc8s@" \x0b@)G4\x7f\xf6\xef\xdf\xbfr\xe5J\x8c1c\x0cp\xde\xfd\xa9\xb1\xd6r\xa9!\x12\x84\x10"\x84}\x1eW\xbd\xbb[\xb5\xea\x92\xc1\x19\x03\x00@\x08\xd7o^r\xf6\xfcI\xb5Z+\x97\x80\xf8\x07\x12\x1aZ\xb6z6c\x0c!\xc8\x18\xabY\xafZ\xd7\x81\x1d\xddNO\xe1\xa4\x17\x02J\xe9\xa0Q\x19\x06\x93^\x8c\x7f\x8f\x1d;6o\xde&lt;9\tH\x04d\x01(\xe5\x88\xf1\xef\xc8\x91#\x03\x81\x80\x18\xf3\xd6\xbe\xf3\x9e\x96\x0f\xf7u\xd9.a\\x\r\x10"\xecs\xbb\xba\r\x19k0[\x18\xa3\x18+.\xb7\xfd\xa3eS\rz\x13\x93\x93\x80x\x86Rb\xb5$o\xf9r\xf5\xe1\xa3\xfbD\xf9\xe7\x9c\x0f\x1a\x95\xa1\xd5i(\xa5\x00\x02\x00\x00B\xc8\xeb\xf2\xd6\xaa_\xbds\xff\xf6\x8c1\x00\x01\x84p\xdc\xb8q6\x9b\r!$w\x00\xa5\x1bY\x00J3bC\x97\x95\x95\xb5c\xc7\x0eEQ(%\x8aJ\xdd\xeb\xb9\t\x8c\x12p\x99\xd0\x1bB\x18\x0c\xfa\xcb\xa4V\xea\xf2\xc4\xa8BA\x08B;\xf7l&gt;ph\xb7^o\x92\xdb\xc08\x85s\xae(\xea\xfcK\x172?\x99\x1b\xbe\xef\xdd\xe2\xa1fM[7v\xd9\xdd\x97\x0b=\xb1\x82\x9dvW\xfa\xe0.\x15o)O\tU\x14\xc5f\xb3\x89\x89\x91|\xf7K7\xb2\x00\x94Z\xc4\xdeM\xe8:\x00\x00\x10"\xc6X\xd3\x07\xbb\xd4\xbb\xfb~\xaf\xc7u\x85\xcc\x1fc\xc5\xe7r&gt;\x98&gt;8\xf5\x96\x1a\x8cR\x84p\x88\x04\x17.\x9d\x82\xb1\x1c\x05\xc7+\x94\x12\xb3\xc9\x9a\xb5a\xc1\x1f\xb9g\x10\xc2\x8c1\x95J\x198\xbc\x97\xd8\xe6_\x0e\x84\x90\x04I\xd9\xf2\xc9\xbd\x86v\x0b\xef\x00\x84fL6\x82J7\xb2\x00\x94Z\x84\xed\xcf\xb4i\xd3\x8e\x1f?\xaeR\xa9\x08\t\x19,I\xe9\xcf\x8c\xf7y\\\x7f\xab\xf4\xa7\x94ht\x86&gt;\xc3&amp;\x85\xff\xbf\x87\x8f\xfe\x90\xfd\xd5\x1a\x8b9\x99R\x12\xf1\xc7\x97\xdc\x14\x8c1\xbd\xdet\xfc\xe4\xe1\r[\x96"\x84\x84\xf4\xf3\xd1\xc7;\xd5nP\xd3\xeb\xfa\x9b[~X\xc1\xf6\x02G\x87\x9e\x0f\xd4oR\x97\x12\x8a\x15,n\x8d\xc8Qp\xe9F\x16\x80\xd2\x89\x98\xfd\xe6\xe4\xe4L\x992\x05!\xc49\xe0\x9c\xa7\xf5|\xb2B\xd5\x9a\xc1\x80\xefo/\xfa#\x8c\xbd.G\x93\xd6\x1d\xeb\xdd\xdd\x8a1\n!\x82\x10.Z9\xe3\x92-OQ\xd4r\x15\x8878\xc6\xf8\xc3e\xefx\xbc.\x84\x10\xa34\xa9\xac\xb5\xc7\xa0\xce^\x8f\x0f\xe1\xab|\xeb9PT\xb8\xff\x0b\xe9\xe2\xdf\xc7\n\xce\xce\xce\xce\xca\xca\x92\x92\xd0R\x8c,\x00\xa5\x131\xfb}\xe3\x8d7\x9cN\'\xc6\n!\xa1\xd4[j&lt;2p\x84\xc7aCW\xbf\xe5\xcf\x01`\x94\xf5\x1d&gt;YQ\xa9)\xa3\x08\xe1\xdc\xbcsY\x9f.0\x9b\xac\xf2\x10\x10GPJMF\xeb\xde\xfd\xdbw\x7f\x9f](\xfd\xe4|\xe0\x88\xde\xe5+\x95\x0b\xfa\x83W\xf3\xf9A\x18\xb9\xec\xee{\xda\xde\xd5\xfa\x91\x16\x942!\t\x1d;vl0\x18\x94\xe7\x80\xd2\x8a,\x00\xa5\x101\xfb\xdd\xb9s\xe7\xf2\xe5\xcb1V\xc4\xf6\xad\xcf\xb0IZ\xbd\x91R\n\xc1U}\xbe\x10B&gt;\xaf\xabf\xfd&amp;\xedz\x0f\x15\x92P\x84\xd0\x86-K\x7f\xcd\xf9I\xa73r.{\xc1\xf1\x01\xc6\xd8\xeb\xf3|\xb8|*\x84\x10!H)\xad\xdf\xa4n\xc7\xde\x0f:m.\xac\xfc\x93\xcf\x07\xc2\xc8\xe7\xf5\r\x1a\x95a\xb2\x1aI\x88(\x8ar\xfc\xf8\xf1i\xd3\xa6\xc9I@iE\x16\x80\xd2\t\xa5t\xdc\xb8q\xe2j\x0fc\xb4\xde\xdd\xad\x9a\xb4\xee\xe8u9\xfea\xfb/\x10\xd7\x02:\xf4{\xd6R&amp;\x851\x86\x10\xf6x]\xcb\xb3\xe6h\xb5:\xb9\x04\xc4\x05\x94\x12\x93\xd1\xfa\xc5\xd7kO\x9c&lt;\x82\x10\x12\x13\xdd\x8c\x17\xd2\x15\x05\xff\xeb.\x1eB\x18\xf0\x05\xabT\xaf\xd8u@\x07\xce9\x07\x1c"8}\xfa\xf4\xdc\xdc\\\xa9\x08*\x95\xc8\x02P\xda \x84`\x8cW\xacX\xb1s\xe7NEQQJ0V\xfa\x0e\x9f\xcc(\xbb\x963\xbc\x90\x84\x96\xabpK\xb7!\xafp\xce\x84A\xd0\xd7\xbb7}\xbb\xf7K\x93\xd1*\xaf\x05\xc48\x9cs\xb5Z{\xe1\xe2\xb9\xc5\x993\x0b\xa5\x9f\x94\xdd\xdf\xa9\xf9\xbd\x0f\xdc\xed\xb2\xbb\xaf\xda\xfd\xbf\x0c\x8c\xb1\xd3\xe6\xea=\xb4[\xa5\xaa\xa9\xe2\x10PPP0f\xcc\x18y\'\xa0T"\x0b@\xa9B\xb8&gt;8\x9d\xce\t\x13&amp;\x88P\x17\xc6X\xab.\x19\xd5\xeb5\xf2{\xaf\x94~^\r\x8c\x15\xb7\xd3v_\xa7&gt;U\xeb4\x14\xc3d\xc6\xd8\xb2\xac\xd9\x84\x12i\x13\x1f\xe30F\xf5:\xe3\x9a\r\x0bm\xf6|\x841c\xcc`\xd2\xf7{&gt;\xdd\xef\xf3_\xab\xbf7\x04\x94P\xbdQ\xdf\x7fXOP\xa4\x07[\xb1b\xc5\x81\x03\x07\no\x92KJ\x11\xb2\x00\x94*\xc4z=e\xca\x94\x9c\x9c\x1c\x8c1\xa5\xc4`\xb6t\x1b\xf2J\xc0\xe7\x85\xd7c\xf2L)\xd5\x19\x8c=\x9fy\x1dp\xce\xb8\x90\x84\xee\xdb\xfc\xc5J\xb3IJBc\x17\xc6\x98^g\xfc\xe5\xf8\x8f\xeb6}\x8c\x10\x02\x803\xc6:\xf7o_\xa7A\r\x9f\xdb\x07\xd1\xb5\x16o\xac`\x97\xc3\xd5\xae{\xdb\x06w\xd5\xa5\x84"\x8c\x82\xc1\xe0\xb0a\xc3(\xa5\xf2\x10P\xca\x90\x05\xa0\xf4 6kES\xbbB\xedG\x97\'F\x95M\xad|5\xe9\xe7\xd5\xc0\x18\xbb\x9d\xb6;Z\xa45i\xdd\x89Q\n \x82\x10.\xce\x9cy\xe1\xe29i\x10\x14\xcb \x84?X\xf4&amp;!!\x84\x10\xa3,\xb5JJ\xfa\xe0.\x0e\xfb\xbf\xcc~\xff\x16J\xe9\xe0\xd1\xfd\xb1\x82\xc5\xdd\xe0]\xbbv\xadX\xb1BJBK\x19\xb2\x00\x94\x1e\xc4\xba,t{\xc2\xf5\xb7j\x9d\x86i=\x87x\\\x8e\xb0\xed\xcf\xf5\x00\x19%=\x9f}]o4sF\x11\xc26{\xfe\x9a\r\x0b\xf5:\x83\x9c\x04\xc4 \x8cQ\xa3\xc1\xbc{o\xf6\xc1C{D\xbf\x9es\xfe\xd8\x88&gt;eR\x92H\xf0\xba{w\xc2 \xe8\xce{\x1b\xb6Oo[h\x10\x84\xe0\x84\t\x13\x1c\x0e\x87\x94\x84\x96&amp;d\x01(%\x08\xe9\xe7\x8e\x1d;\xc27w8\xe7=\x9fy]\xad\xd5\xddX\xd3\x06!\xe4\xf3\xb8n\xad\xfb\x7f\x0f\xa4\x0ffE\x92\xd0u\x9b&gt;&gt;v\xe2\x904\x08\x8a=8B\x8a?\xe0\x9d\xbfx2\x00\x00!D)mpW\xddv\xdd\xdb8\n\x9c7\xb0\xfd\x07\x00 \x8c\xbcn\xef\xc0\xe1\xbd\x8df\x03%T\xc1JNN\xce\xacY\xb3\xc4\x7f\xbc\xb8\x9f_\x12\x1dd\x01(\r\x88k_\x81@`\xe4\xc8\x91\x10B!\xfdl\xd2\xe6\xe1;Z&lt;\xe8q\xd9oh\xfb\x0f\x00\x00\x08+\x1e\xbb\xadC\xbf\xe7R*\xdf\xca\x18E\x08\x13\x12Z\xb2j\x96\xe8/\x17\xef_Ar3PJ\x8d\x06\xd3\xa7[\x96\x9e;\x7fJ\x8cjUje\xf0\xe8\xfea\xcb\xcf\x1b\x00B\x18\xf4\x07S*\x96\xed\xf7|\x8fpf\xe4\xcc\x993\xc5xI\xee\x00J\x07\xb2\x00\x94\x06\xc4\xec733s\xff\xfe\xfdb\xfb\xaf\xa8\xd4\xdd\x86\xbc\xc2\x19\x037\xbc\x00\x00\x00!\x0c\x91`rJ\x85\x87\x07\x8e(\xf2\x08\xc3\xdf|\xb7u\xef\xfe\xed&amp;\xa3Un\x03c\x04!\xfd\xcc\xcb?\xbf&lt;kN\xd8\xf5\xb3U\x87{\x1b5o\xf8\xb7\xb6?\xd7\x0e\xc6\xd8\xed\xf2t\xc9\xe8P\xb9ZEJ(\xc6\xd8\xe1p\xbc\xf1\xc6\x1b\xf2N@\xa9A\x16\x80\xb8Gl\xffm6\xdb\xe8\xd1\xa3\x11B"\xf1\xb1]\xef\xa1\xd5o\xbf\xf3\xaf\xae\x9f\xd7\x0b\xc6\x8a\xcbv\xe9\xfe.\xfdk\xdf\xd1\x8c\x15%F}\xb8|\xaa?\xe0\x93F\xa11\x02cT\xaf7.\xce\x9c\xe5\xf68\x11\xc6\x94R\x93\xd5\xf8\xc4\xa8~\x1e\x97\xf7Z\x84\xff\xff\x04\x04\x8c0\xad^3d\xec\x00 \xda\x8c\n^\xbe|\xf9\xae]\xbb\x14E\x91;\x80R\x80,\x00q\x8f\xd8\xfe\x8f\x1b7.77WD\xbeX\xca\x94\xeb\xd0\xefY\xbf\xc7\xfd\xb7\xae\x9f\xd7\x0b\x07\\QT]\x06\x8f\x16\x17\x02\x10B\'N\x1eY\xbfy\xb1\xd1`\x96K@\xd4\x11\xae\x9f\x07\x0f\xed\xf9|\xdbj\xd1\x9a\xe3\x9cw\x1d\xd0\xa1J\xf5J\xff`\xfbs\xed \x8c\xdcNO\x8b\xb4\xa6\x8d\x9a7d\x94!\x88(\xa5\xc3\x86\r\x0b\x04\x02r\x1a\\\n\x90\x05 \xbe\x11+rQ\x86_\xa1\xf4\xb3\xdbS\xaf\x96\xabP%\x18\xf4\x17\xcb\xbd-\x84\xb0\xdbik\xd4\xf2\xa1{\xdaug\xacP\x12\xba&lt;kN^\xfey)\t\x8d\x050\xc6\x0b\x97N\xa1\x94\x88\xf1l\xe5j\x15{\x0f\xed\xe6\xb4\xb9\xf0\xbf\xd9~\\;\x8c\xb2\xa1\xaf&gt;\xa6R)\x94REQ\x0e\x1c8\x90\x99\x99)\r\x82J\x01\xb2\x00\xc47\xa2\xff#R\xbc\xc5\xcd\xaf\xdaw4k\xd3u\x80\xcbQp\xc3\xb3\xdf\xbf\x82\x10\x0ex=\xe9\xcf\x8e7X\x92\x18%\x08a\xb7\xc7\xb98s\x96N\xab\x8f;I(\xe7\x8c1z\x05\x8c\xc5\xe5\x15\'J\x89\xc9d\xd9\xfa\xd5\x9a\xc3G\x7f(\n|\x06C\xc6\x0e\xd0\x19t\x94^\x99\xfar\xc3 \x84\xbcn_\x9d;j=\xfax\'!\tE\x08\x8d\x1e=\xba\xa0\xa0@\x1e\x02\xe2\x1dY\x00\xe2\x18!\xfd\xcc\xce\xce\xce\xce\xce\x16\xc2\x7f\x84p\x97\xc1\xa3\xb1\xa2*\xde\xaf%\x840\x10\xf0U\xa8Z3\xad\xe7\x93\xe2\xbf\x8c\x10\xfa|\xdb\xeac\'\x0e\xe9u\xc6\xb8\xd8\x06r\xceE\xc3J\xa3\xd1\x99\x8cV\xab%\xd9jI\xb6\x98\x93\xc4?\x18\x8d\x16\xb5J\xcd8\x8b\xabz\xc61V\xbc^\xf7\xd2U\xef\x02\x00\xc4`\xb6Q\xf3\x86-\xd2\x9a\xba\x9dn|\x93\xdd\xff\xff\x05a\xe4u\xfbz\x0c\xea\x9cT\xd6*\xa6\xc1\xb9\xb9\xb93f\xcc\x90\x87\x80xG\x16\xf0xEt{\x18c\xf5\xeb\xd7?v\xecW\x95J\x15\n\x05\xef}\xa8\xfb\xb0\xa9\xcb\x1d\xb6\x8b\xc5\xb8\xfd/\xfc\xe3\x00G\x00\x02\x08G\xf7lv\xe1\xec)EQ\x11\x12\xba\xb3\xe1\xbd\xd3&amp;\xac\xf4\\\xb3\xcbPT\x10\xfa%\x8dZ\xab\xd5\xea\xbd^\xf7\xb9\xf3\'\x7f;\xf3\xeb\x1f\x17\xce\xb8\xdc\x8e\x10\t\xaaU\x1a\x8b)\xa9b\x85j5n\xadS\xb1\xc2\xad\x18a\x8f\xd7\t\x00\x8c}\xd7#JI\x92\xb5\xdc\x82%o-]=\x1bc\x85s\x06\x11\x9c\xbbqZ\x8d:U}\xdekv\xfe\xb9\xf6?\x8ePkY\xcb\xba\x8f7\xcd|\xe5\x03\xac`\xce\xb9\x82\x95\xc3\x87\x0f\xd7\xacYS8P\x15\xef\x1f\'\x89\x0c\xc5\xbcLH"\x860~\x98;w\xee\xb1c\xc7D\xe0\xbb\xdeh\xee&lt;hT\xc0\x7fS\xca\xbf\xab\x01\x01$\x94\x98,\xc9\x8f&gt;9f\xee\xb8\'\x85$\xf4\xe0\xa1=\xbb\xf7f\xb7h\xd6\xce\xe5v\xe0\xe2\x188\x17;\x94Q\xb5\xa2\xd6\xe9\x0c\xa7\xcf\x9d\xd8\xfe\xcd\x86\xdd\xdfe\x9f&lt;\xfd\xcb\xdf\xde\x8c\xd3i\xf5\xf5\xeb\xde\xd5\xf1\xc1\xde\xcd\x9b\xa5QJ\x83\xc1@,/j\x9cs\x8dZw\xf6\xfc\xc9\xf5\x9b\x97@\x08\x01\x04\x8c\xb2N\xbd\xd2\xea4\xacy\xc37\xbf\xfe\x19\xac`\x97\xdd\x9d\xd6\xad\xcd\xc6\xe5[s~\xfeMQ)"nz\xf5\xea\xd5\xf2\x10\x10\xbf\xc8\x13@\\"\xberyyy\xb7\xdf~\xbb\xddn\x17\x99_\x8f&lt;&gt;\xb2\xff\x8bo\xdb.\xe6bEUB\x7f.gLo\xb2\xbc\xfe\xd8\x03\xc7\x0e~+\x0e\x01\x95+V\x9b7c3\xe7\x1c\x00~3w\x0eJ\x02\xc6\xa8\xc9h\xb9d\xcb[\xf5\xc9\xbc\xcd_dz\xbc.\xf1\xfb\x18a\x88Px\x8f\xcf\x19c\x9c\x85W\xb1{\xeez\xe0\xf9\'\'\x96I.\xef\xf7{\x8aEFU\x12PJ\xac\x962oL}z\xdb\xceO\x15E\xa1\x8c\x1a\x8c\xfaE\xdb\xde\x13A.%t|\xa1\x94\x9a\xad\xa6o\xb7\xed\x1b=\xe0\r1a\xa6\x94n\xdd\xba5--Mt#K\xe2\x0f\x95\x94(\xb1\xbb\xc7\x91\xfc\x03\xe2\xd0=f\xcc\x18\x9b\xcd\xa6(*BI\xb9JU;\xf6{\xcem\xb7\xa1\xe2n\xfe\xfc\xcf\x9f\x0b\x00\xa3\xa4\xd7s\x130V(\xa3\x18+\xe7\xce\x9f\xca\\7\xd7lJ\x8aAI\xa8\xc5\x9c\xbc\xf3\xdb\xcf\x9f}\xb9k\xd6\xa7\x0b&lt;^\x17\xc6\x18c\x05cL\x19%$\x14\n\x05\xc5\x0f\xa1\x04\x00\x88 B\x08c\x84\xbf\xfd\xe1\xcb\x17_\xeb\x9dw\xf1\x9cF\xa3\x8b\xcd\x104\xc6\xa8\xc9h\xfdv\xdf\xb6\xed\xdfl,\x94~1\xde\xef\xb9\x1e)\x15\xcb\x16\x8b\xf4\xf3j`\x8c]vw\xd3\xd6\x8d[\xb4kJ\x8b.\x85\x08\x01\x82\x9c\x06\xc7)\xb2\x00\xc4\x1fB\xfa\xb9\x7f\xff\xfe\x95+W\x16i?x\xf7\xa7\xc6Z\xcb\xa5\x86H\t~\xffA\x91AP\xbd\xbb[\xb5\xea\x92!2#!\x84\xeb7/9{\xfedLIB9\xe7\x8a\xa2z\x7f\xe1\xeb\xe3\xdf~2\xf7\xc2Y\x8c1B\x881N)\xa1\x94j4\xba[o\xb9\xed\xff\xea5k\xfc\x7f-\xea\xd4\xba\xc3d\xb40F\x19g\x9c3\xca\xa8\xa2\xa8~\xff\xe3\xb7\x89\xd3\x9e!$$2\x15b\x0fHhh\xd9\xea\xd9\x8c1\x84 c\xacf\xbdj]\x07vt;=%\xbe\r\x87\x80R:hT\x86\xc1\xa4\x17\xbb\xfe"\t\xb2\x9c\x06\xc7%r\x06\x10\x7f\x88\xed\xff\xc8\x91#\x03\x81\x80J\xa5\x0e\x85\x82\xb5\xef\xbc\xa7\xe5\xc3}]\xb6K\xc5&gt;\xfb\xfd+\x10a\x9f\xdb\xd5m\xc8\xd8\xef\xbfX\xe7u91V\\n\xfbG\xcb\xa6\x8e\x1f5\xd7f/\xfe\xe1\xf3\x8d\xc2\x15\xacx\xfd^\x00\x80JQQV\xd8\xe1\xa9_\xb7I\xbb6=\xfe\xaf^\xd3\xe4\xa4\x14\xadF\x07!$$ds\xe4\x7f\xfb\xc3\xb6%\x99\xb3l\x8e|\xf1;\x18+\xc7N\xfc\xb4~\xf3\xe2\xbe\xdd\x9fs\xb8\nbj\xbcA)I\xb2\x96\xfd\xe4\xb3\xc5\x87\x8f\xee\x13\xe5\x9fs&gt;hT\x86V\xa7q\xda\x8bS\xfb\xff\xb7\x08\x97\xd0Z\xf5\xabw\xee\xdf~\xc5\xfbk\x11F\x10\xc2q\xe3\xc6\xf5\xe9\xd3\xc7j\xb5\nQr\x89&gt;\x80\xa4x\x89\xcd\r\x8e\xe4\xaa\x88mWVV\xd6\x8e\x1d;\xc4\xecWQ\xa9{=7\x81Q\x02"\xf2\xdd\x13\x99\x91eR+uybT\x91A\x10\xda\xb9g\xf3\x81C\xbbc\xc9%\x14\x05\x02\xfe\xe1OMn\xda\xb8u\x88\x84\x18\xa3\x15S\xab\xbe:r\xce\xf4\x89\x99\x0f\xb7\xeb\x9bR\xae\x12\x00\xc0\xeb\xf7x\xbc\xee`(h1%w{\xe4\x89\x99\x93W\xa7\xa6T\x06\x00 \x888g\x10\xc2\x8d[\x97;]\x05\nVb\xc7\xf1\x82s\xae(\xea\xfcK\x172?\x99\x1b\xb6\xfdi\xf1P\xb3\xa6\xad\x1b\xbb\xec\xee\xc8t\xe1\xb1\x82\x9dvW\xfa\xe0.\x15o)/\xa2\x02l6\xdb\xb8q\xe3\xa4AP&lt;"\x0b@&lt;!z,B}\x01\x00\x80\x101\xc6\x9a&gt;\xd8\xa5\xde\xdd\xf7\xdf\xbc\xed\xcf\xb5\x83\xb1\xe2s9\x1fL\x1f\x9czK\rF)B8D\x82\x0b\x97N\x89\x1dw \x08\x01\xe34\x14\n\xbc\xfc\xfc\x8c*\x95\xaa\xb7\xbe\xef\x91\xffL\xdd\xd0\xb6U\x97`0\xe0p\xdaB\xa1 \x00\x00A$\xba\xd8\x84\x92K\x97.T\xafZ\xf7\xe9\'\xc6\x8bWX,d\xb9\x17\xce\xfez\xe2\'\x8dF\xc7\xae)M9\x12PJ\xcc&amp;k\xd6\x86\x05\x7f\xe4\x9eA\x083\xc6T*e\xe0\xf0^\xe2~Vd\x80\x10\x92 )[&gt;\xb9\xd7\xd0n\xe1\x1d\xc0\xbcy\xf3\x8e\x1d;&amp;\x1bAq\x87,\x00\xf1\x84\x90~N\x9b6\xed\xf8\xf1\xe3*\x95\x8a\x90\x90\xc1\x92\x94\xfe\xccx\x9f\xc7\x15a\xbd\n\xa5D\xa33\xf4\x196)\xfcT\x87\x8f\xfe\x90\xfd\xd5\x1a\x8b9V2#!DA\x12\xd4\xeb\x8d\xd3\'f\x8ezn\x9aV\xabw:m\x10B\x8c\xf1\x15m\n\x08\xa1J\xa5v8\x0b\x9a\xdc\xd1\xf2\x96\xca5\x19g\x10!\x04\x11\x00\xe0\xe4\x99_\x14\\\xcc\xb7\xean\x18a\xfbs\xfc\xe4\xe1\r[\x96"\x84\x00\x04\x8c\xb1G\x1f\xefT\xbbA\xcd\x9bt\xfd\xbc^\xb0\x82\xed\x05\x8e\x0e=\x1f\xa8\xdf\xa4.%\x14+\x98\x10\xf2\xfc\xf3\xcf\xcbQp\xdc!\x0b@\xdc f\xbf999S\xa6LA\x08q\x0e8\xe7i=\x9f\xacP\xb5\xe6\xf5&amp;&gt;\xde&lt;\x08c\xaf\xcb\xd1\xa4u\xc7zw\xb7b\x8cB\x88 \x84\x8bV\xce\xb8d\xcbS\x14u\x8c\xac\x02\x08\xa2P(h4X\x84\xe6\xe7\x9f\xe7\x13\x9c3\xadFW\xe3\xd6\xba\x00\x00q\xe5\r\x00`\xb3]\x84\x10\xc6\xc8\xb1\x06\x00\x8e1\xfep\xd9;\xe2\xe6\x1d\xa34\xa9\xac\xb5\xc7\xa0\xce^\x8f\xeff]?o\xe4Y\x80\xa2\xc2\xfd_H\x17O\x82\x15\x9c\x9d\x9d\x1d\x0e#\x8a\xf4\xc3Hn\x14Y\x00\xe2\x061a{\xe3\x8d7\x9cN\xa7\x10\xfe\xa7\xdeR\xe3\x91\x81#&lt;\x0e\x1b\x8a\x86\x04\x9b\x03\xc0(\xeb;|\xb2\xa2RSF\x11\xc2\xb9y\xe7\xb2&gt;]`6Yc\xe4\x10\x00\x00\x80\x10RJD\xbb\xfc\x9f\xffM\x0e\x00B\xc8\xa07\x01\xf0\xe7}\x06\x1a3\xce\x10\x94R\x93\xd1\xbaw\xff\xf6\xdd\xdfg\x87]\xff\x06\x8e\xe8]\xbeR\xb9\x12\x95~^\r\x84\x91\xcb\xee\xbe\xa7\xed]\xad\x1fiA)\x13\xcd4\x11G*\xcf\x01q\x84,\x00\xf1\x81\x98\xfd\xee\xdc\xb9s\xf9\xf2\xe5\x18\x17Z\xb1\xf7\x196I\xab7RJa4n`!\x84|^W\xcd\xfaM\xda\xf5\x1e\xca\x8b2#7lY\xfak\xceO:\x9d1v\x14\xf4\xd7\xb88B\x008\xe7\x81\xa0\x1f\x80?w\xfcz\x9d\xb1\xc4\x9e\xeb\xfa\xc0\x18{}\x9e\x0f\x97O\x85\x10"\x04)\xa5\xf5\x9b\xd4\xed\xd8\xfbA\xa7\xedF\x02\xdf\x8b\x05\x84\x91\xcf\xeb\x1b4*C\xdc&gt;S\x14\xe5\xf8\xf1\xe3\xd3\xa6M\x93\x93\x808B\x16\x80\xb8\x81R:n\xdc8q\x01\x871Z\xef\xeeVMZw\xf4\xba\x1cQ\xd9\xfe\x0b\x10\xc2&gt;\x8f\xabC\xbfg-eR\x18c\x08a\x8f\xd7\xb5&lt;k\x8eV\xab\x8b\xbb%\x00BHh(/\xffw\x00\x00\x07@\x14\xb0\xf2\xe5*1F##\xaf\xfa\x07(%&amp;\xa3\xf5\x8b\xaf\xd7\x9e8y\x04!$\xe6\xae\x19/\xa4+\n\x8e\xe2^\x1bB\x18\xf0\x05\xabT\xaf\xd8u@\x07\xce9\x07\x1c"8}\xfa\xf4\xdc\xdc\\\xa9\x08\x8a\x17d\x01\x88\x03\x84\xd5\xf3\x8a\x15+v\xee\xdc\xa9(*J\t\xc6J\xdf\xe1\x93\x19\x8d\xb2&lt;EHB\xcbU\xb8\xa5\xdb\x90W8g\xc2 \xe8\xeb\xdd\x9b\xbe\xdd\xfb\xa5\xc9h\x8d#gMqq\xac\xc0v\xf1\xd4\xe9c\xa0\xd02\x9aa\x84\xabU\xad\x13"A\x14U\x8b\x0b\x91\xf8x\xe1\xe2\xb9\xc5\x993\x0b\xa5\x9f\x94\xdd\xdf\xa9\xf9\xbd\x0f\xdc\xed\xb2\xbb\xa3\xd0\xfd\xbf\x0c\x8c\xb1\xd3\xe6\xea=\xb4[\xa5\xaa\xa9\xe2\x10PPP0f\xcc\x18\x84\x90\xec\x02\xc5\x05\xb2\x00\xc4:\xe2\xda\x97\xd3\xe9\x9c0a\x82\xb8\x98\xca\x18k\xd5%\xa3z\xbdF\xfe\x18\xb0\xe1\xc4Xq;m\xf7u\xeaS\xb5NC1\xa6f\x8c-\xcb\x9aMhI9\xd2\x94\x04\x8cQ\x9d\xd6\xb0\xff\xc7]N\x97\x1d!,\xd6\xd9j\xb7\xd6\xa9Z\xa5V \xe8\x87Q}\x91\x19\xa3z\x9dq\xcd\x86\x856{&gt;\xc2\x981f0\xe9\xfb=\x9f\xee\xf7\x15\xbf\xe5\xe7u\x03\x01%To\xd4\xf7\x1f\xd6\x13\x14\xe9\xc1V\xacXq\xe0\xc0\x01\x19\x1c\x1f\x17D\xfb\x03$\xf97\xc4\xaa:e\xca\x94\x9c\x9c\x1c\x11\xf9b0[\xba\ry%\xe0\xf3\xc2\xd8\xb8\xa1J)\xd5\x19\x8c=\x9fy\x1dp\xce\xb8\x90\x84\xee\xdb\xfc\xc5J\xb3)V$\xa1\xff\n\xc6\xd8\xef\xf7\xae\xdd\xf4!\x00@\xb8\xdaq\xce\xd3\xee\x7fT\xa73Dw\x15c\x8c\xe9u\xc6_\x8e\xff\xb8n\xd3\xc7"\xf1\x911\xd6\xb9\x7f\xfb:\rj\xf8\xdc&gt;\x88\xa2_b\xb1\x82]\x0eW\xbb\xeem\x1b\xdcU\x97\x12\x8a0\n\x06\x83\xc3\x86\r\xa34.3v\x12\rY\x00b\x1a\xb1\xa5*\x9a\xad\x15j?\xba&lt;1\xaalj\xe5\xc8K?\xaf\x06\xc6\xd8\xed\xb4\xdd\xd1"\xadI\xebN\x8c\x16fF.\xce\x9cy\xe1\xe2\xb9\x982\x08\xba\x1a\x84\x10\xb3)i\xfd\x96%9\xa7\x8e\x8a=5\xe7\xac|\xb9J\x0f\xb6\xee\xe6\xf1\xb8p\xb4w\xd9\x08\xe1\x0f\x16\xbdIH\x08!\xc4(K\xad\x92\x92&gt;\xb8\x8b\xc3\x1e\xb5\xd9\xef\xdfB)\x1d&lt;\xba?V\xb0\xb8\x1b\xbck\xd7\xae\x15+VHIh\xec#\x0b@L#VO\xa1\xae\x13\x99_U\xeb4L\xeb9\xc4\xe3r\xc4\x8c\xeb\x8e\x002Jz&gt;\xfb\xba\xdeh\xe6\x8c"\x84m\xf6\xfc5\x1b\x16\xeau\x86\x18\x9f\x04PF\x8d\x06\xd3\xd1\xe3?.\xce\x9c\t!\x12Z[\xce\xf9\x80\xde#\xac\xe62\x84\x84\xa2\xe8q\xcd\x185\x1a\xcc\xbb\xf7f\x1f&lt;\xb4Gt\xd59\xe7\x8f\x8d\xe8S&amp;%\x89\x04c\xa8\xc3&amp;\x0c\x82\xee\xbc\xb7a\xfb\xf4\xb6\xe2N2Dp\xc2\x84\t\x0e\x87CJBc\x1cY\x00b\x17!\xfd\xdc\xb1cG\xf8~\r\xe7\xbc\xe73\xaf\xab\xb5\xbaXk\xad\x08\x97\xd0[\xeb\xfe\xdf\x03\xe9\x83Y\x91$t\xdd\xa6\x8f\x8f\x9d8\x14K\x06AW\xc2\x18S\xab4n\xaf\xeb\xad\x99\xc3|&gt;\x0f\x00@\xe4\xaa\xdf{\xf7\x83\xedZww\xb9\x1dQ\xf5\xb8\xe7\x08)\xfe\x80w\xfe\xe2\xc9\xe1\x07kpW\xddv\xdd\xdb\x94P\xe4\xcb\xcd\x800\xf2\xba\xbd\x03\x87\xf76\x9a\r\x94P\x05+999\xb3f\xcd\x12\x8f\x1d\xed\xa7\x93\\\x15Y\x00b\x14\xb1\x15\r\x04\x02#G\x8e\x84\x10\n\xe9g\x936\x0f\xdf\xd1\xe2A\x8f\xcb\x1ec\xdb\x7f\x00\x00@X\xf1\xd8m\x1d\xfa=\x97R\xf9V\x91NLHh\xc9\xaaY\xa2s\x1d\xed\xa7\xfb\x1b8\xe7\xc2&amp;\xfa\xcdi\xcf\xfev\xe6W\x8c0\x84\x80R\x9a\x9aRy\xf8\xd0\xb7\x82\xa1@t\xb7\xd8\x94R\xa3\xc1\xf4\xe9\x96\xa5\xe7\xce\x9f\x12\x03U\x95Z\x19&lt;\xba?\xa54\xc6rw\x00\x10z0\x7f0\xa5b\xd9~\xcf\xf7(4\x08\xc2h\xe6\xcc\x99bp\x15\xb3;\x00\x89,\x001\x8a\x98\xfdfff\xee\xdf\xbf_l\xff\x15\x95\xba\xdb\x90W8c\xb1\x16\xbc%\x80\x10\x86H09\xa5\xc2\xc3\x03G\x14y\x84\xe1o\xbe\xdb\xbaw\xffv\x93\xd1\x1ak\xdb@\xd1\x97\xd0j\xf5S\xe7\xbc\xb8\xef\xc7\x9d\x18c\xc6\x19\xe7\\\xa75\x8c{\xf1\xbd$k\xd9PT\x0b\x80\x90~\xe6\xe5\x9f_\x9e5\'\xec\xfa\xd9\xaa\xc3\xbd\x8d\x9a7\x8c\xb0\xed\xcf\xb5\x831v\xbb&lt;]2:T\xaeVQ\x04\xc7;\x1c\x8e7\xdexC\xde\t\x88eb\xf1\x93$\x11\xdb\x7f\x9b\xcd6z\xf4h\x84\x10\x00\x901\xd6\xae\xf7\xd0\xea\xb7\xdf\x19I\xd7\xcf\xeb\x05c\xc5e\xbbt\x7f\x97\xfe\xb5\xefh\xc6\x8a\x12\xa3&gt;\\&gt;\xd5\x1f\xf0\xc5\x8eQ(\x00\x80s\xce\x010\x1a,\xb3\xe7\xbd\xfa\xe5\x8e\xf5E[T\x08!\x1c3|V\xbd:M\xdc\x1egt\xc3 \x19\xa3z\xbdqq\xe6,\xb7\xc7\x890\xa6\x94\x9a\xac\xc6\'F\xf5\xf3\xb8\xbc\xd1\x15\xfe\xff\x13\x100\xc2\xb4z\xcd\x90\xb1\x03\x80h`*x\xf9\xf2\xe5\xbbv\xedR\x14%\xd6v\x00\x12A\xac~\x98\x12\x1b\xb1\xfd\x1f7n\\nn.B\x98Rb)S\xaeC\xbfg\xfd\x1ew\xcc\xa6\xd4\n8\xe0\x8a\xa2\xea2x\xb4\xb8\x10\x80\x10:q\xf2\xc8\xfa\xcd\x8b\x8d\x06s\xcc,\x01\x9csn6Y\xe6~&lt;\xf1\xd3-K1\xc2\x8c1\x08!\xe7\xec\xc5g\xdfiuo\x07\x87Sd\x00D\r\xe1\xfay\xf0\xd0\x9e\xcf\xb7\xad\x16\r4\xcey\xd7\x01\x1d\xaaT\xaf\x14\x15\xdb\x9fk\x07a\xe4vzZ\xa45m\xd4\xbc!\xa3\x0cAD)\x1d6lX \x10\x90\xd3\xe0\xd8D\x16\x80\x98C\xac\x9bEI{\x85\xd2\xcfnO\xbdZ\xaeB\x95`\xd0\x1f\xcb\xdf\x7f\x00\x00B\xd8\xed\xb45j\xf9\xd0=\xed\xba3V(\t]\x9e5\'/\xff|lHB9c\xdcbN\x9a\xbf\xf8\xad\xd5\xeb\xe7a\x84\x19g\xa2G\xf1\xfc\x90\x89\x1d\xd3\xfa\xd8\x1d\x91HU\xfbW0\xc6\x0b\x97N\xa1\x94\x88!j\xe5j\x15{\x0f\xed\xe6\xb4\x95x\xe0W\xb1\xc0(\x1b\xfa\xeac*\x95B)U\x14\xe5\xc0\x81\x03\x99\x99\x99\xd2 (6\x91\x05 \xe6\x10\xfd\x1f\x91\xb5-n~\xd5\xbe\xa3Y\x9b\xae\x03\\\x8e\x82XX\x9b\xfe\x15\x84p\xc0\xebI\x7fv\xbc\xc1\x92\xc4(A\x08\xbb=\xce\xc5\x99\xb3tZ}\xb4%\xa1\x9c1f1\'}\xb8l\xea\x8a5\xef\x8b\xbe\xbfX\xfd\x9f\x1d4\xa1[\xa7\'\xec\xf6\xe8\xaf\xfe\x94\x12\x93\xc9\xb2\xf5\xab5\x87\x8f\xfeP\x14\xf8\x0c\x86\x8c\x1d\xa03\xe8(\x8d\\\xea\xcb\r\x83\x10\xf2\xba}u\xee\xa8\xf5\xe8\xe3\x9d\x84$\x14!4z\xf4\xe8\x82\x82\x02y\x08\x88Ad\x01\x88-\x84\xf43;;;;;[\x08\xff\x11\xc2]\x06\x8f\xc6J\xac\xc4\x92\xfc+\x10\xc2@\xc0W\xa1j\xcd\xb4\x9eO\x8agF\x08}\xbem\xf5\xb1\x13\x87\xf4:c\x14\xb7\x81\x8c1\x8b\xb9\xcc\xa2\x953\x96\xac\x9a\x851f\x8c\x17\xee\xfd\x9f\x9c\xd8\xa3\xf3`\xbb\xe3R\x0c\xec\xaf9\xc6\x8a\xd7\xeb^\xba\xea]\x00\x80x\xbcF\xcd\x1b\xb6Hk\xeav\xbaq\xccv\xff\xff\x17\x84\x91\xd7\xed\xeb1\xa8sRY\xab\x98\x06\xe7\xe6\xe6\xce\x981C\x1e\x02b\x90\xf8\xf8H%\x08b\xef/\xc2\x95\x00\x80\x08aJi\xb3\xb4\xae\x8d[\xb6w;m1\xde\xfd\xbf\x1c\x84\xb1\xc7a{d\xe0\x88\xf2U\xaaQJ\xc4\x18\xe3\x83EoF\xf1\xaf@\x19\xb5\x98\xcb,]\xfd\xee\xc7+\xa6c\x849+\x8c~\x1c\xfe\xd4\xe4\xee\x8f\x0c\x8a\x8d\xd5\x1fPJ\xcd\xa6\xa4\xccus\xcf\xe7\x9e\xc6Xa\x8ca\x05?\xf5\xeac\x8c\xc6\xd3\xba)$\xa1\xe5+\x97\x1b8\xa2WX\x12:u\xea\xd4\xe3\xc7\x8f\xcb\x1a\x10k\xc8\x02\x10C\x88\xee\xbf\x88WU\x14L)\xd1\x1b\xcd\x9d\x07\x8d\n\xf8cT\xf9w5 \x80\x84\x12\x9d\xc1\xf4\xe8\x93c\x00\x00B\x12z\xf0\xd0\x9e\xdd{\xb3\x8dFs\xe4SV(\xa5Vs\x99\x15k\xde[\xb8tJ\xe1X\x05\x00\xce\xd9\x88\xa1ou\xed4\xd0f\xbf\x18\x0b\xab?\xe7\\\xa3\xd6\x9d=\x7fr\xfd\xe6%\x10B\x91\xf8\xd8&gt;\xbdm\x9d\x865\xbdn_|}\x00\xb0\x82]vwZ\xb765\xebUc\x94a\x8cE\x90\xb5\xec\x02\xc5\x1a\xf1\xf4\xa9*\xdd\x08-Jnn\xee\xb8q\xe3 \x84B\xfa\xf9@\xfa\xe0\x1a\xb7\xdf\xe9\xf7\xba\x85\x0fh\x1c\x81\xb1\xe2q\xda[&gt;\xdc\xb7\xf6\x9d\xf7\x08I(\x00`\xfe\xe2\xc9&gt;\x9f\x07\xa3\x88JB)\xa5I\x962\xab\xd7\x7f0o\xf1\xe4BQ\r\xe0\x9c\xb3\x91OO\xe9\xd2q\x80\xcd\x9e\x1f\xf5\xbe\xbf\x801\xaa\xd3\xe9?Z\xf6\x8e\xcbm\x17\xdd?\xa3\xd90pxo\x9f\xd7\x1f\xbb\xd2\xcf\xabC)\xd5\x1b\xb4\x83Fep\xceE\r\xc8\xca\xca\x12\x8d\xcd\x98\xd1\x83Id\x01\x88\x19\x84\xed\xf3\x981cl6\x9b\xa2\xa8\x08%\xe5*U\xed\xd8\xef9\xb7\xdd\x86bc\x85\xba^8\x00\x8c\x92^\xcfM\xc0X\xa1\x8cb\xac\x9c;\x7f*s\xdd\\\xb3))bK\x00\xa5\xc4j-\x93\xb5q\xe1\xfb\x1f\xbeQd\xf4\xc69\xe7#\x9f\x99\xf2H\x87\x8c\x98Z\xfdMF\xeb\xb7\xfb\xb6m\xfffc\xe1\x19\x85\xf1~\xcf\xf5H\xa9X6\xc6\xa5\x9fW\x03c\xec\xb2\xbb\x9b\xb6n\xdc\xa2]SZt)DH\x1b\xe49 v\x90\x05 &amp;\x10\xcd\x9f\xfd\xfb\xf7\xaf\\\xb9\xb2H\xfb\xc1\xbb?5\xd6Z.5D\xe2\xf2\xfb\x0f\x8a\x0c\x82\xea\xdd\xdd\xaaU\x97\x0c\x91\x19\t!\\\xbfy\xc9\xd9\xf3\'##\t\xa5\x94$Y\xcb\xae\xdf\xf4\xf1\x9c\xf9\xaf!\x848\x07\xe2\xba\xef\x8b\xcf\xbe\xf3\xc8C\xfdl\xb6\xfc\xb0\xca\xf6\x9f)\xe9\xe7\x04\x00\x00\x00\t\r-[=\x9b1\x86\x10d\x8c\xd5\xacW\xad\xeb\xc0\x8en\xa7\'\x16\xdaS7\x08\x04\x94\xd2A\xa32\x0c&amp;\xbdP7\x14\x89\x9b\xe5$ V\x90\x05 &amp;\x10\xe3\xdf\x91#G\x06\x02\x0112\xad}\xe7=-\x1f\xee\xeb\xb2E_\x98x3@\x84}nW\xb7!c\rf\x0bc\x14c\xc5\xe5\xb6\x7f\xb4l\xaaAo*iI(\xa54\xc9Z\xf6\xd3-Kg~0V\xac\xfe\x80s\x8c\x94\xd1/\xcc\xec\xd2a\x80\xd3eW\xab5\x18+\xd7\xf0S\xe2\xeb/\xa5\xc4jI\xde\xf2\xe5\xea\xc3G\xf7\x89\xf2\xcf9\x1f4*C\xab\xd3\xc4\xa6\xf3\xcf5"\\Bk\xd5\xaf\xde\xb9\x7f\xfbB\x97P\x08\xc7\x8d\x1bg\xb3\xd9ddX\x8c \x0b@\xf4\x11\x9b\xa3\xac\xac\xac\x1d;v(\x8aB)QT\xea^\xcfM`\x94D=\x8d\xf6&amp;\x11\x99\x91eR+uybT\x91A\x10\xda\xb9g\xf3\x81C\xbbK\xd4%\x941f2Z6m]9\xfd\xfd\x97\x11\x14k\r\x87\x08\r}\xec\xd56\xf7=r\xee\xfc\xa9@\xc0\xe7\xf5\xba\xfe\xf5\xc7\xe3u\xfa|\xde\x12zH\x01\xe7\\Q\xd4\xf9\x97.d~27l\xfb\xd3\xe2\xa1fM[7v\xd9\xddq\xbc\xfd\x07\x00\x00\x80\x15\xec\xb4\xbb\xd2\x07w\xa9xKy\x11\x15`\xb3\xd9\xc4\x94K\x1e\x02b\x01\xd9\x8c\x8b2\x9cs\xc6\x18\xa5\xb4~\xfd\xfa\xc7\x8f\x1fW\xa9\xd4\xa1P\xb0y\x87\xf4\x17\xdeY\xe6(\xc8\x8b\xeb\xed\x7f\x18\x08 Dpt\xcf{r\xcf\xe4(\x8a\x8a\x90P\xfd\xbaw\xcd~{\xad\xdb\xed(\ta(cL\xaf3\x1c\xfci\xcf\xa8\xd7\xfb\x89\xdf\t_G(W\xb6b \xe0\xbb\xc6\x89\xbaX\xa4*\x94\xaf\xf2\xf6k\x8b\x15E\xc5y\x89\xd8\xf0\x11\x12*\x93\\\xfe?\x1f\xbd\xb1r\xed\x7f0V8g\x18\xa3\xb9\x9b\xa6U\xab]\xd5\xe7\x893\xf1\xcf\xdfB\tM*k]\xb7\xe8\xb3\x19c\xfe\x83\x15\xcc\x19G\x08\x1d&gt;|\xf8\xb6\xdbn\x13s\xafh?`B#_\xfd(#2\xbf\xa6M\x9bv\xfc\xf8q\x95JEH\xc8`IJ\x7ff\xbc\xcf\xe3\x8a#\xe1\xff?C)\xd1\xe8\x0c}\x86M\x02E\x7f\xdf\xc3G\x7f\xc8\xfej\x8d\xc5\\"\x99\x91\x1cpE\xa5&gt;\xf7\xfbI\xce\xb9\xe8\xf2\x8b\xdfg\x8c]\xc8;gw\\\xb2\xd9/^\xcbO\x81-\xcf\xee\xc8\xbfd\xcb+\xf6\'\x0c#l\x7f\x8e\x9f&lt;\xbca\xcbR\x84\x90\x90~&gt;\xfax\xa7\xda\rj\xc6\xac\xeb\xe7\xf5\x82\x15l/pt\xe8\xf9@\xfd&amp;u)\xa1X\xc1\xe2\xa6\x8b\x1c\x05\xc7\x02\xa5\xe1\x13\x16\xbf\x88\xd9oNN\xce\x94)SD\x9f\x9as\x9e\xd6\xf3\xc9\nUk\xc6N\xe2\xe3\xcd\x830\xf6\xba\x1cMZw\xacww+\xc6(\x84\x08B\xb8h\xe5\x8cK\xb6&lt;EQ\x97\xc4*\xc09W\xab5\nV\x10\xc2\x977\xf4\x15Eu\xed?*\x95FQTZ\xb5\xb6\xd8\x1f\xef\xf2\'\xc5\x18\x7f\xb8\xec\x1d\x8f\xd7\x85\x10b\x94&amp;\x95\xb5\xf6\x18\xd4\xd9\xeb\xf1\xc5\xa3\xf4\xf3\xaap\xa0\xa8p\xff\x17\xd2\xc5\xdf\x11+8;;;\x1cs\x14\xed\x87KhJ\xd1\x87,\x0e\x11\xb3\xdf7\xdex\xc3\xe9tb\xac\x10\x12J\xbd\xa5\xc6#\x03Gx\x1c6\x14\xe7\xcd\xdf+\xe0\x000\xca\xfa\x0e\x9f\xac\xa8\xd4\x94Q\x84pn\xde\xb9\xacO\x17\x98M\xd6\x928\x04@\x08\x03\x01?\xa1$\x14\nPJ\xc2?\x84\x84\xae\xfd\'\x14\n\x10\x12\xb2;\x0b\x8a\xfd\xf1\x04\x94R\x93\xd1\xbaw\xff\xf6\xdd\xdfg\x87\xf5H\x03G\xf4._\xa9\\\x9cJ?\xaf\x06\xc2\xc8ew\xdf\xd3\xf6\xae\xd6\x8f\xb4\xa0\x94\tI\xa8\x08:\x95\xe7\x80\xe8"_\xfd\xa8!f\xbf;w\xeel\xd3\xa6\x8dx#\x18\xa3#fd\xde\xd5\xe6a\x8f\xd3^\xca\n\x00\x00\x80RbI*\xb7x\xea\xa8\xcf\x96\xbc+\x9a\xdd:\xada\xf6\xdb\xeb*W\xac\x1e\x0c^k_\xfeZ\xe0\x9ck4\xda_O\x1c\xda\xf3\xc3\x97\x10"\xceop\xd8\x08\x01\xe4\x80\x9b\x8c\xd6Ni\xbd/o%\x15#\x10\xa2\x17^\xe9\x96s\xeag\x8c1!\xa4~\x93\xba\xb3\xb2&amp;\x05\xbc\x01\x88J\xcf\xea/\xe0\x9c\xab\xd4\xca\xa5&lt;\xfb\x93\x1d\x86\xbb\x1d\x1eEQB\xa1\xd0\xa4I\x93^y\xe5\x15\xf1E\x88\xf6\x03&amp;(\xb2\x00D\rq\xf8m\xd3\xa6\xcd\xce\x9d;\xc5\xec\xb7\xde\xdd\xad\xc6\xce\xdb\xe4s\xbb`\xa9h\xfe^\x01\xe7\\QTn\xa7\xed\x95\xde\xcd\x9d\x05\xf9\x18cBBm\xee{d\xfc\xcb\x1f\xd8\x8b\xfbB\x96h\x01\xe9\xb4z\xceo\\H%\xfe\xbf\x8c1\xb7\xc7Y\x8c\xcf&amp;\xa0\x94X-e?\xf9\xec\xe3Y\x1f\x8c\xc5\x18s\xc0\x01\x07o-\x1e\xd7\xf4\xfeFn\x87\xa7T\xf5\x7f\x8a\xa0\x84&amp;\x95\xb3\xce\x7fk\xf1\x92wW+*\x85R\x9adM:r\xe4HJJ\n\x00\xa0t\x0c&lt;\xe2\x0eY\x00\xa2\x03!DQ\x94\xa5K\x97\xf6\xef\xdf_QT\xa23&gt;q\xd9\x8e[j\xd5\xf7\xfb&lt;\xa5\xf5\xcb \x0e\x01\x9f\xaf\x9c\xfb\xd1\xe4a\x08c\xc0\x01\x00|\xf2\xab\x8b\xeent\xbf\xdbS\xcc\x8a q\xa2*\x86\xff\x10\x84\xb8\xb8\xa7\xf1\xa2\x16\xba\xdc\xf6!#:\x08\x1f:BH\x9bG\xee\x9b0o\xb4=\xdf\x1ek\x81\xef\xc5\x06\x17\x8208\xa8\xdd\x0b\xbf\x9f\xceU\xa9U\xa1`h\xe0\xc0\x81\x1f\x7f\xfc\xb1&lt;\x04D\x8b\xd2\xb9\xd0\xc48B\xfd\xe6t:\'L\x98 Z\x1f\x8c\xb1V]2\xaa\xd7k\xe4\xf7\xc6n\xe2\xe3\xcd\x83\xb1\xe2v\xda\xee\xeb\xd4\xa7j\x9d\x86b\x00\xce\x18[\x965\x9bPR\xec-o\x08\xe1\xb5\xdd\xf3\xfa\xb7\x9f\x12\x11\xaaR\xbd\xce\xb8f\xc3B\x9b=\x1fa\xcc\x183\x98\xf4\xfd\x9eO\xf7\xfb\xfc\xa5\xf8\xdd\x07\x10PB\xf5F}\xffa=A\x91\x1el\xc5\x8a\x15\x07\x0e\x1c\x90\xc1\xf1\xd1\xa2\xf4~\xdab\x18\xb1\xf6M\x992%\'\'GD\xbe\x18\xcc\x96nC^\t\xf8\xbc\xb0\xb4H?\xaf\x06\xa5Tg0\xf6|\xe6u\xc09\xe3B\x12\xbao\xf3\x17+\xcd\xa6\x12\x91\x84\xc6 \x8c1\xbd\xce\xf8\xcb\xf1\x1f\xd7m\xfaX\x98\xd31\xc6:\xf7o_\xa7A\r\x9f\xdbW\xfa\xba\xff\x97\x83\x15\xecr\xb8\xdauo\xdb\xe0\xae\xba\x94P\x84Q0\x18\x1c6l\x18\xa5T\xb6"\xa2\x82,\x00\x91Fl|\x8e\x1f?&gt;m\xda\xb4\xb0\xf6\xa3\xcb\x13\xa3\xca\xa6V.M\xd2\xcf\xab\x811v;mw\xb4Hk\xd2\xba\x13\xa3\x85\x99\x91\x8b3g^\xb8x.62##\x01B\xf8\x83Eo\x12\x12B\x081\xcaR\xab\xa4\xa4\x0f\xee\xe2\xb0\xbbJm\xf3\xe7\x7f\xa1\x94\x0e\x1e\xdd\x1f+X\xdc\r\xde\xb5k\xd7\x8a\x15+\xa4$4*\xc8\x02\x10i\xc4\x1a\'4p\xc2\xf5\xb7j\x9d\x86i=\x87x\\\x8e\xd2q\xef\xf7\x1a\x80\x8c\x92\x9e\xcf\xbe\xae7\x9a9\xa3\x08a\x9b=\x7f\xcd\x86\x85z\x9d!\xda\x99\x91%\x0ec\xd4h0\xef\xde\x9b}\xf0\xd0\x1e\xe1\x87\xc39\x7flD\x9f2)I$X\xfc}\xb0\x18D\x18\x04\xddyo\xc3\xf6\xe9m\x0b\r\x82\x10\x9c0a\x82\xc3\xe1\x90\x92\xd0\xc8#\x0b@D\x11\xc3\xae\x1d;v\x84o\xc1p\xce{&gt;\xf3\xbaZ\xabK\x90\x06\x08(r\t\xbd\xb5\xee\xff=\x90&gt;Xt~\x11B\xeb6}|\xec\xc4\xa1\x125\x08\x8a\x018B\x8a?\xe0\x9d\xbfx2\x00@\x04\xbe7\xb8\xabn\xbb\xeem\x1c\x05\xce\x04\xd9\xfe\x83\xc2\xccH\xef\xc0\xe1\xbd\x8df\x03%T\xc1JNN\xce\xacY\xb3\xc4\x0b\x12\xed\xa7K,d\x01\x88\x1c\xe2\xdaW \x10\x189r$\x84\x10!\xc4\x18m\xd2\xe6\xe1;Z&lt;\xe8q\xd9\x13f\xfb\x0f\x00\x00\x08+\x1e\xbb\xadC\xbf\xe7R*\xdf*r\x8f\t\t-Y5K\xf4\xc4\xa3\xfdt%\x05\xa5\xd4h0}\xbae\xe9\xb9\xf3\xa7\xc4\xd8S\xa5V\x06\x8f\xee\x1f\xd7\x96\x9f7\x80\xc8\x8cL\xa9X\xb6\xdf\xf3=\xc2\x99\x913g\xce\x14#\xb1R\xbd\x03\x889d\x01\x88\x1cb\xf6\x9b\x99\x99\xb9\x7f\xff~\xb1\xfdWT\xeanC^\xe1\xacD\\\xc6b\x19\x08a\x88\x04\x93S*&lt;&lt;pD\x91K(\xfe\xe6\xbb\xad{\xf7o7\x19\xad\xa5r\x1b\xc89W\xab\xb5y\xf9\xe7\x97g\xcd\t\xbb~\xb6\xeapo\xa3\xe6\rK\x8d\xed\xcf\xb5\x831v\xbb&lt;]2:T\xaeVQ\x04\xc7;\x1c\x8e7\xdexC\xba\x84F\x98\xc4\xfa\xd8E\x11\xb1\xfd\xb7\xd9l\xa3G\x8fF\x08\x89\xc4\xc7v\xbd\x87V\xbf\xfdN\xaf\xa74K?\xaf\x06\xc6\x8a\xcbv\xe9\xfe.\xfdk\xdf\xd1\x8c\x15%F}\xb8|\xaa?\xe0\xc38\xa2\x99\x91\x91\x811\xaa\xd7\x1b\x17g\xcer{\x9c\x08cJ\xa9\xc9j|bT?\x8f\xcb\x1b\xddk_\xc2\x8f\x96\xd1\xcb~\x18\xe3\x8c\x97\xec;\x00\x01#L\xab\xd7\x0c\x19;\x00\x88\xd6\xa8\x82\x97/_\xbek\xd7.EQJ\xe5\x0e 6I\xb8u\'Z\x88\xed\xff\xb8q\xe3rssE\xe4\x8b\xa5L\xb9\x0e\xfd\x9e\xf5{\xdc\xd1r\xfd\x14W\xa58c\x85?7j\x99p\xe3\x0f\x00\xb8\xa2\xa8\xba\x0c\x1e-.\x04 \x84N\x9c&lt;\xb2~\xf3b\xa3\xc1\\\xca\x96\x00\xe1\xfay\xf0\xd0\x9e\xcf\xb7\xad.\xcc%\xe6\xbc\xeb\x80\x0eU\xaaW\x8a\x8a\xed\x0f\xe7\x80QF)\x03\x10\xa8\xd4*\xbdQg\xb4\x18LV\xa3\xc9j4Z\x0c\x06\xa3^\xa3SC\\\xb2O\x850r;=-\xd2\x9a6j\xde\x90Q\x86 \xa2\x94\x0e\x1b6,\x10\x08\xc8ip\xc4\x90/t$\x10\x81\xef\xbf\xfe\xfak\xfd\xfa\xf5\x19\xe3\x10BJ\xc9\xe3c\xdf}\xa8\xd7\x10\x87-:\xb1\xb4\x8cR\x95F\xa3\xd6\xe8\xc2\xc2\x1bFi(\xe8\x8fp3\x8aRbN*;{T\xff\xdd[VcE\xc5(1\xe8M\x1f\xcd\xf9\xd2d\xb4\x12\x12*5\xaa\x18\xc6\x98\xd1h~~t\xb7\xc3G\x7fP\x14\x85PR\xf9\xd6\x8a\x0b\xb6\xcc\xe4\x9c\x8b\xfb\xb1\x91\x84R\xaa(\x8a\xce\xa0\x83\x10\xb8\x9d\x9e\x82\x8b\xb6\x82&lt;\x9b\xcb\xe1\t\xf8\x83\x00p\xb5F\xad3\xe8\xace\xcc\xe5R\xcb\xa85%\xe2\xd5\x1a\x861\xa6\xd3kO\xfer\xfa\xe9G^\x12&amp;q\x84\x90E\x8b\x16\r\x180@\xde\r\x8e\x0c\xb2\x00D\x02\xf1in\xd7\xae]vv\xb6\xb0\xfd\xa9}G\xb3q\x0b?\x0f\xf8\xbd\xc5h\x82v\x1d\xcfC\x88\xd1\x92t)\xf7\\\xe6\xec\xd7.]\xf8\x1d!\xcc\x18\xa9Q\xef\xae^\xcfO\x08\xf8=\x91|$\xce\xb9J\xa5\xb6\xe5\xe7\xbe\xd2\xa7\x85\xd7i\x17g\xa3\x8ei}^z\xf6\x1d\x87\xb3\xa0t\x0c\xc6)%fs\xd2\xe7\xdb\xb2\xa6\xbc;\x02c,Z.\x13\x17\x8e\xb9\xaf\xdd=.\x87\x1bG\xb0\xff#\x8eYF\xb3\xc1Q\xe0\xfca\xd7\x8f\xdfm\xdbw\xec\xbf\xc7/\xfc\x9e\xef\xf7\xf9\xaf\xf87\x15Ei\xd5\xe9\xdeW\xdf\x1d\xe1q\x97\x</t>
        </is>
      </c>
    </row>
    <row r="479">
      <c r="A479" s="1" t="n">
        <v>477</v>
      </c>
      <c r="B479" t="inlineStr">
        <is>
          <t>rectangle_height_color</t>
        </is>
      </c>
      <c r="C479" t="inlineStr">
        <is>
          <t>What is the missing color of the part denoted with a question mark?</t>
        </is>
      </c>
      <c r="D479" t="inlineStr">
        <is>
          <t>['blue', 'green', 'red', 'orange']</t>
        </is>
      </c>
      <c r="E479" t="inlineStr">
        <is>
          <t>red</t>
        </is>
      </c>
      <c r="F479" t="inlineStr">
        <is>
          <t>There are 7 rectangles in the image with varying colors and lengths. The lengths from left to right are ['long', 'medium', 'medium', 'long', 'short', 'short', 'short']. The colors from left to right are ['blue', 'purple', 'purple', 'blue', 'red', 'red', '?'].</t>
        </is>
      </c>
      <c r="G479" t="inlineStr">
        <is>
          <t>We observe that the purple rectangles are of medium length and the blue rectangles are of long length. Hence, the pattern is that the color of each rectangle corresponds to its length.</t>
        </is>
      </c>
      <c r="H479" t="inlineStr">
        <is>
          <t>Based on the pattern that the color of each rectangle corresponds to its length, the missing color of the part denoted with a question mark should be red.</t>
        </is>
      </c>
      <c r="I479" t="inlineStr">
        <is>
          <t>b'\x89PNG\r\n\x1a\n\x00\x00\x00\rIHDR\x00\x00\x02\x00\x00\x00\x02\x00\x08\x02\x00\x00\x00{\x1aC\xad\x00\x00=\xa1IDATx\x9c\xed\xdd{xT\xd5\xbd7\xf0\xdfZ{\xcfdf\x92If\x08I\xb8\xa3\x10\xae\x82`\xb8\tAD\x11\xc1Z\x85ZDT\xf0\xf4\xa0\xa0\xb5hc}\xed\xe5&lt;\xbeE\xf4\xd4\x16\xc1\xd3\xd6\xb6\xaf\x14\xc4\x14\xacH\x8fXk\xb5\x95\x90X\xb9\xd4\x02\x01\x14\x10\x92 \xc8\x9d\x90{2\x93\xc9\\\xf7^\xeb\xfdc+\xa5Z!\x97\x99\xccL\xf6\xf7\xf3&lt;&gt;O\x98\x84\x99\x1ff\xed\xf5]{\xed\xb5\xd7fRJ\x02\x00\x00\xf3\xe1\xf1.\x00\x00\x00\xe2\x03\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94\x1a\xef\x02ZEJ\xd9\x8e\xbf\xc5\x18\x8bz%\x90\x8c\xd0~\x00\xfe\xad\x04\r\x00)\xa5\x10BJ\xc9\x18c\x8cq\xde\x9e3\x95\xa8\xbc\t$#\xb4\x1f\x80\xd6`\xed\x1b\x1c\xc5\x88q\xc8\x11\x91\xa2(\x17\xbf\xee\xf1x\x84\x10\x8c\xb5\xb6Zc\xec\xe6r\xb9.~\xd18\x989\xe7\x18\xd9uUh?\x00m\x92(\x01 \xa5\xd4u]U?;#inn.--\xdd\xb5k\xf7\x87\x1f}\xd8P\xdfPV^\xaei\x1ac\xd4\xcab\x19cDr\xe0\xc0\\\xb7\xdb5n\xec\xd8\xbc\xbc\xbc\xf1\xe3\xc7\xf7\xee\xdd\xdb\xf8\xae\xa6i\x9cs\x0c\xe8\xba\x12\xb4\x1f\x80vH\x88\x00\xd0u\xdd\x18\xb2\x85\xc3\xe1\xcd\x9b7\xaf[\xbf~\xcf\x9e\xbdgN\x9f\x8a\xe2Gd\xb8\xdc\xe3\xc6\x8e\x9d;w\xee\xacY\xb7ggg\x13\x91\xa6i\x8a\xa2`4\xd7\x05\xa0\xfd\x00\xb4O\x9c\x03\xc0\xf8t\xc6\x98\xc7\xe3Y\xb3f\xcd\xfaW^\xf9\xf8\xe0\xc1\x0b\xdf\xb5\xa5:\xd3\xb3z\xa7\xba\xb2\xdd\xbd\x06\xda\x9cn!4F\xad;\xde\x18\x13Z\xa4\xf6dY\xd0\xd7\xe4\xa9:\xd9\xe2m\xbc\xf0\x9d\x1e={\xce\xbf\xf7\xde\x07\x1ex`\xc8\x90!D$\x84\xc0P.y\xa1\xfd\x00tD&lt;\x03\xe0\xc2\xc0\xad\xb0\xb0p\xf9s\xcf\x1d\xa9\xa80^we\xf7\xe9;2\xff\xca1\xd3\xb2\xae\xb8*\xad[\xb6\xd5\x9e\xc6\xb8\xc2\xb9"IR+\x0f`"\x92R\xe8\x11-\x1c\xf27\xd5\xd6\x9d\xf9\xe4\xf4\x81\x1d\xa7\xf6o\xad9\xf5\xd9G\xb8\xdd\xdd\x1e}\xf4\x91\xc7\x1e{,##C\xd3\xb4\x0bS\x07\x90D\xd0~\x00:(n\x01`\x1c\xbd\x95\x95\x95\x0b\x17.,**2^\xcc\xea?4\xef\xeb\x0f\x0c\xba\xf6\x16\x87+\x8b\xa4\xd4\xc2A]\x8bH!$\xc9\xd6N\xdf^\x841\xce\x18\xe3\xaaE\xb5\xda\xb8\xa2\x84Z\x9a\xcf\x1c\xde\xb9\xef\xcf\xabO\xed\xdff\xbc\xd7\x90!C\xd6\xae]\x9b\x9f\x9fo\\!\xc4\xe9|\x12A\xfb\x01\xe8\xb8\xf8\x04\x801h***Z\xb8paee%\x11e\xf6\x1e8v\xf6\xc3C\xaf\x9b\x95\x92\x9a\x11\xf67\xebZ\x841"\x16\x85\x15\x17RJ\x92BJ\xc9\x15\xd5jO\x95B\x9c\xdc\xbf\xad\xf4\xcd\xdf\x9c&gt;\xf8\x01\x11Y\xad)\xcb\x97\xff\xac\xa0\xa0\x00\xc7p\x12A\xfb\x01\x88\x8a8\x04\x80q\xf4\xaeY\xb3f\xf1\xe2\xc5D\xc4\x88F\xdd\xf2\xad\xc9\xf7~?\xd5\x95\x1d\xf45\t]\xe3\x8a\xd2\x86S\xf5\xb6\x90B\'b)\xa9\xe9B\xe8\x1f\xbd\xb3\xf6\x83\xd7\x9e\x0b\xf9}D\xb4h\xd1\xa2\xd5\xabW\xeb\xba\x8eE~\x89\x0f\xed\x07 Z:;\x00\x8c3\xf7\x0bG\xaf\xdd\xe9\xbaq\xd1\xb3#\xa6\xdd\x15\xf2yt-\xcc\x95\xce\x98K\x15Bg\xc4\x1c\x19\xdd\xcfU\x94\x16\xfd\xea{5\'\xcb\xe8\xf3c\x18\xe3\xb8\x04\x87\xf6\x03\x10E\x9d\x1a\x00\x17\x1f\xbd\x8c\xc8\xe1\xce\x9e\xf5\x83\x97\xfa]}]KC\x15WT\xea\xdc\xc3Fh\x11\x9b\xd3\xed\xf7\xd4\xfd\xf1\xbf\xef\xab\xfa\xe4Cy\xd18\xee\x0b\xb7\x11A\x82@\xfb\x01\x88\xae\xce\x0b\x00\xe3\xc0())\x99&gt;}:\x11\xd9\xd3\xbb\xdd\xfb\xdc_\xdc=\xaf\x0867q\xd5\xd295|\x81\xd05\xd5jc\x9c\xbf\xbe\xf4\xae3\x87v\x12\xd1SO=\xb5t\xe9R\xac\xebH@h?\x00Q\xd7I\x01`,\x97\xae\xae\xae\x1e5jTMMMJj\xfa\x1dO\xbe\xd2{\xd8\xf8\xa0\xaf\xa9sN\xdb\xbf\x8a\x14\xbab\xb1\x85\xfd\xdeM\xcb\xee\xae9~\x88\x18+**\x9a&gt;}:\xc6q\t\x05\xed\x07 \x16:\xe9\x1e\x16\xe3N\xfd\x05\x0b\x16TWW\x13\xd1\xb4E?\xe97\xea\xba`sc|\x8f^"b\\\xd1\xc3\x01{F\xf7\xaf?\xfebJ\x9aKJ\xb9`\xc1\x82\xaa\xaa*\xc6\x98\xb1\xab\x0c$\x02\xb4\x1f\x80X\xe8\x8c\x000FC\x1b6l(..&amp;\xa2\x917\xdd3r\xfa=-\xf5U\xf1:s\xff\x02\xa6\xa8!_S\xf7\xfe\xc3n\xbc\xffi"\xaa\xae\xae\xfe\xd1\x8f~\xc49O\x84M2\x80\xd0~\x00b&amp;\xe6S@RJ)eSS\xd3\x84\t\x13&gt;=~\xdc\x95\xd3o\xfe\x8aw\x15K\x8a\x14z\'_\xb5\xbb4\xa1\xeb\xf6t\xf7\x9f\x9e\xfd\xd6\xd1\x9d\x7f\xb5\xa6\xa4\xec\xd8\xb1c\xec\xd8\xb1\xc6\xee\x8f\xf1.\xcd\xd4\xd0~\x00b\'\xe6\xad\xd3X\x1c]XXx\xec\xd81)\xc4\xb8\xd9\x0f;\xdc\xd9\xba\x16N\xa8\xa3\x97\x88\x18cz$&lt;\xf1\xae\xef)\xd6\x94P(\xb4t\xe9\xd2\xd6\xef\x1e\x0c\xb1\x83\xf6\x03\x10;\xb1\r\x00)\xa5\xa2(\x81@\xe0\xe5\xc2B\xc6Xf\xef\x81\xc3\xae\xbf#\x11\xa6n\xbf\x8cq\x1e\x0e\xf8rrG\r\x9e\xf8u"\xda\xb6}{yy\xb9\xa2(\x98\xc9\x8d#\xb4\x1f\x80\x98\x8am\x00\x18\xf7\xc5\x94\x94\x94\x94\x1d&gt;,\xa5\x1c3\xeb\xa1\x94\xb4\x0c\xa1k1\xfd\xd0vc\x8c\xeb\xe1\xd0\xd8\xd9\x0fYm\x0e\x7fK\xcbK/\xbdDD8\x80\xe3\x08\xed\x07 \xa6:c\x82\xb2\xb0\xf0w\x8c\xb1\xf4\xcc\x1e\x83\'~-\xeco\xe6&lt;A\x97\xc71\xce\xc3\x81\x96\x1e\xb9\xa3\xfa^5\x911\xf6\xbf\xafo\xf2\xfb\xfd\xaa\xaa\xe2D&gt;\xbe\xd0~\x00b$\x86\x01`\x9c\xbf{&lt;\x9e\xd2=\xa5R\xca~W_\xe7pe\xe9\x91H\xa2\xcd\xde\xfe+I\xc4\x06N\x98!\xa5&lt;_y\xee\xc0\x81\x03\x84A\\\x9c\xa0\xfd\x00\xc4Z\x0c\x03\xc0h\xf7{\xf7\xee=w\xf6,\x11]9f\x1a\xc9\xc4&gt;x\x898W\xb4P\xa0\xdf\xc8\xc96\x87S\xd7\xf5w\xdf}\x97&gt;\x7f\xea\x08t2\xb4\x1f\x80X\x8b\xed\x19\x00\x11\x95\x96\x96\x12Q\x8a=5\xfb\xca\xab\xb4H\x90\xb1\xc4^\x15\xc7\x98\x1e\t9\xb3z\xbb{]AD{\xf6\xec%"\xac\xe4\x8b\x0b\xb4\x1f\x80X\x8ba\xd34\xf6D\xdc\xbbw\x1f\x11ed\xf7M\xcb\xec\x99\xf0\xe7\xefDDB\x08K\x8a\xbd{\xff\xe1DTV^\xee\xf3\xf9pSO\\\xa0\xfd\x00\xc4Zl\x03@JY[[KD\x8e\x8cL\xab=U\n=v\x1f\x17=\x92q%-\xb3\'\x11555\x05\x02\x81x\xd7cRh?\x00\xb1\x16\xab\x000\xee\x81\xf4x&lt;G&gt;\xf9\x84\x88\xba\xf5\x19\xccxr,\x87`\x8c\t]\xcb\xec3\x88\x88|\xcd\xde\xf2\xf2r\xc2u\xbcN\x87\xf6\x03\xd0\tb~#X$\x12!"\x9b\xd3\xcd8\'J\x82\x03\x98\x88HJ\x9b\xb3\x1b\x11\t!4-AW\x9d\x9b\x01\xda\x0f@L\xc5\xfc\xf2\x941\x93+E\x92\x1d\x06\x17\n\xc6\xd3\x9d\xe2\x0b\xed\x07 v:m}B\xd2\x1d\x06IWp\xd7\x96t\xbf\x8e\xa4+\x18\xcc\x08\x0b\xd4\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j\xbc\x0b0\x05)e;\xfe\x16c,\xea\x95\xb4O\xb2\xd7\x0f\x00\xff\x16\x02 &amp;\xa4\x94B\x08)%c\x8c1\xc6y{\xce\xb4\xa2\xf2&amp;\xed\x93\xec\xf5\x03@k \x00\xa2\xc9\xe8\xf2\x88HQ\x14EQ.\xbc\xee\xf1x\x84\x10\x8c\xb1V\x0e\xa5\x8d\xb1\xb3\xcb\xe5\xba\xf8M\x8c\xce\x94s\x1e\xbb\x91u\xb2\xd7\x0f\x00m\x82\x00\x88\x0e)\xa5\xae\xeb\xaa\xaa\x1a]^sssii\xe9\xae]\xbb&gt;\xfa\xf0\xa3\xfa\x86\x86\xf2\xb2rM\xd7\xda\xfa\x9e\xb9\x03\x07\xba\xdc\xeeq\xe3\xc6\xe6\xe5\xe5\x8d\x1f?\xbew\xef\xde\xc6\xeb\x9a\xa6q\xce\xa3;\xa0N\xf6\xfa\x01\xa0\x1d\x10\x00Q\xa0\xeb\xba\xa2(\xaa\xaa\x86\xc3\xe1\xcd\x9b7\xaf_\xb7~\xcf\xde\xbd\xa7O\x9f\xea\xe0\xdb\xd6\xd7\xd7\x11QQ\xd1f"r\xb9\xdcc\xc7\x8e\x99;\xf7\xaeY\xb3n\xcf\xce\xce&amp;"M\xd3\x14E\x89\xcah:\xd9\xeb\x07\x80\xf6A\x00t\x881%\xa2(\x8a\xc7\xe3Y\xb3f\xcd\xfa\xf5\xaf|\xfc\xf1\xc1\x0b\xdfu\xd8\xd3\xdc\x19=\xd2\xd3\xbagg\xf6Kud\x08\xa1\x13\xb5\xa6\xbf\x93\x8c1]\xd7\xceU\x1f\xf5\x07\xbcu\x8dg\x9b}MMM\x8d%%%%%%K\x7f\xfc\xe3{\xe7\xdf\xfb\xc0\x03\x0f\x0c\x192\x84\x88\x84\x10\x1d\x19J\'{\xfd\x00\xd0\x11\x08\x80\xf63\x06\xceDTXX\xb8|\xf9sG\x8eT\x18\xafg\xba{\x0e\xber\xdcU\x83\xf2{\xf7\x18\x9c\xe1\xec\x9ebup\xaep\xce\xa9-Ki$I]\xd74-\xecm\xa9\xaf\xaa9Qq|w\xc5\xa7\xbb\xceU\x1d;_u~\xe5\xca\x95k\xd7\xbe\xfc\xe8\xa3\x8f&lt;\xf6\xd8c\x19\x19\x19\x9a\xa6\xa9j{~\x8f\xc9^?\x00t\x10\x0e\xbcv2z\xcf\xca\xca\xca\x85\x0b\x17\x16\x15\x15\x19/\xf6\xce\xc9\xbd\xfe\xday\xa3\x87\xdd\xe0L\xeb&amp;%iZH\xd3#\x81\x90\x8f\xda\xb5\x8c\x92\x18\xe3\x8c\xa5\xa7ff\x0e\xee9r\xe8\x94@\xd0w\xec\xe4\x87\x7f\xdb\xf9j\xc5\xa7\xbb\x1a\x1b\x1b\x96-[\xb6q\xe3\xc6\xb5k\xd7\xe6\xe7\xe7\x1bWh\xdb4\x9d\x92\xec\xf5\x03@\xc7!\x00\xda\xc3\x18\xb4\x16\x15\x15-\\\xb8\xb0\xb2\xb2\x92\x88r\xba\xf7\xbf)\xff\xbe1#o\xb6\xdb\x9c\xc1PK\x8b\xdfC\x9fu\x80\x8c3\xde\xaa\x89\x93\xaf\xfa,=\x12\xd1\xc3$%\xe7\xca\xf0\xc1\x93\x86\xe5^[~lW\xc9\x07\xeb\x8f\x1c\xdfs\xe4\xc8\x91\x1bo\xbcq\xf9\xf2\xe5\x05\x05\x05\xc6\xea\x9dV\xf6\xa1\xc9^?\x00D\x05\x02\xa0\xcd\x8c\xdes\xcd\x9a5\x8b\x17/&amp;"b4e\xdc\x9d_\x9f\xf6\xed\xf4\xb4L\x7f\xc0\xdb\xe2o\xe2\x9cs\xae\\\xeemZ\x8b1\xc6\x88\x19]p \xe0c\x8c\xae\x1a\x9c?,\xf7\xda\xad\xbb6\xfe\xe5\xfdU\x81`\xcbc\x8f=VVV\xb6z\xf5j]\xd7[\xb3\xc82\xd9\xeb\x07\x80hA\x00\xb4\x8d\xb1V\xf2B\xef\x99\xeaH\xbf\xf3k?\x98x\xcdm\xfe`ssK\x83\xc2\xd5(v\x9d_f\\/\xf5\x07\xbc\x8c\xb1\x9b\xaf\xfb\xd6\xc0\xfe\xd7\xfc\xfeO\xcb\xceU\x1d]\xb3f\r\x11\xad^\xbd\xfa\xb2\xe3\xe8d\xaf\x1f\x00\xa2\x08\x0b0\xda\xc0\x9877zO\xc6(=-\xf3\xa1{~&gt;i\xcc,\xaf\xaf^\x08]\xe1\x9d\x94\xa6\x9c+\x8cqOs]\xff\xde\xc3\x1e\xfd\x8f\xffwE\x9f\x11\x8c\x91Q\x15\xe7\xdc\xe8C\xbbd\xfd\x00\x10]\x08\x80\xd62z\xcf\x92\x92\x92\xcf\xc6\xcev\xd7\xf7\x1eX;\xa0\xdfh\x8f\xb7VQ\xd4\xce\x1f\xb4*\x8a\xea\x0f4\xa7\xa4\xa4~\xef\x81\xb5\xb9\xfd\xc7\x10\xd1\x9a5k\x96-[\xa6(\x8a\xa6\xfd\x9b\x9b\xb6\x92\xbd~\x00\x88:\x04@\xab\x08!\x14E\xa9\xae\xae\x9e?\x7f&gt;c\xccaO\x7f\xf0\x9e\xff\xc9\xea\xd6\xd7\x1f\xf4*J\xdc\xa6\xd18W4-"\xa5\xb8\xff\xae\x9f\xf5\xed9\x84\x18-[\xb6\xac\xb8\xb8XUU]\xd7\xbbR\xfd\x00\x10\x0b\x08\x80\xd6\xd2u}\xc1\x82\x05\xd5\xd5\xd5D4\xf7\xd6\xef\x0f\x198\xde\x1f\xf0v\xda\xb4\xc9W\xe1\x9cG"!gj\xb7\xff\xbc\xf3Y\x87-]J\xb9`\xc1\x82\xaa\xaa*\xc6\xd8\xc5s)\xc6N\x0f\xc9U\x7f|\x0b\x030\x03\x04@\xabX,\x96\r\x1b6\x14\x17\x17\x13\xd1\xa4\xbc\xd9\x13\xf3fy\x9ak\xe38v\xbe\x18\xe7\x8a?\xe0\xed\x95\x93;\xe7\x96\xc7\x89\xa8\xba\xba\xfaG?\xfa\x11\xe7\xfc\xc2\xc6m\xc6\xe4Or\xd5\x7f\xf1.r\x00\x10#\x08\x80\xcb0\xba\xd1\xfa\xfa\xfa\xa7\x9f~\x9as\x9e\xd5\xad\xcf\xec\x9b\x1f\xf1\x07\xbc\x9c%P\x0f\xa5(\xaa\xaf\xa5qb\xde\xed\xa3\x87\xdfHD\xaf\xbd\xf6\xda\x9e={\x8c\x0b\xaa\xc6n\xcc\r\r\r\xc9U\x7fii\xe9\x85\xadI\x01 F\x10\x00\x97a\\\x90\\\xbbv\xed\xb1c\xc7\x84\x107M\xbe/=\xad\xbb\xa6G\x12n\x8e\x821M\x8f|m\xea"\x8b%%\x14\n-]\xba\xd4\xd8\xbd\xd9X\\_XX\x98\xa4\xf5\xc7\xbb,\x80\xae\x0c\x01p\x19\x16\x8bE\x08QXX\xc8\x18\xcb\xc9\xbab\xdc\xd5\xb7\xb4\x04&lt;J,\x17\xcb\xb7\x0fg&lt;\x14\xf2\xf7\xeb5\xec\x9a\xe17\x12\xd1\xb6m\xdb\xcb\xcb\xcb\x15E\xe1\x9c\x07\x02\x81\x97_N\xb2\xfa\xb7o\xdf~\xf4\xe8\xd1\xb4\xb44\x9c\x04\x00\xc4\x0e\x02\xe02\xd2\xd3\xd3w\xec\xd8QQQ!\xa5\x9c6\xf1^\x87-]\x88\x04]\xa0\xc2\x18\x8bh\xe1i\x93\xe6\xa7X\xed~\x7f\xcbK/\xbdDD\x9c\xf3\x92\x92\x92\xb2\xb2\xc3\xc9V\xbf\xff\xa5\x97\xd6\xdal6\x04\x00@\xec \x00.\x831f\x0c\xff]\x19\xd9\xa3\x86\xdf\x10\x08\xf9\x18K\xd0\xffi\x8c\xf1P\xd8\xdf\xb7\xf7\xf0AW\x8ea\x8c\xbd\xfe\xfa&amp;\x9f\xcfGD\xc6\xf0?\t\xeb\x7f\xbd\xba\xba:%%%\xdeu\x01tY\t\xda\x17$\x8es\xe7\xce\x95\xee\xde#\xa5\x1c2`|zZw=\x01g\xcf/\xc6\x88\x13\x1b9\xe4z)ee\xe5\xb9\xb2\xb22M\xd3v\xef\xde\x9d\x8c\xf5\x9f9sz\xdf\xbe}\x0e\x87=\xde5\x01tY\t\xb1\x100a)\xaa\xbas\xe7\xce\xa3G?!\xa2\xabr\xf3\x89$%r\xefI\xc4\x88\x87"\xc1!W\x8eu\xd8\xd2\xfcA\xdf\xf6\xed\xdb-\x16\xcb\xf9\xf3\x95\x94l\xf5\xdbl\xa9\xc1`\xcb\xe6\xcd\x9b\xadVk\xbc\x8b\x02\xe8\xb2p\x06p)V\x8bu\xef\xde\xbd\x9a\xaeY,\xb6&gt;=\x07G"!\xd6\x91\x9d\x91c\x8f1\xa6\xeba\xb7\xabG\xf7\xcc\xbeD\xb4\x7f\xff\x81\x0f&gt;\xf8\x80\x88l)\x8e\xe4\xaa?\xab[_"\xda\xb3gO$\xa2\x11\xb5\xe9Q4\x00\xd0Z8\x03\xb8\x94p$\xbcw\xef^"\xcat\xf5t\xa5giz$\xc1;P"\x12B\xd8m\xf6\xde9\xb9\xa7\xcf\x95\x1f8p\xa0\xa1\xa1\x9e\x88\xba%_\xfd\x83\xceTV\x94\x1d.\x8b\x18{B`=(@\x0c \x00.E\x08\xd1\xd8\xd8HDi\xa9\xee\x94\x94\xd4`0q\xaf\xa0^\x8c3\xeerf\x13Q}}\xbd\x14\x82\x92\xb1\xfe\xf4l"\xf2673&lt;1\x18 f\x10\x00\x97\xa1(\x8a\xae\xeb\xbd\xb2\x07r\xa6H)\x13{\n\x9d\x88\x88\x18\x13B\xef\x91u%\x11\xd5\xd6\xd6\xd6\xd7\xd7\x13Q\x8f\xeeW&amp;c\xfd\x9csb\x0c\x83\x7f\x80\x18A\x00\\\x861\xf7\x90\xeap\xf1d\x18;\x1b$\xc9T\x87\x8b\x884M3\xd6\xfc$]\xfdi\x0e\x17\x11\x19\xfbX\xc4\xbb\x1c\x80.+i:\x85\xf8\x12"\xc9v\xa87\n\xbe\xf0\xa4\xf5$\xad\x1f\x00b\n\x01\xd0JI7\x0ee\x97\xfcc\xe2K\xba\x82\x01\x92\x0f\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85\x00\x00\x000)\x04\x00\x00\x80I!\x00\x00\x00L\n\x01\x00\x00`R\x08\x00\x00\x00\x93B\x00\x00\x00\x98\x14\x02\x00\x00\xc0\xa4\x10\x00\x00\x00&amp;\xa5\xc6\xbb\x00\x00\xb8\x0c)e;\xfe\x16c,\xea\x95\xb4\x0f\xeaOX\x08\x00\x80\x84#\xa5\x14BH)\x19c\x8c1\xce\xdbs\xa6\x1e\x957i\x1f\xd4\x1f\xad7\x895\x04\x00@\xa20\xba\x0c"R\x14EQ\x94\x0b\xaf{&lt;\x1e!\x04c\xac\x95CQc\xec\xe9r\xb9.~\x13\xa33\xe2\x9c\xc7nd\x8a\xfa\r\xf1\xaa\xbf\x1d\x10\x00\x00\xf1\'\xa5\xd4u]UU\xa3\xcbhnn.--\xdd\xbdk\xd7\x87\x1f~\xd8\xd0\xd0P^V\xa6i\x1a#j\xe5L\x84\xd1U\xe5\xe6\xe6\xba\xdc\xee\xb1\xe3\xc6\xe5\xe5\xe5\x8d\x1f?\xbew\xef\xde\xc6w5M\xe3\x9cGw@\xda5\xeb\xdf\xbd\xfb\xb3\xfa\xcb\xcbu]o\xeb{\x0e\x1c8\xd0\xe5r\x8d\x1d;\xb6\x13\xeao7\x04\x00@\x9c\xe9\xba\xae(\x8a\xaa\xaa\xe1px\xf3\xe6\xcd\xeb\xd7\xad\xdb\xbbg\xcf\xa93g:\xf8\xb6u\xa5\xa5D\xb4\xb9\xa8\x88\x88\xdc\x19\x19c\xc7\x8d\x9b;w\xee\xed\xb3fegg\x13\x91\xa6i\x8a\xa2De4\xda\xd5\xea_\xbf~\xef\xde\xbd\xa7N\x9d\xea\xe0\xdb\xd6\xd6\xd6\x12\xd1\xe6\xcd\x9b\x89\xc8\xedv\x8f\x1d;v\xee\xdc\xb9\xb7\xdf~{\xd4\xeb\xef\x08\x04\x00@\xdc\x18S\n\x8a\xa2x&lt;\x9e5k\xd6\xbc\xb2~\xfd\xc1\x8f?\xbe\xf0]\xa7\xcd\xd6\xc7\xe9\xcc\xb6\xdbs].\xb7\xcd\xa6\t\xd1\xca\xde\x821\x16\xd1\xf5\xc3\r\rM\xa1\xd0\t\x8f\xa7\xd1\xefo\xf4x\x8aKJ\x8aKJ~\xfc\xe3\x1f\xdf;\x7f\xfe\x03\x0f&lt;0d\xc8\x10"\x12Btd(\xda\xd5\xea\x7f\xe5\x95\x83\x07\x0f\xfe\xb3~\xa7\xb3_\xbf~=z\xf4\x18&lt;xp\xb7n\xdd4Mke\x7f\xcd\x18\x8bD"\x07\x0f\x1elll\xfc\xf4\xd3O\x1b\x1a\x1a\x1a\x1b\x1b\x8b\x8b\x8b\x8b\x8b\x8b\x97.]z\xcf=\xf7D\xab\xfe\x8eC\x00\x00\xc4\x871\xf0$\xa2\xc2\xc2\xc2\xe7\x96/\xaf8r\xc4x\xbdOF\xc6u\xbdz\xdd\xd4\xbf\xff\x88\xcc\xcc\xec\xd4\xd44\x8bE\xe5\x9c\xb7q\xa8(\xa5\xd4\x84\x08\xeaz\xad\xdf\x7f\xa4\xb1q\xfb\xd9\xb3\xef\x9f9S^_\x7f\xbe\xaaj\xe5\xca\x95/\xaf]\xfb\xc8\xa3\x8f&gt;\xf6\xd8c\x19\x19\x19\x9a\xa6\xa9j{\xfa\x81.U\xffs\xcfUTT\x18\xaf\xf7\xeb\xd7o\xea\xd4\xa93g\xce\x1c5jT\x8f\x1e=\x9cN\xa7\xaa\xaa\xed\x18\xaaG"\x91P(T]]]^^\xfe\xde{\xef\x15\x17\x17\x1f&gt;|\xb8\xb2\xb2r\xe5\xca\x95/\xbf\xfc\xf2#\x8f&lt;\xd2\xc1\xfa\xa3\x02\x01\x00\x10\x07F\xefSYY\xb9p\xe1\xc2\xa2\xa2"\xe3\xc5a\xdd\xbb/\x1a9\xf2\xd6\x01\x03\xb2\x1c\x0e)eH\xd7\xc3\xba\xde\x1c\x0e\xcbv\xadDd\x8cq\xc6\xb2\x1c\x8e\xbeN\xe7\xcc+\xae\xf0\x86\xc3\xff\xa8\xac\\u\xe0\xc0\xd63g\x1a\x1a\x1b\x97-[\xb6q\xe3\xc6\xb5k\xd7\xe6\xe7\xe7\x1bW8\xdb\xd4\xc7u\xc9\xfa\xaf\xba\xea\xaa%K\x96\xcc\x9e=;;;[J\x19\x0c\x06\xc3\xe1\xb0\xc7\xe3\xa1v\xd7\xcfyvvv\xff\xfe\xfdo\xbd\xf5V\xaf\xd7\xbbc\xc7\x8e_\xfe\xf2\x97%%%\r\r\r\x1d\xac?Z\x10\x00\x00\x9d\xcd\x18\xf4\x15\x15\x15-\\\xb8\xb0\xb2\xb2\x92\x88r\xdd\xee\xef\x8c\x1e={\xd0 WJJs8\xdc\x18\x08\x10c\xfc\xf3N\x90\x88\xa8\xbd\xbdCD\x88\x90\xaeK)U\xceo\xea\xd7\xef\x86\xbe}\xb7\x9e9\xf3\xab\x8f&gt;\xfa\xfb\xd9\xb3G\x8e\x1c\x99v\xe3\x8d?[\xbe\xbc\xa0\xa0\xc0X\xfd\xd2\xca&gt;\xa8\xcb\xd4\x7f\xff\xfd\xf7\x9f;w\x8e\x88\x06\r\x1a\xf4\xf8\xe3\x8f\xdfy\xe7\x9dn\xb7\xdb\xeb\xf5\xd6\xd7\xd7\x1b\xdd7c\xec\xe2\x95&lt;\xed\xa9?\x12\t\x85BRJUUg\xce\x9c9}\xfa\xf4\xe2\xe2\xe2\xe7\x9f\x7f~\xeb\xd6\xadG\x8e\x1c\x996m\xda\xcf~\xf6\xb3\xb6\xd6\x1fE\tq%\x1a\xc0&lt;\x8c\xdeg\xcd\x9a53g\xce\xac\xac\xac$\xc6\xfes\xc4\x88\xbf~\xf3\x9b\xff9b\x04#\xaa\x0f\x04t)\x15\xce\x95(\r\t\x19\x91\xc2\x98\xca9\x11y\xc2\xe1\x96HdZ\xff\xfeo\xdc~\xfb\x7fO\x9e\xecLI\t\x85\xc3\x8f=\xf6\xd8\xe2\xc5\x8b9\xe7\xc6:ES\xd5o\xf4\xfe\x0f=\xf4\xd0\x8e\x1d;\x1e|\xf0A\xc6X]]\xdd\x85\xe5@\xd1\xa9\x9f1\xe3\n3\x11555\xf9|\xbe\x993g\xbe\xfb\xee\xbb+W\xaet:\x9d\xa1P\xa8\xad\xf5G\x17\x02\x00\xa0\xf3\x18\x9d\xcb\x9a5k\x16/^LD.\x9bm\xd5M7\xfd\xe2\xc6\x1bm\x8aR\x17\x08\x10\x91\xcay\xec\x06\x81\nc\x9c1O(\xd4\x12\x89&lt;\x9a\x97\xf7\xe6\xacYWu\xefN\x8c\x19\xf5(\x8a"\xa5\xbct\x1f\xd4\xc5\xeaw\xbb\xdd\xeb\xd7\xaf\x7f\xf1\xc5\x17m6\x9b\xb1h\xa7}\xd3\xfd\xad\xad_Q8\xe7MMM---\x8f?\xfe\xf8\x96-[\xae\xbe\xfaj"j}\xfdQ\x87\x00\x00\xe8$\xc6\xbc\xf3g\xbd\x0fc\xd9\x0e\xc7\xab_\xfb\xda\xbd\xc3\x87\xd7\xf8\xfd\xba\x94jg\xad\x061\xba\xd1j\xbf\x7ftv\xf6\xa6\xdbo\x1f\x93\x9dM\x9c\x1bU\x19\xe3PS\xd4O\x94\x93\x93\xf3\xe6\x9bo.X\xb0\xa0\xa6\xa6\xc6\x08\x86N\xaa_Q8\xe7555c\xc6\x8cy\xf7\xddw\xc7\x8f\x1fO\x9fg\xc0\xa5\xeb\x8f\x05\x04\x00@g0z\x9f\x92\x92\x12\xa3\xf7\xc9\xb4\xd9\xde\xb9\xe3\x8e\t={V\xb5\xb4Xb9j\xfe*\x16\xce\x9b\x82A\xa7\xd5\xfa\xf6\x1dw\xe4\xf7\xecIDk\xd6\xacY\xb6l\x99\xa2(\x9a\xa6}\xf9\xe7\xbbX\xfd\xdd\xbbw\xdf\xbau\xeb\xa4I\x93jjj,\x16K\xe7O\xbe[,\x96\xa6\xa6&amp;\xa7\xd3\xf9\xfe\xfb\xefO\x992\xe5\xb2\xf5\xc7\x08\x02\x00 \xe6\x84\x10\x8a\xa2TWW\xcf\x9f?\x9f1\xe6\xb2\xd9\xd6\xdfr\xcb\x80\x8c\x8c\xa6P\xc8\x12\xbfe\xe0*\xe7\xc6\xf5\xd5\x97f\xcc\x18\x99\x95E\x8c-[\xb6\xac\xb8\xb8XU\xd5/\xdc\xf8\xdae\xea_\xb0`\x01c\xcc\xedvo\xda\xb4i\xe0\xc0\x81\x8d\x8d\x8d\x16\x8b%n\xf5\xabj(\x14\x12Bl\xd8\xb0a\xf4\xe8\xd1D\xf4U\xf5\xc7\x0e\x02\x00\xa03\xe8\xba\xbe`\xc1\x82\xea\xeaj"\xfa\xe9u\xd7M\xe9\xdb\xb71\x14\xea\xb4i\x93\xaf\xa20\x16\xd0\xf5\xeev\xfbo\xa7Ow\xa5\xa4H)\x17,XPUU\xc5\x18\xbbx.\xc2\xd8)\xa1\x0b\xd4_UUED\xbf\xf8\xc5/\xae\xbf\xfe\xfa\xf8\xf6\xfe\x06EQ\x02\x81@VV\xd6+\xaf\xbc\xe2v\xbb\x89\xe8\xbe\xfb\xee\xfbr\xfd\xb1\x83\x00\x00\x889\x8b\xc5\xb2a\xc3\x86\xe2\xe2b"\x9a?l\xd8\xbd\xc3\x87\x1b3\'\xf1\xae\x8b\x88He\xac)\x14\x1a\xde\xbd\xfb\x7f\xe7\xe7\x13Quu\xf5\x8f~\xf4#\xce\xf9\x85\xab\x91\xc6\xe4I\x97\xa9\x7f\xe1\xc2\x85\xf7\xddw\x9f1\xf3\x13\xcf\xba?\xa7\xaajSS\xd3\x88\x11#\x9e\x7f\xfey)eUU\xd5\x17\xea\x8f\xa9\x84\xf8\x15\x02tU\xc6a\\__\xff\xf4\xd3Os\xc6\xae\xcc\xc8\xf8\xf1\xa4IM\xc1`\xdc\xc7\xce\x17\xb3p^\xef\xf7\xdf3l\xd8\xad\x03\x07\x12c\xaf\xbd\xf6\xda\x9e={.,Ld\x8c544t\x85\xfa9\x1f0`\xc0O~\xf2\x13\x8f\xc7\x13\xc7\x9bo\xbf\xccb\xb1\xd4\xd5\xd5\xfd\xc7\x7f\xfc\xc7\xec\xd9\xb3\x89\xe8\xe2\xfac\xfd\xd1\t\xf4[\x04\xe8z\x8c\x0bzk_z\xe9\xd8\xb1cB\xca%\xd7\\\x93\xedp\x84u=\x81v\x04&amp;""\xc6XX\x88\'\xc6\x8e\xb5)J(\x14Z\xbat\xa9\xb1%\xa7\xae\xeb\x9c\xf3\xc2\xc2\xc2\xaeP\xbf\x10\x8f?\xfexNNN8\x1c\x8e\xfb.l_\xc0\x18\x0b\x87\xc3O&gt;\xf9dJJ\xca\xc5\xf5\xc7\xfas\x11\x00\x001d\xb1X\x84\x10\x85\x85\x85\x8c\xb1\\\xb7\xfb\x9b\x83\x077&amp;\xd8\xf0\xd9\xc0\x19\xf3\x85\xc3\xa3\xb2\xb3\xbf&gt;p \x11m\xdf\xb6\xad\xbc\xbc\xdcX\xb0\x18\x08\x04\n_~9\xb9\xeb/,d\x8c\r\x1e&lt;\xf8\xee\xbb\xefnllL\xa8\xe1\xbf\x81s\xde\xdc\xdc\x9c\x97\x97w\xc7\x1dw\x10\xd1\xf6\xed\xdb\x8d\xfac}\x12\x90p\xbfH\x80\xae$==}\xc7\x8e\x1d\x15G\x8eH)\xbf=jTFJ\x8a\xd6\xb9\x0b\xbd[\x8f3\x16\xd2\xf5\x87G\x8drX\xad-~\xffK/\xbdDD\x9c\xf3\x92\x92\x92\xc3ee\xc9]\xff\xe1\xc3R\xca\x82\x82\x02\x97\xcb\xd5\x99\x8b,\xdb\x84s\x1e\x0c\x06\x1f{\xec1\x87\xc3\xd1\xd2\xd2b\xd4\x8f\x00\x00Hb\x8c1c\xf8\xd9\xc3\xe9\xbcu\xe0\xc0\xe6pXI\xbc\xe1\xb3\x813\xd6\x12\x0e\x8f\xca\xce\x9e\xd4\xab\x17cl\xd3\xff\xfe\xaf\xcf\xe7#"c\xf8\x9f\xc4\xf5\x17\x162\xc6z\xf6\xec\xf9\x8do|\xc3\xeb\xf5vpo\x9f\xd8\xe1\x9c\xb7\xb4\xb4\xe4\xe5\xe5M\x992\x851\xb6i\xd3&amp;\xbf\xdf\xaf\xaajL\'\x82\x12\xf4w\t\xd05\x9c;wn\xcf\xee\xddR\xca)\xbd{g;\x1c\x91\xc4\x9b=\xbf\x98$\xe2\x8c\xddr\xc5\x15R\xcas\xe7\xcf\x97\x95\x95i\x9a\xb6{\xd7\xae\xe4\xae\x7f\xf7n)\xe5\xb4i\xd3\xb2\xb3\xb3#\x91H\xa2\xcd\xfe_\xcc\xb8d}\xdbm\xb7I)+++\x0f\x1c8@1&gt;\t@\x00\x00\xc4\x8a\xa2\xaa;w\xee\xfc\xe4\xe8Q"\x9a\xde\xbf?Q\xfb7\xc5\xec\x1c\n\xe7\x01M\x9b\xdc\xbb\xb7\xd3f\xd3u}\xfb\xf6\xed\x1f\x7f\xfcqeU\x15%u\xfd\x95\x95D4s\xe6\xcc\xce\xdfj\xad\xad\x8c\xdb\x02n\xb8\xe1\x86\xf4\xf4tM\xd3\x8c\xa7\x89\xc5\xb4\xec\x84\xbb\x18\x02\xd0eX-\xd6\xbd{\xf7j\xban\xb7X\xae\xca\xcc\x0cjZ[\x9f\x8b\xd2\xc9\x18QH\xd7{;\x9dWfd\x1c\x0c\x06\x0f\xec\xdfo\xb3\xd9\x88(5%%\xa9\xebOKK\x1b5jT0\x18L\x90\'\xf1~\x15\xc6X(\x14\xea\xdb\xb7\xef\xc0\x81\x03?\xfa\xe8\xa3={\xf6\x10QLkN\xe8\xff\x1d\x00I-\x1c\t\xef\xdd\xb3\x87\x88\xfa\xa6\xa5\xf5LKK\xf0\xf9\x13\x83\x10\xc2a\xb1\\\xd5\xad\x1b\x11\x1d&lt;p\xe0\xdd\xbf\xfc\x85\x88\xfa:\x9d\xc9Z\xff\xbb\xef\x12Q\xbf~\xfdz\xf7\xee\x9d\xe0\xf3?\x06!\x84\xc3\xe1\x189r$\x11\x95\x97\x97\xfb|\xbe\x98\xde\x14\x863\x00\x80X\x11B465\x11Q\xa6\xdd\x9ef\xb56\x87B\t&gt;\x82&amp;"I\xa40\xd635\x95\x88\x1a\xea\xeb\x8d\t\xe8L\x9b-Y\xeb\'"\xa2\xac\xac\xac\xb4\xb44\xaf\xd7\x9b\xe0g\x00D$\xa5\xe4\x9c\xf7\xee\xdd\x9b\x88&lt;\x1eO \x10HKK\x8b\xdd\xc7!\x00\x00bH\xe5\\\x13bh\xb7n\xaaq_O\xc2w\xa0\x8c1M\x88\xc1n7\x11U\xd7\xd6\xd6\xd5\xd7\x13\xd1`\x97+Y\xebol$\xa2a\xc3\x86\x19\xbb\xed\xc7\xbb\xba\xcbc\x8c\xe9\xba&gt;t\xe8P"\xf2x&lt;\xe5\xe5\xe5YYY\xc6fv\xb1\xf88\x04\x00@\xccu\xb3\xd98cI\xd0\xfd\x10\x11\x91$\xeaf\xb3\x11\x91\xa6i\x821J\xea\xfa\xa5$\xa2n\xdd\xbau\xda\xee:\x1d\'\xa5\xcc\xcc\xcc$"!D\xac\xefZH\xf4\x13"\x80.@K\x92\xae\xe7\x02\xa3\xe0\x0bO*O\xfa\xfa\x13\xf5\xe6\xaf\xafr\xa1\xe0X_\xb4@\x00\x00\xc4\\\xa2\xcf\x9b|\t\xbb\xe4\x1f\x13\xdf\x17\xebO\xf8\x99\xab/\xe8\xb4\x82\x11\x00\x00\x00&amp;\x85\x00\x00\x000)\x04\x00\x00\x80I!\x00\x00\x00L\n\x01\x00\x00`R\x08\x00\x00\x00\x93B\x00\x00\x00\x98\x14\x02\x00\x00\xc0\xa4\x10\x00\x00\x00&amp;\x85\x00\x00\x000)\x04\x00\x00\x80I!\x00\x00\x00L\n\x01\x00\x00`Rx\x1e\x00\x00@\xab\xc8\x8b\\x\x91]$\x8e\xb5\xb5\x0f\x02\x00\x00\xe0R\x84\x10\xc63\xb9\xacV\xab\xd5jU\x14\x85s\xce\x8cG\xa4\x11\t!\xc2\xe1p(\x14\xd24\x8d1\x96\xf8O\x9d\xbc\x18\x02\x00\x00\xe0\xdf\x90R\xea\xba\xae\xaa\xaa\xd3\xe9\xb4Z\xad&gt;\x9f\xaf\xb2\xb2\xf2\xf4\xe9\xd3UUUuuu\xc1`\x90\x88RSSsrr\xae\xb8\xe2\x8a+\xaf\xbc2333\x12\x89477\x1b\xf1\x10\xef\xf2[\x05\x01\x00\x00\xf0ER\xca\x94\x94\x14\x87\xc3\xe1\xf1x\xb6o\xdf^TT\xb4m\xdb\xb6\xa3G\x8f655}\xf9\x87-\x16K\xff\xfe\xfdo\xb8\xe1\x86{\xee\xb9\'???\x14\n\x05\x83\xc1\x18=\xc57\xba\x10\x00\x00\x00\xffBJ\xa9(\xca\x993g\xfe\xf8\xc7?\xfe\xe1\x0f\x7f8x\xf0\xe0\xa5\x7f&gt;\x12\x89\x1c;v\xec\xd8\xb1ck\xd6\xac\x997o\xdeO~\xf2\x93&gt;}\xfax\xbd\xde\xc4\xcf\x00\x04\x00\x00\xc0\xbf\xd0u\xdd\xedv\xff\xf4\xa7?]\xbe|\xf9\x85\x17\x19c\x03\x06\x0c\x182d\xc8\xc0\x81\x03\xb3\xb2\xb2\xecv\xbb\x94\xb2\xa9\xa9\xe9\xc4\x89\x13\xfb\xf7\xef///\'"EQ6n\xdc\xf8\x8f\x7f\xfcc\xe3\xc6\x8dc\xc6\x8cI\xfc\x0c@\x00\x00\x00\xfc\x0b\xcey \x10\x987o\xde\x8a\x15+\x84\x10\xc3\x87\x0f\x9f={\xf6\x8c\x193\x86\r\x1b\xe6r\xb9,\x16\x0b\x11\xc9\xcf\x9f;\xaf\xeb\xba\xd7\xeb\xdd\xbbw\xef\x0b/\xbc\xf0\xce;\xefX,\x96\xd3\xa7O\xcf\x9a5k\xeb\xd6\xadW\\qE \x10H\xe4\xcb\xc2\x08\x00\x00\x80\x7f\xc19\x0f\x06\x83\x83\x07\x0f\xfe\xe1\x0f\x7f8h\xd0\xa0o|\xe3\x1b\x19\x19\x19\xa1P(\x10\x08x&lt;\x9e\x8b\xd7\x80\x12\x11cLQ\x94\xeb\xaf\xbf~\xda\xb4i\xabV\xad\xfa\xeew\xbfk\xb5Zkkk\xbf\xf3\x9d\xef\xbc\xfb\xee\xbb\xf1\xfa\'\xb4\x12\x02\x00\x00\xe0\x8b\x18c\xc1`\xf0\xa9\xa7\x9eb\x8c\xf9|\xbe\xda\xdaZcm\xcfWM\xe9x\xbd^)\xe5\xc3\x0f?,\xa5\\\xb2d\x89\xaa\xaa[\xb7n\xfd\xcb_\xfe2k\xd6\xac\xa6\xa6\xa6\x84\x9d\x08J\xdcs\x13\x00\x808b\x8cy&lt;\x9e\xa6\xa6&amp;!\x84\xaa\xaa\x97^\xdc\xa9(\x8a\xa2(\xb5\xb5\xb5\xdf\xfe\xf6\xb7\xa7M\x9bf\xdc\x13\xb0a\xc3\x86\x04_\x0f\x8a\x00\x00\x00\xf8\xf7\x8cn\xbd\x95\x9d\xb8\xf1cR\xca\xfb\xef\xbf\xdf\xf8\xa2\xb4\xb4\xb4\xb6\xb6\xd6b\xb1|a\xd6(q \x00\x00\x00\xa2CQ\x94@ \x90\x97\x97\x97\x9a\x9aJDUUUg\xcf\x9e\xb5Z\xad\x08\x00\x00\x80\xaeO\xd34\xb7\xdb\x9d\x93\x93c|]__\xaf(\n\x02\x00\x00\xa0\x8b36\x08\xb2X,\x0e\x87\xc3x%\x14\n%\xf22\xd0\xc4\xad\x0c\x00 \xb9H)\x19cB\x88H$b\xbc\xa2\xaaj\xc2\x0e\xff\t\x01\x00\x00\x10E\x9cs\xbf\xdf\xdf\xd8\xd8h|\xedr\xb9t]O\xd8\xb5@\x08\x00\x00\x80\xe8\x90RZ\xad\xd6\xd3\xa7O\xd7\xd7\xd7\x13\x91\xdb\xed\xee\xd5\xabW$\x12A\x00\x00\x00tqB\x08\x9b\xcd\xf6\xb7\xbf\xfd\xcd\x18\xf5\x8f\x181\xa2g\xcf\x9e\xe1p\x18\x01\x00\x00\xd0\x95\x19\x97\x7f\xeb\xea\xea\n\x0b\x0b\x8d?~\xe3\x1b\xdf\xb0Z\xadB\x88x\x97\xf6\x95\xb0\x15\x04\x00@\x14h\x9a\x96\x9d\x9d\xfd\xf8\xe3\x8f\x9f8q\x821\xd6\xb7o\xdf\xbb\xee\xba+\xc17\x04\xc5\x19\x00\x00@GE"\x91\xec\xec\xecu\xeb\xd6\xfd\xfc\xe7?7n\xfd}\xfa\xe9\xa7\xb3\xb2\xb2\x12y\xfe\x87\x10\x00\x00\x00\x1d!\xa54\xc6\xfe\xbf\xff\xfd\xef\x17-Zd\xb1X"\x91\xc8\xb7\xbe\xf5\xad\xf9\xf3\xe7766\xaajB\xcf\xb2 \x00\x00\x00\xdaI\x08\xc1\x18\xcb\xca\xca\xfa\x9f\xff\xf9\x9f\xfb\xee\xbb\x8f\x88\xc2\xe1\xf0\xd7\xbf\xfe\xf5_\xfd\xeaW\xc6\xc3\x81\xe3]\xe0e$t:\x01\x00$,M\xd3RSS\x85\x10\xdf\xfe\xf6\xb7W\xadZe\x8c\xfd\xef\xbc\xf3\xce\x97_~Y\xd7u]\xd7\x13?\x00\x12\xbd&gt;\x00\x80\x04d\xec\xf9s\xe6\xcc\x99[n\xb9e\xd5\xaaU\x8a\xa2D"\x91\x82\x82\x82W^yE\xd34M\xd3\x12\xbf\xf7\'\x9c\x01\x00\x00\xb4\x95\xa6i\xdd\xbau\xdb\xb1c\xc7\xbd\xf7\xde[YYID\x16\x8b\xe5\xd7\xbf\xfe\xf5\x83\x0f&gt;\xd8\xd8\xd8(\xa5L\x8a\xde\x9f\x10\x00\x00\x00mb&lt;2\xfe\xbd\xf7\xde\xfb\xe67\xbf\xe9\xf3\xf9\x88(77\xf7w\xbf\xfb]~~~mm\xad\xa2(\xc9\xd2\xfb\x13\x02\x00\x00\xa0\xf5\x84\x10\xa9\xa9\xa9\x87\x0e\x1d\xba\xeb\xae\xbbZZZ\x88(??\x7f\xe3\xc6\x8d\xd9\xd9\xd9555\xc6\xf3\xe2\x93\x08\x02\x00\x00\xa0\xb58\xe7\xba\xae?\xf8\xe0\x83MMMDt\xed\xb5\xd7\xfe\xf9\xcf\x7fNII\xf1x&lt;I\xd7\xfb\x13.\x02\x03\x00\xb4\x92\xae\xeb\xe9\xe9\xe9o\xbc\xf1Fii)\xe7\xbcG\x8f\x1e\xbf\xff\xfd\xef\xedv\xbb\xdf\xefO\xf0\xf5\xfe_\x05\x01\x00\x00\xd0*\xc6^\xff\xc6\xa3\xde\x85\x10\xff\xf5_\xff5p\xe0\xc0\xe6\xe6\xe6$\xed\xfd\t\x01\x00\x00\xd0\x1a\xc6^o\xe7\xcf\x9f\xdf\xbf\x7f\xbf\x94\xb2G\x8f\x1ew\xdcq\x87\xc7\xe3I\xde\xde\x9f\x10\x00\x00\x00\xad\xf1\x85\xbd\xfe\xaf\xbd\xf6\xda\x9c\x9c\x9cD\xde\xeb\xbf5\x10\x00\x00\x00\x97\'\xa5TU\xb5\xa6\xa6F\xd7u"\x1a6lX\x82?\xee\xb15\x10\x00\x00\x00\xad\xc297\x16\xff\x10Q\xcf\x9e=\x8d\'\x00\xc7\xb5\xa2\x8eJ\xe2\xd9+\x00\x80N\x16\n\x85\x8c\xfb\xbc\xd2\xd3\xd3\x13\xf9I/\xad\x84\x00\x00\x00h\x15\xc6X8\x1c6\xfa\xfd.0\xfc\'\x04\x00\x00@kp\xce}&gt;\xdf\x8c\x193\xdez\xeb-"\x1a6lXKKK\x12\xed\xfa\xf0o!\x00\x00\x00.\x8f1\x16\x89D\xfa\xf4\xe9\x93\x9b\x9bKD\x81@ \xd9\x97\x00\x11\x02\x00\x00\xa0\x95\x8c)\xa0`0HD\x9c\xf3d\xef\xfd\t\x01\x00\x00\xd0z\x8c\xb1D~\xc8{[%\xf7\x04\x16\x00@\'\x93Rv\x81\xf5?\x06\x04\x00\x00@k\t!\xacV\xab\xcdf\x93R&amp;\xfb]`\x84\x00\x00\x00h%\xc6XZZZee\xe5\xf1\xe3\xc7-\x16\x8b\xd5jM\xf6\x0c@\x00\x00\x00\\\x9e\xb1\x17\xd0\x0f~\xf0\x83q\xe3\xc6M\x980\xe1\xb6\xdbn\xab\xad\xad\xb5X,I\x9d\x01\x08\x00\x00\x80\xcb\x10B\xa4\xa5\xa5\xed\xdc\xb9\xf3\x97\xbf\xfc\xa5\xd7\xeb\r\x85B\xdb\xb6m{\xf1\xc5\x17\xd3\xd2\xd2\x8c\xad\x81\x92\x14V\x01\x01\x00\\\x86\xb1\x13\\EE\x85\xa2(\xc6\xeaO\xc6Xyy\xb9\xae\xebI\xbd\x18\x14g\x00\x00\x00\xadb\x8c\xf79\xe7\x8a\xa2\x08!\x1c\x0eG\xb2\xdf\t\x9c\xdc\xd5\x03\x00t\x02\xceyKK\xcb\x94)Srrr\xc2\xe1p(\x14\x92R~\xf3\x9b\xdfL\xea\xf9\x1f\xc2\x14\x10\x00\xc0e\x19\xf7\x00\xf7\xe8\xd1\xe3\xcf\x7f\xfe\xf3\xbau\xeb\xfc~\xff\xcd7\xdf|\xdbm\xb7577\'\xf5}a\x08\x00\x00\x80\xcb\xe3\x9c\xfb\xfd\xfe\x11#F\xfc\xfa\xd7\xbf6\xee\x05\xf3z\xbdI}\x01\x80\x10\x00\x00\x00\xad\xc49\x0f\x04\x02---F\xbf\x9f\xd4c\x7f\x03\x02\x00\x00\xa0\xb58\xe7\xc9~\xe1\xf7b]\xe7_\x02\x00\x00m\x82\x00\x00\x000)\x04\x00\x00\x80I!\x00\x00\x00L\n\x01\x00\x00`R\x08\x00\x00\x00\x93B\x00\x00\x00\x98\x14\x02\x00\x00\xc0\xa4\x10\x00\x00\x00&amp;\x85\x00\x00\x000)\x04\x00@\xcc%\xdd\x86a\xec\x92\x7fL|_\xac?\xd9\xb6l\xeb\xb4\x82\xb1\x17\x10@\xccE\x84H\xae\xe7\xc6F\x84 ")\xa5\x90\x92\x92\xba~!\x88(\x12\x89$\xd7\x93{#\x91\x88\xf1\x85Q\x7f\xec\xe0\x0c\x00 \x86\x8c\x03\xf8\xe3\xba:M\x08\x9e\x0c\xe3P)\xa5\x85\xf3C\xf5\xf5D\x94\x93\x9d\x9d\x9b\x9bKD\x87\xea\xeb\x93\xba\xfe\x83\x07\x0f\x1aO\xf2\x8awu\x97g&lt;{\xf2\xc0\x81\x03D\x94\x91\x911h\xd0 \x8a\xe5\tA\x12\xfc\x1f\x01H^\x16\xab\x95\x88\x1a\x83\xc1\xa0\xa6%\xcbD\x84\x94\xb2.\x10 "gzzNN\x0e\x115\x85BI]\x7fCCC0\x18L\xa2\xfakkk\x89\xc8\xe1p\xb8\xddnB\x00\x00$#[\x8a-o\xcc\x18":\xe1\xf5V\xb7\xb4X9O\xfci\x08\xceXP\xd7\x8d\x11\xf4\x88\x11#n\x9e1\x83\x88N&amp;o\xfd7\xdfLD\xc7\x8f\x1f\xaf\xaa\xaa\xb2Z\xad\x89?\x11\xc49\x0f\x85B\x07\x0f\x1e$\xa2A\x83\x06\xa5\xa6\xa6\n!\x10\x00\x00\xc9G\xd3\xb5\xbc\xbc&lt;\xc6\x98/\x1c&gt;\xd6\xd4\x94\xa2\xaa"\xb1; IdU\x94\x9a\x96\x96\xe3\x1e\x0f\x11\x8d\x1c9r\xf2u\xd7\x11\x917\x18L\xd6\xfa\'O&amp;"\x8f\xc7SQQ\x91\x92\x92\x12\xeb)\xf5\x0e\x92RZ\xad\xd6\xea\xea\xea\xa3G\x8f\x12\xd1\xe8\xd1\xa39\xe71\xad\x19\x01\x00\x10+\x91Hd\xd2\xa4I}{\xf7\x96Rn=sF\xe5&lt;\xc1G\xa0BJ\xbb\xaa\xee\xab\xae\xae\xf3\xf98c\x93\xaf\xbbn\xfc\xf8\xf1\xae\xf4t\x91\xd4\xf5\xbb\\B\x88\x92\x92\x12UU\x13\xbd~!\xecv\xfb\xae]\xbbjkk9\xe7\xc6\xe9KLg\xae\x10\x00\x001#\xe5\xa0A\x83\xae\xc9\xcbc\x8c\x95\x9c9\xe3\t\x85\xd4\xc4\xbe\x0e)\xa5T8\x7f\xf7\xe4II\xe4r\xb9\xc6\x8c\x19\xe3p8F_sMr\xd7?z4cl\xf3\xe6\xcd^\xafWU\x13z\xdd\xa3q\x05\xf8\xed\xb7\xdf\x96R\xba\\\xae\xfc\xfc|"\x8a\xe9\xb5\xeb\x84\xfeu\x02$;UU\xef\x9a7OJ\xf9ic\xe3\x07g\xcf\xa6Y\xadz\xa2\x0eB%\x91MUOy&lt;\xef\x9f9CD3f\xce4\xae@\xce\xbb\xfb\xee\xe4\xae\x7f\xde&lt;)\xe5\xd1\xa3G\xb7m\xdb\xe6t:u]\x8fw\xa5\xff\x9e\x94\xd2f\xb3\x9d8q\xa2\xb8\xb8\x98\x88f\xce\x9c\x99\x91\x91\xa1\xeb:\xce\x00\x00\x92\x95\xcf\xe7\x9b={vVV\x96\x94\xf27\xfb\xf7\x0b)\x13v%\x8a.\x84\xd3j-&lt;t\xa8\xb6\xa5EQ\x94\xc5\x8b\x173\xc6\xa4\x94s\xe6\xcc\xc9\xc9\xc9\xe9\x02\xf5\xaf\\\xb92\xd6\xfdiG\xe8\xba\xeet:\x7f\xfb\xdb\xdf\xd6\xd4\xd4(\x8a\xb2h\xd1\xa2N(\x15\x01\x00\x10C\x81@\xc0n\xb7\xdfs\xcf=R\xca\x7fTV\xbew\xeaTzJJ\x02\x0e\xa2?\x1b&gt;{\xbd\xaf\x94\x973\xc6\xae\x19=z\xea\xd4\xa9B\x08]\xd7333\xe7\xcf\x9f\xdf\x05\xea\xff\xfb\xdf\xff^TTd\x0c\xab\xe3]\xef\x17\x19\xc3\xffS\xa7N\xad]\xbb\x961v\xcd5\xd7\x18\xf5+\x8a\x12\xd3\xcfE\x00\x00\xc4\x90\xa2(R\xca\x87\x1ez\xc8\xe5r\x11\xd1/?\xfc01\x07\xd1\x9a\x10\xe9V\xeb\xea\x03\x07\xea\xfd~"z\xe2\xfb\xdf\'")%\xe7\\J\xb9x\xf1\xe2\xaeQ\xffs\xcf=\x97\x98\'\x01\x9a\xa69\x9d\xce\x17^x\xa1\xae\xae\x8e\x88\x9ex\xe2\t"\xea\x84K\xd6\x08\x00\x80\x18\xe2\x9c3\xc6\x86\x0e\x1dZPP \xa5\xdcUY\xb9j\xff\xfe\xee\x0eG$\x91\xd6#jB\xb8RR\xfe~\xee\xdc\x9a\x8f?&amp;\xa2)S\xa6\xcc\x9d;\xd7\x18~\x1a\xcb\x10\x07\x0f\x1e\xdc5\xea\xff\xe0\x83\x0f^x\xe1\x85\xcc\xcc\xcc\x0b{-$\x02M\xd3\xdcn\xf7\xf6\xed\xdb\x7f\xf3\x9b\xdf\x10\xd1\xf5\xd7_\x7f\xa1\xfeX\x7f4\x02\x00 \xe64M+((\x180`\x00#zn\xcf\x9e\xdd\x95\x95n\x9bMK\x8c&gt;TH\x99\xa2\xaa\xbep\xf8\xf1\xad[\xc3\xba\xae(\xca\xf3\xcf?\x7f\xf1\xd8\x93s\xae\xebz\x17\xa9\x9f\xb1\xa7\x9f~z\xd7\xae]n\xb7[\xd3\xb48\x96}\x81\x10"%%\xc5\xeb\xf5&gt;\xfc\xf0\xc3\xe1pXU\xd5\x95+Wv\xdarU\x04\x00@\xccI)3226l\xd8\xa0\xa8\xaa/\x12y\xe4\xbd\xf7\xea\x02\x01\x9b\xaa\xc6}2]\x1a\xb3\xe7\x8a\xf2\x7f\xb6m+\xaf\xaf7\xae\x94\x8e\x193F\x08qa\xf5!c\x8c1\xd6E\xeaW\x14\x9f\xcfw\xff\xfd\xf7\xd7\xd6\xd6\xdal\xb6\xb8_\x0c\x90RJ)\xedv\xfb\x92%K\x0e\x1f&gt;,\xa5\\\xb1b\xc5\x17\xea\x8f)\x04\x00@\xccq\xce5M\x9b0a\xc2\x8a\x15+H\xca\x8a\x86\x86yo\xbf\xcd\x19\xb3)\x8a\x16\xbf&gt;TH)\xa5\xec\x99\x9a\xfa\x83m\xdb\xde\xf8\xe4\x13"\x9a3gNAA\x81\xa6i_\x98|\xe8R\xf5\x13\x95\x95\x95\xdd~\xfb\xed\x8a\xa2\xd8l\xb68\x9e\x07\x08!\xa4\x94\xdd\xbbw\x7f\xf4\xd1G7n\xdcH_]\x7f\xec \x00\x00:\x83\xaa\xaa\xc6D\xd0\xa2E\x8b\x88h\x7fm\xed]o\xbf\xed\t\x873\xac\xd6\xb8\xcc\xa7kBX\x14\xc5i\xb5&gt;\xf2\xde{\xbf+/\'\xa2q\xe3\xc6\xad^\xbd\xfa\xab\xa6\x9e\xbbX\xfd\xfb\xf6\xed\xbb\xf5\xd6[=\x1e\x8f\xcb\xe5\x8a\xcb\xf5\x00M\xd3\xacV\xab\xd3\xe9|\xf8\xe1\x87W\xaf^M\x97\xab?F\x10\x00\x00\x9dDQ\x14!\xc4\xea\xd5\xab\x17-ZDR\xee8{v\xde\xdbo\x1fml\xcc\xb2\xdb\xf5\xcfw\xde\xef\x04R\xca\x88\x10\x19))\x11]\x7f\xb8\xa4d\xed\xc7\x1f\x0b]\x1f7n\\QQ\xd1\xa5\xf7\x9e\xecR\xf5\x13m\xdd\xba\xf5\xb6\xdbn;r\xe4Hvv\xb6\xae\xeb\x9d\xb6M\x90\x942\x12\x89\xb8\\\xaep8\xbcp\xe1\xc2\x17_|Q\x08\xd1\x9a\xfac\x01\x01\x00\xd0I\x8c\xc9h]\xd7/\xf4A\x07kko}\xf3\xcd\r\x15\x15\xae\x94\x14\x87\xc5\xa2\t\x11\xd3nT~&gt;p\xcev8\xf6VU\xdd\xfe\xe6\x9b\xaf\x1f9BD\xe3?\xef}.=\xf5\xdc\xf5\xea\xff\xe8\xa3\x8f\xae\xbf\xfe\xfau\xeb\xd6\xb9\xdd\xee\xd4\xd4TM\xd3b\x1a\x03RJM\xd3,\x16Kvv\xf6\xae]\xbbn\xbc\xf1\xc6W_}\x95\x88\xc6\x8f\x1f\xdf\x9a\xfac\x01\x01\x00\xd0y\x18c\xc6\xc2\xc4\xd5\xabW?\xf5\xd4SD\xd4\x18\x08&lt;\\Rr\x7fQQECC7\xbb\xdda\xb1\xe8R\xeaRFq\x1d\x88$\xd2\xa5\xd4\x84\xb0p\xde\xdd\xe1h\x08\x06\x97~\xf0\xc1\xac\xb7\xde:TWGDs\xe7\xce\xdd\xdc\xea\xde\xa7\xeb\xd5\xdf\xd0\xd0\xf0\xado}k\xde\xbcy\x87\x0f\x1f\xce\xcc\xcct8\x1c\xba\xae\xeb\xba\x1e\xcd\xfa\xa5\xd4u\xdd\xe8\xfa\xb3\xb2\xb2\x1a\x1a\x1a~\xf8\xc3\x1f\xdet\xd3M\xc6\x9e\xcfs\xe7\xce\xdd\xbcys\\z\x7f\xc2#!\x01:\x99q\x82/\x84X\xbat\xe9\xb5\xd7^\xbbp\xe1\xc2\xca\xca\xca?\x1d=\xba\xf9\xe4\xc9\xd9\xb9\xb9\x8b\xaf\xbezTV\x16c,\x10\x89\x84\x8d\xab\x84R\xb6oN@J\xc9\x88\x18cVE\xb1\xa9\xaa\xca\xd8\xa9\xe6\xe6_\xec\xdb\xb7\xbe\xbc\xbc\xc6\xe7#"\xab\xc5\xb2\xfc\xb9\xe7\n\n\n\x8czZ\xd9\xfbt\xb1\xfa\xef\xbf\xff\xfes\xe7\xcem\xda\xb4\xe9\x9dw\xde\x99;w\xee\x92%K\x8c\x1d\xbc\x03\x81@(\x142\xfe\x05\xed\xae\x9f\x888\xe7V\xab\xd5n\xb7\xab\xaaz\xf2\xe4\xc9\xe5\xcb\x97\xaf]\xbb\xb6\xaa\xaa\x8a\x88\xacV\xeb\xf2\xe5\xcb\xdbZ\x7ft!\x00\x00:\x9b1\x17\xa1i\xda\x8c\x193\xf6\xec\xd9\xf3\xe4\x93Onx\xf5\xd5`8\xbc\xb1\xbc\xfc\xadO?\xbd\xbeO\x9f\x19\xfd\xfb\xe7\xf7\xee\xdd;-\xcdn\xb1(\x8ciBH)\xa9\xf5\xdd\</t>
        </is>
      </c>
    </row>
    <row r="480">
      <c r="A480" s="1" t="n">
        <v>478</v>
      </c>
      <c r="B480" t="inlineStr">
        <is>
          <t>rectangle_height_number</t>
        </is>
      </c>
      <c r="C480" t="inlineStr">
        <is>
          <t>What is the missing number of the part denoted with a question mark?</t>
        </is>
      </c>
      <c r="D480" t="inlineStr">
        <is>
          <t>[3, 1, 4, 2]</t>
        </is>
      </c>
      <c r="E480" t="inlineStr">
        <is>
          <t>1</t>
        </is>
      </c>
      <c r="F480" t="inlineStr">
        <is>
          <t>There are 7 rectangles in the image with varying lengths and numbers inside them. The numbers from left to right are [1, 3, 3, 1, 2, 2, '?']. The lengths from left to right are ['short', 'long', 'long', 'short', 'medium', 'medium', 'short'].</t>
        </is>
      </c>
      <c r="G480" t="inlineStr">
        <is>
          <t>We observe that the short rectangles are denoted as 1, the medium rectangles are denoted as 2, and the long rectangles are denoted as 3. Hence, the pattern is that the number in each rectangle corresponds to its length.</t>
        </is>
      </c>
      <c r="H480" t="inlineStr">
        <is>
          <t>Based on the pattern that the number in each rectangle corresponds to its length, the missing number of the rectangle with a question mark should be 1.</t>
        </is>
      </c>
      <c r="I480" t="inlineStr">
        <is>
          <t>b'\x89PNG\r\n\x1a\n\x00\x00\x00\rIHDR\x00\x00\x02\x00\x00\x00\x02\x00\x08\x02\x00\x00\x00{\x1aC\xad\x00\x00I\x93IDATx\x9c\xed\xddy\x98\x14\xd5\xb9?\xf0\xf7\x9cS=\xfbt\xf7l\x8cl.\xc8\x08(\xfb\x0e\x03\x88(\x8b1A\xbd"\xa2\x80\x0b\xc2\xb8\xfb\x1b\x92hb4\x014\xc6\x05\x12cb\x12\xc3\x8eD\xdc\xc0\x98h"\x08.\x80(\xab\n\xe2\x0c \x8b(\x0c\x0c\xb3\xf62KwW\x9d\xf3\xfb\xa3`.WYf\xeb\xe9*\xea\xfby\xee\xf3\xdc\xa4g\xd2\xbc\xd3\xfd\xf6\xf9V\x9d:u\x9a)\xa5\x08\x00\x00\x9c\x87\xc7\xba\x00\x00\x00\x88\r\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Z\xac\x0bp\x04\xa5T#\xfeW\x8c\xb1f\xaf\xa4q\xec^?\x00\x9c\x12\x02 *\x94RRJ\xa5\x14c\x8c1\xc6yc\xce\xb4\x9a\xe5I\x1a\xc7\xee\xf5\x03@}\xb0\xc6\x1d\xdc\xc1)\x99C\x1e\x11\t!N~\xdc\xe7\xf3I)\x19\xab\xef\xabm\x1e;{\xbd\xde\x93\x1f4\x07S\xcey\xf4\x8e\xac\xed^?\x004\x08\x02\xa0y(\xa5\x0c\xc3\xd0\xb4\xe3gT\x81@`\xf3\xe6\xcd\x9b6m\xfc\xec\xb3\xcf\xcb\xcb\xcb\x0b\x0b\x0buC\xaf\xff\xb31b\x8aT\xc7\x8b;z\xbd\xde\xbe}\xfb\xf6\xee\xdd\xbb\x7f\xff\xfem\xdb\xb65\x7f\xaa\xeb:\xe7\xbcy\x0f\xa8\xed^?\x004\x02\x02\xa0\x19\x18\x86a\x1e2\x87\xc3\xe1\x95+W\xbe\xf4\xd2K[\xb7n=x\xf0`3\xfe\x13iii}\xfb\xf6\x1d?~\xfc\xd8\xb1c[\xb5jED\xba\xae\x0b!\x9a\xe5h\xda\xee\xf5\x03@\xe3 \x00\x9a\xc4|\xf5\x18c&gt;\x9fo\xde\xbcyK\x97.\xdd\xb1cG\xddOSRS\xda\x9d\xdf6+;\xabC\xceE\xe9\xe9^]7\xea3\xde)R\x9c\xf1H$R\xf0eae\x85\xef\xe0\xfeo+\xca+\xea~\xda\xbaM\xeb\x89\xb7L\x9c:uj\xa7N\x9d\x88HJ\xd9\x94Ci\xbb\xd7\x0f\x00M\x81\x00h\xbc\xba\x03\xe7E\x8b\x16=\xfb\xec\xb3\xbbv\xed2\x1fo\xd7\xbe\xed\xe0\xe1\x83F\x8c\x1e~i\xf7.\xd9\xe7e%\xa7\xa4\x08!\x84\xe0\r{\xa1\x95\x8aD\xf4Pm\xa8\xf4X\xe9\x9e]_\xaf\xff`\xc3\xba5\xebw\x15\xec1\x7f\x98\x9e\x9e\xfe\xc0\x03\x0fL\x9f&gt;\xdd\xe3\xf1\xe8\xba^7u\xe3\xa8\xfa\x01\xa0\x89\x10\x00\x8dd\x8e\x9eEEES\xa6LY\xb5j\x95\xf9`\xe7K;M\xb9\xef\xb61cGg\xb5\xcaPJ\xd5\xd6\x86"\xe1\x884\xa4"\xd5\xf0\xd7\x99q\xc6\x18g.\x97+&gt;!^\xd3\xb4\x80\xdf\xbf\xf1\xe3\xcd\xf3\xfe\xb4p\xdd\x07\x1f\x9b\xbf\xd1\xa9S\xa7\x05\x0b\x16\xe4\xe6\xe6\x9aWh\x1b4\x9db\xf7\xfa\x01\xa0\xe9\x10\x00\x8da\x1e\xb4\xaeZ\xb5j\xca\x9dS\x8a\x0e\x17\x11Q\x87\x9c\x0e\xf7L\x9f\xf6\x93\x1b\xae\xf1\xa4y\x82\xfe`$\x12!\xa2fY\xf1\xa2\x94\x92R\x91RB\x13\xc9)\xc9R\x1ak\xd7|\xfc\xe2ss7\xac\xfd\x94\x88\xe2\xe3\xe3\x9e~\xfa\x99\xfc\xfc\xfc\x06\x8d\xa1v\xaf\x1f\x00\x9a\x05\x02\xa0\xc1\xcc\xd1s\xde\xbcyyyy\xe6#\xb7\xe5M\xfa\xf9o\xa6geg\xf9*|\x86np\x11\xad\x95\x8e\x86a0\xc6\xdc\x9eTC7\x16\xfe\xed\xa59O&lt;\x17\x0c\x04\x89h\xda\xb4is\xe7\xce5\x0c\xa3&gt;C\xb6\xdd\xeb\x07\x80\xe6\x82\x00h\x18s\xe6\xa4n\xf4\xf4\xa6y~\xfb\x87\x997N\x1e\xe7\xaf\xf4\x87\xc3\xe1\x96\x99\xcb6\x87\xd1\x8c\xac\x8c\xad\x9fn\xfb\xf9=\xbf(\xf8r\x17\x9d\x18C\xcfz\x1cm\xf7\xfa\x01\xa0\x19!\x00\x1a\xe0{\xa3gVv\xd6\xdce\x7f\x19zE\xee\xd1#\xc5\x9a\xa6\xb5\xf0\xb0\x15\x89D\xbci\xde\xb2\x92\xb2\xdb\xc7M\xfb|\xcb\x17t\xd2q\xf4\xf7n\xe3:g\xea\x07\x80\xe6\x85\x00\xa8/s`Z\xb3f\xcd\xc8\x91#\x89(=#\xfd\xdfk\x97_\xd8\xe1\xc2\xca\x8aJ\x97\xcb\x15\x93\x92t\xdd\x88O\x88\x13B\xdc\xf2\xe3[?]\xbf\x89\x88f\xce\x9c9c\xc6\x8cS\xae\xab\xb1{\xfd\x00\xd0\xec\x10\x00\xf5b.W/..\xee\xd1\xb3\xc7\xb1\xe2cn\x8f{\xf1\x8ay\xfd\x06\xf5\xf5U\xf84W,\x87*\xc30\xe2\x13\xe2\x03\xfe\xc0\xa4\xb1w\xec\xdc\xfe\x15cl\xd5\xaaU#G\x8e\xfc\xdeq\xb4\xdd\xeb\x07\x80h\xc0=8\xf5b\xee\x940y\xf2\xe4\xe2\xa3\xc5D\xf4\xc4\x1ff\x0c\xbd"\xb7\xb2\xa22\xb6\xa3\'\x11\t!jkj3\xb32^X\xfcGo\x9aG\x91\x9a|\xeb\xe4\xa3G\x8f2\xc6\xcc]}Lv\xaf\x1f\x00\xa2\x01\x01pv\xe6\xd1\xe8\xb2e\xcbV\xaf^MD7\xdf&gt;~\xc2m7\x1e=R\x1c\xab\x99\x93\xef\xd14\xad\xb2\xc2\xd7\xa5k\xa7\x99\xcf\xfe\x9a\x14\x15\x1f-~\xe4\x91G8\xe7u\xe7vv\xaf\x1f\x00\xa2\x04S@g\xa1\x94RJUVV\x0e\x180`\xff\xfe\xfd\xe7_\xd8\xfe\x9d\xf5\xff\x8c\x8f\x8f7\x97\xb2\xc4\xba\xba\xffe\xe8\x867\xc3{\xe7\x8dw\xbd\xfb\xefU\xf1\xf1\xf1\xeb\xd7\xaf\xef\xdb\xb7\xaf\xb9\x15\xb3\xad\xeb\xc7F\x11\x00\xd1\x83O\xd7Y\x98\x8b\xd3\x17-Z\xb4w\xef^)\xe5\xdd\xd3\xa7eeg\x86\xc3aK\x8d\x9eD\xc48\x8b\x84#\xd3\x7f\xf5@|||(\x14\x9a1c\x869\xf4\xdb\xbd\xfeX\xd7\x05p.C\x00\x9c\x89RJ\x08QSS\xb3h\xd1"\xc6\xd8\xc59\x1d\xae\xbf\xe9\xda\xcar\x9f\x05\xd7\xa8p\xce\x83\x81`\xf7\xde\xdd\xae\xb9~\x0c\x11\xad[\xb7\xae\xb0\xb0P\x08\xc19\xb7u\xfd\xb8\x12\x00\x10=\x08\x8031\xefKZ\xb3f\xcdW_}\xa5\x94\x9a\xf6\xe0\x9d\x1e\xaf[\xd7\x1b\xb03~K\xe2\x9c\x87B\xe1\xbc\xff75))\xb1\xaa\xaaj\xfe\x82\xf9\xe6\x83v\xad\x7f\xfe|"B\x00\x00D\x0f\x02\xe0\xec\x16/^\xcc\x18\xcbn\x9d\xfd\xa3\xebF\x07\xfcA\xcb.O\xe4\x9cW\x05\xab\xba\xf7\xee:p\xe8\x00\xc6\xd8\xf27\x96\x07\x83A"2\x0f\xff\xedW\xff\xf2\xe5\xd5\xd5\xd5\x9a\xa6a"\x08 J\x10\x00\xa7e\xce\xff\xf8|\xbe\xcd[6+\xa5\x86^\x91\x9b\xd5*3\x12\x89Xm\xf6\xfcdJ)\xc6\xf8\xa8\x1f\x8fTJ\x1d&gt;|\xb8\xa0\xa0@\xd7\xf5M\x9b6\xd9\xb2\xfe\xa2\xc3\xdb\xb7o\'\x9c\x04\x00D\r\x02\xe0\xb4\xccqg\xeb\xd6\xad\x87\xbe;DD#\xc6\x0c\xb7\xfe\x81\xa8\x10\xa2\xb6\xbaf\xf0\xe5\x03S\xdc)\x86a\xac[\xb7\xee\xcb/\xbf,**";\xd6\xaf\x1b\xef\xae|\x97N|k\r\x004;\x04\xc0i\x99\xe3\xce\xe6-\x9b\x89()%\xe9\xd2\xee]B5!\x8b\xafJd\x8c\x85B\xe1v\xed\xdb\\\xd4\xe1B"\xda\xbe}\xfb\x86\r\x1b\x88()\xd9\x96\xf5o\xdd\xb2\x95\x88,^3\x80}\xe1\xa3uZ\xe6T\xc9\xb6\xad\xdb\x88\xe8\xfc\x0b\xda\xb7n\x93m\xf1\xf9\x13\x93\x9421)\xb1K\xb7ND\xb4c\xc7\x8e\xff\xbe\xfb_"j\x7fA;{\xd5\x7fi\xb7\xceDTXX\x18\x0c\x06qS\x18@\x94 \x00N\xcb\\\x87^RRBD\x19\x99\xe9\xc9)\xc9\x86a\xc4\xba\xa8\xb3SJq!\xceks\x1e\x11\x95\x97\x97\x7f\xfb\xed\xb7d\xdb\xfa+}\x95555\xb1\xae\x08\xe0\x9c\x85\x0085\xf3\x1eT\x9f\xcf\xb7g\xcf\x1e"\xca\xe9\xdcQ\xd8d9\nc\xcc\xd0\xf5\x9c\xce\x1d\x89\xa8\xb8\xb8x\xdf\xde}d\xc3\xfa;v\xbe\x98\x88\xfc&gt;\x7faa!\xe1:0@tX\xee\x86 KQJE\xf4\x08\x11\xa5\xa5\xa7\xd9h"B)\x95\x96\x9eFD\xba\xae\x9bC\xa7M\xeb\x97RZ\xf6\xae\x05\x80s\x00\xce\x00\xce\xc2\x9c4\xb7\xdd0d\x16\\\xf7\xedZ6\xad\x9fN\xbc\xfe\x00\x10\r\x08\x80z\xb1\xdd0\xf4\xbd\x82\xed^?\x00D\x03\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a5\xc5\xba\x00\x008\x0b\xa5T#\xfeW\x8c\xb1f\xaf\xa4q\xec^\xff9\x0c\x01\x00`9J))\xa5R\x8a1\xc6\x18\xe3\xbc1g\xea\xcd\xf2$\x8dc\xf7\xfa\x9d\x03\x01\x00`\x15\xe6\x90GDB\x08!D\xdd\xe3&gt;\x9fOJ\xc9\x18\xab\xe7\xa1\xb4y\xec\xec\xf5zO~\x12s0\xe5\x9cG\xef\xc8\xda\xee\xf5;\x10\x02\x00 \xf6\x94R\x86ah\x9af\x0ey\x81@`\xf3\xe6\xcd\x9b6m\xfc\xec\xb3\xcf\xcb\xcb\xcb\x0b\x0b\x0buC\xaf\xff\xb31b\x8aT\xc7\x8b;z\xbd\xde\xbe}\xfb\xf6\xee\xdd\xbb\x7f\xff\xfem\xdb\xb65\x7f\xaa\xeb:\xe7\xbcy\x0f\xa8\xed^\xbfc!\x00\x00b\xcc0\x0c!\x84\xa6i\xe1px\xe5\xca\x95/\xbd\xf4\xd2\xd6\xad[\x0f\x1e&lt;\xd8\xc4\xa7--)%\xa2\x95+W\x12QZZZ\xdf\xbe}\xc7\x8f\x1f?v\xec\xd8V\xadZ\x11\x91\xae\xebB\x88f9\x9a\xb6{\xfdN\x86\x00\x00\x88\x19sJD\x08\xe1\xf3\xf9\xe6\xcd\x9b\xb7t\xe9\xd2\x1d;v\xd4\xfd4%5\xa5\xdd\xf9m\xb3\xb2\xb3:\xe4\\\x94\x9e\xee\xd5u\xa3&gt;\xe3\x9d"\xc5\x19\x8fD"\x05_\x16VV\xf8\x0e\xee\xff\xb6\xa2\xbc\xa2\xa2\xa2b\xf5\xea\xd5\xabW\xaf\xfe\xcd\x8c\xdfL\xbce\xe2\xd4\xa9S;u\xeaDDR\xca\xa6\x1cJ\xdb\xbd~@\x00\x00\xc4\x86y\xe0LD\x8b\x16-z\xf6\xd9gw\xed\xdae&gt;\xde\xae}\xdb\xc1\xc3\x07\x8d\x18=\xfc\xd2\xee]\xb2\xcf\xcbJNI\x11B\x08\xc1\x1b\xb6\x92F\xa9HD\x0f\xd5\x86J\x8f\x95\xee\xd9\xf5\xf5\xfa\x0f6\xac[\xb3~W\xc1\x9e#EG\xe6\xcc\x99\xb3p\xe1\xc2\x07\x1ex`\xfa\xf4\xe9\x1e\x8fG\xd7uMk\xcc8`\xf7\xfa\x81\x10\x00\x001a\x8e\x9eEEES\xa6LY\xb5j\x95\xf9`\xe7K;M\xb9\xef\xb61cGg\xb5\xcaPJ\xd5\xd6\x86"\xe1H\xc0\x17P\xa4\x1a\xbe\x92\x92q\xc6\x18g\x99\xad2\xdb\x9e\xdfv\xe4\x8f\xae\n\xf8\xfd\x1b?\xde&lt;\xefO\x0b\xd7}\xf0qyy\xf9\xacY\xb3^}\xf5\xd5\x05\x0b\x16\xe4\xe6\xe6\x9aWh\x1b4\x9db\xf7\xfa\xc1\x84\x00\x00hi\xe6A\xeb\xaaU\xab\xa6\xdc9\xa5\xe8p\x11\x11u\xc8\xe9p\xcf\xf4i?\xb9\xe1\x1aO\x9a\'\xe8\x0fV\x94W\x12\x91\xb9\xe2\x85\x8b&amp;MqD"\x91P(LJ\tM\\1j\xf8\xe5W\r]\xbb\xe6\xe3\x17\x9f\x9b\xbba\xed\xa7\xbbw\xef\xbe\xf2\xca\x11O?\xfdL~~\xbe\xb9z\xa7\x9ec\xa8\xdd\xeb\x87:\x98&gt;\x03hQ\xe6\xe89o\xde\xbc1c\xc6\x98\xa3\xe7my\x93\xfe\xf5\xe1\x1b\x93\xa7Md\x8cU\x94V\x98\x07\xd7\xcdu\x85\x931&amp;\x04\x17\x9a "\xbf\xcf_\x15\xac\x1e1\xfa\xf2W\xdeyi\xe6\xb3\xbfNIM\t\x85\xc2\xd3\xa7O\xcf\xcb\xcb\xe3\x9c\x9b\xeb,\xcf\xf9\xfa\xe1d\x08\x00\x80\x96c\xae\x95\x9c7o^^^\x1e\x11y\xd3&lt;/,z\xee\xd9\xbf&gt;\x95\x90\x90PVRFDB\x8b\xe2\xca\x16!\x04\xe7\xdcW\xe9\xaf\xaa\xaa\xbe\xf7gw\xbd\xfe\xee\xcb\x97v\xebLDf=B\x08\xa5\xce2Wc\xf7\xfa\xe1{\x10\x00\x00-\xc4&lt;4\xae\x1b=\xb3\xb2\xb3\x16-\x9f7\xe1\xb6\xf1%\xc5%\xe6\xc0\xda2e\x98\xc3\xe8\xb1\xa3\xc7\xba\xf7\xee\xf6\xca;K{\xf5\xebI\'\xc6P\xf38\xfa\\\xad\x1f~\x08\x01\x00\xd0\x12\xcc\xd1s\xcd\x9a5\xe6\xe8\x99\x9e\x91\xfe\xcf\xf7_\xeb7\xa8\xef\xd1#\xc5.\x97\xab\xe5\'\xaf].\x97\xaf\xd2\x9f\x9c\x9a\xfc\xe6\x9a\xd7\x06\r\x1d@D\xf3\xe6\xcd\x9b5k\x96\x10B\xd7Oq\xd3\x96\xdd\xeb\x87SB\x00\x00D\x9d\x94R\x08Q\\\\&lt;i\xf2$\xc6\x98\xc7\xebY\xf0\xfa\x8b\x17v\xb8\xd0W\xe1s\xb9\\\xb1\xaaJ\xd3D8\x14\x96R\xfe\xed\x1f\x7f\xee\xda\xe32"\x9a5k\xd6\xea\xd5\xab5M3\x0c\xe3\xe4\xdf\xb4{\xfdp:\x08\x00\x80\xa83wJ\x98&lt;yr\xf1\xd1b"z\xe2\x0f3\x86^\x91[YQ\xa9\xb9b\xbc\x0cO\x08Q[S\x9b\x99\x95\xf1\xc2\xe2?z\xd3&lt;\x8a\xd4\xe4[\'\x1f=z\x941v\xf2\\\x8a\xdd\xeb\x87\xd3A\x00\x00D\x979y\xb2l\xd9\xb2\xd5\xabW\x13\xd1\xcd\xb7\x8f\x9fp\xdb\x8d\xe6\xccI\xacK#"\xd24\xad\xb2\xc2\xd7\xa5k\xa7\x99\xcf\xfe\x9a\x14\x15\x1f-~\xe4\x91G8\xe7uWS\xed^?\x9c\x01\x02\x00 \x8a\xcc\xdd\x8c\xcb\xcb\xcb\x1f\x7f\xfcq\xce\xf9\x85\x1d.\xf8\xd5o\x7f\xe1\xab\xf0[\xea\xe6U\x97\xcbUVR&gt;\xfe\xd6qW\x8f\x1dMD\xaf\xbc\xf2\xca\x96-[\xea\x16V\xda\xba\xfeX\x97fu\x08\x00\x80(2\x0c\x83s\xbeh\xd1\xa2\xbd{\xf7J)\xef\x9e&gt;-+;3\x1c\x0e[\xed\x96%\xc6Y$\x1c\x99\xfe\xab\x07\xe2\xe3\xe3C\xa1\xd0\x8c\x193\xcc\xdd\x9b\xed^\x7f\xac\xeb\xb2:\x04\x00@\xb4(\xa5\x84\x10555\x8b\x16-b\x8c]\x9c\xd3\xe1\xfa\x9b\xae\xad,\xf7Y\xea\xf0\xd9\xc49\x0f\x06\x82\xdd{w\xbb\xe6\xfa1D\xb4n\xdd\xba\xc2\xc2Bs\xc1\xa5\xad\xeb\xc7I\xc0\x99!\x00\x00\xa2\xc5\xdc\xa3f\xcd\x9a5_}\xf5\x95Rj\xda\x83wz\xbcn\xcb.R\xe4\x9c\x87B\xe1\xbc\xff75))\xb1\xaa\xaaj\xfe\x82\xf9\xe6\x83v\xad\x7f\xfe|"B\x00\x9c\x19\x02\x00 \xba\x16/^\xcc\x18\xcbn\x9d\xfd\xa3\xebF\x07\xfc\xc1\x93\xbf\xe5\xcaR8\xe7U\xc1\xaa\xee\xbd\xbb\x0e\x1c:\x801\xb6\xfc\x8d\xe5\xc1`\x90\x88\xcc\xc3\x7f\xfb\xd5\xbf|yuu\xb5\xa6i\x98\x08:\x03\x04\x00@T\x98\xf3?&gt;\x9fo\xf3\x96\xcdJ\xa9\xa1W\xe4f\xb5\xca\x8cD"V\x9b=?\x99R\x8a1&gt;\xea\xc7#\x95R\x87\x0f\x1f.((\xd0u}\xd3\xa6M\xb6\xac\xbf\xe8\xf0\xf6\xed\xdb\t\'\x01g\x84\x00\x00\x88\ns\xdc\xd9\xbau\xeb\xa1\xef\x0e\x11\xd1\x881\xc3\xad\x7f *\x84\xa8\xad\xae\x19|\xf9\xc0\x14w\x8aa\x18\xeb\xd6\xad\xfb\xf2\xcb/\x8b\x8a\x8a\xc8\x8e\xf5\xeb\xc6\xbb+\xdf\xa5\x13\xdfZ\x03\xa7\x84\x00\x00\x88\ns\xdc\xd9\xbce3\x11%\xa5$]\xda\xbdK\xa8&amp;d\xf1\xaf\xafb\x8c\x85B\xe1v\xed\xdb\\\xd4\xe1B"\xda\xbe}\xfb\x86\r\x1b\x88()\xd9\x96\xf5o\xdd\xb2\x95\x88,^sl\xe1\xa5\x01\x88\ns\xaad\xdb\xd6mDt\xfe\x05\xed[\xb7\xc9\xb6\xf8\xfc\x89IJ\x99\x98\x94\xd8\xa5[\'"\xda\xb1c\xc7\x7f\xdf\xfd/\x11\xb5\xbf\xa0\x9d\xbd\xea7w\t-,,\x0c\x06\x83\xb8)\xec\x0c\x10\x00\x00Qa\xaeC/))!\xa2\x8c\xcc\xf4\xe4\x94d[lP\xa3\x94\xe2B\x9c\xd7\xe6&lt;"*//\xff\xf6\xdbo\xc9\xb6\xf5W\xfa*kjjb]\x91\xa5!\x00\x00\x9a\x9fR\x8as\xee\xf3\xf9\xf6\xec\xd9CD9\x9d;\n\x9b,Ga\x8c\x19\xba\x9e\xd3\xb9#\x11\x15\x17\x17\xef\xdb\xbb\x8flX\x7f\xc7\xce\x17\x13\x91\xdf\xe7/,,$\\\x07&gt;=\xcb\xdd\xd0\x01p\xcePJE\xf4\x08\x11\xa5\xa5\xa7\xd9h"B)\x95\x96\x9eFD\xba\xae\x9bC\xa7M\xeb\x97RZ\xf6\xae\x05\x8b\xc0\x19\x00@\x14\x99\x93\xe6\xb6\x1b\x86\xcc\x82\xeb\xbei\xdd\xa6\xf5\x13\xbe%\xf8l\x10\x00\x00Qg\xbba\xe8{\x05\xdb\xbd~8\x1d\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n\x01\x00\x00\xe0P\x08\x00\x00\x00\x87B\x00\x00\x008\x14\x02\x00\x00\xc0\xa1\x10\x00\x00\x00\x0e\x85\x00\x00\x00p(\x04\x00\x00\x80C!\x00\x00\x00\x1cJ\x8bu\x01\xf5\xa2\x94j\xc4\xff\x8a1\xd6\xec\x95\x80\x1d\xa1\x7f\xa0)\xce\xe1\xfe\xb1h\x00(\xa5\xa4\x94J)\xc6\x18c\x8c\xf3\xc6\x9c\xa94\xcb\x93\x80\x1d\xa1\x7f\xa0)\x9c\xd3?\xd6\n\x00\xf3%#"!\x84\x10\xa2\xeeq\x9f\xcf\'\xa5d\x8c\xd53\x8a\xcd\xec\xf5z\xbd\'?\x89\xf9fp\xcem\x91\xcc\xd0\x08\xe8\x1fh\n\x07\xf6\x8fU\x02@)e\x18\x86\xa6i\xe6K\x16\x08\x046o\xde\xbci\xd3\xc6\xcf&gt;\xfb\xbc\xbc\xbc\xbc\xb0\xb0P7\xf4\xfa?\x1b#\xa6Hu\xbc\xb8\xa3\xd7\xeb\xed\xdb\xb7o\xef\xde\xbd\xfb\xf7\xef\xdf\xb6m[\xf3\xa7\xba\xaes\xce\xad\x19\xc8\xd08\xe8\x1fh\n\xc7\xf6\x8f%\x02\xc00\x0c!\x84\xa6i\xe1px\xe5\xca\x95/\xbd\xf4\xd2\xd6\xad[\x0f\x1e&lt;\xd8\xc4\xa7--)%\xa2\x95+W\x12QZZZ\xdf\xbe}\xc7\x8f\x1f?v\xec\xd8V\xadZ\x11\x91\xae\xebB\x08K\xa514\x0e\xfa\x07\x9a\xc2\xc9\xfd\x13\xe3\x000O\xa9\x84\x10&gt;\x9fo\xde\xbcyK\x97.\xdd\xb1cG\xddOSRS\xda\x9d\xdf6+;\xabC\xceE\xe9\xe9^]7\xea\xf3z)R\x9c\xf1H$R\xf0eae\x85\xef\xe0\xfeo+\xca+***V\xaf^\xbdz\xf5\xea\xdf\xcc\xf8\xcd\xc4[&amp;N\x9d:\xb5S\xa7ND$\xa5\xb4H\x14C#\xa0\x7f\xa0)\xd0?\xb1\x0c\x003x\x89h\xd1\xa2E\xcf&gt;\xfb\xec\xae]\xbb\xcc\xc7\xdb\xb5o;x\xf8\xa0\x11\xa3\x87_\xda\xbdK\xf6yY\xc9))B\x08!x\xc3\xae\xc4+\x15\x89\xe8\xa1\xdaP\xe9\xb1\xd2=\xbb\xbe^\xff\xc1\x86uk\xd6\xef*\xd8s\xa4\xe8\xc8\x9c9s\x16.\\\xf8\xc0\x03\x0fL\x9f&gt;\xdd\xe3\xf1\xe8\xba\xaei\x968\x13\x82\x06A\xff@S\xa0\x7f(\x86\x01`\xbe\xfaEEES\xa6LY\xb5j\x95\xf9`\xe7K;M\xb9\xef\xb61cGg\xb5\xcaPJ\xd5\xd6\x86"\xe1H\xc0\x17P\xa4\x1a\xbe\x12\x8bq\xc6\x18g\x99\xad2\xdb\x9e\xdfv\xe4\x8f\xae\n\xf8\xfd\x1b?\xde&lt;\xefO\x0b\xd7}\xf0qyy\xf9\xacY\xb3^}\xf5\xd5\x05\x0b\x16\xe4\xe6\xe6\x9aWxb~:\x06\xf5\x87\xfe\x81\xa6@\xff\x98b\x13\x00f\xe8\xadZ\xb5j\xca\x9dS\x8a\x0e\x17\x11Q\x87\x9c\x0e\xf7L\x9f\xf6\x93\x1b\xae\xf1\xa4y\x82\xfe`Ey%\x11\x99W\xcc\xb9h\xd2)R$\x12\t\x85\xc2\xa4\x94\xd0\xc4\x15\xa3\x86_~\xd5\xd0\xb5k&gt;~\xf1\xb9\xb9\x1b\xd6~\xba{\xf7\xee+\xaf\x1c\xf1\xf4\xd3\xcf\xe4\xe7\xe7\x9bW\xff\xf1\x19\xb6\x05\xf4\x0f4\x05\xfa\xa7N\x0c\xa6\x9f\xccW\x7f\xde\xbcyc\xc6\x8c1_\xfd\xdb\xf2&amp;\xfd\xeb\xc37&amp;O\x9b\xc8\x18\xab(\xad0\xc3\xb9\xb9\xae\x900\xc6\x84\xe0B\x13D\xe4\xf7\xf9\xab\x82\xd5#F_\xfe\xca;/\xcd|\xf6\xd7)\xa9)\xa1Px\xfa\xf4\xe9yyy\x9css\x9dV\xd3\xffE\x88*\xf4\x0f4\x05\xfa\xe7d-\x1d\x00\xe6Z\xaby\xf3\xe6\xe5\xe5\xe5\x11\x917\xcd\xf3\xc2\xa2\xe7\x9e\xfd\xebS\t\t\te%eD$\xb4(^\x19\x17Bp\xce}\x95\xfe\xaa\xaa\xea{\x7fv\xd7\xeb\xef\xbe|i\xb7\xceDd\xd6#\x84P\xaa\x11\xe7z\xd0r\xd0?\xd0\x14\xe8\x9f\xefi\xd1\x000\xa3\xb5\xee\xd5\xcf\xca\xceZ\xb4|\xde\x84\xdb\xc6\x97\x14\x97\x98oL\xcb\x94a\xbe\r\xc7\x8e\x1e\xeb\xde\xbb\xdb+\xef,\xed\xd5\xaf\'\x9dx\x0f\xcc\x1cn\x992\xa0\xa1\xd0?\xd0\x14\xe8\x9f\x1fj\xb9\x000_\xfd5k\xd6\x98\xaf~zF\xfa?\xdf\x7f\xad\xdf\xa0\xbeG\x8f\x14\xbb\\\xae\x96\x9f\xfcr\xb9\\\xbeJ\x7frj\xf2\x9bk^\x1b4t\x00\x11\xcd\x9b7o\xd6\xacYB\x08]o\xc0M\x1f\xd02\xd0?\xd0\x14\xe8\x9fSj\xa1\x00\x90R\n!\x8a\x8b\x8b\'M\x9e\xc4\x18\xf3x=\x0b^\x7f\xf1\xc2\x0e\x17\xfa*|.\x97\xabej\xf8!M\x13\xe1PXJ\xf9\xb7\x7f\xfc\xb9k\x8f\xcb\x88h\xd6\xacY\xabW\xaf\xd64\xcd0\x8cXU\x05?\x84\xfe\x81\xa6@\xff\x9cN\x0b\x05\x80y\xa7\xf5\xe4\xc9\x93\x8b\x8f\x16\x13\xd1\x13\x7f\x981\xf4\x8a\xdc\xca\x8aJ\xcd\x15\xe3\x05\xd4B\x88\xda\x9a\xda\xcc\xac\x8c\x17\x16\xff\xd1\x9b\xe6Q\xa4&amp;\xdf:\xf9\xe8\xd1\xa3X\xcea5\xe8\x1fh\n\xdb\xf5O\xcb\xcc\x05\xb5D\x00\x98\'_\xcb\x96-[\xbdz5\x11\xdd|\xfb\xf8\t\xb7\xddh\x9ey\xb5\xc0\xbf~V\x9a\xa6UV\xf8\xbat\xed4\xf3\xd9_\x93\xa2\xe2\xa3\xc5\x8f&lt;\xf2\xc8\xc9\xbb8A\xcc\xb9\\.\xf4\x0f4\x9a\xed\xfa\x87s\xde2W\x83\xa3\x1e\x00\xe6n\xa8\xe5\xe5\xe5\x8f?\xfe8\xe7\xfc\xc2\x0e\x17\xfc\xea\xb7\xbf\xf0U\xf8-u\xf3\xa4\xcb\xe5*+)\x1f\x7f\xeb\xb8\xab\xc7\x8e&amp;\xa2W^ye\xf3\xe6\xcdu[\x03B\x0c\x99\x1f\x83\xb2\xb22\xf4\x0f4\x82M\xfbg\xcb\x96--sA8\xea\x01`\x18\x06\xe7|\xd1\xa2E{\xf7\xee\x95R\xde=}ZVvf8\x1c\xb6\xda92\xe3,\x12\x8eL\xff\xd5\x03\xf1\xf1\xf1\xa1Ph\xc6\x8c\x19\xc7w\x7f\xc5\xa2\xbe\x982/\x88-X\xb0\x00\xfd\x03\x8d`\xfb\xfe\x89\xb2\xe8\x06\x80RJ\x08QSS\xb3h\xd1"\xc6\xd8\xc59\x1d\xae\xbf\xe9\xda\xcar\x9f\xa5\xe2\xd7\xc49\x0f\x06\x82\xdd{w\xbb\xe6\xfa1D\xb4n\xdd\xba\xaf\xbf\xfe:%%\x05\x07q\xb1\xe5r\xb9\xa4\x94\xe8\x1fh\x1c\xfb\xf6Oaa\xa1\x10"\xda\xfd\x13\xdd\x000\xf7\xb8X\xb3f\xcdW_}\xa5\x94\x9a\xf6\xe0\x9d\x1e\xaf\xdb\xb2\x8b\xe48\xe7\xa1P8\xef\xffMMJJ\xac\xae\xae^\xb0`ABB\x02&gt;\xc0\xb1\xe5v\xbb\xd7\xaf_\xbfk\xd7.\xf4\x0f4\x82M\xfb\xa7\xaa\xaaj\xfe\xfc\xf9Dd\xef\x000-^\xbc\x981\x96\xdd:\xfbG\xd7\x8d\x0e\xf8\x83\x96\xbd&gt;\xc69\xaf\nVu\xef\xddu\xe0\xd0\x01\x8c\xb17\x96\xbfQ\\\\\x1c\x1f\x1f\x17\xeb\xba\x1c\x8d1f\x1e\xbe\xa1\x7f\xa0\x11\xec\xdb?\xcb\x97/\xaf\xae\xae\xd64-\xaa\x13AQ\x0c\x00s\xfe\xc7\xe7\xf3m\xde\xb2Y)5\xf4\x8a\xdc\xacV\x99\x91H\xc4j\xb3o\'SJ1\xc6G\xfdx\xa4R\xea\xbbo\xbf\xdd\xb6m[bRR\xac\x8br\xb4\xc3\x87\x0fo\xd9\xb2\x05\xfd\x03\x8dc\xdf\xfe9\\tx\xfb\xf6\xed\x14\xe5\x93\x80(\x06\x80Y\xf7\xd6\xad[\x0f}w\x88\x88F\x8c\x19n\xfd\xebaB\x88\xda\xea\x9a\xc1\x97\x0fLII\x89D\xf4\x95+W\xc6\xc5\xe1\x08.f4M\xfb\xf4\xd3O\xf7\xec\xd9C\xe8\x1fh8\x1b\xf7\x8f;\xc5\xd0\x8dwW\xbeK\'\x162EIt\xcf\x00\x88h\xf3\x96\xcdD\x94\x94\x92ti\xf7.\xa1\x9a\x90\xc5\xbf&gt;\x891\x16\n\x85\xdb\xb5os\xe1\xc5\x17\x10\xd1\x96\xad[\xf4\x88NDX\xcc\x11\x13qqq[\xb7n\xd5u=!1\x01\xfd\x03\re\xdf\xfe\xb9\xa8\xc3\x85D\xb4u\xcbV"\x8aj\xcdQ|j\xf3Tk\xdb\xd6mDt\xfe\x05\xed[\xb7\xc9\xb6\xf8\xf9\x97IJ\x99\x98\x94h\xee\xd2WXPX\\\\LD\xf8\xfc\xc6D8\x1c\xde\xbau+\x11\xb5?\xbf\x1d\xfa\x07\x1a\xca\xf6\xfdSX\x18\x0c\x06\xa3zSXt\x03@)URRBD\x19\x99\xe9\xc9)\xc9\xb6\xd8 E)\xc5\x858\xaf\xcdyD\x14\x08\x04jkkc]\x91sI)+**\x88(\xb3\x15\xfa\x07\x1a\xcc\xee\xfdS\xe9\xab\xac\xa9\xa9\x89\xea?\x17\xad\x00PJq\xce}&gt;\x9f9\x01\x97\xd3\xb9\xa3\x88\xf2\xe5\xec\xe6\xc2\x183t=\xa7sG\xf3?[\xff\x90\xe1\xdcf.\xd9\xbe\xa4\xcb%\xe8\x1fh\x04\x9b\xf6O\xc7\xce\x17\x13\x91\xdf\xe7/,,\xa4h^\x07\x8e\xfa\x8d`\x11=BDi\xe9i-\xb6\xbbE\xd3)\xa5\xd22\xd2(\xca\x97_\xa0\xfe\xd0?\xd0\x14\xf6\xeb\x9f\xf44"\x92RF\xfb\xae\x85\xa8_\x121\x8f\x80,{\xf3\xc5\xe9\xd8\xae\xe0s\x9b\xed\xde\x0e\xdb\x15|n\xb3\xdd\xdbQWp\xb4\xcf [\xe8\x9a\xb8\xedN\x84mW\xf0\xb9\xcdvo\x87\xed\n&gt;\xb7\xd9\xee\xedh\xb1\x82-\xbd(\n\x00\x00\xa2\x07\x01\x00\x00\xe0P\x08\x00\x00\x00\x87B\x00\x00\x008\x14\x02\x00\x00\xc0\xa1\x10\x00\x00\x00\x0e\x85\x00\x00\x00p(\x04\x00\x00\x80C!\x00\x00\x00\x1c\n\x01\x00\x00\xe0P\x08\x00\x00\x00\x87B\x00\x00\x008\x14\x02\x00\x00\xc0\xa1\x10\x00\x00\x00\x0e\x85\x00\x00\x00p(\x04\x00\x00\x80C!\x00\x00\x00\x1cJ\x8bu\x01N\xf4\xc3\xef&amp;\xb5\xd77\x16\xd9\xbd\xfes\xc0\xf7\xde\x02\xdb\xbd\xfe\xa8\xdf"\xec\x1d\x00\xd2\x90RI\xf3?3bB\x13\xb1\xad\xe7\x0c\x94RRJR\xc49\x17\x9a\xe0\x9c3\xce\x18\x91TJ\x1a\xd20\x0c)%\x11q\xce\xad\xd9Lv\xaf\xff\x94l\xd4?T\xf7\x16\x10\t.4M3_j\xa5\x94!\rC7\xa4!\x19c\\X\xf7\x9c\xde\xee\xf5K)\x95T\xc4\x98\x10\xfcD\xfd\xa4\x14I)\r\xc30\x0c\x83\x88\x04\x17d\x9b\xf6\'\xb2o\x00(ER\x1anw\xaa+&gt;\x8e\x14\x11#%\xa5\xdf\x17\xf8\xe1\xc1i\xcc\x99}\x13\x17\xefJLJ\x15\x82\xd7\xd6\x86\x82\xfe`uUummH)\x15\x1f\x1f\x97\x98\x94\x98\xeaIMLJ\x94\x86\xac\xae\xaa\x8eD"BXh$\xb2{\xfd\xa7d\xa3\xfe\xa1\x13Cg\\\\\\Rr\x12cTUU\x1d\xf0\x05\xaa\xabk\xf4H\xc4\x15\xe7JJJ\xf6xS\x13\x93\x12\xf5\x88\x1e\x0cV)\xa9\xac6\x8c\xda\xba~\xa5\x944\xa4\xd0DrJr\\\\\x9c\xa1\xebUU\xd5~\x9f\xbf\xb6\xa66\x12\x89h\x9a\x96\x98\x94\xe8\xf6\xb8\xdd\x1e\xb7\x942\x18\x08\x1a\x86a\xfd\xfe\xafc\xcb\x00\x90Rr\xc6\xd23\xd2\xdfy\xf3\xbf_l\xdb\xce9WR%\xa7$M\x9a:1&gt;&gt;\xce&lt;\xca\xb0\x02\xb3u\x12\x93\x13\x13\x13\x13\x8e\x14\x15\xbf\xbf\xf2\xc3O\xd6m*\xd8Qx\xb4\xe8\xa8\xaf\xd2\x17\x89\xe8\xa4\x94\xd0\xb4\x94\xd4\x94\xf3\xdad_\xd6\xbd\xcb\xd0\x11C\x86\x0c\x1f\x9c\x91\x95\xe1\xab\xf4\x91\x05\xce+\xed^\xff\xe9\xd8\xa5\x7fL\x86n$$%$&amp;&amp;\x16\x1d*\xfa\xef[+?\xfehC\xe1\x97\xbb\x8f\x16\x1d\xad\xae\xae6\x0c)\x84HIMi\xd3\xaeu\xaf\xbe=\xae\xbcz\xc4\xa0\xa1\x03\\q\xae\x80?`\x9d1\xc8\xd6\xf5K)\xe3\xe3\xe3\x93\x92\x13\xfd\xbe\xc0\xb6M\x9fm\\\xbf\xf9\x8bm\xdb\x0f\xee\xff\xb6\xf4XiMM\xad4\x0c\xc6yRR\xe2ym\xcf\xeb\xda\xfd\xd2+\xaf\x1e1\xec\xca!n\x8f\xdb\xef\xf3[\xa4\xfe\xb3\xb2_\x00\xe8\xba\x91\x98\x98\xc0\x05\x7f\xf2\xd1\xa7\xff&lt;\xfb\xafu\x8f\xc7\xc7\xc7\x8f\xbf\xf5\xc6\x84\x84x\xa5\x94\x15\x86\x1e)\xa5\xcb\xe5J\xf6&amp;\x17\xee\xdc\xf5\xea\x92\xd7\xdfy\xf3\xbfE\x87\x8e\x9c\xf27\x83\x81\xe0\xd1\xa2\xa3_l\xdd\xfe\xf2\xc2W/\xbc\xf8\x82\xbc\x07\xee\x9cx\xe7\xcd\xe1PX\xd7u\xcecv(d\xf7\xfaO\xc7.\xfdCDRJ\xc6Xzf\xda\xd7\xbb\xf6\xbd4\xf7\x1f\xffZ\xfe\xce\xb1\xa3\xc7~\xf8kU\xc1\xaa\xe2#\xc5\x9fo\xf9b\xe1\xdf\x96\xf4\x1b\xd4\xe7\xa7\x8f\xe6\x0f\x1f9\xb4\xb2\xc2\x17\xf3\x17\xdf\xee\xf5+\xa9\x92\x92\x13\x0f\x7f[\xf4\xd6\xebo\xbf\xf3\xe6\x7f\n\xbe\xdcu\xca_\xab\xae\xaa.-)\xdb\xf9\xc5W\xaf\xbe\xf4\xc6e=.}\xe87?\x1du\xcdU\xbe\xca\xd8\xd7_\x1f6\x0b\x00]\xd7\xbdi\x9e\xa2CG\x1f\xba\xef\x91\x8f\xde[\xcb9\xaf\x9b\x89K\xcfL\xb3\xc8\xe7\x96\x88\x94R\t\x89\t\xfeJ\xff33\xe7\xbc\xbc\xf0\xd5\xea\xaaj"\xe2\x82\x0b!\x181y\x02\x11q\xce\x85\xe0DL*\xa9\xa4\xfaf\xdf\xc1_\xe5\xfff\xc3G\x9f\xfca\xeel\xcd\xa5\x19\xba\x11\x93?\xca\xee\xf5\x9f\x8e]\xfa\x87\x88\x94RI\xc9I\x86n\xfc\xf9\xd9\xbf\xbe0\xe7E\xf3\xa4J\x08a\x16,\xa521\xc68\xe7J)EJJ\xb9\xe5\xd3m7\xffx\xf2/g=\xf4\xc0\xc3\xf7\xfa}\xfe\x18\x8eAv\xaf\xdf0\xa4\xdb\x93\xf2\xdaK\xcb\x1f\xff\xe5\xef\xcc\xe2\x89Hsi\x9cq\xb3T%\x15\x111\xc6\xea.\x86)\xa9\xbe\xda^p\xfb\rS\x1f}\xf2\x97\xf7\xfe\xec.\x7f\x85\xdfRsY\xa7d\x9b\x00PR)\xa52\xb32&gt;Z\xbd\xeegw\xff\xe2\xd0\xb7\x875M\x18\x86\xd4u\xfd\xf8\xa5$\xdd\x88u\x8d\xc7)\xa9\xe2\x13\xe2\x0f\xec\xfdf\xd2uw\x14}WDDB\x13\x8c\x98a\x18\x11#R\xf7k\x9cs"U7\x922\xceH\x11\xe3L\x08\xf1\x9f\xb7VF"\xfa\xdcW\xfe\x1a\x93?\xca\xee\xf5\x9f\x92\x8d\xfa\x87\x88\x94R\x9a\xa6\xed\xffz\xffc\xd3gnX\xfb)\x11\tM\x90"\xa5T$\x12\xf9\xde/\x9b\x97\x1f\xcd\x89,!\x84R\xea\xe9\x19\xb35M\xdc\xf7\xf3\xbb+\xca*cre\xdb\xee\xf5\x9b\x94\xa2\xacVY\xbeJ\x9f\xcb\xe5"")\xa5\x1e\xd1O\xf1{\x06\xd1\x89\tOs\xc4\x7f\xf2\xd1\xa7\xb3Ze\x8e\x9f&lt;\xae\xb2\xa2\xd2\xe2sA\xf6\x08\x00\xc30\xe2\xe2\xe2\x12\x93\x12_\x98\xf3\xe2\xef\x1e{\xc60\x0c\xa1\t\xc3\x90\xd6\xbcd\xc7\x18\x8bD"\xad\xce\xcbj\x95\x9dy\xe4\xd0\x11M\xd3t]7K\xcd\xe9\xdcq\xe8\x15\xb9=\xfavo\xd3\xb6uRr\x12\x11\xf9}\xfe=\x85_\xbf\xfb\xef\xf76\xae\xdfDD\xa4H\x97\xba\xcb\xa5\xbd\xf7\x9f5K\xfe\xbe4\xef\xc1\xa9\x15\xe5\x15-\xdcCv\xaf\xff\x87\xec\xd5?&amp;\xcd\xa5\xfd\xfc\x9eG\xb6m\xfa\xcc\xe5r\xe9\x86NJ\x19\x86$\xa2\x9c\xce\x1d\x87\\\x91{Y\xf7.Y\xd9Y.\x97\xe6\xf7\x05\xbe\xda^\xf0\xce?\xff{`\xef7\x8c3\xc30\xcc\x0c~\xea7\xb3\xfb\xe7\xf6\xeb\xd9\xa7{UUuL\x8e\xa3\xed^\xbf\x10&lt;\x18\x08^y\xf5\x15CG\x0cY\xff\xc1\xc7\xe6\x83\x99Y\x19\xfd\x06\xf7\xed\xd1\xa7\xfb\x85\x1d.\xf0x\xddB\x88\xaa\xaa\xea}{\xf6\xbf\xff\xee\x87\x9f\xae\xdfHD\xcaP\xe6\xea\xa6\xc7\x7f\xf9\xe4\x90+\x06{\xd3\xbdzD\xb7\xd4\x99\xe5\xf7\xd8 \x00\xf4\x88\xee\xf6\xa6\xfa*\x03?\xbb\xfb\x17\xffz\xe3mb$\x840\x8f\xd7\xe2\xe2\xe3\xc2\xa1p\xac\x0b\xfc\x01F\x86a\xb8=\xee\xe7\x17\xfc\xe1\'\x97\xff\x8f\xbf\xd2OD#F\x0f\x9fr\xef\xed\xfd\x07\xf75W\x0b\x18\x86!\rID\\\xf0\xe1#/\x9fr\xdf\xed\xaf,z\xed\xb1\xe93\xcd\xa1\xd60$c\xec\xef\xcf\xcf\xbf\xe1\xe6\xeb\xe3\x13\xe2\rC\xb6h\x0b\xd9\xbd\xfe\xff\xcb~\xfdsb\x99\xf9o\x9ezd\xe2\xb5w\xd4T\xd7(\xa9\x0cR\xbd\xfa\xf5\xbc\xf7\xa7w]~\xd5P\xb7\xc7-\x95\x94\x86$R\x8c\xf1\xebo\x1a\xfb\xc0\xc3\xf7\xfc\xfe\x89\xe7\xff\xfe\xa7\xf9\x9cs)%\t2\x0c\xe3O\xcf\xfee\xc9\x8a\xf91\xc98\xbb\xd7\x7f\xf2_q\xc7\xdd\x93\xd7\x7f\xf0\xf1\xa0a\x03\xc7\xddr\xfd\xe5W\rm\xdd\xb6\xb5\x10\xc20\x0c\xa5\xa4R\xc4\x19\x13cG\xdd\x9d?\xed\x8d\x7f\xacx\xe4\xc1\xc7B\xe1\xb0R\x8as^^V\xf1\xcf\xd7\xfe\xf5\xc0C\xf7\x96\x97VXyy\xb1\xd5\xa7\xa8\x94R\x19Y\x19_~\xfe\xd5\xff\x8c\x1c\xff\xaf7\xde\x16B\x08.\xccs\xc6G\x9ex8\xa7SG:&gt;\x17a-\x9c\xf3\x80?\xd0\xe9\xd2K\x1e}\xe2\x17\x9d\xbbvZ\xbcb\xdeK\xff\\8|\xe40\xa5TyiyeEe0\x10\xac\xae\xae\xae\xae\xae\x0e\x06\x82\xe5e\xe5\x81\xca\xc0\xb4{\xa7\xfc\xea\xb7\xbf\x90R2\xce\xa4\x94\xc4X\xd1\xa1#[7~\x96\x98\x94\xa8Z|]\x8a\xdd\xeb\xafc\xdf\xfe\xa9\xae\xaa\x1e8t\xe0S\xcf?a\x18Fbb\xc2\x8cg\x1e]\xb1\xea\x95k\xae\x1f\xa3\x94*+-\xaf,\xaf\xf4\xfb\x02\x01_\xd0W\xe9+-)S\x8a\x9e|\xfe\xf1\x89Sn\x96R\n\xc1\xcd\xab\xaf\xeb?\xd8\xf0\xf5\xae}\x89\x89\t\xb2\xc5\x07Q\xbb\xd7o\x12BTUU\xf5\xcf\xed\xf7\xe6\x9a\xd7\x96\xbd\xbd\xe4\x96;&amp;x\xd3\xbc\xbeJ_yi\xb9\xaf\xd2\x17\xf0\x05\x83\x81\xa0\xcf\x17(+\xad\xf0U\xfan\x9fv\xeb\xc33\x7f\xa6\xa4\xe2\x9c\x11\x11cl\xed\xea\xf5\x91p\x84q\xeb\x1e\xfe\x93\xc5\x03@)\xe5\x8as-[\xfc\xda\xb8Q\x13\xf6\x14|m\xce$\x18\x86\x11\x1f\x1f\xff\xe7E\xcf\xdd3=\xaf\xb2\xa22\xd65\x9e\x96\xa6i\xbe\n\xdf\xf5\x13\xae}s\xf5k#\x7ftU\xc0\x1f\xf0\xfb\xfcD$4a^\n\xab\xa3i\x1a\x17\xbc\xf8\xd8\xb1[\xee\xb8\xe9\x82\x0e\x17HCr\xce\x05g\x8c\xb1\x82\x9d\x85\x9aK\x8b\xc9\x07\xc0\xee\xf5\x93\xcd\xfbG\x08QVZ\xfe?7_\xf7\xeb\xa7~\xb5\xe4\xcd\x05\x0f&lt;|_8\x12\xa9\xac\xf0\x11\x91\xa6\ta\xbe\t\x82\x0b!4M\x93\x86\xf4U\xf8\x1e|\xf8^\xb7\'\xd5\x9cia\x9c\x85jC;&gt;\xff2&gt;!&gt;&amp;\x01l\xf7\xfaMJ\xaa\xb8\xb8\xb8\xbe\x03\xfa\x84jC\x15e\x15\xba\xae\x0b!\x8e\x7f\x04\x047W@\x98\x7fNIi\xc9\xff\xdc|]FV\x86Y\xbfR\xea\xe0\x81o}\x95~M\x13V\x9ei\xb4n\x00HC\xa6\xa4\xa6\xbc\xff\xee\x87?\xcd{\xa8\xa6\xa6\x96snNM\xb4;\xbf\xed\xb2w^\x9ap\xeb\x8d\xc5G\x8aC\xa10\x11)\xb2\xee\xebk^\r3\xd7\x84\x9da*\x9c1f\xfe\xbd\xbd\xfb\xf5\xa0\x13\x17\x94\xcc\xc3mR\xb1\xbc\xb5\xd0\xbe\xf5\x9f\x03\xfd#\x04\xf7\xfb\xfcw\xe7O\x1b\x90\xdb\xaf\xf8\xc81\xc6\xd8\xe9\xde\x02.x(\x14j\xd3\xbeM\x8f\xde\xdd\x89\xe8\xf8\xda&amp;\xa2\x83\xfb\xbf5/\xab\xb6h\xdd\'\xd8\xbd~\x93R\xaa\xaa\xaa\x8a1&amp;4q\xba\xd9|\xc6\x98\x94\xd2\xe3\xf1\\pQ{"2;&gt;\x18\x08\xd6\xd6\x86\x98\xf5\xce/Of\xdd\xe2\xb8\xe0U\xc1\xaaaW\x0e\xb9\xfc\xca\xa1J)\xa1\tC7r\x87\x0fzs\xcd\xeb\xfd\x07\xf7-+-g\x8c\x1f\xbf(o\xd1\xcf\xefqR\xcaz^\x05e\x8cy\xd3\xbcDT7dZ\xe1\xf2\x91M\xeb?7\xfa\x87s\xee\xab\xf4UW\xd7h\xf5\x98G\xd64\xd1\xf6\xfc6D\xe6\xeb\xcf\x88(\x18\x08\x92y\xa3s\x8c\xd8\xbd~S}&amp;\t\x95"b\xc4\x18\xa7\x13\xe52;l\x8bb\xdd\x00 ")U|B\xfcs\xf3f\xb7m\xdf6\x12\x8e\xdcq\xcfmK\xff\xb90\xabU\x86\xbf\xd2\xefr\xb9\x94\x92V\xbbi\xf3\x94\xea\xdb\x04\x8c\x94R\x01\x7f\xc0\xfco\x8a\x881\xcaj\x95I,\xc6\x03\x94}\xeb?7\xfa\xc7\x9cp\xab\xe7/\x7f\xef75\x97\x8b\x88b\x1bqv\xaf\xbf^\x14\t\xc1\xab\xab\xaa\x8b\x8f\x14\x93\x19\x06D\x1e\xaf;1)A\x1a\x92\xc5:\xc0\xce\xc0\xd2\xab\x808g5U5\xe7\xb5\xc9~\xf6/\xbf\xdb\xb7g\xdf]\xffo\xaa\xaf\xc2oH\xc3\xbc\xaa\xae\x14\xd9\xa03\xea\x8ds^S]\xb3s{\x01\x11)\xa9\xcc5\x08]\xbau\xd1#:\xb7\xf6u$\x93\x05\xebwT\xff\x10\x91\x94\xaa\xbc\xac\x82\xc8\x9c\xd5RD\x94\x99\x95\xa1\x94\xb2\xf2\x00t2\xfb\xd6o\x18\x86;\xd5\xbd\xfe\xc3\r\x87\xbf+\xaa\xbb\x08\xdc\xa1\xe3En\x8f;\xe0\x0fXp\x95A\x1dK\x07\x00\x11\tM\xf8*\xfd\x83/\x1f8|\xe4\xb0\xf2\xb2\x8a\xba\xfb\x06c]W3\x0b\x87#Y\xad2\xde{g\xcd\xee\x82=\xe6\xb2\x01\xa5\xa8\xdd\x05\xedz\xf7\xefY]Um\xf1\x85\x04d\xe1\xfa\x1d\xd2?d.Y\tV\xed\xdb\xbd\x9f\x88\xcc\x9bl\x89\xa8\xe3%\x1dt\xdd \xcbOD\x90\x9d\xeb\x97R\nM\xe8\x11\xfd\xf7O\xfcQ)e\xce\x02)\xa5F^s\x95\x10BIe\xe5y\x16\x0b\x97v\x02\xe7\xbc\xb6\xa6\xd6\xbc\x0ei\xfd9\xb53P\xeaxg\xd71\x17\xd4\xeb\xba\x91\x91\x99^t\xe8\xc8\xac_&gt;I\xa4\x181\xf3\xc2W\xde\x83w\xa6g\xa4\xeb\xban\x91# \x9b\xd6\x7f\xce\xf4\xcf\x19H)\x13\x12\x13\xf6\x14\xec\xd9\xbf\xf7\x00c\xcc\x1cB\xd32\xd2\xbat\xeb\\[[k\xfd3H\xfb\xd6o\xae[MMM\xf9\xe5\x83\x8fn\xdd\xb8\xcd&lt;\xd87\x0c\xe3\xa2\x8b/\x1c;\xee\xc7\x01\x7f\x80\xc7\xfa.\xc83\xb3A\x00\xd0\xf1\rg,\xfd:\xd6\x07\xe7\xacn\xe9\xa4\x10Bsi\x89I\x89i\xe9^o\x9a\xe7\x93u\x1bo\xfa\xd1\xa4}{\xf6s.8\xe7\x91Hd\xe45W\xde:m\xa2\xaf\xd2g\x9d?\xdc\xbe\xf5\x9f\x1b\xfds\x06\xd2\x90\t\t\xf1\xaf.]n\x18\x06\xe7\xdc\\y2\xfc\xaaam\xdb\xb7\t\x87\xc2\xd6\x8f=\x9b\xd6o\xdea\xee\x8a\x8b{p\xea\xcf^]\xf2\x86\x10\xa2nE\xd9\x13\x7f\x98\xe9\xf6\xa4\xea\xban\xd5\xda\x8f\xb3\xfa\x14\xd0\xb9D\xd7\xf5\xba\x15\r\xd2\x90\xb5\xb5\xa1c\xc5\xc7\n\xbf\xdc\xb5\xea\xed\xd5\xef\xfdg\r\x11i.\xcd\\\x972f\xec\xa8?\xce\x9b\xf3\xc3]Sb\xcb\xee\xf5\x9f\xab\xcc\x05\xaf\xdb?\xfbr\xf9\xcbo\x9a\xeb\x11\xcd\x99\xae\xc9\xd3n\x89X{\x1f\x02\x93M\xeb\xd7u=\xd5\x9dZQV\xf1\xe0\x9d?]\xbbf}\xddrU)\xe5\x93\x7f|\xfc\xca1\xc3c\xbb\x91Q=!\x00\xa2\xce\\J\x1f\xf0\x07\xee\x18\x97\xe7\xab\xf41\xce\x94R\xban\x04\x03A_\x85\xef\xe4\x85(zDo\xdd\xb6\xf5=\xd3\xa7\xdd\x9a7)\x12\x89\xe8\x11Kl\xa7l\xf7\xfa\xcfy\x8c\x11\xe3l\xe6\xc3O\xd4\xd6\xd4\x9a\xd3\\\x86a\\{\xe3\x8f\x07\x0e\xe9_Ya\x893\xb03\xb3c\xfd\xbanx\xd3\xbc_m/\xb8\xe7\xd6\x07\xf6\xed\xd9o\x1e\xfbK)9\xe7\xcf\xfc\xe5\xc9[\xa7M*/+\xb7\xfe\xe8O\x08\x80\x16\xc2HJ\xb9g\xd7\xd7\xe6\xbe\xca\'\x13B\x10#\xc1\xc5\xb0\xab\x86\x8e\xbb\xe5\xba1cG{R=G\x8e\x1c!v|\x03EK\xb0{\xfd\xe7.]\xd7\xb3Ze\xfd\xee\xb1\xa7?Y\xbbQ\x08an\xca\xedM\xf7\xfeb\xd6C\xb55!\xcb\x1e&gt;\xd7\xb1c\xfd\x86nx\xbd\xee\x8d\xeb7\xdd9\xe1\xee\xca\xf2\xe3\xfb}JCz\xd3&lt;\x7f\x9c7g\xcc\xb5\xa3\xcbK\xcb\xad\x99[?\x84\x00h9I\xc9I\xe6\x84\xe6\x89U(\xc7\xe7S\xcc\x8b\xa9\xfb\xbf\xde\xff\xe6+\xff\xdaU\xb0g\xf8\x95\xc3\xfa\x0c\xec\xad\xebzMu\x8d\xa5\xda\xc8\xee\xf5\x9f{\xf4\x88\x9e\xd9*\xe3\xd5\x97^\xff\xe3\xd3/\x08!\xa4\x94\\pC7f\xcd\xfe\xf5E\x17_`\xfd)\x08;\xd6/\xa5LNM\xde\xb9\xa3\xe0\x8e\x1b\xf3\xea\xbe\xf9\xcb0\x8c\xce\x97u\xfa\xcb\x92\xe7\xbbt\xed\\VR\xa6i\xb6\x19Wq\x86\xdeB\x94RA\x7fP\xd7\xf5H$\xa2\x1fg\x1c\xff\x7f\x86\xd4uc\xff\xd7\x07\xde\xfb\xcf\x9a?\xfe\xee\xcf\xff3\xf2\xa6\xbc[\xee\xfdf\xdfA\xb7\xc7mn[f\x05v\xaf\xff\xdc\xa3G\xf4\xf4\xcc\xb4\x0fV}\xf4\xd0=\x8fp\xce\xcc\x1b\xb6\r\xdd\xb8\xf3\xbe;\xc6O\x1eg\xcd\xd1\xf3d\xb6\xac_\x11\xe7&lt;T\x1b\xca\x9f\xfas\xbf\xcf/4\xa1H\x19\x861\xf8\xf2Ao\xacZ\x96\xd3\xf9\xe2\x8a\xb2\n\x1b\x8d\xfe\x843\x80\x16`\xee\x93\x93\x94\x9c\xb4\xf0\x8d\xbfG":#RD\xba\xaeW\x05\xaaJ\x8e\x95\x1e&lt;\xf0\xed\xce/v\xee\xf8|\xa79c\xce9\xd7u\xfd\xdd\x7f\xad\xfat\xfd\xa6\xbf,~~\xf8UC}\xb1\xfe~Q\xbb\xd7\x7fN\xd2#\xba7\xdd\xbbm\xd3\xe7wO\xba?\x14\nq\xce\x84\xe0\xba\xae\x8f\x19;j\xc63\x8f\xfa\xac:u^\xc7\xa6\xf5\x1b\xd2HKO[\xf4\xb7%\x85;w\tM(\xa9\xa4\x94\x83\x86\r\\\xb2b\xbe\x10"\xe8\xaf\xd2\\6\x1bQmV\xaeM\x99\xd7Q\x87]9\xe4\xa49Mf.u R5\xd5\xb5\xfb\xf7\x1ex\xed\xa57\x16\xfeu\x89\xf9\x05UB\xf0\xca\xf2\xca\xbc[\xee}\xeb\x837r:w\xac\xa9\xae\x89\xed\xd5T\xbb\xd7\x7f\x8e\xd1u\xdd\x93\xe6)\xdc\xb9\xeb\x8e\x1b\xf3|\x95~\xf3{-u\xdd\x188\xa4\xff\x9f\x17\xfe!T\x1bRJY\xf9\xe6A\xfb\xd6\xcf\x18\x0b\x87\xc3\xff^\xfe\x0ec\x8c1&amp;\x95l\xd3\xae\xf5_\x16\xffQsi5\xd55V&lt;e9\x1b|,[\x88R*\xe0\x0b\xfa*\xfd\'\xfe\xcfWYQY^Z^^Z\x11\xaa\ru\xc8\xb9\xe8\xc9?&gt;\xbex\xf9\xbcTw*c\xcc0\xa4\xa6iU\xc1\xaa\xc7\x7f\xf9\xa4E\x86N\xbb\xd7\x7f\xce\xd0u\xdd\xedv\xef\xdb\xb3\xef\xd6\xeb\xa7\x94\x14\x97p\xce\x19g\xban\xf4\xe8\xd3}\xfe\xab/r!t\xdd\xd2\x8b\xaf\xec[\xbf\xb9\xbbx\xe9\xb1\xd2\xafw\xedUJ\x99\xdfp9\xf5\xfe)\xed\xceo[\x15\xac\xb2\xe6)\xcbYY\xf1\x85&gt;W\x99\xbb\x9f\xff\x1f\x9a\x10\x9a`\x9c\xd5\xd6\xd4\x1e-:\xfa\xa3k\xc7\xfc\xea\xb7\x0f\x9b\xdf\xa9b\x18:\xe7\xfc\xe3\x0f?\xf9b\xcb\xf6\xa4\xe4$+l[f\xf7\xfa\xcf\x01\xba\xae\xbb\xdd\xa9\xdf\x1c88\xe9\xda;\x8a\x0e\x1d\x11B0\xce\x0c\xdd\xe8\xda\xe3\xb2%+\xe6\'\xa7$\x87jC\xd6\x1c=M\xb6\xae_)\xa5\t\xad\xbc\xb4\xdc\xef\x0b\x10\x91a\x18B\x88AC\x07TW\xd9x\xb1\x83E_k\xa7\xe1\x9c\xbb\\\xae\x92\x92\xd2ko\xfcI\xdb\xf6m\xa4!\x19c\xe6\x8a\xfb\x8d\x1b6%$\xc4Ki\xe9\x05\x95v\xaf\xdf\x16t\xddHMM\xf9\xee\xdbC\x93\xaf\xbd\xe3\xbb\x83\x87\xcc\x05\xb8\x86nt\xeb\xd9u\xe9[\x0b=i\x9e\x9a\x1aK\x8fDv\xaf\x9f\x88\x18g55!s\xe8g\x8c\xa5\xb8S\xd23\xd3\r\xc3\xb0\xe6r\xd5\xfa@\x00X\x85y\xff\x8b\xdb\xe3\xee\xd2\xb53\xd1\xf1\x8d\xc5\x89\xe8\xc0\xdeo\xa4T\xd6o0\xbb\xd7oq\x86n\xa4\xa4&amp;\x17\x1d&gt;:\xe9\xda;\xbe\xd9\x7f\xb0n\xf4\xec\xd9\xa7\xc7?\xfe\xbd\xd8\x9b\xee\xb5\xf8\xa2[\xbb\xd7obD\x86a\x1c\xffNl)C5!s!P\xac\xebj&lt;\\\x04\xb6\x16\xceYJj\xca\xf1\xff\xa2\x88\x88\x82\xc1\xaa\x18~%^C\xd9\xbd~k2\x0c#)%\xe9\xd8\xd1c\x93\xaf\xbbc\xff\xd7\x07\xeaF\xcf^\xfdz.ys~\xaa;\xd5\xe2\xa3\xa7\xdd\xeb71\xc6B\xa1\xf0\x85\x1d\xce_\xf2\xe6\x02s-\x9c\xcb\xa5%%%\x9a\xe7\xbb\xb1\xae\xae\x91\x10\x00\x96\xc2\xa4T\xc1@\xf0\xe4\x87\xe2\xe3\xe2,\xbe\x1d\xeeI\xec^\xbf\x15\x19\x86\x91\x94\x94TVR6\xf9\xba)_\xef\xda[7z\xf6\xee\xdfk\xc9\x8a\xf9)\xa9)\x16\x1f=\xed^\x7f\x1ds\x9f\xa2\x94\xd4\x94\xab\xae\xbe\xc2|D)U]Uc\xeb\xdd\xc5\x11\x00\x16"\x04\x0f\x06\xaa\xf6\xed9\xbe%:\xe7\x8c1\x</t>
        </is>
      </c>
    </row>
    <row r="481">
      <c r="A481" s="1" t="n">
        <v>479</v>
      </c>
      <c r="B481" t="inlineStr">
        <is>
          <t>size_grid</t>
        </is>
      </c>
      <c r="C481" t="inlineStr">
        <is>
          <t>What is the size of the missing part denoted with a question mark?</t>
        </is>
      </c>
      <c r="D481" t="inlineStr">
        <is>
          <t>['small', 'large', 'medium']</t>
        </is>
      </c>
      <c r="E481" t="inlineStr">
        <is>
          <t>small</t>
        </is>
      </c>
      <c r="F481" t="inlineStr">
        <is>
          <t>There are circles arranged in a grid formation with varying sizes in the image. The sizes in the first row are ['large', 'small', 'large'], the sizes in the second row are ['small', 'medium', 'small'], and the sizes in the third row are ['large', '?', 'large'].</t>
        </is>
      </c>
      <c r="G481" t="inlineStr">
        <is>
          <t>We observe that the circles at the corners are large size, while the circles directly adjacent to the center are small size. Only the center circle is medium size. Hence, the pattern is that the circles alternate in size depending on if they are at the corner or adjacent to the center.</t>
        </is>
      </c>
      <c r="H481" t="inlineStr">
        <is>
          <t>Based on the pattern that the circles alternate in size depending on if they are at the corner or adjacent to the center, the size of the missing part that is adjacent to the center should be small.</t>
        </is>
      </c>
      <c r="I481" t="inlineStr">
        <is>
          <t>b'\x89PNG\r\n\x1a\n\x00\x00\x00\rIHDR\x00\x00\x02\x00\x00\x00\x02\x00\x08\x02\x00\x00\x00{\x1aC\xad\x00\x00]\xf8IDATx\x9c\xed\xddy|T\xd5\xfd?\xfe\xf7\xb9\xf7N&amp;\x93}B\xc2\xea\x02\x08\t\x08!\x04\t\xbb\x08\x82,*\xc5\x16\x04-\x08\x06!\xfa\xc5\xa5P\xad\x95V\xab\xa8\xbfV\x81\x16\xdb*b\xa2\x80\x82B\xb5\xb6(\xfa\x81\xb0\x88E\x10\x11\r\x98\x00\x81\xb0\xc9\x9e\xb0d!d\x9b\xb9\xe7\x9c\xdf\x1fG\xa6)k\x08Y\x989\xaf\xe7\xc3\x87\x0f\r\x93\xe1\xce\xdc\xf7=\xafs\xcf=\xf7\\&amp;\xa5$\x00\x00\xd0\x8f\xd1\xd0\x1b\x00\x00\x00\r\x03\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n\x01\x00\x00\xa0)\x04\x00\x00\x80\xa6\x10\x00\x00\x00\x9aB\x00\x00\x00h\xcaj\xe8\r\xd0\x91\x94\xf2\x82?g\x8c\xd5\xf3\x96\x00\xd4?\xd4\xff\xb5\x03\x01P\xb7d\x15Dd\x18\x86\xef\xdf\xe7\x13B\xf8\xfe\xcd\xaa\xa8\xc7\xed\x05\xa8M\xa8\xffk\x1c\xbbX\x1aC\x8d\xa9r\x17B0\xc6L\xd3&lt;\xff\x05B\x88\xe2\xe2b\xc6~\xfa\xf2\xd5\x7f\x04\x07\x07\xbb\\\xae\x0b\xbeX\xbd\x95a\x188\x18\xe0\xda\x87\xfa\xf7#\x08\x80Z\xa3\x8a^JiY\xff=\xaf\xe2\x9c\x1f=zt\xcf\x9e=\xd9\xd9Y\'O\x9e\xdc\xbc\xf9;\xdb\xb6\xf3\xf3\xf2\xf2\xf2\xf3\x181I\xea\xcbgD2,4\xacM\xdb6RRBBBLLL\xd7\xae]\xaf\xbf\xfe\xfa\x1bo\xbc1$$\xa4\xea\xbb\x11\x11\x8e\x04\xb8\x06\xa1\xfe\xfd\x11\x02\xa0\x16H)9\xe7\xbe\xba\xe7\x9c\xe7\xe6\xe6fdd\xac_\xbf&gt;77\xf7\xc0\x81\x1fO\x9f.\xa9\xc1\xdb:\x9dA\xcd\x9b7\x8f\x8f\x8f\xef\xd1\xa3\xe7\xa0A\x83\x12\x13\x13}\x07\x83m\xdb\x86a\\\xecT\x1a\xa0&gt;\xa1\xfe\xfd\x17\x02\xe0\xaa\xa8.\x89:\xcf\xe5\x9co\xda\xb4i\xe9\xd2\xa5\xcb\x97/\xdf\xbd;\xb7\xb2\xd2S\xf5\x95\xe1\xe1\xa1\xa1\xa1!7\xc7\xb54,32&lt;\xb4S\xa78\xc9\x85\xea\xc6H)\x99\xe58\xf0\xe3\xe1\x83\x87\xf3\x98i\xee\xd9s\xf0\xf4\xe93\xa7\n\x8a\xce\xf9\xbbZ\xb5j\xd9\xbf\xff\xed\xc3\x87\x0f\xef\xd7\xaf_DD\x04\x9d\xeds\xa1C\x04\r\x05\xf5\xef\xef\x10\x005\xc49\xf7U\xde\xe1\xc3\x87\x97,Y\xf2\xfe\xfb\xefo\xdd\xba\xf5\xbf\xaf`\xac\xe5\x8d-nIj\xdf%1\xbek\xe7v\xed\xe3[GD\x86E\xc6\xba\xc90\xc9`D\x0e\xa2\xaa\xdf&lt;#\xb2Ipb\xac\xfcdaii\xf9\xf6\xdc\x1f\xb7d\xe5fo\xdb\xbd\xf9\xfb\xed\xbb\xf7\x1c\xa8\xa8\xa8\xf4\xbd\xf4\xc6\x1bo\x1c5j\xd4\xd8\xb1c;u\xea\xe4\xdb\x98\x0b\x0e\xb6\x02\xd4\x11\xd4\x7f`@\x00\\15\xd0\xa9\n\xee\xeb\xaf\xbf~\xe7\x9dw\xfe\xfd\xef\x7f\x15\x16\x16\xa9?u\xbb#\xbav\xe90x@\x8f\xbe\xb7v\xed\xd0\xaeeHL4\x91EdS\xa5\x87\xb8\x10^/\x11IIR\n\xa2\xaa\xdd\x16\xf9\xd3\x84\x07I\x86\xc3"\xd3 g\x101\x8bH\xf2\xd3%\xb9{\x0fm\xda\x9c\xf5Y\xc6\xfa\xef\xbf\xdf\xf1\xe3\x81#\xea\x17\x82\x82\x82\xfa\xf5\xeb7y\xf2\xe4\xa1C\x87\x06\x05\x05\xa9\xde\x10\x0e\x03\xa8k\xa8\xff@\x82\x00\xb8\x02U\xc7:\xd7\xacY3c\xc6\x8c\x95+W\xfa\xfe\xb4O\xaf\xa4\xe1\xc3\xfa\xdf7r\xf0u\xad\xaf#\xc3A\xc2K\xe5\x95\xdckK)}\xf3\xd9\xaas\xae\xaa\xf6\x88\x10RJ\xc9\x18\x99\x96IN\'9\x82\x88DI~\xc1\xd2\xcf\xd7\xfek\xe9\x17\xab\xbe\xd8XZZ\xae^\xdf)!a\xca\xd4\xa9)))\xf4\xbf\xfd2\x80\xda\x85\xfa\x0f&lt;\x08\x80\xeaR\xa3\x8dD\x94\x9b\x9b\xfb\xea\xab\xaf.\x98?_HID.W\xf0/G\r\x9d\xf0\xe0\xcf{\xf5L$\xa7\x8b*\xcbEE\xa5\x10\x92\x19\xcc\xa8\x8dY\xcc\xaa\xbb$\xa4dDf\x90\x83BBI\x8a\x9d\xdbr\xff\xf1QF\xda\xdb\x1f\x1d=vB\xbdl\xe0\xc0\x81\xcf&lt;\xf3\xcc\x80\x01\x03\x08g\xc4P\x07P\xff\x01\t\x01P-\xb6m[\x96\xe5\xf1xf\xcc\x981{\xf6_\n\n\n\x89(\xda\x1d9!\xe5\xe7\xe3\xef\xbf\xabc\xd7D\x12^y\xa6\x8csa\x9au\xd8\x01\xf9iz5\x91\x11\xea"\x87+\xff\xc0\xc1\x85K\x96\xcf\x9b\xffq\xce\xae\xfdD\xc4\x18KIIy\xe9\xa5\x97\x9a7o\x8e\xae\x10\xd4"\xd4\x7f\xa0B\x00\\\x86\xba/\xd10\x8c\r\x1b6&lt;\xf2\xc8#\xdb\xb6m#"\x97\xd3y\xff}C\x9f\xfe\xf5\x84\xf8N\x1d\xc8[\xcaK\xcb\x191\xc3\xac\xbfIiB\x08!\xa4\x15\x1cD\xae\x88\xe2\xe3y\xaf\xbd\xbe\xe8\xad\xf4\x8f\x8e\xe5\x9d$\xa2\xa6M\x9b\xbc\xf4\xd2\xcb\x13\'N$t\x85\xe0\xaa\xa1\xfe\x03\x1b\x02\xe0R|\x05\xf4\xc2\x0b/\xbc\xf2\xca\x9f\xd4\xcc\xb6\x81\xfd\xbb\xbf\xfc\xe2\xe3\xdd\xfbt\'O\xb9}\xa6\xcc0\x1bl&gt;\xb2\x94\x92\xdb\xdcr\x06Qh\xc4\xd1}\xfb\x9f\x9b\xfe\xc6\x82\x85\x9f\xa8\x13\xf3\xfb\xee\xbb\xef\xf5\xd7_o\xd4\xa8\x91\xea\xbb5\xc8\xe6\x81\xbfC\xfd\x07&lt;\x04\xc0E\xa9\xea?v\xecXJJJFF\x06\x11\xb9\xa3\xc2\xa7\xff\xe1\xd1\xc7\x1f\x1bK\x06\xe3\xa7K\xd8\xb5q+\xcaO\x97\xe6\\\xc1\x14\x1c\x9a\xb1l\xf5\xaf\x9e|e\xd7\xee\x03D\x14\x17\x177o\xde\xbc\xde\xbd{\xa3\x1f\x045\x80\xfa\xd7\x01\x02\xe0\xc2T\xc7a\xc3\x86\r\xa3F\x8d:z\xf4(\x11\xf5\xe9\xd9\xf9\x9d\xf4\x97\xe2:\xb4\x13\xc5E$e}\x9e\xf0V\x87\x94\x92sa\xb9#\x8bO\x15=\xf5\xd4\xabo/\xf87\x119\x9dA\x7f\xfd\xeb\xdf\x1e~\xf8a\x0c\x89\xc2\x15A\xfdk\xe2\xda\xda\x8b\xd7\x08U\xfd\xe9\xe9\xe9\xfd\xfb\xf7W\xd5?\xe5\xb11kW\xcd\x8f\x8bki\x17\x9e2\x8cz\x1d\xee\xac&amp;\xc6\x98e\x99\xbc\xb08\xd2\x15\x94&gt;\xff\x95\xf47_\x88\x8a\x08\xab\xac\xf4&lt;\xf2\xc8#\x8f&lt;\xf2\x88i\x9aj\xfavCo&amp;\xf8\x01\xd4\xbf&gt;p\x06p._\xf5\xa7\xa6\xa6\x12Qdx\xe8_f==!u\xac,)\x94\\\\\x83\xa5\x7f\x0e)\xa5\xe0\xc2t7\xfav\xfd\xa6\x07\x1e|&amp;w\xef!"\x9a4iRZZ\x1a\xfaApY\xa8\x7f\xad \x00\xfe\xc79\xd5\xdf\xc8\x1d\xb1\xfc\xd37\x93\xfbt\xb7\x0bN\x9a\x96\xe9G\xa5c{m+*\xa2\xe0x\xc1\xd0\xbbR\xbf\xcd\xdcA8\x06\xa0\x1aP\xff\xba\xb9\xd6\xf3\xbc&gt;\x9dS\xfd\xdd\xba\xdc\xbcq\xc3\xe2\xe4^Iv\xc1I\xcba\xf9W\xd1X\x0e\x8b\x17\x97D\xbb\xc3W\xaf^0a\xec\xcf\x88H}.\x9c\x0b\xc3\xc5\xa0\xfe5\x843\x80\x9f\x9c_\xfd+\xfe/\xdd\x1d\x1b\xc5\x8bKL\xbf\x9dF&amp;\xb80\x82\x1c\xe4\nNM\x99\x96\xfe\xeeR:\xdb\x0fRO\xd8\xf0\xafC\x1a\xea\x14\xea_O\x08\x00\xa2\xb33\xde|\xd5\x9f\x9c\xd4&gt;c\xf9\xdbnw8/-7-\xff\x9e@&amp;\x84\x90\x86a\x86\x85\x9es\x0c`n\x1c\xf8\xa0\xfe\xb5\x85\x00\xf8\xa9\xfa7n\xdc\xd8\xa7O\x1f!DtT\xc4w_/n\x15\xdf\x92\x17\x9f\xf1\xf7\xeaW\xa4\x10\xd24\x99\xc3\xd1\xfb\xd6_n\xdc\xbc\x8d\x88f\xcf\x9e=e\xca\x14\xdc#\x03\x84\xfa\xd7\x9b\xee\x01\xa0N\x06\x8f\x1f?\x9e\x98\xd8)?\xffxh\x88kmFzr\xaf.\xbc\xb8$0\xaa_\x11B\x90\xc3QTR\xd6\xff\xf6qY;\xf6\x12\xd1\xca\x95+\xef\xb8\xe3\x0e\xf4\x834\x87\xfa\xd7\xbc\xfeu\xbf\x08\xac\x96:y\xe0\x81\x07\xf2\xf3\x8f\x13\xd1\x1b\x7f\xf9mr\x9f\x1ev\xd1\xe9@\xaa~"2\x0cCVz\xa2c\xdd\x8b\x16\xbc\x12\xed\x8e \xa2q\xe3\x1e\xc8\xcf\xcf7\x0cC}\x03\xa0\'\xd4\xbf\xe6\xf5\xafu\x00\xa8s\xc0\x17_|q\xd5\xaaUD4\xe5\xff\xdd7\xfe\xe1\x07\xbc\x05\'-G\x00\x9e\x18\x9a\x96i\x17\x9dNHNJ\xfb\xdb\xb3D\x94\x97\x97\xff\xc0\x03\x0f0\xa6\xfb)\xa0\xceP\xff\xa8\x7f}?\xbfZ\xdf\xfc\x9bo\xbe\xe9\xdb\xb7\xaf\xd7\xeb\xed\xd1\xb5\xe3\xfau\x8b\xa4\xd76I\x06\xf0\xf4\x00\xdb\xb6-w\xa3\xa9\x93\x9f{\xed\xcd%tv0\x14\'\xc2\x1aB\xfd\x13\xea_\xdb\x00P\x0b\x8bs\xce\x13\x12\x12rss\xc3\xc3C\xb7n\\\xd2:\xae\xa5(-\xbf\xf6\xefu\xbc\x1aRJ\xc1\x18YV\xb7\x9e\xa33\x7f\xc8\xb5,c\xdb\xb6\xedqqqR\xcakaa/\xa8\x1f\xa8\x7f\xd4\xbf\xa2\xe3g&amp;"\xf5\xf8\xd0Y\xb3f\xe5\xe6\xe6\x12\xd1+\xcf?\xda\xbaC;\xbb\xa44\xb0\xab\x9f\x88\x18c\xc4\x85\xe9p\xbc\xfd\xc6\x1f\x9cN\x07\xe7\xe2\x89\'\x9e\xc0\x89\xb0nP\xff\xa8\x7f%\xc0\xf7\xf7\x05\xa9\x93\xdf\xbd{\xf7\xce\x981\x83\x88\xfa\xf6N\x9a\xfc\xab\xf1\xbc\xb80 \x87&gt;\xcfg\x9a\x86]R\x92\xd4\xbb\xfbS\x8f\x8d\x91R\xae\\\xb9\xf2\xa3\x8f&gt;2M\x93s\xde\xd0\x9b\x06\xf5\x01\xf5\x8f\xfa\xf7\xd11\xfa\xd4\x90\xdf\xf8\xf1\xe3\xdf{\xef\xbd\xe0`\xe7\x86U\xeft\xe9\xd1Y\x9c)\x0b\xf8\xee\x8f\x8f\x94R\x98fiYE\xd7\x9e\xf7\xed\xdd\x7f\xa8M\x9b\xb6\xd9\xd9\xd9\x96e\xe1\xf6H\x1d\xa0\xfeQ\xff&gt;\xba\xecr\x1fU\xfd\xeb\xd6\xad{\xff\xfd\xf7\x89h\xf4\xcf\x07v\xe9\xd3\x83\x97\x9c\xd1\xa7\xfa\x89\x881&amp;=\xde\x88\xd8\xd8g\x7f3A\x08\x99\x9b\x9b;k\xd6,L\x89\xd3\x01\xea\x9fP\xffUhw\x06\xa0\xf6\xf1\xc0\x81\x03\xd7\xae]\xdb(:\xf2\x9b\xff,l\xdd\xb6%UT\x1a\x86^\xc9/\x89$\x91\x97X\xdf\xfe\xe36g\xee\x88\x8e\x8e\xde\xb1cGll,\xa9qR\x08P\xa8\x7f\x05\xf5\xafh\x14\xfbD\xa4\x16\x83\xcd\xcc\xcc\xfc\xf2\xcb/\x89(e\xcc\xb06\x1d;\x8a\xd22\xdd\xaa\x9f\x88\x18\x91\xb4\xb93&lt;l\xfa\xb4T)\xe5\xa9S\xa7\x16-Z\xc4\x18\xd3s$T\x13\xa8\x7f\x1f\xd4\xbf\xa2W\x00(s\xe6\xcc\x91R\x06\x07\x07M\x187\\z\xce\x18\xbaN\x016,S\x9c)\xe9;\xa0g\xbb\xf8\x96\x8c\xb1y\xf3\xe6\x95\x97\x97\x9b\xa6\xa9\xdbI\xa1nP\xff\n\xea\x9f\xb4\n\x00)\xa5z\xc8\xf5?\xff\xf9\x11\x11\xdd?rH\xfb\xae\x89\xa2\xac\\\xc3\xee\x8f\xc2\x88\xa4\x97\x87DEM\x9b\xfa\xa0\x94r\xfb\xf6\xedk\xd6\xaca\x8ci2\x12*\xabh\xe8m\xa9\x0f\xa8\xffsh^\xff\x8aF\x01\xa0N\xee\x16/^\\Rr\xc64\xcd\xc9\x13GJ\xe1%\xd2\xb4\xfa\x15\xc34d\xd9\x99\x11\xbf\x18t]\x8b&amp;\x8c\xb1\xf4\xf44\n\xe81P!\x84m\xdb\x9cs\xdf\x8a\xf0\x8a\x94\x92sn\xdbv\x00\x1f\xfc\xa8\xff\xf3\xe9V\xff\xe7\xd3(\x00L\xd3\xf4x&lt;\xef.X\xc0\x18\xebvK\x87.=\x12\xe5\x992S\xa7\xc9\x0f\xe7c\x8c\xf1Johl\xcc\xfd#\x06I)\xd7\xacY\xb3{\xf7\xee\x80\x9c\x0e\xc19W#\xe0\x96e\x99\xa6i\x18FqqqaaaQQQQQ\x11c\xcc4M\xcb\xb2\x0c\xc3Pa\xd0\xd0\xdb[\xfbP\xff\xe7\xd3\xa7\xfe/F\x97\xdd\xcf9g\x8cm\xd9\x92\x99\xbdm\x9b\x94r\xc4\xcf\xfa\x1b\xce\x10\xc1u\xd9\xcd\x97\xc0\x18#\xe1\x1d1|\x80a\x18\xa5\xa5eK\x97.\xa5\xb3sE\x02\x83j\xd0M\xd34M\xf3\xf0\xe1\xc3\x0b\x16,\x988\xf1\xa1\x01\x03\x06\xb4o\xdf.&gt;&gt;.&gt;....\xaeW\xaf\x9e\xf7\xde{\xefk\xaf\xbd\x96\x93\x93\xa3\xc2@-\x96\xd0\xd0\xdb^kP\xff\x17\x13\xf0\xf5\x7fi\xbaL\x03U\x0b\x1f\xfe\xf6\xb7O\xcf\x9813\xda\x1d\xb9\xed\xdb\x0f\x9b]\xdfDVz\xb5:\xdd\xbb\x18!%9\x9d\xb7\xf5\x1f\xb7\xe1\x9b\x1fz\xf5\xec\xb9\xee\xab\xaf\x88(0\x96F\xf1\xad\xf3\xb5f\xcd\x9a\xf7\xde{o\xd9\xb2e\x85\x85\x85\x97x\xbd\xd3\xe9\xbc\xed\xb6\xdb\xc6\x8c\x193n\xdc\xb8\xaa\xbf\xee\xefP\xff\x97\x10\xc0\xf5\x7fYZ\xdc\xfcMD\xa6iz\xbd\x9e\xcf&gt;\xfb\x9c\x88:w\x8ak\xd6\xfazQrF\x93}|Y\x82\x0b\xcb\xe9\x1a\xd8\xbf\xdb\xfa\x8d[\xbf\xcf\xcc\xdc\xb3gO\\\\\x9cZ0\xa0\xa17\xed\xaa\xa8\xe6\xfb\xe8\xd1\xa3\xcf=\xf7\xdc\xfc\xf9\xf3}}\x9d\x1boh\xde\xb6\xed\x8d\x1d\xdb\xb5rGG\x11\xe7^\xaf\xfd]V\xee\xe1\xc3y\xdb\xb6\xef\xa9\xac\xac\\\xb9r\xe5\xca\x95+\x17.\\\xf8\xf2\xcb/w\xef\xde=0\x9e\x1f\x8b\xfa\xbf\x84@\xad\xff\xea\xd0"\x00\xce.~\xb2o\xdf\xbe\xbdD4d`/2,!\xa4\x06\xfb\xb7Z\x18c$&lt;\x83\xfa\xf7x\xf9\xd5w***6l\xd8\x10\x00\x07\x80\xea\xf3fdd&lt;\xf4\xd0\x84#G\x8e\x12\x91+\xd8\xf9\xcb\xd1w\xde\x7f\xdf\x9d\xc9\x89\xf1\x11\xcdb\x89\x0c"\x93H\x12\x11I\xdb.9\x93\xb9m\xf7\x8a\x8c\xf5s\xd3&gt;:\x96wb\xf5\xea\xd5\xeb\xd6\xad{\xf5\xd5W\xa7L\x99\xa2\x06\x04\xfc7\x03P\xff\x97\x16\x90\xf5_M\x81\xff\t\xe9\xec\x88\xde\x8a\x15\xcb+**-\xd3\x1cp[2\t\x9c\xfc\xfe\x97a0*\xafHLj\xdf\xa2Ec"Z\xb6\xecS\xf2\xe7\xf6\x8e\x888\xe7\x96e\xa5\xa7\xa7\x0f\x192D\xb5\xfe\x13\xc6\xdd\xb3y\xc3\x07o/xe\xc0\x90&gt;\x11\x91a\xa2\xa8\xc4.,\xb2\x0bO\xda\x85\x05va\x81(.\xb1\x18\xeb\xd6=\xf1\x0f\xd3\xa7n\xf9\xf6\xc3\x17\x9e\x9b\xec\x8e\x0c\xf7x&lt;S\xa7NMMMUW\x86\xfdw\xb0\x14\xf5\x7fi\x81W\xff\xd5\xa7E\x00\xa8}\xb9~\xc3\x06"j\xd1\xbcq|\xbbVT^\xa1\xed\xf4\xe7\xf31\xc6\xb8\x97\x87DG\xdd\xd2\xb9\x1d\x11m\xc9\xdcRVV\xe6\xbfw\xc4\xa8\x91\x9f\xf4\xf4\xf4\xd4\xd4T"j\xe4\x8e\xfc\xc7\xa2\x99\xef\xbc;\xabCB\x1c/*\xe2E%\xd2\xe6\x86iX\x96iY\x96e\x99\x96e\x1a\xa6!\x89\xc4\x99R\xbb\xb0\xa0I\xa3\xa8\xe7_|j\xf5\xaay]:\xc5\x13\x91z\x1f\xbf\x9e\x19\x82\xfa\xbf\xb4\x00\xab\xff+\xa2E\x00\x18\x86\xe1\xf1xv\xe6\xe4\x10Q\xf2-\x1dBc\xa2\xb9\x97k\x92\xf0\xd5$\xa5$f\xf6\xebs\x0b\x11\xe5\x1f\xcf?t\xe8\xd0O?\xf47\xaa\xf5_\xbdz\xb5j\xfd\xa3\xa3\xc2\x97\x7f:g\xd4\x98_x\x0bN\x8a\xb2r\xd34M\xd3\xb8\xe0\xaegD\x86aX\x96)m\xdb{*\xbfK\xd7\x0e\xabW\xcdKNjOD\xe9\xe9\xe9\xd3\xa7O7M\xd3\xb6\xed\xfa\xfe&lt;\xb5\x01\xf5\x7fY\x01S\xffW*\xf0\x03@]\xc4;v\xec\xd8\xc1\x83\x07\x89\xe8\x96\xce\xed\x88Y:\xec\xda+\xc2\x18#i\'%\xb63\x0c\xa3\xbc\xbc"++\x8b\xfc\xf0\x00P\xfb://\xef\x81\x07\xc6\x12Q\xb4;b\xc5\xb2\xb9\xc9}\xbazO\x1dw8\xacj\x0e\xe92\xc6\x1cA\x0e^t\xda\x1d\x15\x9e\xb1\xe2\xed\xaeI\xed\x89h\xfa\xf4\xe9\xabW\xaf\xb6,\xcb\xefn\x11@\xfdWG`\xd4\x7f\r\x04~\x00\xa8\xbd\xb8\x7f\xff\xfe\x92\x923D\xd4\xb9S&lt;\x11\xba?\xe72\x0cF\x95\x9e\xf867FE\x86\x13\xd1\xce\x9d9\xe4\x87\x07\x80z\xb0\xdf\xb4g\x9e\xc9\xcb\xcb\xb7,3\xedo\xbfO\xee\xd3\xc3{\xaa\xc0\x11\xe4\xb8\xd2\xb72-\x8b\x97\x96\xbbc\xa2&gt;\\4+\xa6Q\x14\x91|\xec\xb1\xc7&lt;\x1e\x8f\xdf==\n\xf5_\x1d\x81Q\xff5\xa0K\x00dgg\x11QdDx\x87\xf6\xad\xa9\xb2\x12\x07\xc09\xd4\n\xe9\xee\xe6\xb1m\xdb\xdc@D\xd9\xd9\xdb\xc8\xdf\xae\x83\xf9V\xba_\xb8h\x11\x11\x8d\x195t\xc4\xd8\x91\xde\x82\x135h\xfd\x15\xd32\xbd\x85%\xadn\x8e\x9f\xf5\xf2\xaf\xa4\xa4]\xbbv\xf9\xe3\xaa\xf1\xa8\xff\xea\x08\x80\xfa\xaf\x99\xc0\x0f\x00%//\x8f\x88BB\x82##\xc3\x89s\r\xf6\xec\x15\x93RZ\xce\xa0F\xd1\x91D\x94\x9f\x9f/\xa5\xf4\xc7\x03`\xee\xdc\xb9\x9cs\xa73h\xdaS)\xc2Sz\x95K\x1dXA\x16/)\xba\xef\x97\xc3\xda\xc5\xfdw\xc1H5)\xa8\xb66\xb8~\xa0\xfe/+0\xea\xffJ\x05~\x00\xa8\x91\xdf\xcc\xcc-D\xd4.\xbeeX\xac[xm\x1dv\xed\x95\x12B\x12\xb3nIlGD\xb9\xb9\xbb\x8a\x8a\x8a\xfc\xa8\xa5\xf3-u\xf9\x7f\x9f\x7f\xce\x18\x1b;zh|RGYV~\x95S\xb9\x19\x11\xd9\xdc\x19\x11\xfe\xbb\'S\x88h\xef\xde\xbd_|\xf1\x85\x7f-\x18\x89\xfa\xaf&amp;\xbf\xae\xff\x1a\x0b\xfc\x00P\xd4\x8ed\xda\xdc\xe1]SL\xcd\x0e\x14B\xf8\xd7\x12\x08\xea\xda\xec\xaaU\xab\x8aO\x9f\x96R\x8e\xbb\xff.)E\xad,ui\x98\x86,/\x1b~w\xbfhw$1\xf6\xaf\x7f}|\xf5\xefY\xffP\xff\xd5\xe3\xaf\xf5_c\x81_\r\x8c\xb1\x8a\x8a\x8a\xa3G\x8e\x10\x91;*\x82\x88\x05x\xa6_\x15\xe9\x8e\x8a \xa2\xd2\xd2\xd2#G\x8e\x90\xff\\\x07S]\xda/\xbeXCD-ol\xde)\xb1\x1d\x95\xd7\xceJ\xf7jt8\xacqL\xdf\xdeI$\xe5\xc6\xaf7VTT\xf8Q3\x8a\xfa\xbf\x12\xfeZ\xff5\xe67u\\3j \xaf\xac\xac\xec\xf0\x91\xc3D\x94\xd4)\x8e\x0c\x87\x14\x01\xbeSk\x861F\xc4\x93\x12\xe3\x89\xa8\xb4\xb4\xec\xf0\xe1\xc3\xe4?\x07\x80\x9a\x9c\xb3o\xdf~"\xba\xa9\xf5\xf5Q\xcdbd\xed\rt\x08!\r\xcb\x99\x94\x10GDy\xf9y%%%\xfe2\x17\x08\xf5_}~]\xff5\x16\xe0\x01\xa00\xc6\x1c\x0e\x07\x11\xd9\xb6\xdf\x0c\xdd6\x14\xdfW\xa4\xbe1\xbf\xa0f\x7f\x16\x17\x17\xef\xd9\xb3\x9b\x88\x12n\xbe\x89dm\xde\xc6\xc9\x18#\xb2;\xdc\xdc\x86\x88\x8a\x8bO\xe7\xe4\xe4\x90_\xad\x18\x8c\xfa\xaf&gt;\x7f\xac\xff\xab\xa1E\x00\x90o\x0c\x14\x97\xbe.\xc7\xf7\x15\xf9]\xdfGJ\xe9\xf5z\x89(&amp;:\x92\x98Q\xdb\x9b/c\x1aE\xd2\xd9g\x8a\xd5\xee[\xd7\x03\xd4\x7f5\xf9o\xfd\xd7\x8c.\x01\x00:PC\xf3\xbcn\x9es\xe2{[?\xba\x00\x00pi\xba\x94\xb2\x1a\x0e\xd6$\xd5\xaf\x86\xef+\xf2\xbb\x99\x82\xbeG9z\xbd6\xd5\xc1\x8e\xf6z\x7f\xea\xf8\xfb\xddj\x10\x84\xfa\xaf6\xff\xad\xff\x9a\xd1"\x00\xa4\x946\xb7\x89(H\x8fq\xbd\xab\xe1\xfb\x8a\xfch\xa0C]\x92\x8d\x88\x88h\xdd\xfa&amp;"\xda\x92\xbd\x8b\x18\xaf\xc5\xd5.\xa5\x94D\xd6\xd6\xac]D\x14\x11\x11\xde\xb6m[\xf2\xab\x06\x02\xf5_}\xfeX\xffW#\xf0\x03@J\xe9p8"#"\x89h\xcf\xfeC$\xb1\x10\xca%\x18{\xf6\x1f""\x87\xc3\x11\x19\x19I\xfe\xd3\xcc\t!,\xcb\xba\xe1\x86\x1b\x88\xe8\xc0\xc1\xbc\x8a\xe23\xac\xf6\x1ew\xce\x18\x91\xe4\xb9{\x0f\x12Q\xb4;:&amp;&amp;\x86\xfc\xe7\x9bA\xfd_\t\x7f\xad\xff\x1a\x0b\xf0\x00P}\xc3\xf0\xf0\xf0\xb8\xb8x"\xda\xbb\xff\x08I;\xd0\xf7i\rI)\x89\x8c\xbd\xfb\x0e\x13\x91\xdb\x1d\x15\x17\x17G\xfes\x00\xa83\xf7&gt;}\xfa\x10\xd1\x8e\x9d\xfbr\xb2s\xc9\xe5\xe2\xb51QGJi8\xac\x8a\xc2\xa2\x95_lb\x8c%uI\n\t\tQ\xcfX\xbf\xfa7\xafk\xa8\xff\xea\xf3\xeb\xfa\xaf\xb1\x00\x0f\x00\x1f\x8f\xc7CD\xc1\xc1A\xc4t\xf9\xc85\xe3\nv\x12\x11\xe7\xdc\xbfF\xba\xd5\x85\xd9!C\x86\x04\x05\x05\t!\x96-_\xc7\xcc \xaa\x8d\t\xefBH\xe6\n\xf9f\xe3\xd6cy\'\xa4\x94\xc3\x86\xfd\x8c\xfcp0\x1d\xf5_M~Z\xff5\x16\xf8\xd5\xa0\xe6k\'&amp;&amp;\x12Q\xee\x9eCgN\x162\x0b\xeb\xa1_\x80Z\x12}Kv.\x11\xb5i\xd36""\xc2\x8f\xd6\xc3R\x8bt\xc6\xc7\xc7\xf7\xe9\xd3\x871\xf6z\xda\x87\'\x0f\x1dfNGm\xechIB\xbc4\xf3\x1d\xdb\xe6\x8dcc\xef\xbe\xfbn"\xf2\xa3u\x02P\xff\xd5\xe4\xd7\xf5_c\x81\x1f\x00J\xb3fM\x89\xa8\xa8\xa8\xa4\xac\xa4\xac\x16G\x87\x03\t3Hp;\xffD\x01\x11\xc5\xc6\xc6Z\xfe\xd6L\xa8\'\x9fL\x9c8QJy\xe2d\xe1\x1bo.6B\xa2l\xefU]\xca\xe367\xa3"\xd7\xad\xda\xb0v\xddwD4\xfc\x9e{bcc\xfde\xfc\xa7*\xd4\xffe\xf9{\xfd\xd7L\xe0\x97\x82:V\x13\x12:\x11Q\xf1\xe9\x92\xdc=\x07\xc8\x19$p7\xfc\xff\x92R\x1a\x96Ur\xbc`\xef\xde\xc3D\xd4\xb1c\x07\xf2\xab\x9b]\x89\xc8\xb2,!\xc4\xbd\xf7\xde\xdb\xb7o_F\xf4\xda\x9b\x8b\xb37\x7f\xe7pG\xf2\x9aN\xe7\x10B0\xa7\xa3\xac\xf0\xf4\xaf\x9e\x99\xc5\x18\x8b\x8evO\x9f&gt;]\xddu\\\xbb[^\xa7P\xff\xd5\x11\x00\xf5_3\xfeT\xca5\xa3\x0e\x80\x96-[\x06\x07\x07\x0b!\xb6f\xe5\xe2\x91x\xe7\x93RR\xb0s\xdf\xbeC\'N\x16\x10\x91\xbaf\xe8\x8f,\xcb\x9a={\xb6i\x99EE%cS~Wx\xa2\xd0\x0c\r\xe1\xf6\x15\x8f\xe7\n!$3\x8c\x90\x90\xc9\x8fN\xdf\x9a\x95+\x84x\xf1\xc5\x97\x9a5k\xa6\xce3\xeab\xcb\xeb\x08\xea\xbf:\x02\xa6\xfe\xaf\x94F\x01\xd0\xbcY3"\xda\x92\xb5\x8bH\xfa\xd5!\\\x1f\x84\x90dX\xd9\xdb\xf7xm\xdb\xe1pt\xee\xdc\x99\xfc\xf0\x96W\xc308\xe7]\xbat\x999s\x16\x11em\xdf3x\xe8\xc4\xc2\xc2\x1232\xdc\xeb\xf5V\xbf\xcd\xe3\xb6m8\x1cfxh\xea\x83\xcf\xbc\xbb\xf8s"\x1a9r\xe4\xa3\x8f&gt;j\xdb\xb6\x1f\x8d\xfe+\xa8\xff\xea\x08\x8c\xfa\xaf\x81\xc0\xff\x84\xea\xf1\x1d.\x97+.&gt;\x9e\x88\xbe\xd9\x9c\xed))1\xfc\xed0\xaek\xaaE\xf8r\xfd\xf7D\xd4\xa8Qt\xeb\xd6\xad\xc9?\xe7\xc0\x99\xa6\xc99\x9f2e\xca\xa4I\x93\x88h\xf3\x96\x9c\xc1wN\xda\xbds\xbf#:\x96\x11q\x9b_\xa2\xf3+%q\xce\x05\x17\xa6\xdb]R\xe9}h\xdco\xd3\xdf]JD\xc9\xc9\xc9iii~\xbaF&lt;\xea\xbf:\x02\xa6\xfe\xafT\xe0\x07\x00\x9d\x1d\xcbKNN&amp;\xa2}\xfb\x8f\xfc\xb8\xfb\x00s91\x0cZ\x95a\x9a\xde\x92\x92M\xdfm\'\xa2\xf6\xedo\x0e\x0f\x0f\xf7\xbb\xb1\x0e\x1f5#(--\xed\xa7\x0c\xc8\xdc\xd1\xbb\xef\x98\xf9i\x1fx\x04\x99n7\xb3,\xb5\xa0\x1b\xe7\x9cs\xa1\xfeQ\xff\xc7\x0cfFE\x18\xe1!\xabV\xac\xeb\x7f\xfb\xf8y\x8b&gt;%\xa2\xe4\xe4\xe4\x8c\x8c\x0c\xb7\xdbM~\xdb"\xa0\xfe/+\x90\xea\xff\x8ah\x11\x00jG\x0e\x1d:\xd4\xb2\xac\x8a\xca\xca\r\x9b~ +H\x87+&lt;\xd5$\x84d.\xe7\xde]?\xee\xfb\xf1\x08\x11\xddy\xe7P\xbf{\xf4yU\x8c1\xd5\xedMKK{\xfe\xf9\x17\x88\xe8\xc4\xa9\xa2\t\x0f\xff\xa1k\xef\xfb\xe7\xa7-&gt;Ux\xda\x08\x0f\xb5\xdc1fT\xa4\x19\x15\xae\xfe\xb1\xdc\xd1fTd\x99\xc7\xbbj\xf9\xba!CS\x07\r\x9d\xf4\xfd\xd6\x1c"\x1a5j\x94j\xfd\x85\x10\xfe; \x80\xfa\xbf\xb4\x00\xab\xff+b5\xf4\x06\xd4\x07u\xe8&amp;&amp;&amp;6o\xd6\xec\xe0\xa1C\xcb\x96\x7f\x95\xf2\xc8\xfd\x1a\xa4{u\t!\x98\xe5\xccX\xb3\xb1\xa2\xa2\xd24\x8d\xdbo\x1f@~\xdb\xdbU\xd4\xc6\x0b!^x\xe1\xf9\x9e={&lt;\xf5\xd4S\xdb\xb6m\xcb\xde\xbe{\xc2\xc3\xcf7\x8e\x8d\xee\xd5#\xb1s\xe7\xf6\t\xf1\xad\xdc\x8d"\x89\x0b\xaf\xd7\xde\x9c\xb5k\xdf\xbeCk\xd7}\xb7\x7f\xffa\xf5\x0eM\x9b6\xf9\xdd\xef~\xff\xf8\xe3\x8f\xab\xf7\xf1\xdf\xd6\x9fP\xff\x97\x13x\xf5_}Z\x04\x00c\x8cs\x1e\x12\x12r\xfb\x80\x01\x0b\x16,\xf8nK\xce\x99\x93\x05a\xa1.i\xfb\xdf\x84\xee\xba`0b\x92\xaf\xfd\xea{\xc6X|||\x87\x0e\x1d\xd43\xd6\x1bz\xbb\xae\x8a:\x0f\xb0m{\xf0\xe0\xc1\xfd\xfb\xf7\x9f1c\xc6\xe2\xc5\x1f\xec\xd8\x91s\xfcD\xc1\xd2ek\x97.[{\xb1_l\xd6\xac\xd9\xddw\xdf\xfd\xfc\xf3\xcf\xb7h\xd1B\x8d\x03\xf8u\xebO\xa8\xff\xcb\t\xc8\xfa\xaf&amp;\xff\xae\xec+u\xef\xbd#\x89\xe8\xd0\xe1\xbcO&gt;\xf9\x82\\\xa1\x1c\xc3\xa0\xeay\x87\xa1\xae\xdd?\xec\\\xbdv\x93\x94\xf2\xae\xbb\xeev:\x9d\x01s\x1f\xbceY\x9c\xf3\xa0\xa0\xa0g\x9f}63s\xcb\xd2\xa5K\'L\x98\x90\x90\xd01&amp;\xa6Q\xd5\x97EDD\xb4n\xddj\xc4\x88\x11\xf3\xe7\xcf\xdf\xbaukZZZ\x8b\x16-8\xe7\x86a\x04R\x13\x89\xfa?_`\xd7\xffeiq\x06@g\xcf\x82o\xbd\xb5\xefu\xd7\xb58r\xe4\xc8\x92\x8fW\x8eyh\xa4A8\x00H\x08a8\\\x9f|\xfeeiY\xb9i\x9a#F\x8c\xa0\xc0:\xff5MSJ)\x84p:\x9d\xc3\x87\x0f\x1f&gt;|8\xe7\xbc\xb0\xb0p\xc7\x8e\x1d\x9cs\xc6HJj\xd3\xa6MLL\x8c\xcb\xe5R\xbf\xa2\x9a\xfe@\xea\x03\xa2\xfe/&amp;\xe0\xeb\xff\xd2\xfc\xe3\xd9\xd6\xb5\xc2\xb6m\xcb\xb2~\xf3\xd4S\xb3\xfe\xfc\xe7\xd0PW\xd6\xc6%\xad\xda\xb5\x92e\x95\xb5\xb8p\xbc?\x92$\xb9a\xde\xd2ct\xf6\xf6=\xdd\xbbw\xdb\xb0\xe1k\n\xd0\x19\xd0*\x06\xe8\xe2+\xf9p\xce\xd5\xb9\x7f@\x1e\xff\xa8\xff\x0b\xd2\xa7\xfe/H\x97\xcfIgw\xea\x83))A\x0eGii\xf9{\x8b?g\x8e\x10\xa9\xc7\xb5\xfe\x8b\xe1\\\xb0\xb0\xb0\xaf\xd6n\xca\xde\xbeGJ9a\xc2C\x01&lt;\xff\x811f\x9a\xa6:!P\x8f\x0f\xf3\x11B\xa8\xa6\xdf\xb2\xac\x80l\xfd\t\xf5\x7f!Z\xd5\xff\x05\xe9\x15\x00B\x88\x0e\x1d:\xf4\xbd\xed6\xc6\xd8\x9c\xb7?:~\xe0\x80\x11\x1c\xa4\xcf9\xd0\xf9\x18#\xee\xb1_\x9e5OJ\xd9\xb4I\x93\x9f\xff\xfc\xe7:\\\xfeR\xd7\x87\xcd*\x02l\xac\xff\x82P\xff\xe7\xd3\xb3\xfe\xab\xd2(\x00\xe8\xec2\xeeS\xa7N\x95R\x9e8Q\xb8\xe8\xfde\xcc\x15Q\x83\x85b\x02\x03\xe7\xc2\x88\x08\xfba\xd3V\xb5\xd4\xe5\x98\xb1ccbb\xfcq\xa9K\xa8&amp;\xd4\x7fU\xa8\x7f\xd2-\x00\x0c\xc3\x90R\xf6\xef\xdf\xbf]\xbbv\x86a\xa4-XZ|&lt;\xcfp\xea\xda\tbD\x82f\xfcm!\x11\x05;\x9d\x0f=\xf4\x90\xdf-u\tW\x04\xf5\xff?P\xff\xba\x05\x80o]\x94i\xd3\xa6\t!v\xed\xfe\xf1\xb5\xd9\x0b\x8c\xd0\x08}f}\xf9p.\xcc\x88\xf0/W\xac\xfb\xc7\xc7+\xa5\x94\xf7\xdd\x7f\x7f\xfb\xf6\xed\xfd\xfd\x8e\'\xb84\xd4\xbf\x0f\xea_\xd1h\x16\x90\x8f*\xf7\x01\x03\x06\xac[\xb7.\xa6QT\xd6\xb7\x1f6n\x1aK^\xaf\xa1\xd3\xa9\x1f\x17\x82\xb9\\\x03\x06&gt;\xf8\x9f\xf5\x99\x8d\xa2\xa3\xb3\xb7mk\xd2\xa4\x89\x86= \r\xa1\xfe\t\xf5\x7f\x96^\x9f\xd6\xc74\xcd\x17_|\xd10\x8c\x13\'\x0b\xa7=\xfbW\xc3\x15*t\xea\x04\xd9\xb6mF\xba\x17\xce\xfb\xe7\x97_}/\xa5\x9c\xfa\xeb_7m\xdaT\xc3\xee\x8f\xb6P\xff\xa8\x7fE\xc73\x00"\xe2\x9c\x9b\xa6\x99\x92\x92\xb2`\xc1\x02\xd343\x96\xfe}\xc0\xdd\xfdy\xe1i\xd3\n\xfc\t\x00BH\nr\x9c&lt;^\xd0\xb9\xc7\xa8\xfc\xe3\x05qqm\x7f\xf8!KM\x7f\xd4\xea\xf2\x97\xceP\xff\xa8\x7fE\xd3\x00PS}\x8f\x1f?\xde\xbe}\xfb\xa2\xa2\xa26\xad\xaf\xdb\xfa\xdd\xc7\xc1A\x0eC\x839\x00\xb6\xcd-\xb7{\xf4/&amp;\x7f\xf8\xef\xd5D\x94\x91\x911h\xd0 \xd5"4\xf4\xa6A=A\xfd\xa3\xfe\x15\xedNy\x145\x1d\xa2i\xd3\xa6\x7f\xfe\xf3\x9f\x89h\xcf\xbe\xc3O&lt;\xf1\xb2\x19\x1a\xc6y\x80\xdf\x03b{m\xcb\x1d=\x7f\xceBU\xfd\x13&amp;\xa4\xe8\\\xfd\xdaB\xfd\xa3\xfe\x15M\xcf\x00\x14us\xfc\xe8\xd1\xa3?\xfc\xf0C"\x9a\xf7\xc6\x1fR&amp;\x8f\xb3\x0bNZ\x8e\xc0\\"\x89\xdb\xdc\x8c\x0c\xcf\xfe~{\xcf\xfe\xe3\xca\xca\xca[\xb5j\x9d\x95\x95\xe5r\xb9\xf4&lt;\xf9\x05\xd4?\xea_\xeb\x00P\x8b\xc3\x14\x17\x17\'\'\'\xef\xdf\xbf?$$\xf8\xcb\x8c\xb7\xbb\xf6L\xe2\xc5%\x817\x18*\x84 \x87\xa3\xf8LY\xbf\xdb\xc7gm\xdfkY\xe6\xfa\xf5\xeb\xbbw\xef\xae\xe7\xb5/ \xd4?\xea_\xdb! E%\x7ftt\xf4\x07\x1f|\xc0\x18+--\x1f=\xe67\x85\'\nLW\xb0\x08\xacsa)\xa5 f\x84\xb8R\'=\x9b\xb5}\x0f\x91\x9c9sf\xf7\xee\xddm\xdb\xd6\xb9\xfa5\x87\xfaG\xfdk\xfd\xe1\x89\xc80\x0c\xdb\xb6\xbbw\xef\xfe\xe6\x9bo\x12\xd1\xbe\x03G\x07\xdf\x99ZVQIA\x8e@Z\x13\x8a\x0baEF&gt;2a\xda??]KD\xe3\xc7\x8f\x9f2e\x8a\x1a\x01h\xe8M\x83\x86\x84\xfao\xe8Mk`\xba\x07\x00\x11Y\x96e\xdbvjj\xea\xc3\x0f?LD\x9b3w&lt;:y\xba\x11\xe2\x92\xcc\x90\x01\xf1\xc4\x0c\xafm[Q1o\xfdu\xfe[\xf3\xffMD\xc9\xc9\xc9s\xe6\xcc\x11Bh{\xe1\x0b\xaaB\xfd\xeb\x0c\x01@Dd\x9a\xa6m\xdbs\xe7\xce\x9d4i\x12\x11-X\xfcy\xea\x83\xcf\x98\xe1\xa1d\xfa\xf9\xda\xb0Rr\xce\x1d\xee\xd8\xf4\xd7\xe7?2\xe5OD\x94\x9c\x9c\x9c\x91\x91\x11\x12\x12B:=\xf5\x02.\r\xf5\xaf-\x04\x00\xd1\xd9\x95\xe29\xe7iii\xea\x18H\x7fwij\xca4nY\x86\xc3\xe1\xa7\xcb%\n!\xb8$3*\xea\xad\xbf\xcdK}\xfce"\xea\xd6-9##\xc3\xedvk~\xe1\x0b\xce\x81\xfa\xd7\x96\xd6\xb3\x80\xce\xa1&amp;E\x98\xa6\x99\x9a\x9a\x9a\x9e\x9eND\xbd\xbbwZ\xf6\xc9\x1cw\xe3h\xbb\xf0\xb4\x7f\xcd\x8d\xe367\x83\x83\xc8\xe5zd\xe2\xef\xdfz\xe7c"\xea\xd6\xad\xdb\x8a\x15+P\xfdp1\xa8\x7f\r\xe1\x8b\xf8/\xc6\x98a\x18U\xfbA\x1b6e\r\x18\xf4\xd0\x96\xef\xb6[\xd11\xb6\xd7\xf6\x97\xb0\xb4\xbd\xb6\x19\x15Qx\xbal\xf4/\x1eC\xf5C5\xa1\xfe5\x843\x80s\x9d\xdf\x0fj\xe4\x8e\x98\xf3\xf7\xe7F\x8d\xb9G\x96\x14\x8bk\xfb\xa6A)\xa4\x90\xc2\x8c\x8a\xde\xb2y\xeb\xc4\x89\xcfff\xed"T?\\\t\xd4\xbfV\xf0u\x9cK\xf5\x83\x84\x10iii\xb3g\xcf&amp;\xa2S\x85\xa7G\x8f\xfd\xcd\xd4\xc7_\xe0\xa6i\x86\x87\xd9\xf65\xda\x15\xb2\xbd6s:\xcc(\xf7\xdbs\xdf\xbf}`\x8a\xaa\xfe\t\x13&amp;\xac^\xbd\x1a\xd5\x0f\xd5\x84\xfa\xd7\n\xce\x00.L=7\xdc0\x8c\x8c\x8c\x8c\x87\x1e\x9ap\xe4\xc8Q"\xea\x91\x9c\xf0\xda_\x9e\xe9\xde\xa7;\x95\x9e\xb6=\x9ekg\x12\xb1z\x8e\x9d\x11\xe9&gt;\xfa\xe3\xc1\'\x9f\x9e\xb9\xe4\xa3\x15D\xe4t:_y\xe5\x95)S\xa6\x10\x11\xaa\x1f\xae\x08\xea_\x13\x08\x80KQ\xb7\x8a\x1c;v,%%%##\x83\x88\x82\x9dA\xbf\x99\xfa\xe0\x93\xbf\x1e\x1f\x19\xdb\x98J\x8a\xb9\xcd\r\xcbl\xc0\xd9d\x9c\x0bFdD\x85S\xa5w\xfe\xbb\xff\xfe\xc3\xf47\x0e\x1f=ND\xf1\xf1\xf1\xef\xbc\xf3N\xef\xde\xbd\x85\x10:/u\x02W\x03\xf5\x1f\xf0\x10\x00\x97\xe1[)\xf0\xb5\xd7^\x9b6mZEE\x05\x11\xb5\x8fo\xf5\x9b\'S\xc6\x8e\xbe\xcb\x11\x11F%%\xdc\xe6\x86i\xd4g\x91I"\xa1z=\x11a$iU\xc6W3g\xce_\xb5\xf6\x1b\xf5\xa7\x13\'N\x9c5kVdd$\xeeu\x84\xab\x84\xfa\x0fl\x08\x80\xcb\xf3u"\xb6m\xdb\xf6\xf4\xd3O/_\xbe\\\xfd\xbcg\xb7N\xcf\xfcv\xd2\xe0\xdb\xbb9\xa3\xdcTz\xc6\xf6x\x19c\xa6Y\xb7g\x9aB\x08!\xa4e\x99\x14\x1eJ\x1e\xef\xc6o\xb2\xfe\xfe\xc6\xfb\x8b?\xfci\x93\x12\x12\x12^}\xf5\xd5\xa1C\x87R\x95C\x17\xe0j\xa0\xfe\x03\x18\x02\xa0\xba|\xf5\xb4d\xc9\x92?\xfe\xf1\x8f\xd9\xd9\xd9\xea\xe7\x9d:\xb6\x9d\xf2\xf8\xd8\x11\xf7\xdc\x11\xd18\x86\x84W\x9e)\xe3\x9c3\xc30j\xef\xc4S\x12I!\x84\x90\x06cFh09\\\xbc\xb4\xe4\x8bu\x9b\xff\xfc\x97w3V\x7f\xad^\xd3\xaci\xd3\xc9\x8f&gt;\xfa\xf4\xd3O\x07\x05\x05\xe1\xb4\x17j\x1d\xea? !\x00\xae\x80\xba-\xde0\x0c\x8f\xc73c\xc6\x8c9s\xde8v,O\xfd\xd1\x8d74\x1f5\xe2\x8e{~v{\xaf^I\x14\xe4"\xe1\xa1\xf2J\xee\xb5\xa5\x94\x8c1u4\\\xd1\xdf%\xa5\x14RJ!\x19#\xd32\xc9\xe9$\x87\x93\x88\xef\xfca\xe7g\xcb\xbf\xfa\xe0\x1f\xcb\xb7l\xcdQ\xaft\xb9\\\xf7\xdf\x7f\xff\x8b/\xbe\xd8\xa2E\x0bB\xc7\x07\xea\x0c\xea?\xf0 \x00\xae\x98\xaf\xc2\xf2\xf3\xf3\x17.\\\xb8p\xe1\xc2\xac\xac,\xdf\x9f\xf6\xe9\xdde`\xff\xee\x83\xfawKLl\x17\xd2(\x8a\xc8$iS\xa5Gz\xbcRH!%\x91T\x0b\xf1\x9e\xf3\xb6gw\x84d\xcc`\x8c\x0c\x87\x83\x9cAdZD\xc4KJrw\x1fX\xb9v\xd3\x7f\xd6}\x9f\xb1\xfa\xeb\xb2\xb2r\xf5+\xcd\x9b5\xfb\xe5\x981\xe3\xc7\x8f\xef\xd8\xb1#\xa9G]\x9b&amp;:&gt;P\xa7P\xff\x81\x04\x01P\x13\xbe\x9be\x88\xc8\xe3\xf1\xacX\xb1b\xfe\xfc\xf9+W\xae,++\xf3\xbd\xa6U\xab\xeb\xbatnwk\xaf\xa4\xa4\xc4\xf8\x9b\xdb\xb6\x8ci\x1aC\xc1N"uIJ\x12\x9d\xbf\xbe\x8aq\xf6\xb6\x0c\x9bl\xbb\xe8xA\xee\xde\xc3\xdbs\xf6\xae\xffz\xcb\xe6\xef\xb7\xe7\xee&gt;PYY\xe9{i\x9f&gt;\xbd\xc7\x8f\x7fp\xd8\xb0aM\x9a4!"\xce\xb9:\xe7\xae\xd3O\r\xa0\xa0\xfe\x03\x06\x02\xa0\xe6\xa4\x94\x9cs\xdf4\x83\x9d;w~\xf6\xd9g\x9f|\xf2\xc9\xe6\xcd\x9b\xab\x16+\x115\x8a\x8ej\xdb\xe6\x86(wDr\xe7v\x96eE\x86\x87vJ\x8c\x97\x9c3b\xea}\x98e\x1d\xf8\xf1\xf0\x81Cy\xcc2\xb3\xb3rO\x15\x14\xef\xdc\xfd\xe3\xb1c\'\xce\xf9\x1b\x13\x12:\x0e\x192\xe4\x9e{~\xde\xabW/\xf5\x13\xf5D\x0b\xccq\x86\xfa\x87\xfa\x0f\x00\x08\x80\xab\xa5zC\xea\xfeI\xf5\x93\x9c\x9c\x9cM\x9b6}\xf6\xd9g\x99\x99\x99G\x8f\x1e\xa9\xac\xf4\\\xcd\xfb7m\xda$!!a\xf0\xe0!}\xfb\xf6\xed\xd2\xa5\x8b\xeav\xa9\xbf\x14\xbd\x1ehp\xa8\x7f\xbf\x86\x00\xa85B\x08u^\xec+\xca\xb2\xb2\xb2\x03\x07\x0e\xec\xdc\xb93;;;;;\xfb\xd4\xa9S99;8\xe7\xa7\x8bOWz.pT\xc4\xc6\xc6\x10\xd1M7\xb5q\xbb\xdd]\xbb\xde\xd2\xba\xf5M\x1d:th\xdb\xb6mTT\x94\xef5\xb6m\xab\xc5{\xeb\xe53\x01T\x17\xea\xdf\x1f!\x00j\x9f:\x12.X\xa6\xc5\xc5\xc5B\x88\xbc\xbc\xbc\xbc\xbc&lt;\xc6\xa8\xeaw\x1f\x16\x16\xd6\xb6m[)\xa5\xdb\xed\xbe\xd8\x1b\xa2\xcb\x03\xd7&gt;\xd4\xbf\x1fA\x00\xd4!Y\x85\x9a\x98\\\x9d\xc1Juz\xab\xf6\x0b\x8a\x1e\xfc\x17\xea\xff\xda\x87\x00\xa8W\xea\xdbV\x87\xc4\xf9\x7f\xaa\x0e\x0f\x94;\x04*\xd4\xff\xb5\x06\x01\x00\x00\xa0)L\x9f\x02\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14\x02\x00\x00@S\x08\x00\x00\x00M!\x00\x00\x004\x85\x00\x00\x00\xd0\x94\xd5\xd0\x1b\x00P\x7fd\x15\xe7\xfc\x11\xab\xa2A\xb6\r\xa0\xfe\xb1\xf3\x8f\x04\x80\x00#\xa5\x14B\x10\x91i\x9a\x97}1\xe7\\Ji\x18\x86a\xe0\xfc\x18\x02\x1c\x02\x00\x02\x99\x10BJ\xe9k\xf79\xe7G\x8e\x1c\xd9\xbbw\xef\x81\x03\x07\x0e\x1e&lt;\xc0\x18\x93\x92\x88dT\x94;!!\xa1i\xd3\xa6-[\xb6t\xb9\\U\x7f\xd70\x0c\x9c\x13@\xa0B\x00@`\x12B\xf8\xc6s\xf2\xf3\xf37l\xd8\xf0\xf9\xe7\x9fo\xde\xfc\xed\x81\x03\x07O\x9f&gt;}\xc1_q:\x83Z\xb4h\xd1\xa5K\x97\xbb\xee\xba\xbbG\x8f\x1e\xed\xda\xb5S?\xe7\x9cW\xe7\xd4\x01\xc0\xef \x00 \xd0\xa8\x01\x1f\xd5dgee\xbd\xf1\xc6\xeb\x9f}\xf6\xf9\xd1\xa3G\xcfyYll#\x92B\x121f\x14\x17\x97x&lt;\x9e\xaa\x7f\x1a\x1a\x1ar\xc7\x1dwL\x9e\xfc\xe8\xed\xb7\xdfn\x9a\xa6\x1aA\xc2\xa0\x10\x04\x18\x04\x00\x04\x14!\x84j\xa6\xb7m\xdb\xf6\xdb\xdf\xfev\xf5\xea\xd5\xbe\x96\xfd\xc6\x1b\x9aw\xed\xda\xa1Kb|\xd7\xc4vnwD\x9b\x9bn !\x88\x88L+\xefh\xfe\xb1\x13\x05\xd9;\xf6ee\xe7n\xfe~{\xf6\xb6\\\xdf\x1b&amp;&amp;&amp;\xfe\xe9O\x7f\x1a:t(\xe1T\x00\x02\x0e\x02\x00\x02\x87m\xdb\x96e\x95\x94\x94\xfc\xfe\xf7\xbf\x7f\xfb\xed\xf4\xf2\xf2\n"\nq\x05\xdf;b\xd0/\xee\x19\xd8\xafO\x97\x88&amp;1D&amp;\x91MBP\xa5\x87H\r\xeeKrXdYD&amp;\x91\xe4%%\x9b\xbe\xdf\xbet\xd9\xda\xf7\x17\x7f~\xf4\xd8\t\xf5\xceC\x87\x0e}\xed\xb5\xd7\xe2\xe2\xe2\xd4_\xd1p\x1f\x11\xa06!\x00 @\xa8\xa6933s\xd2\xa4I\x99\x99\x99D\xe4\nv\xde?z\xe8\xd4\xc7\x1f\xe8xKG"Iee\xdc\xe3\x95\x92\x18c\xc4\xc8\xa8riW\xcd\x0b\x95R2F\xa6iR\xa8\x8b\x0cg\xfe\xa1Cs\xd3?|+\xfd\xa3cy\'\x89(&amp;&amp;\xe6\x8d7\xde\x185jT\xd5\xab\x0b\x00~\r\x01\xd0\x00|\xdf\xb9\x94R\xb5#hM\xae\x92j\xfd\xe7\xcd\x9b7u\xeaTu\x8dw\xc8\xc0^\xb3f&lt;\xd5!\xa9\x03y=\xfcL\x191\xaa\xe6|\x1eI$\x85\x10BX\xc1\xc1\xe4\n9~\xf8\xd8\xcb\x7f\x9c\xfb\xc6\xdc%BJ"\x9a2e\xca\xec\xd9\xb3\x91\x01W\xafj\xcb\x83o\xb2\xa1 \x00\xea\x89\xba\xf9H5\x1c\xe7\x8f#K)9\xe7\x8c1L:\xac\x01\xd5\xfa\xa7\xa7\xa7\xa7\xa6\xa6\x12\x913\xc8\xf1\xcaK\xbf\x9a\xf2\xeb\x14"\xc9KJ\x99\xc1jv\xf1V\xed\x14\x15\x03\x19\xcbV?\x94\xfa\x87#y\'\x89h\xd2\xa4Iiii\x9cs\xec\xac+%\x84\xf0eg\xd5\x9d\xa2\x0e\r\xdc~Q\xff\x10\x00u\xee\xa7v\xe4\x7f\x07\x8eKJJ\xca\xca\xca&lt;\x1e\x8f\xc3\xe1\x08\r\r\r\x0f\x0f\xf7\xfd\x11\xae4^\x91sZ\xff\xe8\xa8\xf0O\xff\xf5z\xef\xfe\xbdDq\x11Ii\x98W\xdb\x9aH)9\x17\x96;\xf2\xd8\xc1\xa3\xc3\xefyl\xf3\x96\x1dt6\x03l\xdb6M\x13\x19P\x1d\x9cs\xfa\xdf\x1b\xf1\x8a\x8b\x8bU\x18\x10QTT\x94\xef\xe7U\'qA]C\x00\xd4-\xdf \x0f\x11eff\xae]\xbbv\xe3\xc6\x8d{\xf6\xec\xc9\xcb\xcb+++S\xbd\xc8\xd0\xd0\xd0\xeb\xaf\xbf\xbeK\x97.\xc3\x86\r\x1b:t\xa8i\x9a\xc8\x80jR_\xd4\xbb\xef\xbe\xfb\xe0\x83\x0f\x12\xd1\xcd\xf1\xad\x16-\x9c\x99\x94\x9c`\x17\x14Z\x8e\xda\xbcTk{m+&lt;\xac\xb0\xb0x\xc2\x84\xdf-\xfd\xfc?D\xf4\xf0\xc3\x0f\xcf\x9d;\x17\xd7\x84/\xabj\x83~\xf8\xf0\xe1\xd5\xabW\xaf_\xff\xd5\xfe\xfd?\xe6\xe4\xec\xb0m\x9b\x11\x93Dm\xda\xdc\xd4\xa2\xc5u\xbd{\xf7\x1e&lt;xp\xfb\xf6\xed\xe9\xec\x193\xce\x06\xea\x1a\x02\xa0\x0e\xa9\xd6\xff\xe8\xd1\xa3\x0b\x17.\\\xb2d\xc9\xd6\xad[/\xfb+\xb7\xdcr\xcb\x1f\xff\xf8\xc7A\x83\x06!\x03.K\xcd\xf8\xcc\xce\xce\xee\xd9\xb3GiiY#w\xc4\xda\x95\xf3\x12\xbav\xb2\x0bNY\x0eG\xad\xffu\xdc\xe6f\xa8\xab\xa2\xc2\xd3\xb7\xdf\x03\x9b\xb7\xe4\x10\xd1\xbcy\xf3RRR\xb0\xa7.\xc1\xf7\xe5\xacY\xb3\xe6\xbd\xf7\xde[\xb6lYaa\xe1%^\xeft:o\xbb\xed\xb61c\xc6\x8c\x1b7\x8ep6\\\xf7\x10\x00uE\xd5\xee\xfb\xef\xbf\xff\xc4\x13O\x14\x14\x14\xa8\x1f:\x1c\x0e\xc30|#\x9e*!T7G\xfd\xaf:S\x9e={\xf6\x94)SP\xfd\x97\xa0\xbe\xc3\xb2\xb2\xb2&gt;}zgee[\x96\xf9U\xc6;=n\xefi\x17\x14XA\x0e\xaa\x9b\xa2\x16\x9c\x1b\xc1\xce\xc2\xe23]{\x8c\xde\x7f\xe0hHH\xc8\xd7_\x7f\xdd\xa9S\'\xdf\xcd\x07P\x95*\xe0\xa3G\x8f&gt;\xf7\xdcs\xf3\xe7\xcf\xf7557\xde\xd0\xbcm\xdb\x1b;\xb6k\xe5\x8e\x8e"\xce\xbd^\xfb\xbb\xac\xdc\xc3\x87\xf3\xb6m\xdfCg\xf7\xdc\xc0\x81\x03_~\xf9\xe5\xee\xdd\xbb\xe3z{\x9dB\x00\xd4\x15U\xfd\xff\xf9\xcf\x7f\xfa\xf5\xeb\x17\x14\x14\xa4\x1a,\xd5\xbe_\x90*q\xd5\x8ep\xce\xff\xf1\x8f\x7f\x8c\x1a5\n\x19p1\xea\x9by\xec\xb1\xc7\xdex\xe3\r"\x9a\xfd\xa7_Oyf\xb2\xb7\xe0\xa4\xa3VG~.\xf0\xf7\xda\xdc\x8c\x8a\xd8\xf4\xe5\xa6\xbe\x83\'z\xbcvRR\xd27\xdf|cY\x16\x1a\xa9s\xa8\xc1\xb1\x8c\x8c\x8c\x87\x1e\x9ap\xe4\xc8Q"r\x05;\x7f9\xfa\xce\xfb\xef\xbb391&gt;\xa2Y,\x91\xa1n\xbc "\x92\xb6]r&amp;s\xdb\xee\x15\x19\xeb\xe7\xa6}t,\xef\x04\x11\x05\x05\x05\xbd\xfa\xea\xabS\xa6LA\x06\xd4\x1d\x04@\x1dR\x1d\xc3\xa1C\x87\xaeX\xb1B\xfd\xa4I\x93&amp;}\xfb\xf6\xed\xd1\xa3G\\\\\\TT\x94eYg\xce\x9c\xd9\xbe}\xfb\xa7\x9f~\xfa\xc5\x17_\xa8\xd7\xa8S\x84\x98\x98\x98\x9c\x9c\x9c\xe8\xe8h\xc2$\xb9\xf3\xa8/v\xd7\xae]\t\t\t\xb6m\x0f\xe8\x97\xbcj\xd5\x02\xfb\xcc\x19\xab^\xba\xe1\xb6\xd7\xb6\xa2c\xa7O{\xe5\x85W\xd2\x89h\xc1\x82\x05\xe3\xc7\x8fGTW\xa5\xbe\r\xdf\x95y"\x9a0\xee\x9e_\xff\xea\x81\x0e]:\x12\t*+\x17\x1e[HI$\xd5\xbdx\x06c\x86iP\x88\x8b\xcc\xa0\xfcC\x87\xe7\xa6\x7f\xf4\xd7\xbf-,,.\xa1\xb3\xd7\xdb\x91\x01u\x04\x01P\x87\xd45\xdeU\xabV\r\x1e&lt;x\xc0\x80\x01\x0f&gt;\xf8\xe0\xd0\xa1C\x1b5jt\xc1\x17/Y\xb2d\xc2\x84\t\x95\x95\x95j\xf5J\xdb\xb6\xff\xfa\xd7\xbf&gt;\xf1\xc4\x13\xb8\xccx&gt;\xd5\x1c\x0c\x1d:4###88\xe8\x87\xaf\x97\xc4%\xc4\x893eW?\xe7\xa7:\xa4\x94\x821\xc1\x8cN\xb7\xfc"w\xcf\xc1&amp;M\x9adee\xa9\xdd\x8a\x16\x8a\xcek\xfd\x1b\xb9#\xe7\xfc\xfd\xd9Qc~N\xder^ZF\xc4\x0c\xe3\x02M\xf9\xd9\xdb/\xa4\xe5\x0c\xa2\x90\xc8\xcc\xcd\xdfO\x9a\xf8lf\xd6.\xaa2\xef\x16\x11[\xeb0pY\x87\xd4\x1c\xc1~\xfd\xfa}\xff\xfd\xf7\xabW\xaf\x1e;vl\xa3F\x8d8\xe7\xb6m\xf3*l\xdb\xb6m\xfb\xbe\xfb\xee\x9b9s\xa6\xea\xdb\xaak\x03\x9f\x7f\xfe9a\x01\xb2\xf3\xa8\xd6?\'\'g\xcd\x9a5D4\xfa\x17\x83\xe2\x92:\xf2\x92\xd2\xfai\xfd\x89\x881&amp;m\xee\x08\x0b\x9b6\xf5A!\xc4\xb1c\xc7\x96.]\xca\x18\xbb\xc4\xf8\x9e&gt;T3\xbdz\xf5j\xdf\xac\xdc\xe5\x9f\xce\x195\xe6\x17\xde\x82\x93\xa2\xac\xdc4M\xd3\xbc\xf0\xcd\x13\x8c\xc80\x0c\xcb2\xa5m{O\xe5w\xe9\xdaa\xf5\xaay\xc9I\xed\x89(==}\xfa\xf4\xe9\xaaWT\xdf</t>
        </is>
      </c>
    </row>
    <row r="482">
      <c r="A482" s="1" t="n">
        <v>480</v>
      </c>
      <c r="B482" t="inlineStr">
        <is>
          <t>shape_size_hexagon</t>
        </is>
      </c>
      <c r="C482" t="inlineStr">
        <is>
          <t>What is the size of the missing shape denoted with a question mark if it is a pentagon?</t>
        </is>
      </c>
      <c r="D482" t="inlineStr">
        <is>
          <t>['small', 'medium', 'large']</t>
        </is>
      </c>
      <c r="E482" t="inlineStr">
        <is>
          <t>small</t>
        </is>
      </c>
      <c r="F482" t="inlineStr">
        <is>
          <t>There are 7 shapes with different sizes in the image, of which there is a missing pentagon in the center. The other shapes are arranged around the center, which are ['hexagon', 'square', 'pentagon', 'hexagon', 'square', 'pentagon'] in anti-clockwise order. Their corresponding sizes are ['large', 'medium', 'small', 'large', 'medium', 'small'].</t>
        </is>
      </c>
      <c r="G482" t="inlineStr">
        <is>
          <t>We observe that the hexagons are large size, the squares are medium size, and the pentagons are small size. Hence, the pattern is that each shape appears with a distinct size.</t>
        </is>
      </c>
      <c r="H482" t="inlineStr">
        <is>
          <t>Based on the pattern that each shape appears with a distinct size, the size of the missing pentagon should be small.</t>
        </is>
      </c>
      <c r="I482" t="inlineStr">
        <is>
          <t>b'\x89PNG\r\n\x1a\n\x00\x00\x00\rIHDR\x00\x00\x02\x00\x00\x00\x02\x00\x08\x02\x00\x00\x00{\x1aC\xad\x00\x00@1IDATx\x9c\xed\xddy|T\xe5\xbd?\xf0g93!\x81,,\x02\xa5\x16+\x9bV\xd1\x96 \x14\x14!p\x0bDk\x05\x94\xa5\xa9^\xc4V\xaa\xd7*\x05\x7f\xe2\xc5{\x85\xcaR\x97\xb2\x05\xb1\x0b\x96\x16\x04\x91\x96\xa5\x15\x05-(\x10@\x10\xac\x84\xab\xe0\x02\x08RZ%\x02!+\x84d\xce\xf3&lt;\xbf?\xbed\x1aY\xb3\xcc\xcc\x993\xcf\xe7\xfd\x87/\xd9\x9233\xf9\x9e\xcfyvn\x8ca\x00\x00`\x1f\xe1\xf5\x05\x00\x00\x807\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04\x00\x00\x80\xa5\x10\x00\x00\x00\x96B\x00\x00\x00X\n\x01\x00\x00`)\xc7\xeb\x0b\x80\xb3\x19c\xbc\xbe\x84h\xe1\x9c{}\t\x00\xf0o&lt;\x81o7\x00\x00p\x11h\x01\xc4\x9d\xd3\xa7OWTTp\x9e8\xd9L\xafE\x08\x91\x96\x96\x86F\x00@\xfc@\x00\xc4\x11\xd7u\x1d\xc7\x993g\xce\xb3\xcf&gt;+\xa5TJy}E\x91\x94\x9e\x9e\xbek\xd7\xae\x8c\x8c\x0cc\x0cb\x00 \x1e \x00\xe2\xce\xa9S\xa7\x8a\x8a\x8a\xbc\xbe\x8a\xc8s]7a\xda4\x00\x89\x01\x01\x10w\xa4\x94\x9cs\xc7q\\\xd7e&gt;\x1f8\xa5;&gt;u\x01\x05\x02\x01\xaf/\x07\x00\xbe\x02\x01\x10wL\r,Q&amp;\x05\x85_\x0e\x00\xc4\x0f\x04@\xbck\x94\x94\x94\x9c\x9c\xe4\xbb\xbb\'gL\x1bSZv\xd2wW\x0e`\x0f\x04@\xfc\xa2^\xa01\xa3s&amp;\xfc\xcf\x98\xaa\xe3\'\x1c\xc77\x1f\x961F\x06\x9c\xa2\x13%\x99\x03~XRZ\x9eH3\x9a\x00\x12\x89o\xee)\xd6JINn\xda\xa2\x992Z\xfa\'\x00\x981,\x10\x10&gt;\x1f\xc0\x00Hx\xfe\xb9\xa7\xd8J)mB\xa1P\xc8\xf5\xd13\xb41\xc6a,\x14r\xbd\xbe\x10\x00\xb8\x18\x04@\xbc\xe3\x9c\xf1j^_K\x1d\xf8\xee\x82-\xa4\xb5f\x8c\t\x81\r\xc1\xec\x85\xcf\x1e\xc0FJ)!\x84\x10"\xc1\xd6\x1bB\x9d \x00\x00\xecb\x8cq]WJy\xe8\xd0\xa1\x1d;vH)\xb5\xd6\xd4\x1a\x00\xdb \x00\x00,\xa2\xb5\xa6e\x86k\xd7\xae\xed\xd1\xa3G\xcf\x9e=\'O\x9eLM\x01Zx\x08VA\x00\x00\xd8\xc2u]\xba\xd1\x8f\x1b7.;;\xfb\xcb/\xbfd\x8c=\xf9\xe4\x93\xd9\xd9\xd9G\x8e\x1c\xa1i\xc7\x98\xb0k\x15\x04\x00@\xe23\xc6(\xa5\x1c\xc7\xd9\xbf\x7f\x7fVVVnn\xae\x10\x82\xd6gPk\xa0k\xd7\xae\xcb\x96-\xa3\xb5&amp;\xe8\x0e\xb2\x07\x02\x00 \xc1)\xa58\xe7R\xca?\xfd\xe9O={\xf6\xdc\xbau\xab\xe38\xd4\x17$\xa5\xa0\xf1\x80#G\x8e\x8c\x181b\xdc\xb8q48\x8c\xee K \x00\x00\x12\x19\xdd\xdf\xcb\xca\xcaF\x8f\x1e\x9d\x93\x93SXX(\xa5t]WJ\xa1\xb5VJK!\xc23\x82rss{\xf5\xea\x95\x9f\x9f\xef8\x8eR\n\xddA\t\x0f\x01\x00\x90\x98\x8c1Zk\xc7qv\xec\xd8\x91\x95\x955\x7f\xfe|\xdah\x96~S)}m\xa7v\xff\xd1\xfb\xbb\xaa\xba\xc3\xa7\xe6_\x9e;w.\xfdeL\x12Ml\x08\x00\x80\x04D\xdd&gt;5\x1f\xea\xe9\x88!\xea\xf7w]w\xd8\xed\x036\xbf\xbe\xf8\xad\xd5\x8bfN~\xd4\x91Rk]\xdd2\x90eeec\xc6\x8c\x191bD\xb8\xb9\xe0\xf5\xab\x81hA\x00\x00$\x1a\xba\x8f\x17\x16\x16\xd6\xec\xd6WJ9\x8e\xd4Z\xa76N\x99\xf3\xf4\xe3\xcb^\xccm\xda\xa4qUq\xc9#\xe3\x1f\xd8\xf8\xea\x82\x8e\xed\xda*\xa5hM\x00\xcd\x13]\xb6l\xd9\x8d7\xde\xb8v\xedZ\x1a0\xc0\xc8pBB\x00\x00$\x0e\xbaS\xd3\xc4\x9e\x9e={\xd2\xc4\x1e:\x8cAJ\xe1\xba\xaa\xcbuWo\\\xfd\xe2\x98\xb1\xf7U\x95\x9dT!WJYy\xac\xb0\xd7M\xdd\xde\xdd\xb8\xfc\'w\xddA\xfd\xfe\x82s:\x9dt\xdf\xbe}\xd9\xd9\xd9X(\x90\xc0\x10\x00\x00\t\x82\xa6\xf9\x0b!&amp;O\x9e\x9c\x9d\x9d\xbd\x7f\xff~\x9a\xda/\xa50\xc6(\xa5\x1f\xba/\'\xef\xb5\x17\xbbv\xb9\xb6\xf2\xcb\xe3R\n.8c\xccq\x9c\xaa\xd2\xb2\xf4\xa4\xe0\xfc\xdf&lt;\xf5\xf2\x0b\xbfj\x96\x91\xa6\xb4\xa6\x7fH_\x8d\x16\n\x84\xbf\x1aF\x86\x13\t\x02\x00\xc0\xf7\xa8[\xdfq\x9c#G\x8edgg?\xf9\xe4\x93\xe1gv\x1a\xefm\x96\x91\xf6\xa7\xf9\xd3\xe7&gt;755)PUZ\xee\x04\xbe\xb2\x0b\xa4\x94R\xb9\xaa\xaa\xa44\xe7\xae!\xef\xac[zc\xb7o\xd3\xdd\x9fU\x0f#\xd7lO`d8\x91 \x00\x00\xfc\x8dz\xe7\xa9\xd7\xbek\xd7\xae\xe1^{f\x0ce\xc0\x8d\xdd\xbe\xfd\xce\xba\xa5#r\x06W\x1e+TJK)\xcf\xfd"\xb4P\xa0\xf2\xf8\x89N\xed\xaf\xc8{u\xe1\xa4G\x1f\xd0Zkc\x9c\xea\x91a\x1aQ\x183fLYY\x19F\x86\x13\x06\x02\x00\xc0\xc7\xc2\x03\xbc\xe3\xc6\x8d\x1b1b\xc4\x91#G\xc2\x93y\xb41Z\xebI\x8f&gt;\x90\xf7\xea\xc2N\xed\xaf\xa8&lt;~\x82\x9e\xdf/\xf2\xd5\x1c\xc7\t\x9d\xac\x10ZO\x9e\xf2\xe8\x1b\x7f\xfe\xed\xd7Z\xb6p\x95r\xaa\xa7\x0fI)\xe7\xce\x9d\x9b\x95\x95\xb5c\xc7\x0e\x8c\x0c\'\x06\x04\x00\x80/\xd1\xee\x0eR\xca\xfc\xfc\xfc^\xbdz\xd1\xee\x0egf\xfbH\xa9\x94\xfaZ\xcb\x16o\xfc\xf9\xb7\x93\xa7&lt;*\xb4\x0e\x9d\xac\xa8\xe5\x91\xa2B\ncL\xe5\xb1\xc2\xec[\xfa\xbd\xb7q\xf9\xb0\x1f\xf4w\x95\xa2\xd3\x1dh3\x89s\xbf]\xb4_)D\x0f\x02\x00\xc0\x7f\xc2\x8f\xe4\xf3\xe7\xcf\xaf\xf9HN\x7f\xea*5 \xab\xe7{\xeb\xff\x9c}k\xbf\xcac\x85\xc6\x18!\xebP\xe94\r\xb4\xb2\xa8\xa4\xcde\xcd\x97-~n\xe6\x94\xf1R\xd0\xf21Ic\x03\xe76802\xecS\x08\x00\x00\x9f1\xc6H)KJJF\x8f\x1e=z\xf4\xe8p\xa7&lt;\xcd\xe2w\xa4\x9c9e\xfc\xda\xbf\xfe\xa1M\xab\xcb*O\x94\\\xb2\xdb\xe7B\x1cG\x86*+Ce\xe5\x8f&lt;\xf2\xd3-\x7f[\xd2\xe5\xba\xab]W\xd1\x84"\xdaB\xae\xe6\x90\x03N\x7f\xf3)\x04\x00\x80\x9fh\xad\x8d1[\xb7n\xed\xde\xbd{\xcd\xdd\x1d\xa4\x14J\xa9\x8e\xed\xdan|u\xc1#\x8f\xde\x1f*?\x19\xaa\xact\x9c\xf3\x8c\xf7\xd6\x1eu\xf2T\x16\x9e\xe8\xd1\xfd;y\xaf\xbd\xf8\xd0}9Ji\x8a\x9f\x9a\x93\x8e&amp;O\x9e|\xf2\xe4I4\x02\xfc\x08\x01\x00\xe0\x1bZk!\xc4\xbe}\xfb\xfa\xf5\xeb\xb7o\xdf\xbe\xf0\x96m4\xcd\xff\'w\xdd\xf1\xee\xc6\xe5\xbdn\xeaVy\xac\x90\xee\xdd\x11\xf9\xa6\x8e\xe3T\x95\x94\xa5&amp;\x05\xe6&gt;7\xf5O\xf3\xa77\xcbH\xa7\x0e(\xea\x0er\x1c\xe7\xc9\'\x9f\x1c;v,\xa6\x87\xfa\x11\x02\x00\xc07h\'\x9f+\xae\xb8\xe2\x8a+\xae\x10B\xd0\xb6\rB\x88V\x975\x7fa\xd6/\xe6\xff\xee\x99\xb4`\xb0\xaa\xb4\xac\x96\xe3\xbd\xb5\'\xa5TJW\x1e+\x1c\x913\xf8\x9d\xbf\xbd\x94\xdd\xf7&amp;!8\xb5&lt;\x18cB\x88\xee\xdd\xbb3\xc6\xd0\x08\xf0\x1d\x04\x00\x80o\xd0Svrr\xf2\x90!C\xa85@1pS\xf7\xef\x8c\xfe\xf9O*O\x14i\xa5\xce;\xcd?"\xdf\xdaq\x9c\x8a\xa3\x85\x9d\xbe}\xcd\xaf&amp;\xfe\x9c~\x87\xda\x01\x8d\x1b7\xbe\xfd\xf6\xdb\x19cQ\xfa\xd6\x10=\x08\x00\x00?\xa1\xe1\xd6;\xee\xb8\x83\x86|\x8d\xd1\x8c\xb1w\xde{\xff\xc4\xa7\x87\x82\xc1`\xb4\xbf\xbb\x10B\xbb\xea\xf5\r[\x95\xd2Bp\xeae\xea\xd3\xa7O\xabV\xad\xa89\x12\xed\x0b\x80\xc8B\x00\x00\xf8\t\xdds\xaf\xbb\xee:\xba\xe7\x1a\xc3\x84\x90G\xbe&lt;\xbeu{&gt;o\x9c\x12\xed\x95YRrVY\xf9\xd7\xd770\xc6\x8c1t\xc7\xff\xde\xf7\xbe\xc7p\x90\xa4?!\x00\x00\xfc\x84z\x81RRR\xfa\xf7\xef\xcf\x18\x93R\xd2X\xef\xca5\xeb\x99\x88\xee\x03\xb8\xd6\xc6IN\xde\xfb\xd1\xbe\xfc\xdd\x1fs\xce\xb56J\xa9`08p\xe0@V\x9dL\xe0/\xf8\xcc\x00|i\xf8\xf0\xe1\x8c1:\xd6\x911\xb66o[\xc9\x91\xa3\x81` z#\xb1Z+\xd6\xa8\xd1kon\x0e\x85\\)\xa5\x10\xc2\x18\x93\x99\x99y\xd5UW\xd1\x80D\x94\xbe/D\x0f&gt;3\x00\x9f\xa1[m\xaf^\xbdZ\xb7n]=\x0fG\x16\x1c-\xdc\xbc\xed=\x9e\x12\xc5^ )\x85\xae\xa8\xf8\xcb\x1a\xea\xff9\xd3\xe3\x7f\xe7\x9dw\x86\xa7\x03\x81\xef \x00\x00|\x86z\x81\xd2\xd2\xd2\xb2\xb3\xb3Y\x8d^\xa0\x15k\xd6\xb3\xa8\r\xc3R\xff\xcf\'{\xf6\x9e\xd5\xffC\xf3\x7f\xf0\xf8\xefS\xf8\xd8\x00\xfcj\xd8\xb0a\xacF/\xd0\x9b\x9b\xb6\x97\x1f+\x0c\x04\x9ch\xf4\x02Q\xff\xcf\xdaM\xdbk\xf6\xfft\xe9\xd2\xa5C\x87\x0e\xe8\xff\xf1/|l\x00\xfe\x13\xee\x05j\xd3\xa6Mx9\xd8\xd1c\x85\x1f|\xb8\x977j\xa4u\xe4\x03@\x08\xce\xdc\xd0\x86\xb7\xdfe5\xe6\xff\x0c\x1b6\x8c\x16"D\xfc\xdbAl \x00\x00\xfc\'\xdc\x0b\xd4\xad[7\xfa\xa5\x10Bi\xfd\x97\xd77\xb0`\x90\x16\x07D\x901&amp;\x90\x94\xf4\xf9\xc1\x7fnz\xe7=v\xa6\xcd\xa1\x84\x10YYY\xaczi\x02\xf8\x11\x02\x00\xc0\x97\xa8\x9fg\xf0\xe0\xc1\xf4K\xad\x15c\xec\xb5u\x9b*\x8bJ\x02\x81\x08o\x05\xa1\x94f))k\xf3\xb6\x95\x95\x9f\xa2\xed\xe7\x8c1\x1d:t\xe8\xdc\xb93\xed\r\x17\xd9o\x071\x83\x00\x00\xf0%\xba\xedfgg\xa7\xa6\xa6*\xa5\x8caB\x88\xfd\x07\x0f\xef\xcc\xff@\xa4\xa4\xd0\xa8@\xa4\x08\xce\x98R+\xd7\xac?\xf3K!\x18c\x83\x06\rJJJ\xc2\x06p\xbe\x86\x00\x00\xf0%\x9a|\xd9\xbau\xeb\xde\xbd{\xb3\xea\xad\x9b\x8d1\x7f}c#\x0b\x06"\xd8\x0bd\x8c\t4j\xf4\xc5\xc1\xc3[\xb6\xefd\x8c\xd1I\x90B\x88;\xef\xbc\x93\xa1\xff\xc7\xe7\x10\x00\x00~E\xa3\xaf4\x17\x88U\xf7\x02\xbd\xban\xd3\xe9\xc2\xe2\x08\xf6\x02)\xa5YJ\xa376n\r\xf7\xffh\xad;t\xe8\xd0\xa5K\x17\xf4\xff\xf8\x1d\x02\x00\xc0\xaf\xe8\xe6;p\xe0\xc0p/\x10\xe7|\xff\xc1\xc3\x1f\xec\xfeX$\'Gjr\x0e\xe7\x8ci\xf3\xda\xba\xcd\xf4\xcbp\xffO0\x18D\xff\x8f\xdf!\x00\x00\xfc*\xdc\x0b\xd4\xa7O\x1f\xc6\x98\x10BJi\x8c\xd9\xb4}\'\x0b\x06"\x12\x00\xc6\x98@0P\xf2\xe5\xb1ww\xeda\x8c\x19\xa3\xb5\xd6RJ\xf4\xff$\x06\x04\x00\x80\x8f\xd1]\x9e\xf6\xe3\xe4\x9cS\xd7\xff\xca\xd5\xebu\xc5iY\x97\x83\xe0/\xf2\xf5yJ\xca\xe6m\xef\x1d\xf9\xf2\x98\x10\xd2\x18\xa6\xb5n\xd5\xaa\xd5u\xd7]\xc7\xb0\x00\xd8\xff\xf0\xf9\x01\xf8\x18\xdd\x82\x07\x0e\x1cH\x1d2Z\x1b\xcey\xfe\xee\x8f\xf7~\xb4\xcfIN\x8e\xcc\x8a0\xc1i\xfe\x8f\x10g:\x9d\xfa\xf7\xef\x9f\x92\x92B\x07CF\xe0\xeb\x83w\x10\x00\x00&gt;F\x0bq\xaf\xba\xea\xaa\xcc\xccLc\x0c\xf5\x02\x85B\xeekonf\x8d\x1a\xd1\xb0p\xbd\x9d\xe9\xff9rtm\xde6\xc6\x98R\x9a\x1a\x1c\xb4\x11)$\x00\x04\x00\x80\xbf\xd1V\x10\xe1Ny\xea\x05\xfa\xcb\x9a\r\xba\xa2\xa2\x81\xbd@\xe1\xfe\x9f\x82\xa3\x85BH\xfa\x9d\xd6\xad[\xf7\xea\xd5\x8b\xa1\xff\'!\xe0#\x04\xf07\xba\x11\xdf~\xfb\xedg\xf5\x02}\xbcg\xafHJr]\xa5\xebK)m\x98Y\xf1\xd5\xfe\x9f\xec\xec\xec\xb4\xb44\xf4\xff$\x86\x08/\x19\x07\x80\x18\xa3^ \x9a\x98\xbfc\xc7\x0e\x9a\xaa\x1f\n\xb9om\xd9qm\x9f\x9eI\xc7\x0b\x99S\xbf27\x01)\xdd\xb2Son\xda\xce\x18SJ\x877\x80\x8b\xe8\xe5\x83\x97\x10\x00\x00\xbe\xa7\xb5v\x1cg\xd8\xb0a;v\xec\xa0}\xe2\x18c\xb3~\xb7x\xd5[[L(\xc4y}\x1a\xfa4\xa2PYUu\xf4X!\xab\x9er\xda\xa6M\x1b\xf4\xff$\x12\x04\x00\x80\xef\xd1\xb3yVV\x96\x10B)E\xfb\xc4\x1d\xfe\xbc\xe0\xf0\xe7\x05\x91\xfd\x16\xdd\xbau\xa3\xfe\x1f,\x00N\x0c\x08\x00\x00\xdf\xa3\xf5_\x9d;w\xee\xd0\xa1\xc3\xbe}\xfb\xa8SHp\xce#\xf0\x9cnj\xee+G\x9b\x8fF\xef\xd8a\x881\xb4\xe3\x00\x12\x81R*))i\xd0\xa0A\x9cs\xc7q\x84\x10\x8cs\x13\x01g\x16\x183\xc6j\x1eB\xe9\xf5\xcb\x85\xc8@\x00\x00$\x82\xf0\x11\xed\xc6\x98\xaa\xaa\xaaz\xcf\xfc\xb9\xc0t \xa5\x94\xba\xe9\xa6\x9bZ\xb7n\x8d\xf9?\x89\x04]@\x00\x89\x80\x9e\xca\xbbu\xeb\xb6e\xcb\x96\xaa\xaa\xaa\xc8\xde\xa3\xc3\'\xc00\x0c\xff&amp;\x16\x04\x00@\xe2\x10B\xd0,\x9d\xe8\xc1\xe3\x7f"A\x00\x00$\x94\xe8m\xd1L\'\x0fG\xe9\x8b\x83\'\x10\x00\x00\t\x05#\xb4P{\xc8s\x00\x00K!\x00\x00\x00,\x85\x00\x00\x00\xb0\x14\x02\x00\x00\xc0R\x18\x04\x8ew\xda\x18\xa5\x94R\x9a\xf3\xc8\x9c\xf1\x1d\x03\xc6\x18.t\xcd-\x04\x00 \x0e!\x00\xe2]rR\x92l\x92\x9eR\x15\xaa\xef\xa6\xbe^0\x86\x05\x9d\x0c\xd7\xc5\x9cq\x80x\xe6\x9f{\x8a}h\xcb\xad\xbd\x07\x0em\xfc\xdb[U\xc5%\xfe\x9a\xde\'\xa5,--\x0f\x85\\\xaf/\x04\x00.\x08\x01\x10\xbfhE\xcf\xa2e\xaf-Z\xf6\x9a\xd7\xd7\xd2 \xd8&lt;\x12 &gt;!\x00\xe2\x1d\xe7\xdc\xbf\x1d)Zc\x18\x00 ~!\x00\xe2\x0e\xed\xbeK;\xbc{}-\rE\xddV\xb4\x95\x98\xbf\xba\xb0\x00l\x80\x00\x88;\x15\x15\x15\xb4\xfb\xae\xd7\x17\x12a\xc5\xc5\xc5\t\x10i\x00\x89\x04\x01\x10G\xa8\xab\xe7\xea\xab\xaf\xee\xdb\xb7\xaf\x942a2\x80Z\x00\xa9\xa9\xa9\x81@\xc0\xebk\x01\x80\x7f\xe3x(\x03\x00\xb0\x13Z\x00q\xe7\xccA|\x89\x08\x9b\t\x03\xc4\x15\xb4\x00\x00\x00,\x85\'2\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14\x02\x00\x00\xc0R\x08\x00\x00\x00K!\x00\x00\x00,\x85\x00\x00\x00\xb0\x94\xe3\xf5\x05\xfc\x9b1Fk\xcd9\xf7\xfaB\xa2\xcb\x18#\x84H\xf8\x97\tP\'(\x7fOpc\x8c\xd7\xd7\x00\x00\x00\x1e\x88\x8b\x16\x00%\xff\xc1\x83\x07\x1f|\xf0A\xa5\x941&amp;!c\x89s\xce9\x97R\xfe\xe67\xbfi\xd7\xae\x1d=\x0bx}Q\x00\x1eC\xf9{\xc9\xc4\x01\xd7u\x8d1#G\x8e\xf4\xfa\xcd\x88\x91\x91#G\x86_5\x80\xe5P\xfe\x1e\xf2\xbe\x0bH)%\xa5\xdc\xbcys\xbf~\xfd\x84\x10Zko\xaf\'\xda\xe85n\xd8\xb0\xa1w\xef\xde\xf4\xda\xbd\xbe"\x00\xcf\xa0\xfc\xbd\xbd\x9e\xb8\x08\x00\xcey\xdf\xbe}7o\xde,\xa5TJ\xc5E\xcb(:\xb4\xd6\xf4\x1a{\xf7\xee\xbdq\xe3Fc\x8c\xe7?\x01\x00\x1eB\xf9{|M^6?\xaa\xdbA\x0b\x17.d\x8c\xd1{\x11?\xe3\xe3\xd1@\xaf\x8e^\xe9\xc2\x85\x0bM\xdc\xb4\x04\x01b\x0f\xe5\xefy\xf9{\xd9\x02\xa0+(..\xbe\xf6\xdak\xbf\xfc\xf2K\xc6\x98\x10B)58\xbb\xef\x981?\x0e\x95\x96%\xcc\xb3\x80\xd6:\x90\x96\xfa\xdcs\x7f|\xe5o\x1b\xa5\x94\xd4\xcem\xd5\xaa\xd5\x87\x1f~\x98\x91\x91A\xa3C^_#@L\xa1\xfc\xe3\xa1\xfc\xbd\x9c\x05D\r\xa2Y\xb3f\x15\x14\x14\xd0\xfbb\x8ci\x9a\x9e\xf6\xbb\x99\x93Z\xb5k\xcb*\xabX\xc2\xdc\x16\x8daI\xc1k\xae\xb8|\xd3;;K\xca\xca\x19cB\x88\x82\x82\x82Y\xb3fM\x9b6-\x1e\xba\x02\x01b\x0c\xe5\x1f\x0f\xe5\xefY\x0b@k-\x84\xd8\xbf\x7f\x7f\xe7\xce\x9d\xa9\x1dD\xf9\xff\xdc\xb4\xc7\x1e\x1e;\xba\xe2\xe8q\xe9\xc4\xc5\x14\xd5HQ\xae\x9b\xdc\xb2\xc5\xdc\xdc\xdf\x8fy\xe2W\xf4\xe3\xce9w\x1cg\xcf\x9e=\x1d;v\xa4w\xc3\xebk\x04\x88\x11\x94\x7f\x9c\x94\xbfg\x01@\xb97|\xf8\xf0\xe5\xcb\x97K)\xa9=\xd8\xb1]\xdb\xddo\xbf"\xb4f\x8c%J\xfa\x9fA\xef\xb2\x16\xe2\xba^\x83\xf7\x1f&lt;L\xed&gt;\xa5\xd4\xb0a\xc3\x96-[\x86F\x00X\x05\xe5\x1f\'\xe5\xefM\xec\xd0\x0b\xde\xb4i\x13}\xfcJ)\xce\x991f\xce\xd4\xf1\xc1\x94d\xadT\x82}\xfc\x8c1\xce\x98V*\x98\x92&lt;g\xeaxc\x0c\xe7g\xde\x84\xe5\xcb\x97o\xda\xb4\x89\xde\x04\xaf\xaf\x11 \x16P\xfe\xf1S\xfe\x1e\xb4\x00(\xed\xb5\xd6=z\xf4\xc8\xcf\xcf\xa7!\x10\xa5t\xff&gt;=\xd6\xadZ\x10*+O\xe0\xce\x10\xadu \xb5\xc9\x80A\xf7\xbe\xb9i\xbb\x94\xc2\x18f\x8c\xc9\xcc\xcc\xdc\xbe};\xed\x10\x82\xd1`Hl(\xff\xb8*\x7f\x0f\xdek\xea\xf0\x9a7o\xde\xce\x9d;iY\x841\xccq\xe4\x9c\xa9\x8f\x19\x0b\x9e\x82\x8dRs\xa6&gt;\xe68\xd2\x983o\xc5\xce\x9d;\xe7\xcd\x9bg\xc3*\x18\x00\x94\x7f\\\x95\x7f\xac[\x00\xf4\xed\x8a\x8b\x8b\xdb\xb7o_RR\x12\x1e\xfcyp\xd4\xf0_??\xad\xaa\xb0X:\t\xde\x15\xae\\\x15l\x9e\xf1\xb3\x87\x9e\xf8\xcd\xc2e\xe1\xe1\xa0\xf4\xf4\xf4\x03\x07\x0eddd\xb0D\x9f\n\r6C\xf9\xc7[\xf9\xc7\xba\x05@/x\xe2\xc4\x89EEE\xf4R\x8d1\xadZ6\x9f\xf2\xf8\xc3\xfa\xe4)!\x13\xb6\xf5\x17&amp;\xa4\xd0\'OMy\xfc\xe1V-\x9bS=p\xce\x8b\x8a\x8a&amp;N\x9c\xc89G#\x00\x12\x18\xca?\xde\xca?\xa6\xef85y\xf6\xee\xddKM\x1eZ\xf6\xad\xb5~j\xc2C\xcd/o\x1d:]i\xc3\xc3/\xe7&lt;t\xba\xb2\xf9\xe5\xad\x9f\x9a\xf0\x10\xbd!\xf4&gt;\xcc\x9b7o\xef\xde\xbd\xe8\x08\x82D\x85\xf2g\xf1W\xfe1\r\x00c\x0c\xe7|\xcc\x981\xae\xebr\xce\xe9\xd5f^\xff\xad\x1f\xe5\x0cr\x8bK\x12l\xe6\xefEH\xc7q\x8bK~\x943(\xf3\xfao\xd1\x0f\x01\xe7\xdcu\xdd1c\xc6p\xee\xfd\xeeL\x00\xd1\x80\xf2\'qU\xfe\xb1\x0b\x00\x9a\xf6\xb4n\xdd\xbau\xeb\xd6U\xcf\xfd\xe2\xc6\x98\x19\x93\xc65j\xdcX+\x9d\xf8\xe9_\x8d3\xa6\x95n\xd4\xb8\xf1\x8cI\xe3\xa8*\xce}s\xbc\xbeF\x80HB\xf9\x87\xc5U\xf9\xc7(ph\xee\x97\xeb\xba\xd7_\x7f\xfd\xbe}\xfb\xc2\xeb \x86\xde\xf6\xbde/\xcduK\xcb\x84}\xcb\xa0\xb4RNZ\xea\xf0\xbb\x1f^\xb1\xfa\xad\xf0Z\x98N\x9d:}\xf0\xc1\x07\x8e\xe3`J($\x0c\x94\xff\xb9\xe2\xa4\xfcc\xd4\x02\xa0\x96\xce\x8c\x193\xf6\xee\xdd+\xa54F3c\x82\xc1\xc0\xb4\t\x0fq\xad\x13g\xd3\x8f:\xe1\x9ck=m\xc2C\xc1`\x80\x19c\x8c\x96R\xee\xdd\xbbw\xc6\x8c\x19\x18\t\x80D\x82\xf2?\x8f\xf8(\xffX\x04\x00\r\xfd\x17\x14\x14\xcc\x9c9\xb3z\xd0C*\xad\x1f\xb9\xff\xee\xab\xba\\[\x95\xd0K?.B\x08QUV~U\x97k\x1f\xb9\xffn\xa5\xb5\x10g6C\x9f9sfAA\x01f\x04Ab@\xf9\x9fW\x9c\x94\x7f,\xdez\x9a\xed\xfb\xf8\xe3\x8f\x9f8q\x82Z6Z\xeb\xf6\xdf\xfc\xc6\x7f\x8f\xfb\xa9[Zna\xeb/LH\xe9\x96\x96\xff\xf7\xb8\x9f\xb6\xff\xe67\xb4\xd6\x9c3\xce\xf9\x89\x13\'\x1e\x7f\xfcq!\x04F\x83!\x01\xa0\xfc/$\x1e\xca?\xea\x01\x10^\xed\xb6t\xe9R\xca\x7f\xce\x851\xe6\x89\xb1\xf7e\xb4\xbeLUU\xd9\xdc\xd3\xcd9WUU\x19\xad/{b\xec}\xc6\x18\xce\xcf\xcc\t[\xbatix\x9d\xa4\xd7\xd7\x08P\x7f(\xff\x8b\x88\x87\xf2\x8f\xfa 0\rpgee\xd1\x9eG\x8c\x19\xa5\xf4\xcd=27\xae^\xa4+*\xecl\xfd\x9dEk-\x92\x93\xfb\xde6r\xcb\xf6|)\x05c\\)\xd5\xa7O\x9f\xbc\xbc&lt;\xec\x12\n\xbe\x86\xf2\xbf$o\xcb?\xba\x1f\x00\xbd\x80\x15+V\xd4\xd8\xf1\x8eK)\xa6\x8c\xff/\x19p\xd0\xc5A\x8c12\xe0L\x19\xff_\xe1\x8f\x9f\xf6J\\\xb1b\x05\xa6\x84\x82\x7f\xa1\xfck\xc3\xdb\xf2\x8fb\x0b\x80\xf6\xfc+//\xcf\xcc\xcc\xfc\xec\xb3\xcf\xc2s\xbf\xee\x1e\xfa\xfd\xc5/\xce\xa9:^h\xcf\xd2\x8fKR\xae\x1bl\xd1\xfc?\xef\xf9\xf9K+\xd6\x84\xe7\x84]y\xe5\x95\xf9\xf9\xf9M\x9a4\xa1\xa5"^_#@\x1d\xa0\xfck\xcf\xc3\xf2\x8fb\x0b\x80\xa2,77\xf7\xe0\xc1\x83\xe1W\x95\x96\xdad\xd2\xa3\x0f\xe8\x8a\n.\xd0\xb3\xf1o\\H]Q1\xe9\xd1\x07\xd2R\x9b\xd0\x1b%\xa5&lt;x\xf0`nn.\x1a\x01\xe0G(\xff\xda\xf3\xb0\xfc\xa3\x15\x00t\xe0\xe7\x81\x03\x07f\xcf\x9eM\x83?R\n\xad\xf5\xf8\x07Gv\xfc\xf65\xa1\x93\xa7\x84\xc0#\xed\xbf\t\xc1C\'Ou\xfc\xf65\xe3\x1f\x1c\xa9\xb5\x96\xf2\xccp\xd0\xec\xd9\xb3\x0f\x1c8\x10&gt;H\x1a\xc0\x17P\xfeu\xe2a\xf9G\xab\x0b\x88\xf2\xff\x9e{\xeeY\xb4h\x11\xe5\xbf\xd6\xbaC\xbb\xb6{\xde~E\xd2\x1ex\xd1\xf8\xae~F\x1f\x83\xe2\xbcs\xaf\xc1\x9f\x1e&lt;L\xed&gt;\xa5\xd4\xc8\x91#_|\xf1E\x8c\x06\x83\x8f\xa0\xfc\xeb\xca\xab\xf2\x8fJ\x0b\x80.w\xf3\xe6\xcdK\x96,\t\xef\xfb\xc1\x18\x9b\xf6\xd8\x83I\xa9\x8d\xb5\x9b\x80G\xbe5\x1cgL\xbb*)\xb5\xf1\xb4\xc7\x1ed4EL))\xe5\x92%K6o\xde\x8c\x8e \xf0\x0b\x94\x7f=xU\xfeQi\x01\xd0G\xde\xb7o_\xbat\x9a\xfb\xd5\xbbg\xd7Mk\x97\x84JJ\x05\xba\xff.Lk\x15HO\xeb3\xf0\xae\xcd\xef\xec\x0c\xcf\n\xe8\xdd\xbb\xf7\xc6\x8d\x1b\xa9g\xd0\xeb\x0b\x04\xb8\x04\x94\x7f\xbd\xc5\xbe\xfc#\xdf\x02\xa0\xe0Z\xbcxq8\xb8\x8ca\xc1``\xc6/\x1e1\xae2h\xfc]\x94a\xdc\xb8j\xc6/\x1e\t\x06\x03\xc6\xfc\xfbaj\xf1\xe2\xc5h\x04@\xfcC\xf97D\xec\xcb?\xc2-\x00\x1a\xc2...\xbe\xf6\xdak\xbf\xfc\xf2K\xc6\x18\r\x01\x8d\x1c\xf6\x83\x17_\xcc\xad:v\x1cs\xbf.I\xb9n\xf0\xb2\x16\xf7\xdc3v\xd1\xf2\xd7\xc2\xe3?\xadZ\xb5\xfa\xf0\xc3\x0f322\xb0K(\xc4-\x94\x7f\xc3\xc5\xb8\xfc#\xdc\x02\xa0\x95\xdf\xb3f\xcd*((\xa0e~\xc6\x98\xa6\x19iOO\x1c\xab\xca\xca8z0j\x81K\xa9\xca\xca\x9e\x9e8\xb6iF\x1a\xc5\xb3\x10\xa2\xa0\xa0`\xd6\xacY\xd8\x1c\x02\xe2\x19\xca\xbf\xe1b\\\xfe\x91\x0c\x00\x9a\xfb\xb5\x7f\xff\xfe\xe9\xd3\xa7\xd3\xb5\xd2\x7f\'?\xfa@\x9b\xf6m\xd5\xe9*\x81G\xd7Z\x10\x9c\xab\xd3Um\xda\xb7\x9d\xfc\xe8\x03\xe1\xf7P\x081}\xfa\xf4\xfd\xfb\xf7cJ(\xc4\'\x94\x7fD\xc4\xb8\xfc#\xd9\x05D=V\xc3\x87\x0f_\xbe|yx\xe9G\xc7vmw\xbf\xfd\x8a\xd0\x9aa\xeeW\xad\xd1G\xa2\x85\xb8\xae\xd7\xe0\xfd\x07\x0f\x87WQ\x0e\x1b6l\xd9\xb2e\x98\x12\nq\x08\xe5\x1f)\xb1,\xff\x88\xb5\x00\xc2[X\xd0\xc7\xaf\x94\xe2\x9c\x19c\xe6L\x1d\x1fLI\xd6\ns\xbf\xea\x803\xa6\x95\n\xa6$\xcf\x99:\xde\x18\xc3\xf9\x99\xb7w\xf9\xf2\xe55\xb6U\x01\x88\x17(\xff\x08\x8ae\xf9G\xa6\x05@i\xaf\xb5\xee\xd1\xa3G~~&gt;\rT(\xa5\xfb\xf7\xe9\xb1n\xd5\x82\x90\xadg&gt;4\x90\xd6:\x90\xdad\xc0\xa0{\xdf\xdc\xb4]Ja\x0c3\xc6dffn\xdf\xbe\x9d\xd6\x89`4\xb8\xf6\xe8\xe7\xdcT;\xebOy\r^\\\x9d\xbf\xa1\xfc\xa3!6\xe5\x1f\x99\x0f\x86z\xa9\xe6\xcd\x9b\x17\xde\xc6\xda\x18\xe68r\xce\xd4\xc7\x0c\x9eU\x1b\xc0(5g\xeac\x8e#\x8d\xf9\xf7\xd6\xea\xf3\xe6\xcd\xc3hp-i\xad]\xd7\xa5\x99\xe9\x9cs!\x84\x94\xd29\x87\x94\x92\x8a\x8a\xfe&gt;\xde\xdb:A\xf9GI\x0c\xca?\x02-\x00\xfa\n\xc5\xc5\xc5\xed\xdb\xb7/))\xa1\x03\x80\x94R\x0f\x8e\x1a\xfe\xeb\xe7\xa7U\x15\x16K\x07\x1d\xd6\xf5\xa4\\\x15l\x9e\xf1\xb3\x87\x9e\xf8\xcd\xc2e4\xfe\xc39OOO?p\xe0@FF\x06c\x0cO\xac\xe7\xa5\xb5\xd6Z;_\x9dtx\xf4\xe8\xd1\xcf?\xff\xfc\xd8\xb1c\xc7\x8f\x1f/--\xad\xaa\xaa2\xc6\x04\x83\xc1\xf4\xf4\xf4\x96-[^~\xf9\xe5m\xdb\xb6MII\t\x7f\x05\xc6\x18\x1e]/\t\xe5\x1f=1(\xff\x08\x04\x00\xf5O=\xf4\xd0C\xbf\xfe\xf5\xaf\xc3WyY\x8b\xa6\x1fny\xa5iF\xaa\x0e\xb9\xb8I\xd5\x9b1F\x04\x9c\xa2\xe2\xb2ko\x1e|\xecxQ\xb8\xba~\xf6\xb3\x9f=\xff\xfc\xf3\x18\r&gt;\x0buD\xd0\x93&gt;\xfd\xceG\x1f}\xb4e\xcb\x96\xb7\xdf~{\xf7\xee\xdd\x87\x0e\x1d*))\xb9\xd0\xbfu\x1c\xe7k_\xfb\xdaw\xbe\xf3\x9d\xfe\xfd\xfb\xdfz\xeb\xad\xed\xdb\xb7g\x8c\xd1\x9e\\\xf8\x01\xbe\x08\x94\x7f\xf4\xc4\xa0\xfc\x1b\x1a\x00\xf4y\xef\xdb\xb7\xafs\xe7\xce\xf4\xd8Ec\x14\x7f\x98\xf5\x8b\x1f\xdf\x7fw\xe5\xf1\x13\x0e\x96~4\x8c\xeb\xbaI-\x9a\xfdq\xdeK?yd2\xbd\xb7B\x08!\xc4\x9e={:u\xeaD?\x13^_c\\\xa8Y\x0f\x1f\x7f\xfc\xf1\xca\x95+W\xadZ\xb5k\xd7\xae\xb3F\xcc\xe8\xef\xd4\xbc+\x85\xbb\xb0\xc3\xbf\x93\x92\x92r\xfb\xed\xb7?\xfa\xe8\xa3]\xbbve\xd5]\x1c\xb1x\r~\x83\xf2\x8f\xb6h\x97\x7fC\x03\x80\xaan\xe0\xc0\x81\xeb\xd6\xad\x0b\xcf\xfd\xear\xdd\xd5[\xd7.q\xb4f\x0c\xe9\xdfP\x861\xc6\x8c+\xc4M\x03\xef\xda\xb5\xfb\x93\xf0\x9c\xb0\x01\x03\x06\xac]\xbb\x16\x8d\x00b\x8c\xa1\x1e\xfcW_}\xf5\x85\x17^x\xf3\xcd7]\xd7\xa5?\xa2{\x90\xd6\xfa\xbc\xc3\xbfa5\xc7\x81\xe9\xdf:\x8e3v\xec\xd8i\xd3\xa6%%%!\x03\xce\x0b\xe5\x1fm\xd1.\xff\x06\xfdL\xd3\xb7_\xb7n\x1d}\xfc4\xd4f\x8c\x991i\\\xa3\xc6\x8d\xb5\xd2\xf8\xf8\x1b\x8e3\xa6\x95n\xd4\xb8\xf1\x8cI\xe3\xe86w\xee\xdb\xee\xf55z\x8cn\xeb/\xbf\xfcr\xb7n\xdd\x86\x0c\x19\xf2\xc6\x1bo\xb8\xae\xeb8\x0e\xf5\xde\xb8\xaeK\xe3\xba\x17\x7f\xd6\xa1F\x80R\xcau]\xce9\xbd\xb13f\xcc\xe8\xdf\xbf?\xadk\xc5\xc8\xf0YP\xfe1\x10\xed\xf2\xaf\x7f\x0b\x80\xd2\xdeu\xdd\xeb\xaf\xbf~\xdf\xbe}\xe1h\x1az\xdb\xf7\x96\xbd4\xd7--\x13x2\x8d\x1c\xad\x94\x93\x96:\xfc\xee\x87W\xac~+\xfc\xa8\xd5\xa9S\xa7\x0f&gt;\xf8\xc0q\x1c\xcb\xe7/\xd2\xe3y\xff\xfe\xfd\xdfz\xeb\xad`0\xa8\x94\xba\xd0\xed\xfe\xbcs=/27\xd4q\x9cP(t\xddu\xd7m\xd8\xb0\xa1y\xf3\xe6\x0c\xa3\xee\xd5P\xfe\xb1\x14\xbd\xf2\xaf\x7f\x0b\x80\xaan\xc6\x8c\x19{\xf7\xee\x95R\x1a\xa3\x991\xc1``\xda\x84\x87\xb8\xd6h\xfcE\x18\xe7\\\xebi\x13\x1e\n\x06\x03\xcc\x18c\xb4\x94r\xef\xde\xbd3f\xcc\xc0\xc3)\xdd\xbb\xa7N\x9d*\xa5\xa4I\x9f5\xef\xe6\xf48Ou\x12~\xcc\xaf\x89\xd2\x82f\x82\x9e\xf5eC\xa1P \x10\xd8\xbd{wNN\x0e\xfd\xdb(\x1d\xa0\xe4;(\xff\x98\x8aZ\xf9\xd7\xb3\x05@\xdf\xf2\xe8\xd1\xa3\xd7^{mqqqxxz\xc2\xc3\xf7&gt;\xfd\xcc\xffT\x1d?\x81m\xff"N\xb9n\xb0E\xb3\xc7\'&lt;\xf5\xcc\xdc\x05\xe1\xe9\x16\x19\x19\x19\x1f~\xf8a\xcb\x96-\x99\xdds\x16\xe9~\xd4\xbbw\xef-[\xb6\x84\xdb\xc5\xd4=Z\xb3\x8d\xdc\xacY\xb36m\xda4o\xde&lt;555\x18\x0c\x86B\xa1\x92\x92\x92\x7f\xfd\xeb_\x87\x0f\x1f\xa6~\x7fzc\xcf*\x8a@ \x10\n\x85f\xce\x9c\xf9\xc8#\x8f`\xd0\x85\xa1\xfc\xbd\x10\xa5\xf2\xafg\x00P\x19\xdc{\xef\xbd\x0b\x17.\xa4\xfc7\x86\xb5\xbb\xe2\xf2\xf76,k\x92\xdc\x88U\x9f\x01\x04\x11d\x8caR\x96W\x9c\xbe\xa1\xdf\xf0\x83\xff\xf8\x17\xe7\x8cs\xa1\x94\x1a5j\xd4\x82\x05\x0b,\xbf1Q\xa7\xff\xaaU\xab\x06\x0f\x1e,\xa5\x0c\x0f\xe42\xc6\xd2\xd3\xd3\xfb\xf4\xe93p\xe0\xc0\xee\xdd\xbb\xb7k\xd7\xaei\xd3\xa6g\xfdpVVV~\xf6\xd9g\xeb\xd7\xaf_\xb0`\xc1\xce\x9d;\x19c\xd4V\x08\xff\x05*\xad\xf4\xf4\xf4O&gt;\xf9\xe4\xb2\xcb.c\xd6w\x04\xa1\xfcc/J\xe5_\x9f\xd0\x08\xafI[\xbat)%?\xe7\xc2\x18\xf3\xc4\xd8\xfb2Z_\xa6\xaa\xaa\xf0\xf1G\x03\xe7\\UUe\xb4\xbe\xec\x89\xb1\xf7\x19c\xe8\xe3\x17B,]\xba4\xbc\x02\xd3\xebk\xf4\x8c\xe38\xc6\x98\xef\x7f\xff\xfb\x9d;w\xa6\x81\\\xc6\xd8\xcd7\xdf\xfc\xbb\xdf\xfdn\xcf\x9e=\xabV\xadz\xf0\xc1\x07o\xb8\xe1\x86f\xcd\x9a\xd1d\xa1\x9a\xfd?IIIW_}\xf5\xcf~\xf6\xb3\x1d;v\xcc\x993\'\x18\x0c\xb2\xaf\xde\xe2\xe9\x07\xbe\xa8\xa8\xe8\xc5\x17_\xa4\x9en\xcf^g\x1c@\xf9{"J\xe5_\x9f\x16\x00\xa5MVV\x16\xedLDG\xbe\xdd\xdc#s\xe3\xeaE\xba\xa2\xc2\xe6\x8e\x88\x18\xd0Z\x8b\xe4\xe4\xbe\xb7\x8d\xdc\xb2=?|h\\\x9f&gt;}\xf2\xf2\xf2\xd0\x08p\x1c\xe7\xf7\xbf\xff\xfd\x981crrr\xee\xbb\xef\xbe\x1bo\xbc\x91\xfe\x88\xa6\xa8\x87\x97t\x9dw\x10\x98\xe6\xb0s\xceW\xaf^}\xc7\x1dw\xd0@B\xb8:\xa8\xd1\xdd\xb5k\xd7w\xdf}\xf7\xdc\xaf`\x15\x94\xbf\x87"^\xfeu\xfe\xb4\xe8\xdb\xacX\xb1\xa2\xc6\xbet\\J1e\xfc\x7f\xc9\x80\x83!\xb2h3\xc6\xc8\x803e\xfc\x7f\x85?~\xda\x85q\xc5\x8a\x15\x96O\t\xa5\xf9\xfe?\xfa\xd1\x8f\xde\x7f\xff\xfd?\xfe\xf1\x8f7\xdex#MS\xa1\x1e\xea\xf0\xac\xd0s\xef\xdd\xb4r\x98\xfeyUU\xd5m\xb7\xdd6a\xc2\x84\xb3&amp;\xfe\xd3\xc0\xc0\xee\xdd\xbb\x0f\x1f&gt;Lm\x88X\xbe\xb4\xf8\x81\xf2\xf7V\xc4\xcb\xbfn-\x00zP*//\xcf\xcc\xcc\xfc\xec\xb3\xcf\xc2s\xbf\xee\x1e\xfa\xfd\xc5/\xce\xa9:^\x88\xc1\x9f\x18P\xae\x1bl\xd1\xfc?\xef\xf9\xf9K+\xd6\x84\xe7\x84]y\xe5\x95\xf9\xf9\xf9M\x9a4\xc1\xd6\x05\xac\xfa\\\xf2z&lt;\x8d\xd2\x9d\xbd\xb4\xb4\xb4C\x87\x0e\x85\x85\x855\x07\x03\xa8\x95\xbdf\xcd\x9a[o\xbd\xd5\xce\xc6\x16\xca?\x1eD\xb6\xfc\xebV!\xf4s\x9f\x9b\x9b{\xf0\xe0\xc1\xf0\xf7NKm2\xe9\xd1\x07tE\x05\x17\xd6\x95\x84\'\xb8\x90\xba\xa2b\xd2\xa3\x0f\xa4\xa56\xa1\x8f@Jy\xf0\xe0\xc1\xdc\xdc\\\xcb\x1b\x01\xac\xfa&amp;u\xee\x9c\xceZ\x12B\x18c222z\xf7\xee\xcd\xaa\xe7\x11\x85\xff\x881v\xe8\xd0!V=\xf1\xd46(\xffx\x10\xd9\xf2\xafC\x91P]\x1d8p`\xf6\xec\xd94\xf8#\xa5\xd0Z\x8f\x7fpd\xc7o_\x13:yJ\x08\xdb\x1f&lt;cC\x08\x1e:y\xaa\xe3\xb7\xaf\x19\xff\xe0H\xad\xb5\x94g\x86\x83f\xcf\x9e}\xe0\xc0\x01\xcb\xcf\x8c\xac\xdf\x83\x7fMTT\x9d;w&gt;\xef\x9f\x9e8q\xa2!_\xdc\xbfP\xfeq"\xb2\xe5_\x87R\xa1\x85\xc8S\xa6L)))\xa9\xde2Euh\xd7v\xfc\xcf\xefsO\x14\xa3\xf5\x17K\xd2q\xdc\x13\xc5\xe3\x7f~_\x87vm]\xf7\xccf\xf7%%%S\xa6L9k\n#\xd4\x03m\xba{\xde?\n\x85B1\xbe\x988\x81\xf2\x8f\x1f\x11,\xff\xda\x06\x00\xb5\xfe6o\xde\xbcd\xc9\x92\xf0\xbe\x1f\x8c\xb1i\x8f=\x98\x94\xdaX\xbb8\xf2-\xa68c\xdaUI\xa9\x8d\xa7=\xf6 \xa3)bJI)\x97,Y\xb2y\xf3ft\x045\xdc\x85n\xf44I\xd46(\xff\xb8\x12\xc1\xf2\xaf[\x17\xd0\xc4\x89\x13\xab\xd7X\n\xa5T\xef\x9e]G\xfchp\xa8\xb8\x04g&gt;\xc4\x9etd\xa8\xb8d\xc4\x8f\x06\xf7\xee\xd9\x95\xda\xe3\x8c1\xa5\xd4\xc4\x89\x13m\xee\x02\x8a\x08c\xcc\x91#G\xce\xfbG\xb4#\x90\x85P\xfeq%R\xe5_\xab\x00\xa0xY\xbcxq8^\x8ca\xc1``\xc6/\x1e1\xae2\x0c\xf1\xef\r\xc3\xb8q\xd5\x8c_&lt;\x12\x0c\x06\x8c\xf9\xf7c\xda\xe2\xc5\x8b\xd1\x08\xa87\x9aG\xf1\xfe\xfb\xef\xb3\xaf\x0e\xf6R]}\xf3\x9b\xdfd\x96\xad\x03@\xf9\xc7\xa7\x88\x94\xff\xa5\x03\x80\xfa\xfeN\x9c81a\xc2\x04\x9a\x01M\xe3\x0c?\x1c\x94\xdd\xadw\x8fPY\xb9\xc4\xd2\x0f\x8fH!Be\xe5\xddz\xf7\xf8\xe1\xa0\xec\xf0\xe7\xc29\x9f0a\xc2\x89\x13\'0\x18P\x0f\xf4\x06\xfe\xf3\x9f\xff\xfc\xfb\xdf\xff^s\xbe?\xfd\x7f\xa3F\x8d\xae\xb9\xe6\x1afS\x00\xa0\xfc\xe3VD\xca\xff\xd2\x1f\x1e\xad\x88\x995k\x16\xed\x8a\xce\x183\xc64\xcdH{z\xe2XUV\xc6\xed\x9b\r\x1dW\xb8\x94\xaa\xac\xec\xe9\x89c\x9bf\xa4\xd1\xe7-\x84(((\x985k\x96\xe5\x9bC\xd4\x0f\x95Pnn\xee\xa9S\xa7h\xa6#\xfd&gt;5\x0b\xae\xbf\xfe\xfao|\xe3\x1b\xc6\xa6S\xd8P\xfe\xf1\xac\xe1\xe5\x7f\x89\x9fc\n\x96\xfd\xfb\xf7O\x9f&gt;\x9d\xbe"\xfdw\xf2\xa3\x0f\xb4i\xdfV\x9d\xae\x12\xd6&lt;\n\xc5\'\xc1\xb9:]\xd5\xa6}\xdb\xc9\x8f&gt;\x10\xfet\x84\x10\xd3\xa7O\xdf\xbf\x7f\xbf\xe5SB\xeb\x8a6\x93x\xef\xbd\xf7~\xfd\xeb_\xd3L\xc7\x9a\x7fj\x8c\xc9\xc9\xc9\xb1j/ \x94\x7f\x9ckx\xf9_\xa2\x99@\xfdJ\xc3\x87\x0f_\xbe|yx\xe9G\xc7vmw\xbf\xfd\x8a\xd0\x9a1\xf4\xffy\x8f&gt;?-\xc4u\xbd\x06\xef?x8\xbc&gt;s\xd8\xb0a\xcb\x96-\xb3s\xcdj=\xd0\x1b\xf5\xe5\x97_\xdet\xd3M\x07\x0e\x1c\xa8\xf9\x00EO\xbe-Z\xb4\xf8\xe4\x93O222\x985]@(\xff\xf8\xd7\xc0\xf2\xbfX\x0b \xbc\xd1\x04}\xfcJ)\xce\x991f\xce\xd4\xf1\xc1\x94d\xad0\xf7+.p\xc6\xb4R\xc1\x94\xe49S\xc7\x1bc8?\xf3\xc1-_\xbe\xbc\xc6\x86-p1\xf4\x8e\x1d=z\xf4\xd6[o=w5\r\x85\xc1\x94)S\x9a6mJ}D\x1e^j\xcc\xa0\xfc}\xa1\x81\xe5\x7f\xc1\x16@x\x8b\xc4\x1e=z\xe4\xe7\xe7\xd3&amp;ZJ\xe9\xfe}z\xac[\xb5 TVnO7\xa8/h\xad\x03\xa9M\x06\x0c\xba\xf7\xcdM\xdb\xa5\x14\xc60cLff\xe6\xf6\xed\xdb/\xb4\t\x1a\x10\xea\xf99t\xe8\xd0\x0f~\xf0\x83={\xf6\x9cU3\x8e\xe3\xb8\xae;p\xe0\xc07\xdex\x83\xbaD&lt;\xbc\xd4\x98A\xf9\xfbK\xbd\xcb\xff\x82\x9f"\xf5%\xcd\x9b7/\xbc\xd9\xb41\xccq\xe4\x9c\xa9\x8f\x19&lt;Q\xc6%\xa3\xd4\x9c\xa9\x8f9\x8e4\xe6\xdf\x9b\xb6\xcf\x9b7\x0f\xa3\xc1\x17Aw\xff\xbf\xff\xfd\xef}\xfa\xf4\xd9\xb3g\x8f\xe38\xe7\xde\xfd\xdb\xb7o\xbfx\xf1bfM\xcf\x0fC\xf9\xfbP\xfd\xca\xff\xfc\x01@\xf3\x1c\x8a\x8a\x8a&amp;N\x9cH\xff\x9e\x1a\xc5?\xbd\xfb\xceoev\x0e\x95\x9fB\xfe\xc7\x1b!D\xa8\xfc\xd4\xb72;\xff\xf4\xee;\xc3\x9f\x97\x10b\xe2\xc4\x89EEE\xb4\xc7\x99\xd7\xd7\x18_\x8c1J)\xc7qV\xae\\\xd9\xaf_\xbf\xc3\x87\x0f\xd3\x91\xc2\xe1\xbf@w\xff\xaf\x7f\xfd\xebk\xd6\xac\xb9\xec\xb2\xcb\xec\x99\xfc\x83\xf2\xf7\x9dz\x97\xff\xf9?H\xea\xe8\x9c4iRQQ\x11=\xf5h\xad[\xb6h6\xe5\xf1\x87\xf4\xc9SB\xe2\xe3\x8fGB\n}\xf2\xd4\x94\xc7\x1fj\xd9\xa2\x19e&gt;\xe7\xbc\xa8\xa8h\xd2\xa4I6oa\x7f^\xf4\x13.\xa5\xfc\xe5/\x7f9t\xe8\xd0\xf2\xf2\xf2\xb3\xa6\xfd\x84\x9f\xfd7l\xd8p\xd5UW\xd1~[\x1e^p,\xa1\xfc\xfd\xa8~\xe5\x7f\x9e\xcf\x92\x02d\xd7\xae]\xe1\xe6\x03\x05\xc8\xcc\'\xff_\xf3\xaf\x7f-t\xba\xd2\x9e\x86\xb0\xbfp\xceC\xa7+\x9b\x7f\xfdk3\x9f\xfc\x7f\xf4\x10\x17n\xc8\xef\xda\xb5\x0bSB\xc3\xe8m9}\xfa\xf4]w\xdd\xf5\xc4\x13OP\'i\xcd7\x87\xee\xfe\xdd\xbau\xcb\xcb\xcb\xeb\xd4\xa9\x93U3\xa9P\xfe&gt;U\xbf\xf2?O\x00Pc\xe1\xf8\xf1\xe3\xa1P\xa8z9\x99a\x8c\x95\x96\x953\xad9\xa6~\xc51\xce8\xd3\xba\xb4\xac\x9c1F#y\x9c\xf3P(t\xfc\xf8qf\xeb.\xf6g\t\x1f\xf0{\xcb-\xb7\xbc\xfc\xf2\xcbt\x98p\xf8\x9d\xa1f\x81\xeb\xbaC\x86\x0cY\xbf~\xfd\xe5\x97_n\xd5\xdd\x9f\xa1\xfc\xfd\xac\x1e\xe5\x7f\xfeY@T$\x03\x07\x0e\\\xb7n]8:\xd2\xd3\x9a|\xbacM\xd3\xa6i:\xe4\xe2) \x0e\x19cD\xc0)**\xed\xf0\xdd\xef\x97\x94\x963\xc6\xa8[c\xc0\x80\x01k\xd7\xae=\xeb\x8cC;\xd1O{II\xc9\xc0\x81\x03\xdf}\xf7\xdd@ Ps\xd7\xcf\xf0p\xd9\xe3\x8f?\xfe\xd4SO\xb1\xeaB\xf0\xeaj\xbd\x82\xf2\xf7\xa3\xfa\x95\xff\xc5~\xb8\x9f{\xee\xb9`0H\x8fGB\x88\xe2\x92\xb2I\xcf&lt;/RR\xb4BOB&lt;\xd2J\x8b\x94\x94I\xcf&lt;_\\R&amp;\xc4\x99\xa9`\xc1`\xf0\xb9\xe7\x9e\xf3\xfa\xd2\xe2\x02\xcdkTJ\r\x1d:\xf4\xdc\xbb?\xdd\xe9RRR\x96.]\xfa\xd4SO\xd1!\xc0\x16\xde\xfd\xc3P\xfe\xfeR\xbf\xf2?\xff\xcf7E\xc7UW]5~\xfc\xf8\x9a\x87\xce\xbc\xf0\xd2\xca\x8fw\xed\t4IAor\xbc\xd1Z\x07\x9a\xa4|\xbck\xcf\x0b/\xad\xfc\xca\x81M\xe3\xc7\xdb6\x86y!\xd4\xbb\xfd\xd8c\x8f\xad_\xbf\xfe\xdc\xbb\xbfR\xea\xeb_\xff\xfa\x86\r\x1b~\xf8\xc3\x1f\xba\xaek\xf3\xd1\xca(\x7f\xdf\xa9w\xf9_b!Xqq\xf1\xb5\xd7^{\xf4\xe8Qc\x8c\x10\xfc\xccJ\x90W\x17\x86J\xcbpC\x89+Z\xeb@Z\xea\x80\xdbG\xd1J\x10\xad\r\xe7\xbce\xcb\x96\x1f~\xf8aFF\x06\x16\x82QW\xfe\xd6\xad[{\xf5\xeaE\x93\xfd\xc3?\xf9t\xf7\xef\xd4\xa9\xd3\xeb\xaf\xbf\xde\xbe}\xfbP(\x14\x08\x04\xbc\xbdZ\xcf\xa1\xfc\xfd\xa5\xde\xe5\x7f\xc1O\x91\xc6\x7f\x9a5k\xf6\xcc3\xcfP\xff\x91RZJ\xf9\xe6\xa6\xed\x7f^\xfaJ #M\xb9X\x0f\x12/\x94\xab\x02\x19i\x7f^\xfa\xca\x9b\x9b\xb6K)\x95:\xb3-\xd43\xcf&lt;\xd3\xacY3\x1a\x0b\xf2\xfa\x1a=F\xef\xc0\xc4\x89\x13Y\xf5\xdd\x8d~\x9f\x1e\x97:u\xea\xb4~\xfd\xfa\xf6\xed\xdb\xbb\xae\x8b\xbb?C\xf9\xfbJC\xca\xffb\x9b\xc1Q\x9d\x84B\xa1\x1bo\xbc1???\xbc\x19l\xfbo~c\xcf\xd6W\xa41\xcc0\xebo,\xde3\x861\xce\x14\xe7\x9do\x1a|\xe0\xd0?\xc3\x13\xb7333\xb7m\xdb\x16\x08\x04\xf0\xf8O\xb7\xb0]\xbbvu\xed\xda\xb5\xe6\x8cO\x9a\xe0\xd8\xbcy\xf3m\xdb\xb6u\xec\xd8\x91V\x05{{\xa9\xf1\x03\xe5\xef\x0b\r,\xff\x8b\xb5\xe3\xe8) )))77WJy\xe68\x08!&gt;\xfd\xec\xf0\xf4\xdc\xf9N\xd3t\xa5\xdc\x8b\xfcs\x88\r\xa5\\\xa7i\xfa\xf4\xdc\xf9\x9f~vX\n\x11^\xe2\x94\x9b\x9b\x9b\x94\x94\x84\xc7\x7fV}\x98\xd7\xaaU\xab\xce\x1d\xd75\xc6\xbc\xf0\xc2\x0b\x1d;v\x0c\x85B\xb8\xfb\xd7\x84\xf2\xf7\x85\x06\x96\xff%:\xf2hN\xf4\xcd7\xdf|\xd7]wQ/\xaa\xd2Zp&gt;\xfb\xf7K\x8e|\xfa\x8f@r#\x8d\xa9\xe5\x9e\xd2\xc6\x04\x92\x1b\x1d\xf9\xf4\x1f\xb3\x7f\xbfDp\xae\xb4\xa6\x1e\xed\xbb\xee\xba\xeb\xe6\x9bov]\xd7\xaa9\xec\x17B7\xfd\xad[\xb7\xb2\x1a\xb3\xa1i\xda\xcf\x80\x01\x03\x86\x0c\x19\x82\x9e\x9f\xf3B\xf9\xc7\xb9\x86\x97\xff\xa5Gr\xa8\x99&lt;i\xd2\xa4\xf4\xf4t*\x1e.\xc4\x89\xa2\x92\tSg\x8b\xc6)\xd8\x19\xca[F)\xd18e\xc2\xd4\xd9\'\x8aJxu#===}\xd2\xa4I\x96\xcfb\x0c\xa3\xf7\xa1\xaa\xaa\xea\xc0\x81\x03\xec\x9c\xe50\xf7\xdf\x7f?\xd6\xc7]\x04\xca?\x9e5\xbc\xfck\x15\x00J\xa9\xf6\xed\xdb\x8f\x1b7NW\'\x8c\x94\xf2\xa5\x95\xaf\xe7\xfd-/\x98\x91\x8e\xed\xe6\xbd\xa2\x94\nf\xa4\xe7\xfd-\xef\xa5\x95\xaf\x87?\x17\xad\xf5\xb8q\xe3\xda\xb7o\x8f\xa9\x9f5\x15\x17\x17\xd7\\\x0fI\x87f$\'\'\x7f\xf7\xbb\xdf\xa5&amp;\xb3\xd7\x17\x18\xa7P\xfeq+"\xe5_\xab\x83\x83i\x05Myyyff\xe6g\x9f}\x16\xde\x1c\xfc\xe6\x1e\x99\x1bW/\xd2\x15\x15\xb8\xd1xBk-\x92\x93\xfb\xde6r\xcb\xf6\xfc\xf0&amp;\xe0W^ye~~~\x93&amp;Ml\x9e\xc9^\x13\x8d\x00\x7f\xfa\xe9\xa7\xd7\\sMx{\x03\x9a&amp;\xd1\xb1c\xc7\x8f&gt;\xfa\x88v\x83\xc0{u!(\xff\xf8\x14\x91\xf2\xaf\xd5\'G_(==\xfd\xd9g\x9f\xa5R\xa19a[\xb6\xe7/~ie\xa0y\xd3\x9a\x9b\xe8Bl\xb8\xae\x1bh\xdet\xf1K+\xb7l\xcf\xa7\xb9_tk{\xf6\xd9g\xd3\xd3\xd3\x99M\x9b\xd7\xd7FUUU\xcdgUzs\x9a5k\x86\xbb\xff%\xa1\xfc\xe3P\xa4\xca\xbf\xb6\xd1MM\x8c\xa1C\x87\xf6\xe9\xd3\x87\xda\x1a\xc6h\xce\xf9\xb4\xdc\xf9\xc5\x05\xc7d0\x88\x8e\xd4X2\xc6\xc8`\xb0\xb8\xe0\xd8\xb4\xdc\xf9\x9csc\xce\xb4\xcd\xfb\xf4\xe93t\xe8P\xdb\xf6/\xab\r\xbas\x89\xafJJJb\xd8#\xaf\x16P\xfeq%\x82\xe5_\x87\xb6\x1b%\xcc\xcc\x993iv\x91\xd6F\x08q\xe0\xd0?\x9f\x9d\xfd\x82\x93\xd6D\xa3+0\x86\xb4RNZ\x93gg\xbfp\xe0\xd0?\x85\x10Z\x1b\x9a\xb17s\xe6L&lt;\xcf\x9e\x17\xed\x02\x14\xfeo(\x14\xd2Z\x9f:u\xca\xeb\xeb\xf2\r\x94\x7f\xfc\x88`\xf9\xd7j\x0c \x8c\xb2\xe5\xde{\xef]\xb8p!\xed\x99.\x85\x90\x8e\xfc`\xc3\xf2\xab\xae\xe9\x18:\x89\xa3\x82bAk\x1dh\x9c\xb2\xf7\xa3\xfd\xd7\xf7\x1b\xa6\\\xa5\xb4\xa6\xcfb\xd4\xa8Q\x0b\x16,\xc0\xe3\xffY\xa8$N\x9e&lt;\xf9\xee\xbb\xef\x9e\xf5G\xe9\xe9\xe9\x99\x99\x99\x88\xccZB\xf9\xc7\x83\xc8\x96\x7f\xdd\x02\x80\x16\xd4\x1c=z\xf4\x9ak\xae)))\xa1\xc14\xa5\xd4\xd0\xdb\xbe\xb7\xec\xa5\xb9ni\x99\xc0\xad\'\xfa\xb4RNZ\xea\xf0\xbb\x1f^\xb1\xfa-\x1a\xf7\xe7\x9c\xa7\xa7\xa7\x7f\xf4\xd1G-[\xb6d\xd5\xd3\xde\x01"\x0b\xe5\x1f\x0f"[\xfeu\xbbS\xd0\xa4\xe0\xd6\xad[O\x9d:\xb5z\x87\x10%\xa5\\\xb1\xfa\xad\xbc\xb7\xb6\x042\xd20\',\xda\x94R\x81\x8c\xb4\xbc\xb7\xb6\xd0\xc7O\x93\xbd\xb4\xd6S\xa7Nm\xdd\xba5\xe6\xfe_\x08\x9d\x00|\x16\xecjY\'(\x7f\xcfE\xbc\xfc\xeb\xd6\x02`\xd5;\x84h\xad;w\xee\xbco\xdf&gt;j;\x1bc\xba\\w\xf5;o.\x15\xae\xc2\x0e!\xd1C\xfb~hG\xf6\xec\x9f\xb3k\xf7\'\xe17\xbfS\xa7N{\xf6\xec\xa1\x89_\xe8\xcd\x80\xe8A\xf9{(\x1a\xe5_\xe7\xa7E\x1a\x0br\x1c\xe7\xb9\xe7\x9e\xa3\xceSz\x16\xc8\xff\xe0\xe3y/\xbc\xec\xa4\xa7b8(z\xb4RNz\xea\xbc\x17^\xce\xff\xe0cQ\xbd\xef\x871\xe6\xb9\xe7\x9e\xc3tF\x88\x01\x94\xbf\x87\xa2Q\xfeun\x01\x10j\xfa\xd5&lt;4\x8es\x9e\x9e\xd6d\xff\xf6\xd584.J\xc2G\xbeu\xe</t>
        </is>
      </c>
    </row>
    <row r="483">
      <c r="A483" s="1" t="n">
        <v>481</v>
      </c>
      <c r="B483" t="inlineStr">
        <is>
          <t>size_grid</t>
        </is>
      </c>
      <c r="C483" t="inlineStr">
        <is>
          <t>What is the size of the missing part denoted with a question mark?</t>
        </is>
      </c>
      <c r="D483" t="inlineStr">
        <is>
          <t>['small', 'large', 'medium']</t>
        </is>
      </c>
      <c r="E483" t="inlineStr">
        <is>
          <t>large</t>
        </is>
      </c>
      <c r="F483" t="inlineStr">
        <is>
          <t>There are circles arranged in a grid formation with varying sizes in the image. The sizes in the first row are ['small', 'large', 'small'], the sizes in the second row are ['large', 'medium', '?'], and the sizes in the third row are ['small', 'large', 'small'].</t>
        </is>
      </c>
      <c r="G483" t="inlineStr">
        <is>
          <t>We observe that the circles at the corners are small size, while the circles directly adjacent to the center are large size. Only the center circle is medium size. Hence, the pattern is that the circles alternate in size depending on if they are at the corner or adjacent to the center.</t>
        </is>
      </c>
      <c r="H483" t="inlineStr">
        <is>
          <t>Based on the pattern that the circles alternate in size depending on if they are at the corner or adjacent to the center, the size of the missing part that is adjacent to the center should be large.</t>
        </is>
      </c>
      <c r="I483" t="inlineStr">
        <is>
          <t>b'\x89PNG\r\n\x1a\n\x00\x00\x00\rIHDR\x00\x00\x02\x00\x00\x00\x02\x00\x08\x02\x00\x00\x00{\x1aC\xad\x00\x00U\xd3IDATx\x9c\xed\xddyx\x14E\xfa\x07\xf0\xb7\xba{f2\t9&amp;\x07\xa7\x07 $A\x08!\x91\x00\n\xb2"\x08\xa2\xb2\xea\xea\x82\x07\x8aA@~\x9e\xe0\xb5\xb2\x97\xe7\xee*\xe2\x82\xae\xa0\x12\x05\x14\x11VW\x17\xaf\x85p\x88"\x88\x18\x05L\x02\x81pC\x80\x84#\'\xb9f\xba\xaa~\x7f\x94\xccf\xc1#\xc0$\x99\x9e\xfe~\x1e\x1f\x1f\x9d\x0cC\xa7\xe7\xed\xfaVWWW3)%\x01\x00\x80\xfdh-\xbd\x01\x00\x00\xd02\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a3\xa57\xc0\xbe\xa4\x94\xfe\xfff\x8c\xb5\xe0\x96\xd8\x8d\x7f\xcfK)\xd5\x9e\xc7\xfeo~\xa8\xff`\xc0\x1a~\r\xd0\xd4\x84\x10B\x08\xc6\x18cL\xd3\xfe{\xfa%\xa5\x14BH)5Mk\xf8:\x04\x8a\x94R\xedd\xc6\x98\xae\xeb\xa7\xfe\x94s\xae\xbe\x144FM\x07\xf5\x1fl\x10\x00\xcd\x84sND\r\x9b\x9e\x8a\x8a\nu0\x10QLL\x8c\xffuu0\x9c\xdaH\xc1\x99Q\x8d\xbba\xfc\xcf\xc9nUUUMM\x8d\xd7\xebu8\x1c\x11\x11\x11\x91\x91\x91\xfe\x1fq\xce\xb1\xf3\x03\x0e\xf5\x1f\x9c\x10\x00M\xaeaA\x17\x15\x15\xadX\xb1b\xcd\x9a/w\xef\xdeSP\xb0\xc54MFL\x12u\xe9rA\x87\x0e\xe7\xf4\xef\xdf\x7f\xd8\xb0a\xdd\xbau\xa3\x13=V\xf4\x86\xce\x92\x7f\x90\x87\x886l\xd8\xb0j\xd5\xaau\xeb\xd6\xed\xd8\xb1\xa3\xb8\xb8\xb8\xa6\xa6\x86s\xaeiZDD\xc4\xb9\xe7\x9e\x9b\x9e\x9e&gt;b\xc4\x88\xe1\xc3\x87\xeb\xba\x8e\x0c\x08 \xd4\x7fP\x93\xd0\x94L\xd3T\xff\xb1b\xc5\x8a\xdbo\xbf\xdd\xe3\xf1\xfc\xfc\xd7\xe1r\xb9\x86\x0e\x1d\xfa\xe6\x9bo\x9e\xf4\xc7\xe1\x0c\xa8Q\x85\x03\x07\x0e&lt;\xfb\xec\xb3\xbdz\xf5j\xcc\xe1p\xd1E\x17eggK\xec\xf9\x00A\xfd\x079\x9c\x014!\xd5\x91&lt;x\xf0\xe0\x9f\xfe\xf4\xa7\xb9s\xe7\xfaw\xf5\xf9\xe7\xb5\xef\xda\xf5\xfc\x1e\xc9\x9d&lt;\xb11\xc4\xb9\xcfg~\x9b[XTT\x9c\xbfy\x07\xd1\x0f\xef\x192d\xc83\xcf&lt;\xd3\xb7o_\xff\x98i\xcb\xfd\x1e\x96\xa4v\xfe\x82\x05\x0b\xee\xbf\xff\xfe\xd2\xd2R\xf5\xa2\xc3\xe1\xd04M\x9e\xc8\x06)\xa5\x7f0Z\xfd\xaf\x1a\xa9\x98&gt;}\xfa\xa4I\x93p\x1ep\x96P\xff\x16\xd0\x12\xa9c\x0b&gt;\x9fOJ\xb9t\xe9\xd2\x0e\x1d\xda\xab]\xed\x0es\xdd9\xe6\xfa\x15K\xb2*\x0e\xae\x96\xb2@\xcamR\xee\x90r\xbb\x94\xdb\xa5(\xf0U\xe4\xac_\xfb\xce\x93\x7f\xbe\xbb]\xdb\x04\xf5~\xa7\xd39}\xfat)%\xe7\xdc\xdf`A#\xa9\xce\xe3\xe7\x9f\x7f\xae\xf6\xa4\xc3\xe1\xf8\xf9\xd6\\\xb52\xba\xae\xab\xb7\xfd\xf3\x9f\xff\x94\xe8\x81\x9e\x05\xd4\xbf%\xe0\x0c\xa0I\xa8\xbeOVV\xd6\x84\t\x13\xd4+co\xbf\xee\xc1\x07n\xeb\x9e\xde\x83HPM\xad\xf0\x9aBJ"I\xc4\x88HcL\xd35\nw\x93\xee,\xd9_\xf4j\xd6{/\xbe4\xbf\xac\xa2\x8a\x88\xc6\x8f\x1f?{\xf6l\xf4\x83\xce\x80\x10B\xd3\xb4\xe1\xc3\x87/]\xbaT\xbd\xd2\xa6M\x9b\x81\x03\x07\xf6\xeb\xd7/111&amp;&amp;\xc60\x8c\xe3\xc7\x8fo\xde\xbc\xf9\xa3\x8f&gt;\xfa\xec\xb3\xcf\xd4{\xd4)B|||AAAll,a\x92\xe2\xe9C\xfd[FK\'P\x08R\xdd\xc6\xd9\xb3g\xab=\x1c\xe7\x89\xfe\xe7\xdb\xcfK\xb9Cz\xf3\xcc\xb2\xf5f\xd97\xa2"GV~{\xd2?\xa2\xf2[^\xfe\x8d\xaft\xbd\xac\xde(\xe5\xae\xef\xbey/\xbdg\x92\xfa\x84\xf1\xe3\xc7K\xf4FO\x9fi\x9aB\x88\xec\xecl"\x1a&lt;x\xf0\xfc\xf9\xf3\x8f\x1e=\xfaSo^\xb8p\xa1\xdb\xedV\xd3@\xd5\x94\xa1\x17_|Q\x9e\xe8\xc9B\xe3\xa1\xfe-\x04g\x00\x01\xa6\xfa&gt;+V\xac\xb8\xe2\x8a+\x88(6&amp;r\xe9\xc7\xaff\x0c\xe8\xe7+=\xa2\xeb\x8d\x9a\xe3,\xa54}\xa6#6\xba\xecH\xd9\xb0+\xc7\xe5l, \xa2\'\x9ex\xe2\xf1\xc7\x1f7M\xf3\xa4\xe9\x8c\xf0\x8b\xbc^o~~~zz\xba\xfa_\xce\xb9l05\x88N\xdc\x91d\x18\xc6\xcc\x993\xef\xbd\xf7^5\x04$\x84\xb8\xe2\x8a+\xb2\xb3\xb3\xd5iD\x8bl\xb9\x15\xa1\xfe\xad\x05\x01\x10HB\x08":|\xf8pZZ\xaf\xe2\xe2\x92XO\xd4\xd2\x8f^\xc9\x18\xd0\xdbw\xac\xd4\xe1t\x9c\xd6Gq\xd3\xd4#\xc2\xcb\xca\xab\x86^9\xee\xdb\x8d\x05\x8c\xb1e\xcb\x96\r\x192\x04W&amp;\xcf\x8c\x94R5\xe5?:\x8c\xa0\x86\x98\xeb\xeb\xeb;w\xee\\RR\xa2f\x82v\xee\xdc\xb9\xa0\xa0\xc0\xe9t\x9e\x14\x18\xf0SP\xff\x96\x83\xaeM I)5M\x9b\xf2\xd8c\xc5\xc5%\x86\xa1\xcf~\xe9\x0f\x19\x03\xfa\x9dA\xf5\x13\x91n\x18\xbc\xba\xd6\x13\x1f\xf3\xee\xdb\xd3\xe2\xe3b\x88\xe4\xbd\xf7\xde\xeb\xf5z\x19Cf\x9f6\xff\r\xc0?\xd5\x8e\xab\x1bP\xc3\xc3\xc3\xbbt\xe9B\'\x06\xfd+**jkk\x9buC-\x0e\xf5o9\x08\x80\x80Q}\x93\xd5\xabW\xcf\x7f\xfbm"\xbau\xe4\xf0\x1bF\xdf\xe8+=r\x06\xd5\xaf\xe8\x86\xee+\xab\xeata\xd2\xb4g\x1e\x90\x92\xb6m\xdb6m\xda4M\xd3T?\x0b\x1a\xaf\x91#\x0f\xf4\xbf\xd7{\xb1,\xc4iA\xfd[\x11\x02 \xc0^}\xf5U\xce\xb9\xcb\xe5\x9c\xf2p\xa6\xf0V\xeb\xfaY\xeda\xc3i\xf0\xaa\xf2\x9bn\x19\x91\x9c\xd8\x9116g\xce\x9c\xda\xdaZ5M%P\x1b\x0ct\xa2\xeb\xea\xf3\xf9\x0e\x1c8\xe0\x7f\xd1\xe3\xf1\x84\x87\x87\xb7\xe0VY\x11\xea\xdfZ\x10\x00\x81!\xa5\xd4u\xfd\xd0\xa1C\xff\xf9\xf4S\xc6\xd8\xe8Q\xc3\x93\xd2z\xc8\x9a\xda\xb3\xbc~\xc8\x88\xc8\xe4\xae\xa8\xc8\xdf?\x94ID;w\xee\xfc\xec\xb3\xcf\x18c\xe8\x04\x05\x96\xda\x9f999{\xf6\xecQ_\x19c,99\xd90\x0c\xb5H\\Ko`\xb0C\xfd[\x14\x02 0\xd4\x1d\xa4\xcb\x97/\xaf\xa8\xac\x94R\xde~\xf3\xd5R\nU\xc0gI\xd35Y[s\xed5\x97\xc5z\xa2\x89\xb1\x0f&gt;x\xff\xec?\x13\x1a\xf2\xb7&amp;\x8f=\xf6\x98\xeaZ\xaa\x19r7\xdcp\x03\xfd\xef\xaa\xc5\xf0SP\xff\x16\x85\x00\x08\x0c\xd5I\xfc\xec\xb3\x95D\xd4\xf1\xfc\xf6=S\x93\xa9\xb6V\xd3\x02p\x000\xc6\xa4\xd7\xd7\xaau\xfc\xc0\xfei$\xe5\xba\xaf\xd6\xd5\xd5\xd5abb\xa0\xa8\xd6_\xd7\xf5\xbb\xef\xbe\xfb\xcb/\xbfT\xe3\xfe\x9c\xf3\xa4\xa4\xa4\xdf\xfe\xf6\xb7\xaac\xdb\xd2\xdbh\x01\xa8\x7f\x8b\xc2~\x0c\x0c59a\xd7\xae\xddDtA\xe7sc\xda\xc5K\x9f\x19\xa8\xa1\x03!\xa4f\xb8\xd2R\x12\x89\xa8\xb8\xa4\xb8\xaa\xaa\ns!\x02B\xad\x06\xca\x18\x1b?~\xfc+\xaf\xbc\xe2o\xeb\x19c\xaf\xbd\xf6\x9a\xdb\xed\xf6\xafW\x0c?\x0f\xf5oQ\x08\x80\x00P\x97\x10+**v\xec\xd8ND)\x17^@R\x0f`\x812\xc6\x88\xcc\xee\x17v!\xa2\x8a\x8a\xca\x82\x82\x02j0p\x01gF\xcdZ)++\x1b1b\xc4\xeb\xaf\xbfn\x18\x86\xfa\xca8\xe7\xb3g\xcf\xfe\xd5\xaf~\x85)\xe7\x8d\x84\xfa\xb7.\xdcV\x170RJ\x9f\xcfGD\xf1\xb1\xd1\xc4\xb4@wPd|\\4\x11\t!L\xd3\x0c\xecG\xdb\x90j\xdc\x0b\n\nn\xbc\xf1\xc6-[\xb6\xa8\xd6_-[?o\xde\xbc1c\xc6\xe0\xa6\xd3\xd3\x85\xfa\xb7"\x94x \xa9\xa1I\xce\x9b\xa4o\xe2\xffX\x0c\x80\x9e%\xd5\xd0\x7f\xfd\xf5\xd7#F\x8c8z\xf4\xa8j\xfd9\xe7\xf1\xf1\xf1o\xbf\xfd\xf6\xb0a\xc3\xd0\xfa\x9f\x19\xd4\xbf\xe5\xa0\xca\x03F\x9eXM\xde\xe73\xa9\t\x06(}\xbe\x1f:&gt;\xeao\x813\xa3\x16\x84(((\xb8\xfa\xea\xabKKK\xd5 \x0f\xe7\xbcW\xaf^\x8b\x16-JJJB\xeb\x7ffP\xffV\x84,\r\x00uI***\xaas\xe7\x0b\x88hc\xde6b&lt; S \x14)%\x91\xb1)w\x1b\x11EEEv\xed\xda\x95\xb0F\xf1\x19Q\x03\xd3\xf5\xf5\xf5\xb7\xdezkii\xa9j\xe8M\xd3\x1c:t\xe8\xe7\x9f\x7f\x8e\xd6\xff\xcc\xa0\xfe\xad\x0b\x01\x10\x18B\x08\xc30\xce;\xef&lt;"\xda\xbb\xaf\xb8\xae\xe28;\xbb{ \x1bb\x8cH\xf2\xc2\x9d\xfb\x88(\xd6\x13\x1b\x1f\x1fO8\x00\xce\x88\x9a\xf6\xf3\xce;\xefl\xdc\xb8\xd10\x0c!\x04\xe7|\xc8\x90!\x1f}\xf4Qtt\xf4\xa9\xcf\x8e\x87FB\xfd[\x14\x02 0T\xd7r\xc0\x80\x01D\xb4e\xeb\xae\x82\xbcBr\xbby &amp;*H)5\x87QWV\xbe\xec\xb3\xf5\x8c\xb1\xb4\xf4\xb4\xf0\xf0p\xdc\x9ezf\xd4\xf0\xf1\xfc\xf9\xf3\xd5\xd3E\xa4\x94\xe7\x9dw\xde\xbb\xef\xbe\xebr\xb90\xe7\xe7l\xa0\xfe-\n\x01\x10\x18\xaae\xb9\xf2\xca+\x9dN\xa7\x10\xe2\xe3%\xab\x99\xee$\x11\x80\x91P!$s\x87\x7f\xbdn\xd3\xa1\xe2#R\xca\x11#~M\xb8=\xf5\x8c\xa8\xd9\x8aUUU\x9b7o\xf6\xdf\xf1\xfb\xe8\xa3\x8fz&lt;\x1e\x9f\xcf\x87\xd6\xffl\xa0\xfe-\n\x01\x10\x18j\x91\xc2\xa4\xa4\xa4\x01\x03\x060\xc6^\x9e\xfd\xee\xd1\xfdE\xcc\xe5\x08D\xa5J\x12\xe2\xe9\xe7\xdf0M\xde:!\xe1\x9ak\xae!"\xb4Vg@}\x17%%%eeeDd\x9a\xa6\xae\xeb\x83\x07\x0f\xc6\xed\xbeg\x0f\xf5oQ\x08\x80\x80Qw\x8d\x8e\x1b7NJy\xe4h\xd9\xccW\x16j\xe11\xa6\xef\xac\xe6,s\x93\xeb1\xd1\xab\x97\xaf]\xb5\xfa["\xba\xf6\xba\xeb\x12\x12\x12p\xfe{6jkk\xd54P\xc6Xttt\xeb\xd6\xad\xf1\xb0\xd9\x80@\xfd[\x11\xee\xa8\x0e$!\x84\x10b\xf0\xe0\xc1_\xae^\x1d\x1d\x13\xb9z\xd9\x1b)\x17\xf5\xe0\x15\x95\xfa\x19]Z\x14B\x90\xc3\xa8\xab7\xfb_6:7\x7fGLLt~\xfe\xe6\xb6m\xdb\x12\xae\x80\x9d\x115\x01t\xd3\xa6Miii\xea\x95\xf0\xf0\xf0\x83\x07\x0fFGG\xe3\x99_\x01\x81\xfa\xb7\x1c\x04@ \xa9&amp;f\xc3\x86\r}\xfb\xf61M\xde\xb3{\x97\xcfW\xbe\xe9\xf1D\xf2\xeaZ\xdd8\xbd\x93V!\x84d\x9a\x1e\xd5\xea\x8e[\x1ezs\xe1\xa7D\xf4\xf2\xcb/\xdfs\xcf=\xb8Vy\xc6T+\x7f\xfc\xf8\xf1\x9c\x9c\x1c\xf5\x8a\xc3\xe1\xe8\xd7\xaf\x1ff\xfe\x04\n\xea\xdfr\x10\x00\x01\xa6\nt\xc6\x8c\x19\x93\'O&amp;\xa2\x8c\xb4n\xd9K^\xf7$x|\xe5\x15\x86\xc3\xd1\xc8~\x0b7M\xdd\xe5"w\xd8\x84\xcc)Yo.&amp;\xa2\x1bo\xbc\xf1\xbd\xf7\xde\xc3,u\x08r\xa8\x7fkA\x00\x04\x9e:\x06&amp;L\x98\x90\x95\x95ED\x19\xe9\x17.\x98\xff|\xd7\x0b\x93\xa8\xaa\x9c\x9b\\\xd3\x7f\xf2A\x83R\x92\x10\x9c\x11\xd3b\xa2\xab\xca*&amp;\xdd\xff\xcc\x9c\xb7?"\xa2\x8c\x8c\x8c\xec\xec\xec\xe8\xe8h\x8cV\x9f=)\xa5i\x9aj)1\xc6\x98\xd3\xe9l\xe9-\n5\xa8\x7f\x0bA\x00\x04\x9ez\x9c\x88\xa6i\xfec !.\xe6\xb9\xbf&gt;x\xeb\xa8\xab\x9c\xd1QTS-|\xbe\x13\xeb\x0c3\xff\x1fa\x8ct\xc3\xa0V\xe1\xc4\xf9\xf2\xe5\xeb\xa6L\xf9\xfbw\x9b\n\xe8D\xf5{&lt;\x1eu~\xdd\x92\xbfXH8i7b\xf4?\xe0P\xff\x16\x82\x00h\x12\xfec\xe0\x89\'\x9e|\xf2\xc9\'\xd4\x8b)\xdd\xbbN\xbe\x7f\xf4\xaf\xaf\xbe,\xae]&lt;i."\x93\xc8\xbf\xf3\r"^SZ\xbev\xfd\xf7/L\x7f3{\xf9W\xea\xd5\x91#G\xbe\xfa\xea\xab\xa8\xfe@Q\xcd\xfd\xa6M\x9bV\xae\\YWWw\xf1\xc5\x17_~\xf9\xe5-\xbdQ!\x08\xf5o\x15\x08\x80\xa6\xe2?\x06\xb2\xb3\xb3\x1f~\xf8\xe1\xfc\xfc|\xf5z\xeb\x84\xd8K\xfa\xa5\xf6\xea\xd5-%\xa9\x93\'.\x9a\xb8\xf0\xf9\xcc\x9c\xdcm\xbbv\xed_\xb5\xfa\xdb\xdd\xbb\x8b\xd4\xdb\xda\xb6m\xf3\xfb\xdf\xff\xe1\xbe\xfb\xee\xa3S:\xadpf\xd4n\x9c9s\xe6\x03\x0f&lt;\xe0_Pl\xdc\xb8q\xaf\xbd\xf6\x1aa\x8d\xc9@C\xfd[\x83\x84\xa6\xe4\xf3\xf9\xa4\x94\xf5\xf5\xf5O?\xfd\xf4\x85\x17vk\xcc7\xd2\xae]\xbb\xf1\xe3\xc7\x17\x15\x15I)9\xe7B\x88\x96\xfe%B\x81\xda\x8d\xe5\xe5\xe5111D\xe4t:\r\xc3P\xf3I\xd6\xacY#\xa54M\xb3\xa5\xb71\x04\xa1\xfe\x83\x1c\xce\x00\x9a\x9c\x7f\xe2Z}}\xfd\xd2\xa5K?\xfa\xe8\xa3\x9c\x9co\x0e\x1d:t\xf4\xe81\xff{\xa2\xa2\xa2\xe2\xe3\xe3\xd2\xd2\xd2\xaf\xb9\xe6\x9a\xab\xae\xba\xaau\xeb\xd6\r\xff \x9c=\xffM\x00\xe9\xe9\xe9t\xe2\xae`\xb5\x1e\xdc?\xfe\xf1\x8f\xbb\xef\xbe\x1b3L\x9a\x08\xea?\x98!\x00\x9a\x83&lt;\xf1\xb4)\xf5\xbf\x9c\xf3\xb2\xb2\xb2-[\xb6p\xce\x19#)\xa9K\x97.\xf1\xf1\xf1n\xb7\xdb\xff\x06\xf5\xac\xda\x96\xdb\xe4P\xa3\x02 ///55\x95\xfe7\x00f\xce\x9c9q\xe2D\x04@\xd3A\xfd\x07-\x04@\xf3Q\x87\x01\xfd\xf4J&amp;\x9cs)\xa5Z\xa5\xa0y7-\xf4\xa9:\xaf\xae\xae\xbe\xe0\x82\x0b\x0e\x1f&gt;\xect:\xe5\x89\x11\x86\x9c\x9c\x9c\xde\xbd{c\xa0\xb9\xa9\xa1\xfe\x83\x10*\xbe\xf90\xc6t]\xd7u]\x8d\xbe\xf1\x06\xd4@\xa7\xae\xeb\x86a\xa0\xfa\x9b\x02cL\x08\xd1\xaaU\xabi\xd3\xa69\x9dN\xaf\xd7\xeb\xf3\xf9\x84\x10\x0f&gt;\xf8 Z\xff\xe6\x81\xfa\x0fB8\x03\x00\x1b\x91R2\xc66o\xde\x9c\x9d\x9d][[{\xe9\xa5\x97\x0e\x1c8P\xe2V\x00\xb0+\x04\x00\xd8\x0bn\x04\x03\xf0C\x00\x80\xed\xa8E+\xe9\xc4\xa0DKo\x0e@\x8bA\x00\x00\x00\xd8\x14.|\x01\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10\x00\x00\x006\x85\x00\x00\x00\xb0)\x04\x00\x00\x80M!\x00\x00\x00l\n\x01\x00\x00`S\x08\x00\x00\x00\x9bB\x00\x00\x00\xd8\x14\x02\x00\x00\xc0\xa6\x8c\x96\xde\x00;\x92R\xfe\xe8\xeb\x8c\xb1f\xde\x12\x80\xe6\x87\xfa\x0f\x1e\x08\x80\xa6%\x1b "M\xd3\xfc\xff&gt;\x95\x10\xc2\xffo\xd6@3n/@ \xa1\xfe\x83\x1c\xfb\xa94\x863\xa6\xca]\x08\xc1\x18\xd3u\xfd\xd47\x08!***\x18\xfba\xe7\xab\xff\x08\x0b\x0bs\xbb\xdd?\xfaf\xf5Q\x9a\xa6\xe1`\x80\xe0\x87\xfa\xb7\x10\x04@\xc0\xa8\xa2\x97R\x1a\xc6\x7f\xcf\xab8\xe7\x07\x0f\x1e\xdc\xb1cG^^\xee\xd1\xa3Gsr\xbe5M\xb3\xa4\xb8\xb8\xb8\xa4\x98\x11\x93\xa4v&gt;#\x92\xad"Zu\xe9\xdaEJJII\x89\x8f\x8f\xef\xdd\xbb\xf7\xb9\xe7\x9e{\xfe\xf9\xe7\x87\x87\x877\xfc4"\xc2\x91\x00A\x08\xf5oE\x08\x80\x00\x90Rr\xce\xfdu\xcf9/,,\xcc\xce\xce^\xb3fMaa\xe1\xde\xbd{*+\xab\xce\xe0c].g\xfb\xf6\xed\x93\x92\x92\xfa\xf5\xbbx\xe8\xd0\xa1\xa9\xa9\xa9\xfe\x83\xc14MM\xd3~\xeaT\x1a\xa09\xa1\xfe\xad\x0b\x01pVT\x97D\x9d\xe7r\xce\xd7\xaf_\xbfx\xf1\xe2%K\x96l\xdf^X_\xefm\xf8\xce\xc8\xc8\x88\x88\x88\xf0\x0b\x13;j\x86\x1e\x1d\x19\xd1\xb3g\xa2\xe4Buc\xa4\x94\xccp\xec\xddS\xb4\xaf\xa8\x98\xe9\xfa\x8e\x1d\xfb*+\x8f\x1f+-?\xe9\xef\xea\xd4\xa9\xe3\xa0A\x97_{\xed\xb5\x97]vYTT\x14\x9d\xe8s\xa1C\x04-\x05\xf5ou\x08\x803\xc49\xf7W^QQ\xd1\xa2E\x8b\x16,X\xb0i\xd3\xa6\xff\xbe\x83\xb1\x8e\xe7w\xb8(\xad[zjR\xef^\xc9\xdd\x92:GE\xb7\x8aN\xf0\x90\xa6\x93\xc6\x88\x1cD\r\xf7&lt;#2Ipb\xac\xf6hYuu\xed\xe6\xc2=\x1bs\x0b\xf3\xf2\xb7\xe7|\xb7y\xfb\x8e\xbduu\xf5\xfe\xb7\x9e\x7f\xfe\xf9#G\x8e\x1c=zt\xcf\x9e=\xfd\x1b\xf3\xa3\x83\xad\x00M\x04\xf5\x1f\x1a\x10\x00\xa7M\rt\xaa\x82\xfb\xea\xab\xaf\xdex\xe3\x8d\x7f\xff\xfb\x83\xb2\xb2r\xf5S\x8f\'\xaawz\xf7a\x83\xfb\r\xbc\xb4w\xf7\xe4\x8e\xe1\xf1\xb1D\x06\x91I\xf5^\xe2B\xf8|D$%I)\x88\x1av[\xe4\x0f\x13\x1e$i\x0e\x83t\x8d\\Nb\x06\x91\xe4\x95U\x85;\xf7\xaf\xcf\xc9\xfd${\xcdw\xdfm\xd9\xb3\xf7\x80\xfa\x03N\xa7\xf3\xb2\xcb.\xbb\xfb\xee\xbb\x87\x0f\x1f\xeet:Uo\x08\x87\x0145\xd4\x7f(A\x00\x9c\x86\x86c\x9d+W\xae\x9c:u\xea\xb2e\xcb\xfc?\x1dpI\xda\xb5#\x06\xddt\xe3\xb0s:\x9fC\x9a\x83\x84\x8fj\xeb\xb9\xcf\x94R\xfa\xe7\xb35\xe6\\U}#BH)%c\xa4\x1b:\xb9\\\xe4p\x12\x89\xaa\x92\xd2\xc5\x9f\xae\xfa`\xf1g\xcb?[W]]\xab\xde\xdf3%e\xd2\xe4\xc9\x99\x99\x99\xf4\xbf\xfd2\x80\xc0B\xfd\x87\x1e\x04@c\xa9\xd1F"*,,|\xee\xb9\xe7\xe6\xcd\x9d+\xa4$"\xb7;\xec\x96\x91\xc3\xc7\xdeq\xfd%\x17\xa7\x92\xcbM\xf5\xb5\xa2\xae^\x08\xc94\xa6\x05b\x16\xb3\xea.\t)\x19\x91\xeetPx\x04I\xb15\xbf\xf0\x9f\xefe\xcf~\xfd\xbd\x83\x87\x8e\xa8\xb7\r\x192\xe4\xb1\xc7\x1e\x1b&lt;x0\xe1\x8c\x18\x9a\x00\xea?$!\x00\x1a\xc54M\xc30\xbc^\xef\xd4\xa9S\xa7O\xff{ii\x19\x11\xc5z\xa2\xc7f^?\xe6\xe6\xab{\xf4N%\xe1\x93\xc7k8\x17\xba\xde\x84\x1d\x90\x1f\xa6W\x13i\x11nr\xb8K\xf6\xee\x9b\xbfh\xc9\x9c\xb9\xef\x17l\xdbMD\x8c\xb1\xcc\xcc\xcc\xa7\x9f~\xba}\xfb\xf6\xe8\nA\x00\xa1\xfeC\x15\x02\xe0\x17\xa8\xfb\x125M[\xbbv\xed\xc4\x89\x13\xf3\xf3\xf3\x89\xc8\xedr\xdd|\xd3\xf0G\x1f\x1c\x9b\xd4\xb3;\xf9\xaayu-#\xa6\xe9\xcd7)M\x08!\x844\xc2\x9c\xe4\x8e\xaa8\\&lt;\xe3\xe5\xb7_\xcbz\xefP\xf1Q"j\xdb\xb6\xcd\xd3O?3n\xdc8BW\x08\xce\x1a\xea?\xb4!\x00~\x8e\xbf\x80\x9ex\xe2\x89g\x9f\xfd\x9b\x9a\xd96dP\xdfg\x9e\xba\xaf\xef\x80\xbe\xe4\xad5\x8f\xd7hz\x8b\xcdG\x96Rr\x93\x1b.\'ED\x1d\xdc\xb5\xfbOO\xce\x9c7\xffCub~\xd3M7\xbd\xfc\xf2\xcbqqq\xaa\xef\xd6"\x9b\x07V\x87\xfa\x0fy\x08\x80\x9f\xa4\xaa\xff\xd0\xa1C\x99\x99\x99\xd9\xd9\xd9D\xe4\x89\x89|\xf2\xcf\xf7\xdcw\xefh\xd2\x18\xaf\xacb\xc1q+\xca\x0f\x97\xe6\xdca\x14\x16\x91\xfd\xf1\x8a\x07\x1ezv\xdb\xf6\xbdD\x94\x98\x988g\xce\x9c\xfe\xfd\xfb\xa3\x1f\x04g\x00\xf5o\x07\x08\x80\x1f\xa7:\x0ek\xd7\xae\x1d9r\xe4\xc1\x83\x07\x89h\xc0\xc5\xbd\xde\xc8z:\xb1{\xb2\xa8(\')\x9b\xf3\x84\xb71\xa4\x94\x9c\x0b\xc3\x13]q\xac\xfc\xe1\x87\x9f{}\xde\xbf\x89\xc8\xe5r\xbe\xf8\xe2Kw\xddu\x17\x86D\xe1\xb4\xa0\xfem"\xb8\xbe\xc5 \xa1\xaa?++k\xd0\xa0A\xaa\xfa\'\xdd{\xeb\xaa\xe5s\x13\x13;\x9ae\xc74\xadY\x87;\x1b\x891f\x18:/\xab\x88v;\xb3\xe6&gt;\x9b\xf5\xca\x131Q\xad\xea\xeb\xbd\x13\'N\x9c8q\xa2\xae\xebj\xfavKo&amp;X\x00\xea\xdf&gt;p\x06p2\x7f\xf5O\x980\x81\x88\xa2##\xfe&gt;\xed\xd1\xb1\x13F\xcb\xaa2\xc9E\x10\x96\xfeI\xa4\x94\x82\x0b\xdd\x13\xf7\xcd\x9a\xf5\xb7\xdd\xf1X\xe1\xce\xfdD4~\xfc\xf8\xd9\xb3g\xa3\x1f\x04\xbf\x08\xf5o+\x08\x80\xffqR\xf5\xc7y\xa2\x96|\xf4J\xc6\x80\xbef\xe9Q\xdd\xd0-T:\xa6\xcf4b\xa2J\x0f\x97\x0e\xbfz\xc27\x1b\xb6\x10\x8e\x01h\x04\xd4\xbf\xdd\x04{\x9e7\xa7\x93\xaa\xbfO\xfa\x85\xeb\xd6.\xcc\xb8$\xcd,=j8\x0ck\x15\x8d\xe10xEU\xac\'r\xc5\x8aycG\xff\x9a\x88\xd4\xef\x85sa\xf8)\xa8\x7f\x1b\xc2\x19\xc0\x0fN\xad\xfe\xa5\xff\xc9\xf2$\xc4\xf0\x8a*\xdd\xb2\xd3\xc8\x04\x17\x9a\xd3A\xee\xb0\t\x99S\xb2\xde\\L\'\xfaA\xea\t\x1b\xd6:\xa4\xa1I\xa1\xfe\xed\t\x01@tb\xc6\x9b\xbf\xfa3\xd2\xbae/y\xdd\xe3\x89\xe4\xd5\xb5\xbaa\xed\tdB\x08\xa9iz\xab\x88\x93\x8e\x01\xcc\x8d\x03?\xd4\xbfm!\x00~\xa8\xfeu\xeb\xd6\r\x180@\x08\x11\x1b\x13\xf5\xedW\x0b;%u\xe4\x15\xc7\xad^\xfd\x8a\x14B\xea:s8\xfa_z\xcb\xba\x9c|"\x9a&gt;}\xfa\xa4I\x93p\x8f\x0c\x10\xea\xdf\xde\xec\x1e\x00\xead\xf0\xf0\xe1\xc3\xa9\xa9=KJ\x0eG\x84\xbbWege\\\x92\xce+\xaaB\xa3\xfa\x15!\x049\x1c\xe5U5\x83.\xbf=w\xcbN"Z\xb6l\xd9\x15W\\\x81~\x90\xcd\xa1\xfem^\xffv\xbf\x08\xac\x96:\xb9\xed\xb6\xdbJJ\x0e\x13\xd1\xcc\xbf\xff.c@?\xb3\xbc2\x94\xaa\x9f\x884M\x93\xf5\xde\xd8\x04\xcf\xdb\xf3\x9e\x8d\xf5D\x11\xd1\xed\xb7\xdfVRR\xa2i\x9a\xda\x03`O\xa8\x7f\x9b\xd7\xbf\xad\x03@\x9d\x03&gt;\xf5\xd4S\xcb\x97/\'\xa2I\xffw\xd3\x98\xbbn\xf3\x95\x1e5\x1c!xb\xa8\x1b\xbaY^\x99\x92\x916\xfb\xa5?\x12Qqq\xc9m\xb7\xdd\xc6\x98\xddO\x01\xed\x0c\xf5\x8f\xfa\xb7\xef\xef\xaf\xd67\xff\xfa\xeb\xaf\x07\x0e\x1c\xe8\xf3\xf9\xfa\xf5\xee\xb1f\xf5\xdb\xd2g\xea$Cxz\x80i\x9a\x86\'n\xf2\xdd\x7f\x9a\xf1\xca":1\x18\x8a\x13a\x1bB\xfd\x13\xea\xdf\xb6\x01\xa0\x16\x16\xe7\x9c\xa7\xa4\xa4\x14\x16\x16FFFlZ\xb7\xa8sbGQ]\x1b\xfc\xf7:\x9e\r)\xa5`\x8c\x0c\xa3\xcf\xc5\xa36|_h\x18Z~\xfe\xe6\xc4\xc4D)e0,\xec\xd5\xd4d\x03\'\xfd\x885\xd0"\xdb\xd6\x9cP\xff\xf6\xac\xffS\xd9\xf1w&amp;"\xf5\xf8\xd0i\xd3\xa6\x15\x16\x16\x12\xd1\xb3\x8f\xdf\xd3\xb9{\xb2YU\x1d\xda\xd5OD\x8c1\xe2Bw8^\x9f\xf9g\x97\xcb\xc1\xb9\xb8\xff\xfe\xfbC\xfeDX-\x18\xc99g\x8ci\x9a\xa6\xeb\xbaq\n]\xd7\xd5=\xa2\x9cs\xd34C{h\x18\xf5o\xab\xfa\xff\x19v\xfc\xcd\xd5\xcc\x87]\xbbv]t\xd1E\x15\x15\x15\x03\xfb\xa7}\xf1\xf9\xdb\xbc\xbaZ\xb7M\x17\xc04M\xc3\x13\xff\xc7\x87\xff\xf2\x97\x17\xe6\x12\xd1\xbb\xef\xbe\xfb\xdb\xdf\xfe6$O\x84\x1b&gt;\xc1\x9c\x888\xe7\x07\x0e\x1c\xd8\xb9s\xe7\xde\xbd{\xf7\xed\xdb\xcb\x18\x93\x92\x88dL\x8c\'%%\xa5m\xdb\xb6\x1d;vt\xbb\xdd\r\xffl\xe8\xad\x1c\x80\xfa\xb7O\xfd\xff";\x06\x80\xfa\xa6\xc7\x8c\x19\xf3\xd6[o\x85\x85\xb9\xd6.\x7f#\xbd_/q\xbc&amp;\xe4\xbb?~RJ\xa1\xeb\xd55u\xbd/\xbei\xe7\xee\xfd]\xbat\xcd\xcb\xcb3\x0c#\x94\x06@\x1a\xde\xedYRR\xb2v\xed\xdaO?\xfd4\'\xe7\x9b\xbd{\xf7UVV\xfe\xe8\x1fq\xb9\x9c\x1d:tHOO\xbf\xfa\xeak\xfa\xf5\xeb\x97\x9c\x9c\xac^\x0f\xb1\xa6\x01\xf5o\x87\xfao$\xbb|\xe5~\xaa\xfaW\xaf^\xbd`\xc1\x02"\x1au\xfd\x90\xf4\x01\xfdx\xd5q\xfbT?\x111\xc6\xa4\xd7\x17\x95\x90\xf0\xc7G\xc6\n!\x0b\x0b\x0b\xa7M\x9b\x162S\xe2\xd4\x80\x8f\xea\xb9\xe7\xe6\xe6\xdeu\xd7\x84\xf4\xf4\xf4\x1bn\xb8a\xce\x9c9yy\xf9\xfe\xd6?!!.!\xde\x13\x1f\xefIH\x88s:\x9dDT_\xef\xdd\xb5k\xf7\xbf\xfe\xf5~fff\xef\xde\x17]\x7f\xfdu\xcb\x97/W\x05#\x84\x08\x8d\x9d\x83\xfa\xa7P\xaf\xff\xd3b\xbb3\x00\xf5\x1d\x0f\x192d\xd5\xaaUq\xb1\xd1_\x7f1\xbfs\xd7\x8eTW\xafi\xf6J~I$\x89|\xc4\x06\x0e\xba=g\xc3\x96\xd8\xd8\xd8-[\xb6$$$\x90\x1a\'\xb5,5\xb9\x85\x88\xf2\xf3\xf3\x7f\xf7\xbb\xdf\xadX\xb1\xc2\xeb\xf5\xaa\x1f\x9d\x7f^\xfb\xde\xbd\xbb\xa7\xa7&amp;\xf5NM\xf6x\xa2\xba\\p\x1e\xa9\x03^7\x8a\x0f\x96\x1c:R\x9a\xb7eWn^a\xcew\x9b\xf3\xf2\x0b\xfd\x1f\x98\x9a\x9a\xfa\xb7\xbf\xfdm\xf8\xf0\xe1\x14\x12\xa7\x02\xa8\x7f%T\xeb\xfft\xd9+\x00\xd4\x01\xfc\xed\xb7\xdf\xf6\xe9\xd3GJ\xf9\xf0}\xa3\x9f\x7f\xe9)\xb3\xf4pHN|\xfeE\xdc\xe4\xba\'f\xe9\xfbK\x87\xdf\xf8\x00\x11\xbd\xf0\xc2\x0b\x0f&gt;\xf8\xa0\xa5\xef\x8fW\x1b_UU\xf5\x87?\xfc\xe1\xf5\xd7\xb3jk\xeb\x88(\xdc\x1d\xf6\xdb\x1b\x86\xfe\xe6\xba!\x97\rH\x8fj\x13O\xa4\x13\x99$\x04\xd5{\x89\xd4\xa1.\xc9a\x90a\x10\xe9D\x92WU\xad\xffn\xf3\xe2\x8fW-X\xf8\xe9\xc1CG\xd4\'\x0f\x1f&gt;|\xc6\x8c\x19\x89\x89\x89\x96\xde?\xa8\xff\x86B\xaf\xfe\xcf\x80\x1d\x03`\xec\xd8\xb1s\xe7\xce\r\x0bsn\xf8rAr\xcf$Yk\xbb\xee\x8f"\x89$\xa3:S\\\xd4o\xe4\xb6\xc2\xbd\x17^xaNNNXX\x18Y\xb3\x13\xa4\x0e\xdd\r\x1b6\x8c\x1f?~\xc3\x86\rD\xe4\x0es\xdd&lt;j\xf8\xe4\xfbn\xebqQ\x0f"I55\xdc\xeb\x93\x92\x18c\xc4Hk\xf0;\xaay\xa1RJ\xc6H\xd7u\x8ap\x93\xe6*\xd9\xbf\xff\xd5\xacw_\xcbz\xefP\xf1Q"\x8a\x8f\x8f\x9f9s\xe6\xc8\x91#\xad\xbb\x96$\xea\xbf\xa1\x10\xab\xff3c\xa3\x81?5\x1b\xe4\xd0\xa1C\xff\xfa\xd7{Dt\xf3\x8dWv\xeb\x9d*jj\xedY\xfdD\xc4\x88\xa4\x8f\x87\xc7\xc4L\x99|\x87\x94r\xf3\xe6\xcd+W\xaed\x8cYq$T\xb5\xfes\xe6\xcc\x194h\x90j\xfd\xaf\x1crI\xceW\x0b\xdf\x98\xf7\\\x8f\x9e\x89\xbc\xac\x9c\x97WH\x93\xeb\xba\xae&amp;|\xea\x9a\xd6p\xe2\xbf\xa6i\xba\xae\x19\x86\xae\xeb\xba$\x12U\xd5f\xd9\xd16\xf1\x9e\xc7\x9f\x9a\xbc)\xe7\xfd\xfb\xfe\xeff\x8d\xb1\xa3G\x8f\x8e\x1a5j\xf2\xe4\xc9\x9a\xa6\xfd\xe8\x9d\x04A\x0e\xf5\x7f\x92P\xaa\xff3f\xa3\x00\xe0\x9c\x13\xd1\xc2\x85\x0b\xab\xaa\x8e\xeb\xba~\xf7\xb8\x1b\xa5\xf0\x9d\x18\x04\xb0)M\xd7d\xcd\xf1\x1b~3\xf4\x9c\x0em\x18cYY\xb3\xc9\x82\xdd\x1f\xffZ\xf6w\xdeygee\xa5\xcb\xe9\x98\xfe\xdc\xc3K\x96duOI\xe4e\xe5\xa2\xa6V7t]o\xec\x03\xad\x18\x91\xa6i\x86aH\x9f\xcf,+m\x1d\x17\xfd\xd2\xac\'\xff\xf3\xe1\xcc\x0em\xe3\x89h\xc6\x8c\x19\x13&amp;LP\x17\x0c\xad\x95\x01\xa8\xffS\x85F\xfd\x9f\r\x1b\x05\x80\xae\xeb^\xaf\xf7\xcdy\xf3\x18c}.\xea\x9e\xde/U\x1e\xaf\xd1\xed4\xf9\xe1T\x8c1^\xef\x8bH\x88\xbf\xf9\x86\xa1R\xca\x95+Wn\xdf\xbe\xddZ\xd3!Nz\x92IlL\xe4\xca\xa5\xafOz\xf4.Q]#\x8e\xd7\xe8\x86~\xc6wx2\xc6N\xc4@\xd9\xb0\x11\x97\xe7\xac\x7f7#\xedBj\xf0l)\xce\xb9\x852\x00\xf5\x7f\xaa\x10\xa8\xff\xb3d\x97\xaf_\xdd\x05\xbaq\xe3\x86\xbc\xfc|)\xe5\r\xbf\x1e\xa4\xb9\xc2\x05\xb7\xcb\xd7\xfc3\x18c$|7\\;X\xd3\xb4\xea\xea\x9a\xc5\x8b\x17\xd3\x89\xb9"\xc1\x8fsn\x18\xc6\x9bo\xbe\xa9Z\xff\x0b\x93:\xadX6\xb7\xff\xa0~f\xe91Mc\x01\x99\xda\xc8\x183\x0c\xdd,-o\xd7\xaeu\xf6\xd2\xac\xeb\xae\xfe\x15\x11eeeM\x9c8\xd10\x0c\xd5\xad\x0e~\xa8\xff\x9fb\xe9\xfa?{v\t\x00\xd5S\xfb\xe0\x83\x0f\xa4\x94\xb1\x9e\xe8[F]E\xf5\xd56\xef\xfe(\xba\xae\x89\xe35\x19\xfd\xd3/\xe9\xdb\x931\xf6\xe1\xe2\xc5\xfe\x99\x94AN\xadg\x90\x97\x97w\xcf=w\x13Q\x9c\'j\xd1\xdb\xcf\xa7e\xf44KK\x03&gt;\xad\xc5p\x18\xfcx\xb5\'&amp;r\xe1;/d\xa4u#\xa2\xd7^{m\xee\xdc\xb9V\xc9\x00\xd4\xffO\xb1n\xfd\x07\x84]~O]\xd7}&gt;\xef\'\x9f|JD\xbdz&amp;\xb6\xeb|\xae\xa8\xf3\xdaj\xb0\xefg\x08.4\x97{\xc8\xa0&gt;R\xca\xef6l\xd8\xb1cG\xf0\x9f\x05\xab\xcb\xb0UUU\xa3G\xdfZ]]c\x18\xfa\'\xffz)\xa5w\x8aYz\xccp:\x9a\xe2o\xd4\r]\xd4\xd4\x869\x8d\xec%Y\x9d;v`\x8c\xddw\xdf}\xb9\xb9\xb9\xea6\xb1\xa6\xf8\x1b\x03\x08\xf5\xff3\xacX\xff\x81b\x8b\x00P\xf3\xf6v\xee\xdc\xb5k\xd7N"\xbar\xc8%\xa4\x19BXf\xf4\xb6\xa91\xc6Hx\x87\x0e\xeag\xe8z]]\xdd\xda\xb5k)\xe8\xcf\x82U\xf7\x7f\xca\x94)\xb9\xb9yD\xf4\xfc\xd3\x0f\xf4\xbb|\x80\xaf\xb4\xccp8\xa8\xc9\xbeXM\xd7ym\xbd\xa7u\xdc;s\xfe\xe20\xf4\xea\xea\xea;\xee\xb8C\xddh\x16\xcc\x17\x03P\xff?\xcf\x8a\xf5\x1f(v\t\x00"Z\xbatI]]\xbd\xa1\xeb\x83\x7f\x95A\xc2\x87\xee\x8f\x9f\xa61\xaa\xadKM\xeb\xd6\xa1Ck"\xfa\xf8\xe3\x8f(\xb8\xe7B\xa8\xd6\x7f\xdb\xb6m\xb3g\xcff\x8c\r\x19\xd4g\xd2#\xe3\xcc\x8aRG\xd3\xdf\xd0\xa4\x1b\xbaYV\xd1w\xd0\xa5\xbf\x7f(\x93\x886n\xdc\xb8p\xe1\xc2 \xef0\xa2\xfe\x7f\x9e\xe5\xea?\x80l\x11\x00\xea\xbb\\\xb3v-\x11uh\xdf:)\xb9\x13\xd5\xd6\xd9v\xfa\xf3\xa9\x18c\xdc\xc7\xc3cc.\xea\x95LD\x1b7l\xac\xa9\xa9\xd1u=\x98{\xb5R\xca\x07\x1ex\xc0\xe7\xf3\xb9\\\x8e\x99/&lt;FRh\xcd\xb5\xb1\xba\xa1\xf3\xaa\xb2\xdf\xff\xe1\xff\x92\x13;j\x9a6e\xca\x94\xa3G\x8f\xaa\x9b\x03\x9ai\x0bN\x13\xea\xff\xe7Y\xb1\xfe\x03\xc5\x16\x01\xa0i\x9a\xd7\xeb\xddZP@D\x19\x17u\x8f\x88\x8f\xe5&gt;n\x93\x84o$)%1\xfd\xb2\x01\x17\x11Q\xc9\xe1\x92\xfd\xfb\xf7S\xb0\x0ek\xa8\x01\x8d\x82\x82\x82\x95+W\x12\xd1\xa8\xdf\x0cML\xeb\xc1\x9bq-{\xc6\x984\xb9\xa3U\xab)\x93\xef\x10B\x1c:th\xf1\xe2\xc5\xeaA\x02\xcd\xb3\x01\xa7\x0b\xf5\xff\x8b,T\xff\x81\x15\xfa\x01\xa0\xda\x8bC\x87\x0e\xed\xdb\xb7\x8f\x88.\xea\x95L\xcc\xb0\xc3W{Z\x18c$\xcd\xb4\xd4dM\xd3jk\xebrss)X\x0f\x00)%cl\xc6\x8c\x19\xa6i\xba\xddaS\x1e\xce\x94\xbez\xd6\xbc\xfdY\xdd\xd0\xc5\xf1\xcaQ\xb7\\sar\'\xc6\xd8\x8b/\xce0M38\xd7\x89C\xfd7\x86\x85\xea?\xb0B?\x00\xd4\xb7\xb8{\xf7\xee\xaa\xaa\xe3D\xd4\xabg\x12\x11\xba?\'\xd34F\xf5\xde\xa4.\xe7\xc7DG\x12\xd1\xd6\xad\x05\x14\x94\x07\x80Z\xcf\xa0\xa4\xa4\xe4\xc3\x0f?d\x8cn\xbc\xf6\xf2\xa4\xb4\x14q\xbc\xa6\x99\xe7\xed1"\xe1\xe3\xae\xa8\xa8\x87\xee\x1d-\xa5\xdc\xb2\xa5\xe0\x8b/\xbe\x08\xce\x93\x00\xd4\x7fcX\xa5\xfe\x03\xce.\x01\x90\x97\x97KD\xd1Q\x91\xdd\xbbu\xa6\xfaz\x1c\x00\'Q+\xa4{\xda\'t\xedr\x1e\x11\xe5\xe5\xe5SP^\x07S-\xec\xbau\xeb\x0e\x1f&gt;,%\xddt\xc30)\x05\xb5\xc4v\xea\xba&amp;\xebj\xae\xbe\xf2\xd2\x98\xe8H!\x84\xbar\x18\x84M\x06\xea\xbf1\xacR\xff\x01\x17\xfa\x01\xa0\x14\x17\x17\x13QxxXtt$qn\x83o\xf6\xb4I)\r\x973.6\x9a\x88JJJ\xd4HKKo\xd4\xc9\xd4&amp;}\xf2\xc9\'\x8c\xb1s:\xb4\x19pi:\xab\xadi\x91\xeb\x99\x8c1Y\xe7m\xd3\xe9\x9c\x81\xfd\xd3\x89h\xe5\xca\xcf\xbc^op\x8e\x02\x11\xea\xbf\x11,Q\xff\x01\x17\xfa\x01\xa0\x06\x076l\xd8HD\xc9I\x1d[%x\x84\xcf\xb4\xc3W{\xba\x84\x90\xc4\x8c\x8bR\x93\x89\xa8\xb0p[yyy\x10\xcelQ\xd73\xbf\xfa\xea+)\xe5\xc5}R\xa2\xda$po\x8b\xcdh\x14R\x92f\\1\xa8\x0f\x11\xed\xd8\xb1}\xf7\xee\xddA\xb8\x96$\xea\xbf\x91,Q\xff\x01\x17\xfa\x01\xa0\xa8/\x92\x9d8\x1e\xe0\'0\xd5\x9bV\x13\xed[zcN\xa6\xaeg\x1e&lt;x\xb0\xa8h?\x11\xa5\xa7&amp;\x13\xe9-x\x84\xaa+\x87\xbdz&amp;i\x9aVWW\x1f\xccW\x0eQ\xff\x8d\x13\xd4\xf5\xdf\x14B\xbf\x1a\x18cuuu\x07\x0f\x1c "OL\x14\x11\x0b\xc6\x034XHOL\x14\x11UWW\x1f8p\x80\x82\xac9S\x1b\xb3o\xdf\xbe\x1f\xaeg\xa6$\xb6\xec\xf5Lu\xe50\xb1\xcb\xf9\xd1Q\x91DTX\xb8\x8d\x82l\x8f\x11\xea\xff\xf4\x04u\xfd7\x85\x10\x0f\x005\x90WSSSt\xa0\x88\x88\xd2z&amp;\x92\xe6\x90\xb8\t\xfe\xc70\xc6\x88xZj\x12\x11UW\xd7\x14\x15\x15QP\x1e\x00\xbbw\xef""\x87\xc3\x11\x1f\xef!\xd1\xc2\xc3\xd9\x92\x8b\xf0\xc8\xf0\x98\x98VD\xb4{\xf7n\n\xb2+\x87\xa8\xff\xc6\xb3J\xfd\x07V\x88\x07\x80\xc2\x18s8\x1cDd\x9a\xc15&gt;\x1b\x84\xfc\xbbH\xed\xb1\xa0\xa2\x8e\xc6\x1d;v\x10\x91\'&amp;\xaa\xeb\x05\xe7Q}K\xaeh\xc6\x18\x93\xa6\xd9*\xde\xd3\xf5\x82\xf3\x88h\xc7\x8e\x9d\x14d\x01\xa0\xa0\xfe\x1b/\x98\xeb\xbf)\xd8"\x00\xc8?\x06\x1at\xc7f\xd0\xf1\xef\xa2\xa0\xed\xfb8\x9dN"\x92R\x06\xcb\xe5\xd6\x13[\xa26,8\xa1\xfe\x1b)\xf8\xeb?\xb0\xec\x12\x00\x10z\x82\xe7\x10\r\x9e-\x018-v\t\x00ub\x8e\x03\xf5\x17\xf9wQ\x10\x0ee(\xa6i\x12\x91\xa61\x87aP0|\xa1\x9a\xe60\x0c:\xb1a\xc1\t\xf5\xdfH\xc1_\xff\x81e\x8b\x00\x90R\x9a\xdc$"\xa7=\xc6\xf5\xce\x86\x7f\x17\x05ms\x16\x17\x17OD\xc7\x8f\xd7\xec?PBNG\x0b6jRJ\xa6\xeb\xb5\xe5UE\x07\x0f\x13Q\\\\\\Km\xc9\xcfC\xfd7^\xf0\xd7\x7f`\x85~\x00H)\x1d\x0eGtT4\x11\xed\xd8\xbd\x9f$\x16B\xf9\x19\xda\x8e\xdd\xfb\x89\xc8\xe1pDGGS\x90\xf5\x83\xd4\xc6\xf4\xe8\xd1\x83\x88\xaakj\x0f\x15\x1f!\xc3h\xd9N-\xd3\xb5\xba\xca\xe3\x07\x0f\x1d%\xa2\x1e=\xbaS\xf0=H\x04\xf5\x7f:\x82\xba\xfe\x9bB\x88\x07\x00cLJ\x19\x19\x19\x99\x98\x98DD;w\x1f i\x86\xfawz\x86\xa4\x94D\xda\xce]ED\xe4\xf1\xc4$&amp;&amp;R\x90\x1d\x00jc\xda\xb6m\xe3v\x87\x11\xd1\xb6\xed{\x89Zr\xd1v)%\xb9\x1c{\xf6\x1f:^]MD\xe7\x9csnKm\xc9OA\xfd7^\xf0\xd7\x7fS\x08\xf1\x00\xf0S\xcf\xed\x0b\x0bs\x12\xb3\xcb\xaf|f\xdca."\xe2\x9c\x07\xe1\xc2\x96\xeah\xec\xd4\xa9s\x9b6m\x88\xe8\xbbM[\x89d\x0b\x1e\xa1BH\xd2\x9cy\xf9\xdb\xbd^\x9fa\x18\xe9\xe9\xe9\x14\xac\xb7\xda\xa2\xfe\x1b)\x98\xeb\xbf)\x84~5\xa8S\xf2\xd4\xd4T"*\xdc\xb1\xff\xf8\xd12f`=\xf4\x1f\xa1\x166\xd8\x98WHD]\xbat\x8d\x8a\x8a\n\xb6\xf5\xb0\xd4z\xcbn\xb7;--\x9d1\xb6\xee\x9b&lt;oU\x95f\xb4\xd8-\xfb\xea\xc2\xea\xaa5\xdf\x11Q\xfb\xf6\xed\xbbv\xedJ\xc1\xd7gD\xfd7R\xf0\xd7\x7fS\x08\xfd\x00P\xda\xb5kKD\xe5\xe5U5U5\xac\xb9\x1e\x1de-L#\xc1\xcd\x92#\xa5D\x94\x90\x90`\x04e3\xa16i\xc4\x88k\xa4\x94\x85;\xf6n\xfc&amp;\x8f\xdcn\xce[`\xd8]J\xa99\x1d\x95%\x87W\xac\xfa\x86\x88\x06\r\xba\xacU\xabV\x9c\x07\xe9\x08;\xea\xff\x17Y\xa2\xfe\x03.\xf4KA\x1d\x90))=\x89\xa8\xa2\xb2\xaap\xc7^r9\x05\xee\x86\xff_RJ\xcd0\xaa\x0e\x97\xee\xdcYD\xc1z=\x93N\x0c\xb0\\z\xe9\xc0\x88\x88\x08\xce\xf9\xfb\x1f\xafb\xba\xabE\x0eT\xc1%\x0b\x0f_\xf3\xe5\x86\xa2\x03%D4t\xe80\n\xcay\x96\xa8\xff\xc6\xb0J\xfd\x07\x9c]\x02\xa0c\xc7\x8eaaaB\x88M\xb9\x85x$\xde\xa9\xa4\x94\x14\xe6\xda\xb5k\xff\x91\xa3\xa5D\xa4\xae\x19\x06!M\xd38\xe7]\xbat\x194h\x10\x11\xcd_\xf4\xe9\xb1\xfd\xfb\xf50g\xf3\x7f\xa1L#2\xf9\xf4Y\x0b\x18c\xed\xda\xb5\xfb\xf5\xaf\x7fMDA\xb8\x84$\xea\xbf1\xacR\xff\x01g\xa3\x00h\xdf\xae\x1d\x11m\xcc\xdd\xd6\xb2W\x0e\x83\x93\x10\x924#o\xf3\x0e\x9fi:\x1c\x8e^\xbdzQ\xb0^\xcfT&amp;M\x9a\xa41V\\r\xec\xe5W\x162w\xabf\x1e\x05\xe2\\\xb0\xc8V\x9fg\x7f\xb9b\xd57R\xca\xf1\xe3\'\x04\xed\xf8\x0f\xea\xbf1,W\xff\x81\x12\xfa\xbf\xa1zF\x87\xdb\xedNLJ"\xa2\xafs\xf2\xbcUUZ\xf0\xf5\xd4Z\x96j\x11&gt;_\xf3\x1d\x11\xc5\xc5\xc5v\xee\xdc\x99\x82\xefz\xa6\xa2\xeb\xba\x94\xf2W\xbf\xfaUr\xb7d\xc6\xd8\xcc\xac\xf7\xca\x0e\x1e\xd4\x9a\xfb$@2\xc6\x9e\x9a\xfa:c\xcc\xe5r\x8d\x19s;\x05\xeb\xeeB\xfd7\x86\x85\xea?\xb0B?\x00\xe8\xc4X^FF\x06\x11\xed\xda}`\xcf\xf6\xbd\xcc\xed\xc20hC\x9a\xae\xfb\xaa\xaa\xd6\x7f\xbb\x99\x88\xbau\xbb022R=}\xa5\xa5\xb7\xeb\xc7\t!\x0c\xc3\x98&gt;}\x86\x94\xf2\xc8\xd1\xb2?=\xf1\xb2\xd6\x8c\'\x01\xdc\xe4z\x8c\xe7\xbd\xb7\x16\x7f\xfe\xe5wR\xca\x87\x1f~\xb8s\xe7\xce\x9c\xf3\xa0\xed0\xa2\xfe\x7f\x91\xb5\xea?\x80\x82\xb4d\x03K}\x91\xc3\x87\x0f7\x0c\xa3\xae\xbe~\xed\xfa\xef\xc9p\xda\xe1\nO#\t!\x99\xdb\xb5s\xdb\x9e]{\x0e\x10\xd1UW\r\xd74-\x98\xf7\x8f\xae\xebB\x88\xa1C\x87\x0e\xbd\xe2\n"\x9a\xf5\xfa\xbf\x96\x7f\xb4\xcc\xf0D\x9b\xbe&amp;\xbf}_\x08\xa1\xb9]%{\xf6\xdf\xfb\xc8\xf3R\xca\xd6\xad\x13\x1e|\xf0A)e\xd0\xb6\xfe\x84\xfa\xff%\x96\xab\xff\x00\n\xde\xaa\r up\xa6\xa6\xa6\xaaa\xd0\x8f\x97|IR\xd8 \xdd\x1bK\x08!\rW\xf6\xcauuu\xf5\xba\xae]~\xf9`\xb2\xc2\xf9\xaf\x94r\xd6+\xaf\xc4\xc6z\xa4\x94\xb7\x8f\xff\xf3\xe1}\x07\x8d\xc8\x08n6\xe1\xfd;RH\xa9i\xcc\xe5\xbam\xec\x94\xc3GJ\x89h\xe6\xccY\xb1\xb1\xb1A\xde[D\xfd\xff&lt;\x8b\xd6\x7f@\xd8"\x00\xd4\rD\xe1\xe1\xe1\x97\x0f\x1eLD\xdfn,8~\xb4To\xd1u\xc4\x82\x8a\xc6\x88I\xbe\xea\xcb\xef\x18cIII\xdd\xbbw\x97R\x06\xe1\x84\x96\x86T\x1f\xed\x82\x0b.\x98=;\x8b\x88\x8a\x0f\x1f\x1bq\xfd\xbd\xe5e\x95z\xb8\xbb\x89\xee\xe1\x94B\n\x8d\xe9\xad"&amp;dNY\xbe\xea\x1b"\x9a4i\xd2\x8d7\xde\xc89\x0f\xf2}\x85\xfa\xffyV\xac\xff@\xb1E\x00\xf8\xfd\xf6\xb77\x12\xd1\xfe\xa2\xe2\x0f?\xfc\x8c\xdc\x11\x1c\xc3\xa0DBH-\xc2\xbd\xfd\xfb\xad+V\xad\x97R^}\xf55.\x97\xcb\x12\xf7\xc1\xeb\xban\x9a\xe6\r7\xdc0i\xd2$"\xfaf\xc3\x96\xcc\xb1\xbf\xaf\xaa\xf3\xeaaa\x01?\x0f\x10\\\xa8\xd6\xff/\x7f~)\xeb\xcd\xc5Dt\xf1\xc5\x17O\x9b6-\x98\x87\xfeO\x85\xfa?\x95u\xeb? ,S\xbbg\xc9\x7f\x03\xd19\xe7t`\x8c\x16\xbd\xbf\x8cHh\x84\x03\x80\x84\x10\xe4p\x7f\xf8\xe9\xe7\xd55\xb5\xba\xae\xdfp\xc3\rd\x9d\xf3_\x95\x01\xd3\xa7O\x1f?~&lt;\x11-\xfe\xf4\x8b!\x97\xdf^Z^\xa5\xc7D\x99&gt;3P=\\\xd34\xb50\x97\xea\xfb\xff\xf1\x99W\x88(##\xe3\x93O&gt;\xd14M\xd34K\xec+\xd4\xffO\xb1t\xfd\x9f=\xbb\x04\x00c\xcc4\xcd\xc8\xc8\xc8\x9bF\xdd$%\xad\xfa\xf2\xdb]\xf9\x85,\xc2\x8d\xb9\x10\xba\xa1\x99\xd5U\xf3\x17\xfd\x871\x96\x91\xd1;##C\x08a\x95\xf3_\xc6\x98\xba &lt;{\xf6l\x95\x01\xdfl\xd8r\xf1\x80[\xd6~\xfe\x8d\x11\x1b\xcf\x183M~6)\xc09\x17\\\x18\x9e\xd8C%G\xae\xbc"S\xf5\xfd322\xb2\xb3\xb3ccc-\xb4V\x0c\xea\xff\xa7X\xba\xfe\xcf\x9e]\x02\x80Nt\x82\xee\xc8\xcct:\x1c\xd5\xd5\xb5o-\xfc\x949\xc2\xa5=\xae\xf5\xff\x14\xce\x05k\xd5\xea\xcbU\xeb\xf36\xef\x90R\x8e\x1d{\xa7\xe5\xe6?0\xc6\xd4\x18\xf7\xec\xd9\xb3\xef\xba\xeb."*\xdc\xb9o\xf0\x95\xe3\x9f\xfc\xe34/c\x86\'\x86id\x9a\xfc\xb4\xce\x06\xa4\x94\x9cs!\x84\x1e\x1d\xa9E\xb5Z4\xff\xdf\x19\x17\xdf\x9c\xbd\xf2k"\xea\xdf\xbf\x7fvv\xb6\xc7\xe3\x11BXh\xf0\x87P\xff?&amp;\x04\xea\xff,1[]\x08R\x07\xed\x15W\\\xb1r\xe5\xca\xf8\xf8\x98\xfc\x9c\x7f%\xb4\x8e%\x9fi\x95~\\\xc0\t!d\x98{\xe8\xb0\xb1\x9f}\x91\xd3\xb6M\x9b\xbc\xfc|\xf5X+\xcb\xed\x10\xf5\x8cx]\xd7_\x7f\xfd\xf5G\x1e~\xb8\xbc\xa2\x82\x88R\xbaw\x99|\xffm\xb7\x8e\xba\xda\x19\x1dEu5\xa2\xce+\xa4d\x8ci\x1a\xa3\xff\xfd\x1d\xd5Q \xa4\x94B2"\xdd\xe9\xa0\x88p\xe2|\xf9\xb25\xd3\xfe&gt;o\xd9\x8au\xeam\x93&amp;Mz\xfe\xf9\xe7\r\xc3\xb0\\\xeb\xaf\xa0\xfeO\x122\xf5\x7f\xc6\xacW\xc4gC\x1d\xe7\x93\'O\x96R\x1e9R\xf6\xf6\x82\x8f\x99;\xaaI\'\x0e\x063\xce\x85\x16\xd5\xea\xfb\xf5\x9bV\xad\xfe\x96\x88n\x1d=:&gt;&gt;&gt;8\xd73\xf8Ej,\x88s&gt;n\xdc\xb8\x95\x9f}\xd6\xaf__"\xca\xdb\xbcc\xec]\x8fg\x0c\xb8\xe5\xf5W\x16\x14\x15\x1d\xd6\xa2[\x19\x1e\x8f\x1e\xdd\x8a9\x1dL\xd7\x05\x17?\xe0\x82i\x1as\x18z\xab\x08\xc3\x13\xa3{b*\x8f\xd7|\xf4\xc1\xb2+\x87\x8f\x1fz\xd5]\xaa\xf5\xef\xd0\xa1\xc3?\xff\xf9\xcf\xe9\xd3\xa7\xabE"\xad\xd8\xfa\x13\xea\xff\x7f\x85R\xfd\x9f1{\x9d\x01\xa8_\xb6\xae\xae.==\xbd\xb0\xb0\xb0\xeb\x05\xe7\xad_\xb3 2\xc2\xcdl\xf6\xad+\\\x08\xbdU\xab\x9bFMz\xf7\x83\xe5.\xa7s\xc3\xc6\x8d\xc9\xc9\xc9\xd6m\xdd\x145)\xd34\xcd\xb7\xdez\xeb\x89\xc7\x1f\xdf_</t>
        </is>
      </c>
    </row>
    <row r="484">
      <c r="A484" s="1" t="n">
        <v>482</v>
      </c>
      <c r="B484" t="inlineStr">
        <is>
          <t>color_size_circle</t>
        </is>
      </c>
      <c r="C484" t="inlineStr">
        <is>
          <t>What is the missing color of the part denoted with a question mark?</t>
        </is>
      </c>
      <c r="D484" t="inlineStr">
        <is>
          <t>['dark red', 'light orange', 'light green', 'dark green']</t>
        </is>
      </c>
      <c r="E484" t="inlineStr">
        <is>
          <t>dark green</t>
        </is>
      </c>
      <c r="F484" t="inlineStr">
        <is>
          <t>There are circles of various sizes and colors in the image. The circles are ['large', 'extra large', 'medium', 'small'] size, and their colors are ['light green', 'very light green', 'medium green', '?'].</t>
        </is>
      </c>
      <c r="G484" t="inlineStr">
        <is>
          <t>We observe that the largest circle is very light green color, and the smaller circles change color from light green to medium green. Hence, the pattern is that the circles become darker as they become smaller.</t>
        </is>
      </c>
      <c r="H484" t="inlineStr">
        <is>
          <t>Based on the pattern that the circles become darker as they become smaller, the missing color of the smallest circle denoted with a question mark should be dark green.</t>
        </is>
      </c>
      <c r="I484" t="inlineStr">
        <is>
          <t>b'\x89PNG\r\n\x1a\n\x00\x00\x00\rIHDR\x00\x00\x02\x00\x00\x00\x02\x00\x08\x02\x00\x00\x00{\x1aC\xad\x00\x00\xe9\xa2IDATx\x9c\xec\x9dwxT\xc5\xfa\xc7g\xe6\xb4\xed\xd9t\x12 \x9d\x90@\x02\x08\xa1#E\x8a\x804\x05\xb1\xa1 \xf6\xde\xc5r\xef\xb5\xff\xee\xc5\xde\xbb(EE@\x11\x04\x0b\x88\x14\xe9\x1d\x02\x04\x02\xa4P\x12\xd27\xdbO\x9b\xf9\xfd1a\x8d\x14\xc5Ff\x93\xf3y\xees\x9f=+\x84\xc99g\xde\xef\xcc\xdb\x06\x12B\x80\x81\x81\x81\x81A\xcb\x035\xf5\x00\x0c\x0c\x0c\x0c\x0c\x9a\x06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c5\x10\x00\x03\x03\x03\x83\x16\x8a!\x00\x06\x06\x06\x06-\x14C\x00\x0c\x0c\x0c\x0cZ(\x86\x00\x18\x18\x18\x18\xb4P\x0c\x010000h\xa1\x18\x02````\xd0B1\x04\xc0\xc0\xc0\xc0\xa0\x85b\x08\x80\x81\x81\x81A\x0b\x85o\xea\x01\x18\x18\x9c\'\x08!\xe7\xf8\'!\x84\xff\xe8H\x0c\x0c\x18\xc1\x10\x00\x830&amp;d\xd31\xc6\xa7|\x03!ll\xc7O\xb9\xfc\xdd\x1f\xdbX-\x1a_\x86~\x08B\xe8\x94o\x0c\x0c\xc2\x0ex\xee\xcb"\x03\x83\xa6\x82\xbe\xa5\xd4\xca\xd3\xcf\xd4\xa0\x87\xac\xf0\xb9PWW\x07\xe1\xef\xbc\xf0\xf4\x0fDFF\x9e\xfb\x8f\xc5\x18\x87\x14\x82\x8a\x01\x1d\x95!\x0c\x06\xecc\x08\x80\x01s\x90F\x00\x00 \x84\x1c\xc7\x9d\xf1O\xea\xba\xeev\xbb1\xc6{\xf7\xee\xd5u]\xd3\xb4\xcd\x9b7\xab\xaa\n!,---))\tY|\xaf\xd7{\xe8\xd0\xa1s\x1c@FF\x86\xcdf\x03\'\xf5 %%%99\x99\x10"\x08B\x8f\x1e=x\x9e\xe78\xaec\xc7\x8e\x08!\x87\xc3\xf1\x1bck\xacU\x7fh\x0bb`p~0\x04\xc0\xa0\xe9!\x84\x84V\xf7\x08\xa1\xd3\xd7\xf5\xba\xae{&lt;\x9e\x83\x07\x0fz\xbd\xde]\xbbv\xd5\xd7\xd7\xef\xda\xb5\xcb\xe5rUTT\x94\x97\x97\x13B\\.\xd7y\x1e\xb3\xd3\xe9\x84\x10&amp;$$\xc4\xc7\xc7;\x9d\xce\xce\x9d;GDDt\xee\xdc\xd9f\xb3\xb5k\xd7\xcen\xb7\x9f.\x0c\x18c\x8cqh\x97`\xe8\x81A\x93c\x08\x80A\x13\xd0x\x8d\x7f\xba\xc5\x0f\x04\x02\xd5\xd5\xd5\x87\x0e\x1d\xda\xbd{wUU\xd5\x96-[\x8e\x1e=z\xe2\xc4\x89\xba\xba\xba\xa6\x1a\xf0\x1f"22\xb2U\xabVm\xdb\xb6\xed\xde\xbd{lll\xa7N\x9d222bbb\xccfs\xe3?\x16\xd2\x03c\x7f`\xd0T\x18\x02`p\x9e\xa0\xcb|B\xc8\xe9.\x9d\xfa\xfa\xfa\xc2\xc2\xc2c\xc7\x8em\xdf\xbe}\xf3\xe6\xcd\x05\x05\x05555~\xbf\xff\xdc\x7f\xb8\xc9l2\x99$\x8cqrj\xb2#\xc2\xaei\xba\xc3i\xef\x90\x9b\xad\xeb:\x04\x10\x00\xc0\xf1\\\xa7\x0brxA\xf8\xdd\x18\x80\xa6\xaa\xbbw\xec\xd15\x1d\x00@\x00\xe18n_~\x81\xdb\xe5\xe1y\xce]\xef)-.E\x08\x05\x83r0\x10&lt;\xf7\xe1Y,\x96\xe8\xe8\xe8\xec\xec\xec\x1e=zt\xed\xda\xb5M\x9b6\x99\x99\x99\x11\x11\x11\x8d\xff\x0cu\x19\xd1\xc0\x86!\x06\x06\xe7\x07C\x00\x0c\xfeA\xcef\xf4u]/,,\xdc\xbf\x7f\xff\xf6\xed\xdb7l\xd8\xb0k\xd7\xae\xea\xea\xea\xdf\xfdi\x1c\xc7\xd9\x1d\xf6\x98\xd8\xe8\xf8\x84\xb8\xf8\x84\xf8\xa4\xd4\xb6f\x8b\xb9c\xa7l]\xd7\x93S\x93\xed\x11v]\xd3\xa3c\xa2$\x93\x841F\x08\x89\xa2\xd0(\x95\x07h\x9a\x06\xc0\xb9\xbc\xed\x90\xe7yp\xd2\x02C\x00\x14E\xa5?P\x0e\xca5\xd5\xb5\x1c\xcfy\xea=\xa5\xc5\xa5\x1c\xc7\xed\xdd]\x10\xf0\x07\x8e\x14\x1f\xad(\xaf\xa8(\xaf\xac\xae\xaa\xf1\xb8=\xba\xae\xff\xee\xbf\x11\x13\x13\xd3\xb9s\xe7\xde\xbd{w\xed\xda5+++33\xf3\x94\xfbc\x88\x81\xc1y\xc0\x10\x00\x83\xbf\x1fj\xf4\x01\x00\x8d\x8d\x9a\xdf\xef\xdf\xb3g\xcf\xfa\xf5\xebw\xef\xde\xbdi\xd3\xa6\xc2\xc2BM\xd3B\xff\xf5\xf4\xfc\x1c\xbb\xc3\x16\x9f\x10\x1f\x9f\x10\x9f\x9e\x99\x96\x92\x96\xd4.+#:&amp;\xbaUb\xbc\xc9l\x8ap: \x84&lt;\xcfcL4M\x83\x10(\xb2\xaa\xeb:\x84PUU\x82\t\x80\x00\x10\x80\tn\xfc\x03\xffP\x1ah\xe3K\x04\x11\xfd\x81\x10AA\x10\x08!\x1c\xc7\x89\x92@\x08\xe0y\x1e!\xa8i\x1a!\xa4\xde\xe5\x0e\x06\x82\'\xca*j\xaak\x0e\xee?TRt\xe4paQEyEEy\x85\xc7\xed=e$\x8d\xff\t\x9e\xe7333{\xf6\xec\xd9\xa9S\xa7&gt;}\xfa\xe4\xe4\xe4X,\x96\xd0\x7f\xa5r\xf2GS\x9e\x0c\x0c\xce\x05C\x00\x0c\xfe\x1eB\x8b\xfd\xc6&gt;}]\xd7\xb7o\xdf\xben\xdd\xba\x9f\x7f\xfey\xeb\xd6\xadG\x8e\x1c\t\xfdy\x08\xc1)\xaf^TLTFfZ\x87\xdc\xec\x0e\xb9\xd9I\xa9m\x93\xd3\x92#\xa3\x9c6\xbb\x8d\xe38\x88\xa0\xa6j\xba\xa6\xa9\xaa\x861\xd65\x9d\x00B\x08\x81\x00\x02\x08\x01 \xe7-+\xff\xd7\x95\x07\x10\x10B\x00\x81\x10B\x009\x9eC\x08\t\x02\xcf\xf1&lt;/\xf0\x04\x13]\xd7\xbd\x1eo]\xad\xab\xb4\xa8\xf4H\xf1\xd1}\xf9\x05\xfb\xf2\x0b\x0e\x15\x16\xd5V\xd76\xfe\x99\xa7\xdc\x8a\xa4\xa4\xa4\xbc\xbc\xbc\x0b/\xbc\xb0o\xdf\xbe]\xbbv\r\x89h(f`l\x0b\x0c\xfe.\x0c\x010\xf8K\x84\xec&gt;\xcf\xffRTx\xec\xd8\xb1\xcd\x9b7/Y\xb2d\xd3\xa6M\xfb\xf6\xed\x0b}\x7f\xca\xca\xd7\x19\x19\x91\xd9!\xb3Cnv\x87\xdc\xacvY\x19I\xa9I11Q\x92\xc9D\x08\xd15MV\x14]\xd3\xa9\xad\x07\x84fS6\xd8w6\xcd\x1f\xfd\xd5\x1a\x92W\t\x01\x10PU\xe0xN\x12E\x8e\xe7!\x84r0X]]{\xa4\xf8\xc8\xc1\xfd\x87\xf6\xe5\xef\xdf\x97_P\xb8\xaf\xd0UW\x1f\xfa!\xa7\xdc\xa2\x0e\x1d:\xf4\xec\xd9s\xd4\xa8Q=z\xf4h\xd3\xa6M\xe8{M\xd3\x0c%0\xf8\xeb\x18\x02`\xf0g8\xdd\xee\xd3\xc5\xfe\xea\xd5\xab\xbf\xff\xfe\xfb-[\xb6\xb8\xddn\xfa\xfd)\x16\xadu\xdb\xc4\x9c.\x1d\xbb\xf7\xce\xeb\x90\x9b\x95\x9e\x99\x9e\xd0\xba\x95(\n\x84\x00UU\x15Y\t9p \x80\x10A\x08 \x08w\xfbF\x00\x01\x84`Be\x8c:\x91DI\x14\x04\x01B\xa0(j\xf9\xf1\x13\x87\x0b\x0f\xef\xcb\xdf\xbfe\xc3\xd6=;\xf7\x1e?Z\x16\xfa\xab\x8do\x9d\xc3\xe1\xe8\xde\xbd\xfb\xf0\xe1\xc3\x07\x0c\x18\xd0x[`(\x81\xc1_\xc1\x10\x00\x83?\xc0\x19\xed\xfe\xa6M\x9b\x16.\\\xf8\xed\xb7\xdf6^\xec7\xa6u\xdb\xc4\xdc.\x1d\xbb\xf7\xce\xbb\xa0G\x97\x8c\xf6\xe9\xd11\xd1\x1c\xc7i\x9a&amp;\x07eEQ\x1a,~\x8bI\x85\xfc\xa5\xc6\x8d\x00\x88\xa0(\x8a\x92I\xe2y^\xd7\xf5\x9a\xea\x9aC\x07\x0e\xef\xd8\xbcs\xcb\x86\xad\xf9\xbf\x16\x83\xc6t\xe8\xd0a\xe4\xc8\x91\x97^zi\xcf\x9e=\r%0\xf8+\x18\x02`pNP\x07\xf4o\xdb\xfd\xc6+V\x9b\xdd\xd6\xa9kn\xff\x8b\xfa\xf6\xec\xd7#=3\x8d\x1a}EQ\xe4\xa0\xac\xaa* \x00B\x08Q\x8b\xb0\xf8\xbf\r!\x84`B\x08\x01\x10\x08\x82 \x99$Q\x14\xa9\x18\x1c.,\xda\xb4v\xf3\x9a\x9f\xd6\xed\xde\x9e\xef\xf54\x84\x91\x1b\xdf\xe4\xb3)\xc1\x19\x8b\xe9\x0c\x0cN\xc7\x10\x00\x83\xdf\x82.\xf9C\xeb\xca\xdf\xb5\xfb\xed\xb22.\xc8\xeb&lt;\xe8\xe2\x81\xb9]:&amp;\xa7%\xf3\x02\xaf*\xea/F\x1f\xb5\x94e\xfe\x9f\xa3ak\x80\x7f\x11\x03A\x144U+-*\xcd\xdf\xb9w\xe5\x0f\xabvl\xddup\x7fCC\x8b\xdfV\x82S\x1e\x9c\x81\xc1\x191\x04\xc0\xe0\xcc\xd0\xec\xc3\xd0\xbar\xdf\xbe}\xdf~\xfb\xed\xec\xd9\xb3w\xef\xdeM\xbfA\x08\x85zp\xb6k\x9f1\xe8\xe2\x01CG\x0e\xee\xd45\xd7\x11\xe1 \x84\x04\x03AY\x96\t&amp;\x86\xd1\xffs\x84\xc4\x00"(I\x92\xc9l\x82\x10\xba\xeb\xdd\xbb\xb7\xe7/\xffv\xc5\xca\x1fV\x1f&lt;\xd0\xa0\x04\x8d\x1fD\xa7N\x9d\xae\xbd\xf6\xda\x91#Gv\xe8\xd0\x81~s\xcas40h\x8c!\x00\x06\xbf\xe2\x94\x95\xa3\xdb\xed^\xb4h\xd1\xec\xd9\xb3W\xae\\I\xd3\xf6\x1b\x9b\x9b\xae=.\xb8x\xf4\xd0\x1e}\xf2\xb2s\xb2"\xa3\x9c\x8a\xa2\xfa}~jq\x8c\xb5\xe7\xdfH\xa8W\x12\xc7q\x16\xabE\x14\x85\xbaZW\xc1\x9e\xfd\x9b\xd7o\xfd\xe1\x9b\xe5\xdb7\xef\xa0\x7f,\xf4hx\x9e\x1f4h\xd0\xb5\xd7^;v\xecX\x87\xc3\x01\x8c\r\x81\xc1Y0\x04\xc0\xa0\x01\x1a\xdd\r-\x15\xd7\xaf_\xff\xc9\'\x9f|\xf7\xddw\xc7\x8e\x1d\x03\xa7\xac\xf7\xb32\x06\x0e\x1d0\xec\x92\xc1y\xbd\xbb\x99-fEV\x02\x81\x80\xa6\xea\x08\x19\xc5J\xff8\x18c\x8c\t/pf\xb3Y\x94\xc4\x80?\xb0u\xc3\xb6eKW\xacZ\xbe:\xe4\x1d\n=\xac6m\xda\x8c\x181b\xca\x94)}\xfa\xf4\xa1\xff\x89\x96\xcb\x19\x8f\xc9\x80b\x08\x80\xc1\xaf\xbc\x04\xa1%\xff\xf2\xe5\xcb\xe9\x7f\rY\x93V\x89\xad\x06\x0e\xed?\xe1\x9aKs\xbb\xe4DDF\xa8\x8a\xea\xf3\xfat\x1d\x1bv\xbfI\xa0J\xc0q\xc8j\xb3\n\xa2P_W\x9f\xbfs\xcf\x82O\x17\xaeZ\xbe\xe6D\xd9\t\xf0k\xcd\x1e:th\xe3\r\x81\xe1\x172\xa0\x18\x02\xd0r9\xc5-\xb0\x7f\xff\xfe/\xbe\xf8\xe2\xc3\x0f?\xa4K~\x8e\xe3\xa8\x99\x10%q\xc0\xe0\x0b\x87\x8f\x1e6\xf4\x92\xc1\xb1\xf11\x9a\xa6\xfb}~M3\xd6\xfb\xac\xd0\xb0\'\xe09\x8b\xd5\xc2\xf3\\UE\xf5\xf2\xa5+\xbe\xfff\xd9\xea\x15?+\xb2\x02\x1a=\xca6m\xda\xdcx\xe3\x8dW\\qEVV\x160\xfcB\x06\x86\x00\xb4L\xe8\xcc\x0f-\x00\x97/_&gt;g\xce\x9c/\xbe\xf8B\x96e\xd0h\xe5\x98\xde.m\xf4\x84KF]62;\xa7=D\xc8\xe7\xf1\xd1\xb3V\x0c\xbb\xcf&amp;\xd4\x89\'\x08\x82\xd5n%\x18\x17\xec9\xb0\xe4\xabo\xbfY\xb0\xf4\xf0\xc1"\xd0\xe8\xb1J\x92t\xc5\x15WL\x9a4i\xe8\xd0\xa1\xf4/\xea\xban\xc8@\xcb\xc4\x10\x80\x96Ec\xd3\xaf(\xca\xf7\xdf\x7f\xff\xe6\x9boRoO\xc8@ \x0e\xf5\x1d\xd0\xfb\xba\x9b\xae\xe9;\xb0OTtT0\x10\xa4\x9d\x99\r\x1b\x11\x16\x84"\xc6\x16\x8b\xc5d6\xd5\xd6\xd4\xae[\xb5~\xd6\x07\x9f\xae[\xbd\x01\xeb\x184z\xd0C\x87\x0e\xbd\xf3\xce;\x87\x0f\x1f.\x8a"0d\xa0Eb\x08@K\xe1\x14\xd3\xff\xe9\xa7\x9f\xbe\xfc\xf2\xcb{\xf6\xec\x01\x00\xf0&lt;O3|bb\xa3/\xbbj\xdc\xd8\xcbG\xe7v\xe9\xc8\x0b\xbc\xd7\xe3\xd3T\r\x1a\xae\x9e\xf0\x04cL0\xe1\x05\xdef\xb7j\xaa\x96\xbfs\xef\xa2\xf9\xdf|\xf5\xf9\xd7\xd5U5\xa0\xd1C\xcf\xc9\xc9\xb9\xff\xfe\xfb\xaf\xb9\xe6\x1aC\x06Z \x86\x004\x7f\xce\xc5\xf4gf\xb7\x9bp\xcdec/\x1f\x95\x9a\x9e\x12\xf0\x07\xfc\xfe\x00!\x84C\\\xd8\xb7\xe21 @\xc7:\x84\xd0b1\x9b-\xe6\xe2\xc3%\x8b\xe6/Y\xf0\xe9W\x85\x05\x07\x81!\x03-\x1eC\x00\x9a3\xbfa\xfa\x05APU\x15\x00p\xe1\xa0\xbe\x97^9v\xc4\xd8\x8b\xa3b\xa2\xbcnO0(\x1b\x8d\x04\x9a%\xb4\x99\x87\xc9$\xd9\x1c\xf6\xda\xea\xda\xef\x16\xfd\xb0p\xee\xa2\x9fW\xae\x03\x8d^\x06C\x06Z\x1a\x86\x004[t]?\xa3\xe9\x0f\xb9\x80\xfb\r\xea{\xcb=7\x0c\x18r\xa1 \x08\x1e\xb7GU5\x8e\xe3\x8c\xd9\xde\xbc!\x84\xe8\xba.\x08\xbc\xddaWUu\xf5\x8f?\xbf\xf7\xdaGkW\xae\x03\x8d^\x8c\xd3e\xc0H\x18m\xae\x18\x02\xd0\x0c\t\x15\xfb\x9cb\xfai:\xa0 \x08\xa3\xc7_r\xe9\x15c\x06\x0c\xbd\x10!\xce\xe3\xf6\x10L8\xde\x98\xe1-\x0b]\xd3!\x82v\x87\x1dc}\xf5\xf2\x9f\x17~\xb1\xf8\x9b/\x97\xaa\xaa\x1a\xca\x19m,\x03\xa7\x14\t\x1a4\x1b\x0c\x01hV4\x9e\xa8s\xe7\xce}\xee\xb9\xe7\x1a;|\x04A\x18w\xc5\x98\x1b\xee\x98\xd2\xb9[\']\xd3&lt;n\xaf1\xab[8t\xad`w\xd88\x9e\xdf\xb5m\xf7Go}\xf2\xf5\x17\x8b\xe9\xab\x12r\n=\xfe\xf8\xe3W^y%0\xaa\x88\x9b#\x86\x004\x13\x1a\xbb\xfbW\xacX1}\xfat\x9a\xdc\x19\x9a\xc9\xa3\xc7_r\xd7\xc3\xb7\xe7v\xe9\xa8\xc8\x8a\xcf\xeb\x07\x10r\x9c1\x93\r\x00\x00@\xd71 \xc4j\xb3\x88\x92\x98\xbfs\xef\x1b\xcf\xbf\xfd\xcd\x97KA\xa3\x97g\xe8\xd0\xa1\xd3\xa6M\x1b&lt;x00\x02\x03\xcd\x0bC\x00\x9a\x03!/\xed\x9e={^y\xe5\x95\x193f\x80_\x87yo\xbe\xe7\x86\x81C\x07`\x8c\xbd\x1e\x9fQ\xc1kpFhE\xb1\xcdnE\x08\xadZ\xbe\xfa\xfd\xd7&gt;:%D&lt;u\xea\xd4\xfb\xee\xbb/\'\'\x07\x18\x81\x81\xe6\x82!\x00\xe1MC\xe9\x16B\xf5\xf5\xf5/\xbe\xf8\xe2\xf3\xcf?\xaf(J(\xb7\xafK^\xe7\x07\xff}_\xff\xc1}\x11\xe2&lt;\xf5\x1e\x00\x81a\xfa\r~\x1b\x8c1 \xc0\x1ea\xc7X_\xb3b\xdd\x8b\xcf\xbc\xb2s\xeb.p2aT\x14\xc5\x87\x1f~\xf8\xc1\x07\x1f\x8c\x88\x88\x08\xbd{M=d\x83?\x8f!\x00\xe1Jc\x9f\xcf\xdc\xb9s\x9fx\xe2\x89\xc2\xc2B\x8e\xe3t\x1d\x03@2\xb3\xda\xddx\xe7\xf5\xe3\xae\x18c\xb5[\xdd.\xb7\xe1\xeb7\xf8CPw\xbf\xc3\xe9\xf0y|_\x7f\xb1\xf8\xc37?.\xdc\x7f\x10\x00\xc8qH\xd7\xf5\xcc\xcc\xcc\xa7\x9ez*\x14\x180&lt;B\xe1\x8b!\x00aIc\x9f\xcf\xc3\x0f?\xfc\xddw\xdf\x81\x93[\xf5\xa8\x98\xa8\xebo\xbd\xf6\xe6\xbbot8\x1dn\x97\xdb\xd8\xaa\x1b\xfci\xe8\xcbC_\xa4\xf7_\xff\xf0\xe3wg\xd7V\xd7\x86&lt;B#F\x8cx\xfe\xf9\xe7\r\x8fPXc\x08@\x98\x11Z\xf87\xf6\xf9\x84\xe6\xe4\xe5\xd7\\v\xff\xbf\xeeM\xcbHu\xd5\xb94M\xe7\x8d\xe4N\x83\xbf\x0c}\x91\x9c\x91\xce\xa2C\xc5/?\xfb\xea\xfcO\xbf\x02\'W\x1b\x8d=B\xc6V \x1c1\x04 \x9c\xd04\x8d\x1e\xcb\xfe\xddw\xdf\xdd{\xef\xbd\'}&gt;:\x00\xa0K\xb7N\x0f?\xf9\xc0E\x17\x0f\xf4\xf9\xfc\xc1@\x90\xe7x\xa3\x8b\x83\xc1\xdf\x06\x01\x9a\xae\x99\xcc&amp;\xab\xd5\xf2\xd3\x0f\xab\x9e\x7f\xf2\xa5\x9d\xdbv\x83\x93\x95%\x99\x99\x99\xaf\xbe\xfa\xea\x88\x11#@\xa3W\xd4 ,0\x04 &lt;\x08-\xfc\xcb\xca\xca\x1ex\xe0\x81\xb9s\xe7\x82F&gt;\x9f\xbb\x1e\xba\xfd\xda\x1b\xaf6[L\xae\xbaz\xa3\x9a\xd7\xe0\x1f\x82V\x11;##\x02\xfe\xe0\xec\x0f?{\xe3\x85\xb7\x1b{\x84\xae\xbc\xf2\xca\x97^z)11\xd1\xd8\n\x84\x11\x86\x00\x84\x01\xa1U\xd5\xdc\xb9s\x1fx\xe0\x81\xb2\xb22Q\x14\x15E\x01\x00L\xb8\xe6\xb2\x07\xfeuojzr\xbd\xe1\xee78/\xd0\xd7,\xc2\xe9(&gt;\\\xfa\xd2\xb3\xaf.\xf8\xf4+\x00\x00}!\x13\x13\x13_z\xe9%\x1a\x1c6\xb6\x02a\x81!\x00Ls\xc6\x85?M\xc8KIOy\xea\x85\x7f\r\x1f=\xcc\xeb\xf5\x05\x03Ac\xb2\x19\x9cO4M3\x99M6\x9b\xf5\xfbo\x96=\xf1\xd0\xb3%\x87KB\xc9\xc7\xc6V \x8c0\x04\x80]B+\xfaS\x16\xfe\x1c\xc7\xddv\xff\xcd7\xdf}CLlt]\xad\xcb\xf0\xf9\x184\t\xd4#\x14\x19\xe5\xac\xae\xaay\xff\xf5\x8f\xdey\xf9}]\xd7O\xdf\n\x18\x1bS\x961\x04\x80E\xe8\xd4\xe2y\xbe\xa6\xa6\xe6\xce;\xefl\xbc\xf0\xef\xdc\xad\xd3S/\xfc\xbbO\xff^\xf5.\xb7\xaa\xa8F\x137\x83\xa6E\xd7tA\x14"\x9c\x8e\xf5k6&gt;\xf1\xd03\xbb\xb6\xedn\xbc\x15x\xf3\xcd7\xa3\xa3\xa35\xcdh4\xcb(\x86\x000\x07=\xa7\x1b\x00\xf0\xc3\x0f?\xdc}\xf7\xdd\x85\x85\x85\xa1\x85\xff\x9d\x0f\xdev\xd7\xc3\xb7I&amp;\x93\xbb\xdem\xcc(\x03F\xa0\xeb\x15G\x84C\x0e\x06\xdfx\xfe\x9d7_|\'\xb4\x15\xc8\xcc\xcc|\xfd\xf5\xd7/\xbe\xf8b\xd0\xe8\xc56`\x07C\x00\xd8\x82\x86\xce4M{\xe8\xa1\x87^}\xf5Up2\xbc\xd6\xb9k\xeeS/\xfe\xa7w\xff\x9e\xae\xdazcOm\xc0 \xf4\xb5tFElX\xb3\xe9\x89\x07\x9f\xde\xb5=?\x94\xaap\xef\xbd\xf7\xbe\xf0\xc2\x0b\xf4\xc56\x82ULa\x08\x00+\x84\xdc&gt;\x07\x0f\x1e\xbc\xfe\xfa\xeb\xd7\xad[\'\x88\x82\xaa\xa8\x00\x80\xebo\xbb\xee_\xcf="J\xa2\xbb\xdec,\xfc\r\x98\xe5\xe4V\xc0\xae\xc8\xca\xb3\x8f\xff\xef\xe3wf\x01\x00\xe8k\xdc\xb7o\xdf\x8f?\xfe\xb8]\xbbv\x86;\x88)\x0c\x01`\x82\xd0\xeex\xde\xbcy\xb7\xdf~{MM\x8d$I\xb2,\xc7\xc6\xc5\xbc\xf0\xce\x7f\x87\x8f\x1efdy\x1a\x84\x0b\xa1&lt;\xd1\xef\xbfY\xf6\xd0m\x8fVUV\xd3\x979::\xfa\xed\xb7\xdf\x9e8q"0\xdcA\xcc`&lt;\x83\xa6G\xd34\x84\x90\xa6i\xf7\xddw\xdf\x15W\\QSS\xc3\xf3\xbc,\xcb#\xc6\x0e_\xba\xf6\xeba\x97\x0c\xa9\xa9\xae5\xba\xb9\x19\x84\x0b\x1c\xc7\x11Bj\xaak\x87]2d\xe9\xda\xafG\x8c\x1d.\xcb2\xcdh\xb8\xe2\x8a+\xee\xbb\xef\xbe\xd0\x0b\xdf\xd4#50v\x00M\r\xf5\x8a\x86\xdc&gt;\xa1x\xef\xa3O?t\xeb}7+\x8a\x12\xf0\x07\x0c\xb7\xa9A8\xa2i\x9a\xd9b\x16E\xf1\xddW\xde\xff\xef\x7f^\x08E\x86\x1b\xbb\x83\x8cw\xbbi1\x04\xa0\xc9\x08\x15y\x9d\xe2\xf6INMz\xf1\xdd\xe9\xfd\x07\xf7\xab\xad\xae\x05F\xbfu\x83p\x86\x9e\x19\x10\x15\x13\xb5f\xc5\xda\x07o\x9dVZ|\xe4\x14w\x90Q,\xd6\xb4\x18\xc6\xa5i\xa0\xfd\xd69\x8e{\xea\xa9\xa7~\xed\xf6\xb9x\xd1\xca\x05\xbd\xfb\xf7\xac\xae\xa8F\x08\x19\xd6\xdf \xac\xa1\xefpuEu\xef\xfe=\x17\xad\\0b\xec\xc5\x8d\xddAO=\xf5\x14\r\x08\xd3\x86\x86\x06\xe7\x1fc\x07\xd0\x04\xd0\x9do]]\xdd\xad\xb7\xde:o\xde&lt;\xdaN\x8b\xe3\xb8G\x9e~\xe8\xb6\xfbn\x96\x83\xb2\x1c\x94\x8d\n/\x83\xe6\x84\xae\xe9\x92I\x92L\xd2;\xaf\xbc\xff\xbf\xff\xbc\xa0\xeb:}\xed\'N\x9c\xf8\xee\xbb\xefFFF\x1a\xee\xa0&amp;\xc1\x10\x80\xf3\r\xcd\x918x\xf0\xe05\xd7\\\xb3e\xcb\x16\x93\xc9\x14\x0c\x06c\xe3b\xde\x9a\xf5\xda\xc0!\xfdk\x0c\xb7\x8fA3\x85\xba\x83\xa2c\xa2V\xfd\xb8\xe6\x8e\xeb\xee\xa9\xaa\xac\xa6/\x7f\xf7\xee\xdd?\xfd\xf4\xd3v\xed\xda\x19yn\xe7\x1fC\x00\xce+t\x99\xb3n\xdd\xba1c\xc6\xd4\xd6\xd6R\x7fh\xd7\x1e]\xde\x99\xfdf\xeb\xb6\x89\xf5\xaezc\x11d\xd0\xbc\xd14-\xc2\x19q\xfch\xd9m\xd7\xde\xb9}\xf3N:\x05\xa2\xa2\xa2\x16/^\xdc\xb7o_c\x1fp\x9e1V\x9a\xe7\x89P\x9d\xd7\x07\x1f|0p\xe0\xc0\xda\xdaZQ\x14eY\xbej\xca\xc4\x05\xcb\xe6\xc6\xc6\xc7\xb8]n\xe3\xd57h\xf6\xf0&lt;\xefv\xb9c\xe3c\x16,\x9b{\xd5\x94\x89\xb2,\x8b\xa2X[[;p\xe0\xc0\x0f&gt;\xf8\x80\xe7y]\xd7\x8dU\xe9y\xc3\xd8\x01\x9c\x0fBe/\xf7\xddw\xdf\xab\xaf\xbe\xcaq\x1c\xc6\x98\x10\xf2\xccKO\xdcx\xd7Tw\xbd\x1b\xebF]\xcc\xdf\x03}\x9f\t!\x84\x10\x00  \x84\x80\x867\x1c\x02\x08\xd1\xefg\x9b\x10\xfc\xab\xbf\x02 \x04\x80@\x08i\xa6\x8a\x91\xaf\xf2\xb7\x801F\x1crD8&gt;|c\xc6\xbf\x1fx\nB\x88\x10\xd2u\xfd\xde{\xef}\xe5\x95W\x80Q)v\xbe0\x04\xe0\x1f\x87\xbe\xca\x9a\xa6\xdd~\xfb\xed\x1f|\xf0\x01M\x85vD\xd8\xdf\x98\xf1\xca\xb0QC\\u\xf5!\xe3bp\xee\xd0\xf7\x16cB\xad=\x84\x90\xdawA\x10\x08 \x92("\x0e\x11\x02x\x9e\x87\x08\x02\x02 \x04\x18cUU\x01\x80\x00\x9c\xed\x9d\x87\x00\x10A\x10\x10B\r\xf2\x81\x89\xa6i\x10\x02\xaccYQ \x80\xaa\xaaR\x85\xa0\xff(\x00\x10!C\x18\xfe\x0cT\xa4\x9d\x91\x11\xcb\x96\xfcx\xd7\xd4\xfb\xdc\xf5\x1e:5n\xba\xe9\xa6\xb7\xdf~\x9b\xe7yC\x03\xce\x03\x86\x00\xfc\xb3\xd0\xb8V]]\xdd\xe8\xd1\xa3\xd7\xad[G\xa3^I\xa9Io\xccx\xb9w\xff\x9eU\'\xaay\xc1p\xfb\x9c\x13\xb4l\xa2\xc1\xd6C(\x08\x02\xc7q\x82(p\x1c\xe28N\xd34\x8c\x89\x1c\x94k\xabk\x11\x87\x8a\x0f\x97\xf8\xbc&gt;\x8e\xe3\xf7\xe5\x17x\xea=\x00\x00\xc4!W\xad\xeb\xc0\xbe\xc2\xdf\x15\x80\xf6\x1d2\x9dQN\xacc\x00\x80=\xc2\xde!7[\xd75\xab\xcd\x9a\x9a\x9e\x82u\x1c\x15\x13%\x99$\x84 uV\xe8:V\x15U\xd7uUU\xa9E\xa3\x8bYC\x0f\xce\x11M\xd5b[\xc5lX\xb3\xe9\xae\xa9\xf7\x1f)&gt;B\'H\xdf\xbe}\xbf\xf9\xe6\x9b\xc8\xc8H#,\xfcOc\x08\xc0?\x08}}\xcb\xcb\xcb\xc7\x8e\x1d\x1bJ\xf8\xc9\xed\x923{\xd1\x8c\xe8\x98\xe8z\x97[0\xac\xff\xd99i\xf1\x01\x84\x80\xe38Q\x14DI\xe4\x05A\xd7uUVjk\xea\\u\xf5e\xc7\xcbK\x8b\x8eT\x9e\xa8&lt;Zr\xb4\xfc\xf8\t\xaf\xc7WRT\x8a\x10t\xd5\xd5\xff\xed\xe3qFF`LR\xd2\x92mvkB\xebVmS\xda\xc6\xb5\x8aKNKJl\x9d\xe0\x8c\x8c\x88\x8a\x8e\x14$\x91\xe38MU\x15YQ\x14U\xd7u:xC\x0f~\x1bU\xd5"\x9c\x8e\x9a\xea\x9ak\xc7N\xcd\xdf\xb9\'\x94\x1a\xb4h\xd1\xa2\x84\x84\x04C\x03\xfeQ\x0c\x01\xf8\xa7\xa0\xf9\x0c[\xb6l\x19;vlyy\xb9\xc9$\x05\x83\xf2\xf8\xab\xc6=\xfb\xcaS\x92I2\x1a&lt;\x9c\x11\xba\xc6\x07\x04 \x0eI\x92(J\x12\xcfs\xba\xae{\xdc\xde\x13e\x15\x87\n\x0f\x17\xe4\xef/&gt;Tr\xa4\xe4H\xd1\xc1\x12\x9f\xcf\x17\x0c\x04\x9bz\xc8\xc0d6Y\xad\xd6\xb4v)I)I\xa9\x19)\xd9\xb9Y\x19\x99\xe9\xad\x12\xe3\xed\x0e\x1b\xc7q\x9a\xa6+\xb2,\xcb\n\xd61\x80\x80\xee\x0f\x9az\xc8\xccA\x9bF\xc8A\xf9_\xf7=\xf1\xe5\xe7_\xd3\xc9\x92\x90\x90\xb0h\xd1\xa2\xee\xdd\xbb\x1b\xa9A\xff\x1c\x86\x00\xfc#\x84\xac\xff\xc5\x17_\\WWG\x9d\x9b\x13\xaf\x9d\xf0\xca\xfb/\x04\xfc\x01EQ9\xce\xb0\x02\r\x84V\xfa&lt;\xcfI&amp;I\x92$\x08a\xc0\xef?Rr\xecp\xe1\xe1=\xbb\xf6\xed\xcb/8t\xe0\xf0\xf1\xa3e\x01\x7f\xe0\x1c\x7f\xa6d\x12%\x93\x841\x8e\x8cu\xc6\xc4Gc]\x07\x00X\x1d\xd6\xf4\xec\x14j\x88\xcf2\x14\x808t\xb8\xa0\xc4\xe7\xf6\x01\x00\x10\xc7UW\xd4\xd4U\xb9\x10BrP\x96\x83\xca9\xfe\xebf\x8b\xb9u\xdb\xc4\x8c\xf6\xe9\x1dr\xb3s:wH\xcfLOJic\xb6X\x08!\xb2,\xcbAY\xd3tcgp\n\xba\x8eEQ0[\xcc\xf7\xdd\xfc\xd0\xbc\xd9\x0b\xe8\x94\x89\x8c\x8c\xfc\xe1\x87\x1f\x0c\r\xf8\xe70\x04\xe0\xef\'\x94\xec?z\xf4\xe8\xba\xba:Z\xf1\xf8\xf8\xb3\xd3n\xbd\xeff\xbf\xcfo\x84\xb6(\x18c\x82\tDP\x92$\x93Y\xe28\xceUW_RT\xbak\xdb\xee\xfd{\x0el\xdb\xbc\xa3p_a\xe0\xf7\x16\xf8V\x9b\xc5\xea\xb0$&amp;\xb7\xb2\xd8,\xe9\xd9)f\x8b)\xa3c\xaa\xae\xe9\x89)\tV\xbb\x05\xeb\xd8b3\xdb\xecV\x8c1\x80\x10Ax.\x11\x17M\xd5h\x94\x17!\xe4\xf5\xf8\xfc\xde\x00\xe2\x90\xcf\xe3/+)\xe7x\xee\xd0\xde\xe2\x80?x\xb8\xa0\xc4\xef\xf5\x97\x95\x9e\xf0\xb9\xfd&gt;\xaf\xff\xb7\x7f\xa0\xd9l\xca\xec\x90\xd9\xad\xc7\x05Y9\xed;w\xeb\x94\x92\x96\xec\x8c\x8c\xd0u=\x18\x90eY\xa67\xc1x%\xc0\xc9t\t\x8b\xd5\xf2\xee+\xef?\xf7\xaf\xe9t\xe2DFF~\xf3\xcd7F\x89\xc0?\x84!\x00\x7f3\xf45\xfd\xe0\x83\x0fn\xbf\xfdvM\xd3\xe8K\xfc\xec+O\xddv\xefM\x95\x15UF\xc2\x0f\xc6\x18c\xc2\x0b\x9c\xd9l\x16DAS\xb5\xd2\xa2\xd2\xdd;\xf6l\xdd\xb8\xed\xe7\x9f\xd6\x15\x1d*\xd6\xb5\xb3\xb6\x85\xb1\xda-\xadS\x12\xe2\x12cS\xdb\'%e\xb4\x89\x8c\x89h\x9d\x92h\xb6H\x11Q\x0e\x00\xa0 \xf0\x84\x10]\xd3\x01\x04\xaa\xa2b\x1d\x03\x08\xb1\x8e\x1b\xf7\x99!\xf8\xf7\xdf\xf6\xc6\xa9\xa2\x1c\xc7!\x0e\x01B\x10\x87\x04Q\x00\x04p&lt;\x07!TU\r\x00R_\xeb\x0e\xf8\xe5\xe3%eu\xd5\xf5G\x0e\x1d+&gt;p\xa4\xb2\xac\xeaxI\xb9\xcfsVI\xe0x.-#\xf5\xc2\x8b\xfa\xe6\xf5\xea\xd6\xe9\x82\x9c\xe4\xb4d^\xe0UE\r\x04\x02\x9a\xaa\xa3\x16\xaf\x044\x90\x1e\x17\x1f\xfb\xce\xab\x1f\xfc\xeb\xbe\'\xe8\xf4\xe1y\xfe\xed\xb7\xdf\xbe\xe9\xa6\x9b\x0c\r\xf8\xdb1\x04\xe0\xef$d\xfdo\xbe\xf9\xe6P\xb2\xffs\xaf&lt;u\xf3\xdd7T\x9e\xa8\xa2\xb6\xa3\xa9\xc7\xd844\xd8}\x9e\xb3X-\xa2(\xd4\xd5\xba\n\xf6\xec\xdf\xb4v\xf3\x9a\x9f\xd6\xed\xde\x9e\xef\xf5x\x1b\xfe\xdc\xaf3tLf)9\xb3mJ\xbb\xb6iY)iY\xc9m\xd2ZG\xc7:ESC`\x00c\xac\xca*\xc6\x84v\x96\'\x98\xd0\xbc}\xd0\xc8\x88\x9f\xfc\xe2\xcfB@\xa8&amp;\x80\x8a\x07\xfd\x82\xfe|\x9e\xe7\x11\x82\x82$ \x84\x1a\xdc\xfdA\xb9\xa6\xcau\xac\xe8x\xd1\xfe\xd2\xa2\xfd%%\x07\x8f\x96\x16\x1e\r\x06\xe4_~`\xa3_\xd0f\xb7u\xea\x9a\xdb\xff\xa2\xbe=\xfb\xf5\xc8\xce\xc9\x8a\x8cr*\x8a\xea\xf7\xf95\xadE+\x01U\xf1\xb8V\xb1\xef\xbf\xfe\xd1\xe3\xf7=\x11*\x11x\xff\xfd\xf7\r\r\xf8\xdb1\x04\xe0o\xa3\xb1\xf5\xa7+\x17G\x84\xfd\x8d\x8f_\x19:r\x88\xab\xce\xd523\x19\xa8\x9f\x87\xe39\x8b\xd5"\x88B}]\xfd\xee\xed\xf9\xcb\xbf]\xb1\xf2\x87\xd5\x07\x0f\x1c:\xe3_\xb1;m\xe9Y)9\xdd\xb3\xb3\xbbd\xb6MKLH\x8a\x97L\x12\x84P\xd34UVUU#\xf8d\x0e&gt;\x04M[\x9c\x15*:\x03\x044\xe4\xa7"(\x08\xbc \t&lt;\xcf\x13B\xe4\xa0\\~\xa4\xe2hQY\xc1\xce\xc2=[\n\x0e\xef/\xf1\xb8\xbcg\xfcQ\xed\xdag\x0c\xbax\xc0\xd0\x91\x83;u\xcd\x8d\x88\x8cP\x15\xd5\xef\xf3\xeb\x9a\xdeb\xbdC\xba\xae;#\x9d\xcb\xbf\xfd\xf1\xae\xeb\xefs\xd7{\xe8\x8424\xe0o\xc7\x10\x80\xbf\x873Z\xffY\x0bg\xf4\x19\xd0\xbb\xeaDUKK\xf6\'\x84`\x1dC\x04\xcd\x16\xb3d\x92\xdc.w\x83\xdd_\xb6\xfa\xe0\xfe\x06\xbb\x0f\xe1/\xef\x9e\xc5jn\xdf)\xa3C\xb7\xf69y\xd9\xe9\xd9)1\xf1Q\x82$\xe8\x9a\xae*\xaa"\xab\xb4\xda\x0b\x9e\xa4\xe9~\xads\x82\x9c\x84\xd6\x88\x89\x92 \x88\x02\xc7s\xaa\xacVW\xd4\x1e.(\xd9\xb3\xb5`\xdf\xb6\x03\x07v\x1f\xf2\xfb\x1ab\xda\x8doE\xbb\xac\x8cA\xc3\x1a\x94\xc0\xe1t\xc8A9\xe0\x0f\x10L\x10\xd7\xe2"\xc6\x9a\xaa\xc5\xb6\x8a]\xbfz\xc3u\x97N54\xe0\x1f\xc2\x10\x80\xbf\x81\xb3Y\xff\x9e}\xbb\xd7T\xd5\n\xa2\xd0\xd4\x03&lt;\x7f\xd0%\xbfd\x12\xad6k0(\x1f,8\xb8\xf4\xeb\xef\x97.\xfc\xee\x8cv?.1\xf6\x82&gt;9\xbd.\xcak\x97\x93\xde:\xb9\x15/\xf0\xba\xa6\xcb\xb2\xa2*\x1a\xc1\x98.\xa8\xc3\xdd\xea\x11B\x1a\xb6,\x08\t"/I"\xc7s\x9a\xaa\x1d/=qp\xcf\xe1\x8d?m\xdd\xb1~OeY\x15\xfd\xc3\xa7(\xc1%\x97\x8e\xb8d\xdc\xf0v\xd9\xedL&amp;\xc9\xe7\xf5\xc9A\xa5\xa5m\x08TE\x8d\x8e\x8d\xda\xb4n\x8b\xa1\x01\xff\x10\x86\x00\xfcU~\xcb\xfaW\xd7\nBK\xb1\xfe\xd4_a\xb1\x98%\x93TZ|t\xcd\x8a\x9f\x17/X\xb2~\xcdF\x1a\xd4\x85\x08\x86\x02\xb0\xc9\xed\xda\xf4\x18\xd8\xad\xcf\x90\xeeiY)\xceh\x07\x00@\x0e*\x8a\xac\x10Bh;\x87p7\xfag\xa3A\x0c\x00\x81\x10\x8a\x92(\x99D\x00\x80\xab\xc6]\xb4\xbfd\xfd\x8f[6\xaf\xdaVz\xf0\x18\xfd\x93\xa1\xdb\xc5\xf1\\\x9f\xfe\xbd\xc6L\x18\xd5\x7f\xf0\x85\xc9\xa9m\xe5\xa0\xec\xf7\x07\xa8W\xad)\x7f\x93\xf3\x88\xaa\xaa\xd11\x86\x06\xfcS\x18\x02\xf0\x970\xac?\xf5\xf6\xf0\x02ow\xd8\x15E\xd9\xbbk\xdf\xec\x0f?]\xfe\xedO\xd5\x95\xd5\xe0\xd7K\xda\x90\xddo\xdf)\xc3\x1eaSUM\x0e\xca\x9a\xaaC\x00\x9a\xb1\xd1?\x1b\'\xc5\x00\xf0\x02\'\x99$A\xe0=\xf5\xde\x03\xbb\x0f\x9d\xaa\x04\'o`L\\\xcc\xd0\x91\x17]{\xe35\x1d;w\x10E\xd1\xe3\xf6h\xaa\xd6B\xfcB\x86\x06\xfcs\x18\x02\xf0\xe7\xa1/\xdf\x87\x1f~x\xd3M7\xb5@\xeb\x8f1\xc6\x18\x9bL&amp;\xab\xcdZW[\xf7\xdd\xa2\x1f\x16~\xb1h\xfd\xea\x8d4\xed\x12!D\x0f\x00\x89i\x15=hT\xdf&gt;C{\x84\xec~\xd0\x1f\xa4\'bB\x88Z\x80\xf9\xfa\x1d\x08\x01\xd4I\xc4q\x9c\xc9b\xfaE\t\x96o^\xb9d]\xf5\x89\x1a\xd0\xe8fr\x1c\xd7g@\xafK\xaf\x18;b\xec\xc5\x91Q\x91&gt;\xaf/\x18\x0c\xb6\x84\xa3C\xcf\xa8\x01\x1f|\xf0\xc1\x8d7\xdehh\xc0_\xc1\x10\x80?\t}\xed6n\xdc\xd8\xa7O\x1f\xda\x8c\xac\xe5X\x7f\x9a\xdej\xb1Z\xcc\x16\xf3\x91\xe2#\x9f\xce\x98\xfb\xcd\x82\xa5\x87\x0f\x16\x81F\xa6J\x10\x85\xee\xfd\xbb\x0c\x9bpQ\xe7\x9e\x1db\xe2\xa3\x1b\xdb\xfdfo\xad\xfe4\xf4\xc6\x86\x94\xa0\xba\xa2f\xd7\xa6}\xcb\x16\xfc\xb4e\xcdNUQA\xa3\xdb\x9b\xde.m\xf4\x84K\xae\x99zeRjR\xc0\x1f\xf0\xfb\xfc\xcd\xfe\xc6\x9e\xa2\x01\xb4\x19\xdf\xfa\xf5\xeb{\xf5\xeaeh\xc0\x9f\xc6\x10\x80?\x03mP\xb5e\xcb\x96\xe1\xc3\x87\xd7\xd7\xd7C\x08mv\xeb\'\x0b&gt;\xec\xd9\xafGMuM3\xb6\xfe4\xc6k\xb5Y$\x93\xb4}\xcb\xce\xaf\xbfX\xfc\xd5\xe7_WW\xd5\x00\x00x\x9e\xd34\x1d\x00\xd06\xbd\xf5\xa0Q\xfd\x06\x8e\xea\x9b\x96\x95\x0c\x00\x0c\xfa\x83\xaa\xa2\xb6\xb4\xe8\xe5_\x84\xdegA\x14L\x16\x13\x00\xa4h\x7f\xe9\xaa%\xebV.Y{\xf4\xf0q\xd0\xe8V\xc7\xc4F_v\xd5\xb8qW\x8c\xe9\xda\xbd\x8b\x1c\x94}^\x7f\xf3\xbe\xcf\xaa\xaaF\xc7DoZ\xbby\xca\x84\x1b\xbd\x1e\x1f!$""\xe2\xfb\xef\xbf\xef\xde\xbd\xbb\xd13\xee\xcfa\x08\xc0\x1f&amp;d\xfdi\x9f\x1f^\xe05U\xfb\xe4\xcb\x0fG\x8e\x1b^Y^\xd9\\s~B\xa6_\x94\xa4]\xdbw\x7f\xf4\xd6\'_\x7f\xb1XU\x7f\xb5,\xed\xd6\xaf\xf3\x90K\x07\\8\xbcWD\xa4C\x0e\xcaA\xbf\x0cZ\xa4\x7f\xff\xef\x82\xc6\t\x00\x00&amp;\x8b$\x99\xa4\xfa:\xf7\xcf\xdfo\xfcq\xe1\xeamkw\x81\xc6\x9b-A\x18w\xc5\x98\x1b\xee\x98\xd2\xb9k\'En\xe62\xa0*j\\B\xdc\xb7_\x7f?e\xfc\x8dt\xea\x85\xfa\x05\x19\x1a\xf0\'0\x04\xe0\x8fA\xdb\x95TUUu\xec\xd8\xb1\xaa\xaa*\xd4\xe9a\xea\xed\x93\xeb\xaa\xeb\x9ae\xbe?m\xd6f\xb5\x9ej\xfa\x1by{\xf8\x8b\xc6\xf4\x1fy\xc5\x90\x8e\xdd\xda\x8b\x92\xe8\xf3\xf85MC\x10\x9d\xcb\xf1[\x06\xe7\x02\xc1\x04\x13\xcc\xf3\xbc\xd5nQde\xef\xb6\x03\xdf~\xf1\xe3O\x8b\xd7\xa8\x8a\x06N*\xc1\xa92\xe0\xf37\xd7fs\x9a\xaaE\xc6D\xcex{f\xa8WDll\xec\xde\xbd{ccc\x8dF[\x7f\x14C\x00\xfe\x00\xd4\xde\xb9\\\xae\x11#Fl\xde\xbc\x99\x9eg\xfd\xec\xcbO\xder\xcf\x8dU\x95\xd5\xcdo\xf5A\xcf16\x99Lf\x8by\xf7\x8e\xfc_L?\x87\xe8y)\xce\x98\x881\xd7\x0c\x1f8\xaa/\xed\xb2\xe9\xf7\x060\xc1\xcd\xef&gt;\xb0\x83\xae\xeb\x08"\x8b\xcdL\xbb\x96\xaeZ\xb2n\xf1\xa7\xdf\xbb\xaa\xeb\x01\x00\xf4\xa1\x84d\xa0\xd3\x05\xb9\x01\x7f \x18\x0cr\\3l@\xa2\xebzl\\\xcc{\xaf}\xf8\xaf\xfb\x9f\xa4\xd3\xb0G\x8f\x1e\xdf}\xf7\x9d\xd3\xe9\x04\x00\x18\x1ap\xee\x18\x02p\xae\x84\xce{\xea\xdb\xb7\xef\x86\r\x1b$\x93$\x07\xe5G\x9f~\xf8\xc1\x7f\xdf[^V\xd1\xfc\x8ev\xd14M\x14E{\x84\xfd\xf8\x91\xe3\xafO\x7f\xeb\xb3\x8f\xbf\xf8\x95\xe9\x8f\x8e\x183i\xf8\xa8\xab\x87%\xb4\x8d\x97\x83r\xc0/\xd3\xfe\xc6M=\xea\x16\x01\xed\x9em\xb6H\x92I*?Z\xb1\xe4\xb3e\x8b\xe7|\xef\xaa\xf9\x95\x0c\\}\xfd\x15wO\xbb\xa3uRkO\xbdGQ\x94\xe6\x17#UU-!1\xfe\xc5g^\xfd\xef\x7f\x9e\xa7\x93\xb1w\xef\xde\xeb\xd6\xad\x0b\x9d\x19\xd7\xd4\x03\x0c\x0f\x0c\x018\'\xe8Z\x98\xe7\xf9\x9bo\xbe\xf9\x83\x0f&gt;\xa0\x87\x16]&gt;i\xfc\xcb\xef=\xef\xf5x\x9b\xd9\x0bG;\xe6GEG\x9e(\xaf\xf8\xf8\xed\x99\xb3?\xfa\xbc\xa6\xaa\xe6\x0c\xa6?)\xde\xef\r(A\x05!\xc3\xdb\xd3\x04\x10L0\xc6\xa2I\xb4\xd8\xcc\xe5G\xce \x03\xd1\xb1\xd1\xd7\xdep\xd5\xf5\xb7On\x95\x10_[SGO;h\xeaQ\xffm\xd0\x05\x99\xcdn\xbb\xff\x96\x87\xe7\xcf\xf9\x92N\xc9\x9bn\xba\xe9\xfd\xf7\xdf\xd74\xadY\xee{\xfe\t\x0c\x018\'h\x9e\xd9}\xf7\xdd\xf7\xea\xab\xaf\xd2Wm\xdc\xc41o\xcfz\xcd\xe3\xf6\x9e&lt;\x1c\xbc9@u\xce\x11a\xd74}\xc1\x9c\xaf\xde~\xf9\xbd\xe2\xc3%\xe0\xa4A9\x83\xe9o\x19\x85H,C\x0b\xf1N\x97\x81\x90`\xa7\xa6\xa7\xdc~\xff-\x13&amp;]\xc6\xf3\x9c\xbb\xde\xd3\x9c,#\x9dzv\x87\xed\xf6\xeb\xee\xf9z\xdeb:1\xef\xbd\xf7\xdeW^y\xc5H\x0c=G\x0c\x01\xf8}\x1a\x97\xfbR\x87cN\x97\x8e\xf3\xbf\xffL\x10xU\xd5\x9a\x8d\xdfC\xd3t\xc9$\xda\xec\xb6\rk6\xbe\xf0\xd4\xcb\xeb\xd7l\x04\x00\xd0D\x0b^\xe0\'\xde&lt;\xee\xd2\xc9#[\xb5\x89\xf3\xfb\x0c\xd3\xcf\x1c\xbf\xc8\x80\xd5|\xe2X\xe5\xc2\x99\xdf\xce{\xffk\xfa\xe04U\x03\x00\xf4\xe9\xdf\xeb\xa1\'\xee\xef\xdd\xbf\x97\xd7\xe3\x95\x83\n\xdf\\:I`\x8c\xe94\xbc|\xf8\xd5{v\xee\xa5\xd3\xd3(\x12&gt;w\x0c\x01\xf8\x1dhnY\xe3\x82\xaf6m[/]\xfb\xb5=\xc2\x1e\x0c\x04\x9bG\xc0\x93\x06\xb7#"#\xca\x8f\x9fx}\xfa\x9bs&gt;\xfc\\\xd7uQ\x12\x15Y\x01\x00\\&lt;a\xd0\x84\x1b\xc6\xb4\xef\xdc.`\x98~\xb6\t\xc9\x80\xd9j&gt;\xb0\xeb\xe0\x82\x8f\x16\xff\xb0`%\x00\x80&gt;J\x8e\xe3&amp;\xddx\xd5\xdd\xd3\xeeLh\xdd\xaa\xbe\xae\x1e4\x97`\xa9\xae\xeb&amp;\xb3\xc9S\xef\xb9\xa4\xdf\xb8cG\x8f7.\x103\x12C\x7f\x17C\x00~\x0b\x9aUV\\\\\x9c\x97\x97\xf7K\xc1\xd7\x97\x1fv\xeb\xd9\xd5]\xefn\x1e\xeb\x0bM\xd3\xacV\x0b/\x08_~\xbe\xf0\xb9\xc7\xa7W\x9e\xa8\xe48\x8e\xb6s\xe8\xd2;\xf7\xea\xdb\xc7\xf7\x1a\xdcM\t\xaa\x01_\xc00\xfda\x01\x95\x01\xb3\xd5,\x9a\x84\x8d+\xb6}\xf6\xf6\x97;7\xe4\x03\x00\xe8c\x8dk\x15\xf7\xf8s\xd3\xc6_u\xa9\xa6\xaa&gt;\x9f\xbf\xd9\xbc\xc3\x8e\x08\xc7\xb6M\xdb\xa7\x8c\xff\xa5@l\xeb\xd6\xad\xa9\xa9\xa9Fb\xe8oc\x08\xc0Y\xa1w\xc6\xe5r\r\x1b6l\xeb\xd6\xad\xf4\x94\xeaO\xbe\xfcp\xe4\xb8\x8b+OT5\x83r_\xba\xf0\x8f\x8a\x8e\xdc\xb3k\xdf3\x8f\xfe\xdf\xaa\xe5k\x00\x00\x1c\xcf\xe9\x9a\x1e\x1d\x179\xe5\xfe\xabFL\x1c\xcc\x0b\xbc\xc7\xe5\x85\x08!#\xcc\x1bV`L\x08\xc6v\xa7MS\xb5\xef\xe6\xad\xf8\xe4\xe5\xcfk*\xeb\xe8\xc3\x05\x00\x0c\x1c\xda\xff\xdf\xff},\xa7s\x87\xda\x9a:\xd0,\xb6\x02\xaa\xaa\xc6\xb5\x8a\xfd\xf6\xeb\x1f\xa6\x8c\xbf\x91N\xd5\xbc\xbc\xbce\xcb\x96\xd1\xc4Pc\xe1r6\x0c\x018+\xd4\x87x\xf9\xe5\x97/X\xb0\x80\xfa\x16\x9fz\xe1\xdf7\xdf}cmum3(\xf8\xd24\xcdj\xb3B\x08?~g\xe6\x8b\xcf\xbc\xea\xf5x\x05QP\x15\x15qh\xcc5\xc3\'\xdduy\\\xeb\x18\x8f\xcbK\x8f"i\xea\xc1\x1a\xfcI\xe8\xb1&lt;v\xa7\xad\xf2x\xf5\x9c7\xe6/\xfe\xf4{\xacc\xfa\xa0mv\xdb\x83\xff\xbe\xf7\xfa\xdb&amp;\x13B|^_3\xd8\nh\xaa\x16\x15\x13\xf5\xfe\xeb\x1f&gt;\xf1\xd03t\xc2N\x980a\xfe\xfc\xf9F0\xe070\x04\xe0\xcc\xd0\x97\xe6\xa9\xa7\x9ez\xf2\xc9\'iv\xc1\xc4k\'\xbc&gt;\xe3\xa5\xba\x1aW\xb8/\x97B\x0b\xff\xbd\xbb\xf7=\xf1\xd03?\xff\xb4\x0eB\x08 $\x18gunw\xc7\x137t\xe9\x95\xe3\xf7\x06\x14Yi9M\xe7\x9b7\xba\xa6\x8b\x92h\xb1\x99wn\xdc\xf3\xd6S\x1f\xed\xdfu\x10"D\xf3(/\xbc\xa8\xefS/\xfc\xbbc\xa7f\xb2\x15\xc0\x18GF;\xef\x9e\xfa\xc0\xbc\xd9\x0b\xe8\xb4}\xf2\xc9\'\x9fx\xe2\tC\x03\xce\x86!\x00g\x80\xc6\x8e\xbe\xfc\xf2\xcb\t\x13&amp;\xd0\x00Z\x97n\x9d\x16\xfe4O\x91\xd5pO\xfa\xd44\xcdl1\x0b\x82\xf0\xd1[\x9f\xbc\xf8\xcc+^\x8f\x97\xfe\x82\x16\x9b\xf9\xfa\x07\xae\x1e}\xcd\xc5\xa2$\xfa\xdc&gt;\xc3\xdd\xdf\xcc\xa0\x81\x01\xab\xc3\xaa\xc8\xca7\x9f\xfe\xf0\xf1K\x9f\xf9\xbd\x01\xfa\xe8mv\xdb\x83\xff\xbe\xef\x86;\xa6\xa8\xaa\x1a\xf0\x07\xc2\xdaP\xd2\xe9)J\xc2\xa5\x17M\xdc\xb9m7\xfd\x05\x17,X0~\xfcx# |F\x0c\x018\x15\x8c1\x84\x90\x06~\xddn7!$2\xca\xf9\xdd\xfa\xc51q1rP\x0e\xeb%\x92\xa6i\x91Q\xcecG\x8e?\xf9\xd0\xb3\xdf.\xfa\x9e\xd6\xafa\x8c\xbb\xf5\xeb|\xe7\x937ftL\xf5\xb8\xbcX\xc7\x86\xcf\xa7\xb9B\x1f\xae\xddi;\xb4\xb7\xf8\xcd\'?\xdc\xb6v\x17B\x88VT\x8d\x1c;\xfc\xc9\x17\xfe\xd5&amp;\xa9u]\xad+\xac5\x00c,\x99\xa4\xea\xca\xea\x11}\xc6\xd4\xd5\xba \x84\x0e\x87\x83\x06\x84\t!a=\x7f\xff\t\x0c\x01\xf8\x15\xb4\xf1\x19\x00\xa0_\xbf~\x1b7n\x14\x04\x01c\xfc\xf9\x92Y}\x06\xf4\xaew\xb9\xc37{\x9a\xaaZdt\xe4w\x8b\xbe\x7f\xe8\xb6G\xab*\xab\xe9\xe2\xc8l1M}\xe8\x9a\xcb\xa6\\B\x08\x08\xf8\x02\x86\xcf\xa7%\xa0k\xba\xd9j\x86\x10|\xf5\xc9\xd2\x19/|\x1a\xf0\x07\xe9\xcb\x10\x1b\x17\xf3\xc2;\xff\x1d1vx]M]X\xdbJM\xd3#\x9c\x8e\xf5\xab7\\5\xea:\x84\x90\xaa\xaa\xbdz\xf5Z\xbbv-\x00\xa0\xb96\xc8\xfb\xd3\x84\xeb3\xfe\x87\xa0\xfb\xc4\x07\x1f|p\xe3\xc6\x8d\x92$\xa9\xaa\xfa\xf0\x13\x0f\x0c\x1c\xd6\xbf\xdeU\x1f\xbe\xd6_\xd34\xc9$\x99-\xe6\xe7\x1e\xff\xdf\x94\xf17UUV\x0b\x82\xa0\xc8J\xfbN\x19/\x7f\xf1\xec\xd5\xb7\x8d\x0f\xf8\x83\xc1@\xd0\xb0\xfe-\x04\x8e\xe7\x82\x81`\xc0\x1f\xbc\xfa\xb6\xf1/\x7f\xf1l\xfbN\x19\x8a\xac\x08\x82PUY=e\xfcM\xcf=\xfe?\xb3\xc5,\x99$M\xd3\x9az\xa4\x7f\x12\x9e\xe7\xea]\xf5\x03\x87\xf5\x7f\xf8\x89\x07TU\x95$i\xe3\xc6\x8d\x0f&gt;\xf8`(\xbf\xd9 \x84\xb1\x03\xf8\x85\xc6\xae\x7f\x9aE0\xec\x92!\x1f/\xf8\xc0]\xef\x0e\xe7\xd5\x90\x16\x19\x15y\xb4\xe4\xe8\x03\xb7=\xb2v\xe5\xbaPi\xe8\xa4\xbb.\x9ft\xd7\xe5\x82(\xf8&lt;\xfe\xf0\xd56\x83\xbf\x82\xa6\xe9V\xbbEU\xd49o\xcc\x9f\xf3\xc6|p\xb2\xf0\xbb\xdf\xa0\xbe/\xbd\xf3\xbf\xb6)m\xebj\xeb\xc2\xd7\x1d\x841vD8\xae\x9fp\xd3\xb2\xa5?\xd2\xe9l\x04\x03N\xc7\x10\x80\x06\x1a\xbb\xfe=\x1e\x0f\xc6\xb8u\xdb\xc4%k\x16\xda\xec6EQ\xc2Q\x000\xc6\x10\x00gt\xe4\xf7\x8b\x7f\xa0n\x1fI\x12eY\x89\x8au&gt;\xf8\xfc\x9d\xfd\x87\xf7v\xbb&lt;\x86\xc7\xbf\x85C_\x00\x87\xd3\xbe\xe6\xfb\r/&gt;\xfcfm\x95\x8b\xbe$\xd4\x1d4|\xcc\xc5\xae\x9a:\x12\x9e\xd9A\x18cQ\x14\xbd\x1e\xef\xa8\xfe\x97\x1e?Z\x86\x10\xb2\xdb\xedF0\xe0\x14\x8c\xbb\x00\xc0\xc9\xce\x82\x18\xe3k\xae\xb9\xa6\xae\xae\x8eFG_~\xef\xf9\x98\xb8hz\xe8vS\x0f\xf0\x0f\xa3\xeb\xba \x08V\xbb\xed\x8d\xe9oQ\xb7\x0f/\xf0\xb2\xact\xeb\xd7\xf9\xed\xc5/\xf4\x1d\xda\xa3\xae\xdaE\x9aW{H\x83?\x01\xe2\x10!\xa0\xae\xda\xd5wh\x8f\xb7\x17\xbf\xd0\xad_gYVx\x81\xa7\xee\xa07\xa6\xbfe\xb5\xdb\x04A\x08G\xcf\tB(\x18\x0c\xc6\xc4E\xbf\xfc\xde\xf3tF\xd7\xd5\xd5]s\xcd5\xf4\xe0ec\xe1K1\xe6?\x00gq\xfd\x0f\x18r\xa1\xab\xb6&gt;\x1c\xb7\xc0\x9a\xa6[,fUU\xef\xbb\xe9\xc1\xe7\xfe5\x9d\x9eU\xa0\xa9\xda\xa4\xbb.\x7f~\xf6\x13\xd1\xb1\x91\xee:\x0f\xc7sF0\xcc\x00\x00\x00!\xe0x\xce]\xe7\x89\x8e\x8d|~\xf6\x13\x93\xee\xba\x9c:\t\x05\x81\x7f\xee_\xd3\xef\xbb\xe9AUU-\x163=\x858\xbc\xe0y\xdeU[?`\xc8\x85F0\xe0l\x18.\xa0\x06\xeb\xbfb\xc5\x8a!C\x86P_\xe1\xc5\xa3\x86\xce\x98\xff\x9e\xbb\xde\x13\x8ek\x7fM\xd5\x1cN{\xf9\xf1\x8a\x1b&amp;\xde\x92\xbfs\x0f=+\xc3\xe6\xb0&gt;\xfe\xda}\xfd\x86\xf7v\xd7\xb9\t\x01F_\x07\x83\xd3\xc1\x98@\x08\x1c\x91\x8e\xb5\xdfox\xee\x9eW\xbcn\x1f}yr\xbb\xe4|4\xef\xbd\x84\xd6\xf1n\x97\'\x1ck\xe01\xc6\x8e\x08\xfb\xd4\xcbo\xf9a\xc9r:\xc1\x7f\xfc\xf1\xc7\xc1\x83\x07\x1b\xc1\x00`\x08\x00\xdd\x0c\xba\\\xae\x1e=z\x14\x17\x17\x03\x00\xa2\xa2#\xbf[\xbf8:6:\x1c\xb3\xfe5M\x8b\x8d\x8f]\xb7j\xfdMW\xdd^]Y-\x99D9\xa8d\xe6\xa6?\xfe\xfa\xfd)\x99I\xf5\xb5a\x9c\xc9jp~\xd04="\xcaQRx\xe4\xb9\xbb_.\xcc?L_\xa1\x98\xb8\x98\x0f&gt;\x7f\xbb\xef\xc0&gt;U\x15Ua\xb7\'\xa6\x95\x015U5#\xfa\x8c\xa1\x05\xcf\xa9\xa9\xa9\x9b7ov:\x9d\xcd\xec(\xa7?A\x98\x19\xb8\xbf\x1d]\xd7\x11B\xb7\xddv\xdb\xe1\xc3\x87y\x81\xc7\x18\xbf\xf0\xce\xffZ\xb7M\x0c\xf8\x03\xe1e\xfd\xe9Y.\xb1q1\x9f\xbc;k\xd2\x98)\xd5\x95\xd5\x82(\xc8Ae\xd8\xf8A/\xcf}\xa6Mj\xa2\xdb\xb0\xfe\x06\xe7\x00\xcfs\xeeZw\x9b\xd4\xc4\x97\xe7&gt;3l\xfc 9\xa8\x08\xa2P]Y=i\xcc\x94O\xde\x9d\x15\x1b\x17\xa3\xebzx\xad\x1a\x11B\x01\x7f\xa0u\xdb\xc4\x17\xde\xf9\x1f\xc6\x98\x17\xf8\xc3\x87\x0f\xdfv\xdbm\x08!\xc3\x11\x14N6\xeeo\x87\x9e\xf28o\xde\xbcy\xf3\xe6\x89\xa2\xa8\xc8\xcau7]3r\xec\xc5aW\x0cI\'ddt\xe4{\xaf}\xf8\xf0\x1d\x8f\xf9\xfd\x01\x08\xa1\xaa\xa8\xb7&lt;6\xf9\xd1\x97\xef\x11\x04\xde\xef5\x8a\xbc\x0c\xce\x15\x8e\xe7\xfc\xde\x80 \xf0\x8f\xbe|\xcf-\x8fMV\x15\x15B\xe8\xf7\x07\x1e\xbe\xe3\xb1\xf7^\xfb02:\x12\x9c|\xe5\xc2\x05\x9e\xe7\xebj]#\xc7^|\xddM\xd7(\xb2"\x8a"\x9d\xf5\xf4\xf0\x80\xa6\x1e]S\xd2r]@\xb4\xe2\xb7\xba\xba:77\xb7\xa6\xa6F\xd7\xf5\x0e\xb9\xd9K\xd6|\xa5\xaaZx5\xfc\xc1\x18#\x04\xad6\xebC\xb7?\xf6\xf9\'_\x08\xa2\xa0\xa9\x9a\xc9,\xdd\xfe\xc4\r\x97M\xb9\xa4\xae\xda\x05\x014\xce\xec5\xf8\xa3\x10L\x08 \x911\xce\xaf&gt;Y\xfa\xf6S\x1f\x05\x032/\xf0\xaa\xa2^5\xe5\x8a\x17\xde\xfe?\x9f\xd7\x87q8%S\xd2I-\x08\xfc\xa8\xfe\x97\xed\xcb/\xe08.:::???&amp;&amp;\x06\x84g\x9e\xeb\xdfB\x0b\xfd\xb5\xc1\x</t>
        </is>
      </c>
    </row>
    <row r="485">
      <c r="A485" s="1" t="n">
        <v>483</v>
      </c>
      <c r="B485" t="inlineStr">
        <is>
          <t>color_grid</t>
        </is>
      </c>
      <c r="C485" t="inlineStr">
        <is>
          <t>What is the color of the missing part denoted with a question mark?</t>
        </is>
      </c>
      <c r="D485" t="inlineStr">
        <is>
          <t>['blue', 'yellow', 'red', 'orange']</t>
        </is>
      </c>
      <c r="E485" t="inlineStr">
        <is>
          <t>red</t>
        </is>
      </c>
      <c r="F485" t="inlineStr">
        <is>
          <t>There are circles with different colors arranged with a grid formation in the image. The colors in the first row are ['red', 'yellow', 'red'], the colors in the second row are ['yellow', 'green', 'yellow'], and the colors in the third row are ['?', 'yellow', 'red'].</t>
        </is>
      </c>
      <c r="G485" t="inlineStr">
        <is>
          <t>We observe that the circles at the corners are red, while the circles directly adjacent to the center are yellow. Only the center circle is green. Hence, the pattern is that the circles alternate in color depending on if they are at the corner or adjacent to the center.</t>
        </is>
      </c>
      <c r="H485" t="inlineStr">
        <is>
          <t>Based on the pattern that the circles alternate in color depending on if they are at the corner or adjacent to the center, the missing color of the part that is at the corner should be red.</t>
        </is>
      </c>
      <c r="I485" t="inlineStr">
        <is>
          <t>b'\x89PNG\r\n\x1a\n\x00\x00\x00\rIHDR\x00\x00\x02\x00\x00\x00\x02\x00\x08\x02\x00\x00\x00{\x1aC\xad\x00\x00\x7f\x9aIDATx\x9c\xed\xddy|\x14U\xba7\xf0\xe7\x9c\xaa\xea-Kg#\xe9\x10\x10\x08\x84\x00YXL`\x04\xc4\x05DQ\xd1qD\xd1Q\x86\t\nz\xd5\xeb\xa0\xd7\xf1\xd5\x19g\xee\x0c3\x8e\x82\xeb\xccUGA\xc1qeP\x04\x05\x07\x82\x88\xa8\xa0"\xca\x92\x00\t\x81\x04\xc2\x92}\xeb,\x9d^\xea\x9c\xf3\xfeQ\xd0\xc4\x04\x02hw\xa7\xd2\xf5|\xff\x98\x8f\x97\xf4M\xba\x7f\xfdT=\xa7N\x9d\xaa"B\x08@\x08!d&lt;\xb4\xa7\xdf\x00B\x08\xa1\x9e\x81\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85\r\x00!\x84\x0c\n\x1b\x00B\x08\x19\x146\x00\x84\x102(l\x00\x08!dP\xd8\x00\x10B\xc8\xa0\xb0\x01 \x84\x90Aa\x03@\x08!\x83\xc2\x06\x80\x10B\x06%\xf7\xf4\x1b0"!\xc4i\xff\x9d\x10\x12\xe2wbL\x98\x7f\xcf\xc2\xfc\xf5\x03\x1b@p\x89\x0e\x00\x80R\xea\xff\xdf\xae8\xe7\xfe\xff%\x1d\x84\xf0\xfd\x86\x1b\xcc\xbfga\xfe:G\xce\xd4\x8d\xd1\x8f\xa6\x95;\xe7\x9c\x10"IR\xd7\x17p\xce\x9dN\'!\'\xc2\xd7\xfe\xc3b\xb1X\xad\xd6\xd3\xbeX\xfbU\x94R\xdc\x18\xce\x05\xe6\xdf\xb30\xff^\x04\x1b@\xc0hE/\x84\x90\xe5S\xc7U\x8c\xb1\x8a\x8a\x8a\x83\x07\x0f\x16\x14\x14\xd4\xd5\xd5}\xb7}\xbb\xaa\xaaUUUU\x95\x95\x9d6\x80\xc8\xc8\xc8\xb4\xb44!DVvvB\x9f&gt;999\xfd\xfb\xf7\x1f0`\x80\xcdf\xeb\xf8\xdb\x00\x00\xb7\x84\xd3\xea&gt;\xff\xc2\x82\x82\xba\xba\xba\xed\xdfmWU\xb5\xba\xaa\xaa\xaa\xeaT\xfe@\x08\x08\x11\x19\x199dH\x9a\x00\x91\x95\x95\x9d\x90\x80\xf9\x9f7\xac\xff\xde\x08\x1b@\x00\x08!\x18c\xfe\xbag\x8c\x95\x94\x94\xe4\xe7\xe7o\xf9\xf2\xcb\x92\xfd\xfb\xcb\xcb\xcb\x9b[[\x7f\xc4\xaf5\xc9rJJJ\xfa\xb0a?\xbb\xe8\xa2\xa9S\xa7\x8e\x1c9\xd2\xbf1\xa8\xaaJ)=\xd3\xa1\xb4\xd1\x9c1\xff-_\x96\x94\xec///on\xfe1\xf9\x9bMr\xdf\xbe)\xe9\xe9\x98\xffY`\xfd\xf7^\xd8\x00~\x12mH\xa2\x1d\xe72\xc6\xb6m\xdb\xb6z\xd5\xaau\xeb\xd6\x1d()\xf1\xf8|\x1d_\x19i\xb1D(\xca`\xbb]\xa24RQ2\xe2\xe2\xd8\xc9\xe4\x05\x80BiyssE[\x9bD\xe9!\xa7\xb3\xc5\xebmt\xb9:\xfd\xadA\x03\x06\\v\xf9\xe5\xd7\xff\xfc\xe7\x97^zitt4\x9c\x1cs\x19y@t\x9a\xfcW\x9f\xcc\xdf\xfb\x83\xfc\xa3"-\x116eD\xaa\x9dJ\xd4\x1e\xa9d\x0f\x8f\x13Lh\xb1\t\x01D\xa1\xe5G\x9a\x8fT\xb4\x11\x89\x1e&lt;\xecln\xf5\xd67v\xc9\x7f\xd0\x80\xcb.\xbb\xfc\xfa\xeb1\xffS\xb0\xfe{;l\x00?\x12c\xcc_y\xc7\x8e\x1d[\xbe|\xf9\xdbo\xbd\xb5k\xf7n\xff\x0b\x08\xa5\xfd\xa3\xa2\xb2\x12\x122\x13\x122\xe3\xe3\xd3bc\xa3L\xa6x\xabU"\x84\x00(]\xe6FU\xce\x19\xe7\x84\x90\x06\xb7\xbb\xcd\xe7+mj*jh(\xaa\xaf\xdfU[{\xa8\xb9\xd9\xed\xf5\xfa_9\xa0\x7f\xff\x9bg\xce\xbc}\xd6\xac\xec\xecl\xff\x9b9\xeddk\x18;M\xfeo\xbf\xb5k\xd7\xa9\xfc\x81\xd0\x81\xfd\xa2.\xccL\x183"!\'#~\xf8\xe0\xd8\xe8h\x93=\xce\n\x94\x00\x010I\xd0\xb1\xf0\t\x80\xca\x81q \xa4\xbd\xc1\xdd\xe6\xf2\xed-k\xdaY\xdcP\xb8\xbf~\xfb\xee\xda\x03\x87\x9b\xdd\xee\x0e\xf9\x0f\xe8\x7f\xf3\xcd3o\xbf\x1d\xf3\xc7\xfa\xef\xf5\xb0\x01\x9c7m\xa2S+\xb8\xaf\xbe\xfa\xea\xb5\xd7^\xfb`\xe5\xca&amp;\xa7S\xfbi\x8c\xd5\x9a\x9d\x900\xa9_\xbf\x8b\xfa\xf6\x1d\x12\x13\x93`\xb5\xca\x94\xfa8\xf72\xc68\xf7q\x0e\x00\xe2t+\xe1\xfc\xcb\x1ddJ)!fIR(\x15\x00N\x8f\xe7\xb0\xd3\xb9\xa3\xa6f\xd3\xd1\xa3\xbbkk\x8f\x9e\xfcC&amp;Y\xbe\xf4\xf2\xcb\xef\xb9\xe7\x9ei\xd3\xa6\x99L&amp;m4d\x84\xcd\xa0k\xfe\xab&gt;X\xd9\xd8t"\x96X\xbb5\'+\xe1\xca\x89\xfd&amp;\x8d\xeb\x9b18\xc6\x16o\x05\x99\x82\xca\xc1\xcb\x80q\xee;\x99??]\xfe\x04\x00\x80\xca\x14(\x01\xb3\x042\x05\x01\xac\xd9SR\xee\xdc\xb6\xabf\xed\xe6\xa3\xdf\x17\xd4\x1e&gt;v2\x7f\x93|\xe9\xa5\x98?\xd6\x7f\xef\x86\r\xe0&lt;t\x9c\xeb\xfc\xf4\xd3O\x17-\\\xb8\xe1\x93ON\xfc\x8c\xd2\xb1\x0e\xc7\x95\x03\x06\\7d\xc8\x80\xe8h\x85R\x1fcn\xc6|\x9c\x0b!\x08!\x14\xceu\x9d\xb3\x80\x13\xdb\x07\x17\x82\x10"\x11b\x96$\xb3,\x0b!j\xdb\xdb\xf3\x0f\x1dZw\xf8\xf0\x17\xc7\x8f\xbb&lt;\x1e\xed\xf5Y\x99\x99\x0f&lt;\xf8`^^\x1e\xfcp\\\x16~:\xe7\xbfh\xe1\x86\r\'\xf3\x07:1\xc7q\xfd\x15\x03n\xb9vH\xbf\x0b\xa2A\xa6\xe0c\xe0a\xccw"\x7fB\x81\x9c\xdb\x17 \x04h\rB\x08A\x80H\x12\x01\xb3\x04f\x19\xb8h\xa9o_\xfd\xc9\xa1\x0f\xf2\x0f\x7f\xb2\xe5x\x9b\xebD\xfe\xd9Y\x99\xf3\x1f0d\xfeX\xff\xbd\x1f6\x80s\xa5\xcd6\x02@II\xc9\xc2\x85\x0b\x97-]\xaa\x05g1\x99n\x18&lt;\xf8\xd6a\xc3r\x1c\x0e\x9b,\xb7\xf9|\x1e\xc6N\xect\x02T\x89\xfc\xe4\x97\xa4P\x1a\xa9(\x1c`_}\xfdG\x07\x0f\xbeYTT}\xf2\xf4\xda\x94)S\x1ey\xe4\x91\xc9\x93\'C\x98\x1e\x11w\xca\xff\xf5eK\xb5A\xbc\xd5b\xfa\xe5u\x83\xe7\xcc\x1c6~\x8c\x03\xac2\xb8|\xdc\xc3\xb4}\x07\r\xc4\x17\xa0\x1d.p\x01\x04@R(D( \xa0\xb8\xa8\xfe\xdfk\x0f.~\xb7\xa8\xa2\xda\xa0\xf9c\xfd\x87\x07l\x00\xe7DUUY\x96\xbd^\xef\xa2E\x8b\x9e}\xe6\x99\xc6\xa6&amp;\x00\x88\xb1Z\x7f9l\xd8/\xd2\xd2.LJ\xf2q\xde\xe6\xf52!\xa4`^\xba\xa2\r\x8b\x00\xc0&amp;\xcb6E)kjZ}\xf0\xe0\xdb\xc5\xc5\x07\x1b\x1a\x00\x80\x00\xe4\xcd\x99\xf3\x97\xbf\xfc\xa5o\xdf\xbea6\x14\xea\x98\xffs\xcf&gt;\xd3\xd0\xd8\x04\x00q1\xd693\x87\xcd\xbe&gt;-st\x12\xa8\\\xb4y\x19\x13\x92\x14\xcc\xfc\x05p.\x08\x00\xb5\xc9`U\xaa\x0f7\xbd\xf9\xd1\xc1\xa5\xcb\x8b\x8bJ\x1b\x00\x80\x10\xc8\xcb\x0b\xff\xfc\xb1\xfe\xc3\t6\x80\xb3\xd0\xaeK\xa4\x94n\xdd\xba\xf5\xee\xbb\xef\xde\xb3g\x0f\x00\x98\x15\xe5\x86\xc1\x83\xef\x1d=zTbb\xab\xd7\xebRU\x02@CXm\\\x08.\x84Y\x96\xed&amp;SE[\xdb\x92\x82\x827\x8b\x8ajZ[\x01 )1\xf1\xaf\x8f?~\xe7\x9dwBX\x0c\x85N\x9b\xbf\xd5\xac\xdcz\xfd\xe0\x87\xef\x1a\x9d\x9e\x9d\x08m^\xe6R\t\x01JC\x98?\x17\x9c\x0b\xd9,\x83\xdd\xe4\xach{~Y\xc1+o\x17U\xd6\xb6\x02\x80#)\xf1/\x7f\r\xf3\xfc\xb1\xfe\xc3\x066\x80\xee\xf8\x0b\xe8O\x7f\xfa\xd3\x93O&lt;\xe1\xf1z\x01`b\xbf~\x8f\x8e\x1d;\xb1_\xbf6\x9f\xaf\xcd\xe7\x93\x08\te\xe9w$\x00\x18\xe7&amp;I\xb2\x9b\xcd\xa5MM\x0b\xbf\xfdv\xc5\x81\x03\x821\x00\xb8\xe5\x96[^x\xe1\x85\xf8\xf8xm\xec\xd6#o\xef\xa7\xfbA\xfeO&gt;\xe1\xf1x\x01`\xca\xf8~\x7f\xfd\xed\xd8q\xe3\xfb\x81\xcb\xa7\xba|\x94\x92P\xee\xfa;\x12\x02\x18\xe3\xb2I\x02\xbb\xb9\xa2\xb4\xe9\x0f\xcf~\xfb\xfa\xfb\x07\xb8\x08\xd3\xfc\xb1\xfe\xc3\x116\x803\xd2\xaa\xbf\xb2\xb22///??\x1f\x00\xa2-\x96\x87sr\xe6fg\x03@\x8b\xd7K{\xae\xf4;\xd26\x03\x8b,G\x9aL\xff)+{l\xcb\x96\xb2\xa6&amp;\x00\x18:t\xe8\xd2\xa5K\'L\x98\xd0K\xc7A]\xf3\x8f\x8d\xb6\xfc\xf9\xc1\x9c\xff\x9e\x93\r\x00\xac\xc5Kzn\xd7\xdf\xd1\x896`\x91!\xd2\x94\xbf\xbe\xec7\x7f\xda\xb2\xffP\x13\x84c\xfeX\xff\xe1\x07\x1b\xc0\xe9i\x03\x87\xad[\xb7\xde|\xf3\xcd\x15\x15\x15\x00\x90\xe3p\xfc\xfd\xf2\xcb3\x12\x12\x1a\xda\xdb\x05\x80\xa4\x83\xd2\xefH\x08\xc1\x84\x88\xb5X\x1a\xdd\xee?l\xdd\xfanq1\x08aV\x94\xbf\xff\xdf\xff\xddu\xd7]\xbdnJ\xb4k\xfe\x13/t\xbc\xf6\xf4\xe5CG$\xf0\x86v\x10@%}}\x16!\x04cB\x8e\xb18\x9b\xdc\x0f-\xd8\xfa\xea\xbf\x8b\x01\x84\xd9\xa4\xfc\xfd\x1fa\x92?\xd6\x7fX\xc2\x06p\x1aZ\xf5/Y\xb2\xe4\xde{\xef\xf5\xf9|@\xe9\x9d\x19\x19\xff;a\x82Bi\xab\xd7+\xeb\xf8\x02t\x95s\x93$E\x9aLK\x0b\x0b\xff\xfc\xf5\xd7-\x1e\x0f\x00\xdcu\xd7]/\xbf\xfcr/\xda\x06:\xe7\x0ft~^\xc6S\xbf\x9f +Tm\xf5\xca\xb2~\xf3g*\x97L\x12D\x9a^\xfdW\xe1o\x1f\xff\xba\xa9%,\xf2\xc7\xfa\x0f_\xd8\x00:\xf3W\xff\xbcy\xf3\x00 \xd2l^0~\xfc\x9d\xd9\xd9\r\xed\xed\xda"\x87\x9e~\x83g!\x84`\x00\x89V\xeb\x96\xe3\xc7\xef\xd9\xb8\xf1\xb0\xd3\t\x00s\xe7\xce]\xbcxq\xaf\xd8\x06:\xe5o\x8f4?\xfb\xc7\xf1s\xf2\xb2EC\xbb\xe0B\x0fs&gt;\xdd\x13Bp\x0eR\x82\xf5\xdb\xaf\x8e\xcf\xfa\xcd\xc6\x92\xf2\xde\x9d?\xd6\x7fx\xc3\x06\xf0\x03\x9d\xaa?\xc6by\xfb\xea\xab/\xee\xd7\xaf\xc6\xe5\x92\xf4\xbf\xef\xe9\xc0\xc7y\x8c\xd9\\\xd7\xde~\xcb\x9a5\xbbkk\xa1\x97l\x03\x9d\xf2\x8f\xb7[\xd6\xbd~u\xee\x84~j\xadK\x92\xf40\xe1|\xaeT\x1f\x97\xed\xe6\x86\xfa\xf6i\xb3\xd6|[\xd8[\xf3\xc7\xfa\x0f{\xd8\x00N\xe9T\xfd\xd9}\xfa\xbc&lt;ujZLL\x93\xc7\xa3\xe8\xf8\xb0\xf7LT\xce\xad\x8a\xe2Q\xd5\xff\xf7\xc5\x17\xef\xed\xdf\x0f\xba\xdf\x06:\xe5?6\xab\xcf[/LMK\x8dQ\x9b=z\x9e\xf69\x13\xa6r\xc9\xaa\xb4x\xd4\xf9\x8f}\xb1te\xef\xcb\x1f\xeb\xdf\x08\xb0\x01\x9c\xd0\xb5\xfaW\\w]\x9c\xc5\xd2\xec\xf1\xe8y\xd2\xb3{L\x08\x13\xa56E\xb9w\xe3\xc6\xe5\xc5\xc5pr\x1b\xd0\x9e\xb0\xa1\xabm\xa0\xeb\xde\x7f\xfd[\xd7\xc5\xc6YX\xb3G\xea\x85{\x7f\rg\x82\x9a(X\x95y\x0fl\\\xb2\xa27\xe5\x8f\xf5o\x10\xd8\x00\x00N\xaex\xf3W\x7fV\x9f&gt;\xef]w\x9d\xdddj\xf3\xf9zo\xf5k\xb8\x10\x94\x90H\x93\xe9\xde\x8d\x1b\xff\xdda\x1b\xd0\xd5\xda\xb8N\xf9\xe7f\xf6\xc9\x7f\xfb\xba\xd8h\x13s\xf9z\xef\xde_\xc3\xb9\x10\x94H\x91\xa6y\xf37.y\xafw\xe4\x8f\xf5o\x1c\xd8\x00NT\xff\xd7_\x7f=q\xc2\x04.\x84\xddl^?c\xc6\xe0\x98\x98^=\xf6\xe9\x88\x0b!Q\xaaPz\xf5\xca\x95\xbbjj\x00\xe0\xb9\xe7\x9e\x9b?\x7f\xbeN\xae\x919\x95\xff\xc4\t\x9c\x8b8\xbb\xf9\xbb\x8ff\x0cJ\x8d\xe9\xd5c\xff\x8e\x04\x17B\xa2D\xa1\x13~\xbe\xf2\xeb\xdd:\xce\x1f\xeb\xdfx\x8c\xde\x00\xb4\x83\xc1\x9a\x9a\x9a\xec\xec\xec\x9a\x9a\x1a\x9b\xa2\xac\x98&gt;}\\r\xb23\\\xaa_\xc3\x85P$\xa9\xcd\xe7\xbb~\xd5\xaa\xfd\x8d\x8d \xc4\x86\r\x1b\xae\xb8\xe2\x8a\x1e\x1f\x07\xf9\xf3\x1f\x99\x9d]]S\x13aS&gt;{{znn2s\x86\xc9\xde_\xc3\xb9\x00Ejj\xf3]v\xd3\xaa\x82\x92F\x00\xdd\xe5\x8f\xf5oL\xe1\xf3\x1d\xff8\xda\xadNf\xcd\x9aUSS\x03\x00\x7f\x990aR\xbf~M\xe1U\xfd\x00@\t\xf1\xa8j\x82\xc5\xf2\xe2\x94)1&amp;\x13\x00\xcc\x9a5\xab\xba\xba\x9aR\xaa%\xd0S\xfc\xf9W\xd7\xd4\x00\xc0\x8b\x7f\x9c\x90;\xa1\x9f\xda\x14V{\x7f\x00\xa0\x94\x08\x8f\x1a\x17oy\xeb\xf9)qv\x13\x00\xfcJg\xf9c\xfd\x1bSX}\xcd\xe7K;\x06\\\xb0`\xc1\'\x9f|\x02\x00y\x99\x99\xf3F\x8e\xacv\xb9z\xe3\x9a\x87\xb3\x92)m\xf4x\xc6:\x1cOL\x9a\x04\x00\xd5\xd5\xd5\xb3f\xcd:\xf5`\xf4\x9e\xd0)\xff\xf9\xbf\xca\x9c}\xe7H_\xadKV\xc20\x7fI\xa6j\x93\'+\xc7\xb1\xf8\xaf\x93\x00\xa0J\x7f\xf9c\xfd\x1b\x90q?\xbfv\x7f\xf3o\xbe\xf9f\xd2\xa4I&gt;\x9fotb\xe2\x9a_\xfcB\xe5\\\x00\x84\xf1\xe2\x00\x1f\xe7\x896\xdb\xfcM\x9b\x96\xed\xd9\x03\'\'C{\xe4@\xb8S\xfe?\x1b\x99\xb8\xe5\x83_\x08\x95K\x02\xc2xu\x86\xaar\xb9\x8f\xed\x81\x876=\xff\x86\xbe\xf2\xc7\xfa\xef\xe9\xb7\xd63\x0c\xda\x00\xb4\x07\xc81\xc6\xb223K\x0e\x1c\x884\x99\xf2g\xcc\x18\x1c\x13\xa3\xdd\xdd\xb0\xa7\xdf]\x10i\x9b\xb7B\xe9\x95\xef\xbf\xbf\xa7\xbe^\xa2t\xef\xde\xbdC\x87\x0e\x15B\xd0\x10\x8e\xfbN\xe5\x9f\x95YRr *\xd2\xb4k\xcd\x8c\xd4\xd4\x18\xde\xe6\xd3\xdbM~\x02K\x08\xe0\x04@\xa1c\xaf}\x7f\xc7\xbezY\xa2{z6\x7f\xac\xff\x9e\xc8_?\x8c\xf8\x99\x01@{|\xe8\xd3O?]r\xe0\x00\x00&lt;\x9c\x9b\x9b\x99\x90\xd0\xe2\xf5\x86w\xf5\x03\x00\x01`B(\x92\xb4p\xd2$\xb3$q\xc6\xee\xbf\xff\xfe\xd0\x1f\x08\x9f\xca\xbf\xe4\x00\x00&lt;\xf9`n\xea\x88\x04\xb5\xc5\x1b\xde{\x7f\x00 \x04\x80\tI\x91^\xfd\xdb$\xb3Ib\xbc\xa7\xf3\xc7\xfa\xef\x89\xfc\xf5\xc3\x88\r@;\xf8---]\xb4h\x11\x00\x8cKN\xbe{\xd4\xa8\xfa\xf6\xf6\xb0\x9c\xfa\xecJ"\xc4\xe9\xf1\\\xdc\xbf\xff\x9dYY\x02`\xc3\x86\r\xef\xbd\xf7\x9e$I\x8c\xb1\xd0\xbc\x81N\xf9O\xcaM\xbeg\xee(\xd6\xd0\x1e\x96S\xff]I\x12Q\x9b=\xa3\xc7\xf7\x7fhN\x96\x10=\x9f?\xd6\x7f\x88\xf3\xd7\x15C|\xe5\x9dh\x0f,]\xb0`\x81\xd3\xe9\xb4\xc8\xf2\x1f.\xba\x08\xb4GQ\x1b\x86Li\x93\xdb}\xff\x981\x83bb(!\x8f=\xf6\x98\xd7\xeb\r\xd98\xe8\x07\xf9\x9b\xe5\xe7\x1e\xbd\x08\x00\x88\x91\xbe\x00I\xa2\xcc\xe9~\xf8\xde1i\x03c(\xed\xd1\xfc\xb1\xfeC^\xff\xbab\xb8\x06\xa0\x9d\xf0\xf9\xe2\x8b/\xde~\xfbm\x00\xb8&amp;5uR\xbf~\xcd\x1eO\xd8\x1f\xfcvD\x00\xbc\x8c9""\xee\x1b5\x8a\x0bQRR\xf2\xf4\xd3O\x87fI\\\xa7\xfcgNK\x1d3\xb1\x1fk\xf6\x84\xfd\xe4OG\x84\x80\xf0\xb2\xe8\xc4\x88\xc7\xee\x1e\xc5yO\xe6\x8f\xf5\x1f\xe2\xfa\xd7\x1b\xc35=\xed;\x9e2y\xf2g\x9b7\xc7Z,\x1f\xddp\xc3\xe0\x98\x18\xb7\xaa\xf6\xa6[M\x06\x0e!\xe4\xfaU\xabv\xd7\xd6\xc6\xc5\xc5\xed\xdb\xb7\xafO\x9f&gt;\xda?\x06\xef/\x9e\xc8\x7f\xca\xe4\xcf&gt;\xdb\x1c\x1fc\xf9f\xe5\r\xa9\xa91\xe0V{\xd5\xbd&amp;\x03@\x00\x08\x00\x1f!\x93f\xac\xda^\x18\xf2\xfc\xb1\xfe\x01\xa0\'\xea_o\x8cu\x04\xa0\xdd\x08p\xc7\x8e\x1d\x9b7o\x06\x80\x9b\x86\x0e\x1d\x9d\x98\xd8\xe6\xf3\x19\xb3\xfaU\xce\xa3M\xa6\xdf\x8c\x19#\x84\xa8\xaf\xaf\x7f\xeb\xad\xb7\x08!A\x9d\t\xed\x94\x7f\xde\x8dC\x87\x8cL\xe4m&gt;\xa3\xed\xfd\x01\x80\x00\x08\x95\x9b\xa3M\x7f\xbe\xaf\xc7\xf2\xc7\xfa\x0fq\xfd\xeb\x90\xb1\x1a\x80\xe6\xa5\x17_\x14\x00fY\xbe9=\xbd%\xdc\xd7\xbduC\xa6\xd4\xe9\xf1L\xea\xdf\x7fHl,!d\xe9k\xaf\xb5\xb7\xb7K\x92\x14\xec\x83\xc2\x97^zQ\x08\xb0\x98\xe597\xa6\x8b\xd60_\xf7\xd9\r*S\xee\xf4L\xba\xb8\xff\xb0\xc1\xb1\x84\x90\xa5KC\x95?\xd6?\x00\xf4\\\xfd\xeb\x8a\x81\x1a\x80\x10B{\xc8\xf5{\xef\xbd\x07\x00\xd7\x0f\x19r\xa1\xc3\xe1\xf2z\x8d9\xfc\xd1\xa8\x9c\xc7[\xad\xff5r\xa4\x10b\xef\xbe}\x9f~\xfa)!$H3\xa1\xfe\xfc\xdf\x7f\xef=\x00\xb8\xf5\xda!\xc3\xc78\xb8\xcbk\xc0\xe1\xbfF;\x08\xb0\xc5Z\x1f\x9d;R\x08\xb1wo\x88\xf2\xc7\xfa\xf7\x0be\xfd\xeb\x93\x81\x1a\x80vp\xf7\xee\xbb\xef\xb6\xb6\xb5I\x94\xde6|\xb8\xcay8_uz\x0e$J\x9b=\x9ek\x07\x0fN\x8e\x8a"\x84,^\xbc\x18\x826\x07\xea\xcf\xbf\xa5\xb5M\x92\xe8=\xb7\x0c\x17&gt;\x1e\xd6\x97\x9d\x9e\x1d\x95\xa8h\xf1\xdcx\xf5\xe0~\x8e(B\xc8\x92\x90\xe4\x8f\xf5\xef\x17\xca\xfa\xd7\'\x035\x00I\x92\xbc^\xef\xeb\xcb\x96\x11BF%&amp;\xe6:\x1c\xad\x06\xb8\xf2\xa5{\xdar\x88\xa4\x88\x88\xe9\xa9\xa9B\x88O?\xfd\xf4\xc0\x81\x03AZ\x0e\xa1\xe5\xff\xaf\xd7\x97\x11B\xc6f\'\x8e\xc9q\x886\xafd\xd4\xf9\x1f\r!\xc0\xbc,"1\xe2\xd6kC\x94?\xd6\x7fG\xa1\xac\x7f}2J\x03`\x8c\x11Bv\xec\xdc\xb9g\xef^!\xc4U\x03\x07\xda\x14\x85\x19i\xb2\xefL\x08!&gt;\xc6\xa6\r\x1aD)u\xb9\\\xabW\xaf\x86\x93kE\x02H\xcb\x7f\xe7\x8e\x9d\x85{\xf6\n!n\x9c:\x90\xda\x14\xce0\x7f \x84\x80\x8f\xddx\xc5 Ji[\x90\xf3\xc7\xfa\xef*4\xf5\xaf[Fi\x00\xda\x89\x9d\x0fV\xae\x14B\xc4X\xad?\x1f2\xa4\xcd\xe7\x93\x8cq\xe9c\xf7$BZ\xbd\xdeq\xc9\xc9\x17:\x1c\x84\x90\xd5\xabViW\x8a\x06\xf6\xaf\x9c\xc8\xff\x83\x95B\x88\xb8\x18\xeb/\xa7\x0f\x816\x9f$a\xfe I\x84\xb7ys\xc7&amp;\x8f\x1f\xe3 \x84|\xb8:\x98\xf9c\xfdw\x11\x9a\xfa\xd7-\xa3|N\xed\xf8\xf7\xe3\xb5k\x01 #&gt;~\xa0\xdd\xeeQUC\x1f\xfdv\xc0\x84\x88P\x94\x89\xc9\xc9B\x88\x1d;v\x1c&lt;x0\xe0G\xc1\x92$\xf9\xbc\xde\xb5\x1f\xaf\x05\x80Q\xc3\xe3\x93\x07\xda\xb9G5\xf6\xf4\xc3)\x9c\tjS\xa6\\\x94,\x84\xf8&gt;h\xf9c\xfd\x9fI\x08\xea_\xb7\x0c\xd1\x00\xb4\xc7\x1e\x95\x95\x95\x95\x96\x96\x02\xc0%))\n\xa5\x1c\x8f\x7fO"\x84x\x18\x9b\xd8\xaf\x9fD\xa9\xdb\xe3\xd9\xbau+\x04\xf4(X\xcb\xbf\xb4\xac\xac\xac\xb4\x14\x00\xae\xba8\x05d\xca9\xe6\x7f\x02!\x04\xbcl\xea\x84~\xb2D\xdd\xee`\xe5\x8f\xf5\x7f&amp;\xc1\xae\x7f=3J\x03\x00\x80u\xeb\xd6y\xbc^\x89\xd2\xf1))^\xce\ru\xae\xbf{\x94\x10\xb7\xaaf%$$GE\x01\xc0G\x1f}\x04\x01]\x0b\xa1\xe5\xbf~\xdd:\xb7\xc7+Kt\xf2\xcfR\xc0\x87\xf9\x9fB)\x01\xb7:2#!\xc5\x11\x05\x00k\x82\x93?\xd6\xff\x99\x04\xbb\xfe\xf5\xcc\x10\r@\xfb.\xb5\xc6\xee\x88\x8a\x1ab\xe0k\xdfO\x8b\x00\xf88\x8f\xb7Z3\xe3\xe2\x00`\xe7\x8e\x1d.\x97+\x80W\xc4h\xf9o\xd9\xba\x15\x00R\x92\xa2\xd2\x87\x18\xf1\xde\x0f\xdd \x04\x98\x8f\xdb\xe2\xac\x17f\xc4\x01\xc0\xce\x9dA\xc9\x1f\xeb\xffL\x82]\xffzf\x88\x06@)\xf5z\xbdE\xfb\xf6\x01\xc0\xc8\x84\x84&gt;6\x9b\x8fs,\xff\x8e\x84\x10\x12\xa5?KN\x06\x80\xea\xea\xea\xa3G\x8f\xc2\xc93\x87?\x9d\x96\x7fq\xd1&gt;\x00\xc8\xcdN\x88\x88\xb71\x1f\xc7\xfdOGB\x08\x90\xe8\xa5c\x83\x98?\xd6\x7f7\x82Z\xffz\x16\xfe\r@\x9b\x00\xad\xac\xac&lt;R^\x0e\x00Y\xf1\xf12\xa5F\xf8j\xcf\x0b!\xc4\xc7yfB\x02%\xc4\xed\xf1\x14\x14\x14@\x806\x80S\xf9\x1f)\x07\x80\x0b3\xe2A\xc6\xfc;#\x84\x80\xcaG\x8fH\xa0\x94\xb4\xbb\x83\x93?\xd6\xff\x99\x05\xaf\xfeu.\xfc\x1b\x80\xf6-\x1e:t\xa8\xd5\xe5\x02\x80\x11\xf1\xf1*N\x80vA\t\xf1\xaa\xea \xbb=\xdaj\x05\x80\xa2\xa2"\x08\xd0\x06\xe0\xcf\xbf\xa5\xd5\x05\x00\xa3\x86\xc5\x03\xc3\xfc;\xa3\x94\x80WM\x1fd\x8f\x89\xb2\x02@q\x10\xf2\xc7\xfa\xefF\xf0\xea_\xe7\x8c\xd2\x00\xb4\x96\x1ee\xb1\x0c\x8d\x8d\xf50\x86\x1b@\'\x04\xc0\xcbyRD\xc4\xa0\xe8h\x00\xd8SX\x08\x01:\x0f\xa6\xe5_XP\x00\x00\xf6(K\xc6\xd0X\xf0`\xfe\x9d\x11\x02\xc2\xcbc\x13#\xd2\x06E\x03@\xe1\x9e\x00\xe7\x8f\xf5\xdf\xbd\xe0\xd5\xbf\xce\x85\x7f\x03\xd0TUU\x01\x80MQ\xa2\xcdf&amp;D\xf8\x7f\xb1\xe7O\x08a\x91\xe5X\xb3\x19\x00\xaa\xab\xab\xb5\xe7F\x05\xea\x97\x9f\xc8\xdf\xaa\xd8\xa3\xcd\xc0\x84\x01\xb6\xac\xf3&amp;\x84\x90\xcdr|L0\xf3\xc7\xfa?\xb3\xa0\xd6\xbfn\x85\x7f\x03\xd0.\xea\xdb\xb9c\x07\x00\x0c\xb6\xdb\xe3\xadV\x1fc\xe1\xff\xc5\x9e?.\x84LifB\x02\x00\xec\xdf\xbf\xbf\xa9\xa9\x89\x06b\xb2X\xcb\x7f\xc7\xce\x1d\x000l\xb0=2\xce\xca}\xcc\x00[\xd6y\xe3\\\x80L/\xccH\x00\x80\x92@\xe7\x8f\xf5\x7fVA\xaa\x7f\x9d\x0b\xff\x06\xa0\xf1\x7f\x91\xb8\xfa\xad\x1b\xe4\xe4\xcd99c\x92$\x05\xf07k\xf9\x13m\xb2\x1b\x9d\t\x01-\x1e\xce\x83\x92?`\xfdw+x\xf5\xaf[\xe1\xdf\x00\x08!n\xb7\xfb\xf8\xf1\xe3\x00`7\x99p\x03\xe8\x86\x10\xc2n6\x03@\x9b\xcb\xa5%\xf6\xd3G@Z\xfe\x15\xc7\x8f\x03@l\xb4\t\x88\xa1\x1e\xff~\x9e\x84\x88\xb5\x9b\x01\xa0\xad-\xc0\xf9c\xfd\x9f\x8b`\xd4\xbf\xce\x85y\x03\xd0&amp;\xf2\\.\xd7\xb1\xa3G\x01`D|&lt;^\x04\x7f&amp;\x84\x10U\x88\x8c\xf8x\x00p\xb5\xb7\x1f;v\x0c~\xf2\x06p*\xffcG\x01`\xf4\xf0xP\xa8\xc0\x9b@\x9c\x0e!\x04\x98\x18=,\x1e\x00\xda\\\x81\xce\x1f\xeb\xffl\x82Q\xff\xfa\x17\xe6\r@C\x08Q\x14\x05\x00\xb0\xf4\xcf\xca\x7f\x8b`-\xb1\x80\xf0\xe7\xaf\xe2\xae\xffl\xfc\x11\x05#\x7f\xac\xff\xb3\nF\xfd\xeb\x99!\x1a\x00\x18\xa0\x93\x07\x8a\x7f\x82 \xb0\x89\xf9\xcf\x01\xa0\xee\x055\x7ftVA\xca_\xb7\x8c\xd2\x00\x10B\x08ub\x94\x06\xa0-\xe95DO\xffi\xfc\x11\x05v\x11\xf4\x89\xfc\xf1\x0b8\x1b\x7fDA\xc9?\x80\xbf1L\x05\xa9\xfeu\xcb\x10\r@\x08\xa1\xaa*\x00(\xb8\x08\xf1l\x94\x93\xcfB\xd2\x12\x0b\x08\x7f\xfe&amp;\xc5\x10\xf5\xf6S\xf8#\nF\xfeX\xffg\x15\x8c\xfa\xd7\xb3\xf0\xdf \x85\x10\x8a\xa2\xd8cb\x00\xa0\xbc\xb9\xd9\x877B93JHys3\x00(\x8ab\xb7\xdb!\x10\xe3\xa0\x13\xf9\xdbc\x00\xe0\xe0\x91f\xbc\x11Pw(9x$8\xf9c\xfd\x9f\x83`\xd4\xbf\xce\x85y\x03 \x84\x08!\xa2\xa2\xa2\xd2\xd3\xd3\x01\xe0HK\x8b\x8a\xd7\xc1\x9f\x81\x10B"\xe4ps3\x00\xc4DG\x0f\x1d:\x14~\xf2\x06\xe0\xcf\x7fhz:\x00\x94\x1em\x01\x15\xef\x03qzB\x08\xa0\xa4\xf4h3\x00\xc4\xc6\x048\x7f\xac\xff\xb3\nF\xfd\xeb_\x987\x00?\xaf\xd7\x0b\x00fI\xc2\x0ba\xbag\x91$\x00`\x8c1\xc6\x02\xf8k\xb5\xfc-f\tp\x12\xa2[Vs\x10\xf3\xc7\xfa?\xab \xd5\xbfn\x85\x7f\x03\xd0\x9e\x877r\xe4H\x008\xd4\xdc\\\xefr\xc9\x94\xe2\xd9\xb0\xae\xb4[\xa2\xefkh\x00\x80\xb4\xb4\xb4\xe8\xe8\xe8\x80\xdc\x0f\xabc\xfe%\x87\x9a[\x1b\\D\xa6x6\xb8+\xed\x91\x00;\x8b\x1b\x00`Hp\xf2\xc7\xfa\xefF\x90\xea_\xe7\xc2\xbf\x01h\x1c\xc9\xc9\x00\xd0\xec\xf1\xb4\xfa|R\xb8\x7f\xa9?\x0e\x05P9\xafko\x07\x80&gt;\x89\x89\xb2,\x07p)t\xb2#\x19\x00\x9a\x9a=\xae6\x1f\x910\xff\xd3 \x14\xb8\xca\xab\xeb\xda\x01\xa0O\x9f\x00\xe7\x8f\xf5\x7fVA\xad\x7f\xdd\n\xff\x06\xa0\xf5\xf0\xec\xecl\x00hv\xbb\x0f;\x9d&amp;Y\xc6K";\x11\x00\xb2$\xd5\xb9\\\xe5--\x00\x90\x91\x99\t\'\x07\x8f?\x91\x96\x7fVv6\x008[\xdc%eN0\xc9\x1c/\t\xfe!!\x80\xcaRK\xbd\xab\xb4\xbc\x05\x0023\x02\x9c?\xd6\x7f\xf7\x82W\xff:g\x94\x060p\xe0@\x8b\xd9\xcc\x85\xd8[_\xaf\x18\xe0.\xaf\xe7K\x08a\x96\xa4\xf2\xe6\xe6z\x97\x0b\x00\xb4s\x86\x01q*\x7f\x8b\x99s\xb1\xab\xb8\x1e\x1f\t\xd9\x95\x10\x02\xccR\xd9\xe1\xe6\xda\x06\x17\x00\x0c\rF\xfeX\xffg\x16\xbc\xfa\xd79\x035\x80d\x87\x03\x00\xf6\xd6\xd7\x0b\\\x08\xd1\x05\x17B\xa1\xb4\xb8\xa1AeL\x91\xe5Q\xa3F\xc1\xc9[\xc9\xffD\xfe\xfc\xfb&amp;;\x00`gQ=\x08\\\x08\xd4\x99\xf60\x80\xc2\x92\x06\x9f\xca\x14%(\xf9c\xfdw#x\xf5\xafs\xe1\xff\t\t!\x9cs\xab\xd5\x9a&gt;|8\x00\xec\xac\xadm\xf2xd\x03|\xb5\xe7E\xdb#|SY\t\x00qqq\xa9\xa9\xa9\x10\xa05p\xfe\xfc\x87\xa6\x0f\x07\x80ov\xd5z\x9b=T\xc6\xfc\x7f@Kz\xf3\xf6J\x00\x88\x0fN\xfeX\xff\xdd\x08^\xfd\xeb\x9c!\xea@\x9b\xcb\xcb\xcd\xcd\x05\x80#N\xe7\xa1\xa6&amp;\xb3,\x87\xff\xf4\xde\xf9\x90)uz&lt;\xbb\xea\xea\x00`\xc4\x88\x11QQQ&lt;pW\x0cu\xcc\xbf\xec\xa8\xf3\xf0\xa1&amp;b\x96\r0\xbfz\x1e\xa8L}\xcd\x9em\xbb\xeb\x00`x0\xf3\xc7\xfa?\xad\xa0\xd6\xbf\x9e\x19\xa2\x01h_\xe4\xb4i\xd3dI\xf2\xa8\xea\xf7\xd5\xd5fI2\xc2\x19\x9es\xc4\x01\xcc\xb2|\xb0\xb1\xf1\x88\xd3\t\x00\xd3\xae\xbe\x9aR\x1a\xc0|N\xe5/Kn\x8f\xbauG5\x980\xffS8\x07b\x96KK\x1b\xcb\x8e:\x01\xe0\xeaiA\xcb\x1f\xeb\xfft\x82]\xffzf\x88\x06\xa0\xcd\xe5\x8d\x1c9299\x19\x00&gt;=r\x84\x1b`\x85\xef\xb9\xe3\x9c[d\xf9\x8b\xe3\xc7=\xaaJ)\x9d&lt;y2\x04\xf4\xf8\xd7\x9f\x7f\xdf\xe4d\x00X\xb3\xf9\x08`\xfe\x1dp\xce\x85Y\xce\xdfr\xdc\xedQ%J/\x0fZ\xfeX\xff\xa7\x15\xec\xfa\xd73C4\x00B\x08c\xccf\xb3M\x9e2\x05\x00\n\xea\xebk].\x13^\x0es\x12!\x84q\xfeMe%\x01H\x1f:4##C\x08\x11\xc0g\xa2\xfa\xf3\xbf|\xf2\x14\x00\xf8\xae\xb0\xbe\xb5\xd6%\x99\xf0r\xb0\x13(!\x84\xf3\xcf\xbe\xad$\x04\xd2\xd3\x83\x98?\xd6\xffi\x05\xbb\xfe\xf5\xcc\x10\r\xc0o\xc6\x8c\x19\x00P\xd1\xdc\xbc\xfe\xd0\xa1\x08\x93\tWC\x03\x00\x07\xb0)Jam\xed\x96\xe3\xc7\x05\xc0\xb5\xd3\xa7\x9b\xcd\xe6 ]\x07\x7f\xd3\x8c\x19\x00p\xb4\xb2\xf9\xc3\r\x87 \xc2\xc4\xf0j\x00\x00\xce\x81\xda\x94\x03{j7n=.\x04\\sm\x10\xf3\xc7\xfa\xef*\x94\xf5\xafCFi\x00\xdaQ\xf0\xa4I\x93R\xfa\xf6%\x00k\xca\xcap)\xb4\x86sn\x93\xe5\r\xe5\xe5.\xafW\x92\xa4\x1bo\xbc\x11\x82p\xfc\xab\xe5\x7f\xf1\xa4I\xfdR\xfa\x12\x02\xcb\xffS\x06\\\x18\xa5\xf8\xba\xc59\x07\xab\xfc\xe1\xa7\xe5m\xedA\xcf\x1f\xeb\xbf\xab\xd0\xd4\xbfn\x19e\x1b$\x84\xa8\xaa\x1a\x15\x15u\xcb\xad\xb7\n\x80\xaf++\xf7\xd6\xd5\xd9\x14\xc5\x10\'z\xba\xa5\xad\x7fXu\xf0 !$\'\'\'77\x97s\x1e\xf0\xe3\xdfS\xf9\xdfr\xab\x10\xf0\xd9\xb6\xca\xb2\xa2:bS\x8cq\xa6\xad;\x92L\xd5f\xcf\x9b\x1f\x1e$\x84\xe4\x86 \x7f\xac\xff\x1f\nM\xfd\xeb\x96Q\x1a\x00\x9c\x1c\x04\xe5\xe5\xe5)\xb2\xec\xf2z?8p\xc0&amp;\xcb\x069\xd7\x7f&amp;L\x88(\x93i\xcb\xb1c\xc5\xf5\xf5B\x88;\xee\xb8#x\xeb\x1f\xb4\xfc\x7f\x9d\x97gR\xe46\x97\xf7\x8d\xd5\x07\x88M\x16\x06\xcf\x9f\t\x12i\xfa\xf2\xabc\x85\xfb\xeb\x85\x10s\x82\x9f?\xd6\x7fG\xa1\xac\x7f}2V\x03\xe0\x9cgdd\\r\xe9\xa5\x84\x907\x8b\x8a\xca\x9a\x9a,\xb2l\xe4#a\x02\xe0\xe5\xfc\xc5]\xbb\x84\x10III7\xdcpC\xf0N\x7f\xf9\xf3\x9ft\xc9\xa5\x84\x90\x97\xde-\xaa9\xd4D-\xb2\x91\xa7"\x08\x01\xe6\xe3\x7f}y\x97\x10\xc2\x11\xaa\xfc\xb1\xfe\xfdBY\xff\xfad\xa0\x06\x00\xda\x1dW\x00\x1ex\xe0\x01!D\xbd\xcb\xf5~I\x89\xddlV\x8d\xd4\xf0;bBD\x99\xcd\xdfUV~UQ\x01\x00\xb7\xdf~{BB\x02c,x\x13\xa0\x1d\xf3\xaf\xadw\xbd\xb5\xaa\x84D\x9b\x99j\xd4\xfc\x99\xa0Q\xe6\xdd\xdfW~\xf6M\x05\x00\xdc\x16\xda\xfc\xb1\xfeC_\xff:d\xac\x06@)\x15B\\v\xd9e\xc3\xd2\xd3)!\xcb\x8b\x8b\x8f\xb7\xb6\x9a%\xc9\xb8\x83 !\x16\x17\x14\x00\x80\xd9l\xbe\xe3\x8e;\x84\x10A\xbd\xff\xc9\xa9\xfc\x87\xa5SJ\x16\xaf(vV\xb4R\xb3d\xe0\x83\x00\xb1hi\x01\x00XB\x9c?\xd6\xbf&amp;\xb4\xf5\xafC\xc6\xfa\xb4\xfe\xfb\xa2&lt;\xfa\xbb\xdfq!J\x9b\x9a\xfe\xb9kW\x8c\xc5\xc2\x8c7\x08bB\xc4\x98\xcd\x1b\xcb\xcb\xd7\x94\x96\n!n\xbd\xf5\xd6\xe1\xc3\x87s\xce\x83\xba\x01\x9c\xca\xff\xd1\xdfq.\xf6\x975=\xbfd\x17\xb5[\x183^\xfeLH1\xe6\xcd\x9b\xca\xff\xfdq\xa9\x10\xe2\x96\x10\xe7\x8f\xf5\xdf\x13\xf5\xafC\xc4\x80\xab\xc1\xb4E\xbe\x93\'O\xfe\xe2\xf3\xcf\xe3l\xb6\r7\xde\xe8\x88\x88\xf0rn\xa0\x03?\x00.\x84MQnX\xbd\xfa\x9b\xca\xca\xb8\xb8\xb8={\xf6$%%\x85f\x04t*\xff/&gt;O\x88\xb5\x15||cbb\x04\xf8\xb8\xa1\x1e\x16\xc9\xb8 Ve\xf2\xcc\xd5\x9f\x7f[\x19\x1f\x17W\xd8#\xf9c\xfd\xf7D\xfd\xeb\x8a\xb1&gt;\xad\x9f$I\x0b\x16,\xa0\x92T\xefr=\xb1m[\xa4\xc9d\xa8A\x90\x8f\xf3x\xab\xf5\xad}\xfb\xbe\xae\xa8\x10B&lt;\xf8\xe0\x83\x0e\x87#\x94\xc3\x9f\x13\xf9S\xa9\xb6\xc1\xf5\xe8\xa2m4\xca\xc4\x8dt\x10\xa0\xaa\\\x8a\xb3\xbe\xf9\xee\xbe\xcd\xdb*\x84\x10\x0f\xf4T\xfeX\xff=T\xff\xfaa\xc4#\x00\x00`\x8cI\x92\x94\xf7\xeb_\xbf\xfe\xaf\x7fI\x94\xbe1m\xdaU\x83\x065\xba\xddF\xb8M.\x17\xc2$Iu\xed\xedS\xdf\x7f\xbf\xae\xbd=--\xad\xa0\xa0@\x96eBH\xc8N\x7f\x9d\xc8?\xef\xd7\xaf\xbf\xfe/I\xa2\xf9\xafM\x9b&lt;u\x10ktK\x06\xb8M4\xe7\x02LR]}\xfb\xa8k\xde\xaf\xaeo\x1f\x9a\x96\xb6\xbb\xa7\xf2\xc7\xfa\xef\xa1\xfa\xd7\x8f\xf0\xff\xbeOK\x9b\x0c}\xe2\xc9\'c\xecv&amp;\xc4\xef\xb7li\xf2xL\xc68\x1b\xc6\x85\x88T\x94\xdf\x7f\xf9eM[\x1b\xe7\xfc\x1f\xff\xf8\x87\xc9d\n\xf1\xf3\xafO\xe4\xff\xc4\x9311v\xc6\xc4\xdd\x7f\xdc\xd2\xd6\xe4\x01\x93!\xce\x06s!h\x84\xf2\xdf\xff\xfbeem\x1b\xe7\xfc\xef=\x98?\xd6\x7f\x0f\xd5\xbf~\x18\xb4\x01h\xcb!\x1c\x0e\xc73\xcf&gt;\x0bB\x1cv:\x1f\xf9\xe2\x8b(\x03\x1c\x08\xfb8\xefc\xb3-.(\xf8\xb8\xac\x0c\x00\xf2\xf2\xf2\xa6N\x9d\xaa\x8d\x07C\xf96N\xe5\xff\xcc\xb3\x00\xe2\xe0\x11\xe7\xfd\x8f}!E\x99\xc2\xfel\xb0\xea\xe3r\x82m\xd9\xd2\x82\x15\xeb\xca\x00`N\x8f\xe7\x8f\xf5\xdf\x13\xf9\xeb\x87A\xa7\x804\xaa\xaa\xca\xb2&lt;s\xe6\xcc\x15+V\x00\xc0\xa2K.\xb9{\xd4\xa8\xea\xb66%L\x0f\x84U\xcec\xcc\xe6\x9d55\xd7\xaf^\xed\xf2\xf9RSS\x0b\n\n\xacVkO\x1d\xfcv\xca\x7f\xe9\xdf.\xc9\x9b;J\xadn\x93\x95\xf0\xcc\x9f\xa9\\\xb2\x9b\x0bw\xd7\\t\xd3jW\xbbo\xd0 }\xe5\x8f\xf5o@\x86n\x00B\x08\xce\xb9\xd3\xe9\xcc\xcd\xcd=t\xe8\x90U\x96\xdf\xbb\xee\xba\xb1\x0e\x873\x1c\x9f\x99\xc7\x85P$\xc9\xe5\xf3]\xbfjUqc\xa3,I[\xb6l\x197n\\\x0f\x9e\xfb\xea\x94\xbf\xcd*o~\xe7\xba\x9c\x1c\x07sz\xc2\xefd\x00\xe7\x02\x14\xc9\xe9\xf2]:cU\xc1\x01=\xe6\x8f\xf5o@\xc6\xfd\xe4\x00\xa0u\xfe\xb8\xb8\xb8w\xdey\x87\x10\xe2R\xd5\xbb7l\xa8ko\xb7*\n\x0b\xaf\xbe\xa8}\x98\x08E\xf9\xcd\xa6M\xc5\r\r \xc4SO=5n\xdc8UU{\xb0\xfa;\xe5\xdf\xe6Rg\xde\xb7\xa1\xb1\xbe]\xb2*\x9c\x85W\xfe\x028\x00\xb5)\xf3\x1e\xdaTP\xa2\xd3\xfc\xb1\xfe\r\xc8\xd0\x1f\x1e\x00(\xa5\xaa\xaa\x8e\x1b7\xee\x9f\xff\xfc\'\x08q\xb4\xb5u\xe6\x9a5\x1eU5Q\x1aNwK\xe7B\xc4Z,\xf7n\xdc\xb8\xfe\xd0!\x00\x98={\xf6\xfc\xf9\xf3\xb5\x19\x80\x9e}c?\xc8\x1fD\xd9\xb1\xd6+o[\xe3\xf2\xa8`\xa2&lt;\x8c\x9e\x16\xc0\xb8\x90c-w?\xb0\xf1\xfd\r:\xce\x1f\xeb\xdfx\x8c\xde\x00\x00@\x96eUU\xe7\xcd\x9bw\xd7]w\x81\x10\x05\xb5\xb5\xbf\xfd\xfcs\x9b\xa2\x10B\xc2c\x1bP9O\xb4\xd9^\xda\xb9\xf3\xdd\xa2"\x00\xc8\xcd\xcd}\xe9\xa5\x97\xf4s\xcf\xdb\x1f\xe4\x0fb\xfb\x9e\xda{\x1f\xfd\x9c\xda\x14A\x88\x08\x8b\x1e\xe0S\xb9\xdc\xc7\xf6\xca+;_\xf9\xb7\xee\xf3\xc7\xfa7\x18l\x00\x00\x00\x92$\xa9\xaa\xfa\xf2\xcb/\xcf\x9d;\x17\x00V\x96\x94\xdc\xbbqc\x94\xc9$\xf5\xf2q\x90\x00`B$ED\xbc\xb8s\xe7\xef\xb7n\x05\x80\xdc\xdc\xdc\xfc\xfc|\x9b\xcd\x06zz\xeaE\xa7\xfc__]2\xef7\x1b\xa5(\x13H\xbd\xfc8@\x00cBI\x8cX\xf2\xca\xce\xbb\xff\xb7\xd7\xe4\x8f\xf5o\x1c\x86&gt;\t\xdc\x91vBL\x92\xa4y\xf3\xe6-Y\xb2\x04\x00n\x196\xec\xd9\xcb.\xe3B\xb8U\xb57\x9e\x13\xd3\x1e\xfc\x1dc6\xbf\xbck\xd7\xa3[\xb6\x80\x10css\xd7\xe7\xe7\xc7\xc6\xc6\xea\xf0\xc4W\xd7\xfc\xe7\xde&lt;\xec\xa5\x85\x97\xc9L0\x8f\xda\x1b\xcf\ts.\x04\x10)\xd6\xfc\xca\x92]w\xffa\x0b\x80\x18;6w\xfd\xfa^\x93?\xd6\xbf\x11`\x038\xa5\xeb6paR\xd2[\xd7\\\xd3\xc7jm\xf4xz\xd7\xda8\x95s\xb3,\xdbd\xf9\xfeM\x9b\xde\xde\xb7\x0f\x00\xf4_\xfd]\xf3\x9f0&amp;i\xcd\xb2kb\xe3\xadj\x93\xa7w\xad\re*\x97\xcc2X\xe5\xbb\x1f\xda\xf4\xca\xbb\xfb\x00@\xcf{\x7f\r\xd6\xbf\x01a\x03\xf8\x81\xce\xdb\x00!#\xe2\xe2\xfe1yr\xae\xc3Q\xebrI\xb4w\xdc\xaf\xcc\xc7y\x8c\xd9\\\xdf\xde\xfe?\x9b7k\x17\xbc\xf4\x96\xea\xef\xb2\x0f"\xa3\x87\xc7\xbd\xf6\xcc\xe4\xd19\x0e\xb5\xd6%I\xb4W\x1c\xb5\xab&gt;.\xc7\x98\x1b\xeb\xdb\xef~d\xb3v\xc1\x97\xfe\xf7\xfe\x1a\xac\x7f\xa3\xc1\x06\xd0Y\xd7q\x90\xddbYx\xf1\xc5\xb7\x0c\x1f\xde\xe4v3!$\x1d\xef\x84\xb8\x10B\x88x\x9b\xed\xbb\xaa\xaa\xdfl\xda\xb4\xb7\xae\x0e\x00\xc6\x8e\x1d\xbb~\xfd\xfa\xdeR\xfd]\xf3\x8f\xb7[^z\xfc\xe2\x9bo\x1a.\x9a\xdc\x9c\tI\xd2o\xfe\x82\x0b.\x84\x14o\xdb\xf9}\xd5\x9d\x0fm\xda\xb1/\x1c\xf2\xc7\xfa\x0fc\x18Gg\x84\x10\xed\xe1y\x8b\x17/~\xee\xb9\xe7\x00\xc0\xe9v\xdf\xbdq\xe3C\x9b7\xcb\x94F\x99L\xaa^\xcfK\xaa\x9c\x9b$)\xcej}\xb5\xa0\xe0\x86\x0f?\xd4\xaa\x7f\xce\x9c9\x1b7n\xecE\xd5\xdf5\xffz\xa7{\xe6}\x1b\x1fxd3\x93\xa9\x14eRU\x9d\x9e\x98TUNL\x92\x14g}uY\xc1\xe57\x7f\xa8\xed\xfd\xc3 \x7f\xac\xff0\x86G\x00\xa7\'\x84\xd0n\x0e\x9e\x9f\x9f?g\xce\x9c\x8a\x8a\n\x00\x18\x9d\x94\xf4\xf8\xc4\x89\x13RR\x9c\x1e\x8f\x971\xfd\x9c\x19cB\x10\x808\xab\xf5\xb0\xd3\xf9\xbf[\xb7~XZ\nB\x98M\xa6\'\x17.\x9c?\x7f&gt;\x00\xf4\xba\xea\xef\x98\xff\x1ds\xe6\x1c\xaf\xa8\x00\x80\x9f\x8dJz\xfeO\x13\xc7\x8dO\x01\xa7G\xf52Y7g\x86\x19\x13\x84\x00\x8d\xb3V\x1cv\xfe\xcf_\xb6._[\n \xccf\xd3\x93O\x86C\xfeX\xffa\x0c\x1b@w\xb4KE*++\xf3\xf2\xf2\xf2\xf3\xf3\x01\xc0$\xcb\xf7\x8c\x1c\xf9_\xa3F%ED4\xb9\xdd\x8cs\xa9G\x0bK\xbbb\xd3n6\xfb\x18{\xb7\xb8x\xd1\xf6\xedU\xad\xad\x00\x90&gt;t\xe8kK\x97N\x980\x81s\xde{ou\xd25\x7f\x8bI\xfe\xed\xbc\x91\xff3o\x94=)\x02\x9a\xdc\x8cq*\xf5\xe4\xc44c\x82\x00P\xbb\x19|l\xd9\x8a\xe2?&gt;\xb3\xfdXu+\x00\xa4\xa7\x0f}\xed\xb50\xcc\x1f\xeb?\xcc`\x038\x0b\xff\x9d\x02\x9f\x7f\xfe\xf9G\x1fy\xc4\xed\xf1\x00\xc0\x90\xd8\xd8{G\x8d\xfaEZZ\x94\xd9\xdc\xec\xf1\xa8\x9c\x87\xfe\xfc\x986\xea\x892\x99\x00`\xd3\x91#/\xec\xdc\xf9\xe5\xb1c\xda\x8f\xee\xbc\xf3\xce\xa7\x9f~\xdan\xb7\x87\xc1\xb5\x8e?\xc8\xff\xd1G\xdcn\x0f\x00\x0c\x1f\x1c\xfb\xdb\xbbG\xdd~}\x9a\x12e\x86f\x0fc\x9c\xd2\x90\x9e\x1f\x16\x00\\\x1b\xf5G\x99@\xc0\'\x9b\x8f&lt;\xf5\xf2\xceO\xb6\x86{\xfeX\xffa\x07\x1b\xc0\xd9\xf9\x07\x11{\xf6\xecy\xf8\xe1\x87\xd7\xad[\xa7\xfd\xfb\x85\x0e\xc7\xfdc\xc6LLI\x89\xb3XZ\xbc^/c\x94\x90`\xef\x87\xb8\x10\\\x08\x99\xd2H\x93\xc9\xc7\xd8\xf7\xd5\xd5\xaf\x16\x16\xae&gt;x\x10\x84\x00\x80\xac\xcc\xcc\x85\x8b\x16M\x9b6\r:l\xba\xbd\xdd\x99\xf2\xbfh\xb4\xe3\x91{\xc7\\9&gt;\xc5\x1cg\x81\x16\xaf\xeae\x84\x92`\x1f\x0fp.8\x17\xb2L!\xd2\x04&gt;\xf6\xf5\x8e\xea\xff[V\xf8\xee\x9a\x83\xda\xfdf\xb2\xb22\x17.4J\xfeX\xffa\x00\x1b\xc0\xb9\xf2\xd7\xd3\xf2\xe5\xcb\xff\xf6\xf8\xe3\x85{\xf6h\xff&gt;&lt;!anV\xd65\xa9\xa9\x896\x9b\x8f\xf36\xaf\x97\tA\x03}\xd8\xa9\xd5=!\xc4&amp;\xcbVYn\xf6z\xbf\xaa\xa8\xf8\xe7\xee\xdd\x9f\x1f;\x06\x9c\x03\x80#)\xe9\xde\xfb\xee{\xf8\xe1\x87M&amp;SX\x1e\xf6\xfe \xff\xbf=^Xx"\xff\xeca\t\xf3\xe7d\xddxUjt\xa2\r|\\\xb4y\x19\x13\x84\x12\x1a\xb8\x00\xc4\xc9\xe5=\x14\x08\xb5\xc9`\x91Y\x8bw\xd37\x15\xcf,\xd9\x9d\xff\xc51\x00\x0e\x00\xc9\x8e\xa4{\xee5L\xfeX\xff\xe1\x02\x1b\xc0y\xe0\x9c\x03\x00\xa5\xd4\xeb\xf5.Z\xb4\xe8\xc5\x17^\xa8\xaa\xae\xd6~\xd4/:zzj\xea\x95\x03\x07\x8eMN\x8eP\x14\x0fcnU\xf5q.\xb4\x8d\xe1\xfc\xaf;\x17\xda\x898\x00\x00\x90\x08\xb1H\x92E\x96\x99\x10\x85uu\x9b\xca\xcbW\x95\x96\x16\xd6\xd6j\xa3\x1e\xab\xd9|\xebm\xb7-X\xb0 %%\x05\xc2z\xe0\xd3)\xff\x97^|\xa1\xb2\xeaD\xfe\x03R\xa2o\xbe:\xf5\xe7S\x07\x8e\xcfI\x06\x9b\x02^\x06n\x95\xf9\xb8\x00A\x08\xa1\xe4\xfc\xf3\x17\xda\x9aB \x00\x92D\xc0,\x81E\x06&amp;\x8a\xf7\xd6\xad\xdd\\\xfe\xce\x87\xa5;\xf7\xd6j\xa3~\xab\xd5|\xeb\xadF\xcc\x1f\xeb?\x0c`\x038o\xfe\n\xab\xae\xae~\xf3\xcd7\xdf|\xe3\x8d\x82\xc2\xc2\x13?\xa3t\x9c\xc311%eBJJfBB\x9c\xc5"\x13\xe2\xe3\xdc\xc3\x98\x8fsm\x91\xb2\xf6\xc2\xd3n\x0f\xdaO\xb5\xa1\x8bB\xa9I\x92\xb4\xa7\xf45{&lt;eN\xe7\x97\xc7\x8e}SY\xf9\xf9\xf1\xe3.\x8fG{}\xb2\xc3q\xdb\xed\xb7\xcf\x9e=;33\x13\x00TU\x95$)\xec\x07&gt;\x9d\xf3\x7f\xf3\x8d\x82\x82\x93\xf9\x03\x9d\x98\xeb\x982&gt;e\xea\xf8\x94\x91\x19\t\xb6X\x0bH\x04T\x0e\x1e&amp;|\\\x08qb\x05#\x01\x02\x9dS\x12\x00\xe0\xcf\x9f\x00U(\x98$P$\x00`\xcd\x9e\x92C\xce\r_\x1d\xfb|[e\xfe\x97\xc7]\xae\x13\xf9\xf7Mv\xfc\xf26\xc3\xe7\x8f\xf5\xdf\x9ba\x03\xf81\xfc\x17\xcb\x00\x80\xd7\xeb]\xbf~\xfd\xb2\xa5K7\xe4\xe7\xbb\xdc\xee\x13\xaf\xa0t@ttf|\xfcX\x87##&gt;&gt;5&amp;&amp;\xc9f3K\x92L)!D\x08\xa1r\x0e\x1d+U\x08J\xa9v\x89\x8d\x8fs\x95\xf3\xba\xf6\xf6r\xa7\xb3\xa4\xb1\xf1\xdb\xaa\xaa\xdduu\xa5MM\x1e\x9f\xcf\xff\xf2\x89\x13&amp;\xcc\x9e={\xfau\xd7%%%\x01\x00c\x8cRj\x9c\xd2?M\xfe\xcb\x96n\xd8\x90\xefr\x9d\xcc\x1f\xe8\xa0\x0b\xa2\xc7d\xc4_\x9c\xe3\x18=&lt;~DjLB\x1f\x1b\x98%P(\x00\x01!@\xed\x9c?H\x14\xb4\xf3\x07*\x07\x957\xd5\xb7\x97\x94;\xf7\x1el\xdc\xf2]\xd5\xf6\x82\xba\x92\xb2&amp;\x8f\xa7C\xfe\x13\'\xcc\x9e={\xfat\xcc\x1f\xeb\xbfw\xc3\x06\xf0\xe3\t!\x18c\xfee\x06\xc5\xc5\xc5k\xd7\xae\xfdp\xf5\xea\xed\xdf~\xdb\xb1X\x01 \xd6f\x1bd\xb7\xc7\x98\xcd\x99\xf1\xf12\xa5\x91\x8a\x92\x11\x1f\xaf-c\xd0~\x8f"I\xe5\xcd\xcd\xc7[[%J\x8b\xea\xeb\x1b&lt;\x9e2\xa7\xb3\xba\xad\r~\xf8\x8c\xd6\xcc\x8c\x8c\xab\xa6M\xbb\xe1\x86\x1b\xc6\x8f\x1f\xaf\xfd\x8b\xf6D\x0bc\xaeq&gt;}\xfe\x1f\xae\xde\xbe\xfd\xdb\x8e;k\x00\x88\x8f\xb5\xa5\r\xb4\xc7\xd8\xcd\xb9#\xe2e\x85\xda#\x95\xec\xe1\xf1\x82\x9d\xcc\x1f\x04\x91\xa5\xf2#\xcd\xe5\x15\xadD\xa6\x85\xc5\xf5\xf5\x8d\x9e\xe2C\xce\xca\xea6m~\xdf/+3\xe3\xaa\xab\xa6\xfd\x1c\xf3\x07\x00\xac\xff\xb0\x80\r\xe0\xa7\xd2FC\xda\xf5\x93\xda\xbf\x14\x15\x15m\xdb\xb6m\xed\x9a5;\xbe\xff\xbe\xa2\xa2\xa2\xd3\xc6p\xbe\x1c\x89\x89\x99YYWM\x9b6i\xd2\xa41c\xc6h\xc3.\xed\x8f\xe2\xa8\x07\xba\xc9\x7f\xed\x9a\x1d;\xbe\xaf\xa8\xa8\xe8\xd4\x0c\xce\x97\xc3\x91\x98\x95\x99u\xe5U\x98\xff\xe9a\xfd\xf7j\xd8\x00\x02\x86s\xae\x1d\x17\xfb\x8b\xd2\xe5r\x95\x97\x97\x17\x17\x17\x17\x16\x14\x14\x16\x16\xd6\xd7\xd5\x15\x15\x15\xa9\xaa\xda\xdc\xdc\xecU\xd5\xae\xbf\xa1O|\xbc\x10b\xc8\x90!\xb1qq999\xa9\x83\x07gdd\xa4\xa5\xa5\xc5\xc4\xc4\xf8_\xa3\xaa*!\x04Osu\xd5]\xfe\x85\x05\x85\x85\x85\xf5\xf5uEEELU\x9b\x9b\x9b=\xde\xd3\xe5\xdf\'\x1e\x84\x18&lt;dHll\\\xce\x85\x98\xff\xf9\xc1\xfa\xef\x8d\xb0\x01\x04\x9e\xb6%\x9c\xb6L\x9dN\'\xe7\xbc\xaa\xaa\xaa\xaa\xaa\xaa\xd3\x8f"##\xd3\xd2\xd2\x84\x10\xb1\xb1\xb1g\xfa\x858\xe49\x17\xe7\x98?9\xf9\xa8X\r\xe6\x1f(X\xff\xbd\x086\x80 \x12\x1dh\x0b\x93\xcfe\xb2R;\xbc\xf5\xaf\x88\xc0\xa2\xff\xd10\xff\x9e\x85\xf9\xeb\x1f6\x80\x90\xd2\xd2\x16\x1d\xd6\xc3u\xa4m\x1eX\xee\xc1\x83\xf9\xf7,\xcc_o\xb0\x01 \x84\x90A\xe1\xf2)\x84\x102(l\x00\x08!dP\xd8\x00\x10B\xc8\xa0\xb0\x01 \x84\x90Aa\x03@\x08!\x83\xc2\x06\x80\x10B\x06\x85\r\x00!\x84\x0c\n\x1b\x00B\x08\x19\x146\x00\x84\x102(l\x00\x08!dP\xd8\x00\x10B\xc8\xa0\xb0\x01 \x84\x90Aa\x03@\x08!\x83\xc2\x06\x80\x10B\x06\x85\r\x00!\x84\x0c\n\x1b\x00B\x08\x19\x146\x00\x84\x102(l\x00\x08!dP\xd8\x00\x10B\xc8\xa0\xe4\x9e~\x03Ft\xa6\xe70\xe3\xe3\xb0C\x03\xf3\xefY\x98\xbf~`\x03\x08.\xd1\x01\x00PJ\xfd\xff\xdb\x15\xe7\xdc\xff\xbf\xa4\x83\x10\xbe\xdfp\x83\xf9\xf7,\xcc_\xe7\xc8\x99\xba1\xfa\xd1\xb4r\xe7\x9c\x13B$I\xea\xfa\x02\xce\xb9\xd3\xe9$\xe4D\xf8\xda\x7fX,\x16\xab\xd5z\xda\x17k\xbf\x8aR\x8a\x1b\xc3\xb9\xc0\xfc{\x16\xe6\xdf\x8b`\x03\x08\x18\xad\xe8\x85\x10\xb2|\xea\xb8\x8a1VQQq\xf0\xe0\xc1\xc2\x82\x82\xba\xba\xba\xed\xdfmWU\xb5\xba\xaa\xaa\xaa\xaa\xd2\xbf\x01\x00! D</t>
        </is>
      </c>
    </row>
    <row r="486">
      <c r="A486" s="1" t="n">
        <v>484</v>
      </c>
      <c r="B486" t="inlineStr">
        <is>
          <t>polygon_sides_color</t>
        </is>
      </c>
      <c r="C486" t="inlineStr">
        <is>
          <t>What is the missing color of the part denoted with a question mark?</t>
        </is>
      </c>
      <c r="D486" t="inlineStr">
        <is>
          <t>['red', 'green', 'purple', 'blue']</t>
        </is>
      </c>
      <c r="E486" t="inlineStr">
        <is>
          <t>purple</t>
        </is>
      </c>
      <c r="F486" t="inlineStr">
        <is>
          <t>There are 6 colored polygons arranged in a triangle with color ['?'] in the top row, ['purple', 'red'] in the middle row, and ['orange', 'orange', 'red'] in the bottom row.</t>
        </is>
      </c>
      <c r="G486" t="inlineStr">
        <is>
          <t>We observe that the polygon with 3 sides is orange in color and the polygon with 7 sides is red in color. Thus, the pattern is that the polygons with the same number of sides have the same color.</t>
        </is>
      </c>
      <c r="H486" t="inlineStr">
        <is>
          <t>Based on the pattern that the polygons with the same number of sides have the same color, the missing color of the part with 8 sides should be purple.</t>
        </is>
      </c>
      <c r="I486" t="inlineStr">
        <is>
          <t>b'\x89PNG\r\n\x1a\n\x00\x00\x00\rIHDR\x00\x00\x02\x00\x00\x00\x02\x00\x08\x02\x00\x00\x00{\x1aC\xad\x00\x00f0IDATx\x9c\xed\xddw`\x14\xd5\xf68\xf0;e[\x92M!\t%\xf4\x80\x94T \x90JG:\x04\x02H\t\x01\x0cE@\x14E\x9f\x82\xfa\xc4\xf6Sy\n\xf2\x15Ai\xd2\xbb \xbd\x83@(\x81P\x04B\x17\x90\x96Bz\xb2}wf\xee\xef\x8f\x9b\xac!\x14\x15\x92\xdd\x99\x9d\xf3\xf9\xef\xbd\x17\xf3\xc6\xcc\xee=\xf7\x9es\xef\xb9\x14\xc6\x18\x01\x00\x00\x90\x1f\xda\xd9\x0f\x00\x00\x00\xc09 \x00\x00\x00\x80LA\x00\x00\x00\x00\x99\x82\x00\x00\x00\x002\x05\x01\x00\x00\x00d\n\x02\x00\x00\x00\xc8\x14\x04\x00\x00\x00\x90)\x08\x00\x00\x00 S\x10\x00\x00\x00@\xa6 \x00\x00\x00\x80LA\x00\x00\x00\x00\x99\x82\x00\x00\x00\x002\x05\x01\x00\x00\x00d\n\x02\x00\x00\x00\xc8\x14\x04\x00\x00\x00\x90)\x08\x00\x00\x00 S\x10\x00\x00\x00@\xa6 \x00\x00\x00\x80LA\x00\x00r\x841\xe6y^\x10\x04\x8c1\xc7qp1*\x90\'\n&gt;\xfa@V\xc8\xd0\xcf\xb2l\x85\xff\x9e\xe7y\x8a\xa2h\x1a\xa6D@F\xe0\xe3\x0e\xe4B\x10\x042\xca\xb3,k\xb3\xd96m\xda\xd4\xaf_\xbf\x0e\x1d:\xfc\xf0\xc3\x0f\x05\x05\x05\x0c\xc3\xd04M~\x06fE@&amp;`\x05\x00\\\x1c\xc6X\x10\x04\x86a\xc8\x7f|\xf0\xe0\xc1\xc2\x85\x0bw\xef\xde\xed\xe3\xe33d\xc8\x10??\xbfU\xabV\xdd\xbau\xabC\x87\x0e\xa3F\x8dj\xd1\xa2\x05\xf91\x8e\xe3\x18\x86\xa1(\xcai\xcf\r@\xd5\x83\x00\x00\\\x96 \x08\x82 \xd8\xb3=\xfb\xf7\xef_\xbat\xe9\xf5\xeb\xd7\xa3\xa3\xa3\x93\x92\x92"##\xc9\x94\x9fa\x98k\xd7\xae-]\xba\xf4\xe0\xc1\x83\xd5\xabW\x1f6l\xd8\xe0\xc1\x83U*\x15\x82\xbc\x10pu\x10\x00\x80\xab!S~\x9a\xa6\xc9\xfc\xbd\xa0\xa0`\xc5\x8a\x15\x9b6mb\x18\xa6o\xdf\xbe\xaf\xbc\xf2J\xbdz\xf5,\x16\x8bN\xa7C\x08Q\x14%\x08\x82\x9b\x9b\x9b\xbb\xbb{QQ\xd1\xae]\xbb6l\xd8p\xff\xfe\xfd\xde\xbd{\x8f\x1c9\xb2q\xe3\xc6\x8f\xffB\x00\\\x06\x04\x00\xe0:\xc8\xae\x1e{\xb6\'55u\xf9\xf2\xe5\xa7O\x9fn\xd4\xa8\xd1\xf8\xf1\xe3\xdb\xb6m\xabR\xa9t:\x9d\xd9l\xa6i\xba\xfc\xbc\x9eT\x86\x15\n\x85\xa7\xa7\'M\xd3\xa9\xa9\xa9\xabW\xaf&gt;y\xf2d``\xe0\xb8q\xe3\xbav\xedJ~\x8c\xe3\xb8\n\xff \x00\x92\x06\x01\x00H\x1e\x99\xa1#\x84\xc8\xd0o4\x1a7m\xda\xb4d\xc9\x12\xab\xd5\xda\xa3G\x8f\xc1\x83\x077m\xda\xd4j\xb5\xeat:\x92\xf0y\xc6D\x9e\xe7y\x84\x90V\xabU\xa9T999\xabV\xad\xda\xb6m\x1b\xcf\xf3\xf1\xf1\xf1\x89\x89\x89\xb5k\xd7F\xb0 \x00.\x04\x02\x00\x90\xb0\n{:\xcf\x9f?\xbf|\xf9\xf2\xe3\xc7\x8f\xd7\xaaUk\xe8\xd0\xa1\xfd\xfb\xf7\xd7h4\x06\x83\xc1h4\xfe\xab\x99;)\x1e(\x95J///\x8b\xc5r\xf4\xe8\xd15k\xd6\x9c&gt;}:666999::\x9a\xfc\x18\xcf\xf3\x10\x06\x80\xa4A\x00\x00\x92T&gt;\xdbc\xb3\xd9\xb6o\xdf\xbef\xcd\x9a[\xb7nu\xef\xde}\xe8\xd0\xa1-Z\xb4\x10\x04\xa1\xa8\xa8\x88\xe7\xf9\x17\xd9\xccCr&gt;Z\xadV\xa9T\xde\xb8qc\xfd\xfa\xf5{\xf6\xecQ*\x95\xa3G\x8f\x1e8p\xa0\x9b\x9b\x1b*[4@$\x00R\x04\x01\x00H\xc9\xd3\xf6tV\xabVm\xe0\xc0\x81\t\t\t\xfe\xfe\xfeF\xa3\xd1h4\xa2\xb2\x8c\xd0\x8b#\x0b\x02\x8dF\xe3\xe1\xe1a2\x99\xb6l\xd9\xb2n\xdd\xba\xac\xac\xac\xb8\xb8\xb8I\x93&amp;\x91B1\x82\x05\x01\x90 \x08\x00@\x1a\xfevO\'\xc30\xc5\xc5\xc5V\xab\xb5\x8a\xf6\xef\x93t\x13\xc30\xde\xde\xde4M\x9f?\x7f~\xdd\xbau\x87\x0f\x1f\xaeS\xa7Nbbb||&lt;y6\xd89\n$\x04\x02\x00\x10\xb5\x7f\xb5\xa7\xd31\x13p\x92\xf3qsssss\xcb\xc9\xc9\xd9\xb2e\xcb\xa6M\x9b\xf2\xf3\xf3\x87\x0c\x192l\xd8\xb0:u\xea&lt;\xfe\xd8\x00\x88\x13\x04\x00 R\xcf\xbd\xa7\xd31\xc8\x82\x80\x14\x8a1\xc6)))\xcb\x97/\xbfp\xe1B\xd3\xa6M\'O\x9e\\\xbeP\x0c\x0b\x02 Z\x10\x00\x80\xb8T\xe2\x9eNG&gt;-\xd99z\xff\xfe\xfd\xd5\xabWo\xdf\xbe]\xadV\xf7\xef\xdf\x7f\xf8\xf0\xe1\xd5\xaaUCe\xc1\x0c\x16\x04@l \x00\x00\xb1\xa8\xa2=\x9d\x8eAJ\x14j\xb5Z\xab\xd5\x1a\x0c\x86\x03\x07\x0e\xacY\xb3\xe6\xe6\xcd\x9b\xed\xdb\xb7\x87\x16C@\xb4 \x00\x00\xe7s\xcc\x9eN\x07\xb0\xa7\xfe===Y\x96-\xdfbh\xec\xd8\xb1P(\x06b\x03\x01\x008\x93 \x08\x14E\x911\xdd1{:\x1d\x83,\x08\xec-\x86v\xec\xd8\xb1r\xe5\xca\x82\x82\x82\x1e=z\x8c\x1a5\xca\xdeb\x88\xe4\x85\x9c\xfd\xb0@\xbe \x00\x00\xa7\xc1\x18\x93\xa1\x7f\xdf\xbe}\xcb\x96-s\xe4\x9eN\xc7(\xdfb\x08c|\xea\xd4\xa95k\xd6Th1d\xff#\x00\xe0x\x10\x00\x80s\x90\xb9\xff\xfe\xfd\xfb\xbf\xf8\xe2\x0b\x86a\xe2\xe3\xe3\x07\r\x1a\xe4\xf8=\x9d\x8e\xf1\xb4\x16C\xd3\xa7O\xef\xda\xb5+\xc9\x1a9\xfb\x19\x81\x1cA\x00\x00\xceA\xd2\xe5\x81\x81\x81\xef\xbc\xf3\xce[o\xbd\x85\x10r\xe2\x9eN\xc7(\xdfb\x08!4g\xce\x9co\xbf\xfd\xf6\xc6\x8d\x1bj\xb5\x1a!\xe42\xd1\x0eH\x88k~\xd3\x80\xc8\x91\x19\xf1\x9e={(\x8a\x1a?~|aaann\xae\xcdfcY\xd6UG\x7f\x84\x10M\xd3,\xcb\n\x82\x90\x9b\x9b\x9b\x9f\x9f?y\xf2d\xb5Z\xbdm\xdb6\x84\x10\xd9K\n\x80\x83\xb9\xec\x97\r\x88\x1cEQ_}\xf5Urr\xb2Z\xad\xe68\x8eeY\xf9L\x81I\x18@\x08%%%\xcd\x9d;\xd7^\x06\x07\xc0\xc1 \x00\x00G#)\xef\xeb\xd7\xaf\xdf\xb8qc\xc4\x88\x11z\xbd^Z;|*\x05\xc30z\xbd~\xc4\x88\x11\xd7\xaf_OOO\'\x97S:\xfb\xa1\x80\xec@\x00\x00\x8eF\xca\xbf\xf3\xe7\xcf\x8f\x8e\x8e\x0e\x0c\x0c4\x99L2\x9c\xffR\x14e2\x99\x02\x03\x03\xbbt\xe92{\xf6l\x04Y \xe0\x0c\x10\x00\x80C\x91\x03_f\xb3y\xc3\x86\r\xe3\xc7\x8f\xb7\xd9l2\x1c\xfd\t\x9a\xa6-\x16\xcb\xf8\xf1\xe3w\xee\xdci0\x18\x18\x86\x81\x1d\x19\xc0\xc1 \x00\x00\x87"\x87`W\xacXQ\xadZ\xb5\xae]\xbb\x96\x94\x94\xc80\xffC\xd04\xad\xd7\xeb\xe3\xe2\xe2\x02\x02\x02\x96.]J\xae\xa7w\xf6C\x01y\x81\x00\x00\x1c\x8al\xf2Y\xb8parr\xb2J\xa5\x92\xf9\x90\x871fYv\xd2\xa4I\xf3\xe6\xcd\x83\x13a\xc0\xf1 \x00\x00\xc7!\xd9\xff\xf3\xe7\xcf\xdf\xbbwo\xe8\xd0\xa1r\x9e\xfe\x13\xe4\xc0sBBBqq\xf1\xf1\xe3\xc7i\x9a&amp;\x1bd\x01p\x0c\x08\x00\xc0qH\x00\x983gN\x97.]\x02\x02\x02,\x16\x0b\xccym6\x9b\xaf\xafo\xbf~\xfdf\xcd\x9a\xe5\xecg\x01\xb2\x03\'\x81\x81\x83\x90OZ^^^HH\xc8\xa6M\x9bZ\xb7nm0\x18\\\xf8\xd8\xd7?\x841V\xa9T\xf7\xee\xdd\x8b\x8b\x8b\xbbx\xf1b\xed\xda\xb5\x11\x9c\n\x06\x8e"\xf7\xaf\x1fp\x18{\xf9\xb7A\x83\x06m\xdb\xb6\xd5\xeb\xf50\xfa\xa3\xb2\xfd\xa0\xcd\x9a5k\xd1\xa2\xc5\xc2\x85\x0b)\x8a\x82,\x10p\x18\xf8\x06\x02\x07\xa1i\x1ac\xfc\xf3\xcf?\x8f\x1d;V\xe6\xb5\xdf\xc7\xf1&lt;?~\xfc\xf8U\xabV\x99L&amp;\xd8\x0f\n\x1c\x06\x02\x00p\x04\x9e\xe7i\x9a&gt;~\xfcxQQ\xd1\x80\x01\x03t:\x1dL\xff\xed\x18\x86)))IHH`\x18\x06Z\x03\x01G\x82/!p\x9cY\xb3f\xf5\xeb\xd7\xcf\xd7\xd7\xd7j\xb5B\x9a\xbb&lt;r\xbf&lt;\xb4\x06\x02\x0e\x06E`P\xe5\xc8\x0e\xf7\x8c\x8c\x8c\xd0\xd0\xd0\xe3\xc7\x8f\x93\xa6\xff0\xc6\x95\x871V*\x95999\xd1\xd1\xd1\x07\x0f\x1e\x0c\r\r\x85K\x02\x80\x03\xc0\'\x0cT9R\xd5\\\xb0`A\xcb\x96-\x9b5k&amp;\xcf\xe6?\xcf\x06\xad\x81\x80S@\x00\x00U\x8ea\x18\x9e\xe7W\xaf^=n\xdc8\x18\xd7\x9e\x06Z\x03\x01\xc7\x83\x00\x00\xaa\x96\xfd\xee\x17\x8e\xe3z\xf7\xee\r\xa7\x7f\x9f\x06Z\x03\x01\xc7\x83\x00\x00\xaa\x1c\xb9\xfbe\xf4\xe8\xd1Z\xad\x96\xe38g?\x8ex\xd9[\x03\xfd\xf0\xc3\x0f\xd0\x1a\x088\x00\x04\x00P\x85\xe0\xee\x97\x7f\xc5\xde\x1a\xc8b\xb1@k \xe0\x00\x10\x00@\x15\x82\xbb_\xfe-\xd2\x1ah\xd0\xa0A3g\xcet\xf6\xb3\x00\xd7\x07\xdb@AU!\x1f-\x8b\xc5\xd2\xa8Q\xa3\x05\x0b\x16t\xef\xde\xbd\xb8\xb8\x18V\x00\xcfFZ\x03\xdd\xb9s\'..\xee\xea\xd5\xab5k\xd6D\xd0\x1a\x08T\x19X\x01\x80\xaa"\xb6\xbb_0\xc6\x82 p\x1c\xc7\xf3\xbc \x08\x18c\xf2\xdf\xf0&lt;\xcfq\x9cH*\xaed?hPPPll\xec\xcc\x993\xa1\x14\x0c\xaa\x14\x04\x00PU\xc4s\xf7\x0b\x19\xf7i\x9a\xf6\xf0\xf0\xf0\xf3\xf3\xabV\xad\x9aV\xabU\xa9T\n\x85\xc2\xdd\xdd\xdd\xc7\xc7\xc7\xcf\xcf\xcf\xc3\xc3\x03c,\x92\x9c;\xcf\xf3\x93&amp;MZ\xbf~\xbd\xc9d"=\x94\x9c\xfdD\xc05A\n\x08T\t\x92\xfd\xbfp\xe1B\xb7n\xdd\xce\x9f?\xef\xe1\xe1\xc1q\x9c\xb3R\x19\x1a\x8dF\xa5R\x15\x14\x14\\\xbcx\xf1\xcc\x993W\xaf^\xbd\x7f\xff\xbe^\xaf\x17\x04A\xadV\x07\x04\x04\x04\x07\x07\xb7o\xdf\xbeM\x9b64M\xebt:\xa7\xe7\xa90\xc6nnn!!!_}\xf5\xd5\xe0\xc1\x83y\x9ew\xfa#\x01\x97\x04\x01\x00T\t\x8e\xe3X\x96\x1d=z\xb4\xc9dZ\xbbvmnn.\xcb\xb2\xcez\x98?\xfe\xf8c\xd3\xa6M;v\xec\xb8r\xe5\xca\xd3~\x86a\x98\x0e\x1d:\xfc\xf7\xbf\xff\xed\xd0\xa1Caa\xa1s\xdb0p\x1c\xe7\xe7\xe7\xf7\xbf\xff\xfd\xef\xd7_\x7fMKK\x83\xb6\x10\xa0\x8a@\x00\x00\x95O$w\xbf`\x8ci\x9a\xb6\xd9l\x91\x91\x91w\xee\xdc!\xffehhhhhh\x83\x06\r|||h\x9a...\xbey\xf3fjj\xea\x9f\x7f\xfe\x89\x10R(\x14\xb3f\xcdz\xfd\xf5\xd7\x0b\x0b\x0b\x9d8\xe9&amp;\x07\x02\x8cFcXX\xd8\xbe}\xfb\xc2\xc3\xc3\xc9\xbf\x8b\xb3\x9e\x07\xb8*\x08\x00\xa0\xf2\x91\xe9\xff\xacY\xb36l\xd8p\xea\xd4\xa9\xbc\xbc&lt;g\r\xa6d*\xfd\xce;\xefl\xdc\xb8q\xd4\xa8Q={\xf6\x0c\n\n\xf2\xf4\xf4\xb47Z \x17\xb0\xe4\xe5\xe5m\xdc\xb8\xf1\xb3\xcf&gt;\xcb\xcd\xcdE\x08\xad[\xb7n\xe0\xc0\x81EEEN\x8c\x01\x1c\xc7\xf9\xfb\xfb\x0f\x1b6L\xa3\xd1,Y\xb2\x84\xfcI\x9d\xf50\xc0UA\x00\x00\x95\x8f\x14\x00\x82\x83\x83\xa7L\x992f\xcc\x98\x82\x82\x02g\x8d\xa4d*]TT\xc4\xf3|\xc3\x86\r\xcdf\xb3\xc9d\xe2y\xbe\xfc\xc7\x9e\xa2(\x96e\xbd\xbd\xbd\xcf\x9c9\xd3\xb7o\xdf\x87\x0f\x1f\xd6\xad[7--M\xadV\x93\x8dLNyrA\x10\xdc\xdd\xdd\xcf\x9c93p\xe0\xc0K\x97.\xf9\xf9\xf9!\xd8\x0f\n*\x1b,*A%\x13\xd5\xdd/\x14Eq\x1c\xe7\xed\xed\xed\xe7\xe7\x97\x9b\x9bk0\x18\x10B\x0c\xc3\xb0\xe50\x0c#\x08Bvvv\xeb\xd6\xad\xbf\xfe\xfak\x8c\xf1\xbd{\xf7v\xee\xdc\xa9\xd5j\x9d\xb8s\x89\xb4\x06j\xdb\xb6m\x83\x06\rV\xacX\x01WE\x82\xaa\x00\x01\x00T\t\xf1\xdc\xfdBb\x80\xcdfcY\xf6i\xa1\x88\xa2(\xa5RYXX\xd8\xb7o\xdfF\x8d\x1aQ\x14\x95\x92\x92"\x86\xe9\xb6 \x08c\xc7\x8e]\xbcx1*\xdbV\x0b@%\x82\x8f\x14\xa8L\x18c\x86a222\x8e\x1c92y\xf2d\xd2\xd6\xd8\xd9\x0f\x85\xfe\xc9\x1d[d\x8a\xed\xe5\xe5\x15\x16\x16\x861\xbe}\xfb\xb6\xd3o\xad\xa1i\xba\xa4\xa4d\xe0\xc0\x81\x06\x83a\xcf\x9e=\xd0\x1a\x08T:\x08\x00\xa02I\xfd\xee\x17\x9a\xa6I\xb6\xdd`0X,\x16\xe7N\xba)\x8a\xb2\xd9l\xd5\xaaU{\xe5\x95W\xbe\xff\xfe{\'&gt;\tpU\x10\x00@er\x81\xbb_H\x0c\xa3iZ\x0c)\x17\x86a\x0c\x06\xc3\xe8\xd1\xa3O\x9d:\x95\x95\x95\x05\xb7\xc4\x80\xca\xe5\xfc\x8f8p\x19.p\xf7\x0b\xc7q\xd9\xd9\xd9\x08\xa1j\xd5\xaa9\xb7}\x05ao\r\x14\x15\x15E\xfa\x83:\xfd\x91\x80+\x81\x00\x00*\x93t\xef~\xc1\x18+\x14\x8a\xfc\xfc\xfc\xf4\xf4t\x84Ppp\xb0R\xa9\x14\xc9h\xcb\xf3\xfc\x1bo\xbc\x01\xad\x81@\xa5\x83\x00\x00*\x87\xd4\xef~\xe18\xce\xcb\xcbk\xc7\x8e\x1d\xf7\xef\xdf\xa7(\xaa{\xf7\xeeV\xabU$Y\xa0\x92\x92\x92.]\xba\xa8\xd5\xea\xed\xdb\xb7C\x7fPP\x89\x9c\xff\xf9\x06\xaeA\xd2w\xbfp\x1c\xe7\xe1\xe1q\xff\xfe\xfd/\xbf\xfc\x12!\xd4\xb1c\xc7\x0e\x1d:8\xf7\x04Cy&lt;\xcf\xabT\xaa\xb1c\xc7\x92,\x90\x84\xfe\xb0@\xe4D\xf1\xf9\x06RGv\x7f\x9a\xcd\xe6\r\x1b6\x8c\x1f?\xdef\xb3Ih\x90\xe28\xce\xdd\xdd\xddl6\'%%\xdd\xbd{W\xa3\xd1\xcc\x981\xc3\xd9\x0f\xf5\x08\x86at:\xdd\xab\xaf\xbez\xe7\xce\x9d\xf3\xe7\xcf\xc3"\x00T\x16\x08\x00\xa0\x12\x90\x96\t+W\xae\xf4\xf1\xf1\xe9\xd6\xad\x9b\x84\xca\xbf6\x9b\xcd\xdb\xdb;///&gt;&gt;\x9e\x1c\xfe\x9a?\x7f~DD\x84x\xa6\xff\x08!\x8a\xa2,\x16K\xcd\x9a5;w\xee&lt;g\xce\x1c\x08\x00\xa0\xb2\x88\xe5#\x0e$\x8d4\xdd\xfc\xf1\xc7\x1f\'N\x9c\xa8P(\xa4R\xa5\xe48\xaez\xf5\xeaiii/\xbf\xfc\xf2\xf1\xe3\xc7U*\xd5\xd2\xa5KG\x8c\x18QPP \xb6\xcek4M\x9bL\xa6\xb7\xdf~{\xcf\x9e=w\xef\xdeeYV*\x7fd f\x10\x00\xc0\x8b\xc2\x18\x93v\x0b\x85\x85\x855j\xd4\x90\xc4iUr\x19\xa4\xaf\xaf/\xb9\xac\xf8\x8f?\xfe\xa8U\xab\xd6\xe6\xcd\x9bG\x8e\x1c\x99\x97\x97\'\xb6\xd1\x1f\x955\xb4\xa8Q\xa3\x86\xd5j-**Be=\xb7\x01x\x11\x10\x00\xc0\x8b"M\x144\x1a\xcd\xc8\x91#\xe7\xcd\x9b\'\x89\xc9)\xc6\xd8\xdb\xdb{\xfa\xf4\xe9\x13&amp;L0\x18\x0cm\xdb\xb6=x\xf0`\xd7\xae]\xc59\xfa#\x84x\x9e\xd7j\xb5s\xe6\xcci\xd3\xa6Mxx8\xe9\xb8\xe7\xec\x87\x02\x92\x07\x9f!P\t\xc8\t\xd5I\x93&amp;\xa5\xa7\xa7\xa7\xa5\xa59\xb7\x8f\xe6\xdf\xe2y\xde\xc7\xc7\xe7\xeb\xaf\xbf&amp;{~F\x8c\x18\xb1k\xd7\xae\xfa\xf5\xeb\x17\x16\x16\x8as\xf4G\x08\xb1,\xab\xd3\xe96o\xde\xfc\xe6\x9bo:\xfbY\x80\xeb\x80\x00\x00*\x01)K\xd6\xa8Q\xa3s\xe7\xce?\xff\xfc\xb3Z\xad\x16m\x00 S\xe9\x94\x94\x94O&gt;\xf9\x04!4b\xc4\x88\xa5K\x97\xf2&lt;o4\x1aE;\xfa\x93g\xde\xbe};M\xd3\xdd\xbau#{\xae\x9c\xfdP\xc0\x15@\x00\x00\x95\x06c\xfc\xe6\x9bon\xdd\xba\xb5\xa0\xa0@\xa1P8\xfbq\x9e\x8aa\x98\xef\xbf\xff^\x10\x84\xf0\xf0\xf0\xb9s\xe7\xeat:\xf1\xdf\xba\xce\xb2\xec\xec\xd9\xb3\'M\x9a\xc4\xb2\xac$\xaa,@\x12 \x00\x80\xcaA\xb2@m\xdb\xb6\xad]\xbb\xf6\xd2\xa5K\xbd\xbd\xbdE\xd8\n\x02c\xacR\xa9\xee\xdd\xbbw\xf4\xe8Q\x84\xd0\x94)S\xb4Z\xad\xcdf\x13s&gt;]\x10\x04\x0f\x0f\x8fc\xc7\x8e\xdd\xbbwo\xe4\xc8\x910\xfd\x07\x95H\xbc\x9f{ 9\xe40\xf0\x84\t\x13V\xacX!\xceQU\x10\x04\x95Ju\xe7\xce\x9d\xfc\xfc|OO\xcf\xb8\xb88\xf1\xb7\xac\x10\x04A\xadV\xcf\x9b7\xafw\xef\xde\xfe\xfe\xfeN\xbc\xa5\x12\xb8\x1e\xd1}E\x81t\x91E\xc0\xd0\xa1C\x1f&gt;|x\xfc\xf8q\x0f\x0f\x0f\x11V\x02\x18\x86\xc9\xc9\xc9A\x085h\xd0\xc0\xcf\xcf\x8f\xe381\x8f\xa7d\xc9\x92\x9d\x9d}\xf0\xe0\xc1\xc9\x93\'c\x8cE\x18V\x81t\xc1\x87\tT\x1a\xb2\x1fT\xab\xd5\xf6\xea\xd5k\xc1\x82\x05bh\xa7\xfc8\x8a\xa2\x0c\x06\x03M\xd3\xd5\xaaU\x13s\xb1\x9a \x7f\xcfe\xcb\x965h\xd0\xa0E\x8b\x16\x10\x00@\xe5\x82\x0f\x13\xa8Ldx\x9a2e\xca\xc1\x83\x07o\xdf\xbe\xad\xd1h\xc4v&amp;\x80\xa2(\xb3\xd9,\x08\x82\xf8\x0b\xbf\x08!\x86a,\x16\xcb\xe2\xc5\x8b\xff\xf3\x9f\xff 8\xfc\x05*\x1b\x04\x00P\x99h\x9a\x16\x04!44\xb4i\xd3\xa6+W\xae\xf4\xf0\xf0\x10\xd5\x96\x15\x9a\xa6\xf5z\xfd\xcb/\xbf\xbcu\xeb\xd6\xaf\xbe\xfaJ\xe4-Ky\x9e\xf7\xf4\xf4&lt;x\xf0\xa0\xd9l\xee\xdb\xb7/L\xffA\xa5\xa3`N\x01*\x179\xa4\xbaa\xc3\x86\xff\xfe\xf7\xbf\x97/_\xd6\xeb\xf5\xa2\x1ad1\xc6J\xa5R\xadVs\x1cg4\x1aE\xf5l\x15\xf0&lt;\xef\xeb\xeb\xdb\xbbw\xef\xe6\xcd\x9b\xcf\x9a5K\x12K\x16 -0\xa1\x00\x95\x8c\xccR\xe3\xe3\xe3y\x9e\xdf\xbcy\xb3\xa7\xa7\xa7\xa8\x16\x01\x14E\x91v:\x06\x83A\xcc\xa3?\xc6X\xa3\xd1\\\xbbv\xed\xc4\x89\x13\xff\xf9\xcf\x7f`\xfa\x0f\xaa\x02|\xa4@%\xb3\xb7\x06JJJZ\xb0`\x818\'\xad\xb8\x8c\xb3\x1f\xe4\xa9x\x9ewww\x9f3gN\xa7N\x9dj\xd5\xaaE\xb6\xd8:\xfb\xa1\x80\xab\x81\x14\x10\xa8|\xe4C\x95\x91\x91\x11\x16\x16v\xfc\xf8\xf1z\xf5\xeaY,\x16\x91\x8c_dc\xa5\xbb\xbb\xbb \x08%%%\xa2\xfd\xfc\x938\x1a\x1a\x1a\xbaa\xc3\x86\xb6m\xdbB\xfe\x07T\x05X\x01\x80\xcaGZ\x03\xd5\xa9S\xa7C\x87\x0es\xe6\xccqww\x17I\x16\x88\x1c\xaa\xfa\xf3\xcf?\xbf\xfc\xf2\xcb\x85\x0b\x17\x92r\x85\x08c\x00\xcf\xf3^^^\x9b7o\xf6\xf2\xf2\x8a\x8b\x8b\x13\x04\x01F\x7fP\x15`\x05\x00\xaa\x04\x99\xb1\x1e;vl\xf0\xe0\xc1\xe9\xe9\xe9\xa4\x83\x8ds\x17\x01$\x8dn\xb3\xd9\xda\xb6m{\xe3\xc6\r\x84\xd0\x94)S\xbe\xfd\xf6\xdb\xc2\xc2B\xb1\r\xaf\x82 xzzFEE\x8d\x1e=\xfa\x8d7\xde\x80\xe9?\xa8"\xb0\x02\x00U\x82a\x18A\x10\xe2\xe2\xe2\xbc\xbd\xbd\x7f\xfd\xf5W14\x88&amp;e\xd5\xeb\xd7\xaf\xdf\xb8qC\xa5R)\x14\x8a\xc3\x87\x0f\x9b\xcdf\xb1\x15WI\xf3\x9f\x13\'N\xdc\xbf\x7f?99\x19\xca\xbf\xa0\xea\xc0\x07\x0bT\x15R\xb7\x1c3f\xcc\xe2\xc5\x8bE2\x84q\x1c\xe7\xed\xed\x8d\x10\xb2X,6\x9b\xcd\xcb\xcbK\xa9T\x8am\x11L\x1a\x16\xcd\x9c9311\x91\xd4*DR&gt;\x01\xaeG\x14_K\xe0\x92Hk\xa0\x91#G\xde\xb9s\xe7\xd8\xb1cNo\rD\xd3\xb4\xd9ln\xdc\xb8\xf1\xd4\xa9S\xfd\xfc\xfc\x1a7n\xfc\xde{\xef9}]R\x01Y\xa6\xdc\xbe}\xfb\xe4\xc9\x93\x93&amp;MB\x08\xc1\xe8\x0f\xaa\x0e\xd4\x00@\x15\xe28\x8ee\xd9\xd1\xa3G\x9bL\xa6\xb5k\xd7\xe6\xe6\xe6:\xfd\xd2\x15\x8a\xa2\xd4juNN\x8eZ\xad\xf6\xf4\xf4\x14\xdbY0\x8e\xe3\xfc\xfd\xfd?\xfb\xec\xb3}\xfb\xf6\x1d?~\x1c\xb2\xff\xa0JA\x00\x00U\x88\xa4/.\\\xb8\xd0\xad[\xb7\x8b\x17/\xba\xb9\xb9\x89\xa1\xfb\xa6 \x08\n\x85\x82\xb4\x03\x12In\xaa&lt;\x96eCBB~\xfc\xf1\xc7^\xbdz\xc1\xfe\x1fP\xa5D\xf7\xe9\x07\xae\x84l\xb2l\xd1\xa2E\x83\x06\r\x96-[\xa6\xd5j\xc5\xb0\x1f\x94\xa6i\x8e\xe3\x04A\x10\xdb\xe8Oz\x7f\xee\xdc\xb9\x93e\xd9\x1e=z \x84`\xf4\x07UJ\\_\x00\xe0z\xc8\x12\xf3?\xff\xf9\xcf\xe2\xc5\x8b\xadV\xabHF4\x8a\xa2\x9c\xbe\x10y\x1c\xc6\x98e\xd9\x85\x0b\x17&amp;&amp;&amp;2\x0c#\x86`\t\\\x1b\x04\x00P\xb5\xc8"\xa0o\xdf\xbe\x16\x8be\xff\xfe\xfd"Y\x04\x88\x90 \x08Z\xad\xf6\xf4\xe9\xd3\xe9\xe9\xe9o\xbc\xf1\x06\\\xfd\x08\x1c\x00\x02\x00\xa8Z\xf6\xd6@\x03\x07\x0e\\\xb8p\xa1B\xa1\x80\xb2\xd3\x13\x91S\xca\x0b\x17.\xec\xd8\xb1c\x8d\x1a5`\xf7\'p\x00(\x02\x83*G\xb2\xed\xd7\xaf_\x8f\x8b\x8b;y\xf2d\xcd\x9a5\xadV+\x8cn\xe5\x91\xe4\x8f^\xaf\x0f\x0b\x0b;x\xf0`XX\x18\x9c\xff\x02\x0e\x00\x9f0P\xe5h\x9a\xe6y\xbei\xd3\xa6m\xda\xb4\xf9\xf1\xc7\x1f\xc5vK\x8c\x18\x90\xbb_\xd6\xad[\xd7\xa0A\x83\xf0\xf0p\x18\xfd\x81c\xc0\x87\x0c8\x08\xc6x\xf2\xe4\xc9\xbf\xfe\xfa\xabN\xa7s\xfai\x00\xb1\xa1i\xdab\xb1,[\xb6\xec\xb5\xd7^C\x08\x89\xedx\x1apU\x10\x00\x80#\x90zf\xd7\xae]i\x9a\xde\xbe};\x94\x82\xcb#\xbd?\x0f\x1c8\x90\x97\x977r\xe4H(\xff\x02\x87\x81\x00\x00\x1c\x84\xe7y\x96e\'M\x9a4{\xf6l\x18\xe0*`\x18f\xee\xdc\xb9\xc3\x86\rS\xab\xd5P\xfe\x05\x0e\x03E`\xe0 \xe4\x93\x96\x97\x97\x17\x1c\x1c\xbcs\xe7\xce\xd0\xd0P\x83\xc1\x00\x99nrA\xcd\x9d;w\xda\xb5kw\xf9\xf2\xe5Z\xb5ja\x8c!\x00\x00\xc7\x90\xfb\xd7\x0f8\x0c\xb9%\xc6\xdf\xdf\xbf}\xfb\xf6\x0b\x17.$S]g?\x94\xf3\x91\xab\x1f\x97,Y\x12\x15\x15U\xabV-\xa7\xdf\x9a\x00d\x05V\x00\xc0qHr\xe3\xe2\xc5\x8b]\xbat\xb9x\xf1\xa2\x87\x87\x87\x18Z\x039\x11\xd9\xed#\x08B\x8b\x16-\x16.\\\xd8\xa3G\x0f\xe8\xfe\x06\x1c\tV\x00\xc0q\xc8\xa9\xe0\xf0\xf0\xf0\x06\r\x1a\xac]\xbb\x16J\xc1\xe4\xe6\xafM\x9b6\xb9\xbb\xbb\xf7\xe8\xd1\x03Z\xbf\x01\x07\x83\x00\x00\x1c\x8a\xa4}^{\xed\xb5\x15+Vp\x1c\x075\x00\x9a\xa6\x17/^&lt;v\xecX\x04\xbb?\x81\xc3\xc9\xfd\xeb\x07\x1c\x8c\xdc\x123l\xd8\xb0\xcc\xcc\xcc\x13\'N8\xfd\x96\x18\'"W?\x1e;v\xec\xce\x9d;\xb0\xfb\x138\x05\x04\x00\xe0P\xa4\x14\xac\xd5j\x13\x13\x13g\xce\x9c\xa9R\xa9\xe4\x1c\x00\xd4j\xf5\xdc\xb9s{\xf7\xee\xed\xef\xef\x0f\xe5_\xe0xP\x04\x06\x8eFZ\x03\xdd\xb8q#..\xee\xd4\xa9S\xd5\xabW\x97ak \x8c\xb1R\xa9\xcc\xc9\xc9\x89\x8e\x8e&gt;x\xf0`HH\x08\xb4\x7f\x00\x8e\x07\x1f8\xe0h\xa45P\x93&amp;M\x9a4i\xb2r\xe5Jy\xb6\x06\xe2y\xde\xc3\xc3c\xe5\xca\x95M\x9b6\r\r\r\x85\xd1\x1f8\x05|\xe6\x80s`\x8c?\xfc\xf0\xc3\xa5K\x97\x9a\xcdf\x96e9\x8es\xf6\x139\x8e\xbd\xfa\xbdj\xd5*\xd2\xfa\x1f\x16\xe2\xc0) \x00\x00\' \xd5\xce\x1e=z`\x8c\x17,X\xe0\xe3\xe3\xe3\xef\xefo\xbf\xa9\xd1\xd9OWU0\xc6d\xe8\xf7\xf7\xf7\xf7\xf5\xf5\x9d3g\x8e\xd9l\x8e\x8f\x8fG\x08\xc1\xf4\x1f8\x05|\xec\x80s\x90\xa4\xc7\xa2E\x8b6n\xdc\xd8\xb1c\xc7\xef\xbe\xfb\xceb\xb1\xf8\xfb\xfb\x93\x8c\x90\x8b%\x85\xc8\xbf\x91Z\xad\xf6\xf7\xf7\xb7X,\xdf}\xf7]\xc7\x8e\x1d\x7f\xf9\xe5\x97%K\x96h4\x1a\xe8\xfd\x00\x9c\x05\x8a\xc0\xc0i\xec\x03\xdf\xfe\xfd\xfb\x17-Zt\xfb\xf6\xed\xe8\xe8\xe8\xe1\xc3\x87\xc7\xc4\xc4\x08\x82PRRb\xb3\xd9\x18\x86\x91\xee\xe0\x881&amp;\x15oooo\x8a\xa2\xd2\xd3\xd3\x17-Z\x94\x9a\x9a\xda\xa8Q\xa3\xb1c\xc7v\xed\xda\x15\x95\xfb#\x00\xe0x\x10\x00\x803\x91\xe6\x10d\x04\xbcy\xf3\xe6\x8a\x15+v\xee\xdcY\xb7n\xdd\xc1\x83\x07\xf7\xea\xd5\xcb\xdb\xdb[\xaf\xd7\x9bL&amp;\x9a\xa6\xa5\x95$\x11\x04\x81\xec\xf2\xd4j\xb5&amp;\x93i\xcb\x96-\xeb\xd6\xad\xcb\xcc\xccl\xd7\xae\xdd\xeb\xaf\xbf\xde\xb8qc\x84\x10I\xfdK\xeb\xdf\x0b\xb8\x18\x08\x00\xc0\xf9\x04A\xb0\x1f\x83\xb2X,\x1b6lX\xbbvmNNN\xff\xfe\xfd\x07\x0f\x1e\xdc\xa4I\x13\xab\xd5\xaa\xd3\xe9\xc8p)\xe6\xf92\x99\xf2#\x84\xb4Z\xadJ\xa5\xba\x7f\xff\xfe\xea\xd5\xab\xb7o\xdf\xaeT*G\x8f\x1e=p\xe0@777\x84\x10\xd9\xf2\x0fC?p:\x08\x00@,0\xc6\xe4\xce\x00\xf2\x1f\xcf\x9c9C\x12&amp;\xad[\xb7NLLl\xdf\xbe\xbdR\xa9,..\xb6Z\xad"\xcc\x0b\x91\x87W*\x95^^^\x18\xe3\x94\x94\x94\xe5\xcb\x97_\xb8p\xa1i\xd3\xa6\x93\'O\x8e\x8e\x8e&amp;?\xc6\xf3\xbc\xc8c\x18\x90\x15\x08\x00@\\\xc8$\xda&gt;A\xce\xc8\xc8X\xb3f\xcd\xb6m\xdb(\x8a\x1a9rd\xdf\xbe}k\xd4\xa8a4\x1a\x8dF#*\xdbM\xe4\\$\xdb\xa3\xd1h&lt;&lt;&lt;rss7o\xde\xbci\xd3\xa6\xfc\xfc\xfc!C\x86\x0c\x1b6\xacN\x9d:\xa8\\1\x00\x86~ *\x10\x00\x80H\x91\x81\xd5\xbe \xd8\xbcy\xf3\xea\xd5\xab\xef\xdc\xb9\x13\x13\x133n\xdc8rx\xaa\xa8\xa8\x88\xf4Ov\xca\xc0\xcaq\x1c\xc30\x9e\x9e\x9e,\xcb^\xbbvm\xd9\xb2e\xfb\xf6\xed\x0b\x0c\x0cLLL\x8c\x8f\x8f\'O\x0e\xd9\x1e f\x10\x00\x80\xa8U\x98;\xdf\xbcy\xf3\xc7\x1f\x7f&lt;z\xf4h@@\xc0\xd0\xa1C\xfb\xf7\xef\xaf\xd1h\x1c\\(&amp;\x91\x89d{\xccf\xf3\xde\xbd{\xd7\xacYs\xf3\xe6\xcd\xf6\xed\xdb\x8f\x1a5\xaaE\x8b\x16\xe4\xc7 \xdb\x03\xc4\x0f\x02\x00\x90\x06r2\x80\xe4|\x8cF\xe3\xa6M\x9b\x96,Yb\xb5Z{\xf4\xe81d\xc8\x10\xc7\x14\x8a\xc93\x90\x02oNN\xce\xea\xd5\xab\xb7l\xd9\xc2\xb2lBBBbbb\xb5j\xd5\xec?\x03C?\x90\x04\x08\x00@J\xc8\x82\xc0\x9e\xfa?y\xf2\xe4\xd2\xa5KO\x9c8\xd1\xa6M\x9b\xaa+\x14\x93\x02/\xc30\xde\xde\xde4M\xa7\xa6\xa6\xae^\xbd\xfa\xe4\xc9\x93\x81\x81\x81\xe3\xc6\x8d#\xdb\xf9\x11d{\x80\x04A\x00\x00\xd2S!/Tu\x85\xe2\xf2\x05^\xb2\x9d\x7f\xfd\xfa\xf5\x0f\x1e&lt;\xe8\xd5\xab\xd7\xc8\x91#\xed\xdb\xf9\xa1\xc0\x0b$\n\x02\x00\x90\xb0\x7fX(\xfe\xb7\x03\xb4}\'\x92V\xabU*\x957n\xdcX\xbf~\xfd\x9e={\xc8v\xfe\xc1\x83\x07\xabT*\x04S~ }\x10\x00\x80\xe4\xfd\x93B\xb1N\xa73\x9b\xcd\x7f[(&amp;\xd9\x1e\x85B\xe1\xed\xedm\xb5ZSRR\xd6\xacYs\xfa\xf4\xe9\xd8\xd8\xd8\xe4\xe4d\xfbv~\xb2\xff\x07\xa6\xfc@\xea \x00\x00\xd7\xf1\xb4Bq\xdf\xbe}\x87\x0f\x1f^\xb7n]\x8b\xc5\xa2\xd3\xe9\xd0\x93\x8a\xb4\xe4\x9fusssss\xcb\xcd\xcd\xdd\xbau\xeb\x8a\x15+0\xc6\xf1\xf1\xf1\x89\x89\x89\xb5k\xd7F\x90\xed\x01.\x07\x02\x00p5\x8f\x17\x8a\xe7\xcc\x99s\xfd\xfa\xf5\xf0\xf0\xf0Q\xa3F\xb5o\xdf\x9e\xa2({\xa1\x18\x95\xed\xd7\xf4\xf6\xf6f\x18\xe6\xfc\xf9\xf3\xeb\xd6\xad#\xdb\xf9\x87\x0f\x1f\x9e\x90\x90@~\ti\xe3\x0c\xd9\x1e\xe0b \x00\x00\xd7Ta\xb6\xfe\xe0\xc1\x83\xb5k\xd7\xae_\xbf\xde\xd7\xd7w\xe0\xc0\x81\t\t\t\xfe\xfe\xfeF\xa3\x91\xe38OOO\xb3\xd9\xbco\xdf\xbee\xcb\x96=x\xf0 ..\xce\xbe\x9d\x1f\xa6\xfc\xc0\xb5A\x00\x00.\xae|\xa79\x8e\xe3\xb6m\xdb\xb6f\xcd\x9a[\xb7nu\xef\xde=11\xd1\xdb\xdb{\xe3\xc6\x8d[\xb7neYv\xc0\x80\x01\xc9\xc9\xc9\xf6~mH\x1c\xad&amp;\x00\xa8:\x10\x00\x80,T\xc8\x0b\x9d?\x7f~\xd9\xb2e\xc7\x8e\x1d\xb3Z\xadAAA\xa3G\x8f\xee\xd6\xad\x1b\xf9\x9f`o\x0f\x90\x0f\x08\x00@F\xec\xed\x9aI$\xd0\xe9t%%%P\xe0\x05\xb2\x05\x01\x00\xc8Q\xf9\xbc\x10d{\x80lA\x00\x00\xf2E&gt;\xfc0\xe5\x07\xb2\x05\x01\x00\x00\x00d\n*]\x00\x00 S\x10\x00\x00\x00@\xa6 \x00\x00\x00\x80LA\x00\x00\x00\x00\x99\x82\x00\x00\x00\x002\xc5:\xfb\x01\x80\x18\x91SQ\x18c\x8a\xa2`\x83&lt;\x00\xae\n\xb6\x81\x82G\x94?!U\n#^\x80\xfb\xcdE\x87\\Y\x03/\x05\xbc\x08H\x01\x01\x84\xca.B!\x8d\x91\x19\x861\x9b\xcdk\xd7\xad\x9c\xf8\xfa\xb8\xc3G~C\x14"\x97\x9fp\x1cG\xfa(\x00\xa7\xb3w\xad\xe0y\x9e\xe38\x9e\xe7a&amp;\x07\x9e\x03\xac\x00\xe4\x8e\x0c\xfd\xf6[\x15\xd3/]X\xb5j\xe5\xde\xdd\x878\xa36\xa0z\x93\xdb\x19gk\xd4\xd6\x0cO\x1a\x9c\x988\xc2\xdb\xcb\x07A\xcf\x1cg#y9\x84\xd0\x1fw\xee\xd4\r\x08P+\x95\xf6\xff\x89\\\x90I\x95\xe3\xbc\xc7\x04\xd2\x00\x01@\xbe\x1e\xed\x93l\xdb\xbdg\xe7\x9a\xd5kN\x1e\xbf\xd40 2\xaae\xcf\x86\xf5\x9a3\x0ck\xb6\x18\xaf\xfdq.%\xed\x17\x1b\xca\xe9\xd2-n\xd4\xa8W[GD\x92\x7f\x9c,\x17`\x94q$\x9e\xe7\xc9\xfb\x1a3i\xd2\x85m\xdb&lt;j\xd4\xf0\xaa[\xb7ett\xabV\xad"\xc2\xc3kW\xaf^\xe1\x87I\xb4\x80\xd7\x04\x9e\x06\x02\x80\xec\x94M\xe1\x192&amp;dff,Y\xbah\xf3\xa6\x1d\xc6bEh\xd3.\x91-\xba\xfax\xfb\x9bLz\x8b\xcd\x8c0\xa6(Z\xa3vW\xb0\xca\x07Y\xb7N\x9e\xdbs\xeb\xc1\xc9z\x81&gt;\xaf\x8d\x1f\xd3/~\x80Z\xadAe\x9d\xd4`\x88q\x00\x8e\xe3X\x96\xcd\xc9\xcf\x8f\x1f0\xa0\xf6\x9f\x7f\xce\xe9\xd5+\xbb\xb8\xf8ZN\xce\x99\xec\xec\xdbz}\x8eB\xe1\xd9\xb0aPDDx\x8b\x16Q\x91\x91\x81u\xeb\xaa\x14\n\xfb?[~q\x00\x9d\xae\x81\x1d\x04\x00\x19!\xa3\x80=\xdbs\xe8\xf0\xc1eK\x97\x9eJ\xbdX\xcd\xbdilD\xdf\xc6\r\xc3h\x861\x1aKx\x9e\xa3\xa8\xbf\x06t\x8c\x05\x8c\xb1R\xa9\xd6\xa8\xddMf\xe3\xd9\x0b\x07O\xa7\xefQ\xb8\xe9{\xf4\xea&lt;~\xfc\x84\x86\r\x1a\x91\x1f\x83\x05A\xd5\xc1\x18s\x1c\xa7P(RRS\xc7$%%zy}\xd0\xb9\xf3C\x9d\x8ee\x18\x8dB\xa1b\x18^\x10ru\xba\xcbYY\xd7\xf2\xf2\xce\xe5\xe5\xe52\x8cY\xab\xad\x17\x12\xd248\xb8]\\\\Dx\xb8\xb7V[\xfe\x17r\x1c\x87\xca\xc26\xbc29\x83\x00\xe0\xfa*d\xed\x8b\x8a\x0b\xd7\xacY\xb9f\xf5/9\x0fL\xcd\x1b\xb5\x8bl\xd9\xbd\x86\x7f]\xab\xd5d\xb6\x181FO\x9b\x1eb\x8c1\x16h\x9av\xd3xR\x14u\xf7\xfe\xf5#\'7&gt;,\xba\xd2:\xaay\xe2\xf0\xc4\x9e=\xfa\x90\xb8\x02\xb7\xa9T:\xfb\xcc}\xf6\xfc\xf9s\xa7O\xff\xb6u\xeb\x9eAA\x19\xc5\xc5,M#\xf2r1\xa6(\x8a\xa5i7\x85B\xc5\xb2\x08!\xbd\xc9t\xb7\xb0\xf0Rv\xf6\xa5\xdc\xdc+z\xbd\xce\xc3\xc3\xbb^\xbd\xa0\x88\x88\xe8\x98\x98\xb0\xa0\xa0\xa6\x81\x81\x8f\xfc~\x9e\x17 S$W\x10\x00\\Y\x85=\x9dg\xce\xa6-_\xbe\xec\xe0\xbe\xe3\nT\xbd}\xe4\xa0\xe6/\xb5V*UF\x93\xcef\xb3\x96\x9f\xf2\xff\xcd\xef\xc4\x02\xc2X\xa5\xd2\xa8U\xee\x05E9g.\x1cL\xbf\xfe\x9b\xc6\xcb\xf2j\xf2\xf0A\x03\x87\x04\x04\xc0\xe5*\x95\x89$\xfdy\x9eO\x9e4)\xfd\x97_V\xf4\xe9S\xd7\xc7\'\xcf`P&lt;)\xc4\ne_f\x9a\xa2T,\xabQ(\x144m\xb1\xd92\x8b\x8bo\xe7\xe5\x9d\xce\xcc\xbc\xa5\xd3\xdd\x13\x046 \xa0i\xcb\x96\xcdCBbcb\x9a\x04\x06\x96_\x1c`A\xe0\xa1\x8c,\'\x10\x00\\P\x85{\xafLf\xd3\xb6m\xbf.\\\xf0\xf3\xbd\xdb\x85\x8d\xeaDG\xb7\xeaQ\xa7V#\x1bg5\x99\rdR\x8f\xd0\xbf\xfe\x9e\x93\x05\x01\xc3(\xdc4\x1e\x18\xe3\xab\x7f\x9c9~f\xab\xcer\'*6\xec\xcd7\'\x97/\x14\xc3\x82\xe0\xb9q&lt;\xcf2\xcc\xfd\x8c\x8c^\xfd\xfa\xb5*,\x9c\xd5\xab\x97M\x10\x8cV+\xfb\x0f\xfe\x9e\x98\xc4\x03\x8ci\x8aR0\x8c\x9a,\x0e0.6\x1a\xaf\xe7\xe4\\}\xf8\xf0\\n\xee\x1d\x8e3j45\x9a4\x89\x88\x8dm\xd1\xb2e\xeb\xf0\xf0\x00(#\xcb\x0c\x04\x00\x97\xf2\xc4=\x9d\xfb\xf6\x1c\xb6\x1a\xdc\xdb\x84\xf6\x88\x08\xef\xa2Q\xbb\x99\xcc\x06\xab\xd5L\xca\x81/\xfe\xff(\x08\x02\xa2\x90F\xe5\xaeT\xaas\xf22N\x9c\xde~\xfd\xee\xb1\xfa\x8d\xaa\xbd2x\xe0\x88\x11\xaf\xbai\xdcP\xd9B\x04\x06\x91\x7f\xce~\x83\xf1\xbe#G^\x1d2\xe4\xdd\xc0\xc0I\xb1\xb1\xd9:\x1d\x19\xd0\xff\xf5o#\x01\x1b!\x841C\xd3j\x85B\xadP0\x08\x99\xac\xd6\xec\x92\x92KYY\xd7\xf2\xf3\xcf\x17\x14\xe4(\x95\xde\xf5\xeb\xd7m\xd6,\xa6m\xdb\x90\xe6\xcd\xc3\x82\x82\xca\x97\x91\xcb/\x0e \xa2\xbb\x0c\x08\x00.\xe2o\xf7tb\x8c\x8d\xa6\x12A\x10\xfey\xb6\xe7\x9f#\x85b\x85B\xa9QkMf\xc3\xa5\xab\'N]\xd8\xa5\xf20vz9&amp;)iDhH8\xf91\x8e\xe3\xc8\x99\xb2\xca\xfd\x7fw1\xf6\xa4\xff\xff\xe6\xccY\xf8\xf1\xc7\xf3:wn\x1f\x18\x98YR\xf2\xc4\xb4\xcfs\xc0\x18\x0b\x08!\x8c)\x9aV2\x0c\xc9\x14a\x8csJJ\xee\x16\x14\x9c\xcd\xcc\xbcVTt\xdbj\xb5\xfa\xf8\xd4\x0f\rm\x1a\x1c\xdc6..\xb4y\xf3\x1a\xbe\xbe\xe5\x7f\t,\x0e\\\x03\x04\x00i\xfb\xa7{:\xad&amp;DQteL\xf9\x9f\xfd8$\xf5\xafQkYVq\xe7\xfe\xf5\x13\xa7\xb7\xde\xcd&gt;\x1b\x14V\xff\xb5\xf1\xe3z\xf6\xec\xc32P(\xfe\x1b$\xed\xc3\xf3\xfc\xe0\xe4\xe4\x9c\xbd{\x17\xf7\xe9S\xdd\xc3#\xdf`PTMG\xa6\xbf\x16\x07\x08)hZ\xc5\xb2j\x85\x82F\xc8h\xb1\xdc\xce\xcf\xbf\x94\x9d\x9d\x9e\x9b{\xcd`\xd0\xa9T\x1e\xf5\xea\x85EEEEG\x87\x05\x07C\x19\xd9e@\x00\x90\xaa\xe7\xdb\xd3\xe9\x18\xf6\x9d\xa3nj\x8f\x12}\xd1\xb9\xf4Cg\xd2w\xbay\xd9\x12\x06\xf6\x19\x9d&lt;\xae\xacP\x8c\x04h1\xf4(\xb2\xd3\xff\xea\xf5\xebC\x92\x92"\x8a\x8af\xf5\xeci\xe68\x93\xcd\xa6\xa0i\xc7|K\xc9\xe2\x00c\xcc\xd04)#\xb34m\xe3\xb8|\xbd\xfe\xea\xc3\x87i\x19\x19\xb7\xf4\xfa\xbb&lt;\xaf\xa9S\xc7\xbfa\xc3\xc8\xd8\xd8\xd0\x90\x90\xd6\x15\xf6\x98b\x8c\xe1\x9ae\xe9\x80\x00 1\x95\xb2\xa7\xd3a\x8f\x8a\xb1\xc00\xacF\xed\x811\xbe\xf9\xe7\xc5\x13g\xb7\x17\x18\xaeG\xc5\x84\xbd\x9a\x9c\xdc\xa9c\x17\xf2c\x1c\xc7\xd14-\xf3\x05\x01&amp;\x05[\x9a\xfeu\xc7\x8e\xd7G\x8d\xfa,4tDDD\x8e^\xff|I\xff\xcay$\x84\x04\x8cQ\xd9\x1eSR9\xa00.4\x18\xee\x15\x14\\\xc8\xce\xbe\x98\x97w\xdbh,\xf1\xf0\xa8\xd1\xb4i\xb3\xd0\xd0\xe8\x98\x98\x88\x16-\xea\xd5\xaa\x85\xca\xf5\xab\x00"\x07\x01@2\xaabO\xa7c\x08X\xa0\x10R\xab\xdc\x94J\xcd\xc3\xdc\xfbi\xbf\xef\xbdz\xebh\xf5:\x9a\xc4\xe1\xaf\xd8[\x0c\xc9\xb9Plo\xf0\xf0\xc9\x8c\x19\xcb\xbf\xf8bU\xdf\xbe\xe1\xb5j=\xd4\xeb++\xe9_)\xc8\x1eS\x8c1\xcb0*\x86Q\x97\xed1\xcd(*\xba\x94\x95u%/\xefba\xa1N\xa31h\xb5\xb3f\xcf\x8e\x8b\x8b#Elg?5\xf8\x1b\x10\x00\xc4\xce\x01{:\x1d\x83,\x08\x14\n\xa5\x9bFk\xb5Z\xae\xfeq&amp;%m\xa3\x8d\xca\xe9\xd25n\xf4\xe81-[D\x90\x1f\x93\xdb\x89b\x92\xf6\xd1\xebtI\xe3\xc7\x97\xec\xdf\xbft\xe0@w\x85\xa2\xc8l\x16\xd5\xe8_A\xf9=\xa6J\x96\xd5(\x14J\x86\xb1r\x1c\x83\xd0\xc7{\xf6\x9c\xf0\xf7?s\xfc8Y\xa7:\xfbI\xc1\xdf\x80\x00 ^\x8e\xdf\xd3\xe9\x10\x98\xecD\xb2\xb7\x18:un\xcf\xf5\xbb)\xc1\xe1\r\x92F\x0c\xef\x17\x9fP\xbe\xc5\x90\xcbO!\xc9\xe8\x7f\xe5\xfa\xf5\x01\x83\x07w\xe3\xb8/\xbau\xd3\x99\xcdV\x8ec\xa43t\xe2\xb2\xfc\x15\xa6(%M\xb3,\xdbb\xe1\xc2\xe5\xbbv\xf5x\xf9e\xfb\xca\x06\x88\x16\x04\x00\xb1\xe38n\xf7\x9e\x1d\x8e\xdc\xd3\xe9\x18\xe5Z\x0cy\xe8\xf4E\xbf\xa7\x1f9{yo\x85\x16C.\x9cJ\xc6\x18cA\xa0\x19f\xc9\xea\xd5\x9fL\x992=$$\xb1e\xcb\x1c\x9d\x0e!\xe4\xac\xa4\xff\x8b\xe3\x04\xa1\xba\x87\xc7\xcc\x94\x94\x1d\x1a\xcd\xd9c\xc7`\x11 ~\x10\x00\xc4\x88\xbc\x14\xa3\xd18w\xee\x9c\xf5\xeb6\x9aJ\x94\xce\xd8\xd3\xe9\x08\x7f\x15\x8a5\x1e\x14\xfa\xab\xc5PDd\xb3\xd7_\x7f\xb3}\xfb\xf6.\x19\x03\xecS\xe3\xb7\xa6M\xdb=o\xde\xda~\xfd^\xf2\xf7\xcf\xd5\xeb\xff\xc9\x11_\xf1\xa3\x19\xa6\xcd\xe2\xc5\xcb`\x11 \x05\x10\x00\xc4\x88d\x06&gt;\xfa\xef\x07\xf3\xbe[7\xe9\xd5\xff\xd5\tx\x89aYg\xed\xe9t\x8c\xf2-\x86\x8aK\xf2\x0f\x9d\xd8t\xec\xf7\x157n\\\xf3\xf7\xaf\x8e\\k[!y\xb9\x05\x85\x85\xc3F\x8d\xc2\'O\xae\x1c&lt;\x18cl\xf8g\r\x1e\xc4\x8f\x13\x84\x1aZ\xed\xb7G\x8e\xc0"@\x12\xe0\xdd\x88\x0e\xd9\xeac6\x9bW\xae\\9b\xd0\xd4\x97\x02\xc3\r\xa6b\x9d\xae\x10cL\xd3.{\x8c\x96\xa6h\x9af\xacVKqI\x1eM\xd3\x89\t\xefx\xbb\x05.X\xf8\x13\xb9\xf5\xd0\xd9OWi\xc8\xe8\x9fz\xe6L\xdb\x0e\x1d\xc2o\xdf\xde2b\x84\x85\xe3L6\x9bk\x8c\xfe\x08!\x96\xa6\xf3\r\x86\xb1QQ\x19ii\xbb\x0f\x1c\xa0i\xda\x95^\x9f\xebq\x91\x8f\x9d+!\x07e\xd7\xae[e*Q\x067\x8d\xcc/\xccfhV&amp;\xd3(\x8a\xa2h\x9a\x11\x04\xbeDW\xd0)\xe6\x95U\xabV\xbbL\x0e\x81\xec\xe6bYv\xf6\xfc\xf9#z\xf5\x9a\x1e\x10\xf0I\xf7\xee\xd9:\x9d\xe0\xbc\x9d\xfeU\x84\x13\x04o\x95jBh\xe8\xf4\xcf&gt;C\xae\x98\xc1s%\xb2\x18V\xa4\x85\x8c\xf5\x8b\x16-\x8a\x8d\xe8\xcf\xb2*g?\x8e\x13\xd04c2\x1bZ\x86v\xcc~P\xb2\xff\xc0^D!\xa9\xcf"\xed\xdd/FM\x9c\xb8\xfc\xc3\x0f7\xf7\xec\xd9\xb3Y\xb3\xec\x92\x12\x97\\\xd014]d2%\xb6ly\xeb\xf4\xe9\xf4+W(\x8a"\xfb\x98\x81\x08A\x00\x10\x17\xd2\x08\xec\xe2\xc5\xf3\xe9\x17\xfe\x88k\xd3\xdb`(\x96\xce\xfe\xce\xca$\x08\xbc\xbbF\x1b\xdd\xa2\xff7\xdf\xcc\xa0\xc4z\xb2\xe1\x1f"-\xf0r\xf2\xf3\xa3;t\xd0\xed\xd8qp\xf8p?\x0f\x8f&lt;\x83\xc1e\xd2&gt;\x15P\x08Yy&gt;\xc0\xd3\xb3o\xed\xda\xd3\xbf\xfc\x92\xa2\xa0\xd0(^\xae\xf9\x11\x94.\x12\x00\xe6/\xf8\xb1a@\x84_\xb5\x00\x8e\xb7\xb9\xe2\x1c\xf1\xefQ\x14m0\xe9\xdaE\xf5;{\xfa\xd2\x1f7o0\x0c#\xc5Y\xa4\xfd$GJjj\\ddw\x9dn\xcd\x90!:\xab\xd5\xecBI\xff\'bh\xba\xc4l~\xb7]\xbb\xdf6o\xbe|\xf5*M\xd3R|}r\xe0\xca\x9fB\xc9!\xe5\xdf\xdc\xbc\xdc\x8d\xbfl\xed\xda~\xb8\xd9l\x90\xe7\xf4\x1f!DQ\x94\xcdf\t\xa8\xd1\xa0f\xb5\xa0\x85\x0b\xe7\xa3\xb2\xad\xb1\x12b?\xbf=\xeb\xc7\x1fG\xf7\xef\xff\xbf\xa6M\xa7u\xee\xfc\xa0\xb8\x18Iy\xa7\xff?D!d\xb2\xd9\x1a\xfb\xfa\xf6\x0f\x08\xf8\xe8\xf3\xcfa\x11 Z2\x1d_\xc4\x89d\x8a\xd7\xad[\xc5\n\xbe\xcd_jm2\x1b\xe49\xfd\'(\x8a2[L\xbd:\'\xafX\xbeJ\xaf\xd7\xd14-\xa1A\x844\xb4\x10\x04a\xd0\xa8Q[&gt;\xfbl[\xaf^\x9d^z)\xa3\xb8XA\xd32y\xa3\x0cM\x17\x1a\x8d\xef\xb6kwh\xcb\x16X\x04\x88\x16\x04\x00\x11!_\x92\x9f\x7f^\xd2&gt;j\xa0 \x08H\xc6\xa3?B\x88\xa2h\xb3\xc5\xd0\xb4q\x04\xb2yn\xdc\xb8AB\xfbA9\x9eg\x18\xe6~ff\x8b\xa8(\x8f\x13\'\xb6\x0e\x19\xe2\xe3\xe6V`4\x8a\xb9\xbdO\xa5\xa3\x102s\x1c,\x02DNF\x9fH\x91#s\xc6Si\xa9\xb7ndE\xb5\xeaf4\xe9d\x9b\xff\xb1\xc3\x18\xb34\x1b\xdd\xb2\xef\x82\x85\x0b\x04\x01\x8b\x7f/li\xd2\x9fa\xf6\x1d9\x12\xd5\xaa\xd5\xabJ\xe5O\xf1\xf1\xc5f\xb3\xcb\'\xfd\x9f\xc8\xbe\x088\xbce\xcb\xa5+W`\x11 B\xb2\xfbP\x8a\xdc\xf7\xdf\xcf\x0en\xdc\xc1S\xeb\xcb\xf3\x9c\xac\xe7\xff\x08!\x84(\x9a\xd1\x1b\x8a:\xc6\rL\xff\xfd\xe6\xc9S\xc7E\xbe\x08 \x05|\x86af\xcc\x99\xf3z|\xfc\x92\x98\x98\x8911\x19%%4E\xb9|\xd2\xff\x89\xec\x8b\x80\xf8Z\xb5&gt;\x9b1\x03\x16\x01"\x04\x01@\x14H\xf9733c\xd7\xce\x03\xdd;\x8e0\xc1\xf4\x1f!\x84\x10\x85\x10/\xf0\x9e\x1e\xd5\x82_\xea\xf0\xe3O\xf3\xc4\\\x11!\xd7\xda\xe8u\xbaA#F\xec\xfa\xea\xab\x9d\x83\x06E\xd5\xab\x97Y\\,\xab\xb4\xcf\xe3h\x9a\xd6Y,\xc9\x11\x11\xbf\xed\xda\x95\x97\x97\'\xadB\x8e\x1c\xc8\xfa\xd3)\x1edb\xbbd\xe9"_m\xa3\xba\x01\x8d-V\xb3\x98\x07;G\xa2(\xdal6v\x8c\x1d\xb4g\xd7\xfe\x879\x0f\xc59\x82\xd8\xafrl\xdd\xb6m\xad\xb3g\xb7\r\x1d\xea\xa1R\x15\x18\x8dJ\x978\xc3\xfc"h\x84\xf4\x16K\xeb\xbau\xc3)\xea\xab\xef\xbe\x83Cab\x03\x01@\x14\x18\x86\xe1y~\xe5\xca\xd5\x1d\xa2_\xe1y^\xe6\xe5\xdf\xf2(\x8a2[\x0cM\x02[x(\xea-\x14_k {\x83\x87_w\xec\xe8\x14\x1b\xfbn\xb5j3z\xf6,4\x99\xac\x1c\xc7:\xea"_\x91\xa3)\xcad\xb5Nk\xdf~\xe9\x82\x05\xb0\x08\x10\x1b\x08\x00\xce\xc7\xf3&lt;\xa2\xd0\xfe\x03{\xb3\x1f\x94\xb4\n\xedh4\xe9\\\xa3\xd5s\xa5\xa1(\x8e\xe3:\xc5\x0e\x16[k \xd2\xaa\x9a\xa6\xe9Of\xccxg\xc8\x90\x8d]\xbb\x0em\xd1"\xbb\xa4\x84\x96\xc1N\xff\x7f\x8e\xa6(\x9d\xc5\x12\xd7\xa0AK\x9a\x86E\x80\xd8\xc0@#\n\x14\xa2\xbe\xf9fFt\x8b\xfe\xee\x1a\xad \x88h\x86+\x064E\x1bM:\xb1\xb5\x06"\xb7`\xe5\xe5\xe5\r\x1b5*e\xe6\xcc\x94\x11#\x9a\xf9\xfb?t\x95\x9e\xfe\x95\x8b\xa6(\x83\xc5\x02\x8b\x00\x11\x82\x0f\xab\x93\x91\x86\xe9\x7f\xfcq\xe3\xec\xe9K\xed\xa2\xfa\x19\xa0\xfc\xfb$"l\rD\xb6\xed\xfe\xef\xff\xfe\xef\xee\xaf\xbf\xeeNN\xa6\x10*\x11\xf7E\xbeN\x04\x8b\x00\xd1\x82\xcf\xab\x93\x91\xbd\x83\x8b\x7f^X\xb3ZP\xad\x1a\rl6\x0b\x94\x7f\x1f\'\xda\xd6@V\x8e\x0b\xa9YS\x10\x04\xb3\xa4.\xf2u\xbc\xf2\x8b\x80\x87\x0fEZ\xcc\x97!\xf8\xc8:\x93\xfd\xee\x97u\xeb\xd6w\x8a\x1dl\xb3Y\xa0\xfc\xfbD\xa2m\rDQ\x94\x89\xe30$\xfd\xff\x0eY\x04\xc46h\xd0\x92\xa2~\\\xb2Dl\xc5|\xd9\x82\x00\xe0L\xf6\xbb_\x8c\xc5\x8a\x16\xc1\xed\xa0\xfc\xfb\x0c\xf6\xd6@\xcbE\xd6\x1a\x88B\xe2\xc8I\x89\x1eEQV\x9bm|\x9b6+\x96-\xb3Z\xad\xe2y\x83r\x06\xc3\x8d3=z\xf7\x8b\x12\xbe\x0f\xcfP\xd6\x1a\xa8\x15\xcdym\xdc$\xa5\xd6@\x80`(\xaa\xd8l\xee\xd2\xa4\x89\xea\xfe\xfd\xc5+V@g\x081\x80\x00\xe04p\xf7\xcb\xbf\x85\x11bh\xb6C\xf4\xd0\x85\x0b\x17\xc2m\xe3R\x84\x11b\x11z?6v\xc6\x8c\x19V\xab\x15\x9aC8\x1d|\x85\x9c\x06\xee~\xf9\xb7(\x8a6\x18K\xa2[u\xbbp\xee\x8fSi\xa9p\xe1\xb8\xe40\x14Uh2%\x84\x84\xb8ge\xc1"@\x0c \x008\x07\xdc\xfd\xf2\x1c(\x84x\x9e\xf3\xd4\xfa\x865\xed\xfc\xfd\xf7\xb3\x9d\xfd8\xe0y`\x84\x10\xc6\xef\xc5\xc4\xc0"@\x0c`\xd0q\x0e\xb8\xfb\xe5\xf9P\x14m2\xe9\xbauH\xda\xbd\xf3@Ff\x06\xc3@!Qb\x18\x8a*\x82E\x80h@\x00p\x0e\xb8\xfb\xe5\xf9P\x14e\xb1\x9a\xeb\x064\xae\xa6m\xb4t\xe9b\x84\xa0\x14,=\xe5\x17\x01\x16\xb3\x19\xb6\x039\x11\x04\x00\'\x80\xbb_^\x08E\xf1&lt;\xdf)f\xf0\xf2\xe5+L&amp;\x13\xc300|HK\xf9E\xc0\xca\xf5\xebaC\x97\x13\xc1\xb8\xe34p\xf7\xcb\xf3\xa1)\xda`,\x8el\xd957\xd3\xbck\xf7\x0eTv\xfd:\x90\x10\x01c\x96\xa2\x86\x07\x07\xff\xb4h\x11*\xdb\x0f\r\x1c\x0f\xfe\xee\x8e\x06w\xbf\xbc8\x8c1\xcb\xaa\xa2Z\xf4\xf9\xe9\xa7y\x14EA\xf9DrX\x9a.4\x1aGFDd\x9c&gt;\xbd\xe7\xc0\x01\xd8\xd0\xe5,0\xf48\x1a\xdc\xfd\xf2\xe2(\x8a6\x9at\xed\xa2\xfb\x9d&gt;u\xf1\xd2\xe5t($J\x91M\x10\xaai4\xe3CB&gt;\xfa\xf4S\x84\x10|\x0b\x9c\x02\x02\x80\xa3\xc1\xdd//\x8e\xb4\x06\xaa]#\xb0~\x8d\xd6\xf3\xe6\xcdA\x90\x05\x92 \x96\xa6\xf3\r\x86\xb1QQ\x19ii\xb0\x08p\x16\x08\x00\x0e\x05w\xbfT\x16\x8a\xa2MfC\xe7vC\xb6l\xden0\x18\xa0\x14,E\x9c \xf8\xa8\xd5\xe3CCa\x11\xe0,0\xfa8\x1a\xdc\xfdR)\xc8U\x91\xcd\x1a\xb7\xc2V\xcfU\xab\x97C\x8by)\x82E\x80\xd3A\x00p\x1c\xb8\xfb\xa5r\x91\xd6@\x1dc\x86\xce\x9b7\x8f\xf4\xd5p\xf6\x13\x81\x7f\x8d\x13\x04o\x95jBh\xe8\x7f?\xfd\x14\xc3Kt8\x18\x80\x1c\x07\xee~\xa9\\\xa45PT\xcb\xae\x7f\xde|\x08\xad\x81$\x8al\x07\x1a\x1d\x19y/</t>
        </is>
      </c>
    </row>
    <row r="487">
      <c r="A487" s="1" t="n">
        <v>485</v>
      </c>
      <c r="B487" t="inlineStr">
        <is>
          <t>shape_morph</t>
        </is>
      </c>
      <c r="C487" t="inlineStr">
        <is>
          <t>What is the missing shape of the part denoted with a question mark?</t>
        </is>
      </c>
      <c r="D487" t="inlineStr">
        <is>
          <t>['pentagon', 'circle', 'square', 'triangle']</t>
        </is>
      </c>
      <c r="E487" t="inlineStr">
        <is>
          <t>square</t>
        </is>
      </c>
      <c r="F487" t="inlineStr">
        <is>
          <t>There are eight shapes arranged in a grid. The top left shape is a ? and the bottom right shape is a triangle. The other shapes do not appear to regular shapes.</t>
        </is>
      </c>
      <c r="G487" t="inlineStr">
        <is>
          <t>We observe that from the bottom right to top left direction, the shapes look like a triangle but gradually change shape into something like a square. Hence, the pattern is the the shapes are morphing between triangle and square shapes.</t>
        </is>
      </c>
      <c r="H487" t="inlineStr">
        <is>
          <t>Based on the pattern that the shapes are morphing between triangle and square shapes, the missing shape at the top left should be a square.</t>
        </is>
      </c>
      <c r="I487" t="inlineStr">
        <is>
          <t>b'\x89PNG\r\n\x1a\n\x00\x00\x00\rIHDR\x00\x00\x02\x00\x00\x00\x02\x00\x08\x02\x00\x00\x00{\x1aC\xad\x00\x00\x99\xa1IDATx\x9c\xec\xdde|TG\xd7\x00\xf0\xb9\xb2nQb\x90@I\x82K\x88!\xa58\t\xeeAJ\x0b\x84\x08\xb4E\xdb\xa2\xc5\xb5\x94\x12\xac\x10%\x94\xa2\xc1\x8a\x13\xdc%\t\xee\x04I\x02qY\xf7+\xef\x87)yy(m\x91\x90\xddd\xe7\xff\xa1\xbf&gt;}\x90\xbb7w\xe7\xcc\x9c9s.\xc6\xb2,@\x10\x04Al\x0fn\xe9\x0b@\x10\x04A,\x03\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08\x82\xd8(\x14\x00\x10\x04Al\x14\n\x00\x08\x82 6\n\x05\x00\x04A\x10\x1b\x85\x02\x00\x82 \x88\x8dB\x01\x00A\x10\xc4F\xa1\x00\x80 \x08b\xa3P\x00@\x10\x04\xb1Q(\x00 \xb6\x88a\x18\x9a\xa6-}\x15\x08ba\xa4\xa5/\x00A*\x15\xcb\xb2,\xcb\xe28\x0e\xff\x1d\xc30K_\x11\x82X\x0cZ\x01 \xb6\x82eY\x9a\xa61\x0c\xc3q&lt;33s\xf1\xe2\xc5\x18\x86\xc1x`\xe9KC\x10\xcb@+\x00\xc4&amp;0\x0c\x83\xe38A\x10\x1a\x8df\xc6\x8c\x19\x1b7nT\xab\xd5\xd9\xd9\xd9qqq,\xcb\xc2\xff\xd7\xd2\xd7\x88 \x95\r=\xf4H5W&gt;\xbe\xb3,\x1b\x1b\x1b\xeb\xed\xe3\x93\x18\x17\xa7V\xab\xf9|~|||TT\x14M\xd38\x8e\xa3-\x81\xca\xc1\xbeb\xe9\x0bA\x00\x00\x00C?\t\xa4\xba\x82C?A\x10\x00\x80s\xe7\xceEFEi\xe5e:\xbd\xc1\xd5\xd9\xd9\xafA\xfd\xad\x87\x0e{\xb8\xb8\xe4\x16\x16\xb6i\xd3\xe6\xc0\x81\x03\xf6\xf6\xf6\x14E\x91$Z\x13W$\xf65\x00\x00\x1c\xc7\xcbWZh\x03\xc6\x1a\xa0\x15\x00R\r\x95\xa7\xfb\t\x82\xc8\xce\xcen\xdf\xa1C\xef\x9e=\xcdj\xb5\xc1d\x9e\x121Z\xa3\xd7M\x89\x88\x98\x11\x19\xa9\xd3\xeb\x01\x00\x17/^\xec\xd4\xa9\xd3\x8d\x1b7H\x92\xa4(\xca\xd2\xd7^\x85\xc1\x88K\xd34EQ\x14E\xc1!\x1ef\xdeH\x92$I\x12\xc7q\x95J\x95\x97\x97\x07\x00\xc00\x8ca\x18K_\xb2\xadC\x01\x00\xa9n\x18\x86\x81C\xbfF\xa3\x19\xfb\xed\xb7\x8d\x1b7.\xca\xcaR\xaa\xd5\x91aa\x12\x91\xc8Afwk\xdf&gt;\x1f/\xafy\xe3\xc7\xf5\xef\xd2\xd9A&amp;\xabS\xab\xe6\x8d\x1b7:w\xee\xbcs\xe7N\x92$Q.\xe8\xdd\xc1@\xfbO\xc3=\x86ar\xb9&lt;\xf7\xe5\xcb\x94\x9d;\xe7\xce\x9d;a\xc2\x846m\xdax\xfb\xf8\xf8\xfa\xfa\x86\x87\x87\xab\xd5j\x1c\xc7Q\xc4\xb5,\x94\x02B\xaa\x8f\xf2\x12O\x96e\xe3\xe2\xe3\xe7\xce\x9d+\xe3r\x1f\xe7\xe4D\x0f\x0e{\x9a\x93\xe3Q\xc3e\xd5O3q\x96\xe5r8&amp;\xb3\x19`\x98\xc4\xc1a\xf3\xce\x9dc\xe7\xcf\xaf\xe5\xea\xf6\xf0\xd93\x16\x80\xd8\xd8\xd8\xe8\xe8h\xb8+\x80\x12\x14\xefK.\x97\xeb\xb4\xda\x8b\x97/\xdf\xbb{W\xa1P\\\xbcx\xf1\xd9\xb3gj\x8d\x86dY\x03E\x01\x00\x9c\xa4R\x95N\'\x14\n\x15*U``\xe0\xd1\xa3G\x1d\x1c\x1c\xd0\x0e\xbc\x05\xa1\x00\x80T\x07oK\xf7\xcbuz}\xbd\xbau\x03\x1a6&lt;\x97\x91q$!^\xc4\xe3\xf1\xf9\xfc\xf2\xb9*\xcb\xb2\x0c\xcb\xf2y\xbcK7o\x0e\x9d\xfc}Ai\xa9\xab\xb3sAqqtttll,@I\xea\x7f\x05\xc7\r\x95Ju\xf2\xe4\xc9\xdb\xb7o\x97\xc9\xe5\x97\xfe6\xdc{\xba\xb8\x14\xc9\xe5M\xeb\xd5{QPPPR\xf2U\x9f\xde\xa7\xae\\-S*uz=\x87\xc31\x9b\xcd\xde\xde\xde\x0b\x16,\x182dHyy\xae\xa5?\x96\xcdA\x01\x00\xa9\xf2\xca\xa7\x90\xd9\xd9\xd9#F\x8e\xbcy\xed\x9a\x83D\xa2\xd2\xe9~\x185j\xed\x96-{\xd7\xac\xf6\xa9]\x9b\xcf\xe314\r\xb3C\xff\xf3{YV,\x12\xddz\xf8p\xe1\xfa\xd8\xa3\x17/j\xf5z\xc0\xb2aaa\xc9\xc9\xc9|&gt;\x1f\x00\x80F\xa5\xb7\xa2i\x9a \x88Q\xa3Fm\xdc\xb8\x11\xfe\x97\xd7\x87\xfb\xfc\xe2\xe2\x88A\x03\x13w\xee\x02\x00\xcc\x1c\x13\xbd\xf3h\xaa\x87\x8b\xcb\xe8\x01\xfd5Z\xedgu\xea\x1c?\x7f~\xcf\xb1\xe3F\x93I\xaeTj\r\x861c\xc6\xac_\xbf\xbe\xfc\xcf\xb4\xe0\x87\xb2A(\x00 U\x1b\x9c\xa7\xab\xd5\xea)S\xa7\xfe\xb1i\x93g\r\xe7\x07\xcf\xb3\x16O\x9c\x18\xbfs\xe7\xf4\xc8\xc8\xb0\x1e\xddy8\x0e0\x0c\xce1\xdf\xfa\'P4-\x93Js\x0b\x0b\x07O\x9a\xfc&lt;7\x17\x00\x90WT4b\xc4\x088\xb4\xa1\x04\xc5\xdf\xc1{\x92\x99\x99\xd9\xb8qc\xf8\xef};uJ9r\x04\x94\x0f\xf7\xae.\xa3\xfb\xf5\xd7\x19\r\x9enn\xde\xb5j\xb99;\x0b\x05\x02\x8a\xa2H&gt;\x1f\x98\xcd@,^\x97\x98\xb4n\xdb\xb6\x87\xcf\x9f3\x0c\xc3\xb2lXXXll,*\xc4\xaa|(\x00 U\x18\x9c3\xee\xdf\xbf\x7f\xec\xd8\xb1b\x0e\xf9&lt;7oT\xff~\xcf^\xbcx=\xddo\xa6(\x00\xc0\xbf\'sh\x9a\xe6r\xb9|\xa1\xb0\xef\xd8oN^\xb9\xe2\xe4`\x9f\xf52744t\xeb\xd6\xad\xf6\xf6\xf6hf\xfa\x06\x8a\xa2\x08\x82X\xfe\xeb\xaf\xd3\xa7N%\x08\x82\xc7\xe5\xc6\xce\x99\xa3\xd5\xeb=\xdd\xffw\xb8\xe7\xf1\x00C\x9b\x8c&amp;3E1\x0c\x030\x0c\xae\xc0X\x86\x91J$\x0f\x9f?\x1f3w^fv6\xc3\xb2\x85%%~~~\xf1\xf1\xf1\x01\x01\x014\xc3\xe0\x18\x86\x92o\x95\x03\x05\x00\xa4\xaa\x82\x8f\xae^\xafo\xd2\xa4\xc9\xb3g\xcf\xda\x06\x04\xb8;9=\xce\xce:\x18\x1b\xfbF\xba\xff]\xfe4\x9aaH\x92\xd0\xea\rK\xe3\x13v\x1f?^\xa2Phu\xba\xc0\xc0\xc0-[\xb6\xf8\xf8\xf8\xa0\x99\xe9\xeb\xe0\x9do\xd4\xb8\xf1\xd3\xccL\x96e\xbf\x1f9r\xc9\xcc\x19\xc0`\x00\x00\x98\x8c\xc67\x86\xfb\xb7\x8e\xe64M\x0b\x05\x02\x92\xcb\x1d\xbf`\xe1\x86={j89&gt;\x7f\xf1\xd2\xdd\xd5u\xea\xf4\xe9\xe3\xc7\x8f\x07(\x1dTY\xd0\xda\x16\xa9\xaah\x9afY\xf6\xbb\xef\xbe{\xf6\xecY-7\xb7\x0b\xd7\xae\r\n\r9\xbfy\xb3\xbdT\n\xf7\x18\xc1\x7fM\xfc_G\xe08M\xd1R\xa1p\xf9\xd4)\x9d[\xb6\xd4\xeat\xbe\xb5k\xa7\xa7\xa7\x07\x07\x07\xa7\xa7\xa7\x93$\t\xff@\x04&amp;\xd3RRR\x1e?|X\xc3\xd1\x91$\xc9\xb0\xd0\x10\x93Z-W(Tj\xb5\xc9l\x06\xf0\xc0\x17\x86\x91\x04A\xfcC1\x15A\x10:\x83A\xab\xd1,\xf9~\xf2\xf2\x1f\x7f,S(&amp;}\xfd\xb5\xd1`\x980aBdD\x84Z\xad&amp;\x08\x02\xd5\xe3V\x02\x14\x00\x90*\tN\xc97o\xde\x9c\x9c\x9c\xec\xea\xe4\xc4!\x88\xa8A\x03\x07\xf4\xee\xcd2\x0c\xfd&gt;\x13\xff\xd7\xe18n\xa2(\x8dV\x9b\xb0`\xfe\xd6_\x96\xe5\x15\x15\x01\x00\xf4:]\xe7\xce\x9d\x93\x93\x939\x1c\x0e\x0c9\x9f\xe0\xd3T%\xb0x\x7f\xce\x9c9\x04A\xd4ru\x1d7lX\xfd\xbau\xcdF#\x97\xc3\xf9\xa7\xe1\xfe\xad\x08\x1cgY\x16\x07\xe0\xeb&gt;\xbdo\xec\xdd\xab\xd5\xebJ\x15\no/\xaf\xc4\xa4\xa4\xce\x9d;?y\xf2\x04\xc6\x00t\xc3?)\x14\x00\x90\xaa\x07V|\xde\xbcys\xea\x94)\x9dZ\xb5Rk\xb5\xcd\xea\xd7_&gt;u\xaa\xba\xb4\x94}\x9fY\xff\xdf\xc1\x01L\xab\xd3\r\xe9\xd1c\xe5\xb4iM}}\x1d\xed\xecT*Uxx\xf8\xca\x95+\t\x82\xb0\xf1&gt;6p\xfa\x7f\xfe\xfc\xf9\xc7\x8f\x1f\x0b\xf9\xfc\xeb\xf7\xefwo\xf7\x05\x8f\xc7\xa3?\xe8\x9e`\x18F\xd34\xcd0\xb5\xdd\xdc\xc6}\xf5\xf5w\xc3\x86e\xe7\xe6z{y\xa6\xa5\xa55\xf7\xf3;w\xfe&lt;\xcc\x02\xa1\x03\xc3\x9f\x0e\n\x00H\xd5\x03\'\xf8\x13&amp;L((,d\x18\xe6\x8f\x9f\x97N\x19=\x9a\xcf\xe3\x01\x96\xc5?z\xf3\x10\xc30XV4z\xf8\x97\t\x0b\x16\xe8\xf4z\x99D\xe2\xe6\xec&lt;i\xd2\xa4\xa8\xa8(x\xca\xcc\x96c\x00\x00 .&gt;\x9e\xcf\xe5j\xf5\xfa\x8eAAmZ\xb4\xd0j4\xc4\x87\x16J\xc1M\x02\xb5F\xd3\xf0\xb3:K&amp;M\\&lt;ib\x99B\t\x00\xf0\xf6\xf0\x08\xed\xd2%22\x12\xb5\xea\xfb\xa4P\x00@\xaa\x18X\x82\x12\xb3r\xe5\xb9s\xe7\x82\x9a6\xb9\xf5\xf0\xa1R\xadn\xd9\xba\x95F\xa3\xa9\xc0zM\x82 \x14EE-\x1a6\xb8\xb5\xef\xcf\x8e\xc1\xc1\xf9\xc5\xc5\x12\xb18!!\xa1G\x8f\x1e0B\xd8\xe0\xb4\x14\x9e\xb2...&gt;x\xe0\x80\xd1l\xa6\x19fx\x9f\xde$\x87\xf3\xf1\xc1\x90 \x08\xadN\x87\xe3\xf8\x0f\x91\x11\x0b\xc6\x8d\xeb\xdd\xa1}\xa7\x96-\xb9\\nbbb\xfb\xf6\xed\x15r9A\x10\xa8i\xc4\xa7\x80\x02\x00R\x950\x0cC\x92\xe4\xd3\xa7OgN\x9f\xce\xe1p\x1e&gt;{&gt;\xbcW\xaf\xb0\x1e=T\x85\x85\x9c\x8a\xae\xd2\xe1\x90\xa4N\xa7swv\x8a\x996-,$\xc4A*u\xb0\xb3;|\xf8ptT\x14EQ68-\x85U=\x7fl\xdel\xd4\xeb9$\xe9dg\xd7\xa5U+\x83N\xf7\xf1\xab.\x00\x00\x8e\xe3\x0c\xc3\xa8\x15\xcao\x86\x0e\xd9\xb7n\xdd\xcb\x82\x02\xa5ZM\x90\xe4\xc5\x8b\x17;t\xec\x98\x9e\x91\x01\xdb4\xd9\xf8\xda\xab\xc2\xa12P\xa4\xca\x80\xfd\x1e\xb4ZmP\xcb\x96nbQ\xbd:\x9f\x1d9\x7f&gt;%f\x85\x7f\xa3Fz\xbd\xfe\x13\x1d\xd7\xa2iZ\xc8\xe7\xe3\x04\xd19|\xf4\xe3\xac,\x92\xc3\xc9\xce\xcd\xb5\xc1\x0e\xd2p\xa0())\xf1\xf6\xf1\xe1\x00\xd0\xc4\xd7\xb7M\x8b\x16\xf3\'\x8c\xd7|D\xfe\xe7\xad`\x01(A\x92\x13\x16-\xde}\xec\xb8X,\xcc\xce\xcd\xf3\xac\xe91p\xf0\x90_\x97/\x07\xa8B\xb4B\xa1\x15\x00Re\xc0o\xfe\x8a_\x7f-~\xf9\xf2Lz\x86F\xabM\xdf\x99\x12\xd4\xa4\xc9\xa7\x1b\xfd\x01\x00\x04A\xe8\x8dF\xbd\xc1p$.\xf6\xeb&gt;}\x94*\x15\xc00\xd8A\xfa\xe6\xcd\x9b\xb6\xd3A\x1an\xff\xfe\xfe\xfb\xef*\xa5\xb2T\xa5z\x94\xf5|\xf4\x80\xfef\x93\xa9B\xa6\xff\xaf\x83;\xed\x14E\xc5-]\xb2j\xc6t\x85R53:\x8a\x04\xd8\x8a_\x7f\x8d\x8c\x8cD\x15\xa2\x15\x0b\x05\x00\xa4j\xa0i\x9a$\xc9\xd3\xa7N-Z\xb4\xa8o\xd7.\x91\x03\x07:9\xd8;;;\xab\xd4\xeaO\xdd\xaa\x01\xc7q\x86e\x19\x96\x9d7\xee\xbb\x81]\xbb\xd8K\xa5&gt;^^7n\xdch\xdf\xbe\xfd\xc5\x8b\x17m\xe4\x88\x00L\xd1\xec\xdc\xb9S,\x14\xe2\x00\xf4\xee\xd0\xd1\xcb\xd3\xd3h4~\x8a#\xbb\x18\x86\x01\x96U\x97\x95\xf5\xee\xd8\xe1\xc6\x9f{)\x8a~\xf6\xf2\xa5\xb7\x97Wbb"\xaa\x10\xadX(\x05\x84T\x01\xe5\r\x7fj\xd7\xa9SVZ\n\x00\x98\xf0\xd5W+\xe7\xcfS\x15\x15UZ6\x00~S\xc4\x0e\x0e\xdb\xf6\xec\x1d\xf6\xe3\x8f\x02&gt;\x9fC\x10:\xa3q\xdd\xbau\xe5\xc5*\xd5\xb5\x81\x01\\{edd\x04\x06\x06\xf2\xb8\\\x1c\xc3NmL\x0ej\xdaT\xa3\xd5Vl\xfe\xe7\r,\xcb\xf2\xf9|\x95F\x13\xb3\xf1\xf7%\x89\x89\x9f\xd5\xac\x99\x99\x9d-\x12\x8b\x0f\x1f&gt;\xfcE\xdb\xb6\xe5\xdd\xbf?\xdd\x05T{\xe8\xde!U\x00M\xd3\x0c\xc3D\x8f\x19\xe3\xeb\xe1\xde\xf5\xf36$I4\xab_\xcf\xac\xd5\x82J\x1cp\xe1\xe0\xae*)\x19\x14\x1a\xb2\xef\xb7\xdf\x9a\xd5\xabg4\x9bi\x9a\x8e\x8a\x8a\x9a7o^\xf5&gt;"\x00\xbbgO\x9d6M*\x12\xd5tu\th\xdc\xb8E\xc3\x86:\x9d\xee\x93\x8e\xfe\xf0\xef\xd5\xe9tb\xa1\xf0\xc7\xd1\xe1?O\x9eT\xaaP\x00T!Z\xa1\xd0\n\xa0R\xc1mL\xf0j:Y\x0e6C\xaf\xae\xf3\xc7\x8fDS\x14A\x92[\xb6l\x19&gt;|\xb8\x80\xcf\xffn\xd8\xb0\xee\xed\xbeh\x1f\x1c\xacV\xa9,2\xfb\xa3iZ\xea\xe8x\xe6\xc2\xc5\xc8\xd9\xb3\x19\x96-\x91\xcbU\x1aMddd|||\xb5\xeck\x0f\xa7\xffi\xe9\xe9\xc1AAR\xb1\xd8\xd7\xcbk\xe1\x84\xf1\x9d[\xb7\xd6\xe9t\x95\xf3I\x19\x96%p\\(\x16\xaf\xdb\xbc9\xf5\xc2\x05oO\xaf\xa4={\x94ju\xf9V\xbc\xd9l\xe6p8\x95p%\xd5O\xb5zR\xadS\xf9k\xf3`\x1e\x83 \x88\xf2w\xe6\x95#\x08\x02N\xb2(\xd8H\x0by\x85a\x18\x0c\xc7\xb3\xb3\xb2&amp;O\x9e&lt;v\xc8\xe0\x16\r\x1a\xdc\xcd|\xdc\xfe\x8b/\x14\n\x85\xa5\xc6Y\x82 \x14%%\xed\x02\x03\xd2w\xa6\xd4rqQi4B\x81 !!!::\x9a \x08\x98+\xb7\xc8\x85}R\xf1qq\x18\x00&amp;\xb3\xd9`2\xb5\xf6\xf33\x1a\x8dXe\xdd\x7f\x1c\xc3\x18\x86Q+\x95\xdf\x0c\xf9\xff\nQ\x92$\xcb_\xe6\xcc\xe1p`[\xe9\xca\xb9\x9e\xea\x04\xad\x00&gt;!\xf8P\xbe\x9e\xa4...\xce\xce\xce.(((..\xd6j\xb54Ms8\x1cGGG\x0f\x0f\x8f\xbau\xeb\xba\xb9\xb9\xc1_V\xbd\x13\xca\xef\x05N?\xc3\xc2\xc2v\xee\xdc\xc9\xe7\xf1fFGM\x1e9\x92fh\xac2\xb3?oC\xd14\x97\xcb\xd5\xe8\xf5\xdf/\xfd\xf9\x8f\xfd\xfb\xb9\\\xae\xc9d\x82\x1d#$\x12I\xb5)U\x84\xe3\x83F\xa3\xf1\xf1\xf1Q\xc8\xe5F\x93)n\xee\x9c\xa8a\xc3\x94r9Y\xe9\x1f\xf0\xf5\n\xd1]\xc7\x8e\xc9$\x92\xe7/_\xda\xd9\xd9\xadX\xb1b\xd4\xa8Q\x00\xbd\xbc\xe1\xfd\xd9D\ts\xe5{}{J\xa7\xd3]\xb8p\xe1\xc8\x91#\x17/^\xcc\xcc\xccT(\x14o\xfd-\x12\x89\xa4q\xe3\xc6}\xfa\xf4\x196lX\xadZ\xb5\x00z\x9a_}\xe1\x13\x13\x12v\xee\xdcY\xd7\xd3\xd3N,\xd1huB\xb1\xd8"\xa3\xcf\x1bH\x82\xa0\xccf\xa9P\xb8i\xd9\xcf\x00\xb0[\x0e\x1c\xf4\xf6\xf4\xdc\xb0a\xc3\xed;wR\x8f\x1eupp\xa8\x1eG\x04`\xf1\xd5\xa1C\x87\n\x0b\x0b%"\x91\x83L\x16\xd2\xa6\x8d\xf1\xd3g\xff\xdf\xea\xf5\n\xd1\xb6\xfe-\xc6\xce_\xe0\xe3\xe5\x95_T\x14\x1e\x1e\x9e\x92\x92\xb2e\xcb\x96js\xdb+\rZ\x01|B\xb7o\xdf\xde\xb4i\xd3\xde\xbd{\x9f={V\xfe\x1f\xcbs\xc4\xe5\x13|\x18-\xca\xf3\x06vvv\xe3\xc7\x8f\x9f9s&amp;\x97\xcb\xb5\xe5\x18\xf0\xd7k\xa7\x9e&lt;\xf1\xf5\xf1!p\xa2\xa1w]/7\xb7?\xd7\xae\xd1\x1b\x0c\xd6\xb36b\x18\x06\'\x08\x1e\x97;\x7f\xdd\xba\x05\xebc\xe1\xb1\x00__\xdf-[\xb6\x04\x04\x04T\xf5\xc1\x08&gt;\x99&amp;\x93\xa9U\xeb\xd6\xf9\xd9\xd9\xa5J\xe5\x90n\xdd\xfeX\xfe\x8bJ\xa9\xb4\xe0\xfa\x06\xbe\xccY\xc0\xe7\x9dK\xcf\xf8n\xe1"\x95V[,\x97\x9b\xcd\xe6\xa0\xa0\xa0\xcd\x9b7\xfb\xf8\xf8\xc0\x13\xcb\xd6\xf3\x90X3\x14\x00*\x18|\xf8\x1e=z4k\xd6\xac?\xff\xfc\x13\x9e\x12\xc2q\x1c\xa6\x86_\xbf\xdb\xf0\x01\x85\xff\x05n\x0f\xc0\xb4\x0f\xfc-\x9f\x7f\xfeyJJ\x8a\x9b\x9b\x9bm\xbe\x9a\x1cFD\x9dN\xd7\xa5K\x17J\xa3)\x91\xcbY\x96=\xb51\xd9\xdd\xc9\x89\xfe\xdb{}-\x0bnQ\xb2\x186\xef\xb7u\xfbN\x9c\x90\xab\xd5\xc5ee\xf6\xf6\xf6\xdb\xb6m\x0b\t\t\xa9\xd21\x00^\xfc\xf6m\xdb\x86\x0e\x1b\xe6\xe5\xe1\xde\xa0\xceg3\xa2"[\xb5h\xa1\xaf\xac\xed\xdf\x7f\xc1\xb2\xac\x80\xcf\x7fQX8cE\xcc\xb6\xc3\x87}j{efe\xdb\xdb\xdbo\xd9\xb2\xa5[\xb7n\x00-\xa0\xdf\r\xbaA\x15\x0c\x8e\xd7J\xa5r\xd7\xae]\xf0\xfb\x03\x87~X\x1f\x02\xe7M\xe5S~\x18\x12\xe0&gt;\x01l\x8dKQ\x14\x86a\x1c\x0e\xe7\xc2\x85\x0b\xa1\xa1\xa1\n\x85\xa2\x1a\x17\x17\xfe\x0b\x98\xfcY\xf6\xf3\xcfW\xaf^-\x91\xcb\x17\x8c\x1f\x177o\x9e\x97\x9b\x9b\xb5\x8d\xfe\xe0\xd5\x16%\xcb0\xcbf\xfd4y\xd4\xa8R\xb9\xdc\xd3\xdd\xdd\xa0\xd7\x87\x86\x86&amp;$$T\xe9\x0e6p\x00\x8d\x8d\x8b\x13\xf0x\xd9\xb9y$A\xb4\r\x08\xb0\x86\xd1\x1f\xc0\nQ\xbd\xde\xdd\xd9y\xeb\xf2_\xb6\xfd\xb2\xac\xa0\xa8\xd8\xc3\xc5\x851\x9b\xbbw\xef&gt;v\xecX\xdbl\xd6\xf4\x01,\xff\x83\xacf\x08\x82`\x18&amp;88\xb8_\xbf~\xe5C\x15\xcc]\x96\xd7\x02\t\x85B\x17\x17\x97:u\xea\xd4\xa9S\xc7\xc9\xc9\t\xbc\xaas/\x0f\x0f\xb0\xac\xed\xf6\xed\xdbc\xc6\x8c\xa9\xaeU%\xff\x02\xe6\x9d/_\xbe\xfc\xcb\xf2\xe5\xbe\xb5k\x03\x00N\\\xba\x1c\xda\xbd\x9bF\xa7\xb3\xb6\xd1\x1f\x82\'W\x95\x05\x05\xd1a\x83.m\xdb&amp;\x16\x08\xf4\x06\x83D,\x8e\x8a\x8a\x9a4iR\x15="\x00\xd7\xb2w\xef\xde\xbdr\xe5\n\x8f\xc7\xe3\xf3x\xe3\x87\x0f\xb7\xaaR\x1b\x1c\xc7\x8dF\xa3Z\xab\r\x0b\rMZ\xb4P*\x12\xa9u:/\x0f\x8f\xd8\xd8\xd8v\xed\xda\xe5\xe7\xe7\xa3\x1e\xa2\xff\t\xa5\x80*\x1e\x9c\xbd\x9e;w\xae}\xfb\xf6\xe5}\x02D"Q\xbbv\xedBBB\xfc\xfd\xfd\xbd\xbc\xbcd2\x19\x97\xcb\x05\x00\xe8\xf5\xfa\x9c\x9c\x9c\xf3\xe7\xcf\'\'\'_\xbbv\xed\xf5\xe1\x1e&amp;\x94O\x9e&lt;\xd9\xb1c\xc7jSU\xf2\x9f\xcasbM\x1b7\xbe\xf7\xe0\x81D$\xf2o\xd80%f\x85\x80\xcf\x07V\x9f\r\xa3iZ*\x95\x9eKK\x9f\xfb\xdboO_\xbc\xc8/.6ST\x15="\x00\xd7\xafS\xa6L\xf9\xe5\x97_\x00\x00\x81\x8d\x1b\x9f\xdd\xf4\xbb\x15\xceEX\x00X\x86\x91\xc8d\xe97oN[\x11s.#\xc3\xc1\xce\xae\xa8\xb4\xd4\xcd\xcdm\xdf\xbe}\x81\x81\x81hK\xe0_T\x99\xc7\xb1\n\x81\x8b\x80/\xbe\xf8"00\xd0l6\xb7h\xd1b\xc5\x8a\x15w\xef\xde=t\xe8\xd0\xf8\xf1\xe3\xdb\xb4iS\xb3fM\x89D\xc2\xe3\xf1x&lt;\x9e\x9d\x9d]\xd3\xa6M\xbf\xfd\xf6\xdb\xabW\xaf\xce\x9d;\xb7|\x1d\x00a\x18\xb6z\xf5j\xf0qo\xb9\xaaZ`Z,|\xf4hyq\xf1\xac1c\xc4B\xe1\xb0\x1e=\x9c\x1c\x1cX\xebK\xfe\xfc\x1dA\x10J\x95\xea\x8b\xa0\xc0\x9d\xabV\xba::\x9a)J\xc0\xe7\'$$DEEU\xad#\x02\xf09|\xf8\xf0\xe1\xce\xed\xdb#\x07\r\xac_\xa7N\xaf\xf6\xed\x05\x12\te}I\x15\x0c\x00\x1c\xc7\x95\nE`\x93&amp;\xfb\xd6\xae\x19\xf7\xe5\x97\x12\x91\x08\xc7\xf1\xfc\xfc\xfc\xae]\xbbn\xd8\xb0\x01n\xadU\x95;_\xc9\xd0\n\xe0\x93\x80\x13\xf63g\xce\xe4\xe7\xe7\x0f\x192\x04\x8e\\0\xe9\x8f\xbdR\xfe\x8b\xe1~\x00\xdc(\x9e4i\x12|\xf5 \x9c0\xb2,kgg\xf7\xe4\xc9\x13GGG[\xd8\r\x86\xb3\xceM\x9b6\x8d\x181\x02\x00\xd0\xbay\xf3\xd89\xb3\x9b4h`\xa9C\xbf\x1f\x86\xa2i\x0e\x87C\x10\xc4\xd89s\x93\xff\xfc\x13\xae\xe4\x06\x0f\x1e\xbc~\xfdz{{\xfb*\xb1\x98\x83?\x88\xc9\x93\'\xafY\xb5\xaa\xa5\x9f_\x9f\x0e\x1dF\x0f\x1c\xc0\xe3\x90\xd6&lt;Z\xc0\x1b+\xb2\xb7_\x9d\x98\xb8$!Q(\x10\x14\x95\x96jt\xba\xd0\xd0PT!\xfaOP\x00\xa8\x0cpK\xea\xdf\x8708CQ\xa9T\xde\xde\xde\xa5\xa5\xa5p\xf4\x87\xff&lt;w\xee\\\xdb\xb6m\xab\xc4\xc0\xf11\xe0\x1d(..\xf6\xf3\xf3\xc3\x19Fo0\xd4tq\xb9\x9a\xb2\xc3l2a8^\xb5B\x1f\x9cA\x0bE\xa2\xaf~\x9cr\xf4\xc2y\x01\x9f\xff"\xbf  0p\xff\xbe}nnnV&gt;\x12\x95\xb7\xde\xf3\xf5\xf5-).\xa6hzjD\xc4\xd2\xe9\xd3\x94%%\x16?~\xf1\xef\xe0N\x9b\xcc\xc9\xe9\xfa\x8d\x9bC\x7f\xfcA\xa3\xd3\xbfQ!j6\x9bI\x92\xac\xf6\x13\xa9wWefUU\x11,\xfeaY\x16\xd6\x02\xfd\xfb/\x86/\x9b\xb5\xb3\xb3k\xd3\xa6\rxU\x80\x01\xff\xf9\xe2\xc5\x0b\xf0\xb7\xf6A\xd5\x0f&lt;:\xf7\xd5W_\xe5\xe7\xe7\x138\xee\xd7\xa0\xc1\x1f?/\x851\xaf\xca}_q\x1c\xa7\x19F\xa3\xd1\xfc\xb1\xec\xe7\x11}\xfa\xbe\xc8/\xa8\xe1\xe4t-=\xdd\xdf\xdf?==\xdd\xca\xdf"\x00\xb3pg\xcf\x9e-,(\xe0r8R\xb1x\xec\xe00\x93Zm\x91\xc3_\xef\x05\xc30\x92$\x95\xa5\xa5\x8d}\xbcS\x13\x13\xdb\x05\x04\x98\xcdf\x9f\xda^iii\xadZ\xb5:\x9a\x9a\xca\xe1pP:\xe8u\xd6\xfe\x13\xad\xd2p\x1c\x87\xf5\x9d\xef\xf8\xeba\xad\x88\x97\x97\x17x\x95\xf4\x87\xffT\xab\xd5\x9f\xee"\xad\x04\\\xdf\xc4\xc6\xc5=\xba}\xfb\xeb&gt;\xbds\xf2\xf3\x1b{{7m\xd4\xd0J\x8a\x0e?\x00\x8ea\x80e\xb5Z\xed\xfc\xf1\xe3\xd6\xcc\x9c)\x11\x080\x1c\xcf\xcf\xcf\x0f\r\r\xdd\xb93\x05\x96\x87Z\xfa\x1a\xff\x11\x86a\xeb\xd7\xaf\x07\x003\x98L\xa1\x9f\x7f\xee\xe9\xe1a4\x99\xaa\xca\xc4\x99$\x08\xa3\xd9\\^!\x9a_T\xec\xe9\xe6&amp;/+\xeb\x16\x1a:y\xf2\xe4\xb2\xb22\x1c\xc7\xad9\x00W\xa6*\xf9\xd5\xaa\xc6`\xce\xe7\x8d\xffX\xbd3?\xe0\xd5y\xda\xa2\xa2\xa2iS\xa7\xe6\x14\x16\xe2\x18\xb6{\xd5\xca_\xa7N\xd1(UU\xfa\xb3\xc3\x9f&amp;\xcb0\xdf\x8d\x1a9~\xf8pg{\xfbz\xb5k\xcb\xcb\xca\xc2\xc2\x06\xc7\xc5\xc5Y\xe7[M`\x1f\xaa3g\xce\x1cMMm\xe2\xeb#\x13\x8b\x07w\x0b\x05\x18f]W\xf9_p\x0c+\xaf\x10\xdd\xb0h\x11\x87$k8:~\xf7\xe5\x97111\xa1!!\xf9\xf9\xf9V\xbe\x08\xab4(\x00X\x118\xc3\xca\xcb\xcb\x03\xafUC\x02\x00\xe0Y\x81\xaa2\xffz_\x7f\xd5\xc83L\x8f\x1e=\xec\x84\xc2\x88\x81\x03v\x1c9\xda\xd4\xb7\x1eS\x05k\xe7\xff\x0e\xc30\x16\x00eI\xc9\xf8\xf0Q\xa9\x89\teJ%\x0b\x80\xab\xb3\xf3\x981c\xc6\x8c\x19\x03\x0b\xc6\xac\xedcb\x18\xb6\xec\x97_\x08\x0cS\xebtC{\xf4\xe8\xd0\xb2\xa5\xdeB\xcd\x7f&gt;\x06,\xfe\xd1\xe8\xf5\x83z\xf5\\7{\xd6\x9a\x993\xf6\x1c?\xeedo\x9f\x9e\x91\xe1\xe7\xe7w\xf9\xd2%\x92$\xad\xf0\xe6W\xb2*\xf6C\xad\xc6`\x06\xdch4fdd\x80WC?\xac\x05\xaa[\xb7.\xa8\xbe\x01\x00\xee\x97\x8e\x9f81##\xa3T\xa9$q\xe2\xe1\xe1C5\x1c\xecM&amp;S\x15M\xfe\xbc\x01\x03\x80$IeYYCo\xef\xe3\x1b\x92\x06t\xe9\xa2\xd6j9\x1cN\\\\\x1c,\x0f\x85\xe5a\x96\xbeL\x00^\xb5Ox\xf6\xec\xd9\x99\xd3\xa7\x05|\xfe\xf3\x97/\x9b\xd7\xafoooo\xae\x9a\x93e\x0c\x00\x02\xc7\x95%\xa5][\xb7\xee\xdb\xb9\xf3\xf7\xa3F\x8a\x04\x02\xb1P\xa8S\xab[\xb7i\xb3r\xe5J\x18$\xac9\x17\xf7\xa9U\x87/X\xf5\x00\xc7\xfa]\xbbv\xe5\xe4\xe4\xc0A\x01&gt;\x9d\xb5k\xd7\xf6\xf5\xf5\x05\xd54\x00\xc0\xd1\xff\xfc\x85\x0b\xfbRR\x82\x9b6\xd5\xe8t\xb7\x1e?\xae\xe9\xe2R\xe5\xe6\x9b\xff\x89$\x08\xbdN\xd7\xac~\xfdU3\xa6\x076jd6\x9b\xe1\x11\x81\xc8\xc8H\xeb9"\x00\xcb\x94\x937n4\x19\x0c,\xcb6\xf1\xf1\x19\xd6\xa3\xbbN\xa5\xb2\xf2\xe2\x9f\x7fG\x92\x84J\xa3\xd1\xeb\xf5\x93\xa3\xa2&amp;\x8f\x1a\xe9\xedYK\xab\xd7\xb7\x0f\n\x9c4iR\xe7.]\xca\xca\xcal\xf9\xc0pu\xfb\x9aUQ\xb0\xf9AQQ\xd1\xb4i\xd3\xca\xb7\x01`]\xd0\xa0A\x83x&lt;\x1e\xec\x11d\xe9\xcb\xac`\xe5i\xae\xaf\xbe\xfa\xeaeaa\xcf\xf6\xed~\x1a\x13}\xe0\xb7\xb5&amp;\xb3\xb9Z.\xcb\t\x82P\xa9TNvv\xa77\xfd&gt;\xaa__\xbd\xc1 \x12\n\x13\x13\x13\xbb\x85\x86\xca\xe5r\x8b\xf7\xae\x81=\xa9\x0cF\xe3\x9e]\xbbh\x96Uk\xb5\x03CBDR\xa9\xb9\xeaO\x90a\x88U\x14\x17\x8f\x8f\x88\x98\xfb\xedw\xdf\x8f\x1c\xe9\xe2\xe8D\x92\xe4\xc9\x13\'Z\xb5j\x05\xeb\xb2\xccf\xb3\r\xa6\x83P\x00\xb0&lt;X\x00\xa3\xd5j\x07\x0c\x18\xf0\xf2\xe5KX\xa6\x06\xa7\x84R\xa9t\xfc\xf8\xf1\xd5\xf5\xcd\xd7\xf0cFDF2z\xbd\x7f\xe3\xc6\xb3V\xaf\x19=`\x80\xbdLf2\x9b\xab_\xb4\x83\x08\x820\x99\xcdZ\xad6i\xd1\xa2\xa8\xb0A\x8ev2\xb1Ht455$$$33\xd3\xb2SQ8\xfd\xffy\xe9\xd2\x92\x82\x82E\x13&amp;tm\xdd\xbaW\xfbv\xb4\xd1Xm\x9e=\x0eI*\x0b\x0b{\xb5o\xb7l\xea\x14\x9a\xa1k\xb9\xb8\xd4pt|\xfc\xf8qhh\xa8\xcdV\x88V\x93\x1fm\xd5EQ\x14A\x10\xa5\xa5\xa5\xdd\xbbw\xbfp\xe1\x02L\xfe\x80W\xfd$\x96-[\xe6\xe1\xe1Q-\x1b\xdb\xc2\xb0w\xe2\xc4\x89\rII\x85eea!]\x0f\xac_\'\xe0\xf2\x0cFc\xf5\xcb\xff\xbc\x0e.\xec\xb4:]\xdc\xfc\xf9]Z\xb5\xd2h\xb5\xbe\xb5k\xa7\xa7\xa7\x07\x07\x07\x97OE+\xff\xaa\xe0$C\xaf\xd7\xff\xfe\xfb\xefz\x93)y\xef\xde1C\x067m\xd8P\xab\xd7\xe3\xd5(\x18\x93$\xa9\xd1\xebU*\xd5\xce5k~\x08\x0f/)+\xf3\xf2\xf0P\xc8\xe56[!\x8aN\x02[\x12&lt;\x11\xfa\xe4\xc9\x93\xfe\xfd\xfb\xdf\xb9s\xa7\xbc4\x8d\xc3\xe1\x98\xcd\xe6\xf2&amp;bU\xba\x14\xf2\xad`\xe5\x8f\\.\x0f\x08\x08P\x94\x95\xd6tq\xa5(\xea\xc1\xe1Cz\x9d\xce\n\x1b&gt;\x7f\n\xb0\xc2I,\x14n?|8j\xce\\\x8dN\xc7\xe7r9&lt;\xde\xca\x95+\xc3\xc3\xc3+\xff\x87\x0e\xff\xc6#G\x8et\xef\xde\x1d&gt;\x87W\xb6o\x0bh\xd4H\xa7\xd7W\xbf\xc9\x07|\xa5\x8cT,N\xbbsw\xe8\x0f?\xe8\xf4\xfa\x81!!k\xb7l\t\x08\x08\xd8\xbf\x7f\xbf\x9b\x9b[\xb5\xfc\xd2\xbdUu\xfb\xd1V!0\xef\x7f\xea\xd4\xa9\xb6m\xdb\xde\xb9s\x07.\xff\xe1QF\xb3\xd9\xfc\xd5W_\xc5\xc5\xc5\xc1\xa2lK_i\xc5\x83\xf3\xcda_~\x99\x95\x95\xe5\xe2\xe8\x04\x00\xfb\xfb\x92\xc5&amp;\x93\x89\xa2i[\x18\xfd\x01\x00\xb0\x1b\x94V\xa7\x1b\xd2\xa3\xc7\xca\xe9\xd3\x1a\xfb\xf88\xda\xdb\xab\xd5\xea\xd1\xa3G\xc3fP\xc0\x12g\xbf\xff\xd8\xbcY\xc0\xe3a\x00\xf4l\xd7.\xb8ysm\x95=\x85\xf7\xef0\x0c#p\\\xa9V\x075k\xba~\xf6\xec\xd53g\xecJMu\xb4\xb3\xcb\xc8\xc8\xf0\xf7\xf7\xbft\xe9\x92\x8d\x8c\xfe\x00\x05\x00K\xf9\xeb\xe0kllHHHAA\x01&lt;\x13T\xfeF\xb0q\xe3\xc6m\xda\xb4\t\x8e\x92\xd5o@\x84\x9f4))\xe9Xj*\x87\xc3)S*\xbf\x1d6\xac\xb1\xaf\xaf\xd9l\xae\x96\xc3\xcd?\x81=\x01\xd5j\xf5\xe8\xc1\x837-Y\x0c\xcb^9\x1c\xce\xa4I\x93\xbe\xfc\xf2K\x9dNWio\x11\x80\xb5X\xd9\xd9\xd9\xfb\xf7\xed3\x9a\xcd4\xc3\x0c\xed\xd9\x83eYP\xed\x9e\xbd\xd7\x91\x04\xa1R*;\xb5\x0c\xee\xd7\xb9\xf3\x9co\xbe\xb1\x97J\xb9\\n~~\xfe\x17_|\xb1|\xf9r\x83\xc1`\x0b\xfb\x016\xf4}\xb3\x1ep\xf4\x9f;w\xee\xd8\xb1c\xe1h\x08\xff\x0b\xac\x07_\xb6l\xd9\xea\xd5\xab\xab}\x13s\x8bd\xba\xab\x00\x96\x05\x000\x0ccS\x99hkc6\x9b\xe1\xf3Y\xed3\xe4(\x00T68\xd6/\\\xb8p\xde\xbcy\xb0%$\x9c\x7f\xd14\xed\xe8\xe8\xb8\x7f\xff\xfe\x1f\x7f\xfc\x11\xe6\x82\xaa\xeb\xe8\x0fC\xdd\x981c\xba\x86\x84\x98\xcdf\x07\x99\xec\xb7\xad[\xef&gt;~\xcc\xe1pla\xceU\x0eN\xf0%\x12I\xd2\x8e\x1d_O\x9f\xc1\xe5r\x19\x861STLL\xcc\xb6m\xdb\xa4Ri\xa5=\x03p\n\xe2\xe5\xe5\xd5\xbbO\x1f\x1e\x87C\xe0\xf8\xb6\x83\x87\xe0k\xce*\xe1o\xb7\x14\x8a\xa6\xa52\xd9\xc9+W\xf7\x9e81o\xdd:\xb9Je2\x99\xdc\xdc\xdc\xce\x9d;7}\xfat\x89DR-\xd7\xdfo@\x9b\xc0\x95\n\x8e\xfe{\xf7\xee\xed\xdf\xbf\x7f\xf9\xdbb\xe1\x9e[\xbdz\xf5\xf6\xee\xdd\xdb\xa0A\x03+\xef\x15\\!\xd0&amp;\xf0\x7fn\x02W\xf2\xe8\x836\x81\xd1&amp;0\xf2i\xc1\x9c\xbe\\.\xff\xe6\x9bo`\xc51&lt;zCQ\x94\xbf\xbf\xff\xd9\xb3gmd\xf4\x07\xaf\xba\xa49::&amp;$$(T\xea\xc7YY\xe1\xfd\xfb\x1d&lt;sF\xa5\xd1V\xbf\xe1\xe6\xef`z]"\x91D\xce\x9e=\xec\xc7)\xee5j\x00\x00\x04"\xd1\xc9\x93\'\xc3\xc3\xc3\xcdf\xf3{5\x91\xad\x10\xb08\xb5}\xfb\xf6u\xea\xd4\x11\xf0x\xde\x9e\x9eyEE\x80 \xaa\xdf\xf4\x90f\x18\x86e\xa5vv\xeb\xb6mo5d\x08\xcd0E\xa5\xa5k\xb7l\x994iRjj*|[\x83\x8d\x8c\xfe\x00\x05\x80\xca\x04\x9b=$&amp;&amp;\xc2]_X\xddO\xd3t\xa3F\x8d\x8e\x1e=\xea\xe2\xe2\x02\xeb\x82,}\x99\x95\x04f\xbd:w\xee\x1c&gt;z\xb4\x8b\x83CJ\xea\xb1^c\xbf\xd1\x9b\x8c|\x1e\x8f\xae\xd6\x89 \xb8\xbb#\x12\n\xa3g\xcf&gt;~\xf9\xb2X$z\x9c\x95\x15\x18\x18x\xf5\xea\xd5\xc0\xc0@\x8a\xa28\x1cN\xe5_\x15\x9c\x91\x08\x04\x82\x11#F\x08\xb8\xdcQ\xfd\xfa\xc5n\xdfq\xfb\xfe}\x91@\xc0T\xa3$\x01EQb\x81@*\x95\x0e\x1a7n\xf9\x86\rN\x0e\x0e\xd9\xb9\xb9v\xf6\xf6G\x8e\x1e]\xb1b\x85\x83\x83\x03\xc30\xb6\xf3\x1d\x04(\x05T\x99\xe0\xad\x0e\x08\x08\xb8q\xe3Fy\xef\x17\x91H\x94\x91\x91Q\xaf^=\x1b\x99\xfb\xbf\x0e&amp;\x820\x0c\xab\xf3\xd9g9YY\xf3\xc7\x8f3\x9aL\x13\xbf\xfaJ$\x14V\xcb\xd6\x17\x00\x00\x9a\xa6y\\.\x8f\xcf\x0f\x9f1#y\xef\x9f"\xa1P\xab\xd3\x85\x86\x84l\xdd\xb6\xcd\xe2o\x8b\x84\xcf\xa7\xd1d\xf2\xf7\xf3\xbb\xff\xe0\x01\x00`\xdew\xdf\xcd\x1e?N)\x97W\xe9^@\xe5\xcc\x14e\xe7\xe2\xb2\xef\xe0\xa1\x8b\xd7\xaf\xe7\x14\x14\xec&gt;~\x9c\xa2(__\xdf\xcd\x9b7\xc3\xd7w\xdb\xe0\xcb\xc2\xd0\n\xa0\x92\xc0y_nn\xee\x83\x07\x0f\xe0K\x80\t\x82`Yv\xdc\xb8q\xf5\xea\xd5\x83\x0f\x9f\xa5\xaf\xb1\xb2\x95\xbf\xf4\xe6\x8f?\xfe\xa8\xe9\xe2r\xf0\xcc\xd9\x85\xb1q\xbd\xbe\xfd\x8e\xcb\xe1T\xcbo!M\xd3R\xa9\xb4D\xa1\xe8\xf0\xf5\x88\xe4\xbd\x7f\n\xf8|\xadN\x17\x11\x11q\xe4\xe8Q{{{\xf8HX\xf0\xf2`_L&gt;\x8f\xd7\x7f\xe0@\x02\xc3$"\xd1\xae\xd4T\xadJ\xc5\xa9\xfa\xa3?M\xd3\x0c\xc3\xd89;\xafNL\x9c\xfb\xdb\xda_7n,,-\xa1(\xaaS\xe7\xce\x97/_._x\xd9\xda\xe8\x0fP\x00\xa84pz\x95\x95\x95\xa5\xd7\xeb\xe1s\x067\xfa\x86\x0e\x1dZ-;=\xbc#\x98\x04k\xfb\xf9\xe7}\xc2\xc2\xae\xde\xbe-\x16\n\x9b\xf9\xfa\xbe,,\xac~Y \x8a\xa6\x05B\xe1\xad\x87\x0f\',^\x92~\xef\x1e\x87\xc3\xd1\x1b\x0c\x91\x91\x91\t\t\tpx\xb2\x86g\x00\xee\x04\x8c\x1a9\x92\xcb\xe7c\x18v\'3s\xeb\xa1\xc3B\xa9\x94\xaa\xca\xfd\xe0(\x8a\x96\x8a\xc5\x02\x81`E|\xfc\x8a\xe4\x8dOr^\x88\x04\x823i\xe9111\'\x8e\x1fwpp\xb0\xa9\xd4\xeb\x1b,\xff\xcc\xd9\x94\x92\x92\x12\xf0\xeaU\x15,\xcb\xd6\xa8Q\xa3N\x9d:\xff\xf9\xbe\xf8\xea\r\xc6\x80\xd5+W\x06\x04\x048\xcad\x14C\xd7\xef\xde\xa3\xa8L\x0e\xcb"-}u\x15\x80\x05\x80\xa2(\x99\x83\xc3\xfd\'O\xba\x84\x8f\xde}\xfc\xb8D$2\x9b\xcd\xd1\xd1\xd1\xb0\xd5\x87\xf5&lt;\x0003\xf9\xd9g\x9f\xb5\xef\xd0Ao0\xd4\xa9Y\xf3\xe6\xc3\x87r\xb9\x9cS5\xc7G\x16\x00\x9aadN\x8e\xc7.]\xfa\xf3\xc4\x89_\x937j\xf5z\x8dN\'\x94H.]\xbc8q\xe2\xc4\xf2B\x0cK_\xa9\xc5X\xc5cg\x0b\xfeJ\xb0\x1a\x8d\xe4k\\\\\\\x84B\xa1\xa5/\xcd\xc2\xfe\xaav\xc7\xf1C\x87\x0e)t\xba\xc4]\xbb\x07w\x0b\xbd\xfd\xf8\x11^-NB\xb0,\x8b\x01 srZ\xbd!9$"\xd2A&amp;\xc3\x00((.\x8e\x8d\x8d\x8d\x8d\x8d\xad\xfcr\xcfw\xc1\xb2\xec\x94\x1f\x7f\xa4YV"\x14n;t\xe8\xf4\x95+\x02\xa1\xb0\xca\xad\xc9\xe0\xe0.\x16\x08v\x1e8\xf8\xcd\xfc\x05\xe3\x16-\xee\xdf\xa5K\x89\\\x1e\x18\x10p\xe3\xc6\x8dV\xad[S\x14e\x857\xbf\x92\xa1\x00P\xa9\xf4z=EQF\xa3\xd1d2Q\x14\xa5T*\xe1\xd4\xcf\xd6\x9fB\x1cgh\xbaF\x8d\x1aK\x7f\xfe\xd9\xd3\xc5\x85a\xd9\x01\x13&amp;~\xff\xf32\xb1LZ\xa5\xdf\xd6\x04\xb7\xb81\x1c_\x9b\xbcq\xf5\xe6\xcd\xc5r\xf9\xa3\xac,{\x07\x87\x94\x94\x1d\xd1\xd1\xd1p\xcb\xd7\xda~\xf4\xb0&gt;\xad}\xfb\xf6\xa1!!w\x1eg*5\x9a\x1dG\x8e\x02\x96\xb5\xae\xab\xfc/\x0c\xcb\xf2x&lt;\x89H\x94r\xf4h\xf8\xcc\x99f\x8a*\xaf\xf5&lt;\xfa\xaa\xd6\xd3f\xd3&gt;\xafCU@\x95\x04&amp;y\xef\xde\xbd\xbb{\xf7n\xf8\x9dgY\xd6\xc5\xc5e\xcc\x981\x96\xbe4k\x01\x07\xc4\xae]\xbb\x1e?~\xdc\xd3\xcd\xcd\xc7\xcbk\xc5\xd4)\r\xbc\xbd\rU\xf3,\x12\xc3\xb2\x18\x86\x89E\xa2\x1f~^\xf6\xeb\xc6\x8d5\x9c\x9c\x8aKJ\\\xdd\xdc\xf6\xed\xdb\x07w\x1d\xadv\x00\x82\xeb\x92C\x87\x0e\xf5\xee\xd5K\xc0\xe7\x93$y{\xef\x1e7g\xe7\xaa\xf2\x9e\x06\x8a\xa6\x05&lt;^^I\xc9\x8c\x151\xdb\x0e\x1f\xf6\xa9\xed\x95\x99\x95\xed\xe8\xe8\xb8y\xcb\x96\xd0\x90\x10\xf0\xea\xcbh\xe9\xcb\xb4\n(\x00 \xd6\x02f\xfc\x8b\x8b\x8b\xfd\xfc\xfcp\x86\xd1\x1b\x0c5]\\\xae\xa6\xec0\x9bL\x18\x8eW\x81\x81\xe75\xb0\xa4G(\x12}\xf5\xe3\x94\xa3\x17\xce\x0b\xf8\xfc\x17\xf9\x05\x01\x81\x81\xfb\xf7\xed\xb3\xfe\xe9\'\\\xb8\xa8\xd5j__\xdf\x92\xe2b\x8a\xa6\xa7FD,\x9d&gt;MYRb\xe5\xf5\xa0,\xcb\xd24-sr\xba~\xe3\xe6\xd0\x1f\x7f\xd0\xe8\xf4\xc5r\xb9\xd9l\x0e\n\n\xda\xbcy\xb3\x8f\x8f\x8fm\xd6z\xfe\x0b\x14\x06+\x15l\xf2\xf5:K_\x91\x15\x81;\x90...K\x97.\xcd-,,S*\xc5Ba\xe6\xf3\xe7\x12\xa9\x94\xadR\th\x8a\xa6\t\x92$H2|\xda\xf4\xcd\x07\x0e(\xd4\x9a\x17\xf9\x05\x83\x07\x0f&gt;\x96\x9a\n\xdb\x0cX\xf3\xe8\x0f\x00\x80-i%\x12\xc9\xd0\xa1C\x01\xcb~\xee\xef\xefdg\'/.\xe6\x90V=\xfa\xc3\x83\x962g\xe7\xd5II=\xc6\x8e\xa5hF\xa5\xd1\x98\xcd\xe6\xd0\xd0\xd0#G\x8e\xf8\xf8\xf8\xd8l\xad\xe7\xbf@\x01\xa0R\xe18N\x92$\xfe\x8a\x95\x0f\x04\x95\x0f\xf6G\x1a&gt;|\xf8\x88\x91#\xdd\x9d\x9c:\xb5l\x19\x12\x15\x9d\xb0}\x87X,\xae*\x15A\x14M\xcb\xa4R\xbd\xd1\xf8\xc5\x97\xc3\x93\xff\xfcS\xc0\xe7S\x14\x15\x19\x19\xb9}\xfbvk(\xf6\x7fG\xb0\x1e4**\xaa\xa6\x87G\x83\xcf\xea$\xed\xde\xbdv\xf3\x16\xa1Tf\xb5\xf5\xa0\x14MK%\x12\x96e\'\xcf\x9b\xbfz\xcb\xd6\xa2\xb2\xb2g/^\x90\\nRR\xd2\x91#Gl\xf0\x88\xef;B)\xa0J\xf5F\x93gx\x14\x16\xa5#_W\xfe\xa6\xf8\xa6\x8d\x1b\xdf{\xf0@"\x12\xf97l\x98\x12\xb3B\xc0\xe7\x03\x96\xb5\xf2\xe9\x1b&lt;\xeau.-}\xeeo\xbf=}\xf1"\xbf\xb8\xd8LQ\xe5ov\xc30\xac\n\xfd\xaca\x9ej\xca\x94)\xbf\xfc\xf2\x0b\x00 \xb0q\xe3\xb3\x9b~\xb7\xc20\xcc\x02\xc02\x8cD&amp;K\xbfys\xda\x8a\x98s\x19\x19\x0evvE\xa5\xa5n\xaf\xb6[\xaa}g\xf5\x8fQe\x1e\xc7j\xa0\xfc\x05//^\xbc\xb8u\xeb\xd6\x8b\x17/\xe0\x88\x80b\xf0\xeb`S\x1a\x1c\xc7\x13\x92\x92x&lt;\x9e\x9b\xb3\xf3\xf3\xdc\xdc\x1f\x96\xfd"vu\xb5\xda\xe9\'\x00\x80eY\x8a\xa2\xa4\x12\xc9\xd5[\xb7\xc7\xce\x9f\x7f:-M\xaeV\x9b)j\xe2\xc4\x89\xf1\xf1\xf1\xf0\x13U\xa1\xd1\x1f\xbcZ\x04|\xfd\xf5\xd7&lt;\x1e\xcfN*\xbd\x93\x99y\xe1\xdau\x81@`U\xf5\xa0\xb0\xd6S$\x10\xec&lt;|x\xc4\xf4\x19g\xd2\xd3=\\]\x8bJK[\xb7n}\xed\xda5\xb8\xd9\x8ej=\xffEUz"\xab4\xb8\xb1v\xfb\xf6\xed\xae]\xbb6h\xd0\xc0\xcf\xcf\xafA\x83\x06\xdd\xbau\xbb{\xf7.&lt;\x14f\xe9\x0b\xb4"\xb0Cj\xabV\xad~\xfc\xe1\x87\xc7YY\x00\x80\xce\xad[\x1d=|D,\x14Z\xe7\x8d\x82\xdd=e\xae\xaeq);[\x0f\x1d\xaa\xd1\xeb\x05|\xbeZ\xa3\x89\x8f\x8f\x8f\x89\x89\x81s\xff*7\x06\xc1\x00\xd0\xb8q\xe3\x96-[\x1a\x8dF\x83\xd1\xb8z\xf3f\xab\x1aJ\x19\x86)\xaf\xf5\x1c=\xf3\'\x95V+\x11\n\xb3ss\xc7\x8c\x19s\xf6\xec\xd9*\xb1\xddbqh\xe8\xa9\x0c\xf0&amp;\x17\x14\x144o\xde\xbc\xa8\xa8\xe8\xf5\xff\xabF\x8d\x1a7n\xdcpssC\xb9\xa0\xd7\xc1vI:\x9d\xaeK\x97.\x94FS"\x97\xb3,{jc\xb2\xbb\x93\x93\xb5\xbd0\x80aY\x02\xc7Y\x0c\x9b\xf7\xdb\xba}\'N\xc8\xd5\xea\xe2\xb22{{\xfbm\xdb\xb6\x85\x84\x84Xy\xc1\xcf\xbf\x83\x17\xbf}\xdb\xb6\xa1\xc3\x86yy\xb87\xa8\xf3\xd9\x8c\xa8\xc8V-Z\xe8\xad\xe0]\xc1,\xcb\n\xf8\xfc\x17\x85\x85\xaf\xd7z\xda\xdb\xdbo\xd9\xb2\xa5[\xb7n\x00\xd5z\xbe\x1bt\x83*\x03\x9c\x03\xa6\xa4\xa4\x14\x15\x15\xf1x&lt;\xec\x15\x1e\x8fWTT\xb4u\xebV\x98\xf7\xb0\xf4eZ\x11x\x7f$\x12\xc9\x1f\x9b7_\xbbw\xefeA\xa1L"\x99\xb8x\t\x97\xcb\xb5\xf4\xa5\xfd\x0f8\xcap\xb9\xdc\x9f\x13\x12~IJz\x96\x9b[\\V\xe6\xeb\xeb{\xec\xd8\xb1\xaa&gt;\xfa\x83W\x87\xc2\xfa\xf6\xeb\xd7\xdc\xcf\xcf\xa07\x9c\xb8|9&gt;e\'I\x92\x96\x9d5\xb2,K3\x0c\x8f\xc7=\x93\x96\xd6-2\xealF\x06\x87\xc3\xc9\xcc\xca\x0e\n\n\xbaz\xf5j\xb7n\xdd`^\x08\x8d\xfe\xef\x02\xdd\xa3\xca\xf3\xe0\xc1\x03\xd8p\x91}\x05\x06\x86\xbbw\xef\x02\x9b?\x0c\xfcw\xb0G\x90\x8f\xb7wB|&lt;\xcd\xd0:\x83!\xbf\xb8d\xe6\xcaUb\x99\xb5\xd4\xa20\x0c\xc3\xe5rE"Q\xf8\xcc\x99\x8bb\xe3\xbc==)\x8a\n\x08\x0c\xbc|\xf9r@@@U\x1f\xfd\xc1\xab\xfd\x18&gt;\x9f?u\xca\x94\xc2\xb22\x01\x9f\x7f\xf2\xea\xd5\xec\x17/x&lt;\x9e\xa5b\x00\xcc\xb6I\x1d\x1dw\x1c&gt;\xd2w\xdcx\x9aaTj\xf5\x1b\xb5\x9e(\xe9\xff\xeeP\x00\xa8\x0c\xf0q4\x9b\xcd\x7f\xff\xda\xb0,\x8b^\x8f\xfeO\xe0Kc""#\x07\r\x1a\xf44\'\xe7\xde\xd3\'b\x91P\xa7\xd1\xe0\x04n\xf1\xc4%E\xd3$\x87\xa3\xd2\xe9\xbe\x9e2\xf5\x8f\xfd\x07H\x0e\xe7INNxx\xf8\xa9\x93\'\xabS\x83I\xd8\xb4\xbcG\x8f\x1e...&amp;\xb39\xbf\xb88\xf5\xe2E\x9e\x85Z\x03\xc1\t\x13I\x92\xd1\xd3\xa6OX\xb2\xd4\xd9\xc1!3;\x9b\xe4\xf16l\xd8\x80j=?\x0c\n\x00\x95\x01\x8e\xfbnnnol\x06\xc2\xff\xe9\xe1\xe1Q\xfek\x907\xc0I\xe8/\xcb\x96\xd5\xa8QcT\xbf\xbeG\xcf_\x188a\x82\xc4\xd1\xc9\xb2g\xe8\xcc\x14%\x15\x8b\x8d&amp;\xd3\xa0\xf1\x13\xfe\xd8\xbf_(\x10\x98L\xa6\xa8\xa8\xa8\xa4\xa4$\x89DRU\x8a\xfd\xdf\x05\xbc\xff\x12\x89\xa4g\xcf\x9e&amp;\x93\x89\xcf\xe3\xad\xd9\xb2U\xadTrH\xb22\x9fW\xb8\'$\x15\x8bE"\xd1\x88\xa9\xd3\xe2w\xeeTi\xb5\xcf_\xbe\xf4\xf3\xf3;u\xea\xd4\xa8Q\xa3P\xda\xe7\xc3\xa0\xfbU\x19\xe0s\xd9\xbbwoX,\xc8\xe1p\x08\x82\x80\xaf\xdefY\xb6_\xbf~\xe5\xbf\x06y\x03\x8e\xe3,\xc3x\xd5\xae\xbdb\xc5\x8a\xf5\xdbw\\\x7f\xf0\xa0\xb1\x8f\xef\x99s\xe7\xec\xec\xec,\xb5kB\xd3\xb4\x9d\x93\xd3\xd9\xf4\x8c\xc0Aa/\n\x0b\xa5b\xb1N\xaf\x8f\x8c\x8c\x8c\x8b\x8b\xb3\x9e\xce\xfe\x15.*:\x9a\x05\x80\xcb\xe1\xf0\xb9\xdcK7n\xf0x\xbcJ;\x9e\xcd\xb0,\x8e\xe3\x12\x99l\xdd\xf6\xed}\xbe\xf9\xa6\xa6\xab\xabL"\xa1(\xaaM\x9b6\'O\x9e\xf4\xf3\xf33\x9b\xcd(\xed\xf3a\xaa\xe1\x93j\x85`\x93\x83\xa0\xa0\xa0\x05\x0b\x16\xc0\x9c\x0fM\xd3p\x0e\xbbx\xf1\xe2V\xadZU\xd7Q\xa3B\x10$IQ\xd4\xd0\xa1C\x87\x0e\x1b\xd6\xcc\xd7\xe7\xd6\xe3G]F\x8fN\xde\xbd\x9b_\xe9\x89\x08\xb8m#\x14\n\xf7\xa7\x1e\x9b\x1e\x13\xf3\xa2\xa0\xe0\xf9\xcb\x97*\x8df\xee\xdc\xb9U\xb4\xd8\xff]\xc0\xad\xe0\xc0\x80\x80\x8e\x9d:\x01\x96\x95\xabU\x8b\xe2\xfe:\xd7V\t\x7f;|\x89&amp;E\xd3\xbf&amp;&amp;\xceZ\xbdf\xff\xe93\'\xaf\\1\x99L\x11\x11\x11g\xce\x9c\x81\xef\xd1\xb4\xc8[\x94\xab\x07T\x06Zy\xe0\x00q\xf5\xea\xd5\x03\x07\x0e\xe4\xe7\xe7\xbb\xb9\xb9\xf5\xe9\xd3\x07\x9eT\xac~\xa3F\xc5*oOV\xbbN\x9d\xb2\xd2R\x00\xc0\x84\xaf\xbeZ9\x7f\x9e\xaa\xa8\xa8\xd2\x92-\xf0\x9b"vp\xd8\xb6g\xef\xb0\x1f\x7f\x14\xf0\xf9\x1c\x82\xd0\x19\x8d\xeb\xd6\xad\x8b\x8c\x8c\xb4\xce\xce\xfe\x15\x056j\xcd\xc8\xc8\x08\x0c\x0c\xe4q\xb98\x86\x9d\xda\x98\x1c\xd4\xb4\xa9F\xab%&gt;\xe5\xa3\xcb\xb2,\x9f\xcfWi41\x1b\x7f_\x92\x98\xf8Y\xcd\x9a\x99\xd9\xd9"\xb1\xf8\xf0\xe1\xc3_\xb4m\x8b\x0e\xd2\x7f&lt;\x14\x00*\xd5\xdf\xc7z4\xfa\xbf#8\x06\x9d&gt;u\xaak\xd7\xae_\xf7\xedC`\xb8P\xc0\x8f\xf9\xe9\'\x95\\^\t\xfb~\x0c\xcb\x92\x04A\x92\xe47\xf3\xe6\xed&gt;q\xd2\xc9\xce.3;[&amp;\x93\x1d:t\xa8M\x9b6f\xb3\xb9\xdaOBa\xc2\xadU\xabV\xf7\xef\xde\xd5\xe9\xf5\x91\x83\x06\xad\x9b?O\xa3T~\xa2\x00\xcc\xbe\x1a\x98J\x94\xca\xb8m\xdb\x7fNJ\xf2\xf6\xf2z\x92\x9d\x1d\x14\x14\xb4e\xcb\x16oo\xef\xea\x1dq+\r\x1az*\x15\xcc\x05Q\x14\x05S@h\xf4\x7fw\xf0xp\x87\x8e\x1dg\xce\x9c\xf9\xe7\xb1\xe3\t\xbbv\x95\x94\xc9\x8b\x8b\x8b\xa5\x12\xc9\xa7\xde\x0c`\x18\x06\xc70\x1c\xc3\xe6\xacY\xbb\xeb\xd8q\xb9J\x95\x99\x9d\xed\xe7\xe7w\xe6\xcc\x996m\xda\xc0M\x9dOz\x01\xd6\x00&gt;\xab\x83\x06\r\xd2\xe8t\x0c\x00\xfbO\x9f\xca\xce\xc9\xf9D\xf5\xa0\xb0\xd6S\xe2\xe0\xb0\xff\xd4i\xbf\xbe\xfdH\x92\xf8\xacf\xcd\'\xd9\xd9\x11\x11\x11\'N\x9c\x80\xa3\xbf\x15\xbeK\xa7*B+\x00\xa4\xca\x80\xa5 Z\xad6\xa8eK7\xb1\xa8^\x9d\xcf\x8e\x9c?\x9f\x12\xb3\xa2E\xa3F\x9f\xee\xa514M\x0b\xf9|\x9c :\x87\x8f~\x9c\x95Er8\xd9\xb9\xb9m\xda\xb49p\xe0\x80\xbd\xbd}5(\xf6\x7fGp\xa0())\xf1\xf6\xf1\xe1\x00\xd0\xc4\xd7\xb7M\x8b\x16\xf3\'\x8c\xd7h4\x15\x9b\x05\x82\x83;A\x92\x13\x16-\xde}\xec\xb8X,\xcc\xce\xcd\xf3\xac\xe91p\xf0\x90_\x97//\xff\x05\x15\xf87\xda2\x14\x00\x90\xaa\x04\xceC\x9f&gt;}\xda\xa4qc\xf8\xe2\xa7\xaf{\xf7^1c\xba\xd1\xa0\xc7@\xc5\xcf\x07i\x9a\x16\x89\x84/\x0b\x8a\xa6\xfc\xf2\xcb\xd5;w\xd4:]\x99B\x11\x19\x11\xb1n\xfdz\xd8\xb9\xda\xa6F"\xf8yW\xc4\xc4L\xfd\xe1\x07\x82$eb\xf1\xdd\xfd\xfb$B!UA\x1b\xc20\xa7/\x11\x89\x00\x8e\x0f\x9e8)%5\x95 I\x9a\xa2\x9a7o\x1e\x9f\x90\x10\x18\x10\x80\xd2&gt;\x15\x0e\xe5\x1f\x90\xaa\x04\xc7q\x8a\xa2\xea\xd6\xad\xbbh\xc9\x12\xb3\xd9\\\xff\xb3:\x07\xce\x9</t>
        </is>
      </c>
    </row>
    <row r="488">
      <c r="A488" s="1" t="n">
        <v>486</v>
      </c>
      <c r="B488" t="inlineStr">
        <is>
          <t>triangle</t>
        </is>
      </c>
      <c r="C488" t="inlineStr">
        <is>
          <t>What is the missing number of the part denoted with a question mark?</t>
        </is>
      </c>
      <c r="D488" t="inlineStr">
        <is>
          <t>['3', '2', '9', '0']</t>
        </is>
      </c>
      <c r="E488" t="inlineStr">
        <is>
          <t>3</t>
        </is>
      </c>
      <c r="F488" t="inlineStr">
        <is>
          <t>There are three groups of numbers with a triangle arrangement in the image. The first group is [5, 1, 5], the second group is [6, '?', 18], and the third group is [7, 9, 63].</t>
        </is>
      </c>
      <c r="G488" t="inlineStr">
        <is>
          <t>We observe that the number 5 is the product of 1 and 5. Similarly, the number 63 is the product of 9 and 7. Hence, the pattern is that the rightmost number in each group is the product of the other two numbers.</t>
        </is>
      </c>
      <c r="H488" t="inlineStr">
        <is>
          <t>Based on the pattern that the rightmost number in each group is the product of the other two numbers, the missing number of the group [6, '?', 18] should be 3.</t>
        </is>
      </c>
      <c r="I488" t="inlineStr">
        <is>
          <t>b'\x89PNG\r\n\x1a\n\x00\x00\x00\rIHDR\x00\x00\x02\x00\x00\x00\x02\x00\x08\x02\x00\x00\x00{\x1aC\xad\x00\x00\xb8\xf9IDATx\x9c\xec\x9dwx\x14U\xf7\xc7\xcf\x9d\x99\x9d-)\xbb\x9bF\x0f5@ \xa1\x04B\x0f\xd2\t\x88\x82\xd2A\x94\xae\x82\xbc\x82\x05\x04\x91&amp;\x8a\xa0\x08\xaf\x80\x05\xa4)MDAA!t\xa5\x89\x80\x94\x84\x12\x08\x01B\t\xe9\xdb\xeb\xcc\xbd\xbf?.\xec//M\xb2\t\xc9\x86\xdc\xcf\xc3\xe3cfgg\xef\x969\xdf{\xcf=\x05\x11B\x80\xc1`0\x18e\x0f\xae\xa4\x07\xc0`0\x18\x8c\x92\x81\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x85\t\x00\x83\xc1`\x94Q\x98\x000\x18\x0cF\x19E(\xe9\x010\x9e8\x84\x10\xfa_\xfa?\x1e\xd0]Jh\\\x0c\x06\xa3\x84A\xf7\x18\x05\xc6\xd3\x01!\x04cL\x08A\x08\xf1&lt;\xff\x98gr\x1c\xc7\xf4\x80\xc1(;0\x01x\xaa \x84\xc8\xb2\xccq\x1c\xc7\xfd\xbfsO\x96e\xb3\xd9|\xfb\xf6\xed\xf4\xf4t\x00\x04p\xe7\x1b\xafU\xabV@@\x80N\xa7\xcb\x7f\x05Y\x96\x01\x80)\x01\x83Q\x16`\x02\xf0\x94\x801\xc6\x18\x0b\xc2\x1d\x9f^nn\xee\xa9S\xa7\x0e\x1c8\xf0\xd7_\x7f\xdd\xb8q\xe3vF\x86\xc9dr9\x9d\xf9\x9f\x12\x10\x18\xa8R*k\xd6\xacY\xb9r\xe56m\xda\xb4j\xd5\xaa~\xfd\xfa\x1a\x8d\x86&gt;*I\x12\xcf\xf3L\x06\x18\x8c\xa7\x18&amp;\x00\xa5\x1e\xea\xc3\xa1~\x1e\xb3\xd9\xbce\xcb\x96\x9f~\xfe\xf9\xc8\xe1#\x99\x99\x19\x05\xbdT\xf5\xea\xd5\xdb\xb7o?`\xc0\x80\x0e\x1d:\xd0\x0b\xd2\xf5\x04\x93\x01\x06\xe3\xa9\x84\t@)&amp;\xbf\xe9OJJZ\xbdz\xf5\xc6\x1f\x7fL\xbbv\xcdsB@``\x8d\x88\xc8r\x15+\xd5\xaaS\xdf\xcf\xcf\xbfNTC,Kt\xf7Wr\xbb\xcf%\xfe\xe3\xb0\xdb\x93\xcf\x9e\xbe}\xeb\xe6\xb5\xd4K\xce|\xeb\x83F\x8d\x1a\r\x1e&lt;x\xc8\x90!\xe5\xca\x95\x03\x00Y\x96\x1f\xbd\x91\xc0`0J#L\x00J+\x18c\xea\xe8\xbfy\xf3\xe6\xb4i\xd3\xd6\xaf_o\xb7\xdb\xe9C\x15+\x87\xb7\x88\xeb\xf0L\xe7\xf8\xbaQ\x8d+U\xa9\xa6T\x89\x82\x00\x98\x80,\xfd\xcf\x15\x04\x05\x00\x01I\x02\xab\xc5\x9cv%%\xf1\xe4\x89}\t[\x8f\x1f9`4\xe4\xd1\x13\xca\x97\xaf0v\xec\x98\x89\x13\'\x8a\xa2\x881f!C\x0c\xc6S\x06\x13\x80R\x89$I\x82 \xb8\xdd\xee\xaf\xbf\xfe\xfa\xe3\x8f?\xbe}\xfb6\x00\x88\xa2\x18\xdb\xfa\x99\x81C_k\xd2\xa2MX\xf90\x8c\xc1\xe9t\xb9\x9c\xce;A&gt;\x00\xf9\xcd7\x01\xf0\x1c\xe4xA\xa9T*U\x82$\xc1\x8dk\x97\x0f\xee\xdd\xb9a\xd57\xe7\x93N\xd33\xa3\xa3\xa3\xe7\xce\x9d\xdb\xad[7`K\x01\x06\xe3\xe9\x82\t@\xe9\x83Z\xffK\x97.\r\x1b6\xec\xd0\xa1C\xf4`\xf7\x17\xfa\x8f~sb\x9dz\r\x04\x85`\xb3\xda\xdcn\x17\xc0\xe3\x87u\x12\x8c\t!\x18\x01\x12U*\x8dFi6\xdbN\x1c\xf9\xf3\x8bOf\x9c&gt;q\x94\x9e1r\xe4\xc8\xcf?\xff&lt;  \x80\xbe\xfa\x13{s\x0c\x06\xa3\xf8`\x02P\x9a\xa0\xc9\\\x1c\xc7m\xdc\xb8q\xec\xd8\xb1\xd9\xd9\xd9\x00\xd0 \xa6\xd9\x9b\x93g\xb6n\xdf\x95\x10b\xb3Z\xe8\t^\xfbj\x08!\x18\xcb\x1c\xc7\x07\x04\x06X-\x96\xad\x9b\xd6/\x9a;#\xf3\xf6-\x00\x88\x89\x89\xf9\xf6\xdbo\x1b7n\xcc4\x80\xc1x:`\x02Pj\xf0X\xff\x993g\xce\x981\x83\x1e|\xfd\xad\xf7_{\xeb}\x8d\x9f\xdah0\xd2L\xae\xa2z9\xea\xed\xd1\xea\xfc\xaf_\xbd\xf6\xd1\xfbo\xed\xdc\xfa3\x00\x04\x05\x05}\xf5\xd5W\xfd\xfa\xf5c\x1a\xc0`&lt;\x050\x01(\x1dx\x02~F\x8f\x1e\xbdl\xd92\x00\x08-W~\xf6\x82e]\x9e\xeba\xc8\xb3&lt;9\xd7\xbc$\xb9\xd5j?QT|\xbb\xe8\xb3\x05\x1fOu\xbb\\\x00\xb0t\xe9\xd2Q\xa3F1\r`0J;L\x00J\x014\xbfW\x10\x04\x8f\xf5\xaf\xd7 \xe6\xab\xb5\x9b+V\x0e7\xe4\x19\x9et\xba\x16\xc6\x18\x00\x82\x82\x03\x0f\xee\xdb?\xf6\xe5\x17M\x86&lt;`\x1a\xc0`&lt;\x150\x01(\x05P;\xfb\xdak\xaf}\xf3\xcd7\x00P\xafA\xcc\x8aM\xdb\xb5\xba \x8b\xc5,\x08\x8a\xe2\x19\x83\xdb\xed\x0e\t\xd5\xff}\xe8\xd0\xe8\x01=LF\x03\x00\xacZ\xb5\xea\x95W^a\x1a\xc0`\x94^\x98\x00\xf8:\xd4\xc2.]\xba\xf4\xd5W_\x85\xbb\xd6?@\xab\xb3[m|\xf1Z^\xc9\xed\xd6\x87\xe8\x8f\x1f\xbe\xa3\x01~~~\xfb\xf7\xefo\xda\xb4\xa9\'#\x81\xc1`\x94.\x98\x00\xf84\xd4\xb6\x1e=z\xb4U\xabV\x18\xe3\x88\xba\xf5\xbf\xffuo\x80Vg\xb7\xd9K$\x1e_r\xbb\x83B\xf4\x7f\x1f:4\xa2oW\x9b\xd5Z\xbdz\x8d\x13\'\x8e\xd3rr,G\x8c\xc1(u\xb0\x89\x9b\xefB\xb59\'\'g\xd0\xa0A\x84\x10\x8d\xc6\xef\x93%\xab\x82BBlV[Iec\t\nENv^\xcbgZO\x9c\xf1)\x00\\\xb9\x92:z\xf4h\xbaA]"\xe3a0\x18\x85\x81\t\x80\xefB\xa7\xffo\xbf\xfdvjj*!\xe4\xdd\x99\x9f\xc64kj\xc83\x96\xac\xcf]\xa1Pdg\x18\x86\x8c~\xfd\xf9\xbe/\x01\xc0\xa6M\x9b\xbe\xff\xfe{\x9e\xe7i\x1di\x06\x83Q\x8a`. \x1f\x85Fv\x1e8p\xa0}\xfb\xf6\xb2,w\xe9\xf1\xe2\xd7\xeb~\xca\xcd6\x14\xb3\xdf\xff\x81\x10Bx\x9ew\xbb\\/vhr#\xedjXX\xd8\xb9s\xe7\xb4Z-+\x16\xc4`\x94.\xd8\n\xc0\x17\xa1\xfd\xb9\x9cN\xe7\x84\t\x13dY\xd6\x05\x05O\xf9h\x81\xd5\xea@\xbe\xb1\xd7\x8a\x10r\xbb\\Z\xbd\xee\xbd\xd9\x0b0\xc6\xb7o\xdf\x9e6m\x1a\xc7q\xcc\x11\xc4`\x94.|\xc2\xa00\xee\x81:\x7f6l\xd8p\xe2\xc4\t\x00\x18&lt;bl\xd5\x1a\xe1\x0e\xbb\xc3\x8b`\x1b\xf2x\x14\xf4\xb2\xbc \x98\x0c\xa6\x8e\xddz\xb4l\xdb\x11\x00\xbe\xf9\xe6\x9b\x0b\x17.0\r`0J\x17\xcc\x05\xe4\x8b\xd0\xcc\xaf\x86\r\x1b^\xb8p\xa1zD\x9dM\xbb\xfe\x06\x04\x80\t\x14\xd0\xc1\xf2\xaf\r\x81\xef\xbc\x1c\x80,\xc9\x9eV\x91\x8f\t\xc6X\xa3\xd1$\x9fK\x1a\xd8\xbd\x8d\xddf\x1d9r\xe4\xb2e\xcbX\xb9P\x06\xa3\x14Q\xf2\x0ee\xc6=x\xbc\xff\x17.\\\xc0\x18\xf7\xec;D\xa7\xf7\xcf\xce2\x14t\xef\x17!$K\x92\xe9nq\xffG\x9f\xea\xe7\x1fP\xd0\xe5\x05\xc7qV\xab5\xaaQ\xa3\xd8Vq\x7f\xee\xde\xf1\xeb\xaf\xbf\xce\x993\'88\x98\xfa\xaf\nt)\x06\x83Q"0\x01\xf0Q\xbe\xfd\xf6[\x8cqph\xd8s}\x06[\xcc\x8e\x82N\xab1\x96\xfd\x03\x02\x8f\xfc\xb9w\xdc\xd0&gt;\x1cB\x98\x90\x07\x9ad\x84\x10!D\x14Uk\xb6\xed\xabR\xb5\xa6\xd3iG\xa8\x002\x80\x00\xb0\x8c\x07\r\x1f{p\xef\xae\xcc\xcc\xcc\xcd\x9b7\xb3\xfa\x10\x0cF)\x82\xdd\xa8\xbe\x05\r\xb0IOO\xdf\xb6m\x1b\x00\xb4i\xdf\xb5j\x8d\xf0\x9c\xec\x02O\xff\t\x01\x8eC\xb9\xd9\x99f\xa3\xe1_O\x16\x04\x85w\xbe{\x8e\xe7\xadV{\xcb\xb8\x0e\xd5j\xd6\xba\x92rq\xc5\x8a\x15#F\x8c`Y\xc1\x0cFi\x81\xdd\xab\xbe\x05\x8d\xa6\xdf\xb9s\xa7\xc9d\x02\x80\x8e\xdd\x9e\x97e\xef&lt;*\x04q`\xc8\xcbC\x08=\xd1\xf9\xb8$\xb9\x03\xb4\x9a\xb8\x8e\xdd\x08!\xa7N\x9dJIIa[\xc1\x0cFi\x81\xad\x00|\x0bj\xeb\xff\xf8\xe3\x0f\x00(_\xb1r\xd3\x96m\xed6o\x82\x7f\x80\x00\xc7\x81!/\x9b\xee\'W\xac\x1c\xfe\xc9\xe2U\x1c\xcf\x13B\xeeU\x13\x02\x88\xe3BB\xcb\xbb\xdd\xae\x02\xf9\x7f(\x1cBn7\xee\x18\xff\xfc\x9ae\x8b\x1c\x0e\xc7\xe1\xc3Gj\xd7\xae\xcd\xaa\x031\x18\xa5\x02&amp;\x00\xbe\x05\xc7qn\xb7\xfb\xe8\xd1\xa3\x00P\xbfa\x93\xd0raF\x83\xd1\x9b\xb8\x1a\x04@\xc0\x90\x9b\x0b\x00\x84\x90\xe0\xb0r\xad\xdb\xb7w\xb9\xf0\xc3\x16\x13\x0e\xbb\xcd\xbbx0\xc4q\x0e\xbb\xa3N\xfd\x06a\x15*\xa6\xdf\xb8\xfe\xe7\x9f\x7f\x0e\x1d\xfa\n\xdb\x04f0J\x05L\x00|\x08:qNII\xb9|9\x15\x00\x9a\xb6\x8c\xe3y\x00/\xe3t\x91,\x83!/\x87\xfe\x11\x10\xa8s\xb9d\x8b\xc9\xc4=DK\xbc\x9e\xb0#\x84\xdcn\xb7&gt;88\xbaQl\xfa\x8d\xeb\x7f\xfdu\xc4\xe1p(\x95J\xef\xae\xc6`0\x8a\x13\xb6N\xf7!\xe8\x1c\xfc\xea\xd5\xabN\xa7\x03\x00j\xd6\x8e\x94$/\xabl"\x00B\xc0\x90{G\x00\x82\x82C\x04\x81G\xdcC)\xe4\xb0\x15\n\xa8\x11Q\x17\x00\xd2\xd3o\x9bL&amp;\x1a\\T\x98k2\x18\x8cb\x80\t\x80\x0fA\x8d\xe6\xa9S\xa7\x01 P\xab\xadR\xad\x86\xdb\xe5\xf2R\x008\xce\xedv\x1b\xef&amp;\x01\xe8\x83\x829\x0e\x08\xc1^\xa7\xfe&gt;\x02\x0e!I\x82\x88\xc8(\x000\x99\x8c\xc9\xc9\xc9p\xb7\x8f\x18\x83\xc1\xf0e\x98\x0b\xc8\xe7\xb0Z\xad\x00\xc0\xf3\x82\xbf\x7f\x00\xc6\xb8\xa0\xd9\xbf\x00\x00\x84p\x089\x1d\x0e\x8b\xd9D\x0f\x04\xea\x82\x00\x08\xcf\xf1\x82B\x014\xd3X\x920\x96\x11B\x1cW\x04\x89\xbb\x84@\xa0V\x07\x00\x18c\xbb\xdd^\xf8\x0b2\x18\x8cb\x80\xad\x00|\x08\xea\x8a9q\xe28\x00T\xa9VC\xab\x0f\x96$\xc9\x8b\x15\x00\x01@\x1c\xe7t8&lt;I\x00\x95\xabV\x17\x95\xc8\xe1\xb0\x1b\xf3r\x0c\xb996\x8bY\xa1\x10\xf5A:\xff\x00-\xc1\xb8\x90\xb3uZ\x1b\xaerx\xf5\x80@-\x00\x1c;v\x1c\xee\xaef\x18\x0c\x86/\xc3V\x00&gt;\x87\xdb\xed\x06\x00\xff\x80@\xa5Je1\x9b\xbcs\xd0s\x1c\xef\xb0\xdb\xec6+\x00 \x846\xadY\xfe\xf3\xba\x957\xd3\xae\xdalV\x8c\xb1J\xad\x0e+_1\xbaQ\xd3.=^l\xd1\xb6\x83,\xcbN\xbb\xfda\xfb\xc3\xff\x0eB\x18\xe3\x80\xc0@Q\x14=\xe3g0\x18\xbe\x0f\x13\x00\x9f\x83N\xf9\xb1,{=\x89&amp;\x84\xf0\x82\x90\x97\x9bm6\x19y^\x00\x04\'\xfe:\x98\xff\x04\x93!/3\xfdV\xd2\xc9\xe3\xebW~\xdd\xae\xcb\xb3S\xe7\xfc\xb7RxU\xab\xc5\xc6\xf3\xde\xaf\x08=\x03f1\xa0\x0cFi\x81\xb9\x80|\x0ej@\x0b\xe3@A\x08\xb0,\xfb\xf9\x07\x94\xafXY\x96%Y\x92\x00@\xad\xf1\x0b\xd4\xe9\x03\xb5:Q\xa9\xa2\xa7q\x1c\xc7\xf3\xfc\xfe\x9d\xbf\xbd\xdc\xb3C\xda\x95T\xb5FU\x18_\x90g\xc0L\x00\x18\x8c\xd2\x02[\x01\xf8\x1c\x92$\x01\x80 \x08\x1c\xe7\xa5%E\x88s\xb9\x9c\x95\xc2\xabm\xd8qx\xf3\xfaUA!a5j\xd7\r\x0e\t\xf3\xf3\xf3\'@,&amp;\xd3\xf5k\xa9\xfbvl\xdd\xbc\xe1;\xb7\xdb\xa5\x10\xc5[7\xd2&amp;\x8d\x1d\xfa\xfd\xaf{\xb9\x82g\x02S\x08!\x82 \xd0Db:~\x06\x83\xe1\xfb0\x01\xf0!\xa8\x0b%88\x18\x002\xd2o\x99\x8cFA\x100~h\xfa\xee#@\x08\xb9\x9c\xce\xa0\x90\xd0\xffL\xfe\x80`\x90\xa4;a?\x00\x10Z\xaeB\xed\xc8\xa8n\xbd\x9e\xef\xd1g\xe0\xb8\xa1}M\x06\x83B\xa18u\xec\xc8\x9e\xdf\x7f}\xf6\xc5\xbeF\x83\xa9\xa0\x89\xc7\x84\x10\x85Bq;\xfd\xa6\xcdf\xf1\x8c\x9f\xc1`\xf8&gt;\xcc\x05\xe4CP\x01\xa8_?\n\x00\xb23o\xdb\xad\x96\xc24WA\x08Inw^\xb6\xc1\x90g\xb4Z\xccN\xa7\xdd\xedv\xbb\xddn\xa7\xddn2\x193\xd2s\xdaw\xed\xf0\xd6\xd4\x8f\x08\xc1\x80\x10Bh\xcf\xf6_\xbc\xf4\xde\x10\xc2\x0bBNv\x96\xddf\x03\x80\x06\r\xa2\x819\x82\x18\x8c\xd2\x00\x13\x00\x9fC\xaf\xd7\x01\x80\xcb\xe9\xcc\xce\xca\xe0\x05\xc1\xdbR\x10\x00\xb4#\x98 \xf0&lt;\xcfq\x1cB\x1cm\xda\x8e8\x8e\xe7y\x85B\xcc\xc9\xb6u\xea\xdeK\x1f\x1c\xe2v\xb9\x08!WR.\xda\xedNo\xbaN\x02p\x1cd\xdc\xbc\x0e\x00\xa2(\xfa\xfb\xfb\x03\x13\x00\x06\xa34\xc0\x04\xc0\x87\xa0F\xb3a\xc3\x86\x00`\xb3Yo^OS(\x84\'\x14P\x8f\x10\xc2\xb2\x1c\x10\xa8\xabX9\x9c\x1e\xb1Y-.\xa7\x93\xe3\xb8\x82J\x0e!\x84\xe7\xe1\xea\xe5\x8b\x00\x10\x10\x10\x18\x11\x11\x01L\x00\x18\x8c\xd2\x00\x13\x00\x1f\x82\x1a\xcd\xea\xd5\xab\x07\x04\x04\x02\xc0\xb9\xd3\'x\x1e\xf0\x13\xcf\xa8\xbac\xa9\x05A\xe0y\x9e\x10\x02\x054\xdd\x1c\xc79\x1c\xf2\xb9\xc4S\x00P\xa3Fu???\xd6\x15\x92\xc1(\x150\x01\xf0!8\x8e#\x84T\xa9R%22\x12\x00\xfe\xf9\xfb\x90\xcbE\xbc\xae\xd4F\xc8\xa3b:\t!\x1c\xc7[-\xa6\x8c\xf4\x9b\xf4HpX9\x95Z\x8d1\x86\x82(\x00!D\x14\xc5\xec\x8c\xdb\xc9g\xcf\x00@\x9b6m\x14\n\x05mk\xc3`0|\x1c&amp;\x00\xbe\x85,\xcb\x1c\xc7\xb5l\xd9\x12\x00\xce\'\x9e\xbaq\xed\x8aR\xa9\xf2\xce\x0b\xa4T\xaai\xcd\x1fB\xf0=y\x05\x84\x10\xb7\xcb\xa5\xd5i\xfe&gt;\xf4Gv\xe6m\x85B\x04\x80\xe8\xc6\xb1\xa2\xc8\x91\x02\xa6\x02`\x8cUj\xe5\xa9\xe3\x7f\xe5\xe5f\x03@\\\\[`\xfe\x1f\x06\xa3\x94\xc0\x04\xc0\xb7\xa0\xa6\xb3S\xa7\x8e\x00`4\xe4\x1d\xda\xbfK\xad\x11q\xc1\'\xd4\x04\xe3+)\xc9J\xa5J\x1f\xa2S*\xd5\x808\x8c\xb1,\xcb\xb2,c\x8cy\x9e\x0f+\x1f|\xf5\xf2\xd5\xf9\xb3&amp;#\xc4\x11B8\x8e\xeb\xd2\xe3E\xa7CB\x05_p \x0e\xed\xfem\x0b!D\xab\xd56o\xde\x0c\n\xd1]\xa0\xf0\x90\xfb(\xa9\x910\x18\xbe\x0f\x13\x00\xdf\x82\x9a\xceg\x9ey\xa6R\xa5\xca\x08\xa1\xbd;~!\x04\nZ\x10\x94\x10"*U\xef\x8f\x1f9\xbcO\xd7\x1fV\xaf\xb8\x9az\x89`\xec\x1f\x10\xa8\xd5i\xb5:\xad\xc6\xcf\xdfj5oZ\xfb\xfdK\xcf\xb7O\xbbzY!*$\xc9\xdd\xab\xff\xcb\r\x9b\xc4\xda\xac\xd6\x02\xd9n\xea\xff\xc9\xc9\xcc9rp/B\xa8m\xdb\xb6\x15+V\xf4.q\xc1k\xa8\xb0I\x92D\xb5\r\xdd\x87\xe7\x04I\x920\xc6L\x12\x18\x0c\x0f,\x11\xcc\xb7@\x08I\x92\x14\x10\x100`@\xff\xf9\xf3\xe7\xff}\xe8\xcf3\'N\xd4\x8dj`\xb7\xdb\x0bd\x9a\x11B@\xc8\xd1\x83\xfb\x8e\x1e\xdc\'*\x95U\xaa\xd6(_\xb1\xb2V\x1fD\x08\xc9\xcd\xceJM\xb9\x90u;\x1d\x00\x04A\xe1r:\x1b\xc44\x9b&lt;{\xbe\xcdj+\xe8\xf4\x1f\xcb\xb2F\x1b\xb0y\xc3\xea\xcc\xf4[\x000z\xf4h(\xae:\xa0\xb2,\x13Bh\x84k\xfe\xe3v\xbb\xdd\xe1p\xdc)\xa7A\x08\xc7qZ\xad\xf6\xfe\xe7\x02\x00\xc7q\xccU\xc5(\xe3\xb0\xceM&gt;\x07m\x0cy\xf6\xec\xd9\xc6\x8dc\xdcn\xd7\xcb\xa3\xff3k\xc1\x7f\xb3n\x1b\x04\xc5\xe3\xaa5!D\xa5R\x0f\xec\xde\xe6\xf4\x89\xa3\xffzr\xf7\x17\xfaO\x9b\xb7\xc8\xdf?\xd0\xe9,p\x12\x00\xc6\xd8\xcf\xdf\xbfo\xe7\xe6I\xa7N\xd4\xacY\xf3\xcc\x993*\x95\n\x9e\xe4\x1e\x00!\x84~&gt;\x9e\x97\xb8~\xfd\xfa\xf1\xe3\xc7\x13\x13\x13\xcf\x9c9c4\x1a/_\xbel6[\x10\x02\x02\x00\x04x\x81\xaf\x17\x19\xa9R\xa9\x9a6mZ\xa3F\xcd\xe6\xcd\x9bEDD\x08\xc2\x9dOR\x96iG\x04\xb6\x0ef\x94Q\x98\x00\xf8"\xd4\xc6u\xec\xd8q\xdf\xbe}A!a?\xee\xfc+\xb4\\y\xb7\xdb\xfd\x98\x86\x95V\xe6\xb9z\xf9\xd2\xe6\r\xab\x0f\xee\xdby\xfdj\xaa\xc3n\xbb\xe7\x9c\x90\xb0r1\xcdZ\xf7\x1e&lt;\xfc\x99\xce\xdd]N\x87\xdb\xed.\xa8\x1d\x94e9P\x1b\xb8\xfb\xb7_\xc7\r\xed-\xcb\xf2\xcc\x993\xa7M\x9b&amp;I\x92\xc7\xbc\x16-\xd4\xf4{R\xa3\x0f\x1f&gt;\xbcy\xf3\xe6\x83\x07\x0f\x9e;w\xced2=\xe6E\x94JeDD\xed\xd8\xd8\xa6={\xf6\x8c\x8f\x8f\xa7\xbd\x8b\x99\x0c0\xca,L\x00|\x11Y\x96y\x9e\xdf\xbf\x7f\x7f\xfb\xf6\xed\x01\xe0\xf9\xbe\x83\xff\xbbbMv\x96\xe1\xf1m+]\x04(U\x82\xd9d\xbdu#-\xfd\xe6\xf5\xbc\x9c,\x9b\xd5\x02\x80\x02\x02\xb5a\xe5+\x86W\xafY\xaeBE\x000\x9bL\xd4W\xee\xc589\x8e\xeb\xd5\xae\xf1\x95\x94\x8b!!!III\xa1\xa1\xa1^_\xea\xd1\xd0\x0f\x04\x00222~\xfd\xf5\xd7\xd5\xdf}w\xe8\xe0\xff\x14\xb8\xd6\xe9\x83\xc2\xcaW\x0c-W&gt;$\xacBx\xb5\xean\xb7\x04\x00\xbc \x18\xf2r\xae\\J\xb6\x98M7\xd2\xae\xe4fg\xe5\x7fJ\xbd\xfa\xf5\xfb\xf5\xed\xdb\xbf\x7f\xff\xbau\xeb\x02\x80$I&lt;\xcf3\xa7\x10\xa3L\xc1\x04\xc0G\xa1&amp;\xaf_\xbf~?\xfe\xf8\xa3\xa8T\xae\xde\xbc7\xa6Ys\xb3\xb9\x00\xd5\x810\xc6\x84`\x9e\x17DQ)(\x14\x1c\x7f\'\xbc\x9f\x10\x90e\xe2r:\xdd.\'\x00x\xd7\x07Fr\xbb\x83\xc3\xf4\xdf,\x98?w\xda;\x08\xa1\xcf&gt;\xfb\xec\xad\xb7\xde\xa2[\xac\x85\xa9_t?4\x92\x87\xe38\xa3\xd1\xb8`\xc1\x82\xa5K\x97\xa6\xa7\xa7\xd3\x87D\xa52\xaaQ\x93\x16q\x1d\x1a5mY;2*P\xab\xf3\x0f\x0cD\x08\x04\x05x\xb2\xd90\x06Y\x02\x87\xc3a4\xe4^\xbf\x9az\xe6\x9f\xa3\xc7\x0e\xffy\xfc\xc8\x01O\xb7d\x8dF3`\xc0\x80I\x93&amp;\xd5\xae]\x1b\xee\xae\xbd\x8ap\xfc\x0c\x86/\xc3\x04\xc0G\xa1\x01-W\xae\\i\xdc\xb8\xb1\xc9d\x8a\x8cj\xf4\xe3\xae\xc3n\xb7\xecE\x92-!\x98\xdc\xc9\'&amp;4\xc9\xcb\x13!\xe3\xe5\xd8dY\xed\xe7w5\xe5R\xdf.\xcd\xec6\x1b\xc6\xb8n\xdd\xba\xef\xbe\xfb\xee\xcb/\xbfL\xcb\x97B\x11E\x82z&amp;\xfe\x1b6l\x989s\xe6\x85\x0b\x17\xe8\xf1:\xf5\xa2\x9f\xef7\xb8u\xbb\xae\x11\x91\xf5\xd4\x1aQr\x83\xd3\xe1\xa4\x9d\x0f\xc8\xff\xeeB#\x04\x08!\x0eq\xbcB!\x8a\xa2(r\x92\x1b\xd2\xae\xa6\x1c=\xf8\xc7\xef[~8\xb4o\x17=M\x1f\x14\xf4\xd6\x84\t\x13\'N\x14E\xd1\xf3\xa2\x0c\xc6S\x0f\x13\x00\xdf\x85Z\xa29s\xe6L\x992\x05\x00\x06\r\x1f\xf3\xd1\x7f\x97dg\xe6\xd1\xc6\xee%\x05!\x04\x01\x08\na\xe0\xb3m\x93N\x1e\xa7\xfb\xb14\xae\xa6e\xcb\x963g\xce\xec\xdc\xb93\x14\x85G\x85n\'\xdc\xbauk\xe4\xc8\x91\xdb\xb7o\xa7\x07[\xb6\xed0x\xe4\x1b-\xe2:\x04\x87h\xed6\xc9\xe1\xb0\xcb\xb2\xcc!\x84h\xf3\x84\x87\xbf\xdc\x9d\xa4\x00\x8c\x11BJ\x95J\xed\xa7t\xda\xa5\x93\xc7\x0emZ\xbbr\xcb\x86\xd5\xf4&amp;\x88\x8a\x8a\xfa\xfa\xeb\xaf[\xb7n\xed\t\'\xf5z\xf0\x0cF\xa9\x80\t\x80OC\xf7\'\xe3\xe3\xe3w\xed\xda\x05\x00\x9f}\xbd\xa6\xef\x90\xc1\x19\xe9\xb9\nQ,\xa9!I\x92\xbb\\y\xfd{o\x8c]\xb7\xe2K\x00\xf8\xf0\xc3\x0f\xbbw\xef\xfe\xde{\xef\xd1\x11\x02\xc0\xa0A\x83&amp;O\x9e\x1c\x15\x15\x05w\x8dxA_\xc2\xe3\xf6IHH\x18&gt;b\xc4\xad\x9b7\x01\xa0z\xad\xda#\xdex\xe7\x85\x81\xaf(\x95\xa2\xd9d\x95$7\xc7q\xde\xad3\x08!X\x96\x11\xc7\xf9\xfb\x07\x08\n\xb4\x7fW\xc2\xb2\xff\xce\xfd\xeb\xc0&gt;\x00\x10\x95\xca\xb9\x9f|2~\xfcx`\xee F\x19\x80\t\x80OCmPFFF\x83\x06\r333\xb4:\xfd7\xeb\xb76m\xd5:/\xbbd\xd6\x01\x92$\x85\x86\xe9\x96/Y&lt;\xfb\xbdq\x84@\xa7N\x9dv\xee\xdcIg\xca\x1b6l\x983g\xce\x993g\x00@\xa3\xd1\xbc\xfd\xf6\xdbo\xbf\xfd\xb6V\xab-\xe8\xc6\x80\xc7\xfa/\\\xb8p\xc2\x84\t\xf4\xe0\xa0\xe1c\xc6O\x99\x19\x12\x16\x92\x97k"\x84\xc6\x02\x15\xc1\xf4\x1cc\x99`\x12\xa8\xd3\xc9\xb2\xf4\xfd\xd2\xc5_|2\xddb6\x01\xc0\xf0\xe1\xc3\x17.\\\x18\x10\x10\xc04\x80\xf1t\xc3\x04\xc0\xd7\xa1\x8e\xa0#G\x8e\xb4i\xd3\x06c\x1c\xa8\xd5-\xdd\xb0\xadi\xab\xd6\xb9\xd9y\x8a\xe2\xd4\x00B$I\n-\xa7_\xb1d\xc9\xacIo\x00@\xf5\xea\xd5\x8f\x1d;\x16\x14\x14D\x1d&amp;\x1c\xc7\xb9\\\xaey\xf3\xe6}\xf9\xe5\x97t\x9f622\xf2\xddw\xdf\x1d6l\x18&lt;v\xa8\xa5\'\xd6s\xf4\xe8\xd1\xcb\x96-\x03\x00\xad&gt;h\xda\xdc/^\x1c8\xd8d\xb4\xb9\\\xae\'\x11cJ\xc7\x16\x1c\x12x\xe2\xe8\xb1\xf7\xdf\x1cu!\xe94\x004k\xd6l\xc7\x8e\x1dz\xbd\x9ei\x00\xe3)\x86\t@)\x80j\xc0\xb2e\xcbh\xaa-\xd5\x80\xe6q\xad\xb32\x8aI\x030\xc6@Hh9\xed\xb7\x8b\xeeX\xff\xa0\xa0\xa0\x84\x84\x84\xa6M\x9bz\xec\xa3g\xef\xf4\xd6\xad[\x1f|\xf0\xc1\xaaU\xab\xe8np\xe7\xce\x9d\'M\x9a\xd4\xb1cG\xf8\xb7\x8d\x01\xcf\xdc\xdfc\xfd\xeb5\x88\xf9|\xe9\x9a\x88\xc8\xc8\xdc\x1c\xc3\x93\x8e\xd1\x94\xdc\xee\x00\xad\xd6j1\xcd\x9a\xf8\x9f_6~\x0f\x00\xb1\xb1\xb1\t\t\tL\x03\x18O1L\x00J\x07\xd4\x99\xee\xd1\x00\xadN?\xef\xab\xef\xba\xf4\xe8\x91\x97k&amp;\x04s\xdc\x13\x8cZ\x91$I\xa5R)U\xcae\xff\xfd\xf4\xd3\x99\x93\x00 ((h\xc7\x8e\x1d\xb1\xb1\xb1\xf7\x04\xcc\x10BdY\xa6\x93\xf4={\xf6\xcc\x9d;\x97n\x0cp\x1c7t\xe8PO\xa8\xe5\xc3\xc2l\xe8\xf1\xfc\xd6\x7f\xc5\xa6\xed\xfa\xe0\x10\x93\xc1X&lt;\xfe.Y\x96DQ\xa9\xd6\xa8\'\x8e\x19\xb6y\xfd*\xb8\xab\x01:\x9d\x0eX\x89S\xc6\xd3\x08\x13\x80R\xc3=\x1a\x00\x00\xaf\xbf\xf5\xfe\x7f\xde\x9bI\x80X\xcdf^\x10\x8a\xdcBa\x8c1\x96\xf5A\xfa\xcc\xdb\xb7g\xbc3v\xe7\xb6\x9f\x01 88x\xfb\xf6\xed\xb1\xb1\xb1\x0f\xdb\xe0\xcd\x9f\xb2\xbbr\xe5\xcaO?\xfd\xf4\xfc\xf9\xf3\xf4\x89\xe3\xc6\x8d\x1b?~&lt;\xdd\x18\x80\xff\r\x15\xa5W\xf3\xf8\xfd\xa9\xf5\x0f\xd0\xealV\xdb\x13J-~ \x18c\x8eC~\xfe\xfe\x93\xc6\x0e\xa7\x1a\xd0\xa7O\x9f\x1f\x7f\xfc\xf1\xc9e83\x18%\x08\x13\x80\xd2\x045C\t\t\t/\xbd\xf4Rvv6\x00\xb4z\xa6\xd3\xfb\x1f/\xac\xdf\xb0\xbe\xd1`s\xb9\\E\xe5\'!\x18\xcb\x18k4~j\x8db\xf7\xef\xdb&gt;\x9a2\xe1Zj\n\x004k\xd6l\xcd\x9a5\x11\x11\x11\xff\x1a,\xefq\xfa\x1b\x8d\xc6\x85\x0b\x17.Z\xb4(\'\'\x07\x00"##\xa7M\x9b6`\xc0\x00\xb8\xdb\xfc\x80F\x91\xf2&lt;\xbfk\xd7\xae.]\xba\x00@\xbd\xe8\xc6+~\xda\x11\xa0\xd5\xd9m\xf6\xe2\x0f\xc9\'\x18#\x0e\xf9\xfb\x07L\x1c3t\xf3\x86\xd5\x000c\xc6\x8c\xe9\xd3\xa73\r`&lt;}0\x01(eP[y\xe9\xd2\xa5a\xc3\x86\x1d:t\x08\x00\xb4:\xfdK\xa3\xdexi\xe4\xb8\xf2\x15C\xcd&amp;\x87\xd3\xe9(T|$\xc6\x00\xa0\xd6h\xfc\xfc\x14gO\'~\xbbh\xfe/\x1b\xbf\xa7\x07G\x8e\x1c9\x7f\xfe\xfc\xc0\xc0\xc0\xc7O\x95\xf2\x9cy\xf1\xe2\xc5y\xf3\xe6\xad\\\xb9\x92^\xaaK\x97.\xb3f\xcdj\xde\xbc9\x00\xb8\xddn\x9e\xe7333\x1b5j\x9c\x91q;P\xa7\xdf\xb8\xe3p\xf5Z\xb5M&amp;SI\x19\\\xba\x82Q(\x14\x03\xba\xb5N&lt;y\x1c!\x94\x90\x90\xd0\xb9sg\x96#\xc6x\xca`\x02P\xfa\xa0f\xc8\xedvO\x9c8\xf1\xab\xaf\xber:\x9d\x00P\xbdV\x9dac\xc6?\xd3\xb9{\x95j\xe1.\'\xb1\xdb\xac\xb2$\xc1\xdd\xc0\x9bG,\x0b\xee\xf6M\xc1\x00\xa0P(5~j\x84\xe0|RR\xc2/?~\xbfl\x11-\x99P\xae\\\xb9\xd9\xb3g\x8f\x1c9\x12\n\x1e\x1d\x7f\xcf\xc6\xc0\x07\x1f|p\xe4\xc8\x11\x00P\xa9T\x83\x06\r\x9a5kV\xa5J\x95\x00 &gt;&gt;&gt;!!\x01!\xf4\xe9W\xdf\xbf0hpNV\xf1\xc68\xdd\x87,\xcb\x1a\x8d\xe6Zj\xca\x80n\xad\x8d\x86\xbcr\xe5\xca\x9f?\x7fN\xab\xd5\xb2\x041\xc6\xd3\x04\x13\x80R\x89\xc7\n\x1f=zt\xea\xd4\xa9\xbbw\xef\xa6\xc7\xc3\xcaW\xe8\xd1{P\xfb\xae=\xa2\x1a5\xd5\xea\xfce\x19\x9cN\x17m\x86\x02\x84\xe4\xef/\x8f\x00\x10\x87\x10 A\xa1\x10\x14\nQ) \x80\x8c\xdb\x99\xff\xfcu`\xd7o[vn\xfd\xd9n\xb7\x01\x00Bh\xd8\xb0a\x1f~\xf8\xa1\xa7\xd3\x8bw\xe6\x0fc\x8c1\x16\x04A\x92\xa4\xef\xbf\xff~\xfa\xf4\xe9\xd7\xaf_\x07\x80\xf2\xe5\xcbO\x9a4)44\xf4\xa5\x97^\x02\x80~/\x8f\x9a\xfb\xe5\xd2\xec\xcc\x02\x94\xbd{rHn)8T\xf7\xe3\xf7\xdfM\x1a\xfb\n\x00\xbc\xf1\xc6\x1b\x8b\x16-b\x8b\x00\xc6\xd3\x04\x13\x80\xd2J\xfe\xbd\xd6\x15+V,\\\xb8011\xd1\xf3h\xed\xc8\xa8\x96m;4j\xd6\xaa~t\x8cV\x1f\xa4\x0b\nF\x08\xf2O\xa9\t\x01\xb7\x1bdY\xca\xcb\xc9\xca\xce\xbc\x9dt\xea\xf8?G\x8f\xfcu`\xef\xcd\xeb\xd7&lt;\xe7t\xe9\xd2e\xe2\xc4\x894\x82\xb3H\x0c\x9f\xe7"\x99\x99\x99\x8b\x17/\x9e?\x7f\xbe\xcdvGf\x10B\x95\xc2\xab\xfd\xb4\xe7\x98R\xa9\xa2\xfb\x07\x85|\xad"A\x96e\x9d^;\xe6\xa5\xde;\xb7\xfd\xacP(\x8e\x1c9\xd2\xa4I\x13\x16\x15\xcaxj`\x02P\xba\xf1\xcc\xca].\xd7\x8e\x1d;V\xac\\\xb9k\xe7NjU)\xfe\x01\x81\xfa\xa0\xe0*\xd5jh\xfc\xfc\xeb\xd4o \xcb2\xad\x08\'\xb9\xa5\x0bI\xa7\x9cN\xc7\xb5\xcb\x17\r\x86&lt;\x97\xd3\xe9yJ\x85\x8a\x15{\xf4\xe81\xf4\x95WZ\xb5j\x05\xf9\xb6j\x8bd\xc0\xf9=BIIIs\xe7\xce\xdd\xbcy\xb3\xd3\xe5\x92\xdc\xee\x0f?_:x\xe4\xa8\x9cl\x9f\x98\xfeS0\xc6\x1a\x8d\xfa\xd2\x85s}:5w\xb9\x9c\xcf&lt;\xd3n\xff\xfe}L\x00\x18O\rL\x00\x9e\x06\xf2O\xcf\x93\x93\x93\xb7n\xdb\xb63!\xe1\xf4\xe9\xd3\x99\x99\x99\x8f\x7f\x91\xea\xd5\xab\xc7\xc4\xc4\xf4\xe8\xd1\xa3{\xf7\xeeaaap_\x0f\x96"\x84\x10"I\x92B\xa1\xb0X,5k\xd6\xcc\xca\xce\x8em\x11\xb7j\xf3N\xbb\xdd\xe1\x85m\xa5\xfe%\x04\xf0\xe8\x9f2B\xc8\x8b\xf7"IRP\xb0\xee\x93\xa9\x93\x96-\x9a\x87\x10\xda\xbbwo\xbbv\xed\x98#\x88\xf1t\xc0\x04\xe0)\x81\x1a\xeb\xfc\xe5\x16rssO\x9e&lt;\xf9\xd7\xd1\xa3\x97S._\xbf~=#\xe3vz\xfam\x84\xc0l\xb6H\x92$\x08|\xa3F\x8d\xfc\x03\x02\xa2\xa3\xa2\xaaV\xad\xda\xaaU\xab\xfa\xf5\xebk4\x1a\xfa\xdcbh\x92%I\x12\xc7q\xdf~\xfb\xed\xab\xaf\xbe\n\x00\x8bVm\xea\xd6\xab\xb7!\xd7\xc0\x17p\xfaO\x08Q\xa9\xd5j\xb5@\x1e^\x1e\x88&gt;$\xc9`1Y\n:N\xda\xf8&gt;\xf3v\xfasq\xd1V\x8be\xd0\xa0Ak\xd7\xaee\x02\xc0x:`\x02\xf0\xb4A\xa7\xc3\xf7G\x82b\x8c\r\x06\x03\xc7q/\xbc\xf0\xc2\xfe\xfd\xfb\xdb\xb5k\xb7o\xdf\xbe{\x9e\xeb\xe9\xb4^\x0c.x\x1a\x0f\xda\xaaU\xab\xbf\xff\xfe\xbbf\xed\xc8\x1fv\x1c\xe2h\'\x97\x82@0VkTG\x0f\x1e\xf8\xeb\xc0^\xc4!\x82\x1f\xfct\x84\x10!$\xa4\\\xf9\xbe/\x8d\xa0\xaf[ dY\xd6\xea\x02\xdfy\xf5\x95_6~\x1f\x18\x18x\xe1\xc2\x85\n\x15*x\xd1\x98\x81\xc1\xf05|\xc5\xd9\xca(*&lt;\xa6\x9f\xae\t\xa8\x9d\xa2\xd3\xf9\xa0\xa0 \x00\xa0\xe1\x95\n\x85\x82\xba\xe3\xe9\xb3\xe8\t\xc56\xab\xa53\xe8\xa3G\x8f\x1e?~\x9c\x10\xf2|\xdf\x97\x82Bu^\x04\xff`\x8cU\x1aq\xcf\x8e_\xbf_\xfa\xc5\xbf\x9e\\\xb5F\xad~CFz1Z\x04\x801\xe9\xfb\xd2\x88\xad\x9b\xd6\x99L\xa6u\xeb\xd6\xbd\xfd\xf6\xdb\x9e\x9d\x0c\x06\xa3\xf4\xc2\xf6\xb2\x9eZ\xa8\xcb[\x10\x04\x9e\xe79\x8e\xa3\xe6\x9e\xc6\xfc\x03\xed\xeb\x82\x10\xc7q\x82 \xd0s\x8as&gt;K\xc7\xb0i\xd3&amp;Y\x96E\xa52\xaec\xbc\xdd&amp;\xf1^x\x9c\x10\x92%p\xd8m\x82 (\x95\xaaG\x9f\xcb\xf3^\xdak\x8e\xe7mV{\xbd\x861\xd5j\xd6\x02\x80\x9f~\xfa\x89n\x8c{w5\x06\xc3w`S\x98\xb2B!\xdb@\x16-&lt;\xcf\xcb\xb2\xfc\xc7\x1f\x7f\x00@\xfd\x861\xb5\xebE9\xecvTp\x93\x8a\x000\x86\xbc\x9clI\x92\xb0\x8c\xcbU\xa8\xd4\xa0I3\xb7\xdb}\xcf\xdb\xe4\x10\x92e9\xbcZM\xaf\x1d\x9e\x92\xe4\x0e\x0e\xd1=\xd3\xf9\xd9\xd4K\xc9\x89\x89I\xb7o\xdf\xaeT\xa9\x12\xf3\x021J;L\x00\x18\xc5\r\xdd\xa2\xb8}\xfbvrr2\x00\xb4\x8c\xeb\xa8\xd1(lV\xab7\x1e\x15\x84d\x19\x1b\xf3r\x01\x00\x13\xdc\xae\xcb\xb3\x0bW|c\xc8}\xf0\x0e-\xc6\xd8\x9e/@\xb6@p\x08I\x12i\xf5L\xa7U_-\xb0X\xcc\xc7\x8e\x1d\xafT\xa9\xd2\x13\n\x91b0\x8a\r&amp;\x00\x8c\xe2\x86N\xc3\xff\xfa\xeb/\x93\xc9\xc4q\\\xa3\xd8\x96n7\xe1\xbc\x9aJs\x1c\xe7r:\xcc&amp;#\xfd3 Pg1\xcb&amp;\xc3C\xf6\x12\n\x11\xd7\x848\xce\xe9p\xd6\x8e\x8c\n\x0e\t\xcd\xce\xca\xdc\xbbwo\xaf^=\xbd\xbb\x14\x83\xe1;0?&amp;\xa3\xb8\xa1\x02\x90\x94t\x16\x00\xfc\x03\x02j\xd5\xa9\xe7r\xba\xbc\xf0\xff\xd0\xee1N\x87\xddl2\xd0#A\xc1!\x1c\xc7\xf3&lt;\xcf=\xf0_!\xbc\xf64\xd5.\xac|\xa5\xf0\xea\xb5\x00\xe0\xfc\xf9s\xc0:\x040J?L\x00\x18\xc5\r5\xc4\x89\x89g\x00\xa0|\xc5*:}\x90$I\xde\x19S\xc4q\x0e\x87\x836\xf2\x05\x00}p\x08\xc1\x00O\xc6.\x13B\x14"W\xb5f\x04\x00\\\xbe|\xd9l6\xd3\xe8\xd2\'\xf1Z\x0cF\xf1\xc0\x04\x80Q2\x18\x0c\x06\x00\xd0\x07\x87\xf8\x05\x04z\xa2Q\x0b\x06!&lt;\xc7[\xcc&amp;\x87\xddN\x0fhuz\xc9-\xd3\xe2w\xb2$\xc9\xb2\x84e\xb9\xa8l4!D\x10\xa0|\x85\xca\x00`4\x9a|\xa7`\x11\x83\xe15l\x0f\x80Q\xac\xd0\xc8\x19\xb3\xd9\x9c\x9a\x9a\n\x00\xe5+V\xe18\xe2\x9d\x8d&amp;\x00\x1c\xcf\x9bMF\x97\xebN!\xa3r\x15+\x07hyA\x11L[d\x12\x0c\xb2\x0cN\x87\xc3\xe9t\x16&gt;\xb1\x19!$IP\xaebe\x00\xb0X\xcc)))M\x9b6e\x81@\x8cR\r\x13\x00Fq\x83\x10r\xbb\xdd\x06\x83\t\x00\xc2\xab\xd5P(\xbcu\xa4\x10\xc2\xf3\x9c\xc5d\xa4OW(\xc4\xebWS\xaf_M\xbd\x96\x9ab\xb7\xdb\x10B:\x9d\xbej\x8d\x88\xba\xd1\x8d*\x85Wq9\xdcv\xbb\xad0A;4\xe44\xbcZ\r\x00p\xb9\\t\x05\xc3\\@\x8cR\r\x13\x00F\t\x80\x10\x12\x04\x1e\x00\xdcn\xb7\xd7&amp;\x94\x00 \x04&amp;C\x1e\xcf\xf3\x80\x10&amp;\xf8\xadQ\x03\xef\xaf\xf4\x10\x14\x1c\xda&gt;\xfe\xb9\x11o\xbc]\xabn=\x93\xc1X\xc8\xc0M\xb7\xdbM\xff\x87\xa5\x013\x9e\x02\xd8\x1e\x00\xa3d(\x8a\xb93\xe18\xc8\xce\xca\x90eY\x96$Y\x92\xee\xb7\xfe\x1c\xc7\xe7\xe6d\xfd\xb4vE\xff\xf8\xd6;~\xf9I\xab\xd3z\xb9\xdfp\xffk\xb3\xb9?\xa3\xf4\xc3f1\x8c\x92\x81\x1a\xd0\xc2\xcc\xa39\x8e\xb7Zl\x9d\x9e\xedu\xf6\xcc?\x7f\xec\xfa\xbdb\xe5\xf0\xcaUk\x94+_Q\xe3\xe7\xef\x96\xdc9\x99\xb7/\x9c=s!\xe94\x00(D\xd1l4\xbc5r@P\xf0\xee\xa6-\xdbX\xcd\x16\xce\xdbu\x80g\xc0L\x00\x18O\x01L\x00\x18%\x00B\x88ZRC^\x0e\xc6^\xee\xa3"\x84$I\x0e+Wa\xce\xa2\x95Y\x19\xe9:}\xb0Z\xa3\xe28\xe08 \x040\x06\xbb\xcdq\xea\xf8\x91\x0f\xdf\x1b\x7f\xf1\xdc\x19\x85B\xe1v\xbbgO\x1e\xbf1\xe1\x90\xd7\xd6\x1f!0\xe4\xe6\x00\x00B\x1cs\x011\x9e\x02\x98\x0b\x88Q\xac \x840\xc6Z\xad62\xb2.\x00\xa4$\x9f\x93$\xef+\x14!\x84\x9cN\xa7\xcdj\xd1\x05\x05\xcb\xb2\xdbh0\xe6\xe5\x1a\xb2\xb3\x0c\xb9\xd9\x06C\x9e\xd1\xedr\xb5l\xdb~\xc5\xa6\x1dU\xaa\xd6\x90$\x89\x17\x84\x0bI\xa7\xfe&gt;\xf4\xa7\x9f\x9f\x9f\x8c\x0b\xec\x08\xc2\x84(\x14\x90\x92|\x0e\x00\xf4z}\xbdz\xf5\xe0nN\x03\x83QJa?_F\t\x80\x10R\xab\xd5\x00`\xb3Z\x9d\x0eo\xba\x80\xe5\xbf\x14\xc7q\x92\xdb\r\x80x\x9e\xd6?\x15xZ\xdf\x94\xe3r\xb2r*\x85W\x18&gt;\xf6mO\x9f\x83\x93\xc7\x8e\x08\n\x04\x0f\xe9\x1c\xf0\xe8\x17\x92eB\xcbN\x88\xa2\xa8\xc8\xdfa\x99\xc1(\x9d0\x01`\x147t\xab\xb6a\xc3F\x00p\xfd\xeaeCn\xb6 \x08\x85t\xa9?l\r!(\x14v\xab\xd4(\xb6\x05\xcf\xf3\xb2$\x11Bn\xdf\xba\x8e\xbd\xca\x16F\x08\xb9\xdd\xe8\xd2\x85$\x00\x88\x88\xa8\x15\x18\x18H[\xb0\x15f\xd8\x0cF\xc9\xc2\x04\x80Q2DD\xd4\x02\x00\x8b\xd9|#\xed\xaaB!&gt;\xa1=U\x84\x10&amp;\xd8\xcf?@T*\xa9\xf0Hn\xc9\x8b\xeb\x10B\x04A0\xe6e\xdf\xba~\r\x00j\xd4\xa8\xc1\xea@0\x9e\x02\x98\x000\x8a\x1b\xea\xf0i\xd3\xa6\x8dR\xa9r\xbb]\xa7\x8e\x1d\x11\x95\x9c\x17\x9d\x1a\x1f\x07B\x08B\x9c\xcdju9]\xf4u\x03u:\xc4A\x81{O\x12\xa2T\xa9._&lt;\x7f\xebF\x1a\x00\xb4o\xdf\x1eX \x10\xa3\xf4\xc3\x04\x80Q\xdc\xd0\xf6d\xd5\xaaU\xabQ\xa3\x06\x00\xfc}\xf8\x0fI\xf2\xbe\xa0\x82,\xcb\x8f\x10\x0fY\x96U*!\xf9\xec\x19Y\x96h\xf0O\x8d\x88\xba\xf0\x88\xfe\xf1\x0f\x01c,\x8a\xdc\xf1#\x07eYV*U-Z\xb4\x00\xb6\x03\xcc(\xfd\xb0_0\xa3\x04\xc0\x18\x8b\xa2\xd8\xa2Es\x008\xf1\xd7\xc1\xb4\xd4T\x95J\xe5\xdd\x84Z\xab\xd3j\xfc\xfc\x08!\xb2$\xc9\xb2\x8c\xb1\x8c1\xc6\x18\xcb\xb2,\xb9\xdd\x1a\x8d\x9f\xcd\xe6\xf8n\xe9\x7f\x01\x10\x96e\x85(\xc6\xb6l\xebpH\x05\xb5\xdd&lt;\xcf\xdbm\xae=;~A\x08\xd5\xacY\xa3z\xf5\xea\xb4\x18\xb5\x17\x03f0|\x07\xf6\x0b~\x9a\xa1}\x80%Z\x1dS\xbec\x19==\x81=\xc7\xe5\xa2+\x99Y z\xf7\xee\r\x00f\x93\xf1\xc8\x81\xbd\x1a?%.H\x8e.!D\xa1P\xe4de~\xfc\xfe\xdb\xe7\xcf\x9cR\xaaT\xfa\x10\x9dV\xaf\xf5\xf7\x0f\xd4h\xfc\xfc\xfc\xfc\x03u\xda\xe0P\xbd\xd9lx{\xd4\xe0\xb3\xa7\xff\x11EQ\x96\xe5N\xddz\xd5\xa9\x1f\xe5\xb0Y\x11*\xc0/\x9f`\xacV\xabS\x92\xcf_H&lt;E\x08\xe9\xde\xbd;\xbdZ\x81\xdf0\x83\xe1c\xb0d\x96\xa7\rB\x08\xb5\xf2\x1c\xc7q\x1cw\x7f\xe9\x1b\x9a\xc1D{\xc1\xe7?Ne\x80&gt;\xebI\x0f\x92z\x81:t\xe8\x10\x11\x11\x91\x92\x92\xb2\xed\xa7u\xbd\x07\xbdR\xf0\x9e0\x88\x00Y\xf9\xe5\xe7\xab\xbf^\xd8\xb0I\xf3\xc6\xcd[GF5*W\xa1\x92Z\xa3\x91%)+\xe3\xf6\xc9\xbf\x0fm\xfby}\xe6\xedtQ\xa9t9\x9dA!aoO\x9f\xe3t:\x0b\x1a\x02\x841\x16\x95\xc2\xef[~p:\x9d\xa2(\x0e\x1d:\x14\x98\xff\x87\xf1T\xc0"\x19\x9e\x1e\xe8|?\xbfY\xcf\xc9\xc99{\xf6\xec\xe5\xcb\x97\xaf_\xbf\x9e\x96\x96v\xf5\xda5\x0e\xa1\x93\'O\xe6\xe5\xe5\xe9\xf5\xfa!C\x86h\xb5\xba\x06\r\xa2+W\xae\\\xbf~}\x8dF\xe3\xb9\x0em\xdb\xfbDc\x1c%I\x12\x04a\xda\xb4i\x1f~\xf8!B\xe8\xfb_\xf6\xc7\xb6nc1\x99\x1f3M\x97\x10"\x8a\xca\x9b7\xaeuo\x11y\xcfd\x9c\xe3\xf9\xfc\x8b\t\x1a\xaeS\xbeb\xe5\xff\xae\xd8\xd8\xa8is\xb3\xd9\\\xa0zp4\x81\xc0a\xb7\xf7h\x13\x95\x9d\x99\xd1\xbe}\xfb={\xf6\xd0\xcf\xe7\xf1/\xc2`\xf8&amp;L\x00\x9e\x06\xe8\x94\x9f\xda5\x8c\xf1\xd1\xa3Gw\xee\xdcy\xe8\xd0\xa1S\xa7Ogef&gt;\xce\x15\xaaW\xaf\x1e\xd3\xa4I\\\x9b6]\xbat\x89\x8c\x8c\xa4\x07eY~r2\xe0v\xbb\x15\nEVVVDD\x84\xd1h\xec\xd9\xef\xa5\x05\xdf~\x9f\x93\xfd\x90v\xbe\x0f\x82\xe38\xbb\xdd&gt;e\xdc\xf0\xfd\xbb~{\x84\xfbH\xad\xd6t{\xa1\xdf\x1b\x13\xa7W\xacR\xd5b2\x15\xb4\x1a\xa8$I\xc1!\xba5\xcb\xbe\x99\xfe\xf6k\x04`\xdd\xbau\x03\x07\x0e\xa4\xeaU\xa0\xeb0\x18&gt;\x08\x13\x80\xd2\r\x9d\xadS\xa3v\xe3\xc6\x8d\r\x1b6\xac]\xbb\xf6\xd4\xa9S\xf9\xcfA\x08\x82\x82CUjM\xd5\x1a\xb5\xe86\x00\x00\xc8\xb2|-\xf5\x92\xe4v\x1b\xf2r\xf3\x9f\xacT*\xdb\xb5k7x\xf0\xe0\x9e={\x06\x06\x06\xd23\x0bYB\xf9\x1e\xe8\x008\x8es\xb9\\K\x97.\x9d1c\x86\xd9b\x91$i\xd9\x86\xdf\xe3:v2\x19\x1fw\x86N\x08\xe1yA!\x8a\x17\x92N\x1d?r\xe0|\xd2\xa9\x1bW\xaf\x98L\x06\xb7\xcb\xc5\xf1\x9c\x7f\x80\xb6J\xd5\xea\rb\x9a\xb5j\xd7\xa9vd}\x87\xc3\xe9t8\n\xfaFh\xf8\xbf\xc9\x90\xd7\xab}\x93\x9c\xac\x8c\x88\x88\x88\xd3\xa7O\x8b\xa2\x88\x90\xf7\xe5+\x18\x0c\xdf\x81\t@)\xc6c\x9a\x93\x92\x92\x16,X\xb0y\xf3\xe6\xbc\xbc&lt;\xfa\x90R\xa9\x8c\x8cn\xd4 \xa6yL\xb3V\xe5*V\xaa\\\xb5\x86 (\x82BB\xe9\xd7\x8d\x10`\x19\xe7dg\xba\\\xce\xb4\xd4K7\xd2\xae\x9e\xfc\xfbp\xd2\xa9\x13\x17\xcf%z~\r\xe1\xe1U\x87\r\x1b:f\xcc\x98\xb0\xb00BH\x91\x04\xbd\xe4\x97\xab\xed\xdb\xb7\xbf\xf7\xde{g\xce\x9c\xa1\x0f!\x80\xc6\xcd[\xaf\xfb\xed\x0f\xab\xc5\xfa\xf8/D\x08\x01BT\x1a?\xa5\x92\'\x04\xdcn\xect8dYB\x08)U*Q\xa9\xe0\x108\x1cn\xbb\xcd\xc6q\xa8@\x1b\xbf\x14\xc9\xed\x0e-\xa7\xff\xf0\xbd\x89\xcb\x17\x7f\n\x00\x1b7n\xec\xdb\xb7o\x91+"\x83QR0\x01(\x95x,\xa9\xd1h\xfc\xec\xb3\xcf\xe6\xcf\x9fo\xbf\xdb\x177\xa6y\xeb\x0e]{\xc4u\x8c\xafU\xa7\x9eJ#b\x19d\x19\xbb\\.\x82\x89$\xb9\xf2\x07\xc0+\x14"BHT*y\x01\x10\x80\xc9hI:u|_\xc2\xd6?woOI&gt;O\xcf\xa9\\\xb9\xf2\xacY\xb3\x86\r\x1b\x06\x85[\n\xe4\xdf\x9fHJJ\x9a4i\xd2\xef\xbf\xffN\x1f\xea\xd7\xaf_\xa5J\x95\x16,X\x00\x00\xef}8\xff\xb5\xb7\xde\xca\xba\x9d\'\x14\xa4\xd2\x0e\xc6\x98\xd0f\xf0\x08Q\x9f\x15!@\x08]\xeb\x10\x0eq\x05\xdf^\x06\x00\x90%)P\x1b\xf8\xcf\xdf\x7f\xbd\xdc\xab\x83\xdb\xe5\xea\xdc\xb9sBB\x02\xb3\xfe\x8c\xa7\t&amp;\x00\xa5\x0f\xcf\x0e\xe4\xc6\x8d\x1b\xa7M\x9b\x96\x9c\x9c\x0c\x00J\xa5*\xbeg\x9f\x1e\xbd\x07\xb6n\xdfE\xa9\x14\x9cN\xc9a\xb7cY\x06\x84&lt;\xfe\x8a{\xbc\x16w\xe3Ai`(\xe2y^\xad\xf1\x13E\x94\x97k\xd8\xb9m\xcb\xb6M\xeb\x0e\xed\xdfE\xcf\xec\xd8\xb1\xe3\xbcy\xf3bbb\xbc\xdb\x15\xf0\x18\xcd\xcc\xcc\xcc\x8f&gt;\xfah\xd9\xb2eT\xae\x1a4h\xf0\xc9\'\x9ft\xeb\xd6\x8d\x10R\xb7n\xddK\x97.i\xfc\xfc\xbf\xdb\xb2\xb7~\xa3\xc6\x16\x93\x99\xf7\xda\xc9N\x08 (p\xae\xd7\xbd\xd7\xc0&lt;\xcfK\x92{`\xb7\xb8K\x17\xcer\x1c\x7f\xf6lR\xed\xda\xb5Y\xf8?\xe3i\x82\t@)\x83\x1aSI\x92\xde}\xf7\xdd\x85\x0b\x17\xd2\x83\xad\x9e\xe9\xf4\xc6\xc4\xe9-\xdb\xb6q\xb9\x88\xd5l\xc6\x18#\xaf\xa29\xe9\x0e\x81B\xa1\xf0\x0f\xf0\xc3\x98\xfc\xb2q\xcd\xd2\x85s/]8\x0b\x00Z\xad\xf6\xb3\xcf&gt;\x1b9rd\x81\xdcA\x1ew\xbf\xdb\xed^\xb3f\xcd\x8c\x193\xd2\xd2\xd2\x00\xa0B\x85\n\x93\'O~\xf5\xd5WEQ\x94$\x89\xe7\xf9\xa3G\x8f\xc6\xc5\xc5I\x92\x14Q\xb7\xfe\x0f\t\x87xA!\xb9\x0b\x9c\xaeU\x84\xc8\x92\x14\x14\xa2\x1b?b\xc8\xaf?\xae\x01\x80\x05\x0b\x16\x8c\x1f?\x9eM\xff\x19O\x19L\x00J\x13\xd4\x00\xa5\xa7\xa7\xf7\xed\xdb\xf7\xd0\xa1C\x00\x10V\xbe\xe2\xbb\xd3\xe7\xf6\xec?X\x96\x89\xc5l\xe2\x10\xf2\xba\xdbI&gt;\x88,\xcb\x08q\x81\xda@\xab\xc5\xfa\xcd\xc29\xcb\x17}\xe6r9\x01\xe0\xd5W_]\xbcx\xb1 \x08\xff\x1a\x07\x99\xdf\xe7\xb3k\xd7\xae\xe9\xd3\xa7\x1f9r\x04\x00T*\xd5\xe8\xd1\xa3\xdf\x7f\xff\xfd\xb0\xb00\xcf;\xa2\xff]\xb8p\xe1\x84\t\x13\x00\xa0G\xefA\x0b\xbe]k1\x99\t!\xdeyo\n\x89$Ia\xe5tK\xff\xfb\xdf\x8f\xa6\x8c\x07\x80&gt;}\xfa\xfc\xf8\xe3\x8f\xcc\xfa3\x9e&gt;\x98\x00\x94\x1ah\xe8\xe1\xb1c\xc7z\xf5\xeau\xeb\xd6-\x00h\xf5L\xa7\x8f\xbe\xf86\xbcZUC\xae\x11\x10p\\\x11\x9b\'Y\x96x^\xd0\x07\xf9\x1f\xdc\xbb\x7f\xca\x9b\xa3\xd2\xae\xa4\x00@\xeb\xd6\xad\xb7n\xdd\xaa\xd7\xeb\x1f\xa1\x01\x9e(\xc9\xa4\xa4\xa49s\xe6\xac[\xb7\x8e\x1e\xef\xd2\xa5\xcb\xacY\xb3\x9a7o\x0e\xf7\xc5\x98\xd2\xa7\x0c\x1d:t\xf5\xea\xd5\x00\xf0\xc2\xc0\xa1s\x97\xac\xb0Z\xac\xc5\x1fq/IRh\x98n\xc5\x92%\xb3&amp;\xbd\x01\x00\xd1\xd1\xd1\x7f\xfc\xf1\x87V\xabe\x91?\x8c\xa7\x0f&amp;\x00\xa5\x03:\xfd&lt;v\xecX|||nn.\x00\xbc\xf6\xd6\xfbo\xbe7S\xc6\xb2\xddf{r1\xe9\xb4\xc6\x8eV\xaf\xcf\xc9\xba=\xed\xed\xb1\xbb\xb6\xfd\x0c\x00\xb1\xb1\xb1\t\t\t\x0f\xd4\x00\x8fY\xcf\xcc\xcc\\\xbcx\xf1\xfc\xf9\xf3m6\x1b\x004h\xd0`\xf2\xe4\xc9\x03\x06\x0c\x80\x87\xa4\x17P\xcf\x92\xc3\xe1h\xd7\xae\xdd\xb1c\xc7\xe0\xae\x06\xd8\xac6\xea#zBo\xf0\x9e1`\x8cC\xc2\xb4+\x16\xdf\xb1\xfeAAA\xfb\xf7\xef\x8f\x8e\x8ef\xd3\x7f\xc6S\t\x13\x80R\x00\xb5\xb3\xf9\xad\xff\xb4\xb9\x8bG\xfdglf\x86\t\x8a\xa5&amp;\x81,I\xa2J\xa5\xd1\xa8\xde}}\xd8\xe6\xf5\xab\x00 66v\xfb\xf6\xedz\xbd\xde3/\xce\x9f\x8c\xb6r\xe5\xca\xe9\xd3\xa7_\xbf~\x1d\x00*T\xa80f\xcc\x98\x89\x13\'\x8a\xa2\xe8\xd9\x12x\xc4\xdb\xcc\xcb\xcb\xeb\xda\xb5\xabG\x03f/\xf8\x1a!\xcej\xb5&gt;\xe9\xc4+Y\x96\x15\n\x85\x7f\xa0f\xe5\x92E\xb3\'\xff\x07\x00\x82\x82\x82v\xec\xd8\x11\x1b\x1b\xcb\xac?\xe3i\x85\t\x80\xafC\xdbNeeeEGGgff\x02\xc0\xb4\xb9\x8b\x87\x8f\x1d\x9b\x95\x91\xc7\x0bB\xb19%0\xc6\x1cB~\x01\xfe\x93\xc6\x0e\xa7\x1a\xd0\xa9S\xa7]\xbbv\xd1\xe9\xbc\xc7\xdd\xbfg\xcf\x9e\xb9s\xe7\xee\xda\xb5\x0b\x00T*\xd5\xa0A\x83f\xcd\x9aU\xa9R%x\xbc(\xd2\xfb5\xa0a\xd3\x16\x9f,Z^\xa7~\xbd\xdc\x1c#\x8d\xf2,\xf2\xb7FW9\x81:\x9d\xd9d\xf8x\xca[?\xaf_\x05\x00z\xbd&gt;!!!66\x96%\xfd2\x9ebX@\x9bOC\x1d#\x18\xe3^\xbdzeffr\x1c7m\xee\xa2\xe1c\xc7fe\x1a\x04\x85\xa28]\xd2\xb4|\x9b\xd5b\x9d\xbbd\xc5\x0b\x03\x87\x02\xc0\xee\xdd\xbb\'L\x98\xc0\xf3&lt;M\x97\xbdx\xf1\xe2\x88\x11#\xbat\xe9B\xad\x7f\xa7N\x9d\xf6\xef\xdf\xbf|\xf9\xf2J\x95*I\x92\xe4Y\x1c\xfc\xeb\xab`\x8c\xa9\xf1\xed\xd7\xaf\x1f\x00\x9c&gt;\xfe\xd7\xc0\xeem\x7fZ\xb7F\xab\xd3\xaa5~\xf4RE\xf5\xa6hITAP\x84\x84\xe9O\x1d;2\xe4\xb9\x0e</t>
        </is>
      </c>
    </row>
    <row r="489">
      <c r="A489" s="1" t="n">
        <v>487</v>
      </c>
      <c r="B489" t="inlineStr">
        <is>
          <t>shape_size_grid</t>
        </is>
      </c>
      <c r="C489" t="inlineStr">
        <is>
          <t>What is the size of the missing part denoted by a question mark?</t>
        </is>
      </c>
      <c r="D489" t="inlineStr">
        <is>
          <t>['medium', 'large', 'small']</t>
        </is>
      </c>
      <c r="E489" t="inlineStr">
        <is>
          <t>large</t>
        </is>
      </c>
      <c r="F489" t="inlineStr">
        <is>
          <t>There are 9 shapes arranged in a grid with different sizes in the image, of which there is 1 missing shape. The first row is ['?', 'medium triangle', 'small triangle'], the second row is ['large hexagon', 'medium hexagon', 'small hexagon'], and the third row is ['large pentagon', 'medium pentagon', 'small pentagon'].</t>
        </is>
      </c>
      <c r="G489" t="inlineStr">
        <is>
          <t>We observe that the columns contain large shapes, medium shapes, and small shapes respectively. On the other hand, the rows contain triangles, hexagons, and pentagons respectively. Hence, the pattern is that the shapes within each row are the same, while each column progresses the size of the shapes.</t>
        </is>
      </c>
      <c r="H489" t="inlineStr">
        <is>
          <t>Based on the pattern that the shapes within each row are the same, while each column progresses the size of the shapes, the size of the missing triangle should be large.</t>
        </is>
      </c>
      <c r="I489" t="inlineStr">
        <is>
          <t>b'\x89PNG\r\n\x1a\n\x00\x00\x00\rIHDR\x00\x00\x02\x00\x00\x00\x02\x00\x08\x02\x00\x00\x00{\x1aC\xad\x00\x00e\x15IDATx\x9c\xed\xddyx\x14\xc5\xb6\x00\xf0\xeae&amp;d\x99l@\x12\\Y\x04T\x02W\x82\xca\rA\x08\\%QDEI@e\xf5^AA\x02\x08H0D@\x88\x80\x84Ep\xb9(\xca\xe2\x86\tWTDIT\xf6\x80\xa8D\x1f\x82B"\x9b\x1b\x10\xb2\xccd\xb2Ow\xd7\xfb\xe3\x90r\xc8&amp;$3\xd3\xd3\xdd\xe7\xf7\xbd\xef}\xc2U\xd2\xd3L\xd7\xa9:u\xfa\x14G)%\x08!\x84\x8c\x87W\xfb\x02\x10B\x08\xa9\x03\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c6E)\xa5\x94\xaa}\x15\x08\xa9\x86\xc3\x07\x00!\x84\x8c\tW\x00\xc8\xa0(\xa5\xd5\xd5\xd5eee\xb8\x0e@\x86\x85\x01\x00\x19\x91$I\x1c\xc7\xadY\xb3f\xcc\x981\x1c\xc7)\x8a\xa2\xf6\x15!\xa4\x02L\x01!\xc3\x81)\x7fYYY\xcf\x9e=O\x9e&lt;\x99\x9b\x9b{\xcb-\xb7PJy\x1e\xe7C\xc8X\xf0\x1b\x8f\x0cGQ\x14\x9e\xe7_|\xf1\xc5\x93\'O\x12B\xa6M\x9b\xc6q8\x13BF\x84\xdf{d,0\xfa\xe7\xe7\xe7GFFB"H\x96\xe5\x8c\x8c\x8c\x84\x84\x04Y\x96\x05AP\xfb\x02\x11\xf2\x1c\\\x01 c\x81\x19OJJJMM\r\x9b\xf8\xd7\xf9%B\x06\x81\x01\x00\x19\x08\xcc\xf1w\xef\xde\x9d\x99\x99)\x08\x82,\xcb\x8a\xa2\x08\x82\x90\x9f\x9f\x9f\x9e\x9e\xce\xf3&lt;\xee\x06#C\xc1)\x0f2\n\xd8\xfbu8\x1c111\xb9\xb9\xb9\xac\xf8\x87\xe38\x8e\xe3\x82\x83\x83\x8f\x1e=\x1a\x1e\x1e\x8e\xbb\xc1\xc88\xf0\x8b\x8e\x8c\x02\xb2\xff\x9b6m:t\xe8\x10L\xf69\x8e\xe3x\x8eR\xcaq\\qqqrr2f\x81\x90\xa1\xe0\xd7\x1d\x19\x02L\xffm6\xdb\xcd7\xdf\\PPP\xff\xe5/A\x10(\xa5;w\xee\xec\xd7\xaf\x1f\xee\x06#\x83\xc0\x15\x002\x04\x98\xfe\xa7\xa6\xa6\x9e;w\x0e\xa6\xf9\x1c\xc7\xf9\x07\xf8_\xd7\xfeZB\x08\xc7q\xf0\xef\xa4\xa6\xa6\xca\xb2\xac\xf6\xc5"\xe4!\x18\x00\x90\xfe\xc1\xe8\x7f\xfc\xf8\xf15k\xd6\xf0&lt;\x0f\x13|J\xe9\xc3c\x13\xd7~\xf0_Q\x14\xa1\x18T\x10\x84={\xf6\xbc\xf7\xde{\xb0?\xac\xf6U#\xe4v\x18\x00\x90\xfe\xc1|?))\t\n\xffa\x05\xd0&amp;\xac\xcd\xf8\xa4\xff\xdcz{\xaf\xc1C\xef\x86Z \xf8\xd7\xe6\xcf\x9fo\xb3\xd9p3\x00\x19\x01\x06\x00\xa4s0\xb5\xcf\xce\xce\xce\xce\xce\x86\xa9=\xec\x00OO\x99rm\xfbk.\\\xb80\xfb\xf9\x99\xc1!A\nU(\xa5\x82 \x9c8qb\xe5\xca\x95\xb0PP\xfb\xda\x11r/\x0c\x00H\xcf`R_SS\x93\x94\x94\x04\x93z\x18\xfd\xbb\xfd\xe3\xe6a\x8f\x0e-\xb5\x96:\x1c\x8e\x8e\x9d;\x8c\x9d0\x9a*\x14\x06}\x9e\xe7W\xacXq\xe2\xc4\tA\x10\xf0\xb5\x00\xa4o\x18\x00\x90\x9eA\xf6?==\xfd\xf8\xf1\xe30\xa0C\x18H\x9e7\xc3? @\x96e\x93\xc9TRl\x9d8}B\xfb\x8e\xd7\xcb\xb2\x0c\t"\x9b\xcd\xf6\xfc\xf3\xcfc\x16\x08\xe9\x1e\x06\x00\xa4[0\xdc\x9f;wn\xd9\xb2el\xefW\x96\xe5\xb8!w\r\x88\xebo-\xb1B\xad\xa7$I\x01\x81\x01SgO&amp;\x84\xb0\xdd\xe0w\xdf}w\xcf\x9e=\xb8\x1b\x8c\xf4\r\x03\x00\xd2-H\xf8\xcc\x9e=\xbb\xb8\xb8\x18^\xee\xa5\x94Z\x02-\xc9\xf3gH\x92\x0c\xa5\x9f\x84\x10Q\x14m\xc5\xb6\x84Q\x0f\xde\x1e}+{\x03@\x96e,\tE\xba\x87\x01\x00\xe9\x13$\x7f\x0e\x1d:\xf4\xfe\xfb\xef\xf3&lt;/I\x12\xa4\x80\xc6\x8c\x1f\x19yK\xb72{\xd9%\xfd\x1e8"KJ\xf2\x82\x99f\xb3\x99R\x8a%\xa1\xc8 0\xcb\x89\xf4\t\x06\xf1\xd8\xd8\xd8\xdd\xbbwC\x89\'\xa5\xf4\xba\xf6\xd7n\xdd\xfd\xa1\xaf\x9f/\xa4\xfb\x9d\xff}I\x92\xda\x86\xb7\x99\xf0\xc8S[&gt;\xf8\x98\xfd\xfb\x1d;v&lt;t\xe8\x90\xc5b\x81\xbd\x01\xb5&gt;\x8b^\xc1M\xc6\xceK*\xc2[\x8ft\x08F\xff\xcd\x9b7\xc3\xe8\x0f\xc3=\xa5t\xe2\xd3\x13\xc2\xaf\n\x87\xce\xcfu\xfe\x13A\x10\xec\xa5e\xcf\xcc\x9b\x8e%\xa1\x1e\xc3q\x1c\x8e\xfe\xea\xc2\xbb\x8f\xf4\x06\x16\xb56\x9bm\xd6\xacY0\xeeC\x0c\xb8-\xba\xd7\xf01\t\xc5\x85\xc5\xa2(\xd6\xff\xaf8\x8e\xab\xaa\xac\xeatiI\xa8 \x08+V\xac8y\xf2$\x96\x84\xba\x96\xa2(\x94\xd2\x1f~\xf8\xe1\x7f\xff\xfb\x1f!\x04\xe3\xabZ0\x00 \xbd\x81\x81{\xe5\xca\x95\xce\x037\xcf\xf3S\x92\'\x9bLb\x139OA\x10XI(T\x10\x91K\x03\x89\xe7&gt;\x83\xde\xc1\xed]\xb8p\xe1\x84\t\x13\xe0\xf5l\xbc\xbd\xaa\xc0\x00\xe0Q\xb0\xc1(\xcb\xb2t)Y\x96\xf1\x01p\th\xeap\xe2\xc4\x89\x15+V8\x97~\xde\x9fp\xef]\xf7\x0c\xb4\x96\xd8\x9ah\xf3\xc9q\x1c+\t\x857\xc8\xea\xa7\x92&lt;\xf9Y\xf4J\x96eQ\x14\xf7\xee\xdd\xfb\xf1\xc7\x1f\x17\x15\x15\xbd\xf8\xe2\x8bx\x14\x8fZ0\xf0\xba\x1d\xa5\x14\x16\xbc\x82 4\xbd\x91\x08\xe1\x81\xe7yL\x8c6\x1b\x0c\xd9c\xc6\x8c\xd9\xb8q\xe3\xc5\xe9?G\x82\x82\x02\xb7\xef\xdf\x1a\x16\x11\xd6`\xf6\xbf\x0eEQ\x02\x83,\x89w\x8f\xcc\xd9\xb5\x9f\xed\x06GEE\xe5\xe4\xe4\x98L&amp;\xdc\rn!v,O\x9f&gt;}rssy\x9e\x87\xa3x\xc2\xc2\xc2\x08!\xf8\xcd\xf70\x0c\x00n\xc4\xc6}\xf6;\x17.\\8s\xe6\xcc\xb9s\xe7.\\\xb8P^^\x0eo\xa2\xb6n\xdd\xfa\xea\xab\xaf\xee\xd4\xa9S\xbbv\xed\xe0_\x830\x80\x03\xcd\x95b\xe5\x9b\x03\x07\x0ed\xbf\x94eyj\xf2\xe4g\x17&gt;s\xa1\xa0\xb0\xc1\xec\x7f\x1d\x8a\xa2\xf8\xf9\xfb\xfd|\xe4\xd8\xbdw\x0cU\x14\x05\x96\x14\xb2,\xaf_\xbf~\xcc\x981xT@\x0b\xc1\r\xdc\xb0a\xc3\xd8\xb1caJ$I\xd2\xd8\xb1c\xd7\xad[\x87\xf7\xd6\xf30\x00\xb8\x85s}[EE\xc5\xbe}\xfb&gt;\xff\xfc\xf3\x9c\x9c\x9c\xfc\xfc|\xab\xd5\xda\xe0\x7fb\xb1X"##\xef\xbf\xff\xfeG\x1ey\xe4\xdak\xaf%\xb5\x95\xec\x9e\xbcl\xad\x83j\x9f\x01\x03\x06\xc0K\xbc\xb0\xf6j\xdf\xf1\xfa\xec\x83\xdb\xe0o\xe42c\xaa$\xc9\xa1m\x82g&lt;\x91\xfc\xee[\x9bX\x03\x89\xb0\xb0\xb0\xa3G\x8f\x06\x07\x07\xe3"\xa0\xd9\xe0o\xc1j\xb5v\xeb\xd6\xad\xa0\xa0\x80\xd46k2\x99L999QQQX\x15\xeaa\x18\x00\xdc\xe8\xf0\xe1\xc3\x1b7n\xdc\xb2e\xcb\xc9\x93\'\xd9o\xb2\xd276\x88\xc0S\xc1r\xa0\xc1\xc1\xc1III)))f\xb3\x19c\xc0\xe5\xab3\xb5d\xd3\xff\x95o\xa4\'\x8e\x1eVRTr9\xd3\x7f@)5\x99LV\xabu`T\\\xa9\xcdN\x08\x81\xed\x84\x94\x94\x94\x85\x0b\x17\xe2D\xb5\xd9\xe0\xd6\xcd\x993\'--\x8d\xed\xa9\xc0?\xf4\xef\xdf\x7f\xd7\xae]xo=\x0c\x03\x80\x8b\xc1l\xf1\xf8\xf1\xe3\xa9\xa9\xa9\x1f}\xf4\x91$I\x84\x10H\xebCF\x88\xfd\x9b\x10\x00\xe0w`\x1e\x04i\x1f\xf8O\xfa\xf6\xed\x9b\x91\x91\xd1\xae]\xbb\xcb\x9f\xb7\x1a\x99\xf3\xd4\xf2\xfc\xf9\xf3\xa4v\xc8\xbe=\xfa\xd6-;3KKJy\xe1\xca\xe2\xa8$I\xa1mB^M_\xb3\xe0\xd9El\x11 \x8a\xe2\x91#G:w\xee\x8c\x81\xb9\x19\xe0\x1e\xfe\xf2\xcb/\x91\x91\x91\x92$9\x9f\xca\t1 ###!!\x01c\x80\'\xe1\x97\xd8\xc5`\xbc\xb6\xd9l\x9b7o\x96$I\x14E\x18\xfa!;\x01\xdfl6\xe5\x87\x90\xc0\xf6\x87\xa1:\x08V\xc4\xfb\xf6\xed\x8b\x8f\x8f\xb7Z\xad\xf5O\xafE\xf5\xc1\x88\xbc|\xf9\xf2s\xe7\xce\xf1&lt;\x0f7M\x14\xc5\xe4\x053eI&amp;W\x1e@\x05Q\xb0\xdb\xec\xa3\'\x8c\xecpC{E\xb9\xd8%\xb4\xa6\xa6&amp;%%\x85\xd4\x86mtE\xe0\xd1HII\x81\xadx\xf8\xa5\xf34\xc8\xf9\x7fR\xfbb\x8d\x02\x03\x80\x8b\xc1l\xb1w\xef\xdeC\x87\x0ee3w\xc8G\xc3\xf8N)\xf5\xf3\xf3\x0b\x0f\x0f\xef\xd0\xa1C\x87\x0e\x1d\xda\xb4iC\x08\x91e\x196\x1b\t!P#a2\x99\x0e\x1f&gt;\xfc\xc4\x13O`\x85\xdc\xdf\x82\xd1???\x7f\xe9\xd2\xa5\xac\xf4SQ\x94\xe1\xa3\x87\xc5\xc4F\xdbK\xed\xcd\x98\xads\x84\x93$\xd9\xcf\xcfwN\xdalJ\xff\xea\x12\x9a\x99\x99\x89%\xa1\xcd\xc0\x8e\xe5\xc9\xcc\xccdw\x8fm\xcc(\x8a"\x8ab~~~zz:~\xe1=\t\x83\xad\xeb\xb1Z\x94\xd8\xd8XQ\x14\x1d\x0e\x07!\xc4\xdf\xdf\xbf\x7f\xff\xfeqqq\xbdz\xf5\xba\xfe\xfa\xeb\x83\x82\x82\xccf3!\xa4\xb2\xb2\xf2\xd7_\x7f\xdd\xbbw\xef\xbau\xeb\x0e\x1d:\xe4\xfc\xed\x17EQ\x92\xa4\xaf\xbe\xfaj\xe0\xc0\x81\xb8.n\x02\xdc\x9c\xc4\xc4D\x18\\\xe0\x06\x06\x06Yv\xe4f\x05\x07\x07;\x1c\x8ef\xe7\xd0\x14E\xb1\x04\x06\x0c\xbfg\x14\x96\x84\xb6\x04[\xf2FFF\xe6\xe5\xe5\xb1Y\x7f\x8f\xa8\xc8\xdb\xfb\xdc\xf6\xc6\xea\xb7X\x92\rKB=\x0c\x03\x80[\xc0\x9c\xb4w\xef\xde\xdf|\xf3MTT\xd4\xc8\x91#\x87\x0e\x1d\xda\xbe}\xfb&amp;\xfe\x13Y\x96\x17.\\8o\xde&lt;6?\x12EQ\x96\xe5\xfb\xee\xbb\xef\xa3\x8f&gt;\xc2\xa4sc\xd8\xd42..\xcey\xef7\xf5\x85\xd9\x13gL(.\xbc\x82\xbd\xdf\xfa\xb0$\xd4%\xe0F\xbd\xf2\xca+O=\xf5\x94\xf3\xdf\xd1\xfa\xcdo\xf4\xbf\xab_\xbf\x1e\xff\xfa\xfd\xd7? \x9a\xca\xb2\x8c%\xa1\x9e\x84\x01\xc0-\xe0\xeb\xbbk\xd7\xae\xb3g\xcf\x8e\x181\x02\xa6&lt;0\x82p\xb5\xd8\xbf\x0c\x93#\xd8(\x9e6m\xda\xca\x95+\x9d\xfb\x97\x05\x07\x07\xff\xf2\xcb/\xad[\xb7\xc6\xdd\xe0\xfa\x1a\x9bZ\xb6\xeft}\xf6\xc1m\xf0\x02\x1e\xd7\x8c\x1d\x00\'X\x12\xdaB\xf0wd\xb3\xd9:u\xea\x045\xd0\x90\xa6\x8b\xbfo\xd0\x9aw_1\x9bM\x1b^\x7f\'y\xf2\x1cv\\3\x96\x84z\x12\xde_\xb7\x80\xc9Kll\xec\xc3\x0f?\x0c\x85=0\xc4\x8b\xa2(\x08\x02T\xfb0\xf0\xfb\x84\x10EQ\xe6\xce\x9d\xdb\xbauk6\xfas\x1cg\xb5Z\x7f\xfa\xe9\'\xf8_U\xfeT\xde\x07\xee\xea\x9a5k\x8e\x1f?\x0e\xd93\xb8os\xd2\x92\xfd\xfc|%In\xe1\xe8O\x08\x11\x04\xbe\xa2\xac\xf2\xe99S\x82\x82\x03\xe1\xaf\x00N\x19[\xbe|9f\xab/\x07\xfc\x1d\xa5\xa6\xa6\x96\x94\x94\xb0\xfdy\x93\xd9\xf4t\xca\x14BHqQ\xc9\x881\x89\xb7E\xf7\x829\x13\xc7q\xd5\xd5\xd5\xd3\xa7O\xc7\xad`\xcf\xc0\x00\xe0FP\xfc\x03\xe5(\x7f;\x97\x81g#888&amp;&amp;\x86\xd4&amp;@\xe1\xff\xff\xf6\xdbo\x04+O\xea\x81\x19bIIIjj*l$\xc2,2\xfe\xbeA\xf1\xf7\xc7\xd9\xac\xa5.\xc9!p\x1cWUUu\xd55\xed\x92\x9e\x99Dk\xcf\x94\xe7y~\xe9\xd2\xa5,\xea\xb4\xfc\xa7\xe8\x15;\x96g\xcd\x9a5\xce\xfb\xf3\xff\x9e8\xb6GT\xf72{\x19\xc7q&amp;\x938%y2\xd4\xe9\xc2\xbf\xb0{\xf7n\xe7\xbdb\xe4&gt;\x18\x00\xdc\x88\xe7\xf9\xbf\xed\xff\xe3\x0c&amp;G\xd7_\x7f=\xa9}K\x00\xfe\xbf\xddnw\xdfEj\x17\xcc\xf7\x1b\x9cZJ\x0e\xc9\x85\x99\x99KKB\x15V\x12\x9a\x94\x94\x84\x13\xd5\xa6\xc1*v\xfa\xf4\xe9P\xdf\x0cq\xbaMX\x9b\xc7\'?Vn/\x17\x04A\x10\x04k\x89\xed\xae{\x06\x0eyp0\x8c\xfeX\x12\xeaI\x18\x00\xbcK\x83\xdfx\xdc\r\xab\x0f\xa6\x96\xc7\x8f\x1folj\xe9\xc2\xf4\xb1SIh2u\xea\x12\x9a\x9d\x9d\x9d\x9d\x9d\x8d\x13\xd5\xc6\xd4/\x9c\x858=}\xce\xd4k\xae\xbb\xba\xaa\xaa\n\x824\xcf\xf3\x95\x15\x95I\xb3&amp;Y\x02-\xec\x05\x0e,\t\xf5\x0c\x0c\x00^\x04\x9e\x87?\xff\xfc\x938\xbd!L\x08\x81w\x05p\xb3\xd1\x19\x0c\xc4IIIljI)m\xeb4\xb5t\xed\x8f\x13\x04\xc1f-\x8d\xbf?.\xfe\xbeAl\xa2\xea|\x018Q\xad\x03\xee\x8f\xf3\xabs\xecX\x9eG\xc6%\x16;u\xe6\xe0y\xbe\xac\xac\xbcGT\xf71\xe3G\xb2&lt;\x1e\xcf\xf3\xcb\x96-;w\xee\x1c,\x1aT\xfd(z\x86\x01\xc0[@~\xb9\xba\xba\xfa\xbb\xef\xbe#\xb5C?\xec\x06w\xea\xd4\x89`\x00p\xc2\xa6\x96l\x02\x0eS\xc5\xa7S\xa68O-]\x8b\xe38\xc9!=\x9d2\xc5d6\xc1D\xd5y\t\x82\x83T\x1d\xb0DKOO\xcf\xcf\xcf\x17E\xf1\xe2\xb1&lt;\x02?%y\xb2(\xd6=\x96G\x14Ek\xb1u|\xd2\xbf\xaf\xefp\x1d|\xe79\x8e+..\x9e={6,\x1aT\xfa\x10\xfa\x87\x01\xc0[\xc0\xf7~\xf3\xe6\xcd\xbf\xfe\xfa+d3\xa0X\xa8}\xfb\xf6]\xbat!\x18\x00j9O-a\xea\r)\xa0n=n\x1e\xf6\xe8\x83\xd6\x12[K\n\xff\x9b\xc0\xf3|\x99\xbd\xacGT\xf7\x7fO\x1c\x0b\x7f;\xf57!\xdc\xf1s\xb5\x08\xee\xcf\xb9s\xe7\x96-[\x06\x7f;\xf0R\xcb\x90\x07\x077x,\x0f\xfc\x85\x86_\x15&gt;\xf1\xe9\t,\xc9\xc6\xf3\xfc\xfb\xef\xbf_\xe7\xedH\xe4Z\x18\x00\xbc\x02&lt;!\x05\x05\x05\xc9\xc9\xc9,\x9f\x00cJBB\x82\x8f\x8f\x0f\xe4\x19\xd4\xbeL\xaf\xe0&lt;\xb5d\x85\xf9\xbc\xc0?\xbbp\x96_\x80\x9f[\xd3\xf1\x82 \x94\xdb\xcb\x1f\x9f\xfcX\xdb\xb06\xec\xef\xc8\xb9\x0c\xc9}?Z[`\x10ONN...f/\xc1\x04X\x02\x92fM\xaa\xac\xa8lp{F\x14\xc5\xe2\xc2\xe2\xe1c\x12\xb0$\xd4\x930\x00\xa8\x0f\xbe\xee\xe5\xe5\xe5\x0f=\xf4\xd0\xef\xbf\xff\x0eC\t\xccz\x02\x03\x03\x93\x92\x92\xf0\x8d\x18\xa6\xfe\xd4\x12R@C\x1e\x1c|\xe7\xdd\x03\xac\xc5V\xb7n\x98CI\xe85\xd7]\xfdt\xca\x14\xb8\x12\x98\xa8:\xbf\x88\xe0\xbe\x9f\xae\x15\xac\x15\xca\xdbo\xbf}1A\'\xf0\x8a\xa2\xfc\xe7\xa9q\xdd{F\x96\x97W4\xf6e\xa6\x94bI\xa8\x87\xe1\xb0\xa22I\x92\x04A(**\xba\xe7\x9e{\xf6\xed\xdb\xc7Z\xd9\xc0?\xbc\xf8\xe2\x8bW_}5\xf6\x81`\xeaO-)\xa5\x96@K\x13SK\xd7\x12E\xd1Zb\x1b\xf6\xe8\xd0n\xff\xb8\x99\xa5\xe9$I\xc2\x92Pg\xb2,\xa7\xa6\xa6^\xcc\xfb\xf3\xbc,\xc9\xed;^?\xf1\xe9\tM\x9f\xca\x80%\xa1\x9e\x87\xc3\x8a\x9a\xa0_\xf4/\xbf\xfc\x02\x87XA\x9e\x94\x10b2\x99\x1c\x0e\xc7\xe3\x8f?&gt;a\xc2\x04l\x8a\xc2\xd4\x9fZB\x98\x1c3~d\x8f\xa8\xeeee\xe5\x9e\t\x93\xb2,\xfb\x07\x04$\xcf\x9b\x81%\xa1\xf5\xc1\x84\xe6\xbd\xf7\xde\x83C\xd9`g\x8b\x102u\xf6\xe4\x80\xc0\x008\xeb\xa2\tX\x12\xeaa\x18TU\x03\x03\xc7\x8e\x1d;\x1e}\xf4\xd1s\xe7\xce\xb1\xa7E\x10\x04I\x92F\x8d\x1a\xb5a\xc3\x066\xc7T\xfbb\xbd\x02\x8c\xad\x03\x07\x0ed\'&gt;RJ\xaf\xb9\xee\xeam\xfb&gt;\xf2\xf5\xf5ec\x8dg\xae$0\xc8\xf2\x9f\x11On\xff$\x9b]I\x97.]\x8e\x1c9\xc2\xfa|x\xe6J\xbc\n\xdc\x87\xb2\xb2\xb2\xa8\xa8\xa8\x93\'O\xb2\xfen\xb7G\xdf\xbaegFi\x89\xfdr\x8e\xe5q8\x1c\xe1\xed\xc2\xe7?\xb3\xf0\xe5\xf4\xd7`J\x84]B\xdd\x07o\xa5:`\xf4\xff\xef\x7f\xff\x1b\x17\x17\xc7F\x7f\x96O\x98&lt;y\xf2\xc6\x8d\x1b!\xf5o\xcc\xa1\xa4&gt;\xb8cu\xa6\x96\x94\xd2\x19\xa9\xd3\xc2\xc2\xdbB\x8a\xc0c\x17\xc3q\x9c"+X\x12Z\x07\xccW\x96,Yr\xe2\xc4\tv\x04\x9e\xd9lN^0S\x96\x94\xcbl\xcb\x84%\xa1\x9e\x84\x01@\x050\x96\xcd\x9b7\xef\xc9\'\x9f\x84q\x9fe3 \xef\xbfj\xd5*\xd6r@\xed\x8b\xf5\n\xb4\xf6\x9c\xb5\xf9\xf3\xe7\xc3\xb8\x0f1\xe0\xf6\xe8[\x87=:\xb4\xf8J\xce\xfbu\t\x9e\xe7\xed\x8d\x97\x84\x1a3[\r\xefpA\xba\x06\xfev\xa0\xfc\x7f\xf0\xd0\xbb\xfb\x0e\xe8s\xf9\xc7\xf2`I\xa8\'a\x00\xf04\x18\xeb\x17.\\8\x7f\xfe|\xd6\x04\x14\x1e\x98\xd6\xad[\x7f\xf2\xc9\'3g\xcedo\xb7\xaa}\xb1\xde\x02\x86\x80\x95+W\x9e8q\x02"\xe5_SKYQ\xe5F5Q\x12j\xccA\xcay\xc3\x96\x10\xc2q\x9c\xac\xc8A\xc1\x81\xb3\xe6M\xb7\x97\x96]\xd1&gt;\x16\x96\x84z\x0c\x06\x00\x8f\x82o\xf3\x96-[RSS!\xbf\t\xdb\\\xb2,w\xed\xdau\xef\xde\xbdC\x86\x0c\x81\x9da\x1c\xfd\x19\x08\x90\'O\x9e\\\xb1bEK\xa6\x96\xae\xd5DI\xa8\x01\'\xaa\xf5K6y\x9e\xa7\nMzfR\x87\x1b\xdaWU^\xf1\xbb\xd9X\x12\xea\x19\x18N=\x07n\xb5\xd5j\xbd\xf9\xe6\x9b\xcf\x9f?\xef\xdc\xc1\xb8W\xaf^\xdb\xb6m\x0b\x0f\x0f\x87\xd1_\xed+\xf5.\xf0\xf0\'$$l\xde\xbc\xf9b\x99,G\x82\x82\x02?\xdf\xbf5,\xa2\xad\xa3\xa6\xf9\'&gt;\xba\x04\xcf\xf3\x0f\x0cL8z\xf8\'\xd8\xb0\x91e\xb9\x7f\xff\xfe\xbbv\xed2N\xf9\x16;\x96\xe7\x9f\xff\xfcgnnnmy\xae\xd2\xbeS\xfb\xec\x83\xdb\x14\xb9\x99\x81P\x92\xa46m[\x8f\x7fd\xd2\xc7\x99[a\xa7]Q\x94\xce\x9d;\x1f9r\x04fH8Ij9\\\x01x\x0e\xech\xad]\xbb\x16v}\xd9\xb4\xb1[\xb7n\xdb\xb7o\x0f\x0f\x0f\x87\xb9\xad\xda\x97\xe9]\xd8\xd4\x0fF\x7f6\xb5\x1c\xfb\xc4\xe8N\x9d;4cj\xe9\xf2\xcb\xf3\x0b\xf0{v\xe1,^\xe0YI\xa8\xd1&amp;\xaa\xecX\x1e\xb6\xf4\xe18\x8eR2\'m\xb6\x9f\x9fo\xb3o\x02\x96\x84z\x00\xae\x00&lt;\x07n\xf5\xad\xb7\xde\xfa\xfd\xf7\xdf\xb3o\xb0\xbf\xbf\xffw\xdf}\xd7\xb5kW\x9c\xfb\xd7\x07\x8f\xbd\xc3\xe1\x88\x89\x89q\x9aZ\xd2\xf6\x9d\xae\xcf:\xb0\x95R\xe2\r\xc7d\x1a|\xa2\xca\xd6\xb5\x9d:u\xb2\xd9l\xac5S\x9f\xfe\xd1\x1f|\xf6\xb6\xbd\xb4E}\xb9\x1d\x0e)\xbc]\xd8\xfcg\x16\xbe\xb2\xec\xbfX\x12\xea\x0ex\xfb&lt;\x04\xa6E\x7f\xfc\xf1\xc7\xcf?\xff\x0cc\x04\x0c\x16\x93\'O\xee\xda\xb5\xab\xc3\xe1\xc0\xd1\xbf&gt;\x98Zn\xda\xb4\xe9\xd2\xa9%\x9d\x936\xdb? \xc0\x93\x85\xffM0\xf8D\xb5N\xf9\x13\xfc\x8eO+\x9f\x05\xe9\xcf\xf1&lt;/\x9aDS\x0b\xf8\xfa\xb6*\xb3\x97M\x9c&gt;\xa1\xe3\r\x1dXe\x04\x96\x84\xba\x10\xae\x00&lt;\x04\x92\x03\xfb\xf6\xed\xbb\xe3\x8e;\xd8\xb0\xc5q\xdc\x0f?\xfc\xd0\xad[7\xa8kT\xf7\n\xbd\r\x0c\xa6V\xab\xb5[\xb7n\x05\x05\x05lj\x19\x13\xdb\xa7\xe5SK\xd72\xec\xbbK0\xfa\xe7\xe5\xe5EFFBi\x16\xfc\x1d\x8d{bt\xf2\x82\x99\xc5\x85P\x9e\xdb\x92\x11\x86\x93$G\x9b\xb6\xad7\xbe\xf1\xde\x82\xd9/\xb0\xde\x7fxp\xbc\xab`\x00\xf0\x10\x08\x00\x1f}\xf4\xd1\xd0\xa1CY\xa2 """???  \xc0\x1bR\x19\xde\x06\xee\xd8\x9c9s\xd2\xd2\xd2X\xf6\x9f\xe7\xf9O\xf7n\xb9)\xf2\xc6\x8a\xc6{\x8ay\x1e\xc4\xef\xca\x8a\xca!\xfd\x1f\xfc\xf5\xf4o\xec\r\xd8\xb1c\xc7\xae[\xb7N\xc7\xbb\xc1\xf0\xd1\xe2\xe2\xe2\xea\xb4\xc1\x08\x0e\tV\xa8B(%\x97\xf9\xf6\xd7\xdf\xa0\x84\xe3J\xad\xa5\xf0\x0b\xf8AF\xdbiw\x13L;x\x08\x04\xda\xea\xeajQ\x14Y\x00\x08\x0f\x0f\xf7\xf3\xf3S\xfb\xd2\xbc\x11;\xf1q\xe9\xd2\xa5\xce]?\x1f\x1e\x9b\xf8\x8f^\xdd\x8b\x0b\xad\xa2\xe8E\x8f\xbd\xf3\xbbK\xb3&amp;\xa7\xb0\x92\xd0\xf7\xdf\x7f\xff\xa9\xa7\x9e\x8a\x8a\x8a\xd2e;\xbf&amp;\x9a YK\xac\xee\xfe\xb9\xb0\xd3\x9e\x90\x90\x801\xa0%\xf4\xf6\xa5\xf4r\x95\x95\x95\x92$UWW\xd7\xd4\xd4H\x92d\xb3\xd9`\\\xc0\xe9\x7f\x1d\xec\xc0E\xe8\xf1\x00\xa9\xff\xa0\xe0\xc0\xa7\xe7L\xa9(\xab\x14.\xa3\xa5\x8c\x87\x19\xed\xdd%\xf8\x0br8\x1cS\xa6La\xdfa\x86w\x03\xe7?\x1f~\xdc\x9c9s\x1c\x0e\x87.o\xaf\xc7\xe0\n\xc0C\xe0!\xb9\xf5\xd6[\xe7\xcd\x9b\xc7\xaaY\xc2\xc3\xc3\xd5\xbe.oT\x7fj\t\xff?\xe9\x99IW]\xd3\xae6\xb3\xecu\xd8\xbbK\xa3\x1f|\x8c\xe8}\xa2\nU\x0c\x0b\x16,8v\xecX\xfd\xff\xd5\xdd#2\xac6\xf2\xf2\xf2^x\xe1\x85\xb9s\xe7\xea\xec\xdez\x12\x06O\xe4]\xd8[E\x91\x91\x91yyy,X\xde\xdc\xe3\xa6Ovn\x96$\x99\x12\xca\xb9&amp;\xb3\xecz\x06)\t\x85\xe9\xff\x85\x0b\x17\xa2\xa3\xa3KJJ\x88\xfbG\xfc\xfa\xe0N\x86\x84\x84\x1c8p\xa0m\xdb\xb6\xb8\x8b\xd6&lt;\x18\x00&lt;\n\xda\xbd9\xff\x8ewNfU\x04\xb3\xb9W^y\xe5\xa9\xa7\x9er\x9e\xfe\xbf\xbd\xe5\xad\x7f\xdd=\xa0\xfeq\xb2^EQ\x14_\xdfV\'\xf2O=00\xa1\xbc\xac\x1c6\x87%IJKK{\xf6\xd9gu6Q\xad\xae\xae.//W\xb1\x1c\x13\xde\xa5\xf7\xf7\xf7\xf7\xf1\xf1Q\xe5\x02t\x00\x03\x80\nX\x0c\xd0\xdf\xc6`\x0b\xc1\x9d)((\xb8\xf9\xe6\x9b\x9d\xdf*\x8a\xbfo\xd0\xdaM\xaf\x95\xda\xec\xde?\x806Q\x12\x1a\x1e\x1e\x8ee\x8b\xc8\xab\xe0w\xd1\xa3X\xad4\x80\x14\x81\xda\x17\xe5E\xe0\xe6\xcc\x9e=\xbb\xa4\xa4\x04\xee\x0f\xa5\xd4d6=\x9d2EQ\xa9\xeb\xe7\x95\x12E\xd1Z\\\xf2x\xd2\xbf\xaf\xebp\xads;\xfb\xe4\xe4d\xfdmWR/\xa0\xf6=\xd06\xbd}#\xbd\x19\xadMS\xfe\xf6\xdbo\xc5\xc5\xc5\xa1\xa1\xa1\xd7^{\xad\xf3\xef\x1b\x1c\xbc\xe3\x93\x9b\x9b\x1b\x13\x13\xe3p8X\xa7\xbc\xc7\'?6?\xfd\xb9\xa2\x0bEZI\x97I\x92\xd4&amp;\xac\xcd\xfa\xd76\xce\x9e\x92\xca\xb2X\x94\xd2\x9d;w\xf6\xeb\xd7Og\x89 \xa4i\x18\x00&lt;\x04F\xf9\xc3\x87\x0f\xcf\x981c\xff\xfe\xfd\x15\x15\x15~~~w\xdcq\xc7\xd2\xa5K###1\x06\x90\xda\xec\x7fll\xec\xee\xdd\xbb\xd9\x0e\xea\x8d\xdd\xban\xdb\xbb\xa5\x95\xaf\xaf,K\xda\xb8E\x94\x10B\x14J}\xfdZ%\x0czd\xf7W{a\xb8\x97e\xb9_\xbf~;v\xec \x84`\x00@^\x02\x03\x80\'\xc0M&gt;w\xee\xdc-\xb7\xdcRPP\xe0\xfc?\x85\x85\x85}\xff\xfd\xf7\xed\xda\xb5\xa3\xc6\xce\x0e\xc3\xe8\x9f\x99\x99\x99\x98\x98\xe8|\xe2\xe35\xd7]\xd3\xb1s\xfb\xaa\xca*m\xdd\x1cE\xa1&gt;\xad\xcc\xbf\x9f\xf9\xe3\xd4\x89\xd3\xceG\x98m\xdc\xb8q\xd4\xa8Q\xb8\x08@^\x02\x03\x80\'@\xa7\xcf\x97^zi\xea\xd4\xa9&gt;&gt;&gt;pd\x12!\xc4l6WWW/]\xbat\xc6\x8c\x19F\xee\x06\n\x93}Y\x96###\xf3\xf3\xf3u\xd9C\r\xb64:v\xecx\xe8\xd0!\x8b\xc5\xa2\x9b\x92P\xa4i\x06\x1dqT\xf1\xf3\xcf?C\x8b\x18\x16ta\x9e{\xe4\xc8\x11b\xec\x97\x81!\xdd\xbfd\xc9\x92\xfc\xfc|Q\x14%Ib\xff\x13\xbcV\xaa\xe2\xb5\xb5\x04\xec\xf9\xb3\x7f\x16E\xf1\xc4\x89\x13+W\xae\x9c;w\xae\x91\xe3=\xf2\x1eZ}\xb4\xb4\x05\x06w\x87\xc3Q\x7f\xbdE)u8\x1cj\\\x94\xb7\x80\xd1\xff\xd4\xa9S\xe9\xe9\xe90&amp;\xd6i\x00\xe0\xd9\xa2\x12W\xaa\xd3\x14\x81Rj2\x99V\xadZu\xea\xd4)8\xd5R\xed{\x8f\x8c\x0e\xe7 \x9e@)%\x84\xb4k\xd7\xae\xce\xc2\x1f~y\xf5\xd5W\x135\xde\xa5\xf4\x12\x94REQf\xcc\x98\x01\xef\x94\xea\x9b,\xcb\xc5\xc5\xc53f\xcc\xc8\xcc\xcc4\xec\xdf8\xf2\x1e\xb8\x07\xe0\t\xd0\x0c\xf2\x9bo\xbe\xe9\xdd\xbb7\xc7q0\xfbc\xe9\xa0\xfd\xfb\xf7GGG\xeb\xb2a\xe4e\x92ey\xdf\xbe}0kV\xfbZ\xdc\x0e\xa2~\xdf\xbe}q\x1f\x18\xa9\x0e\x03\x80\x87\xc0\xf8\xbep\xe1\xc2\xd4\xd4T\xf6\x9b\x1c\xc7\xa5\xa5\xa5\xcd\x9e=\xdb\xc8\xa3?BH-\x18\x00&lt;\x07F\xf9\x83\x07\x0fn\xdd\xba\xf5\xec\xd9\xb3\xed\xda\xb5\xbb\xff\xfe\xfbo\xbb\xed6\x1c\xfdIm\x7fG\xe3\xc0\xe9?\xf2\x06\x18\x00&lt;\xaa\xfeX\x8f\xa3?BH-\x18\x00&lt;\r\x1a\x82Bq\x0b\x14\x87\xa8}E\x08!\x83\xc2\x00\x80\x10B\x06\x85\xd3O\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n\x03\x00B\x08\x19\x14\x06\x00\x84\x102(\x0c\x00\x08!dP\x18\x00\x10B\xc8\xa00\x00 \x84\x90Aa\x00@\x08!\x83\xc2\x00\x80\x10B\x06\x85\x01\x00!\x84\x0cJT\xfb\x02\xbc\x97\xa2(j_\x82\xcb\xf0&lt;Fz\x84P]\x1c\xa5T\xedk\xf0F\x94R\x8e\xe3\xd4\xbe\n\x97\xd1\xd9\xc7A\x08\xb9\x04\xae\x00\x1a\xa0(\n\xcf\xf3\xf3\xe6\xcd\xdb\xb3g\x8f \x08\xb2,\xab}E\xcd\x04\x17\xdf\xaf_\xbfy\xf3\xe6\xc1\x87R\xfb\x8a\x10B^\x04W\x00u)\x8a\xc2q\\^^\xde\x8d7\xde\xa8\xf6\xb5\xb8\xcc\xb1c\xc7\xbat\xe9B)\xc5\x18\x80\x10b0\x00\xd4%\xcb\xb2 \x08qqq\xd9\xd9\xd9f\xb3Y\xbb\xd3\x7f \x08BMM\xcd\xa0A\x83\xb2\xb2\xb2\xe0\xa3\xa9}E\x08!o\x81\x01\xe0\x120Dfgg\xc7\xc5\xc5]L\xfep\x84\xe7y\xa2\xc5\x9b\xc4\x11EQ\x08\xbd\x98\x08\xca\xca\xca\x1a4h\x10\xc6\x00\x84\x10\x83\x01\xe0/\x94RJ\xa9$I=z\xf4\xc8\xcb\xcb\xe38N\x1f\x85@&lt;\xcfSJ\xbbt\xe9r\xf8\xf0aQ\x149\x8e\xc3\ra\x84\x10\xc1M`g\x8a\xa2\x08\x82\x90\x9e\x9e~\xfc\xf8qQ\x14eY\xe6y^\x10\x85%\xab\xd3"\xae\n\xaf\xa9qhe\xdc\xa4\x94\x9a\xcd\xa6s\x7f\x9e\x9f59E\x96dJ\xa9 \x08\xc7\x8f\x1fOOO\x7f\xf6\xd9gq\x11\x80\x10\x02\xb8\x02\xb8\x08&amp;\xfb\x05\x05\x05\xdd\xbau\xb3Z\xad\xb0_*\xcb\xf2\x84)\xffY\xbar\x91\xb5\xdc\xaa\xadAS\x96\xe5`\xff\xe0\x99Sg\xafyi\xad \x08\xb0\xb3\x1d\x1c\x1c|\xf4\xe8\xd1\xb0\xb00\x82o\x06 \x840\x0000/\x1e7n\xdc\xfa\xf5\xeb\x05A\x80t\xd0u\xed\xaf\xfdt\xef\x16\x1f\x1f\x1f\x87C3\xd3\x7f@)5\x99L\xd5\xd5\xd5\xf7\xde1\xf4\xd7\xd3\xbfA\xdaG\x96\xe5\xb1c\xc7\xae[\xb7\x0e\x17\x01\x08!\x82\x01\x00\xc0\x049777&amp;&amp;\xc6\xe1p@.H\x96\xe5%\xab\xd3\xc6&gt;9\xba\xb0\xa0P\x14\xb5\x97+\x93$\xa9MX\x9b\xf5\xafm\x9c59\x05&gt;\x0e\xcf\xf3&amp;\x93)\'\'\'**\nKB\x11B\x18\x00\x08\xa9\x9d\xfe\xc7\xc6\xc6\xee\xde\xbd\x1b\xa6\xc6\xb2,\xdf\x16\xdd+3\xeb\xfd\xca\x8aJ\xed\x0e\x94\x8a\xa2\xf8\xfa\xf9&amp;\xc4=\xfc\xed\x81C\xecs\xf5\xef\xdf\x7f\xd7\xae]\xb8\x08@\x08iuhs!\x18\n333a\xf4\x87\xc2\x7f^\xe0\xa7$O6\x99DM\x07HJ\xa9\xc9$NI\x9e\xcc\x0b&lt;\xa9\xfd\xa4\xbbw\xef\xce\xcc\xcc\xd4\xf4\x1b\xce\x08!\x970\xfa\n\x80R\xaa(\x8a,\xcb\x91\x91\x91\xf9\xf9\xf9&lt;\xcfC\xae\xfc\xfe\x84!\xaf\xbf\xf7J\xe1\x85"-&amp;\x7f\x9cI\x92\xd4\xa6m\xeb\xf1\x8fL\xfa8s+\xecm(\x8a\xd2\xb9s\xe7#G\x8e\x08\x82\x00\x9fW\xedkD\x08\xa9\xc3\xe8+\x00V\xfa\x99\x9f\x9f/\x8a"\xec\xfdZ\x02-I\xb3&amp;i:\xf9\xc3\xf0&lt;_YQ\x994k\x92%\xd0\x02\x9fN\x14\xc5\xfc\xfc\xfc\xf4\xf4t\xa8\x0eR\xfb\x02\x11B\xaa\xd1\xfc\x00\xd7\x12\xd0\x1f\xed\xc4\x89\x13K\x96,\x81\xa2O\x18\x13\xc7\x8c\x1f\xd9#\xaa{YY\xb9&gt;\x02@YYy\x8f\xa8\xeec\xc6\x8fd\x9b\xdb&lt;\xcf/Y\xb2\xe4\xc4\x89\x13&lt;\xcfc\x0c@\xc8\xb04?\xc0\xb5\x044I~\xfe\xf9\xe7KKKY\xa1\xe4\xb5\xd7_3~\xca\xbf\xad\xc5V\xad\'\x7f\x18Q\x14\xad\xc5\xd6\xf1S\xfe}\xed\xf5\xd7\xc8\xb2\x0c\x9f\xb4\xb4\xb4\xf4\xf9\xe7\x9f\xe78\xa3\xe7\x00\x1122\xe3\x06\x00\x98\xef\xef\xd9\xb3\xe7\xddw\xdf\x85y1\x8c\x863R\xa7\x85\x85\xb7\xad\xa9\xa9\xd1Mr\x9c\xe3\xb8\x9a\x9a\x9a\xb0\xf0\xb63R\xa7A\xcc\x83\xcf\xfe\xee\xbb\xefj\xba\xdf5\xf5\x1aj\xdf\t\x84\x9a\xc9\xb8\x13@\x18\xf5\x06\x0e\x1c\x08\x83 \xfc\xce\xed\xd1\xb7n\xd9\x91a\xb3\x96\xea\xafDR\x96\xe5\xa0\xe0\xc0\xa1\x03\x13\xbf9\xf0\x1d\xfb\xbc\xfd\xfa\xf5\xdb\xb1c\x07!D\x7f\x9f\x17!\xf4\xb7\x0c\x1a\x00`\n\xfc\xf6\xdbo\x8f\x1e=\x9a\xa5\xc5EQ\xdc\xf4\xd9\xdb\xb7\xfe\xb3W\xb9.\xb2\xffu(\x8a\xe2\x1f\xe0\xff\xdd\xd7\x87F\xdc3J\x92$\xb6\x1f\xb0q\xe3\xc6Q\xa3Fi\xeb\xb5\x00J)\xc7qV\xab\x15\xfeY\xc5+\x81ebpp0\xc53\xd7\x90\x06\x191\x00\xc0\xb2\xddn\xb7\xf7\xea\xd5\xeb\xe4\xc9\x93,\xfb?t\xf8\xfdk\xde{\xf9\xc2yM\xbe\xf7{9$Ij\x1b\xdef\xc2#Om\xf9\xe0c\xd6\xee\xa2c\xc7\x8e\x87\x0e\x1d\xb2X,Z\xe9\x12\n\xb1j\xf1\xe2\xc5K\x96,\x81\x9e}*^\x8c \x08\x92$\xcd\x9a5+99Y[A\x14!b\xcc\x00 I\x92(\x8a\xf3\xe7\xcf\x9f7o\xde\xc5\x11\x84#AA\x81\x9f\xef\xdf\x1a\x16\xd1\xd6\xa1\x9d\xae\x9fW\x8aRj2\x9b\n\xce]\xb8\xbb\xcf\x10\x9b\xad\x14\x8e\n\x90$i\xde\xbcys\xe7\xce\x85\xdb\xa2\xf65\xfe\r\xe7\x9e}\xc5\xc5\xc5j_\xceE\xa1\xa1\xa1\xd8e\x0fi\x91\xe1\xbe\xac\x90\xfa8y\xf2\xe4\x8a\x15+X\xf2\x87*t\xec\x84\xd1\x9d:w\xa8\xaa\xac\xd2\xeb\xe8O\x08\xe18\xae\xaa\xb2\xaaS\xe7\x0ec\'\x8c\xa6\ne\x95\xaf+V\xac8y\xf2\xa4&amp;^\x0b\xa0\x94\xf2&lt;?{\xf6\xec\xe2\xe2b\x93\xc9\xc4q\x1c\xaf*\x8e\xe3L&amp;Sqq\xf1\xec\xd9\xb3y\x9e7\xe0t\ni\x9a\xe1V\x000\xe4%$$l\xde\xbc\x99\xa5A\xae\xefp]\xf6\xc1m\xf0\xcf:\x0e\x00\xa46{\xceq\xdc\xa0\xde\x83\xcf\x9c\xfa\x95\xa5\xbf\x86\r\x1b\x96\x99\x99\xe9\xe5I\x8c\xfa=\xfb\xd4\xbe\xa2\x8bx\xec\xb2\x87\xb4\xc9X\x01\x805\xc3\x89\x8d\x8d\x85\xe9?\xfc\xff\x95o\xa4\'\x8e\x1eVRT\xe2\xfd9\x90\x96\x93$)\xa4uH\xc6\xc6\xcdS\x1f\x9f\xe1|\x13v\xed\xda\xd5\xbf\x7f\x7fo\x8e\x01uz\xf6]\xec\xda\xc4\xf3\x81A\x16EQ\x08\xf1d\xe4\xa6&lt;\xcf\x97\xda\xec\x10\x84\xe0b\xb0\xcb\x1e\xd2\x1c\x03\x05\x00\x98\xe0;\x1c\x8e\x98\x98\x98\xdc\xdc\\6\xf9\x8d\x89\xed\x93\xf1\xf9;\xa56\xbbq&amp;n\x8a\xa2\x04\x06Y\x12\xef\x1e\x99\xb3k?[\x06EEE\xe5\xe4\xe4@^\xc5\x0b\x97A0\xb0n\xde\xbc9!!\x81\xe5\xee\x08!\xafn\\u\xc7\x80\x982{\x194\xbc\xf3\x0cEV\x02,\x01{w\xe6L\x1c\x9dDj\xf3\x8a\xb2,gff\x0e\x1b6\x0cc\x00\xd2\n\x03\x05\x00x,7l\xd80v\xecX6\x82\xf0&lt;\xff\xe9\xde-7E\xdeXQ^a\xa8\x00\xe0\xe7\xef\xf7\xf3\x91c\xf7\xde1TQ\x146~\xad_\xbf~\xcc\x981^8~QJ\x15E)++\x8b\x8a\x8a:u\xea\xd4_\x85[\x89\xf7\xbd\xbe\xe9\xb5\x92\xa2\x12\xcf_\xb0,\xcb!\xadC\xc6\x8fxrK\xc6\',\x88v\xe8\xd0!777  \x80\xc7.{H\x0b\x8c\x12\x00\xe0\xf9\xb4Z\xad\xdd\xbau+((\xa0\xb5\'&gt;&gt;\xfa\xd8\x88\xf4\xff...\xb4\x8a\xa2w\ry\xee&amp;Irh\x9b\xe0\x19O$\xbf\xfb\xd6&amp;vfdXX\xd8\xd1\xa3G\x83\x83\x83\xbdm\x11\xd0X\xe1\xd6\xf6\xfd[\xdb\x86\xb7\xad\xa9\xae\xe1xO_-U\xa8\xd9\xc7|\xe1\xfc\x85x\xcd\x96T!d\xa09/\xcf\xf3\xcb\x97/?w\xee\x1c\x0cm\x8a\xa2\x04\x05\x07&gt;=gJEY\xa5\xe0\xc1\xec\x81\x97\x10\x04\xbe\xa2\xac\xf2\xe99S\x82\x82\x03!\x91\xcdq\xdc\xb9s\xe7\x96/_\xce{Y\x878X\xa0\x9c8qb\xc5\x8a\x15\x10\xb6\xf9\xda\xc2\xad\x8e\x9d;TUU\xf1\x02\xcfy\x1c/\xf0UUU\x1d/-\xa9\xe2y~\xc5\x8a\x15\'N\x9c\xd0DI\x15B\x86\x18\xf8`\xf4\xcf\xcf\xcf_\xbat)\x8cnP\xb1\x97\xf4\xcc\xa4\xab\xaeiWU\xa5\xe7\xd2\xcf\xc6p\x1cWUUu\xd55\xed\x92\x9e\x99\x04\xeb!\xb8-K\x97.\x85s\x11\xbcg\xfc\xa2\xb5=\xfbl6\x1bK\xfe\xb4\xefx\xfd\xc4\xe9\x13J\x8a\xad*f\xab\x04A()\xb6N\x9c&gt;\xa1}\xc7\xebY\x97=\x9b\xcd\x86]\xf6\x90V\x18"\x00\xc0\x08\x92\x92\x92\x02-\xde8\x8eS\x14\xb9\xc3\r\xedGO\x18i\xb7\xd9\x05\x83%\x7f\x18A\x14\xec6\xfb\xe8\t#;\xdc\xd0^Q.\x8e_555)))\xde3~5\xd8\xb3\x8f\x102u\xf6\xe4\x80\xc0\x00I\x92T\x0c\xde\x1c\xc7I\x92\x14\x10\x180u\xf6d\xf8\xa5&gt;\xba\xec!\xe3\xd0\x7f\x00\x80g2;;\x9b\x9d\x83\xc8q\x1c\xa5dN\xdal??_I\x929\x8f\x96\x0fz\x11\x8ep\x92$\xfb\xf9\xf9\xceI\x9bM\xe9_\xe3Wfffvv\xb6\xf7\x8c_\xb2,\xa7\xa6\xa6\xc2\xc5\xc0U\xdd\x1e}k\xc2\xa8\x07m\xc56\xd5\xf3\xec\xa2(\xda\x8am\t\xa3\x1e\xbc=\xfaV\xb6y\xee|\xc1\x08y3\x9d\x07\x00\x98\xfbK\x92\x94\x94\x94\x04\xb3Z\x18Abb\xfb\xc4\r\xb9\xb3\xd4f\xf7\xb6r\x17\x0f\x13\x04\xa1\xd4f\x8f\x1brgLl\x1f\x18\xbf\xe0\x8e%%%\xc1\xe4Z\xddu\x00\\\xd2{\xef\xbd\xc7&amp;\xd4\x94R\xb3\xd9\x9c\xbc`\xa6,)\xde\x12\xb89"KJ\xf2\x82\x99f\xb3\x99R\xca\x96,\xef\xbd\xf7\x9e\xf7\x04Q\x84\x1a\xa4\xf3\x00\x00y\xed5k\xd6\x1c?~\x1c\xf2\xfe\xd0\x0f\'u\xd1lY\xf6\x96\x1c\xb7\xeadYI]4\xdbd6\xc1\xfd\xe1y\xfe\xf8\xf1\xe3k\xd6\xacQw\'\x00B\x91\xcdf\x9b?\x7f&gt;\x0b\xde\x8a\xa2\x0c\x1ezw\xdf\x01}\xec\xa5\xde\xf2\xde\x06\xcf\xf3\xf6R{\xdf\x01}\x06\x0f\xbd\x1b\xf6\xab\xe1\xca\xe7\xcf\x9f\x0f\x9b\x16^\x92LC\xa8&gt;\xafx\x84\xdc\x04\xc6\xb2\x92\x92\x92\xd4\xd4T\x8e\xe3 \x18(\x8a\xf2\xef\x89c{\xde\xfa\x8f2{\x99\x97\x8c \xea\xe2y\xbe\xcc^\xd6\xf3\xd6\x7f\xfc{\xe2Xv\x8b8\x8eKMM-))Q\xb1\xbf\r\x14\xd5\xac\\\xb9\x12\x8aj(\xa5\nU\x82C\x82\x9e\x997\xdd^Z\xe6UK7A\x10\xec\xa5e\xcf\xcc\x9b\x1e\x1c\x12\xa4P\x05b\xd5\x89\x13\'V\xae\\\t\xd5Aj_ B\r\xd3\xf3\x08Xg #\x84PJ\xdb\x86\xb5y|\xf2ce\xf6r\xaf\x1aA\xd4%\x08B\x99\xbd\xfc\xf1\xc9\x8f\xb5\rk\x03\xc3}\x9d\xc0\xe9\xf9Kj\xb4g\xdf\x13\xde\xd8\xb3\x8fc]\xf6\x9e\xd0j\x97=\x97\x93]J\xedO\xa3[\xba]\x9f\xc2\xe8\x9f\x97\x97\x17\x19\x19\xe9\xfc\xb2\xeb\xa2\x97\x16&lt;6qL\xe1\x85"\xd5\xf7\x0f\xbd\x8a$Im\xda\xb6~\xeb\xd5\r\xb3\xa7\xa4:\xbf&amp;}\xe4\xc8\x91.]\xbax\xbe\xc1\x99\xdcP\xcf\xbe\xf6\x9d\xae\xcf:\xb0\x95R\xe2\x85=\xfbj\xbb\xec\x91\xb8\xe8!\xa7O\x9ca\xe5\xaa\x9a\xe8\xb2\x87\x0cK\xb7\x01\x00\x1e\xb9\xb8\xb88(h\x81\x11\xe4\xe6\x1e7}\xf4U\x86\xa2\xe8\xf3#\xb7\x1c\xcfs\x0f\xfc+\xf1\xa7\xc3?\xb3\xf1k\xd0\xa0AYYY\x1e\x1e\xbf\xe4Fz\xf6\xbd\xf9\xc1\x9a\xf8\xfb\x06\xd9\xac6\xef\x1cLeY\x0e\n\x0e\xda\xfeI\xf6\xbf\x87O\xd0V\x97=\xd7\x82\xbe\x1d999\xae\x9a\xb9\x0b\x82\x10\x13\x13\x83\xdd5\xdcA\x9f\x01\x80\x95~\xc6\xc5\xc59?\x8aooy\xeb_w\x0f\xb4\x96\xa8\xf9\xf6\x90\xd7\x92e98$\xf8\xab\xcfw\x8c\x1a\xfa\x98\xf3M\xcb\xca\xca\x1a4h\x90\xc7\xc6\xaf&amp;z\xf6}\xf0\xd9\xdb\xf6R\xaf\xde\xb9Q\x14\xc5\x12\x180\xfc\x9eQ\x1a\xea\xb2\xe7Z\xb2\xd3a\xab.\xfcc\xb5xp\xa9&amp;\xe80\x00\xc0S\'IR\x8f\x1e=\xf2\xf2\xf2\xd8\x08\x12\x7f\xdf\xa0\xb5\x9b^\xc3\xd2\xcf&amp;\xc8\xb2\x1c\x18d\xf9\xcf\x88\'\xb7\x7f\xf2\xd7\xb2\xa9K\x97.\x87\x0f\x1f\x16E\xd13\xe3\x97\xac\xe5\x9e}\x9a\xeb\xb2\xe7Z\xce\x87\xad\x9e:u\xca%Ud\xf0\x87t\xe8\xd0A[\x07\x97j\x85\xf7&gt;K\xcd\x06\xa5,\xe9\xe9\xe9\xc7\x8f\x1fg\xa3\x98\xc9lz:e\x8a"+\xf8\xedi\x02\xc7q\x8a\xac&lt;\x9d2\x85\x95\x84\n\x82p\xfc\xf8\xf1\xf4\xf4t\xcf\x94\x84B&amp;\xbd\xb8\xb8899\x19~"\xec\xa0\x0e\x1f=\xec\x1f\xbd\xba\x97\xd9\xcb\xbdy\xf4\'\x17K\xaa\xca\xff\xd1\xab\xfb\xf0\xd1\xc3\xd8\xc5\xf3&lt;\x9f\x9c\x9c\\\\\\\xac\xfb\x92P\xe7\xc2-\x9e\xe7%Ib\x07\x105\x0f\xcc\xe4x\x9e\xc7\x92*7\xf1\xea\xc7\xa9\x19`\xef\xf7\xdc\xb9s\xcb\x96-c\xfd\xb9\x14Ey\xec\xc91=\xa2\xba\xdb\xb1\xf4\xb3I&lt;\xcf\xdb\xede=\xa2\xba?\xf6\xe4\x18\x18\xb9\xe0\x06.[\xb6\x0c\x9a\xe8\xb9;\x06\xe8\xa0g\x9f\x86\xba\xec\xb9V\xfd\x9e}\x84\x10x3\xae\xd9 ^\xca\xd8e\xcfm\xf46%\x81U\xf6\xb8q\xe3\xd6\xaf_\xcf\xa6\xff\xd7\xb5\xbf\xf6\xd3\xbd[Z\xf9\xb6\x92%\x19W\x00M\xa3\x94\n\xa2PUYu\xef\x1dC\x7f=\xfd\x1bK\xa0\x8d\x1d;v\xdd\xbaunMb\xb0\x9e}\x91\x91\x910y\x84q$\xf5\x85\xd9\x13gL(.\xd4\xccym\x92$\x85\xb6\ty5}\xcd\x82g\x17\xb1V\xdb\xa2(\x1e9r\xa4s\xe7\xce\xf01\xd5\xbeF\xd7\x83\xef\xc6\x981c6n\xdc\x08\x9f\x9aR\x1a`\t\xf8G\xaf\x1e\x92\xc3q\xa5\xcf\x1d\xa5T4\x99\xfe\xef\xd0\xe12{\x19\xc7q\xf0M\x18=z\xf4\x86\r\x1bt\x9fI\xf3$]\x05\x80\xfag\xc6B\x06v\xc9\xea\xb4\xb1O\x8e.,(\xd4\xca\x08\xa2.I\x92\xda\x84\xb5Y\xff\xda\xc6Y\x93SX\x16\xde\x03g\xde\xc2\x83\x9d\x98\x98\x08]\x9b(\xa5\x94*\xed;\xb5\xcf&gt;\xb8\x8d*\x8aB\xa9V\xba6QBy\x8e\xe3x~P\xef\xc1\xa7O\x9c\xe68\x1e\x82hBBBFF\x86.\xc7/\xb9\xb6\x01\xc6\xc0\x81\x03\xd9/eY^\xf1\xfa\xd2\xb1\x8f\x8f\xb6\xd9mW\xbaz\x93e%\xc8\x12\xb4\xfe\x8d\x8d\xd3\xc6\xcfd%\t\x84\x90\x1d;v\xf4\xeb\xd7O\x97\xf7P\x15\xba\n\x00\xf2\xa5g\xc6\xc2\xef\xdc\x16\xdd+3\xeb\xfd\xca\x8aJ]N\xbb\xdcDQ\x14_?\xdf\x84\xb8\x87\xbf=p\x88\xddI\xb7\x9ey\xdbd\xe9\xe7]6k\xa9\xb6\x1exY\x96\x83\x82\x03\xb7\x7f\xf2\x85AJB!\xe13p\xe0@\xe8\xda\x04\xbfs{\xf4\xad[vfZ\x8b\xad\xcd{\xf4\x14E\t\x0e\r\x1e: \xe1\x9b\x03\xdf\xb1?\xb3_\xbf~;v\xec \x84\xe8\xec\x06\xaaE?c\xa2\\\xdb\xc9\xf2\x92\x13\xc3\x05~J\xf2d\x93I\xd4S\x9c\xf3\x00J\xa9\xc9$NI\x9e\x0c\x07\xed\xb2\xd1\x99uTu\xf9\x8f\x83\x9e}\xd3\xa7O\xd7G\xcf\xbe\xc6\xba\xecM\x9f&gt;\xdd\x1b\xba\xec\xb9\x96\xdcT\xcf&gt;\x19\x128\xcd\xc0q\x9c,\xc9\xd8e\xcf\xadt\x12\x00\xe0q\x82^\xf6\xf0K\xf8\x8a\x0cyp\xf0]\xf7\x0c\xb4\x96x\xe9\xabC^K\x10\x04k\x89\xed\xae{\x06\x0eyp0\x1b\xbf\x08!p\xa6\x02\xa9\xbd\xe1\xae\xc2z\xf6\x1d:t\x08vJ\xf5\xd1\xb3\xcf\xb9\xcb\x1e|\xc6C\x87\x0e\xa9\xdee\xcf\xb5\xfe\xb6g_\xb3\x1f=A\x10\xb0\xcb\x9e\xbb\xe9$\x00\xc0\xf7#===??_\x14E\xd8\xfb\xb5\x04Z\x92fM\xc2\xe4O\xf3\xf0&lt;_YQ\x994k\x92%\xd0\x02\xf7S\x14\xc5\xfc\xfc\xfc\xf4\xf4t\xd7Vb8\xf7\xecs.\xfd\xd4z\xcf\xbe:]\xf6XI\xa8\xea]\xf6\\Kvg\xcf&gt;\xec\xb2\xe7n\x9a|\xb4\xea\x80\xe7\xea\xc4\x89\x13K\x96,a}\xb8\x14E\x193~d\x8f\xa8\xeeee\xde^&lt;\xee\x9dx\x9e/++\xef\x11\xd5}\xcc\xf8\x91l;\x9d\xe7\xf9%K\x96@\x95\xb7\xabb\x80s\xcf&gt;\xa8\x15\xd1M\xcf\xbe\xfa]\xf68\x8eS\xb7\xcb\x9ek5\xda\xb3o\x82kz\xf6q\xac\xcb\xde\x04\xec\xb2\xe7\x16z\x18\x19\xd9\x99\xb1\xa5\xa5\xa5\xacl\xf1\xda\xeb\xaf\x19?\xe5\xdf\xd6b+V\xfe4\x9b(\x8a\xd6b\xeb\xf8)\xff\xbe\xf6\xfak\xe4\xda3oKKK]x\xe6-\x04ov\xfc\x00{o\xe3\xe9\x94)\xd7\\w\xb5\xd6\x8fk\xe68\xae\xaa\xaa\xea\x9a\xeb\xae~:e\x8a\xf3{\x15\xec\x80\n\xad\x8f_\xf0\xe8\xcd\x9a5\xcbf\xb3\x11x\x91PQ\\{\\\xb3\xe0t\xf02\xcc\x15\x08!6\x9bm\xd6\xacY\x98\x05j9\xcd\x07\x00\xb65\xe4|f,\xa5tF\xea\xb4\xb0\xf0\xb6p\x08\xb0\xda\xd7\xa8U\x1c\xc7\xd5\xd4\xd4\x84\x85\xb7\x9d\x91:\r\x1eu\xd9\xd5g\xde\xd69\x80\x0c\xc6\xc4n\xff\xb8y\xd8\xa3C\xad%\xea\x9f\xf8\xd8r\xa2(ZKl\xc3\x1e\x1d\xda\xed\x1f7C\x0c\xe0.=\xa2N\xed\x0bl&gt;V\x1a\x00\x1d[\xd9\xa3\xe7\xda\xe3\x9a9\xa7\x83\x97\x9d\xbf\x84\x9b7ov.\xf7@\xcd\xa3\xf9\x00@\x1a93v\xd8\xa3C\x8b\x8b4\xf3\xea\x90\xd7\x12E\xb1\xb8\xa8d\xd8\xa3C\xddq\xe6\xad\\\xdb\xb3\x8f\x1dA\x0c#H\xf2\xbc\x19\xfe\x01\x01\xbay\xb0eY\xf6\x0f\x08H\x9e7\xc3y\xfcr\xfe\xd4j_`s\xc0g\xa9\xae\xae\xae_\xb8\x950\xf2A\x9bK\x83\xb7(\x8a\xb6\x12[\xc2\xc8\x07\xeb\x97TUWWk=\x8e\xaaK\xdb\x01\xa0\xa9\xfa3l\xfb\xe3"\x1c\xc7\xc9\xb2\xeb\xcf\xbc\xa5\x8d\x1c\xd7\x1c\x7f\xdf\xa0\x01q\xfd\xf5\xd4\xb1U\x10\x04k\x89u@\\\xff\xf8\xfb\x069\x8f_^r\xf0r\xf3\xc0jf\xd3\xa6M\xce\x85[\xa2(\xa6.\x9a-In\ti\x92$\xa7.\x9a\r%\x1e\xac\xa4j\xd3\xa6M:\xc8\xa4\xa9H\xc3\x01\xe0o\xeb\xcfp\xef\xd7%x\xf7\x9cy\xdb\xd8q\xcd\xba\xec\xd9\xc7\xd5\xeb\xb2\xc7{\xc7\xc1\xcb\xcd\xe3\xf9\x9e}\x06\xef\xb2\xe7&gt;\x1a\x1e"\xddZ\x7f\x86\x9c\xb9\xbc\x1a\x0fF\x90\x06\x8fk\xd6e\xcf&gt;\xd6e\xaf\xc1\x83\x9757~\xa9\xd2\xb3\xcf\xb0]\xf6\xdcJ\xab\x8f\x99\xbb\xeb\xcf\x903\x97W\xe3\xd5\xa9\x88\x87\xdfi\x13\xd6\xe6\xf1\xc9\x8f\x95k\xbc\xf4\xb31\x82 \x94\xdb\xcb\x1f\x9f\xfcX\x9b\xb06p\xbb\xea\xbc\xfd\xa0\xf6\x05^.x\xf4\xf2\xf3\xf3\x97.]\nW\x0e\x0b\xb8\xa4g&amp;]uM;\xf7\x15nAI\xd5U\xd7\xb4Kzf\x12,\xa1\xe0G/]\xba4??\x1fKB\x9bG\xab\x01\xc0\x03\xf5g\xc8\x99\x0b\xab\xf1\xea\xbf\x</t>
        </is>
      </c>
    </row>
    <row r="490">
      <c r="A490" s="1" t="n">
        <v>488</v>
      </c>
      <c r="B490" t="inlineStr">
        <is>
          <t>color_overlap_squares</t>
        </is>
      </c>
      <c r="C490" t="inlineStr">
        <is>
          <t>What is the missing color of the part denoted with a question mark?</t>
        </is>
      </c>
      <c r="D490" t="inlineStr">
        <is>
          <t>['blue', 'green', 'orange', 'yellow']</t>
        </is>
      </c>
      <c r="E490" t="inlineStr">
        <is>
          <t>blue</t>
        </is>
      </c>
      <c r="F490" t="inlineStr">
        <is>
          <t>There are 3 squares which overlap each other in the image. The color of the squares are ['?', 'yellow', 'red']. The part where the first and second squares overlap is green. The part where the second and third squares overlap is orange.</t>
        </is>
      </c>
      <c r="G490" t="inlineStr">
        <is>
          <t>We observe that the yellow and red squares overlap to form orange. Hence, the pattern is that the color of the part where two squares overlap is determined by mixing the two colors.</t>
        </is>
      </c>
      <c r="H490" t="inlineStr">
        <is>
          <t>Based on the pattern that the color of the part where two squares overlap is determined by mixing the two colors, the missing color of the part which overlaps with yellow to form green should be blue.</t>
        </is>
      </c>
      <c r="I490" t="inlineStr">
        <is>
          <t>b'\x89PNG\r\n\x1a\n\x00\x00\x00\rIHDR\x00\x00\x02\x00\x00\x00\x02\x00\x08\x02\x00\x00\x00{\x1aC\xad\x00\x00 \xd3IDATx\x9c\xed\xdd}\x8c]e\x81\xc7\xf1\xe7\xbc\xdc{;w\x86N\x87n\xc1%]\xe2\xa2+f\x17\x16\x08\x14\x15u\xe8\x06\x9a\n\xc1\xc0\xaeAwc\xd3 \xda\x97@\xad\x9b5\xa0hw\x13\x16\x04\x13\xff\x91\xca[\xdb`\xb0@\x16q\rF\x13\x94\x8d\x90\xa5\xe2Bmy)/*J\x90e\x05SJ\x99\xb6\xf3z\xef=\xe7&lt;\xfb\xc7\x03\xc30\x9dN\xef\xcbs\xcey^\xbe\x9f?H\x1dJ\xe68\xed\xfc\xbe\xf7\x9es\xe6\xde@J)\x00\x00\xfe\t\xcb&gt;\x00\x00@9\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80\xa7\x08\x00\x00x\x8a\x00\x00xK\x9a\xa6R\xca\xb2\x8f\x02\xc5\t\xf8\xf3\x06 \x84\x90R\x06A0\xf3\x17p\x1e\xcf\x00\x00\xdfI)\xd5\xe8\xdfp\xc3\r{\xf7\xee\r\x82 \xcb\xb2\xb2\x0f\nE \x00\x80\xd7\xa4\x94Y\x96\x05A\xb0~\xfd\xfa\xaf\x7f\xfd\xeb\x17_|\xf1\xc8\xc8H\x18\x864\xc0\x07\x04\x00\xf0\x97Z\xff(\x8a\xd6\xae]\xbbe\xcb\x96z_\xdf\xce\x9d;W\xae\\I\x03&lt;A\x00\x00O\xcd\\\xffm\xdb\xb6\xd5*\x95\x89\xc9\xc98\x8ew\xed\xdaE\x03&lt;A\x00\x00\x1f\xcd^\xffj\xb5\xd1j}\xf8\x84\x13\xd2$\xa1\x01\xfe \x00\x80wf\xad\x7f_\xad\xd6h6?}\xf2\xc9?\xbf\xf4\xd2o\x0e\x0f\'IR\xabTh\x80\x0f\x08\x00\xe0\x97\xc3\xd7\x7f\xb2\xd1\xf8\xc7\x0f~\xf0\xd6\x15+^\x9f\x98X\x7f\xfa\xe9\xdf\x1c\x1en\xb4Z4\xc0\x07\x04\x00\xf0\xc8\x91\xd6\xff\xe6\xf3\xcf\x1fk6\x85\x10\xfb&amp;&amp;\xae\xa0\x01\xde \x00\x80/\xe6_\xffL\xca0\x08\xe20|\x9d\x06x\x83\x00\x00^hg\xfd\xd5\xef\xa4\x01\xfe \x00\x80\xfb\xda_\x7f\x85\x06x\x82\x00\x00\x8e\xebt\xfd\x15\x1a\xe0\x03\x02\x00\xb8\xac\xbb\xf5Wh\x80\xf3\x08\x00\xe0\xac^\xd6_\xa1\x01n#\x00\x80\x9bz_\x7f\x85\x068\x8c\x00\x00\x0e\xd2\xb5\xfe\n\rp\x15\x01\x00\\\xa3w\xfd\x15\x1a\xe0$\x02\x008%\x8f\xf5Wh\x80{\x08\x00\xe0\x8e\xfc\xd6_\xa1\x01\x8e!\x00\x80#\xf2^\x7f\x85\x06\xb8\x84\x00\x00.(f\xfd\x15\x1a\xe0\x0c\x02\x00X\xaf\xc8\xf5Wh\x80\x1b\x08\x00`\xb7\xe2\xd7_\xa1\x01\x0e \x00\x80\xc5\xcaZ\x7f\x85\x06\xd8\x8e\x00\x00\xb6*w\xfd\x15\x1a`5\x02\x00X\xc9\x84\xf5Wh\x80\xbd\x08\x00`\x1fs\xd6_\xa1\x01\x96"\x00\x80eL[\x7f\x85\x06\xd8\x88\x00\x0061s\xfd\x15\x1a`\x1d\x02\x00X\xc3\xe4\xf5Wh\x80]\x08\x00`\x07\xf3\xd7_\xa1\x01\x16!\x00\x80\x05lY\x7f\x85\x06\xd8\x82\x00\x00\xa6\xb3k\xfd\x15\x1a`\x05\x02\x00\x18\xcd\xc6\xf5Wh\x80\xf9\x08\x00`.{\xd7_\xa1\x01\x86#\x00\x80\xa1l_\x7f\x85\x06\x98\x8c\x00\x00&amp;rc\xfd\x15\x1a`,\x02\x00\x18\xc7\xa5\xf5Wh\x80\x99\x08\x00`\x16\xf7\xd6_\xa1\x01\x06"\x00\x80A\\]\x7f\x85\x06\x98\x86\x00\x00\xa6p{\xfd\x15\x1a`\x14\x02\x00\x18\xc1\x87\xf5Wh\x809\x08\x00P&gt;\x7f\xd6_\xa1\x01\x86 \x00@\xc9|[\x7f\x85\x06\x98\x80\x00\x00e\xf2s\xfd\x15\x1aP:\x02\x00\x94\xc6\xe7\xf5Wh@\xb9\x08\x00P\x0e\xd6_\xa1\x01%"\x00@\tX\xff\x99h@Y\x08\x00P4\xd6\xffp4\xa0\x14\x04\x00(\x14\xeb\x7f$4\xa0x\x04\x00(\x0e\xeb??\x1aP0\x02\x00\x14\x84\xf5o\x07\r(\x12\x01\x00\x8a\xc0\xfa\xb7\x8f\x06\x14\x86\x00\x00\xb9c\xfd;E\x03\x8aA\x00\x80|\xb1\xfe\xdd\xa1\x01\x05 \x00@\x8eX\xff^\xd0\x80\xbc\x11\x00 /\xac\x7f\xefh@\xae\x08\x00\x90\x0b\xd6_\x17\x1a\x90\x1f\x02\x00\xe8\xc7\xfa\xebE\x03rB\x00\x00\xcdX\xff&lt;\xd0\x80&lt;\x10\x00@\'\xd6??4@;\x02\x00h\xc3\xfa\xe7\x8d\x06\xe8E\x00\x00=X\xffb\xd0\x00\x8d\x08\x00\xa0\x01\xeb_$\x1a\xa0\x0b\x01\x00z\xc5\xfa\x17\x8f\x06hA\x00\x80\x9e\xb0\xfee\xa1\x01\xbd#\x00@\xf7X\xffr\xd1\x80\x1e\x11\x00\xa0K\xac\xbf\th@/\x08\x00\xd0\r\xd6\xdf\x1c4\xa0k\x04\x00\xe8\x18\xebo\x1a\x1a\xd0\x1d\x02\x00t\x86\xf57\x13\r\xe8\x02\x01\x00:\xc0\xfa\x9b\x8c\x06t\x8a\x00\x00\xedb\xfd\xcdG\x03:B\x00\x80\xb6\xb0\xfe\xb6\xa0\x01\xed#\x00\xc0\xd1\xb1\xfev\xa1\x01m"\x00\xc0Q\xb0\xfe6\xa2\x01\xed \x00\xc0|X\x7f{\xd1\x80\xa3"\x00\xc0\x11\xb1\xfe\xb6\xa3\x01\xf3#\x00\xc0\xdcX\x7f7\xd0\x80y\x10\x00`\x0e\xac\xbfKh\xc0\x91\x10\x00`6\xd6\xdf=4`N\x04\x00x\x17\xd6\xdfU4\xe0p\x04\x00x\x07\xeb\xef6\x1a0\x0b\x01\x00\xde\xc2\xfa\xfb\x80\x06\xccD\x00\x00!X\x7f\x9f\xd0\x80i\x04\x00`\xfd\xbdC\x03\x14\x02\x00\xdf\xb1\xfe~\xa2\x01\x82\x00\xc0s\xac\xbf\xcfh\x00\x01\x80\xbfX\x7fx\xde\x00\x02\x00O\xb1\xfeP|n\x00\x01\x80\x8fX\x7f\xcc\xe4m\x03\x08\x00\xbc\xc3\xfa\xe3p~6\x80\x00\xc0/\xac?\x8e\xc4\xc3\x06\x10\x00x\x84\xf5\xc7\xfc|k\x00\x01\x80/X\x7f\xb4\xc3\xab\x06\x10\x00x\x81\xf5G\xfb\xfci\x00\x01\x80\xfbX\x7ft\xca\x93\x06\x10\x008\x8e\xf5Gw|h\x00\x01\x80\xcbX\x7f\xf4\xc2\xf9\x06\x10\x008\x8b\xf5G\xef\xdcn\x00\x01\x80\x9bX\x7f\xe8\xe2p\x03\x08\x00\x1c\xc4\xfaC/W\x1b@\x00\xe0\x1a\xd6\x1fyp\xb2\x01\x04\x00Na\xfd\x91\x1f\xf7\x1a@\x00\xe0\x0e\xd6\x1fys\xac\x01\x04\x00\x8e`\xfdQ\x0c\x97\x1a@\x00\xe0\x02\xd6\x1fEr\xa6\x01\x04\x00\xd6c\xfdQ&lt;7\x1a@\x00`7\xd6\x1feq\xa0\x01\x04\x00\x16c\xfdQ.\xdb\x1b@\x00`+\xd6\x1f&amp;\xb0\xba\x01\x04\x00Vb\xfda\x0e{\x1b@\x00`\x1f\xd6\x1f\xa6\xb1\xb4\x01\x04\x00\x96a\xfda&amp;\x1b\x1b@\x00`\x13\xd6\x1f&amp;\xb3\xae\x01\x04\x00\xd6`\xfda&gt;\xbb\x1a@\x00`\x07\xd6\x1f\xb6\xb0\xa8\x01\x04\x00\x16`\xfda\x17[\x1a@\x00`:\xd6\x1f6\xb2\xa2\x01\x04\x00Fc\xfda/\xf3\x1b@\x00`.\xd6\x1f\xb63\xbc\x01\x04\x00\x86b\xfd\xe1\x06\x93\x1b@\x00`"\xd6\x1f.1\xb6\x01\x04\x00\xc6a\xfd\xe1\x1e3\x1b@\x00`\x16\xd6\x1f\xae2\xb0\x01\x04\x00\x06a\xfd\xe16\xd3\x1a\x10H)\x0b\xfe\x94(Q\xe9w\x1d\xccCJ\x19\x04A\x18\x86j\xfd\xab\xd5j\xb3\xd9\xfc\xf4\xc9\'\xb3\xfeE\xe2\x8b\\\x80$\xcb\x8e\xab\xd7o{\xfa\xe9\xaf\xec\xd8\x11\xc7q\x92$\xcb\x96-{\xf0\xc1\x07\x87\x86\x86\xd4wAaGB\x00`\x16\xb5\xfe\xb5j\xb5\xd5j}\xee\x94S\xbes\xdeyc\xadV\xc1\xdf\x15\xde\xca\xb2l*M\xcb&gt;\n/$Y\xb6\xa4^\xbf\xed\xe9\xa7\xff\xfd\xb1\xc7\x12!\x9a\xad\xd6\x87?\xfc\xe1\xef\x7f\xff\xfbK\x97.\r\x82\xa0\xb0\xbf\xed\x04\xc0\x17jC\xbf\xfc\xe5/?\xf5\xd4SQ\x14\xa5\xe6}\x9f\x07Ap\xf0\xe0\xc1\'\x9exB\x1d^\x14\x04\x1f9\xe1\x04)D*e(\x04\x7fMs\x15\x05A*\xe5\xdf,^|\xdd\xc7?&gt;\xd5j\x91\xdb\xbceR\n!\x8e\xab\xd7W\xfc\xe0\x07\x8f\xbd\xf6Z\xbd\xafobr\xf2\xba\xeb\xae\xdb\xb4iS\x9a\xa6Q\x14\x15s\x18q1\x9f\x06\xa5S\x01\xf8\xe5/\x7f\xb9s\xe7\xce\xb2\x8fe&gt;\xb5j\x9cfY\x1c\x85I\x9a=\xfa\xea\xabe\x1f\x8e_&amp;\x93$\x0e\x02)\x04\xf3\x9f+u&gt;s\xa0Z\xbd\xfcg?{\xec\xb5\xd7j\xd5\xea\xc4\xe4\xe4\xbau\xeb\xae\xb9\xe6\x1au\r\xac\xb0#!\x00~\x19\x18\x18\x88\xa2(\x8a\xa2f\xb3Y\xf6\xb1\xcc\xad\xd1L\xd4/\x82@\x84"P\x0f\xfc3\x9e\xa7\xe6\xac\x1a\x86\xa9\x94\xfd\x95\n_\xe8\xbcM\xaf\xff\x86\x9f\xff\xfc\xbe\x17^\xa8U\xab\x8dfs\xcd\x9a5\xb7\xdf~{\xf1\xe7c\x08\x80_\xb2,K\xd3TJ\xb9\xfcC\',\x1f\xfe\x8bl\xa2\x15\x86f=\xda\x93R\x888\xdc\xbf\x7f\xf2\xe6\xbb\x9e\xcb\x02\x19\x04A\x18\x04\xeb/&lt;\xf5=\x8b\x07&amp;&amp;\x9aQ\xa4\xce\x06\x99u\xcc\xf6\xca\xa4\xac-\xa8&lt;\xfc\xc4\xff&gt;\xfa\xdck\x99\x94\x846o3\xd7\xff\xde\xdf\xfeV\xdd\xe7\xb6f\xcd\x9a\xad[\xb7\xa6i\x1a\x86a\xc1\'\xdf\x08\x80\x8f\xb2,\xbbp\xf8/\xae\xba\xe1\\\xf1\xfa\x84\x88\xcd\xbb\x15XJQ\x8b\xff\xf6\xe4c\xd7n\xda\x11GA\x9a\xc9\x17_=\xf0\x9d\r\x7f\x17\x0e\xd4\xc4T"\xa2\x80\x0b\x02\xda\xa4\x99\x18\xea\x8f\xbf\xf3\xf0\x8eg9\xdb\x96;\xd3\xd6_\x10\x00o\x8dM\xb4\x92\xd7\'\x927&amp;b\x03\x03 D&amp;\xc5\x9au\xa7\x0b!\xd6n\xdaQ\x89\xc3\xffz\xf2\x953\xd6\xdf\xf3\xb3\x1b\xffah\xa0:5\x95D\x11\xcf\x00\xf4H\xd2\xec\x18!\xc6\'[e\x1f\x88\xfb\x0c\\\x7fA\x00\xbc\x15\x86A\x1c\x87"\x0e\xcd\x0c\x80\x10"y}b\xba\x01\xb5j\xf4\xcc\x1f\xde\xb8h\xd3\x8f\x1e\xfc\xe6\xdf\x0f\xf5\xd7&amp;i\x80&gt;q\x14\x9av\x1a\xd0=f\xae\xbf\xe0\'\x81a\xac8\x0eU\x03\xb6^?\xdch\xa6\xb5j\xf4\xe4\x8b\xaf\xaf\xfc\xea\xfd#\xe3\x8d\xbe\x05q\x9ar\x1a\x08v0v\xfd\x05\x01\x80\xc9h\x00lg\xf2\xfa\x0b\x02\x00\xc3\xd1\x00\xd8\xcb\xf0\xf5\x17\x04\x00\xe6\xa3\x01\xb0\x91\xf9\xeb/\x08\x00\xac@\x03`\x17+\xd6_\x10\x00\xd8\x82\x06\xc0\x16\xb6\xac\xbf \x00\xb0\x08\r\x80\xf9,Z\x7fA\x00`\x17\x1a\x00\x93\xd9\xb5\xfe\x82\x00\xc0:4\x00f\xb2n\xfd\x05\x01\x80\x8dh\x00Lc\xe3\xfa\x0b\x02\x00K\xd1\x00\x98\xc3\xd2\xf5\x17\x04\x00\xf6\xa2\x010\x81\xbd\xeb/\x08\x00\xacF\x03P.\xab\xd7_\x10\x00\xd8\x8e\x06\xa0,\xb6\xaf\xbf \x00p\x00\r@\xf1\x1cX\x7fA\x00\xe0\x06\x1a\x80"\xb9\xb1\xfe\x82\x00\xc0\x194\x00\xc5pf\xfd\x05\x01\x80Kh\x00\xf2\xe6\xd2\xfa\x0b\x02\x00\xc7\xd0\x00\xe4\xc7\xb1\xf5\x17\x04\x00\xee\xa1\x01\xc8\x83{\xeb/\x08\x00\x9cD\x03\xa0\x97\x93\xeb/\x08\x00\\E\x03\xa0\x8b\xab\xeb/\x08\x00\x1cF\x03\xd0;\x87\xd7_\x10\x00\xb8\x8d\x06\xa0\x17n\xaf\xbf \x00p\x1e\r@w\x9c_\x7fA\x00\xe0\x03\x1a\x80N\xf9\xb0\xfe\x82\x00\xc0\x134\x00\xed\xf3d\xfd\x05\x01\x80?h\x00\xda\xe1\xcf\xfa\x0b\x02\x00\xaf\xd0\x00\xcc\xcf\xab\xf5\x17\x04\x00\xbe\xa1\x018\x12\xdf\xd6_\x10\x00x\x88\x06\xe0p\x1e\xae\xbf \x00\xf0\x13\r\xc0L~\xae\xbf \x00\xf0\x16\r\x80\xe2\xed\xfa\x0b\x02\x00\x9f\xd1\x00\xf8\xbc\xfe\x82\x00\xc0s4\xc0g\x9e\xaf\xbf \x00\x00\r\xf0\x13\xeb/\x08\x00 h\x80\x7fX\x7f\x85\x00\x00B\xd0\x00\x9f\xb0\xfe\xd3\x08\x00\xf0\x16\x1a\xe0\x03\xd6\x7f&amp;\x02\x00\xbc\x83\x06\xb8\x8d\xf5\x9f\x85\x00\x00\xefB\x03\\\xc5\xfa\x1f\x8e\x00\x00\xb3\xd1\x00\xf7\xb0\xfes"\x00\xc0\x1ch\x80KX\xff#!\x00\xc0\xdch\x80\x1bX\xffy\x10\x00\xbfH\xc9lu\x80\x06\xd8\x8e\xf5\x9f\x1f\x01\xf0\x85\x94RJ\x19\xc7q\xd9\x07b\x19\x1a`/\xd6\xff\xa8\x08\x80\x17\xa4\x94A\x10\x04Ap\xe0\xc0\x01\xdf\xff\xcaw\x8e\x06\xd8\x88\xf5o\x07\x01p\x9f\x942\xcb\xb20\x0c\xd7\xae]\xbb{\xf7\xeeJ5\x16Bp*\xa8#4\xc0.\xac\x7f\x9b\x08\x80\xe3\xd4\xfaGQ\xb4v\xed\xdam\xdb\xb6EQ\x94e\x99\x10\xa2\x12\x87\x19\x11\xe8\x04\r\xb0\x05\xeb\xdf&gt;\x02\xe0\xb2Y\xeb_\xadV\xd34U\xff\xea\xf5\xfd\x93a-\xa6\x01\x1d\xa1\x01\xe6c\xfd;B\x00\x9c5k\xfdk\xb5Z\xb3\xd9\x0c\xc30I\xb20\x0cn\xfd\x8f_o\xbb\xf9\x89\xea\xf1\x03I\x92\x95}\xa46\xa1\x01&amp;c\xfd;E\x00\xdc4k\xfd\xfb\xfa\xfa\x1a\x8d\xc6\xfa\xf5\xeb\x87\x87\x87\x85\x10A\x10\xa6\xa9\\\xfb\xaf;\xb6my*&gt;\xaeN\x03:B\x03\xcc\xc4\xfaw\x81\x008\xe8\xf0\xf5\x9f\x9c\x9c\\\xb5j\xd5m\xb7\xdd6\xe3\xe7\x00d\x1c\x87k7\xed\xd8\xb6\xe5i\x1a\xd0)\x1a`\x1a\xd6\xbf;\x04\xc05s\xae\xff\xea\xd5\xab\xef\xb8\xe3\x8eF\xa3\x91$\xc9\xdb\xbfM$IF\x03\xbaF\x03\xcc\xc1\xfaw\x8d\x008e\x9e\xf5\x1f\x1d\x1d\x15B\x84a(\x84H\xd3t\xf9\xa7\xcf&gt;\xf9\xac\xbfL\x92\xacR\x8dh@wh\x80\tX\xff^\x10\x00w\xcc\xbf\xfeY\x96\xcd\xfcN\x18\\|\xcc\xbf\xdc\xfe\xb9\xa5\x7f\xf5\x9eV3\xa5\x01]\xa3\x01\xe5b\xfd{D\x00\x1cq\xd4\xf5W\x8f\xfd\xa7MM4\xeb\x03\x0b\xbet\xf3\xea\x13?\xf8\xe74\xa0\x174\xa0,\xac\x7f\xef\x08\x80\x0b:]\x7f!D\x14\x85\x8d\xa9f\xfd\x98\xbe\x7f\xbe\xe52\x1a\xd0#\x1aP&lt;\xd6_\x0b\x02`\xbd.\xd6_\t\xdfj\xc0\x02\x1a\xd0;\x1aP$\xd6_\x17\x02`\xb7\xae\xd7_\t\xa3\xb01I\x03\xf4\xa0\x01\xc5`\xfd5"\x00\x16\xebq\xfd\x15\x1a\xa0\x11\r\xc8\x1b\xeb\xaf\x17\x01\xb0\x95\x96\xf5Wh\x80F4 ?\xac\xbfv\x04\xc0J\x1a\xd7_\xa1\x01\x1a\xd1\x80&lt;\xb0\xfey \x00\xf6\xd1\xbe\xfe\n\r\xd0\x88\x06\xe8\xc5\xfa\xe7\x84\x00X&amp;\xa7\xf5Wh\x80F4@\x17\xd6??\x04\xc0&amp;\xb9\xae\xbfB\x034\xa2\x01\xbdc\xfdsE\x00\xacQ\xc0\xfa+4@#\x1a\xd0\x0b\xd6?o\x04\xc0\x0e\x85\xad\xbfB\x034\xa2\x01\xdda\xfd\x0b@\x00,P\xf0\xfa+4@#\x1a\xd0)\xd6\xbf\x18\x04\xc0t\xa5\xac\xbfB\x034\xa2\x01\xedc\xfd\x0bC\x00\x8cV\xe2\xfa+4@#\x1a\xd0\x0e\xd6\xbfH\x04\xc0\\\xa5\xaf\xbfB\x034\xa2\x01\xf3c\xfd\x0bF\x00\x0ce\xc8\xfa+4@#\x1ap$\xac\x7f\xf1\x08\x80\x89\x8cZ\x7f\x85\x06hD\x03\x0e\xc7\xfa\x97\x82\x00\x18\xc7\xc0\xf5Wh\x80F4`&amp;\xd6\xbf,\x04\xc0,\xc6\xae\xbfB\x034\xa2\x01\n\xeb_"\x02`\x10\xc3\xd7_\xa1\x01\x1a\xd1\x00\xd6\xbf\\\xe5\x0f\n\x14+\xd6_\xa1\x01\x1a\xf9\xdc\x00\xd6\xbft\xa6l\x8a\xe7,Z\x7f\x85\x06h\xe4g\x03X\x7f\x13\x985+~\xb2n\xfd\x15\x1a\xa0\x91o\r`\xfd\ra\xe2\xb2x\xc5\xd2\xf5Wh\x80F\xfe4\x80\xf57\x87\xb9\xe3\xe2\x03\xab\xd7_\xa1\x01\x1a\xf9\xd0\x00\xd6\xdf(\xa6\xef\x8b\xc3\x1cX\x7f\x85\x06h\xe4v\x03X\x7f\xd3\xd811\xeeqf\xfd\x15\x1a\xa0\x91\xab\r`\xfd\rd\xd3\xca8\xc3\xb1\xf5Wh\x80F\xee5\x80\xf57\x93}Cc;\'\xd7_\xa1\x01\x1a\xb9\xd4\x00\xd6\xdfX\xb6n\x8d\xa5\x1c^\x7f\x85\x06h\xe4F\x03X\x7f\x93\xd9=7vq~\xfd\x15\x1a\xa0\x91\xed\r`\xfd\r\xe7\xc2\xe2X\xc1\x93\xf5Wh\x80F\xf66\x80\xf57\x9f;\xa3c2\xaf\xd6_\xa1\x01\x1a\xd9\xd8\x00\xd6\xdf\n\xae\xed\x8e\x81&lt;\\\x7f\x85\x06hdW\x03X\x7f[\xb89=\xe6\xf0v\xfd\x15\x1a\xa0\x91-\r`\xfd-\xe2\xf2\xfa\x94\xce\xf3\xf5Wh\x80F\xe67\x80\xf5\xb7\x8b\xfb\x03T\x16\xd6\x7f\x1a\r\xd0\xc8\xe4\x06\xb0\xfe\xd6\xf1e\x83\n\xc6\xfa\xcfB\x0342\xb3\x01\xac\xbf\x8d\xfc\x9a\xa1b\xb0\xfes\xa2\x01\x1a\x99\xd6\x00\xd6\xdfR&gt;.Q\xaeX\xffy\xd0\x00\x8d\xcci\x00\xebo/\x7f\xc7(\x0f\xac\xffQ\xd1\x00\x8dLh\x00\xebo5\xdf\xf7H#\xd6\xbfM4@\xa3r\x1b\xc0\xfa\xdb\x8eI\xd2\x83\xf5\xef\x08\r\xd0\xa8\xac\x06\xb0\xfe\x0e`\x954`\xfd\xbb@\x034*\xbe\x01\xac\xbf\x1b\x18\xa6^\xb1\xfe]\xa3\x01\x1a\x15\xd9\x00\xd6\xdf\x19lSOX\xff\x1e\xd1\x00\x8d\x8ai\x00\xeb\xef\x12\xe6\xa9{\xac\xbf\x164@\xa3\xbc\x1b\xc0\xfa;\x86\x85\xea\x12\xeb\xaf\x11\r\xd0(\xbf\x06\xb0\xfe\xeea\xa4\xba\xc1\xfakG\x034\xca\xa3\x01\xac\xbf\x93\xd8\xa9\x8e\xb1\xfe9\xa1\x01\x1a\xe9m\x00\xeb\xef*\xa6\xaa3\xac\x7f\xaeh\x80F\xba\x1a\xc0\xfa;\x8c\xb5\xea\x00\xeb_\x00\x1a\xa0Q\xef\r`\xfd\xdd\xc6`\xb5\x8b\xf5/\x0c\r\xd0\xa8\x97\x06\xb0\xfe\xcec\xb3\xda\xc2\xfa\x17\x8c\x06h4O\x03\xea\x0bb\x99\xcd\xdd\x00\xd6\xdf\x07\xcc\xd6\xd1\xb1\xfe\xa5\xa0\x01\x1a\x1d\xb1\x01c\x8d`A\x9c\xa4\xb3\xbf\x98\xac\xbf\'X\xae\xa3`\xfdKD\x034\x9a\xbb\x01_\xfb\xd1\xf8x\xf3\x98\xbe\xca\xcc\xdf\xc9\xfa\xfb\x83\xf1\x9a\x0f\xeb_:\x1a\xa0\xd1\xe1\r\xd8\xf3\xd2\xbe\x8b\xaf\xfa\xcf?\xbd91\xfd{X\x7f\xaf\xb0_G\xc4\xfa\x1b\x82\x06h4\xab\x01\x958|h\xcf\x1fo\xf9\xc9\x9e(\x08\x84\x10R\xcaP\x08\xd6\xdf\x1fL\xd8\xdcX\x7f\xa3\xd0\x00\x8df6\xa0\x95d\x958\x9c^\xf5(\x0cY\x7f\xaf\xb0bs`\xfd\rD\x034\x9a\xd5\x00!\x02\x11\x08!D\x10\x04\x1b\x1ez\xe8\xbe\x17^`\xfd=\xc1\x90\xcd\xc6\xfa\x1b\x8b\x06h\xf4v\x03\xce\xd8z\xddp\x14\x05\xeaV\xd0\xffy\xf5\xd5\xef&gt;\xfbl\xb5Ra\xfd=\xc1\x96\xbd\x0b\xebo8\x1a\xa0Q\x1c\x87\xcd\xbdck6\x9cy\xc5?\xfdu\x96\xc98\x0e3)\xab\x95J\xb3\xd5b\xfd=\xc1\x9c\xbd\x83\xf5\xb7\x02\r\xd0(\x0c\x82\xac\x91\x1c\xb7\xb8O\xfd\xcf(\x8aX\x7f\xaf\xb0hoa\xfd-B\x034\n\x83\xa0\x95dB\x880\x0c\xd34e\xfd\xbd\xc2\xa8\t\xc1\xfa[\x88\x06h\xa4v\xbe\xd5L\xce:\xeb\xac\xad[\xb7\xaa\xbf\xf0\xac\xbf\x0f\xd85\xd6\xdfV4@/)\xc4\xa2E\x8b\xa4\x94RJ\xd6\xdf\x13\xbeO\x1b\xebo5\x1a\xa0W\x92$A\x10\xb0\xfe\xfe\xf0z\xddX\x7f\x07\xd0\x00\x8d\x98~\xdf\xf8;p\xac\xbf3h\x00\xd0\x1dO7\x8e\xf5w\x0c\r\x00\xba\xe0\xe3\xcc\xb1\xfeN\xa2\x01@\xa7\xbc[:\xd6\xdfa4\x00\xe8\x88_c\xc7\xfa;\x8f\x06\x00\xed\xf3h\xefX\x7fO\xd0\x00\xa0M\xbeL\x1e\xeb\xef\x15\x1a\x00\xb4\xc3\x8b\xd5c\xfd=D\x03\x80\xa3r\x7f\xf8X\x7fo\xd1\x00`~\x8eo\x1f\xeb\xef9\x1a\x00\xcc\xc3\xe5\xf9c\xfd!h\x00pd\xce. \xeb\x8fi4\x00\x98\x93\x9b#\xc8\xfac\x16\x1a\x00\x1c\xce\xc1\x1dd\xfd1\'\x1a\x00\xcc\xe2\xda\x14\xb2\xfe\x98\x07\r\x00frj\rY\x7f\x1c\x15\r\x00\xa6\xb93\x88\xac?\xdaD\x03\x00\xc5\x91Md\xfd\xd1\x11\x1a\x00\x087\x02\xc0\xfa\xa3\x0b4\x00\xb0~\x19Y\x7ft\x8d\x06\xc0sv\x8f#\xeb\x8f\x1e\xd1\x00\xf8\xcc\xe2}d\xfd\xa1\x05\r\x80\xb7l\x9dH\xd6\x1f\x1a\xd1\x00\xf8\xc9\xca\x95d\xfd\xa1\x1d\r\x80\x87\xec\x1bJ\xd6\x1f9\xa1\x01\xf0\x8de[\xc9\xfa#W4\x00^\xb1i.Y\x7f\x14\x80\x06\xc0\x1f\xd6,&amp;\xeb\x8f\xc2\xd0\x00x\xc2\x8e\xd1d\xfdQ0\x1a\x00\x1fX\xb0\x9b\xac?JA\x03\xe0&lt;\xd3\xa7\x93\xf5G\x89h\x00\xdcf\xf4z\xb2\xfe(\x1d\r\x80\xc3\xcc\x1dP\xd6\x1f\x86\xa0\x01p\x95\xa1\x1b\xca\xfa\xc3(4\x00N2qFY\x7f\x18\x88\x06\xc0=\xc6-)\xeb\x0fc\xd1\x008\xc6\xac1e\xfda8\x1a\x00\x97\x18\xb4\xa7\xac?\xac@\x03\xe0\x0cS&amp;\x95\xf5\x87Eh\x00\xdc`\xc4\xaa\xb2\xfe\xb0\x0e\r\x80\x03\xca\x1fV\xd6\x1f\x96\xa2\x01\xb0]\xc9\xdb\xca\xfa\xc3j4\x00V+s^Y\x7f8\x80\x06\xc0^\xa5-,\xeb\x0fg\xd0\x00X*.\xe5\xb3\xb2\xfe\xa5\x93\x99L\x93,K\xd9&amp;=\x02!&amp;\xc6\xa6j\xf5\xea\x177\xaf\xfe\xf6\x15w\xbe\xfa\xe2\xde8\x0e\xd7n\xda!\x84X\xb3\xee\xf4\xe6\xde\x890(\xfb\x10\xe7\x92$\x99H\xb2,\x93e\x1f\x08\xcaQB\x00X\x7f\x13\xd4\xfa\xaa\x83\x7f6 \x02\x11E|\xb5u\t\xb24[xl\xff\xbf\xdd{\xe5MW~\xef\xb7\xbb^z\xa7\x01W\x9e)\x1a\x89\x08\x8c\x8b@\x9cd\xe2\xb8\xfa@\xbdR\xf6\x81\xa0\x1cE\x07\x80\xf57A\x18\x86\xcf?\xfe\xe2=7\xfe\xa41\xd9\n\xcd[%KI!\x03\x11\xa4i\xb6\xa0^]r\xe2\xe2\xdf\xee\xfeC\x96\xc9 \x08\xd6n\xda\xf1\xcc\x0bo.^\xdc\'\x92\xcc\xb4/v\x96\xc9\xb0^\xf9\xef\x1d\xff\x17\x86a\x96\xf1t\xd0;\x85\x06@J)\x84\x98^\xffZ\xad\xc6\xfa\x17,\x0c\xc3(\x8a\xa2(\xfa\xfdS/\xff\xfe\xa9\x97\xcb&gt;\x1c\x97EQ$\x82 \x08D\x96\xa57\xdf\xf5\\\xd9\x87s\x14\xd5j5MS\xbe\x01}St\x00\xa4\x94W^y\xa5Z\xffF\xa3\xb1j\xd5*\xd6\xbf0A\x10\x8c\x8d\x8d\xa5i\x9a\xa6i\xd9\xc7\xe2\xbe\x99_\xe48\nE \xa20l4\x93\x12\x0fi\x1e\xcdfS\x08166V\xf6\x81\xa0P\xc5\x05 M\xd3(\x8a\xae\xbf\xfe\xfa-[\xb6\xd4\xeb\xf5\x89\x89\x89\x8f}\xeccw\xddu\xd7\xfe\xfd\xfb\x85\x10\xac\x7f\xde\x82 H\x92\xe4C\x1f\xfaP\xbd^\xe7\xf9~\x01\xb2,\x8b\xe38\x08\x82_\xfc\xe2\x17I\x9aFQ\xd4h&amp;g\x9ey\xe6\xe0\xe0\xa0z*l\x94(\x8a\xd24=\xe3\x8c3\x84\x10\x81i\'\xaa\x90\x9b\xa0\xb0\xbf\x8b\xea\xe1\xff\x1f\xff\xf8\xc7\xcf|\xe63\x8f?\xfex\xb5Z\xadT*7\xdcp\xc3\xc6\x8d\x1b\xf7\xed\xdb\x17\xc7\xe5\xdc\x8f\xe4\x9b\x05\x0b\x16DQT\xf6Q\xb8/\xcb\xb2 \x08j\xb5\xda\x15W\\\xb1e\xcb\x96J\xa5\xd2h4\xd6\xacY\xb3u\xeb\xd6\xb2\x0f\rxGq\x01\x10BH)\x83 \x18\x19\x19Y\xb9r\xe5\xae]\xbb\xd4\x83\x8e\x9bn\xba\x89\x06\x14\x86\x07\xfe\x05P\xe73\x8f9\xe6\x98\xcb/\xbf\xfc\x9e{\xee\xa9V\xab\xcdfS\xad\x7f\x96e\xea\xbb\xa0\xecc&lt;"\x9e\x8b{\xa5\xd0\x00\x88\xb7\xbf7\xa6\x1b\xa0\xae\x04\xd0\x008cz\xfd?\xff\xf9\xcfo\xdf\xbe]\xdd\xe7\xa6\xd6_]e5y\xfd\xe1\x9b\xa2k\xaf\xce&gt;\x0f\r\r=\xf8\xe0\x83\xcb\x96-k4\x1a\xb5Z\xedK_\xfa\xd2\xe6\xcd\x9b\x97,Y\x92$\x86^"\x03\xda\xc1\xfa\xc3.%&lt;\xdd\xa3\x01p\x12\xeb\x0f\xeb\x94s\xbe\x8f\x06\xc01\xac?lT\xda\x05\x1f\x1a\x00g\xb0\xfe\xb0T\x99W\xfci\x00\x1c\xc0\xfa\xc3^%\xdf\xf2E\x03`5\xd6\x1fV+\xff\x9e_\x1a\x00K\xb1\xfe\xb0]\xf9\x01\x104\x00\x16b\xfd\xe1\x00#\x02 h\x00\xac\xc2\xfa\xc3\r\xa6\x04@\xd0\x00X\x82\xf5\x873\x0c\n\x80\xa0\x010\x1e\xeb\x0f\x97\x98\x15\x00A\x03`0\xd6\x1f\x8e1.\x00\x82\x06\xc0H\xac?\xdccb\x00\x04\r\x80aX\x7f8\xa9\xe8\x97\x83\xee\x88\xc3\xaf\x1d=\xeb\xcb\xce|\x98\x8c\xf5\x87\xab\x8c\x0e\x80p\xab\x01Y\x96\xa97\x8aRo\xcb\xae\x86CJ\x99e\xd9\xf4\xfb\xf4\xb2&amp;\xa6a\xfd\xe10\xd3\x03 \xeco\x80\x942M\xd38\x8e\xeb\xf5z\xb5ZM\xd3tllltttrr\xb2\xd9lV*\x95z\xbd&gt;88800\x90e\xd9\xe8\xe8\xa8z\xf3\xe4\xb2\x8f\x1aB\xb0\xfep\x9d\x05\x01\x1067 \xcb\xb2Z\xad\xd6\xdf\xdf\x7f\xf0\xe0\xc1={\xf6\xec\xd8\xb1c\xf7\xee\xdd/\xbd\xf4\xd2\xde\xbd{\'\'\'\xd5\x88\xd4\xeb\xf5\xa5K\x97\x9ev\xdai\x17^x\xe1\xf9\xe7\x9f?00p\xf0\xe0A\x1aP:\xd6\x1f\xce\xb3#\x00\xc2\xce\x06dY\xd6\xdf\xdf\xff\xca+\xaf\xdc{\xef\xbd?\xfc\xe1\x0f\x9fy\xe6\x99\xa3\xfe\'\xa7\x9dv\xda\xb5\xd7^\xfb\xc9O~rdd\x84wg-\x11\xeb\x0f\x1fX\x13\x00a[\x03\xd24\x1d\x1c\x1c\xfc\xde\xf7\xbew\xf5\xd5W\x8f\x8c\x8c\xa8\x0fV*\x155\x1c\xeaz\x80\x10"\x08\x025\xf4\xeab\x80\xfa\xe0\x8d7\xdex\xd5UW\x8d\x8c\x8c\xf0&lt;\xa0\x14\xac?&lt;a\xd3cL\xeb\xee\r\x95R\x1e\x7f\xfc\xf1###\x95J\xa5R\xa9DQ\xd4j\xb5\x9a\xcdf\xb3\xd9L\x92D\xcd}\x9a\xa6\xadV\xab\xd5j\xa5i*\xa5T\xd7\x87\xaf\xb9\xe6\x9a\xed\xdb\xb7\x0f\r\r\xa9+\xc3(\x12\xeb\x0f\x7f\xd8\xf4\x0c@\xb1\xe8y@\x96e\x83\x83\x83\x9f\xf8\xc4\'\x1ez\xe8!\xf5\x91\xe3\x8e;\xee\x9cs\xce9\xeb\xac\xb3\xde\xf7\xbe\xf7-Z\xb4(\x8a\xa2\xf1\xf1\xf1\xdf\xfd\xeew\x0f&lt;\xf0\xc0#\x8f&lt;\xa2~O\x18\x86R\xca\xc5\x8b\x17\xef\xde\xbd\xfb\xd8c\x8fm\xb5Z,NaX\x7fx\xc5\xbe\x00\x08{\x1a\x90\xa6\xe9\xa2E\x8b~\xfc\xe3\x1f\x7f\xeaS\x9f:\xf7\xdcsW\xadZu\xfe\xf9\xe7/]\xba4\x8e\xe34M\xb3,\x93R\x86a\x18EQ\x92$\xdb\xb7o\xff\xe2\x17\xbf\xd8h4\xd4\x07\xd34\xbd\xf1\xc6\x1b\xbf\xfa\xd5\xaf\x1a\xf5\xff\xc8m\xac?|ce\x00\x84=\r\x08\x82\xa0\xd9l\xfe\xfa\xd7\xbf&gt;\xfb\xec\xb3\xfb\xfa\xfa\xc6\xc6\xc6\xd4\xc4\xab)Q?\x07\xa0\xfe\x08\x96,Y\xf2\xado}\xeb\xea\xab\xafV\xe7\xfd\xb3,[\xbe|\xf9O\x7f\xfa\xd3\xb1\xb11\xae\x06\x17\x80\xf5\x87\x87l\r\x80\xb0\xaa\x01}}}\xe3\xe3\xe3\xea\x06\xff9wD=\xea\x1f\x1f\x1f?\xe3\x8c3\xf6\xed\xdb\x17EQ\x9a\xa6\xef}\xef{\x1f\x7f\xfc\xf1\x05\x0b\x16\xa4i\xca\xfa\xe4\x8a\xf5\x87\x9f,~hi\xcb5a)\xe5\xd8\xd8X\x10\x04q\x1c\x1fiG\x82 P\xe7\x8bN:\xe9$\xf1\xf6+C\x1c:thjj\x8a\x87\xffyc\xfd\xe1-\xbb\xc7\xc5\x96\x06\xb49\xe2A\x10\xcc\xdc\x1a\xa6\xa7\x00\xac?|fw\x00\x84=\r\x98\x9f\xba\x01t||\xfcO\x7f\xfa\xd3\xf4\x07\x17-ZT\xaf\xd7\xb9\x134?\xac?&lt;g}\x00\x84\x13\rH\xd3t``\xe0\xc9\'\x9f|\xe5\x95W\xd4m\xa0A\x10|\xe0\x03\x1f\x18\x1c\x1cL\x92\x84\x19\xca\x03\xeb\x0f\xb8\x10\x00ay\x03\xb2,\xabT*\xadV\xeb\xdak\xaf\x9d\xbe&amp;/\xa5\xbc\xe8\xa2\x8b\xa2(\xb2\xf7*\xbd\xc9X\x7f@X}\x17\xd0\xe1l\xb9/h&amp;u\xcc\x0b\x17.\xfc\xc2\x17\xbep\xe7\x9dw\xaa\xab\x05Y\x96\xbd\xff\xfd\xef\x7f\xec\xb1\xc7\xe28V\xaf ]\xf6a:\x85\xf5\x07\x14G\x9e\x01(\xd6=\x0fH\x92\xa4V\xab\xd5j\xb5\xcb.\xbb\xec\xce;\xef\x9c\xf9\xca?\xdf\xfe\xf6\xb79\xff\x93\x07\xd6\x1f\x98\xe6T\x00\x84U\rH\x92d\xe1\xc2\x85\x87\x0e\x1d\xba\xe4\x92K\xee\xbe\xfb\xee\xe9\xb3=Y\x96m\xde\xbc\xf9\x82\x0b.8p\xe0\x00/\x06\xa7\x17\xeb\x0f\xcc\xe4\xd4)\xa0i\xe6\x9f\x0bJ\x92dhhh\xcf\x9e=\x9f\xfd\xecg_x\xe1\x055\xf4j\x83n\xb9\xe5\x96u\xeb\xd6\xed\xdf\xbf\x9f\xf5\xd7\x8b\xf5\x07fq3\x00\xc2\xec\x06\xa8\xf5\xdf\xb1c\xc7\xa5\x97^\xfa\xe6\x9boN\xaf\xff\xd0\xd0\xd0w\xbf\xfb\xddK.\xb9\xa4\xf4#t\x0f\xeb\x0f\x1c\xce\xd9\x00\x08S\x1b\xa0\xde%\xe6\xb9\xe7\x9e[\xb1b\xc5\xf4I\x9e4MO9\xe5\x94\xbb\xee\xba\xeb\xd4SO}\xf3\xcd7Y\x7f\xbdX\x7f`N.\x07@\x98\xd7\x00u\x83\x7f\x10\x04\xc3\xc3\xc3\xcf&gt;\xfbl\x1c\xc7\xea\x1d\x83\x97/_~\xef\xbd\xf7.Z\xb4\xe8\xe0\xc1\x83\x95J\xa5\xe0\xa3r\x1b\xeb\x0f\x1c\x89k\x17\x81g1\xed\x9a\xb0z\x9b\xb0\xbb\xef\xbe[\xad\xbfzC\x98s\xcf=\xf7\xfe\xfb\xef\xef\xef\xef?t\xe8\x10\xeb\xaf\x17\xeb\x0f\xcc\xc3\xf1\x00\x08\xc3\x1a\x10\x86a\xab\xd5\xba\xef\xbe\xfb\xd4\xf3\x00)\xe5\xd2\xa5K\xb7o\xdf^\xadV\xa7\xa6\xa68\xf3\xa3\x17\xeb\x0f\xcc\xcf\xfd\x00\x08c\x1a \xa5\xacV\xab{\xf7\xee\xfd\xcdo~#\xdf\xb6q\xe3\xc6\x13O&lt;qll\x8c{~\xf4b\xfd\x81\xa3\xf2"\x00\xc2\x8c\x06\xa8W|{\xe3\x8d7\x0e\x1e&lt;(\x84Po\x0f0&lt;&lt;&lt;99\xc9\xfa\xeb\xc5\xfa\x03\xed\xf0%\x00\xc2\x8c\x06\x84a8999\xfd\xce0\x0b\x17.T\x9f\x9a=\xd2\x88\xf5\x07\xda\xe4Q\x00\x84\x19\rP\xef\x06\xac\xfe955\xc5c\x7f\xbdX\x7f\xa0}\x8e\xdf\x06:\xa7\xb2\xee\rU\xa7\x80FGG\x9f|\xf2I\xf5\x91J\xa5\xb2l\xd92u3hN\x9f\xd4+\xac?\xd0\x11\x1f\x03 J\xfd\xf9\x800\x0c\xfb\xfb\xfb\xd5\xaf\xa5\x94\xe3\xe3\xe3~\xfe\x11h\xc7\xfa\x03\x9d\xf24\x00\xa2\xd4\xe7\x01I\x92dY&amp;\x84\x08\xc3\x90\x1b\xff\xb5`\xfd\x81.\xf8\x1b\x00QR\x03\xd4KA,X\xb0@\x08\xd1j\xb5FGG\xc5\xdb\xef\x02\x8f\xee\xb0\xfe@w\xbc\x0e\x80(\xbc\x01R\xca\xfe\xfe\xfe_\xfd\xeaW\x8f&lt;\xf2\xc8\xd4\xd4\xd4\xd9g\x9f\xbdb\xc5\x8aF\xa3\xc1\xbb\xbet\x8d\xf5\x07\xba\xe6{\x00D\x81\rP\xaf\x03\xb1y\xf3\xe6\xaf|\xe5+\xd3o\xf5\xbez\xf5\xea[o\xbd\xb5\xd1h\xb0S]`\xfd\x81^\x10\x00!\ni\x80\x942\x8e\xe3\x03\x07\x0e\x9cz\xea\xa9\xea5\x7f\xd4O\x02\xa7i\xfa\xc0\x03\x0f\x9cw\xdey\xa3\xa3\xa3\xea\xfd \xd1&amp;\xd6\x1f\xe8\x11\x8b#D!?\x1f \xa5\xac\xd5j/\xbf\xfc\xf2\xe8\xe8h\x10\x04\xadVK\xfd\xfcW\x18\x86\xcf?\xff|\xa5RQ\x97\x85\xd1&amp;\xd6\x1f\xe8\x1d\x01xK1?#6\xe7c|\x1e\xf8w\x8a\xf5\x07\xb4`z\xde\x91k\x03\x82 \x98\x9a\x9a:\xe9\xa4\x93\x16/^\xac^\x15N\xbd\x1ct\x96e\xa7\x9f~z\xb3\xd9$\x03mb\xfd\x01]\x18\x9dw\xc9\xaf\x01\xea\xb4\xcf\x92%K\xbe\xf1\x8doT\xab\xd5f\xb3\xa9~\x1a`\xc3\x86\r\xe7\x9cs\xce\xd8\xd8\x18\x01h\x07\xeb\x0fh\xc4E\xe09\xe4wMXJ900\xf0\xc4\x13O&lt;\xfc\xf0\xc3\x93\x93\x93\x1f\xf9\xc8G\xce;\xef\xbc\xa9\xa9)\xfe\x14\xda\xc1\xfa\x03z\x11\x80\xb9\xe5\xd7\x80,\xcb\xea\xf5z__\x9f\x10\xa2\xd9lr\xf3O\x9bX\x7f@;\x02pD\xb96@\xdd\xf3\x13\x04\x01\xaf\x06\xda\x0e\xd6\x1f\xc8\x03\x01\x98\x8fi\xef)\xef\'\xd6\x1f\xc8\t\'\x1f\xe6c\xc2\xfb\x07x\x8e\xf5\x07\xf2C\x00\x8e\x82\x06\x94\x88\xf5\x07rE\x00\x8e\x8e\x06\x94\x82\xf5\x07\xf2F\x00\xdaB\x03\n\xc6\xfa\x03\x05 \x00\xed\xa2\x01\x85a\xfd\x81b\x10\x80\x0e\xd0\x80\x02\xb0\xfe@a\x08@gh@\xaeX\x7f\xa0H\x04\xa0c4 \'\xac?P0\x02\xd0\r\x1a\xa0\x1d\xeb\x0f\x14\x8f\x00t\x89\x06h\xc4\xfa\x03\xa5 \x00\xdd\xa3\x01Z\xb0\xfe@Y\x08@Oh@\x8fX\x7f\xa0D\x04\xa0W4\xa0k\xac?P.\x02\xa0\x01\r\xe8\x02\xeb\x0f\x94\x8e\x00\xe8A\x03:\xc2\xfa\x03&amp; \x00\xda\xd0\x806\xb1\xfe\x80!\x08\x80N4\xe0\xa8X\x7f\xc0\x1c\x04@3\x1a0\x0f\xd6\x1f0\n\x01\xd0\x8f\x06\xcc\x89\xf5\x07LC\x00rA\x03fa\xfd\x01\x03\x11\x80\xbc\xd0\x80i\xac?`&amp;\x02\x90#\x1a X\x7f\xc0`\x04 _\x9e7\x80\xf5\x07LF\x00r\xe7m\x03X\x7f\xc0p\x04\xa0\x08\x1e6\x80\xf5\x07\xccG\x00\n\xe2U\x03X\x7f\xc0\n\x04\xa08\x9e4\x80\xf5\x07lA\x00\n\xe5|\x03X\x7f\xc0"\x04\xa0h\x0e7\x80\xf5\x07\xecB\x00J\xe0d\x03X\x7f\xc0:\x04\xa0\x1c\x8e5\x80\xf5\x07lD\x00J\xe3L\x03X\x7f\xc0R\x04\xa0L\x0e4\x80\xf5\x07\xecE\x00Jfu\x03X\x7f\xc0j\x04\xa0|\x966\x80\xf5\x07lG\x00\x8c`]\x03X\x7f\xc0\x01\x04\xc0\x14\x165\x80\xf5\x07\xdc@\x00\x0cbE\x03X\x7f\xc0\x19\x04\xc0,\x867\x80\xf5\x07\\B\x00\x8ccl\x03X\x7f\xc01\x04\xc0D\x066\x80\xf5\x07\xdcC\x00\x0ceT\x03X\x7f\xc0I\x04\xc0\\\x864\x80\xf5\x07\\E\x00\x8cVz\x03X\x7f\xc0a\x04\xc0t%6\x80\xf5\x07\xdcF\x00,PJ\x03X\x7f\xc0y\x04\xc0\x0e\x057\x80\xf5\x07|@\x00\xacQX\x03X\x7f\xc0\x13\x04\xc0&amp;\x054\x80\xf5\x07\xfcA\x00,\x93k\x03X\x7f\xc0+\x04\xc0&gt;95\x80\xf5\x07|C\x00\xac\xa4\xbd\x01\xac?\xe0!\x02`+\x8d\r`\xfd\x01?\x11\x00\x8bii\x00\xeb\x0fx\x8b\x00\xd8\xad\xc7\x06\xb0\xfe\x80\xcf\x08\x80\xf5\xban\x00\xeb\x0fx\x8e\x00\xb8\xa0\x8b\x06\xb0\xfe\x00\x08\x80#:j\x00\xeb\x0f@\x10\x00\x97\xb4\xd9\x00\xd6\x1f\x80\x12H)\xcb&gt;\x06\xe8\xa4\xf6}ddd\xe5\xca\x95\xbbv\xed\xaa\xd5j\x8dF\xe3\xa6\x9bn\xda\xb8q\xe3\xbe}\xfb\xc20d\xfd\x01(&lt;\x03p\xcd\xfc\xcf\x03\x84\x10\xac?\x00\x85g\x00n:\xd2\xf3\x80\r\x1b6\xac^\xbd\xfa\x9e{\xeea\xfd\x01\x10\x00g\xcdj@\x1c\xc7i\x9a~\xf4\xa3\x1f}\xf4\xd1GU\x0fX\x7f\xc0s\x04\xc0e\x877 I\x12\xd6\x1f\x80\xc25\x00\x97\xcd\xba\x1e\x90$I\xbd^g\xfd\x01(&lt;\x03p\xdf\xf4\xf3\x80\x0b.\xb8`\xe7\xce\x9d\xeb\xd6\xad\xbb\xfd\xf6\xdbY\x7f\x00\x04\xc0\x0b\xaa\x01{\xf7\xee\xbd\xe3\x8e;\xbe\xf6\xb5\xaf\xa9?t\xd6\x1f\xf0\x1c\x01\xf0\x85\x94R-\xfe\xf4/\x00x\x8ek\x00\xbe\x08\x82@J\x99\xa6)\xeb\x0f@\xe1\x19\x00\x00x\x8ag\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00\x00\xe0)\x02\x00\x00\x9e\xfa\x7f\x1f\xd8\x19\xe0\xc9\xd6\x16\x93\x00\x00\x00\x00IEND\xaeB`\x82'</t>
        </is>
      </c>
    </row>
    <row r="491">
      <c r="A491" s="1" t="n">
        <v>489</v>
      </c>
      <c r="B491" t="inlineStr">
        <is>
          <t>color_overlap_squares</t>
        </is>
      </c>
      <c r="C491" t="inlineStr">
        <is>
          <t>What is the missing color of the part denoted with a question mark?</t>
        </is>
      </c>
      <c r="D491" t="inlineStr">
        <is>
          <t>['orange', 'green', 'yellow', 'red']</t>
        </is>
      </c>
      <c r="E491" t="inlineStr">
        <is>
          <t>yellow</t>
        </is>
      </c>
      <c r="F491" t="inlineStr">
        <is>
          <t>There are 3 squares which overlap each other in the image. The color of the squares are ['?', 'blue', 'red']. The part where the first and second squares overlap is green. The part where the second and third squares overlap is purple.</t>
        </is>
      </c>
      <c r="G491" t="inlineStr">
        <is>
          <t>We observe that the blue and red squares overlap to form purple. Hence, the pattern is that the color of the part where two squares overlap is determined by mixing the two colors.</t>
        </is>
      </c>
      <c r="H491" t="inlineStr">
        <is>
          <t>Based on the pattern that the color of the part where two squares overlap is determined by mixing the two colors, the missing color of the part which overlaps with blue to form green should be yellow.</t>
        </is>
      </c>
      <c r="I491" t="inlineStr">
        <is>
          <t>b'\x89PNG\r\n\x1a\n\x00\x00\x00\rIHDR\x00\x00\x02\x00\x00\x00\x02\x00\x08\x02\x00\x00\x00{\x1aC\xad\x00\x00 \xdfIDATx\x9c\xed\xdd}\x90]e\x81\xe7\xf1\xe79\xe7\xbet\xdf\xee\xa4\x13bp\xd6JQ,:b\xcd\xc2\x02e\x02\x8a\x1a\xa8JR\x11GK\xb6\x1ctwMe\x1c5/\x0b!n\x8d%\x08Z[\xc5\xaa`\x95\xffHV^\x12\n\x0b\x02\xcc"\x8e\xe5\x96\xbb\x85R\x03V\x11u!&amp;\xbc\x89\x8aQF\x19Fp\xdb@:\x9d\xee\xce\xed{\xef9\xe7\xd9?\x1eh\x9aN\xa7s\xfb\xde\xe7\x9c\xf3\xbc|?EQ\xb1+T\x8e\x9d\xee\xdf\xf7\x9e{N\xdf+\x95R\x02\x00\x10\x9e\xa8\xec\x03\x00\x00\x94\x83\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80\xd7\xa4i\xaa\x94*\xfb(P\x1c\xc9\xdf7\x00!\x84RJJ9\xfb\x17\xf0\x1eg\x00@\xe8\x94Rz\xf4o\xbc\xf1\xc6\xd1\xd1Q)e\x96ee\x1f\x14\x8a@\x00\x80\xa0)\xa5\xb2,\x93Rn\xdf\xbe\xfdK_\xfa\xd2G?\xfa\xd1\xb1\xb1\xb1(\x8ah@\x08\x08\x00\x10.\xbd\xfeq\x1co\xdd\xbau\xf7\xee\xdd\x8d\xc1\xc1\xfd\xfb\xf7o\xdc\xb8\x91\x06\x04\x82\x00\x00\x81\x9a\xbd\xfew\xdcqG\xbdZ=\xdelV*\x95\x03\x07\x0e\xd0\x80@\x10\x00 Ds\xd7\xbfVku:\xefy\xdb\xdb\xd2$\xa1\x01\xe1 \x00@p\xe6\xac\xff`\xbd\xdej\xb7?~\xf6\xd9\x0f_q\xc5\xd7\xd7\xaeM\x92\xa4^\xad\xd2\x80\x10\x10\x00 ,\'\xae\x7f\xb3\xd5\xfa\x8f\xefz\xd7\xad\x1b6\xfc\xf9\xf8\xf1\xed\xe7\x9f\xff\xf5\xb5k[\x9d\x0e\r\x08\x01\x01\x00\x02r\xb2\xf5\xff\xd6\xfa\xf5\x93\xed\xb6\x10\xe2\xf0\xf1\xe3W\xd2\x80`\x10\x00 \x14\x0b\xaf\x7f\xa6T$e%\x8a\xfeL\x03\x82A\x00\x80 t\xb3\xfe\xfaw\xd2\x80p\x10\x00\xc0\x7f\xdd\xaf\xbfF\x03\x02A\x00\x00\xcf-v\xfd5\x1a\x10\x02\x02\x00\xf8\xac\xb7\xf5\xd7h\x80\xf7\x08\x00\xe0\xad~\xd6_\xa3\x01~#\x00\x80\x9f\xfa_\x7f\x8d\x06x\x8c\x00\x00\x1e2\xb5\xfe\x1a\r\xf0\x15\x01\x00|cv\xfd5\x1a\xe0%\x02\x00x%\x8f\xf5\xd7h\x80\x7f\x08\x00\xe0\x8f\xfc\xd6_\xa3\x01\x9e!\x00\x80\'\xf2^\x7f\x8d\x06\xf8\x84\x00\x00&gt;(f\xfd5\x1a\xe0\r\x02\x008\xaf\xc8\xf5\xd7h\x80\x1f\x08\x00\xe0\xb6\xe2\xd7_\xa3\x01\x1e \x00\x80\xc3\xcaZ\x7f\x8d\x06\xb8\x8e\x00\x00\xae*w\xfd5\x1a\xe04\x02\x008\xc9\x86\xf5\xd7h\x80\xbb\x08\x00\xe0\x1e{\xd6_\xa3\x01\x8e"\x00\x80cl[\x7f\x8d\x06\xb8\x88\x00\x00.\xb1s\xfd5\x1a\xe0\x1c\x02\x008\xc3\xe6\xf5\xd7h\x80[\x08\x00\xe0\x06\xfb\xd7_\xa3\x01\x0e!\x00\x80\x03\\Y\x7f\x8d\x06\xb8\x82\x00\x00\xb6sk\xfd5\x1a\xe0\x04\x02\x00X\xcd\xc5\xf5\xd7h\x80\xfd\x08\x00`/w\xd7_\xa3\x01\x96#\x00\x80\xa5\\_\x7f\x8d\x06\xd8\x8c\x00\x006\xf2c\xfd5\x1a`-\x02\x00X\xc7\xa7\xf5\xd7h\x80\x9d\x08\x00`\x17\xff\xd6_\xa3\x01\x16"\x00\x80E|]\x7f\x8d\x06\xd8\x86\x00\x00\xb6\xf0{\xfd5\x1a`\x15\x02\x00X!\x84\xf5\xd7h\x80=\x08\x00P\xbep\xd6_\xa3\x01\x96 \x00@\xc9B[\x7f\x8d\x06\xd8\x80\x00\x00e\ns\xfd5\x1aP:\x02\x00\x94&amp;\xe4\xf5\xd7h@\xb9\x08\x00P\x0e\xd6_\xa3\x01%"\x00@\tX\xff\xd9h@Y\x08\x00P4\xd6\xffD4\xa0\x14\x04\x00(\x14\xeb\x7f24\xa0x\x04\x00(\x0e\xeb\xbf0\x1aP0\x02\x00\x14\x84\xf5\xef\x06\r(\x12\x01\x00\x8a\xc0\xfaw\x8f\x06\x14\x86\x00\x00\xb9c\xfd\x17\x8b\x06\x14\x83\x00\x00\xf9b\xfd{C\x03\n@\x00\x80\x1c\xb1\xfe\xfd\xa0\x01y#\x00@^X\xff\xfe\xd1\x80\\\x11\x00 \x17\xac\xbf)4 ?\x04\x000\x8f\xf57\x8b\x06\xe4\x84\x00\x00\x86\xb1\xfey\xa0\x01y \x00\x80I\xac\x7f~h\x80q\x04\x000\x86\xf5\xcf\x1b\r0\x8b\x00\x00f\xb0\xfe\xc5\xa0\x01\x06\x11\x00\xc0\x00\xd6\xbfH4\xc0\x14\x02\x00\xf4\x8b\xf5/\x1e\r0\x82\x00\x00}a\xfd\xcbB\x03\xfaG\x00\x80\xde\xb1\xfe\xe5\xa2\x01}"\x00@\x8fX\x7f\x1b\xd0\x80~\x10\x00\xa0\x17\xac\xbf=h@\xcf\x08\x00\xb0h\xac\xbfmh@o\x08\x00\xb08\xac\xbf\x9dh@\x0f\x08\x00\xb0\x08\xac\xbf\xcdh\xc0b\x11\x00\xa0[\xac\xbf\xfdh\xc0\xa2\x10\x00\xa0+\xac\xbf+h@\xf7\x08\x00pj\xac\xbf[h@\x97\x08\x00p\n\xac\xbf\x8bh@7\x08\x00\xb0\x10\xd6\xdf]4\xe0\x94\x08\x00pR\xac\xbf\xebh\xc0\xc2\x08\x000?\xd6\xdf\x0f4`\x01\x04\x00\x98\x07\xeb\xef\x13\x1ap2\x04\x00\x98\x8b\xf5\xf7\x0f\r\x98\x17\x01\x00\xde\x84\xf5\xf7\x15\r8\x11\x01\x00\xde\xc0\xfa\xfb\x8d\x06\xccA\x00\x80\xd7\xb0\xfe!\xa0\x01\xb3\x11\x00@\x08\xd6?$4`\x06\x01\x00X\xff\xe0\xd0\x00\x8d\x00 t\xac\x7f\x98h\x80 \x00\x08\x1c\xeb\x1f2\x1a@\x00\x10.\xd6\x1f\x817\x80\x00 P\xac?\xb4\x90\x1b@\x00\x10"\xd6\x1f\xb3\x05\xdb\x00\x02\x80\xe0\xb0\xfe8Q\x98\r \x00\x08\x0b\xeb\x8f\x93\t\xb0\x01\x04\x00\x01a\xfd\xb1\xb0\xd0\x1a@\x00\x10\n\xd6\x1f\xdd\x08\xaa\x01\x04\x00A`\xfd\xd1\xbdp\x1a@\x00\xe0?\xd6\x1f\x8b\x15H\x03\x08\x00&lt;\xc7\xfa\xa37!4\x80\x00\xc0g\xac?\xfa\xe1}\x03\x08\x00\xbc\xc5\xfa\xa3\x7f~7\x80\x00\xc0O\xac?L\xf1\xb8\x01\x04\x00\x1eb\xfda\x96\xaf\r \x00\xf0\r\xeb\x8f&lt;x\xd9\x00\x02\x00\xaf\xb0\xfe\xc8\x8f\x7f\r \x00\xf0\x07\xeb\x8f\xbcy\xd6\x00\x02\x00O\xb0\xfe(\x86O\r \x00\xf0\x01\xeb\x8f"y\xd3\x00\x02\x00\xe7\xb1\xfe(\x9e\x1f\r \x00p\x1b\xeb\x8f\xb2x\xd0\x00\x02\x00\x87\xb1\xfe(\x97\xeb\r \x00p\x15\xeb\x0f\x1b8\xdd\x00\x02\x00\'\xb1\xfe\xb0\x87\xbb\r \x00p\x0f\xeb\x0f\xdb8\xda\x00\x02\x00\xc7\xb0\xfe\xb0\x93\x8b\r \x00p\t\xeb\x0f\x9b9\xd7\x00\x02\x00g\xb0\xfe\xb0\x9f[\r \x00p\x03\xeb\x0fW8\xd4\x00\x02\x00\x07\xb0\xfep\x8b+\r \x00\xb0\x1d\xeb\x0f\x179\xd1\x00\x02\x00\xab\xb1\xfep\x97\xfd\r \x00\xb0\x17\xeb\x0f\xd7Y\xde\x00\x02\x00K\xb1\xfe\xf0\x83\xcd\r \x00\xb0\x11\xeb\x0f\x9fX\xdb\x00\x02\x00\xeb\xb0\xfe\xf0\x8f\x9d\r \x00\xb0\x0b\xeb\x0f_Y\xd8\x00\x02\x00\x8b\xb0\xfe\xf0\x9bm\r\x90J\xa9\x82\xffH\x94\xa8\xf4\xbb\x0e\x16\xa0\x94\x92RFQ\xa4\xd7\xbfV\xab\xb5\xdb\xed\x8f\x9f}6\xeb_$&gt;\xc9\x05H\xb2\xec\xf4F\xe3\xb6\xa7\x9f\xbev\xdf\xbeJ\xa5\x92$\xc9\x9a5k\x1ez\xe8\xa1\xe5\xcb\x97\xeb\xef\x82\xc2\x8e\x84\x00\xc0.z\xfd\xeb\xb5Z\xa7\xd3\xf9\xbbs\xce\xf9\x1f\xeb\xd6Mv:\x05\x7fW\x04+\xcb\xb2\xe94-\xfb(\x82\x90d\xd9\xcaF\xe3\xb6\xa7\x9f\xfe\xef\x8f=\x96\x08\xd1\xeet\xde\xf3\x9e\xf7|\xe7;\xdfY\xb5j\x95\x94\xb2\xb0\xafv\x02\x10\n\xbd\xa1\x9f\xff\xfc\xe7\x9fz\xea\xa98\x8eS\xfb\xbe\xcf\xa5\x94\xe3\xe3\xe3O&lt;\xf1\x84&gt;\xbcX\xca\xf7\xbe\xedmJ\x88T\xa9H\x08\xbeLs\x15K\x99*\xf5\xefV\xac\xf8\xca\x07&gt;0\xdd\xe9\x90\xdb\xbceJ\t!No46|\xf7\xbb\x8f\xbd\xfcrcp\xf0x\xb3\xf9\x95\xaf|\xe5\xcb_\xfer\x9a\xa6q\x1c\x17s\x18\x95b\xfe\x18\x94N\x07\xe0g?\xfb\xd9\xfe\xfd\xfb\xcb&gt;\x96\x85T\xaa\xb5,\xcb\xa28N\xd3\xf4\xa7/\xbdT\xf6\xe1\x84\xa5\x99$\x15)\x95\x10\xcc\x7f\xae\xf4\xf3\x99\xc3\xb5\xda\xa7\x7f\xf4\xa3\xc7^~\xb9^\xab\x1do6\xb7m\xdbv\xddu\xd7\xe9k`\x85\x1d\t\x01\x08\xcb\xf0\xf0p\x1c\xc7q\x1c\xb7\xdb\xed\xb2\x8fe~Ig\xe6\xc0d$_[\xa2\x94\xf3\xd4\x9c\xd5\xa2(Uj\xa8Z\xe5\x13\x9d\xb7\x99\xf5\xdf\xf1\xf0\xc3\x0f\x1c:T\xaf\xd5Z\xed\xf6\x96-[n\xbf\xfd\xf6\xe2\x9f\x8f!\x00a\xc9\xb2,MS\xa5\xd4\xaa\xbf\xba\xe8\xcc\x0b.\xedLOIi\xd7\x9d`J\xa9\xa8Ri\x8e\x1fy\xfaGw+!\x95\x90R\xca\x0f\xac\xf9\x0f#KV\xb6Z\xc7\xa3(\x16\x82G\xa8\xc6(\x95\xd5k\x83\xcf=\xff\xf8\xef_|:S*#\xb49\x9b\xbd\xfe\xf7\xff\xe67\xfa&gt;\xb7-[\xb6\xec\xd9\xb3\'M\xd3(\x8a\n~\xf2\x8d\x00\x84(\xcb\xb23\xcf\xbfd\xfd\xf6\xafO\x1d\x19\x8d*\xd5\xb2\x0f\xe7\xcd\x94\x12J\xc5\xb5\x81\xb7\x9cq\xf6\xc3{\xae\x8f\xe38\xcb\xb2\xc3\xaf\xfe\xeb\'\xfe\xfa\xda\xc1\x81%\xadv3\x8ec.\x08\x98\x92e\xc9\xd2\xe1\xb7\xfc\xcf\xffs\xd3\xf3\xff\xf2T\xd9\xc7\xe2?\xdb\xd6_\x10\x80`uZ\xc7\xa7\xc6\xfe||\xfc\x95(\xb6\xf2k@\xa9\xd5\x97o\x17B&lt;\xbc\xe7\xfa8\xae\xfc\xe6\x9f\xf7\xdfx\xeb\x7f\xba\xfaoo\x19\x1cX\xd2\x9aj\xc6QqO\x92\xfa-\xcbR%D\xbb\xdd,\xfb@\xfcg\xe1\xfa\x0b\x02\x10,)\xa3(\xae\xe8\x7f\xca&gt;\x96\xf9M\x8d\xfdy\xa6\x01\x95J\xed\xe5\xd1\xe7o\xbdg\xe7\x8e\xbf\xbdep`I\xbb\xdd\x8ch\x80!qT\xb1\xedi@\xff\xd8\xb9\xfe\x82\x9f\x04\x86\xb5\xa2\xb8\xa2\x1b\xb0~\xeb\x8dI\xd2\xaeTj\xff\xfa\xa7C\xdf\xba\xfb\xaa\xe6\xf4D\xad6\x98e\xd6\xdd\xc6\n\xcc\xcb\xda\xf5\x17\x04\x006\xa3\x01p\x9d\xcd\xeb/\x08\x00,G\x03\xe0.\xcb\xd7_\x10\x00\xd8\x8f\x06\xc0E\xf6\xaf\xbf \x00p\x02\r\x80[\x9cX\x7fA\x00\xe0\n\x1a\x00W\xb8\xb2\xfe\x82\x00\xc0!4\x00\xf6sh\xfd\x05\x01\x80[h\x00l\xe6\xd6\xfa\x0b\x02\x00\xe7\xd0\x00\xd8\xc9\xb9\xf5\x17\x04\x00.\xa2\x01\xb0\x8d\x8b\xeb/\x08\x00\x1cE\x03`\x0fG\xd7_\x10\x00\xb8\x8b\x06\xc0\x06\xee\xae\xbf \x00p\x1a\r@\xb9\x9c^\x7fA\x00\xe0:\x1a\x80\xb2\xb8\xbe\xfe\x82\x00\xc0\x034\x00\xc5\xf3`\xfd\x05\x01\x80\x1fh\x00\x8a\xe4\xc7\xfa\x0b\x02\x00o\xd0\x00\x14\xc3\x9b\xf5\x17\x04\x00&gt;\xa1\x01\xc8\x9bO\xeb/\x08\x00&lt;C\x03\x90\x1f\xcf\xd6_\x10\x00\xf8\x87\x06 \x0f\xfe\xad\xbf \x00\xf0\x12\r\x80Y^\xae\xbf \x00\xf0\x15\r\x80)\xbe\xae\xbf \x00\xf0\x18\r@\xff&lt;^\x7fA\x00\xe07\x1a\x80~\xf8\xbd\xfe\x82\x00\xc0{4\x00\xbd\xf1~\xfd\x05\x01@\x08h\x00\x16+\x84\xf5\x17\x04\x00\x81\xa0\x01\xe8^ \xeb/\x08\x00\xc2A\x03\xd0\x8dp\xd6_\x10\x00\x04\x85\x06`aA\xad\xbf \x00\x08\r\r\xc0\xc9\x84\xb6\xfe\x82\x00 @4\x00\'\np\xfd\x05\x01@\x98h\x00f\x0bs\xfd\x05\x01@\xb0h\x00\xb4`\xd7_\x10\x00\x84\x8c\x06 \xe4\xf5\x17\x04\x00\x81\xa3\x01!\x0b|\xfd\x05\x01\x00h@\x98X\x7fA\x00\x00A\x03\xc2\xc3\xfak\x04\x00\x10\x82\x06\x84\x84\xf5\x9fA\x00\x80\xd7\xd0\x80\x10\xb0\xfe\xb3\x11\x00\xe0\r4\xc0o\xac\xff\x1c\x04\x00x\x13\x1a\xe0+\xd6\xffD\x04\x00\x98\x8b\x06\xf8\x87\xf5\x9f\x17\x01\x00\xe6A\x03|\xc2\xfa\x9f\x0c\x01\x00\xe6G\x03\xfc\xc0\xfa/\x80\x00\x84E)U\xf6!\xb8\x84\x06\xb8\x8e\xf5_\x18\x01\x08\x85RJ)U\xa9T\xca&gt;\x10\xc7\xd0\x00w\xb1\xfe\xa7D\x00\x82\xa0\x94\x92RJ)\x8f\x1e=Z\xf6\xb1\xb8\x87\x06\xb8\x88\xf5\xef\x06\x01\xf0\x9fR*\xcb\xb2(\x8a\xb6n\xddz\xf0\xe0\xc1J\xb5\xa6?Z\xf6q\xb9\x84\x06\xb8\x85\xf5\xef\x12\x01\xf0\x9c^\xff8\x8e\xb7n\xddz\xc7\x1dw\xc4q\x9ce\x99\x10"\xaaT\xb8\x1e\xb0(4\xc0\x15\xac\x7f\xf7\x08\x80\xcf\xe6\xac\x7f\xadVK\xd3\xd7v\xea\xf8\xf8\xab\x95Z\x9d\x06,\n\r\xb0\x1f\xeb\xbf(\x04\xc0[s\xd6\xbf^\xaf\xb7\xdb\xed(\x8a\xb24\x91Q\xf4\x8b\x7f\xfa\x87\xfd\xff\xb8k\xf8\xb4\xb7fiR\xf6\x91\xba\x84\x06\xd8\x8c\xf5_,\x02\xe0\xa79\xeb?88\xd8j\xb5\xb6o\xdf\xbev\xedZ!D$\xa5\xca\xd2G\xf6|\xe9\xe0\xff\xba}h\xf9\xe94`Qh\x80\x9dX\xff\x1e\x10\x00\x0f\x9d\xb8\xfe\xcdfs\xd3\xa6M\xb7\xddv\xdb\xccs&gt;J\x88\xa8Ryx\xcf\xf54\xa0\x074\xc06\xac\x7fo\x08\x80o\xe6]\xff\xcd\x9b7\xdfy\xe7\x9d\xadV+I\x92\x99\xdf\x97%\t\r\xe8\x19\r\xb0\x07\xeb\xdf3\x02\xe0\x95\x05\xd6\x7fbbB\x08\x11E\x91\x10"M\xd3K?~\xe1\xd9\xab\xffm\x96$\x95j\x95\x06\xf4\x86\x06\xd8\x80\xf5\xef\x07\x01\xf0\xc7\xc2\xeb\x9fe\xd9\xec\xef\x84\x91\x15K\xfe\xfe\xf6\xbf[\xf5\x97\x7f\x91t:4\xa0g4\xa0\\\xac\x7f\x9f\x08\x80\'N\xb9\xfe\xfa\xb1\xff\x8c\xe9\xe3\xed\xc6\xf0\xc0\xe7\xbe\xb5\xf9\x8cw\xfd\x1b\x1a\xd0\x0f\x1aP\x16\xd6\xbf\x7f\x04\xc0\x07\x8b]\x7f!D\x1cG\xad\xe9vc\xc9\xe0\x7f\xbd\xe5S4\xa0O4\xa0x\xac\xbf\x11\x04\xc0y=\xac\xbf\x16\xbd\xd6\x80\x01\x1a\xd0?\x1aP$\xd6\xdf\x14\x02\xe0\xb6\x9e\xd7_\x8b\xe2\xa8\xd5\xa4\x01f\xd0\x80b\xb0\xfe\x06\x11\x00\x87\xf5\xb9\xfe\x1a\r0\x88\x06\xe4\x8d\xf57\x8b\x00\xb8\xca\xc8\xfak4\xc0 \x1a\x90\x1f\xd6\xdf8\x02\xe0$\x83\xeb\xaf\xd1\x00\x83h@\x1eX\xff&lt;\x10\x00\xf7\x18_\x7f\x8d\x06\x18D\x03\xccb\xfdsB\x00\x1c\x93\xd3\xfak4\xc0 \x1a`\n\xeb\x9f\x1f\x02\xe0\x92\\\xd7_\xa3\x01\x06\xd1\x80\xfe\xb1\xfe\xb9"\x00\xce(`\xfd5\x1a`\x10\r\xe8\x07\xeb\x9f7\x02\xe0\x86\xc2\xd6_\xa3\x01\x06\xd1\x80\xde\xb0\xfe\x05 \x00\x0e(x\xfd5\x1a`\x10\rX,\xd6\xbf\x18\x04\xc0v\xa5\xac\xbfF\x03\x0c\xa2\x01\xddc\xfd\x0bC\x00\xacV\xe2\xfak4\xc0 \x1a\xd0\r\xd6\xbfH\x04\xc0^\xa5\xaf\xbfF\x03\x0c\xa2\x01\x0bc\xfd\x0bF\x00,e\xc9\xfak4\xc0 \x1ap2\xac\x7f\xf1\x08\x80\x8d\xacZ\x7f\x8d\x06\x18D\x03N\xc4\xfa\x97\x82\x00X\xc7\xc2\xf5\xd7h\x80A4`6\xd6\xbf,\x04\xc0.\xd6\xae\xbfF\x03\x0c\xa2\x01\x1a\xeb_"\x02`\x11\xcb\xd7_\xa3\x01\x06\xd1\x00\xd6\xbf\\\xe5\x0f\n4\'\xd6_\xa3\x01\x06\x85\xdc\x00\xd6\xbft\xb6lJ\xe0\x1cZ\x7f\x8d\x06\x18\x14f\x03X\x7f\x1b\xd85+arn\xfd5\x1a`Ph\r`\xfd-a\xe3\xb2\x04\xc5\xd1\xf5\xd7h\x80A\xe14\x80\xf5\xb7\x87\xbd\xe3\x12\x02\xa7\xd7_\xa3\x01\x06\x85\xd0\x00\xd6\xdf*\xb6\xef\x8b\xc7&lt;X\x7f\x8d\x06\x18\xe4w\x03X\x7f\xdb\xb811\xfe\xf1f\xfd5\x1a`\x90\xaf\r`\xfd-\xe4\xd2\xcax\xc3\xb3\xf5\xd7h\x80A\xfe5\x80\xf5\xb7\x93{C\xe3:/\xd7_\xa3\x01\x06\xf9\xd4\x00\xd6\xdfZ\xaen\x8d\xa3&lt;^\x7f\x8d\x06\x18\xe4G\x03X\x7f\x9b\xb9=7n\xf1~\xfd5\x1a`\x90\xeb\r`\xfd-\xe7\xc3\xe28!\x90\xf5\xd7h\x80A\xee6\x80\xf5\xb7\x9f?\xa3c\xb3\xa0\xd6_\xa3\x01\x06\xb9\xd8\x00\xd6\xdf\t\xbe\xed\x8e\x85\x02\\\x7f\x8d\x06\x18\xe4V\x03X\x7fW\xf89=\xf6\x08v\xfd5\x1a`\x90+\r`\xfd\x1d\xe2\xf3\xfa\x94.\xf0\xf5\xd7h\x80A\xf67\x80\xf5w\x8b\xff\x03T\x16\xd6\x7f\x06\r0\xc8\xe6\x06\xb0\xfe\xce\te\x83\n\xc6\xfa\xcfA\x03\x0c\xb2\xb3\x01\xac\xbf\x8b\xc2\x9a\xa1b\xb0\xfe\xf3\xa2\x01\x06\xd9\xd6\x00\xd6\xdfQ!.Q\xaeX\xff\x05\xd0\x00\x83\xeci\x00\xeb\xef\xaep\xc7(\x0f\xac\xff)\xd1\x00\x83lh\x00\xeb\xef\xb4\xd0\xf7\xc8 \xd6\xbfK4\xc0\xa0r\x1b\xc0\xfa\xbb\x8eI2\x83\xf5_\x14\x1a`PY\r`\xfd=\xc0*\x19\xc0\xfa\xf7\x80\x06\x18T|\x03X\x7f?0L\xfdb\xfd{F\x03\x0c*\xb2\x01\xac\xbf7\xd8\xa6\xbe\xb0\xfe}\xa2\x01\x06\x15\xd3\x00\xd6\xdf\'\xccS\xefX\x7f#h\x80Ay7\x80\xf5\xf7\x0c\x0b\xd5#\xd6\xdf \x1a`P~\r`\xfd\xfd\xc3H\xf5\x82\xf57\x8e\x06\x18\x94G\x03X\x7f/\xb1S\x8b\xc6\xfa\xe7\x84\x06\x18d\xb6\x01\xac\xbf\xaf\x98\xaa\xc5a\xfdsE\x03\x0c2\xd5\x00\xd6\xdfc\xac\xd5"\xb0\xfe\x05\xa0\x01\x06\xf5\xdf\x00\xd6\xdfo\x0cV\xb7X\xff\xc2\xd0\x00\x83\xfai\x00\xeb\xef=6\xab+\xac\x7f\xc1h\x80A\x0b6`\xe0d\r`\xfdC\xc0l\x9d\x1a\xeb_\n\x1a`\xd0\xc9\x1ap\xbc9\x7f\x03X\xff@\xb0\\\xa7\xc0\xfa\x97\x88\x06\x184o\x03n\xb9\xe7\xea\xe6\xf4d\xbd\xde\x98\xfd;Y\xffp0^\x0ba\xfdKG\x03\x0c:\xb1\x01/\xfd\xbf\xdf\xed\xba\xeb\xbf\x1c\x9bxe\xe6\xf7\xb0\xfeAa\xbfN\x8a\xf5\xb7\x04\r0hN\x03\xa2\xb8\xf2\xdb?\x1c\xdc\xf7\xf3\xef\xc6R\n!\x94R\x91\x10\xac\x7f8\x98\xb0\xf9\xb1\xfeV\xa1\x01\x06\xcdn@\x96&amp;Q\\\x11\xaf\xcfz\x1cE\xac\x7fPX\xb1y\xb0\xfe\x16\xa2\x01\x06\xcdi\x80\x14B\x08)\x84\x90R\xeex\xe4\x91\x07\x0e\x1db\xfd\x03\xc1\x90\xcd\xc5\xfa[\x8b\x06\x184\xd3\x80u[\xbf&amp;\xa38\x93B\x08\xf1\x7f_z\xe9\xdb\xcf&gt;[\xabVY\xff@\xb0eo\xc2\xfa[\x8e\x06\x18\x14\xc5\x95\xc9#\xa3\x17\xfd\xcd\xce\x7f\xbf\xe1?\xab,\x8b\xe2J\xa6T\xadZmw:\xac\x7f \x98\xb37\xb0\xfeN\xa0\x01\x06I)\x93v\xab1\xb2B\xff\xcf8\x8eY\xff\xa0\xb0h\xafa\xfd\x1dB\x03\x0c\x92RfI"\x84\x88\xa2(MS\xd6?(\x8c\x9a\x10\xac\xbf\x83h\x80IR\n!\x92N{\xf5\xea\xd5{\xf6\xec\xd1_\xf0\xac\x7f\x08\xd85\xd6\xdfU4\xc0\xb8e\xcb\x96)\xa5\x94R\xac\x7f B\x9f6\xd6\xdfi4\xc0\xac$I\xa4\x94\xac\x7f8\x82^7\xd6\xdf\x034\xc0 \xa6?4\xe1\x0e\x1c\xeb\xef\r\x1a\x00\xf4&amp;\xd0\x8dc\xfd=C\x03\x80\x1e\x848s\xac\xbf\x97h\x00\xb0X\xc1-\x1d\xeb\xef1\x1a\x00,JXc\xc7\xfa{\x8f\x06\x00\xdd\x0bh\xefX\xff@\xd0\x00\xa0K\xa1L\x1e\xeb\x1f\x14\x1a\x00t#\x88\xd5c\xfd\x03D\x03\x80S\xf2\x7f\xf8X\xff`\xd1\x00`a\x9eo\x1f\xeb\x1f8\x1a\x00,\xc0\xe7\xf9c\xfd!h\x00pr\xde. \xeb\x8f\x194\x00\x98\x97\x9f#\xc8\xfac\x0e\x1a\x00\x9c\xc8\xc3\x1dd\xfd1/\x1a\x00\xcc\xe1\xdb\x14\xb2\xfeX\x00\r\x00f\xf3j\rY\x7f\x9c\x12\r\x00f\xf83\x88\xac?\xbaD\x03\x00\xcd\x93Md\xfd\xb1(4\x00\x10~\x04\x80\xf5G\x0fh\x00\xe0\xfc2\xb2\xfe\xe8\x19\r@\xe0\xdc\x1eG\xd6\x1f}\xa2\x01\x08\x99\xc3\xfb\xc8\xfa\xc3\x08\x1a\x80`\xb9:\x91\xac?\x0c\xa2\x01\x08\x93\x93+\xc9\xfa\xc38\x1a\x80\x00\xb97\x94\xac?rB\x03\x10\x1a\xc7\xb6\x92\xf5G\xaeh\x00\x82\xe2\xd2\\\xb2\xfe(\x00\r@8\x9cYL\xd6\x1f\x85\xa1\x01\x08\x84\x1b\xa3\xc9\xfa\xa3`4\x00!p`7Y\x7f\x94\x82\x06\xc0{\xb6O\'\xeb\x8f\x12\xd1\x00\xf8\xcd\xea\xf5d\xfdQ:\x1a\x00\x8f\xd9;\xa0\xac?,A\x03\xe0+K7\x94\xf5\x87Uh\x00\xbcd\xe3\x8c\xb2\xfe\xb0\x10\r\x80\x7f\xac[R\xd6\x1f\xd6\xa2\x01\xf0\x8c]c\xca\xfa\xc3r4\x00&gt;\xb1hOY\x7f8\x81\x06\xc0\x1b\xb6L*\xeb\x0f\x87\xd0\x00\xf8\xc1\x8aUe\xfd\xe1\x1c\x1a\x00\x0f\x94?\xac\xac?\x1cE\x03\xe0\xba\x92\xb7\x95\xf5\x87\xd3h\x00\x9cV\xe6\xbc\xb2\xfe\xf0\x00\r\x80\xbbJ[X\xd6\x1f\xde\xa0\x01pT\xa5\x94?\x95\xf5/\x9d\xcaT\x9adY\x9a\x95} \x9e\x90B\x1c\x9f\x9c\xae7jW\xef\xda\xfc\xcd+\xefz\xe9\xf9\xd18\xae&lt;\xbc\xe7z!\xc4\xea\xcb\xb7O\x1d\x19\x15R\x96}\x8c\xf3\xc8\xd2$K\x13\xa5\xf82\x08T\t\x01`\xfdmP\x1f\xac\x8d\xbceXH\x11\xc7|\xb6M\x91Y\x9a-=m\xe8\xbf\xdd\x7f\xd5\xcdW\xdd\xfd\xdc\x81?\xcc4\xe0\xc2\x8f]\x9d\xb6\xa7\x85\x94\xb6e K:C\xcbO\xaf\xd6\x1be\x1f\x08\xcaQt\x00X\x7f\x1bDQ\xf4\xab\xc7\x9f\xbf\xef\xa6\xff\xddjv"\xcb&amp;\xc9]J()d\x9af\x03\x8d\xda\xca3V\xfc\xe6\xe0\x1f2\x95J)\x1f\xdes\xfd+/\x1e\x1a\x1c9-K\x12i\xd9g[\xa9\xac:0\xf4\xc2\xd3\x8fFQ\x94e\x9c\x07\x04\xa7\xd0\x00(\xa5\x84\x103\xeb_\xaf\xd7Y\xff\x82EQ\x14\xc7q\x1c\xc7\xbf{\xea\x85\xdf=\xf5B\xd9\x87\xe3\xb38\x8e\xa5\x94B\x8a4\xcb\x9e\xfe\xd1\xdde\x1f\xce)\xd4j\xb54M\xf9\x06\x0cM\xd1\x01PJ]u\xd5Uz\xfd[\xad\xd6\xa6M\x9bX\xff\xc2H)\'\'\'\xd34M\xd3\xb4\xecc\xf1\xdf\xecOr\x14\xc7B\xc8(\x8a\x92N\xbb\xc4CZ@\xbb\xdd\x16BLNN\x96} (Tq\x01H\xd34\x8e\xe3\xaf~\xf5\xab\xbbw\xefn4\x1a\xc7\x8f\x1f\x7f\xff\xfb\xdf\x7f\xcf=\xf7\xbc\xfa\xea\xabB\x08\xd6?oR\xca$I.\xba\xe8\xa2F\xa3\xc1\xf9~\x01\xb2,\xabT*R\xca\x9f\xfc\xe4\'\xfa\x8b?\xe9\xb4\xdf\xfd\xeew\x8f\x8c\x8c\xe8Sa\xab\xc4q\x9c\xa6\xe9\x05\x17\\ \x84\xb0\xedy*\xe4G\x16\xf6\xb5\xa8\x1f\xfe\xff\xf1\x8f\x7f\xfc\xc4\'&gt;\xf1\xf8\xe3\x8f\xd7j\xb5j\xb5z\xe3\x8d7\xee\xdc\xb9\xf3\xf0\xe1\xc3\x95J9\xf7#\x85f`` \x8e\xe3\xb2\x8f\xc2\x7fY\x96I)\xeb\xf5\xfa\x95W^\xb9{\xf7\xeej\xb5\xdaj\xb5\xb6l\xd9\xb2g\xcf\x9e\xb2\x0f\rxCq\x01\x10B(\xa5\xa4\x94ccc\x1b7n&lt;p\xe0\x80~\xd0q\xf3\xcd7\xd3\x80\xc2\xf0\xc0\xbf\x00\xfa\xf9\xcc%K\x96|\xfa\xd3\x9f\xbe\xef\xbe\xfbj\xb5Z\xbb\xdd\xd6\xeb\x9fe\x99\xfe.(\xfb\x18O\x8as\xf1\xa0\x14\x1a\x00\xf1\xfa\xf7\xc6L\x03\xf4\x95\x00\x1a\x00o\xcc\xac\xffg&gt;\xf3\x99\xbd{\xf7\xea\xfb\xdc\xf4\xfa\xeb\xab\xac6\xaf?BSt\xed\xf5\xb3\xcf\xcb\x97/\x7f\xe8\xa1\x87\xd6\xacY\xd3j\xb5\xea\xf5\xfa\xe7&gt;\xf7\xb9]\xbbv\xad\\\xb92I\xf8\x99I8\x8c\xf5\x87[J8\xdd\xa3\x01\xf0\x12\xeb\x0f\xe7\x94\xf3|\x1f\r\x80gX\x7f\xb8\xa8\xb4\x0b&gt;4\x00\xde`\xfd\xe1\xa82\xaf\xf8\xd3\x00x\x80\xf5\x87\xbbJ\xbe\xe5\x8b\x06\xc0i\xac?\x9cV\xfe=\xbf4\x00\x8eb\xfd\xe1\xba\xf2\x03 h\x00\x1c\xc4\xfa\xc3\x03V\x04@\xd0\x008\x85\xf5\x87\x1fl\t\x80\xa0\x01p\x04\xeb\x0foX\x14\x00A\x03`=\xd6\x1f&gt;\xb1+\x00\x82\x06\xc0b\xac?&lt;c]\x00\x04\r\x80\x95X\x7f\xf8\xc7\xc6\x00\x08\x1a\x00\xcb\xb0\xfe\xf0R\xd1/\x07\xbd(\x1e\xbfv\xf4\x9cO;\xf3a3\xd6\x1f\xbe\xb2:\x00\xc2\xaf\x06dY\xa6\xdf(J\xbf-\xbb\x1e\x0e\xa5T\x96e3\xef\xd3\xcb\x9a\xd8\x86\xf5\x87\xc7l\x0f\x80p\xbf\x01J\xa94M+\x95J\xa3\xd1\xa8\xd5ji\x9aNNNNLL4\x9b\xcdv\xbb]\xadV\x1b\x8d\xc6\xc8\xc8\xc8\xf0\xf0p\x96e\x13\x13\x13\xfa\xfdc\xcb&gt;j\x08\xc1\xfa\xc3w\x0e\x04@\xb8\xdc\x80,\xcb\xea\xf5\xfa\xd0\xd0\xd0\xf8\xf8\xf83\xcf&lt;\xb3o\xdf\xbe\x83\x07\x0f\xfe\xfe\xf7\xbf\x1f\x1d\x1dm6\x9bzD\x1a\x8d\xc6\xaaU\xab\xce;\xef\xbc\x0f}\xe8C\xeb\xd7\xaf\x1f\x1e\x1e\x1e\x1f\x1f\xa7\x01\xa5c\xfd\xe1=7\x02 \xdcl@\x96eCCC/\xbe\xf8\xe2\xfd\xf7\xdf\xff\xbd\xef}\xef\x17\xbf\xf8\xc5)\xff\x93\xf3\xce;\xef\x86\x1bn\xf8\xc8G&gt;266\xc6\xbb\xb3\x96\x88\xf5G\x08\x9c\t\x80p\xad\x01i\x9a\x8e\x8c\x8c\xdc}\xf7\xdd\xd7\\s\xcd\xd8\xd8\x98\xfe`\xb5Z\xd5\xc3\xa1\xaf\x07\x08!\xa4\x94z\xe8\xf5\xc5\x00\xfd\xc1\x9bn\xba\xe9\x0b_\xf8\xc2\xd8\xd8\x18\xe7\x01\xa5`\xfd\x11\x08\x97\x1ec:wo\xa8R\xea\xado}\xeb\xd8\xd8X\xb5Z\xadV\xabq\x1cw:\x9dv\xbb\xddn\xb7\x93$\xd1s\x9f\xa6i\xa7\xd3\xe9t:i\x9a*\xa5\xf4\xf5\xe1\xeb\xae\xbbn\xef\xde\xbd\xcb\x97/\xd7W\x86Q$\xd6\x1f\xe1p\xe9\x0c@s\xe8&lt; \xcb\xb2\x91\x91\x91\x0f~\xf0\x83\x8f&lt;\xf2\x88\xfe\xc8\xe9\xa7\x9f~\xf1\xc5\x17\xaf^\xbd\xfa\xedo\x7f\xfb\xb2e\xcb\xe28\x9e\x9a\x9a\xfa\xedo\x7f\xfb\xe0\x83\x0f&gt;\xfa\xe8\xa3\xfa\xf7DQ\xa4\x94Z\xb1b\xc5\xc1\x83\x07O;\xed\xb4N\xa7\xc3\xe2\x14\x86\xf5GP\xdc\x0b\x80p\xa7\x01i\x9a.[\xb6\xec\x07?\xf8\xc1\xc7&gt;\xf6\xb1K.\xb9d\xd3\xa6M\xeb\xd7\xaf_\xb5jU\xa5RI\xd34\xcb2\xa5T\x14Eq\x1c\'I\xb2w\xef\xde\xab\xaf\xbe\xba\xd5j\xe9\x0f\xa6iz\xd3M7}\xf1\x8b_\xb4\xea\xff\x91\xdfX\x7f\x84\xc6\xc9\x00\x08w\x1a \xa5l\xb7\xdb\xbf\xfe\xf5\xaf/\xbc\xf0\xc2\xc1\xc1\xc1\xc9\xc9I=\xf1zJ\xf4\xcf\x01\xe8\xbf\x82\x95+W~\xe3\x1b\xdf\xb8\xe6\x9ak\xf4\xf3\xfeY\x96]z\xe9\xa5?\xfc\xe1\x0f\'\'\'\xb9\x1a\\\x00\xd6\x1f\x01r5\x00\xc2\xa9\x06\x0c\x0e\x0eNMM\xe9\x1b\xfc\xe7\xdd\x11\xfd\xa8\x7fjj\xea\x82\x0b.8|\xf8p\x1c\xc7i\x9a\x9ey\xe6\x99\x8f?\xfe\xf8\xc0\xc0@\x9a\xa6\xacO\xaeX\x7f\x84\xc9\xe1\x87\x96\xae\\\x13VJMNNJ)+\x95\xca\xc9vDJ\xa9\x9f/:\xeb\xac\xb3\xc4\xeb\xaf\x0cq\xec\xd8\xb1\xe9\xe9i\x1e\xfe\xe7\x8d\xf5G\xb0\xdc\x1e\x17W\x1a\xd0\xe5\x88K)go\r\xd3S\x00\xd6\x1f!s;\x00\xc2\x9d\x06,L\xdf\x00:55\xf5\xa7?\xfdi\xe6\x83\xcb\x96-k4\x1a\xdc\t\x9a\x1f\xd6\x1f\x81s&gt;\x00\xc2\x8b\x06\xa4i:&lt;&lt;\xfc\xe4\x93O\xbe\xf8\xe2\x8b\xfa6P)\xe5;\xdf\xf9\xce\x91\x91\x91$I\x98\xa1&lt;\xb0\xfe\x80\x0f\x01\x10\x8e7 \xcb\xb2j\xb5\xda\xe9tn\xb8\xe1\x86\x99k\xf2J\xa9\x0f\x7f\xf8\xc3q\x1c\xbb{\x95\xdef\xac? \x9c\xbe\x0b\xe8D\xae\xdc\x174\x9b&gt;\xe6\xa5K\x97~\xf6\xb3\x9f\xbd\xeb\xae\xbb\xf4\xd5\x82,\xcb\xde\xf1\x8ew&lt;\xf6\xd8c\x95JE\xbf\x82t\xd9\x87\xe9\x15\xd6\x1f\xd0&lt;9\x03\xd0\x9c;\x0fH\x92\xa4^\xaf\xd7\xeb\xf5O}\xeaSw\xddu\xd7\xecW\xfe\xf9\xe67\xbf\xc9\xf3?y`\xfd\x81\x19^\x05@8\xd5\x80$I\x96.]z\xec\xd8\xb1\xcb/\xbf\xfc\xde{\xef\x9dy\xb6\'\xcb\xb2]\xbbv]v\xd9eG\x8f\x1e\xe5\xc5\xe0\xccb\xfd\x81\xd9\xbcz\nh\x86\xfd\xcf\x05%I\xb2|\xf9\xf2g\x9ey\xe6\x93\x9f\xfc\xe4\xa1C\x87\xf4\xd0\xeb\r\xba\xe5\x96[\xb6m\xdb\xf6\xea\xab\xaf\xb2\xfef\xb1\xfe\xc0\x1c~\x06@\xd8\xdd\x00\xbd\xfe\xfb\xf6\xed\xbb\xe2\x8a+\x8e\x1c92\xb3\xfe\xcb\x97/\xff\xf6\xb7\xbf}\xf9\xe5\x97\x97~\x84\xfea\xfd\x81\x13y\x1b\x00ak\x03\xf4\xbb\xc4\xfc\xf2\x97\xbf\xdc\xb0a\xc3\xcc\x93&lt;i\x9a\x9es\xce9\xf7\xdcs\xcf\xb9\xe7\x9e{\xe4\xc8\x11\xd6\xdf,\xd6\x1f\x98\x97\xcf\x01\x10\xf65@\xdf\xe0/\xa5\\\xbbv\xed\xb3\xcf&gt;[\xa9T\xf4;\x06_z\xe9\xa5\xf7\xdf\x7f\xff\xb2e\xcb\xc6\xc7\xc7\xab\xd5j\xc1G\xe57\xd6\x1f8\x19\xdf.\x02\xcfa\xdb5a\xfd6a\xf7\xde{\xaf^\x7f\xfd\x860\x97\\r\xc9\xf7\xbf\xff\xfd\xa1\xa1\xa1c\xc7\x8e\xb1\xfef\xb1\xfe\xc0\x02&lt;\x0f\x80\xb0\xac\x01Q\x14u:\x9d\x07\x1ex@\x9f\x07(\xa5V\xadZ\xb5w\xef\xdeZ\xad6==\xcd3?f\xb1\xfe\xc0\xc2\xfc\x0f\x80\xb0\xa6\x01J\xa9Z\xad6::\xfa\xdcs\xcf\xa9\xd7\xed\xdc\xb9\xf3\x8c3\xce\x98\x9c\x9c\xe4\x9e\x1f\xb3X\x7f\xe0\x94\x82\x08\x80\xb0\xa3\x01\xfa\x15\xdf^y\xe5\x95\xf1\xf1q!\x84~{\x80\xb5k\xd76\x9bM\xd6\xdf,\xd6\x1f\xe8F(\x01\x10v4 \x8a\xa2f\xb39\xf3\xce0K\x97.\xd5\x7f4{d\x10\xeb\x0ft)\xa0\x00\x08;\x1a\xa0\xdf\rX\xff{zz\x9a\xc7\xfef\xb1\xfe@\xf7&lt;\xbf\rt^e\xdd\x1b\xaa\x9f\x02\x9a\x98\x98x\xf2\xc9\'\xf5G\xaa\xd5\xea\x9a5k\xf4\xcd\xa09\xfd\xa1Aa\xfd\x81E\t1\x00\xa2\xd4\x9f\x0f\x88\xa2hhhH\xffZ)555\x15\xe6_\x81q\xac?\xb0X\x81\x06@\x94z\x1e\x90$I\x96eB\x88(\x8a\xb8\xf1\xdf\x08\xd6\x1f\xe8A\xb8\x01\x10%5@\xbf\x14\xc4\xc0\xc0\x80\x10\xa2\xd3\xe9LLL\x88\xd7\xdf\x05\x1e\xbda\xfd\x81\xde\x04\x1d\x00Qx\x03\x94RCCC?\xff\xf9\xcf\x1f}\xf4\xd1\xe9\xe9\xe9\x0b/\xbcp\xc3\x86\r\xadV\x8bw}\xe9\x19\xeb\x0f\xf4,\xf4\x00\x88\x02\x1b\xa0_\x07b\xd7\xae]\xd7^{\xed\xcc[\xbdo\xde\xbc\xf9\xd6[om\xb5Z\xecT\x0fX\x7f\xa0\x1f\x04@\x88B\x1a\xa0\x94\xaaT*G\x8f\x1e=\xf7\xdcs\xf5k\xfe\xe8\x9f\x04N\xd3\xf4\xc1\x07\x1f\\\xb7n\xdd\xc4\xc4\x84~?Ht\x89\xf5\x07\xfa\xc4\xe2\x08Q\xc8\xcf\x07(\xa5\xea\xf5\xfa\x0b/\xbc011!\xa5\xect:\xfa\xe7\xbf\xa2(\xfa\xd5\xaf~U\xadV\xf5eat\x89\xf5\x07\xfaG\x00^S\xcc\xcf\x88\xcd\xfb\x18\x9f\x07\xfe\x8b\xc5\xfa\x03F0=o\xc8\xb5\x01R\xca\xe9\xe9\xe9\xb3\xce:k\xc5\x8a\x15\xfaU\xe1\xf4\xcbAgYv\xfe\xf9\xe7\xb7\xdbm2\xd0%\xd6\x1f0\x85\xd1y\x93\xfc\x1a\xa0\x9f\xf6Y\xb9r\xe5\xd7\xbe\xf6\xb5Z\xad\xd6n\xb7\xf5O\x03\xec\xd8\xb1\xe3\xe2\x8b/\x9e\x9c\x9c$\x00\xdd`\xfd\x01\x83\xb8\x08&lt;\x8f\xfc\xae\t+\xa5\x86\x87\x87\x9fx\xe2\x89\x1f\xff\xf8\xc7\xcdf\xf3\xbd\xef}\xef\xbau\xeb\xa6\xa7\xa7\xf9[\xe8\x06\xeb\x0f\x98E\x00\xe6\x97_\x03\xb2,k4\x1a\x83\x83\x83B\x88v\xbb\xcd\xcd?]b\xfd\x01\xe3\x08\xc0I\xe5\xda\x00}\xcf\x8f\x94\x92W\x03\xed\x06\xeb\x0f\xe4\x81\x00,\xc4\xb6\xf7\x94\x0f\x13\xeb\x0f\xe4\x84\'\x1f\x16b\xc3\xfb\x07\x04\x8e\xf5\x07\xf2C\x00N\x81\x06\x94\x88\xf5\x07rE\x00N\x8d\x06\x94\x82\xf5\x07\xf2F\x00\xbaB\x03\n\xc6\xfa\x03\x05 \x00\xdd\xa2\x01\x85a\xfd\x81b\x10\x80E\xa0\x01\x05`\xfd\x81\xc2\x10\x80\xc5\xa1\x01\xb9b\xfd\x81"\x11\x80E\xa3\x019a\xfd\x81\x82\x11\x80^\xd0\x00\xe3X\x7f\xa0x\x04\xa0G4\xc0 \xd6\x1f(\x05\x01\xe8\x1d\r0\x82\xf5\x07\xcaB\x00\xfaB\x03\xfa\xc4\xfa\x03%"\x00\xfd\xa2\x01=c\xfd\x81r\x11\x00\x03h@\x0fX\x7f\xa0t\x04\xc0\x0c\x1a\xb0(\xac?`\x03\x02`\x0c\r\xe8\x12\xeb\x0fX\x82\x00\x98D\x03N\x89\xf5\x07\xecA\x00\x0c\xa3\x01\x0b`\xfd\x01\xab\x10\x00\xf3h\xc0\xbcX\x7f\xc06\x04 \x174`\x0e\xd6\x1f\xb0\x10\x01\xc8\x0b\r\x98\xc1\xfa\x03v"\x009\xa2\x01\x82\xf5\x07,F\x00\xf2\x15x\x03X\x7f\xc0f\x04 w\xc16\x80\xf5\x07,G\x00\x8a\x10`\x03X\x7f\xc0~\x04\xa0 A5\x80\xf5\x07\x9c@\x00\x8a\x13H\x03X\x7f\xc0\x15\x04\xa0P\xde7\x80\xf5\x07\x1cB\x00\x8a\xe6q\x03X\x7f\xc0-\x04\xa0\x04^6\x80\xf5\x07\x9cC\x00\xca\xe1Y\x03X\x7f\xc0E\x04\xa04\xde4\x80\xf5\x07\x1cE\x00\xca\xe4A\x03X\x7f\xc0]\x04\xa0dN7\x80\xf5\x07\x9cF\x00\xca\xe7h\x03X\x7f\xc0u\x04\xc0\n\xce5\x80\xf5\x07&lt;@\x00l\xe1P\x03X\x7f\xc0\x0f\x04\xc0"N4\x80\xf5\x07\xbcA\x00\xecby\x03X\x7f\xc0\'\x04\xc0:\xd66\x80\xf5\x07&lt;C\x00lda\x03X\x7f\xc0?\x04\xc0RV5\x80\xf5\x07\xbcD\x00\xeceI\x03X\x7f\xc0W\x04\xc0j\xa57\x80\xf5\x07&lt;F\x00lWb\x03X\x7f\xc0o\x04\xc0\x01\xa54\x80\xf5\x07\xbcG\x00\xdcPp\x03X\x7f \x04\x04\xc0\x19\x855\x80\xf5\x07\x02A\x00\\R@\x03X\x7f \x1c\x04\xc01\xb96\x80\xf5\x07\x82B\x00\xdc\x93S\x03X\x7f 4\x04\xc0I\xc6\x1b\xc0\xfa\x03\x01"\x00\xae2\xd8\x00\xd6\x1f\x08\x13\x01p\x98\x91\x06\xb0\xfe@\xb0\x08\x80\xdb\xfal\x00\xeb\x0f\x84\x8c\x008\xaf\xe7\x06\xb0\xfe@\xe0\x08\x80\x0fzh\x00\xeb\x0f\x80\x00xbQ\r`\xfd\x01\x08\x02\xe0\x93.\x1b\xc0\xfa\x03\xd0\xa4R\xaa\xecc\x80Iz\xdf\xc7\xc6\xc66n\xdcx\xe0\xc0\x81z\xbd\xdej\xb5n\xbe\xf9\xe6\x9d;w\x1e&gt;|8\x8a"\xd6\x1f\x80\xc6\x19\x80o\x16&gt;\x0f\x10B\xb0\xfe\x004\xce\x00\xfct\xb2\xf3\x80\x1d;vl\xde\xbc\xf9\xbe\xfb\xeec\xfd\x01\x10\x00o\xcdi@\xa5RI\xd3\xf4}\xef{\xdfO\x7f\xfaS\xdd\x03\xd6\x1f\x08\x1c\x01\xf0\xd9\x89\rH\x92\x84\xf5\x07\xa0q\r\xc0gs\xae\x07$I\xd2h4X\x7f\x00\x1ag\x00\xfe\x9b9\x0f\xb8\xec\xb2\xcb\xf6\xef\xdf\xbfm\xdb\xb6\xdbo\xbf\x9d\xf5\x07@\x00\x82\xa0\x1b0::z\xe7\x9dw^\x7f\xfd\xf5\xfa/\x9d\xf5\x07\x02G\x00B\xa1\x94\xd2\x8b?\xf3\x0b\x00\x81\xe3\x1a@(\xa4\x94J\xa94MY\x7f\x00\x1ag\x00\x00\x10(\xc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E\x00\x00 P\x04\x00\x00\x02\xf5\xff\x01H\xabCs\xe3\xc4%\xe2\x00\x00\x00\x00IEND\xaeB`\x82'</t>
        </is>
      </c>
    </row>
    <row r="492">
      <c r="A492" s="1" t="n">
        <v>490</v>
      </c>
      <c r="B492" t="inlineStr">
        <is>
          <t>color_number_hexagon</t>
        </is>
      </c>
      <c r="C492" t="inlineStr">
        <is>
          <t>What is the missing number of the part denoted with a question mark?</t>
        </is>
      </c>
      <c r="D492" t="inlineStr">
        <is>
          <t>['1', '5', '2', '4']</t>
        </is>
      </c>
      <c r="E492" t="inlineStr">
        <is>
          <t>2</t>
        </is>
      </c>
      <c r="F492" t="inlineStr">
        <is>
          <t>There is a hexagon split into six parts with the colors ['blue', 'orange', 'orange', 'blue', 'purple', 'purple'] in an anti-clockwise order. The parts are denoted with the numbers [3, 4, '?', 3, 5, 1] respectively.</t>
        </is>
      </c>
      <c r="G492" t="inlineStr">
        <is>
          <t>We observe that the numbers in the blue parts add up to 6. Similarly, the numbers in the orange parts also add up to 6. Thus, the pattern is that the numbers in the parts of the same color add up to 6.</t>
        </is>
      </c>
      <c r="H492" t="inlineStr">
        <is>
          <t>Based on the pattern that the numbers in the parts of the same color add up to 6, the missing number of the orange part should be 2.</t>
        </is>
      </c>
      <c r="I492" t="inlineStr">
        <is>
          <t>b'\x89PNG\r\n\x1a\n\x00\x00\x00\rIHDR\x00\x00\x02\x00\x00\x00\x02\x00\x08\x02\x00\x00\x00{\x1aC\xad\x00\x00\x9f\x99IDATx\x9c\xec\x9dy\x9c\xcd\xd5\xff\xc7\xcfv\xf7mflCJ\xf6B\xca\x12J\x96\x08QI\xf65\xf5M\xa9\x14\x83\x88$[H\xd6\xf6\xe8[_\xca.Ri1-B\xab,-T\x96)\xa4\x8cm\xee\xdc};\xefs~\x7f\x9c\x99\xf9\xfa\xf6S\ts\x97\xb9\xe7\xf9\xb8\x7fh\x8c\xe63\xf7~&gt;\xef\xf79\xef\xf7\xeb\xbc_XJ\x894\x1a\x8dF\x93~\x90D_\x80F\xa3\xd1h\x12\x83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x8aN\x00\x1a\x8dF\x93\xa6\xe8\x04\xa0\xd1h4i\nK\xf4\x05h\x12\x89\x94RJ\x99\xe8\xab\xd0$\x0c\x8c1\xc68\xd1W\xa1I\x18X?\xffi\x0b\xe7\x9c1\xbd\x02Hw8\xe7\x94R\x9d\x06\xd2\x13\x9d\x00\xd2\x14!\x04!\xe4\xa7\x9f~\xba\xff\xfe\xfb\t!B\x88D_\x91&amp;\xae0\xc68\xe7C\x86\x0c\xe9\xdf\xbf\x7f\xa2\xafE\x930\xf4\x020\xedP)?\x14\n\xcd\x9d;7##c\xd3\xa6M\x89\xbe"M\xc2\xa8W\xaf\xdeo\xbf\xfdv\xe3\x8d76h\xd0@JI\x88n\n\xa6\x17z\x07\x90v\x00\x00\xa5t\xc9\x92%w\xdcq\x07\xc6\x98RZr\x0f\xe8\xe7?\x1d\x10R\xa2\xe2O\x9cR\x1a\x8dF\x07\r\x1a\xf4\xea\xab\xaf\xea\x92`\x1a\xa2\x13@z\xa1\xba\xbe\x1e\x8f\xa7^\xbdz\'O\x9e\x14B\xe8\xe2O\x9ac4\x1a\x01`\xd3\xa6M\xadZ\xb5R\x8b\x83D_\x91&amp;~\xe8\x84\x9f^\x08!(\xa5\x13\'N\xcc\xcf\xcf\xa7\x94")\x95\x0eD\x08q\xddM}\xdbu\xbf#\xe0\xf3P\xca\xf4\xaa\xa0\xec\x811\x12\x02\xcc\x16\xdb\x81\xdd;V?7U\n!\xa5$\x04s\xce\x85\x10999\x9f\x7f\xfe\xb9\xc1`\x90R\xea\x86p\xfa\xa0w\x00i\x84\x10\x02c\xbco\xdf\xbe\x06\r\x1a\x08!J4\xa0\x18\x13)Ef\xc5\xcas\xdf\xf8\xc6\xee\xcc\x88\xf1(\xc1\x18!\x1d\x05\xca\x0e\x12I\x84\xb0\x04\xb09\x1d\x93\xee\xe8\xf8\xedg\x1f\x10B\x85\x00\x84\x10F\x98P\x02\x00\x8b\x17/\x1e&lt;x\xb0\xde\x04\xa4\x15:\x01\xa4\x11\xea\xd9\xee\xd4\xa9Snn\xae\xc1\xc0b1~u\xfd\xea\xf9\'=G\x8e\x17\x10\xca\x80\xf3\xb6\xddn\xbfg\xf2\xf3\xfe\xc2\x02\xa2C@\x99C\x00\xd8]\x99\x9b\xdf\\\xbap\xf2}*\xfa3f\xb8\xe2\xf2\xabw}\xff\xb9\xea\xfdT\xacXq\xcf\x9e=\x19\x19\x19\xfap@\xfa\xa0\x13@\xba\xa0\xa2\x7fnnn\xa7N\x9d\xd4\x12OJ\xb1m\xd9\xa4-\xdb\x7f\x1a5w%c\x14\x84$\x98L[\xba\xf9\x92\xda\r\xc2\xa1\x80n\x08\x97%$\x92\x04a\x84\xf1\xb8&gt;-\x8e\xfd\xfa\x0bc\x06\xcecW7j=a\xd43\x83\x87]\xef\xf5\xb9\x19c\xb1Xl\xc2\x84\t\x8f?\xfe\xb8\xde\x04\xa4\x0f\xfa!O\x0bTa\x97s&gt;|\xf8p\x8c\x10%\x04\x00\xfavj\xde\xa4\xe9eC{\xb7\xabuq%\xce\x81\x12\x02\xc0\x97\xcd\x7f\x84P\xa2\x97\x7fe\x0c\x01`se\xbe\xb5x\xde\xb1_\x7f\xa1\x94\t\x01\x94\xb2;\xfb?\x94]\xe9\x92\xc1}s\xa4\x94BHB\xe8\xec\xd9\xb3\xf7\xef\xdf\xaf\xcf\x85\xa4\x0f:\x01\xa4\x05\xea\xd8\xd7\xc2\x85\x0b\xf7\xee\xddK\x19\xe3\x00.\xbb\xf5\xb1{\xbb\xc5|A\xab\xc36\xf5\xfen\x08!)\x05!t\xcf\xb6\xcd\xdb7\xbdcu\xb8\x04@\xa2\xafZsa\x90R\x9aL\x96\xa3\x87\x0e\xe4\xaeZ\xa4j;B\x88\x1b\xdb\xf7\xbe\xbcN\xe3c\xc7\x8ftj\xd7\xbbV\x8d\xfaB\x80\x92\x84N\x980\x01c]\x18H\x17t\x02(\xfb\xa8\xdeo~~\xfe\xc4\x89\x13UuW\x08\xf1`\xbf\xf6u\xebW\x8fEba_\xb0\xdf\xad\xad[5\xae\x03 (\xc1\x08\xe1\xe5\x0b&amp;\x84\x83~J\xa9D:\n\x94\x05\x84\x00\x93\xd5\xb6\xfa\xd9)\x01\x8f\x9bP&amp;\x04\xd8m\xce\xc1}s\xc2\x91\xa0\x94\xd2j\xb1\xdd5`\x8c\x94R\xe5\x805k\xd6\xe4\xe6\xe6RJA\xaf\x00\xd2\x00\x9d\x00\xca&gt;\xea\x84\xe7\xf8\xf1\xe3\xddn\xb7\x811\xcey\xf5\x8b*\x8c\x1c\xdc%Z\xe8\xa7\x94H$\x05\xc0\xec\x91}\x18\xa5 \x80R\x9a\x7f8\xef\xad\xc5\xf3l\xaeL\xbd\t(\x03\x08\x01vg\xe6\xce-\xef\x7f\xb1\xf1uB(\x92BJ9\xa0\xd7\x83\x15\xcbW\x89F\xc3\x8c1\x9f\xbf\xb0Y\x93\xeb[6\xef\x08\x00\x84\x10\x8c\xf1\xf0\xe1\xc39\xe7z\x1f\x90\x0e\xe8\x04P\xc6Q\xc5\x9f\x1d;v\xacX\xb1\x82\x12*\x84\x90\x12\xcdx\xa0GV\x85\x0c\xe0\x1ccL\t\x89\x04\xc2\xcd\x9b\xd7\xbb\xbb{k!$\xc6\x08c\x9c\xbbj\xd1\xd1C\x07\x8c&amp;\x8b\x0e\x01\xa9\x0eF\x98\xf3\xd8\xfa\x97\x9ePw\x82\x10\xa2V\x8d\xfa\xdd\xba\x0c\xf6\x07\xbc\xc5\x9d^\x0c\x00w\r\x1ck\xb3:T\xfbw\xef\xde\xbd\x0b\x17.\xd4\x9d\x80t@\'\x802\x8ej\xff\x8e\x1e=:\x12\x89PF8@\xab\xc6u\xfa\xde\xda*\xec\xf6\x95(=\x08\xc1\xdc\x1f\x9e2\xacG\xa6\xd3\xaaB@\xc0\xe3^\xfd\xdc\x14\x8b\xcd\xa1\xa4\xe2\x9a\x14\x05\x80;2\xcb}\xb2\xfe\xd5\xbd\xdf|I\xa8J\xff\xf2\xae\x01c\xcc&amp;\x0b\x00\xa8\xa3\x1e\x84\x90`\xd0W\xbbF\x83\xae\x9d\x07\t!\xd4\x88\xe8\x89\x13\'\xba\xddnB\x88^\x01\x94mt\x02(\xcb\xa8h\xbef\xcd\x9a\xcd\x9b73\xc68\x07\xa3\x81\xcd\x1e\xd9G\x00\xc8\xd3\x84&gt;\x18\xe3X4Z!;k\xd2\xd0n\xeat\x18!\xe4\xab\x0f\xd6\xef\xd9\xf6\x89\xd5\xe6\xd0\xcb\xc0\x14EJi`\xc6\x82\xe3G\xdf^&lt;\x0fcL0\x11\x02\xaek\xd1\xa9Y\x93\xeb}\xfe\xc2\xd3\x85\x9e\x942\xaf\xaf\xb0W\xd7\xbb+g_\x02\xc0\x19cn\xb7[u\x8c\xf4\xa7_\xb6\xd1\t\xa0\xcc\xa2\xd6nJ\xd7\x81\x10"\x18\x0b!\xfatj\xd6\xbcE\xfdH D\xffW\xe6O(\x8d\xfaB\xf7\xf6\xbd\xa1N\xb5l\x01@\x08\xe1\xb1\xe8\xcag&amp;\x11\xca\x90^\x03\xa6&amp;\x02\xb8-#\xf3\xdd\xa5\xcf\x1c?r\xb0\xe4\xe4\xd7\xed}r\xd42\xff\xf4\xef\xc4\x18s\x1e-_\xaeR\xdf\xdb\xee+\x96\x84\x16i\xc6t!\xa8l\xa3\x13@\x99E\x8d\xfd\x993g\xce\xfe\xfd\xfb\r\x06C\x8c\xf3,\x97m\xe6\x88^\xdc\x1f\xc2\xff\xef\x90\x17F\x08\x00L\x16\xe3\xfc\x87\xfaI\x84\xa4\x10\x84\xd2\xbd\xbb\xbe\xd8\xf2\xf62Gf9\x00\x9e\x90_As\xce\x08!,6\xc7\xc1\x1f\xbf\xfdp\xf5K\xeaL\x9f\x10\xa2\xfb\xcdw\xd6\xad\xd50\x18\xf4\xfd\xffS~\x94\xb2BOA\xe7\x1bz7\xb8\xbc)\x00\xa7\x94\x15\x9d\x1a\xd1\xad\xe02\x8dN\x00e\x13\xd5\xf1\xcb\xcb\xcb\x9b5k\x16!DM\x01\x1d\xd1\xbf\xc3E\xd5*G#j\xd4\xcf\x1f\xa1\x94\x84}\xa1.\xed\x9a\xdc\xd0\xbc\x1e\x08A0F\x18\xbf\xfe\xe2\xf4\xc2\x13\xf9\x06f\xd4Q \xd5\x90\x84\xb2U\xcfN\x0e\xfa\xbd\x98P! 3\xa3|\xcf\xaeC\x82\xa1\x00!\x7fv\xcaW2j\x18\xd8{8!D\x00P\xcarss\xd7\xacY\xa3%\xa1e\x18\x9d\x00\xca&amp;\xaa\xf7;u\xeaT\xaf\xd7\xcb(\x8dq^\xa7Z\xf6\x98\xbbn\x89z\x02\x94\xfe\xc5\x87.\x05\x88\x05c\x07\x18\r\xea\xb0(=\xf1\xdb\xa1w\x96&gt;c\xcf\xc8\x14z\x13\x90:\x00\x80\xdd\x99\xf9\xcd\xa7\xb9\xdb7m \xb4H\xfa9\xb8\xef\xc8J\x15\xaaF\xa3\xe1?\x9b\xf3C\x08\xf5\xf9\x0b\xafi\xda\xfe\xfa\xebn\x01Q$\t\x9d0aB4\x1a\xd5\xfb\x80\xb2\x8aN\x00e\x10\xd5\xfb\xdd\xb2e\xcb\xb2e\xcb\x94\xba\x1f!4\xff\xa1~\x16\xab\x19\x00\xf0\x9f\x8f\xf9$\x84D\x82\xa1\xfaW\xd4\x189\xb0\xa3\x10\x12#\x89\t\xf9p\xf5Ky?\xec2[\xedR\xeaZpj@)\r\x05\xfc\xab\x9e\x9b\x8c0&amp;\x98\x00@\x83\xcb\x9bv\xe9\xd0\xcf\xeb+\xa0\xf4\xaf&amp;\xc0\x13BC\xa1\xe0\xbf\x06\x8eu\xd838\x8f1\xc6\xf6\xef\xdf?g\xce\x1c\xdd\t(\xab\xe8\x04P6\x01\x80\x89\x13\'\xaa\xa3=\x00\xe2\x86\xe6\xf5\xba\xb4k\x12\xf6\x05\xffr\xf9\x8f\x10B\x84\x10\xee\x0f\x8f\x1a\xdc\xb9R9\x97\x00A\t\t\xfa\xbdo\xfe\xfbI\x93\xd9\xaaC@J\x00\xc0\xed\xce\xcc\xad\x1b\x96\x1f\xfa\xe9;\x15\xb8\t!\x03{\rg\x94\xfd\xed*\x1ec\x1c\x89\x86.\xaeR\xa3[\x97\xdb\xd5\xb0p\x8c\xc9\xdc\xb9s\xf3\xf3\xf3\xb5"\xa8L\xa2\x13@Y\x83sN)]\xbe|\xf9\x96-[\x0c\x8cq\x00F\xe9\x82\xb1\x03\x04\x08t\x16\xa3\x1d0\xc6\xd1h\xb4b\xe5\xf2\x8f\x0f\xeb.\x8a$\xa1\xf4\xcb\xdcu;\xb6\xbcgwf\xeac\x01I\x8e\x94\xd2h4\x9f8zx\xed\xc2\x19\x18\x13%\xfdl\xdb\xf2\xe6k\x9a\xdd\xe0\xf3\x17\xfey\xf5\xff\xbfPJ\xbd&gt;w\xdf\xee\xf7U\xc9\xae\xa66\x01\x05\x05\x05\xe3\xc7\x8f\xd7g\x02\xca$:\x01\x94)\x94\x84\xdf\xeb\xf5N\x992\x85`\x8c0\x12B\xdc\xdd\xbdu\xfd\xfa\xd5#\xc1\xf0YNx\xa6\x94F\xbd\x81\x01\xb7^\xd7\xf8\xb2jB\x00!X\x08\xb1\xfe\xa5\'\x80\xc7\xf4\x98\xf8$G\x08\xb0\xd8\x1c\xef.}\xd6s\xea8!D\x08\xb0Y\x1d\x03z=\x18\x0e\x87\xcez\xbe7\x06\xe0V\xab}P\x9f\x11\xa8XK\xb6|\xf9\xf2\x9d;wRJ\xf5&amp;\xa0\x8c\xa1\x13@\x99B\xed\xf7g\xcd\x9a\x95\x97\x97G\x19\x05\x0e\x99N\xeb\x94a=x0B\xcez\xc63F\x08@X\xac\xe6Y9\xbd\xa5DR\nJ\xe9\xdeo\xbe\xfc\xf8\x8d%\x0eW\x96\x96\x84&amp;-B\x08\x8b\xd5q`\xf7\xf6\x8d+^\xc0\xc5\xd2\xcf\xae\x9d\x07\xd5\xa9yE(\xe4\xc7\xf8l\x1fvJ\x99\xcf\xe7\xe9\xd4\xaeg\x83\xcb\xaf\x06\xe0\x84\xd0h4\x9a\x93\x93\x03\x00z\x13P\xc6\xd0\t\xa0\xec\xa0\x16k\xaakG\t\x91B\n)\'\r\xbd\xb5BvV,\x1a\xfdG\x8bwJI\xd8\x1bh\xdf\xea\xca\xee\xed\x9b\x00\x08e\x11\xb5\xf6\xc5\xc7O\x1c\xfd\xd5h4\xeb(\x90\x9c`\x84\x08%\xcb\xe6?\xc2cQJ\xa8\x10\x90]\xb1j\xaf[\xef\xf6\xfa\n\xff\xba\xf7{F\x00`\xc8\xa0\x87)e\xeal\xf0\xd6\xad[\x97/_\xae%\xa1e\x0c\x9d\x00\xca\x0e*.+\xdd\x1e\xa5\x14\x84h|Y\xb5{\xfbu\x8c\xfa\x82\xe7f\xf1(\x01\x9e\x18\xd1\xdbe\xb7\xaa\xd4\xe29u\xe2\xdd\xa5\xcf\x9amv\xdd\tHB\x04\x80\xd5\xe1\xda\xbe\xe9\x9d=\xdb6\x13B\xa5\x14R\xca;\xfa\x8d*\x97Y\x91\xf3\x7f\x96\xfeQ\xf1\x80\xa0F\r\xaf\xbd\xb1}\xef\xe2\x01Ad\xca\x94)\x1e\x8fGKB\xcb\x12:\x01\x94\x11\x94\xf4s\xf3\xe6\xcdE\'w\x04H)\x9f\xcc\xe9m2\x1b\x01\xe0\x1c*\xf7\x84\x90p \\\xbb\xde\xa5\x0f\xf6k/\x84@HbB6\xaex\xe1\xe7\x1fv\xe9\x01AI\x08\xa5,\x12\n,_0\x01!D\x88\x92~^\xdd\xb1]O\x8f\xf7o\xa4\x9f\x7f\x06!4\x18\xf4\x0f\xee\x9bc\xb79\x018c4//o\xc1\x82\x05\xea\x7f~\xa1/_\x93\x18t\x02(\x0b\xa8c_\x91Hd\xf4\xe8\xd1\x18c%\xfd\xec\xd1\xbei\xbbVW\x86}\x81s\xf6w\xa5\x94D\x0b\xfd#\x07w\xa9Y\xb5"\x80\xa0\x84\xf2Xt\xed\xc2\x19\x98\x90\xb3\x11\x14i\xe2\x06\x00\xb78\x9c\x1f\xac~)\xffp\x1e\xa1T\x0800\xe3\x90A\x0f\x97\x8c\xfc&lt;\x070\xc6\xd1h\xb8b\xf9*\x03z=X\xe2\x199\x7f\xfe\xfc\xbc\xbc&lt;\xdd\r.3\xe8\x04P\x16P\xbd\xdf\x95+W\xee\xd8\xb1CUi\x8d\x066uXwt~O\xa9\xb2\x11\xce\xaa\x989a\xc8\xcdRJ$\x05!t\xfb\xc7o\x7f\xf3\xe9\x076G\x86\xee\x06\'\tJ\xfay*\xff\xb7\xf5/?Y&lt;\xf5S\xb4\xbe\xb6K\xe3\x86-\xcf8\xf6\xe7\xec\xa1\x94\xfa\x03\xbe[;\x0f\xaaZ\xa5:\x00\xa7\x94z&lt;\x9e\xa9S\xa7\xea3\x01e\x06\x9d\x00R\x1e\xb5\xfcw\xbb\xdd\xe3\xc6\x8d#\x84(\xc7\xc7\x91\x03;\xd6\xab_=\x1c8{\xf1\xdf\x99a\x94\x86\xdd\xbeA\xdd\xdb\xb4jT\x87\x03PB\x10\xc6\xab\x9e\x9b\x1c\r\x87\xce\xad\xb0\xa0\xb9\xe0H\x01\x16\xbbc\xed\xc2\xe9\x01\xaf\x87\x10\n\xc0\x1d\xf6\x8c\x7f\r\x1c\x13\x08\xfa\xceF\xf8\xff\x97`!\xb8\xd9d\xbdg\xf0#\xa8\xa8\xcc\xc8\x96-[\xb6u\xebV\xc6\x98.\x04\x95\x01t\x02Hy\xd4\xf2\x7f\xe2\xc4\x89\xf9\xf9\xf9\x94\x10\xce\xa1R9\xe7\xa8\xc1\x9dy\xe0l\x85\xff\x7f\x8dD\x921:\xf9\xben\x84\x10!\x81\x10r\xe8\xa7\xefrW-\xb49\\z\x13\x90p\xd4\xd4\xcf=\xdb6o^\xff\x9a\x92~J)\xbbu\xb9\xfd\xe2*5\xfeb\xec\xcf\xd9C\x08\xf5\x07\xbc-\x9bul\xd4\xf0Zu(\x04\x00rrr"\x91\x88\xee\x06\x97\x01t\x02HmT\xf4W\x1e~\x94\x10\x89\xa4\x94r\xfa\x03=*V.\x1f\xfd\x87\xd2\xcf?\x83\x12\x12\xf2\x06\xda\xb5i4\xa0s\x0b\x00A1\xc6\x98\xac\x7f\xf9\xc9\x93\xf9G\xb4gd\xc2\xc1\x08\x11\xcaV&gt;3\t\x80SB\x01x\xd5*\xd5\xfbv\xbf\xcf\xebs\x9fs\xef\xe7\xff#\x04\xdc{\xc7\xa3\x8c\x19\x00\x801\xb6s\xe7\xce\x95+W\xea\x01Ae\x00\x9d\x00R\x1bU\xffQ.\xde\x94R\xce\xa1U\xa3:\x83{\\\x1f\xf6\xf8\xd9\x85{\xfe1!&lt;\x18\x9e\x99\xd3+\xcbe\xe3\x00\x94\x92\x80\xd7\xb3v\xe1\x0c\x93\xc5*SJ\x12*\xa5\x14\x02\x04p\x00.\x80\xab?\x00p\x01\x90\x8a\xa3\xee\x00\xb8\xcd\x99\xb1\xe5\xede{w}A\x8a\x1b\xb3\xf7\x0c~\xc4b\xb1\x818\xf7\xf6\xef\x1f \x84\x04C\xfe\xcbj_\xd5\xfd\xe6;\x95$\x94\x102n\xdc\xb8\x82\x82\x02\xbd\tHut\x02Ha\x94\xf4377777W\t\xff)!\x93\xef\xeb\xc6\xd8\x05\x1e\xdbB0\x8eF\xa2\x17U\xab&lt;\xa2\x7f\x07)\xa5\x92\x84n^\xff\xda\xcf{v\x9a\xad) \t\x95R\n\xe0RJ\x83\xd1dsd82\xca\xbb2+82\xcb;2\xca;3+83\xcb\xdb\x9c\x19j7#\x00R\xc5\x01M"\xc9(\x0b\x05|\xeb\x16\xcdD\x08\xa9\xb1?\x8d\x1a^\xdb\xb2YG\xbf\xdfK\xcf\xb7\xfa\xff?\x10B\x83!\x7f\xcf\xaeC23\xca\xabnp~~\xfe\xbcy\xf3\xf4&amp; \xd5\xd1\t&lt;UQ\xe6\xbdB\x88\x06\r\x1a\xec\xdb\xbb\xd7`0Dc\xb1\x01]\xaeY\xba`x\xa8\xc0{\x01\xb7\xffE?\x0eI\x8c0`\xdc\xf0\xb6G\x0e\xfcz\x8c1\xc69\xaf\xdf\xac\xcd\x84\x85\x1bB~\xdf\xff\xb7\x18K\x12\xa4\x14RH\xa3\xd9b2[#\xe1\xe0\xf1\xdf\x0e\x1e=\xb8\xef\xd8\x91\x83\xde\x82\xe3\x91PP"i4Y\x1c\x19Y\x15.\xba\xb4j\x8d\xcb\xb2/\xaei\xb4XC~\x1f@\xec\xbc\xdb\xa7\xa5\x0e\x00weUX\xf1\xf4co,\x9aE)\x93R`L\x9e\x9f\xfdV\x8dj\x97\x85\xc2\xc1\x0b\xd2\xfe\xf9\xc3\x8f\xcbp\x95\x7f\xe3\x9d\xff,xq\x02\xa5LJ\xc9\x18\xdd\xbd{w\xadZ\xb5\xd4\x04\xaa\x0b\xfb\xe34\xf1A\x0b9R\x15u:\xf7\x85\x17^\xd8\xbbw/c\x8c\x03\xb8\xec\xd6\x89Co\x85P\xb44\xc21F\x18\x00,.\xc7\xd4\xfb\xbb\xf5\x1f\xbfPJA\x08\xdd\xb3m\xf3\xf6M\xef\\\xdd\xee\x96\x80\xb7\xf0\xdc\x0e\x1b\x97*\x02\xb8\xd1l5\x9a-\xbf\x1f\xdc\xb7\xed\xc3\xf5;&gt;y\xe7\xd0\xbe\xef\xa3\xe1\xd0\x19\xbf\xd9`4]Z\xf7\xcakn\xec\xd9\xea\xe6~VgF\xc8\xe7M\xc2\xdf\xa8\x04)\xa5\xc9d9z\xe8@\xee\xaaE\xaa\xd3#\x84\xb8\xa9c\xdf\xba\xb5\x1a\x9e\xf3\xc9\xaf\xbf\x86R\xe6\xf3\x17vh\xdbcC\xee\xf2\xbc_~`\xcc\xa0\xec\xa6W\xaf^\xad7\x01\xa9\x8b\xde\x01\xa4$\xea\x91;~\xfcx\xbdz\xf5\n\x0b\x0b\x19\xa3\xb1\x18\x7f\xf4\xee[\xa6=&lt;0x\xa2\x90\xb1\xd2\x8a\\B\x08\xb3\xc3\xd6z\xe0\x94\xad;\xf7\x19\x18\x8bq\xc8\xbe\xa4\xc6\xcc\x95\x9f#)\x05\x92\x7fa5\x13w$\xc6\xd4\xeap\x1e\xc9\xfb\xe9\xfd\xe5\xcf}\xf6\xde\xea\xa0\xcf\xa3\xfe\x82PJ\x08=\xbd=.\x85\xa2\xa8\x99qQ\x8d\xcb\xee\x1c7\xb7~\xf3\xeb\x03\x1ew\xd2\xe6\x00\x00\xee\xcc,\xff\xf4\xd8\xdb?{o5e\x06\x01\xdcfu\xbc\xf2\xcc\x87\xca\xc8\xa5\x94\x86\xb6\x02\x80\xd3\x91\xf1\xe5\xf6\x8f\xc6O\xbbCm1\x01`\xe3\xc6\x8d\x1d;vT\xd5\xc8\xd2\xf8\xa1\x9aREo\xdcR\x12\xb5\xe9\x1e?~\xbc\xdb\xed60\xc69\xaf~Q\x85\x91\x83\xbbD\x0b\xfd\x7fk\xf9r^?\x17!\x010{d\x1fe4F)\xcd?\x9c\xf7\xd6\xe2y6W\xa6H"U\xb8\xc4\x98\xc4b\x917_\x9e3qP\x9b\x0fV\xbf\x14\xf4y(e\x94\x19(e\x02\x80\xc7\xa2\xb1h\xa4\xe4\xc5yL\xd9\x1e\x10B\x08e\xbf\xfd\xfc\xd3\xcc\xfb\xbb}\xfd\xd1\x9b6gF2\xfdR\xffE\x08\xb0;3wny\xff\x8b\x8d\xaf\x13R\xe4\xf88\xa0\xd7\x83\x15\xcbW\xb9 \xd2\xcf?\x83R\xea\xf3\x176kr}\xcb\xe6\x1d\x95\xd7P\x89\x00Aw\x83S\x14\x9d\x00R\x0f%\xfd\xdc\xb1c\xc7\x8a\x15+(\xa1B\x08)\xd1\x8c\x07zdU\xc8\x00\xceKud?%$\x12\x087o^\xef\xee\xee\xad\x85\x90\x18#\x8cq\xee\xaaEG\x0f\x1dH\x1eI\xa8\x94\x92\x19\x0c\xeec\xbf/_\xf0h\xd0\xe7\xa1\xcc\xa0\xa6#\x00\x8f\x01p\xa3\xd9Z\xadN\xc3F\xadnl\xd9\xa5w\xcb\xce\xbd\x1b^\xd3\xbeB\x95jR\n!@"$\x80\x13J\x81\xc7\x9e\x9b0\xe4\xf0\xfe\xdd&amp;\x8bU&amp;_}\x03#\xccyl\xfdKO\xa8;A\x08Q\xabF\xfdn]\x06\xfb\x03\x17\xbe\xf7\xf3\xff\x7f8\x00\xdc5p\xac\xcd\xeaP\xab~%A\xd6\xdd\xe0\x14E\xe7\xed\xd4C=xm\xdb\xb6\xdd\xbcy\xb3\xd1h\x88Fc\xad\x1a\xd7\xd9\xb2tR\xd8\x1b \xa5\xb9\xfcWH))cno\xa0n\xd7\xb1\x85\xbe\x10\xa5\x94s\xde\xb2K\xef\x11O.\xf5\x14\x1cO\x92\xe3\xc1\x02\xc0\x9e\x91\xf5\xce\xabO\xbf6\xe7a\xca\x0c\xc0c\x08\xa1+Z\xb4\xbb\xa6S\x8f\xba\x8d[\x96\xabt\x91\xd1d):6\x05\x10\xf0y\xf6}\xf3\xe5\x9a\xe7\xa7\x1e\xdc\xfb\x1d\xc6DJ\xa1f 7n\xdd\xf9\xa1\xa7\xd6\x04\xfd\xde\xa4\xeap\xaa\xde\xef\xc6\x95\x0b_~|8\xa1\x14I$\x04\xcc\x9c\xb8\xb8E\xd3\xf6^_a\x1c\xea0\x9c\xc7\xcaeUz\xfe\x95\xa9+\xd6&gt;\xcf\x98\x01\x80gdd\xe4\xe5\xe5edd \x84\xb4ePj\x91Dw\xb6\xe6lP\xd1\x7f\xcd\x9a5\x9b7of\x8cq\x0eF\x03\x9b=\xb2\x8f\x00\x90qy\xf40\xc6\xb1h\xb4Bv\xd6\xa4\xa1\xddd\x91g$\xf9\xea\x83\xf5{\xb6}\x92&lt;SB\t\xa5\x01\xaf\xbb\xf3\x80aW]\xd7\txL\xa9\x95\xc6=\xb7\xbe]\x8f\x7fU\xa8|\x89\x00\x08\xfa=\x01\x8f;\xe0q\x07\x03&gt;f04i\xdb\xe5\xb1Wr/k\xdcRJ\x81\t\x01\xe0\x18\xe3o?\xff\xf0\xf0\xbe\xefM\x16K\xf2\x1c\x11\x90R\x1a\x98\xb1\xe0\xf8\xd1\xb7\x17\xcf+\x1e\xfb\x03\xd7\xb5\xe8\xd4\xac\xc9\xf5&gt;\x7f&lt;\xa2?B\x88R\xe6\xf5\x15\xf6\xeazw\xe5\xecK\x94U\x80\xdb\xed\x9e8q\xa2\x1e\x10\x94\x8a\xe8\x04\x90J\xa8\xed\x9aR_ \x84\x08\xc6B\x88&gt;\x9d\x9a5oQ?\x12\x08\xd1x-T\t\xa5Q_\xe8\xde\xbe7\xd4\xa9\x96-\x00\x08!&lt;\x16]\xf9\xcc$BYR\x89\xe8\x81\xc7\x06\x8d\x9e9d\xe2\xb3\xe3\x9f\x7f\xb3~\xb3\xb6\xa1\xa0\xdf_X\x10\x8bF\x10B\x84PB)\xa1TY\xddz\xdd\'M\x16\xeb\x9d\xe3\xe7\x19M\x16$\xa5\x1a\x7f\x0f&lt;\xb6\xff\xfb\xaf\rF\xb3\x14\xc9\xf2K\t\xe0\xb6\x8c\xccw\x97&gt;s\xfc\xc8AB\xa8\x10\xc0\x98\xe1\xf6&gt;9\xea|V|\xae\x01c\xccy\xb4|\xb9J}o\xbb\xafxJ(Y\xb8p\xe1\xde\xbd{u!(\xe5\xd0\t \x95P\xd2\xcf9s\xe6\xec\xdf\xbf\xdf`0\xc48\xcfr\xd9f\x8e\xe8\xc5\xfd\xa1x*\xf11B\x00`\xb2\x18\xe7?\xd4O"$\x85 \x94\xee\xdd\xf5\xc5\x96\xb7\x9792\xcb%\xc9\x80 \x8cI4\x12.W\xf9\xe2\xf6=\xee\x8c\x84CA\xbf\x87\x10B(=c\x8d\x82\x19\x8c!\xbf\xb7j\xcdz\xb5\xafl&amp;\xa5$\x94\xa8o;~\xe4 \xc1D&amp;\xc7\xeck5\xf6\xe7\xe0\x8f\xdf~\xb8\xfa%R\xec\xf8\xd8\xfd\xe6;\xeb\xd6jx\x9eS?\xff)\x94\xb2BOA\xe7\x1bz7\xb8\xbc)\x00\xa7\x94q\xce\x87\x0f\x1f\xae[\xc1)\x87N\x00)\x83\xea\xf8\xe5\xe5\xe5\xcd\x9a5\x8b\x10\xa2N\x82\x8d\xe8\xdf\xe1\xa2j\x95\xa3\x91(\x89o\xed\x95R\x12\xf6\x85\xba\xb4krC\xf3z \x04\xc1\x18a\xfc\xfa\x8b\xd3\x0bO\xe4\x1b\x981I\xa2\x00\xc6\x188\x0fx\x0b1\xc6gq\xb0\x0bS\xca*_RK\xfdY})\x1a\tI\x14\x9f\xd2\xda\xd9 \te\xab\x9e\x9d\x1c\xf4{1\xa1B@fF\xf9\x9e]\x87\x04C\x81D\x1c[\x93\x8c\x1a\x06\xf6\x1eN\x08\x11\x00\x94\xb2\xdc\xdc\xdc"3\xa2\xa4\x94Ni\xce\x88N\x00)\x83\x1a\xfb3u\xeaT\xaf\xd7\xcb(\x8dq^\xa7Z\xf6\x98\xbbn\x89z\x02\xa5*\xfd\xfc\x8b+\x12 \x16\x8c\x1d`40!\x80Rz\xe2\xb7C\xef,}\xc6\x9e\x91)\x92c\x13\x80T)\xe7\xec+\xe3\x18\xa1\xff\xcd\xa3f\xab\x1d#\x9c\x0c\xd9\x0c\x00\xec\xce\xcco&gt;\xcd\xdd\xbei\x03\xa1E\xd2\xcf\xc1}GV\xaaP\xb5T\xa5\x9f\x7f\x06!\xd4\xe7/\xbc\xa6i\xfb\xeb\xaf\xbb\x05D\x91$T\xd9\x91\xea}@\n\xa1\x13@j\xa0z\xbf[\xb6lY\xb6l\x99\xd2\xe0#\x84\xe6?\xd4\xcfb5\x03@BN`\x11B"\xc1P\xfd+j\x8c\x1c\xd8Q\x08\x89\x91\xc4\x84|\xb8\xfa\xa5\xbc\x1fv\x99\xad\xf6\xe4i\x9c\x9e=\x02\xe0\xc4\xef\x87\x11Bj\xd0\x06B\xa8R\xd5\xeaB\x8ad8\xe0F)\r\x05\xfc\xab\x9e\x9b\x8c0&amp;X9&gt;6\xed\xd2\xa1\x9f\xd7W*\xe7~\xcf\x06Bh(\x14\xfc\xd7\xc0\xb1\xea\xf4\x19cl\xff\xfe\xfds\xe6\xcc\xd1\x9d\x80\x14B\'\x80\x94\x01\x00&amp;N\x9c\xa8\x0e\xe0\x00\x88\x1b\x9a\xd7\xeb\xd2\xaeI\xd8\x17L\xd0\xf2\x1f!\x84\x08!\xdc\x1f\x1e5\xb8s\xa5r.\x01\x82\x12\x12\xf4{\xdf\xfc\xf7\x93&amp;\xb35\xb5B\x80\x14\xc2`4\x9d:v\xe4\xc0\xf7\xdb\x10R\xcbk\xc1\x0c\xc6ZW4\x8dE\xc2\t\x9ft\x04\xc0\xed\xce\xcc\xad\x1b\x96\x1f\xfa\xe9;\x15^\t!\x03{\rg\x94%p\xad\x8d1\x8eDC\x17W\xa9\xd1\xad\xcb\xedRJ)\x11\xc6d\xee\xdc\xb9\xf9\xf9\xf9Z\x11\x94*\xe8\x04\x90\x02\xa8Q\xcf\xcb\x97/\xdf\xb2e\x8b\x811\x0e\xc0(]0v\x80\x00\x91Xo^\x8cq4\x1a\xadX\xb9\xfc\xe3\xc3\xba\x8b"I(\xfd2w\xdd\x8e-\xef\xd9\x9d\x99"E&amp;E\x0b\x01B\n\xbb+\xeb\x9d%O\x05\xbc\x85\x84PL\x88\x94\xf2\xaa\xeb:^\\\xab^$\x1cL\xac\xb6]9&gt;\x9e8zx\xed\xc2\x19\x18\x13%\xfdl\xdb\xf2\xe6k\x9a\xdd\xe0\xf3\x17&amp;vh\x1d\xa5\xd4\xebs\xf7\xed~_\x95\xecjj\x13PPP0~\xfcx\xa5\xadJ\xe0\x85i\xce\x12\x9d\x00\x92\x1d%\xb4\xf7z\xbdS\xa6L!\x18#\x8c\x84\x10wwo]\xbf~\xf5H\xf0\xc2x~\x9d\x0f\x94\xd2\xa870\xe0\xd6\xeb\x1a_VM9F\t!\xd6\xbf\xf4\x04\x94\xdaD\x9asF\x00\x9c\xf6*\xb2\x01@\x08Yl\x0egF\xf9u\x8bf\xbe\xbf\xe2\x05\xac&lt;5\x81\x9b,\xb6\xde\xc3\x1e\xe3\xb1X\xc2\xeb?B\x80\xc5\xe6xw\xe9\xb3\x9eS\xc7\t!B\x80\xcd\xea\x18\xd0\xeb\xc1p\xf8|\xfd&gt;/\x04\x18\x80[\xad\xf6A}F\xa0b\x95\xda\xf2\xe5\xcbw\xee\xdc\xa9\x8d\xe3S\x82\x84\xdf@\x9a\xbfA\xed\xf7g\xcd\x9a\x95\x97\x97G\x19\x05\x0e\x99N\xeb\x94a=x0BH\xe2#,F\x08@X\xac\xe6Y9\xbd\xa5DR\nJ\xe9\xdeo\xbe\xfc\xf8\x8d%\x0eWV\x92HB\x11B\x18c\x9b+\xd3\x9e\x91\xa5^\xca\t\xc0\xee\xca\xc4\x18\xef\xdd\xf5\xc5\x93\xc3{,\x9b?A\x1d\x0b\x00\x00B\xd9}\xd3\x16]\\\xab~$\x14Ll\xfdG\x08a\xb1:\x0e\xec\xde\xbeq\xc5\x0b\xb8X\xfa\xd9\xb5\xf3\xa0:5\xaf\x08\x85\xfc\x18\'\xfe\xf9\xa5\x94\xf9|\x9eN\xedz6\xb8\xfcj\x00N\x08\x8dF\xa3999\x00\xa07\x01\xc9\x8f\xee\xd7\'5*\xfa\xef\xdf\xbf\xbfA\x83\x06j\xce\x0f\x07X0\xa6\xdf\x88\xbbn\t\x15\xfa\x92g\xfe\xa2\x10\xc2d\xb7\xf6\x1c&gt;\x7f\xddG;\x94]\xb83\xab\xfc\x8c\x15\x9f\xdb\x9d\x99\xa57\x9c\xf2\xec\xc1\x18\xc7b\xd1\xed\x1f\xbf\x15\x8bD\x10\xc6\x08I\x1e\x8b\x05\xbc\xee\xe3\xbf\x1d&lt;\xf8\xd3wG\xf2~8\xfd\x9b\xab\\Z\xe7\x8eqs\x1b\xb6h\xef\xf7&amp;~\x1a\xa8\x14\xc2bwL\x1fz\xf3\x9em\x9b\xd5\xdc\x85J\x15.z~\xce\xdb&amp;\xa3E\x08H\xf8\x1b\xab\x10BX,\xb6=?\xed\x18=\xb1\xaf\x94\x82\x10\xc29\x7f\xf5\xd5W\x07\r\x1a\xa4\xa7\x84&amp;9:\x01$5\xea\xf9\xe9\xdd\xbb\xf7\x9a5k\x8c\x06C\x8c\xf3Fu/\xf9|\xf9d\x0c \xe3v\xf4\xf3,\x10B\x18-\xa6\xbc\x83\xf9W\xf7\x9f\xe2\x0b\x86U\x08\xb8\xe9\xf6\x11\xb7\x8f\x99\xe5u\x9fL\xec\x80 5\xbc\xc8\xefq\xe7\xdc\\\x9f\xc7bg\xf8\x0e\x8c)\xa5\x16\xbb\xb3j\x8d\xcb\xaen\xd7\xade\x97^vWV8\xe0Ox\xf4\x17\x006g\xc6\xd7\x1f\xbf=oT_B(\xc6\x08\x00\xc6\x8d\x98\xd7\xf9\x86&gt;\x85\x9eSI2vI\x01\xc032\xca?\xf9\xf4C\xef\xe4.W\xd6\xc15jT\xdf\xb1c\x87\xc3\xe1\xc0\x18\'I\xa2\xd2\xfc\x7f\x12\xbf\x85\xd4\xfc\x19*\xfao\xde\xbc\xb9\xe8|\x8d\x00)\xe5\x939\xbdMf#\x00$\xd5#E\x08\t\x07\xc2\xb5\xeb]\xfa`\xbf\xf6B\x08\xe5\x19\xb9q\xc5\x0b?\xff\xb0+I\x06\x04a\x8c\x1d\x19Y\xcc`4\x18M\xcc`T/5(\x14#D\x08mxM\xfb\xaew\x8cj\xdbmPF\xf9l)\x04\xc2(\xe1c-(e\x91P`\xf9\x82\t\x08!U\x9bjp\xf9\xd5\x1d\xdb\xf5,%\xcb\x97\xf3\x81\x10\x1a\x0c\xfa\x07\xf7\xcd\xb1\xdb\x9c\x00\x9c1\x9a\x97\x97\xb7`\xc1\x02u\xd9\x89\xbe:\xcd\x9f\xa2\x13@\x92\xa2\x8e}E"\x91\xd1\xa3Gc\x8c\x95\xf4\xb3G\xfb\xa6\xedZ]\x19\xf6\x05\x92p[M)\x89\x16\xfaG\x0e\xeeR\xb3jE\x00A\t\xe5\xb1\xe8\xda\x8530!\x89\x95*\x15!\xa5\xdfS\xa8\x9c\x00x,\xaa^\xc0c\x02\x00c\x0c\xc0?\x7fo\xcd\x93\xc3{\x0e\xefr\xf9Sc\x06\xee\xffn\x9b\xcd\x99\x89\x12z\xa0\t\x80[\x1c\xce\x0fV\xbf\x94\x7f8O\x8d\xb360\xe3\x90A\x0f\x03\\0\xb7\xf7\x0b\x08\xc68\x1a\rW,_e@\xaf\x07\x8b\x07\x04\xd1\xf9\xf3\xe7\xe7\xe5\xe5\xe9np2\xa3\x13@\x92\xa2\xaa\xff+W\xae\xdc\xb1c\x87:^o4\xb0\xa9\xc3\xba\xa3d}\x960\xc6\x9c\xf3\xac\x8a\x99\x13\x86\xdc,\xa5DR\x10B\xb7\x7f\xfc\xf67\x9f~`sd$\xb6\x1b,\xa5$\x8c]\xd1\xa2\xdd\xe5MZ^\xde\xe4\xba\xcb\x1b\xb7\xacsU\x8bK\xeb^Y&gt;\xfbb\x83\xc9,\x84Pr JY\xc0[\xf8\xc5\xc6\xb5S\x87\xdc\xf8\xea\xac1\x94\x19\x08\xa1\t\xc9\x01J\xfay*\xff\xb7\xf5/?Y&lt;\xf5S\xb4\xbe\xb6K\xe3\x86-\xe3&lt;\xf6\xe7\xec\xa1\x94\xfa\x03\xbe[;\x0f\xaaZ\xa5\xba2\x8e\xf7x&lt;S\xa7N\xd5g\x02\x92\x19\xdd\x03HF\xd4\x98e\x8f\xc7S\xaf^\xbd\xe3\xc7\x8fSJb1\xfe\xf0\x9d]\x9e\x187(\xe4\x8e\x83\xe9\xc7\xb9#\x84d\x16c\xbb\xc1\xd3\xb7\xee\xdag`\x86\x18\xf0ju\xaf\x98\xba\xf8\xe3$\x90\x03a\x93\xd9R\xb2t\x96B\xf0X,\x1a\x0ez\xdd\'\x8f\xe4\xfd\xf8\xcdg\x1fl\xfbp}\xd0\xefQu\x7f)\xa5\x14\xa2E\xc7\xee\xc3\xa6\xbf\x12\x8d\x84\xe2_\xc2\x16\xc0\x9dY\x15^\x9ct\xef\xc7k\xffC)\x13\x02\xec6\xd7\x8b\xf3\xde\xc9\xca\xa8\x90\x0cM\xf5?C]\xe7\xa7_m|l\xe6\xdd\xc5\xbe\x9br\xd3\xa6M\xadZ\xb5\xd2\xdd\xe0\xe4$\x19\x97\x12\x1a\xb5\xfc\x9f8qb~~&gt;%\x84s\xa8T\xce9jpg\x1eH\xbc\xf0\xff\xaf\x91H2F\'\xdf\xd7\x8d\x10"$\x10B\x0e\xfd\xf4]\xee\xaa\x856\x87+\xd19@\x86\x83\xfep\xa0\xe8\x15\t\x07\x85\x00\x83\xd9R\xb1j\xf5\xe6\x1dn\xbbo\xda\xc2\x19+?k\xd2\xa6\x8b\x00P\xd1\x9f\x19\x0c_\xe6\xae{o\xd9\xb3\xf17\x86TS?\xf7l\xdb\xbcy\xfdkE\xae5Rv\xebr\xfb\xc5Uj$d\xec\xcf\xd9C\x08\xf5\x07\xbc-\x9bul\xd4\xf0Zu(\x04\x00rrr"\x91\x88\x1e\x10\x94\x9c$u4IOT\xf4WN{\x94\x10\x89\xa4\x94r\xfa\x03=*V.\xaf&amp;m%\xfa\x02\xff\nJH\xc8\x1bh\xd7\xa6\xd1\x80\xce-\x00\x04\xc5\x18c\xb2\xfe\xe5\'O\xe6\x1fI\xb8g$&amp;\xe4\xbf/\\d\x07\x16\x8bF\x02\xbeBo\xc1\xc9r\x95.\x1a5\x7f\xd5U\xd7u\x94B\x10B\x80\x03\xc6d\xc3\x92\x05\x05\xc7~g\xc6\xb8\xce7\xc5\x08\x11\xcaV&gt;3\t\x80SB\x01x\xd5*\xd5\xfbv\xbf\xcf\xebs\xa7\xc4"Z\x08\xb8\xf7\x8eG\x95\x16\x881\xb6s\xe7\xce\x95+W\xea\x01A\xc9\x89N\x00I\x87j\xff*\xafmJ)\xe7\xd0\xaaQ\x9d\xc1=\xae\x0f{\xfc,\x15\x9e\x7fL\x08\x0f\x86g\xe6\xf4\xcar\xd98\x00\xa5$\xe0\xf5\xac]8\xc3d\xb1\xcad\x1b\x0e\x81\xb1\x9a\x14M\x19\x0b\x07\x03R\x88~#\xa6\x19LfU\x82\xc3\x18y\xdd\'\xf7|\xbd\xd9l\xb1\xc5\xcd\x19\x18\x80\xdb\x9c\x19[\xde^\xb6w\xd7\x17\xa4\xb8}z\xcf\xe0G,\x16\x1b\x88dl\xff\xfe\x01BH0\xe4\xbf\xac\xf6U\xddo\xbeS\xd9\xd4\x10B\xc6\x8d\x1bWPP\xa07\x01I\x88N\x00\xc9\x85*\x95\xe6\xe6\xe6\xe6\xe6\xe6RJA\x08J\xc8\xe4\xfb\xba1\x962\xc3U\x08\xc6\xd1H\xf4\xa2j\x95G\xf4\xef \xa5T\x92\xd0\xcd\xeb_\xfby\xcfN\xb35)$\xa1g\x842\x16\x0e\x05\xaaT\xafS\xadnC)%!\x18c\x821&gt;\xf8\xe37q\x132I$\x19e\xa1\x80o\xdd\xa2\x99\x08!5\xf6\xa7Q\xc3k[6\xeb\xe8\xf7{iB\xc7\xfe\x9c=\x84\xd0`\xc8\xdf\xb3\xeb\x90\xcc\x8c\xf2\xaa\x1b\x9c\x9f\x9f?o\xde&lt;\xbd\tHBt\x02H"\xd4\xda\xbf\xc8\\\t!J\x08\x00\xf4\xbd\xb1y\xbb\xb6\x8dB\xde@\xdc\x1c\x1f\xcf\x1fJI\xd4\xe3\x1fs\xd7-\xb5.\xae\xc49PB\x00\xf8\xb2\xf9\x8f\x10\x9a\x04\xc3+\xfe\x02)\x193\x96\xaf|1B\x08a\xac\x8ao\x85\xa7\xf2\xe3f\xb8(\x00l\xae\xcc\xb7\x16\xcf;\xf6\xeb/\xaa\xf7K)\xbb\xf7\x8eGSe\xac\x9eBIB+U\xa8:\xb8\xef\xc8\x12I\xe8\xec\xd9\xb3\xf7\xef\xdf\xafs@\xb2\x9121%\x1dP\xd5\x7fe\xafJ\x19\xe3\x00.\xbbu\xe2\xd0[!\x14M\xf8D\xe2\x7f\x04F\x18\x00,6\xcb\xd4\xfb\xbb!\x84\xa4\x14\x84\xd0=\xdb6o\xdf\xf4\x8e\xd5\xe1\x8asO\xf5\x1f\xa0\x82\xfc\xff\xee\xb4\x04\x08$e\x1c\xe2\xbf\x94\xd2d\xb2\x1c=t w\xd5"\xd5\xe9\x11B\xdc\xd8\xbew\xddZ\r\x83!\x7f\x927\xff\xff\x00\xa5\xcc\xe7/\xec\xd0\xb6G\xad\x1a\xf5\x95Y\x902\xb2\xd6U\xa0d#\x95\xee\xaa\xb2\x8d\x10\x02c\x9c\x9f\x9f?q\xe2Dux^\x08\xf1`\xbf\xf6u\xd5\xd4\xcf\xe4\xee\xfd\xfe\x7f(\xa5a\xaf\xbf\xdf\xad\xad[5\xae\x03 (\xc1\x08\xe1\xe5\x0b&amp;\x84\x83~Ji\x92\xb8\xec\xfe\x01\x8c0\xe71\xf7\xf1\xa3\x08!$\x91\x9a\x03js\xb8\x08\xa1q8\x15,\x04\x98\xac\xb6\xd5\xcfN\tx\xdc\xa4H\xfa\xe9\x1c\xdc7\'\x14\x0e&amp;v\xe6\xf3\xb9\x01\x00V\x8b\xed\xae\x01c\xa4\x94*\x07\xacY\xb3\xa6\xa8\xb0\x99\xb4+\x80\xf4C\'\x80dA\x8d}\x1e?~\xbc\xdb\xed60\xc69\xaf~Q\x85\x91\x83\xbbD\x0b\xfd\t\xb4|9\x1f$B\x02`\xf6\xc8&gt;\xca\xc2\x8cR\x9a\x7f8\xef\xad\xc5\xf3l\xae\xcc8l\x02\xa4\x10\xffh\xb1)\xa5\xa4\x06\xa3\xfb\xd8o\xbf\x1e\xd8\x83\x10\x92R\xa8\x7f\x9c}IM\x84K=_\t\x01vg\xe6\xce-\xef\x7f\xb1\xf1uB\x8a\x1c\x1f\x07\xf4z\xb0b\xf9*I.\xfd\xfc3(\xa5&gt;\x7fa\xb3&amp;\xd7\xb7l\xdeQ\xb9\x18\x95H\x1b\xf4&gt; yH\xc9\xc8R\xf6P\xc5\x9f\x1d;v\xacX\xb1\x82\x12*\x84\x90\x12\xcdx\xa0GV\x85\x0c5\x044\xd1\x17x.PB"\x81p\xf3\xe6\xf5\xee\xee\xdeZ\x08\x891\xc2\x18\xe7\xaeZt\xf4\xd0\x81\xd2\x96\x84J)M\x16\xab\xc1h\x02\xe0B\x9c\xd5\\b\x1e\x8b\xda]\x99\x9b\xdfZ\x16\xf4{\t\xa5RJ)\x00c\\\xeb\x8af&lt;\x1a!\xa5&lt;xYm&gt;\xd6\xbf\xf4\x84\xba\x13\x84\x10\xb5j\xd4\xef\xd6e\xb0?\x90\xd4\xe7\xfe\xfe\x0e\x0c\x00w\r\x1ck\xb3:\x94\xbaA\x89\x9bu\' y\xd0\t )P\xed\xdf\xd1\xa3GG"\x11\xca\x08\x07h\xd5\xb8N\xdf[[\x85\xddI4\xf3\xf9\x1c \x04s\x7fx\xca\xb0\x1e\x99N\xab\n\x01\x01\x8f{\xf5sS,6G\xe956\xa5\x94\x06\xa3i\xffw\xdb\x8e\x1d\xf9\xc5\x95U\xd1jw\xa9Y:\xca\x01F\x08!e\xd1K\r\x81\x00\xe0R\xcar\xd9Uwn~\xf7\xed%\x0b0!R\x08Uu\xb9\xf4\xb2+\xab\xd7k\x14.eW\x00\x00\xee\xc8,\xf7\xc9\xfaW\xf7~\xf3\xa5\x92~J)\xef\x1a0\xc6l\xb2$\xe7\xe4\x9f\xb3\x84\x10\x12\x0c\xfaj\xd7h\xd0\xb5\xf3 \xd5H\xc7\x18O\x9c8\xd1\xedvk\xcb\xb0$A\'\x80\xc4\xa3"\xe3\x9a5k6o\xde\xcc\x18\xe3\x1c\x8c\x066{d\x1f\x01 S\xf5\xd9/\x02c\x1c\x8bF+dgM\x1a\xdaM\x16yF\x92\xaf&gt;X\xbfg\xdb\'\xa57%T\x080[\xed\x9f\xbd\xbb\xea\xb1A\xd7/\x9c|\xdf\xb7\x9f\xe5FCA\xab\xc3\xe5\xcc,osfX\xacv\xa3\xc9b0Y\x8c&amp;\x8b\xc5j\xb793\x9d\x99\xe5\t\xa1\xef/\x7f~\xfe\xe8\xfe\xd1pP\r\xe2\xc0\x04K)o\xba}\x84\xd1l)\xd5C\x00RJ\x033\x16\x1c?\xfa\xf6\xe2y\xc5c\x7f\xe0\xba\x16\x9d\x9a5\xb9\xde\xe7/L\xe9\xf4\x8f\x10\xa2\x94y}\x85\xbd\xba\xde]9\xfb\x12\x00\xce\x18s\xbb\xdd\xaa\xcb\xa57\x01\xc9\x80.\xc6%\x18)\xa5Z\x866h\xd0`\xff\xfe\xfdF\x83!\x1a\x8b\r\xba\xf9\xdaW\xe7\x0f\x0f\x9d\xf2\xa4\xfa\xf3\x8f\x10\x92\x08a\x84%\xc1\r\xbb?\xb2\xffP&gt;e\x8cs^\xb7\xd15\x93\xff\xf3a\xc0[X\x1a3\xf7\x01\xb83\xb3\xfc\xab\xb3\xc7\xbe\xf3\xea\xd3\xea+\xe5\xb2\xabV\xbf\xfc\xaaK/\xbb\xb2J\xf5\xba\x99\xe5\xb3-6\x07e\x06\xe0\xb1P\xc0w\xea\xd8o?\xff\xb0\xf3\xdbOs\x7f\xfbe/BH\x95\xa7\xd5\xdf6\xef\xd0}\xf8\xac%\xe1\x80\xaft\x97\xff&lt;\x96Q!\xfb\xb59\xe3\xdeze.\xa5L)\xa6\x9e\x9f\xfdV\xf5j\x97\x85B\x81\xd4\x12\xff\x9c\x11\x00\x9e\x99Q\xfe\x8dw\x96\xcc\x7fa|\xf1/Hv\xef\xde]\xa7N\x1d\xb5 H\xf4\x05\xa65\xc95U&lt;\rQ6\xaa\xb3f\xcd\xda\xbf\x7f\xbf\xc1`\x88q\x9e\xe5\xb2\xcd\x1c\xd1\x8b\xfbC\xa9%\xfd\xfc30B\x00`\xb1Y\xe7?\xd4\xef\xa6\x07\xe7K!\x08\xa5{w}\xb1\xe5\xedem\xbb\xdd^zv1R\x08\xca\x18c\x86h$r*\xff\xc8\xa9\xfc#\xdb7mP\x7fE\x99A\x95\xa1\x81\xff\xd7\x1f\x86\x10"%\xc2\x04#!\x81\xc7\x1a4\xbf\xfe\x9eI\xcfE#!T\x9a\r\x185\xf6\xe7\xe0\x8f\xdf~\xb8\xfa%R\xec\xf8\xd8\xb3\xeb\x90\xba\xb5\x1a&amp;\x9b\xe5\xcb9C)+\xf4\x14t\xbe\xa1\xf7\x07\x9f\xac\xdd\xfd\xe3v\x83\xc1\x18\x8bE\x87\x0f\x1f\xbeq\xe3F\xbd\tH8e!\xc4\xa4.\xaa\xe3\x97\x97\x977k\xd6,B\x88*&gt;\x8c\xe8\xdf\xe1\xa2j\x95\xa3\x91h\xcaI?\xff\x0cJI\xd8\x17\xea\xd2\xae\xc9\r\xcd\xeb\x81\x10\x04c\x84\xf1\xeb/N/&lt;\x91o`\xa54f\x07\x0b!\x80\xf3H8$\x91\xa4\xccP\xec\x00\xc30\xc6\xc0c\xb1hD\xd9\xd6S\xc6\x98\xc1\xc8\x0c\x06\x84\xb1\x94j.\xb4\xec\xd4\xef\xbe\xd1\x0bVQf\x10\xa5\xde\x81\x97\x84\xb2U\xcfN\x0e\xfa\xbd\x98P! 3\xa3|\xcf\xaeC\x82\xa1@*J?\xff\x1c\xc9\xa8a`\xef\xe1\x84\x10\x01@)\xcb\xcd\xcd-\xb29\xd2\x92\xd0\x84\xa2\x13@"Q\xbd\xdf\xa9S\xa7z\xbd^Fi\x8c\xf3:\xd5\xb2\xc7\xdcuK\xd4\x13HQ\xe9\xe7\x9f#\x05\x88\x05c\x07\x18\r\xea\x80+=\xf1\xdb\xa1w\x96&gt;c\xcf\xc8\x14\x17zJ(!4\x14\xf0u\xe8}O\xd7\x7f\x8d\xaerim$%\xf0X\xb1\x03\x0c?=\xdfH)\x81s\x1e\x8b\xf2XL\x00\x18\xcd\x96\xa6\xd7\xdf2\xf1\xdf\xef\xdd9n.\x92\x12x\xe9\x9e\xbf\x03\x00\xbb3\xf3\x9bOs\xb7o\xda@h\x91\xf4sp\xdf\x91\x95*TMQ\xe9\xe7\x9fA\x08\xf5\xf9\x0b\xafi\xda\xfe\xfa\xebn\x01Q$\t\x9d0a\x82\x1an\xa8\xab\xd0\tD\xbf\xfb\tC\xf5~\xb7l\xd9\xd2\xae];\x8c\x90D\x12@\xbc\xf3\xcc\xc8.\xed\x9b\x86\xbce/\x01 \x00\xb0d9\xc7\xcd|m\xd6\x7f\xdee\x8c\x82\x90\x16\xab}\xd2\xe2\x0f\xabT\xab\x1d\x8d\x84\xf0\x05\xd5Y*!\x90\xc9l\xf5y\n\x0e\xef\xfbn\xffw_\x1f\xda\xfb\xdd\xb1#\xbfxN\x1d\x0f\xf9\xbd\x9c\xc7\xa4\x14\x18aj0X\xed\xce\x8cr\x95\xaaT\xaf[\xeb\x8a\xab/or\xddE5.\x93R\x84\xfc&gt;LH\x1cB0\xc6d\xf2\xbfn8\xb4\xf7{F\x19\xe7\xb1\x06\x977\x9d\xf7\xf8\xeaH$xa\xdf\x8dd@\xf5\xbaO\x15\x1e\xbfw\xd4M\xfe\x80\x871\x16\x8b\xc5\xa6O\x9f\xfe\xc8#\x8fh\xab\x80\x04\xa2\x13@\xc2P\x9b\xdfv\xed\xdam\xd9\xb2E\xf5~oh^\xef\x83W\x1e\t\xfbC$\xb9G\xe6\x9c\x1b\xca\x9c\xbd\xc0\xebo\xd8\xe3\xd1\x13\x05^B)\xe7\xfc\xda\x1b{\xe6\xcc^\xe6q\x9f\xb8\xe0\xf5n%\xe4\xa7\xcc`4[\x183\n)b\x91p8\xe0\x8bF\xc2\xb1hX\x1dM2\x18\xcdF\xb3\xc5bs\x18M\x16\x84Q4\x12\x8e\x86\x83j\x80\xe5\x85\xbd\x98\xff\x0f\x00weVx\x7f\xc5\x0b\xaf\xcc\xc8!\x94"\x89\x10\x923\x1e]\xdc\xacq[\x7f\xc0S\xb6\xea?E\x00\xf0\xcc\x8c\n/\xbd:\xf3\xb5\xd5O\xaba\xd1\x99\x99\x19{\xf6\xec\xa9X\xb1"BHw\x83\x13\x82~\xd3\x13\x83\x1a\xf5\xbc|\xf9\xf2-[\xb6\x18\x18\xe3\x00\x8c\xd2\x05c\x07\x08\x10I\xe1\xa0[\n`\x8c\xa3\xd1h\xc5\xca\xe5\x1f\x1f\xd6]\x14IB\xe9\x97\xb9\xebvly\xcf\xee\xcc\xbc\xe0\xc7\x020\xc6\x842)E(\xe0\xf7\x15\x9e\x0cx\xdc\xb1h\xc4`\xb682\xca\x95\xcb\xaeZ\xf1\xa2K\xcbW\xbe\xc4\x99U\xdeh\xb6\xc4\xa2\x11\xbf\xa7\xc0_X\x10\x8b\x84\x08\xa1q\x88D\xca\xf1\xf1\xc4\xd1\xc3k\x17\xce\xc0\x98(\xe9g\xdb\x967_\xd3\xec\x06\x9f\xbf\xb0LF\x7f\x84\x10\xa5\xd4\xebs\xf7\xed~_\x95\xecj\x9c\xc7\x18c\x05\x05\x05\xe3\xc7\x8f\xd7g\x02\x12\x88N\x00\t@\xa9\xdf\xbc^\xef\x94)S\x08\xc6\x08#!\xc4\xdd\xdd[\xd7Wc\x7f\xca\xeeR\x88R\x1a\xf5\x06\x06\xdcz]\xe3\xcb\xaa)\xc7(!\xc4\xfa\x97\x9e\x80R\xb49\xc4\x84\x10B\x19\xa1\x14c,\x018\x8f\xc5\xa2\xd1X4\x12\x8bFx,&amp;\x010\xc6\x84RBi\xdc\n/B\x80\xc5\xe6xw\xe9\xb3\x9eS\xc7\t!B\x80\xcd\xea\x18\xd0\xeb\xc1p8T\x86?}\x840\x00\xb7Z\xed\x83\xfa\x8c@\xc5\xfa\xb7\xe5\xcb\x97\xef\xdc\xb9S\x1b\xc7\'\x8a2|\xb7%/J\xfc3k\xd6\xac\xbc\xbc&lt;\xca(p\xc8tZ\xa7\x0c\xeb\xc1\x83\x912Y\xfc)\x01#\x04 ,V\xf3\xac\x9c\xdeR")\x05\xa5t\xef7_~\xfc\xc6\x12\x87++\x1e\x9e\x91\xf8\x8f\x94\xaa\xca\xf3\x8c\x08!,V\xc7\x81\xdd\xdb7\xaex\x01\x17K?\xbbv\x1eT\xa7\xe6\x15\xa1\x90\xbf\xecU\xffO\x87R\xe6\xf3y:\xb5\xeb\xd9\xe0\xf2\xab\x018!4\x1a\x8d\xe6\xe4\xe4\x00\x9c\xd5\xb8\x0e\xcd\x05\xa7,\xdfm\xc9\x89Z\xf8\xec\xdf\xbf\x7f\xce\x9c9\x94\x10)\xa4\x90r\xd2\xd0[+dg\xc5\x92\xde\xf1\xf1\xfc\xa1\x94\x84\xbd\x81\xf6\xad\xae\xec\xde\xbe\t\x80PQx\xed\x8b\x8f\x9f8\xfa\xab\xd1hN\x87(\x80\x11"\x94,\x9b\xff\x08\x8fE)\xa1B@v\xc5\xaa\xbdn\xbd\xdb\xeb+,\x1b\xc2\xff\xbf\x05\x00\x86\x0cz\x98R\xa6\xce\x06o\xdd\xbau\xf9\xf2\xe5Z\x12\x9a\x10t\x02\x887*\xc6)\r\x9c\xf2\xfcj|Y\xb5{\xfbu\x8c\xfa\x82\xa5q,69\x91\x00O\x8c\xe8\xed\xb2[U:\xf4\x9c:\xf1\xee\xd2g\xcd6{j9\x9f\x9c\x03\x02\xc0\xeapm\xdf\xf4\xce\x9em\x9b\t\xa1R\n)\xe5\x1d\xfdF\x95\xcb\xac\xc8y\xd9O\xff\xa8x@P\xa3\x86\xd7\xde\xd8\xbew\xf1\x80 2e\xca\x14\x8f\xc7\xa3%\xa1\xf1G\'\x80\xb8\xa2\x14o\x9b7o.:\x05#@J\xf9dNo\x93\xd9\x08\x00e\xff\xe9G\x08!D\x08\t\x07\xc2\xb5\xeb]\xfa`\xbf\xf6B\x08\xe5\x19\xb9q\xc5\x0b?\xff\xb0\xab\xf4\x06\x04%\t\x94\xb2H(\xb0|\xc1\x04\x84\x10!\x04\x00\x1a\\~u\xc7v==\xde\x824Y\xfe#\xe5\x19\x19\xf4\x0f\xee\x9bc\xb79\x018c4//o\xc1\x82\x05\xea\rI\xf4\xd5\xa5\x17:\x01\xc4\x0fu\xec+\x12\x89\x8c\x1e=\x1acL\x08\x01\x10=\xda7m\xd7\xea\xca\xb0/\x90VRhJI\xb4\xd0?rp\x97\x9aU+\x02\x08J(\x8fE\xd7.\x9c\x117\xf7\xdd\x84\x00\xc0-\x0e\xe7\x07\xab_\xca?\x9c\xa7\x06\x94\x1a\x98q\xc8\xa0\x87Sz\xe4\xe79\xa0&lt;#+\x96\xaf2\xa0\xd7\x83%\x9e\x91\xf3\xe7\xcf\xcf\xcb\xcb\xd3\xdd\xe08\xa3\x13@\xfcP\xbd\xdf\x95+W\xee\xd8\xb1CU&lt;\x8d\x066uXw\x94~w\xbc\xb2&gt;\xce\xaa\x989a\xc8\xcdRJ$\x</t>
        </is>
      </c>
    </row>
    <row r="493">
      <c r="A493" s="1" t="n">
        <v>491</v>
      </c>
      <c r="B493" t="inlineStr">
        <is>
          <t>color_overlap_squares</t>
        </is>
      </c>
      <c r="C493" t="inlineStr">
        <is>
          <t>What is the missing color of the part denoted with a question mark?</t>
        </is>
      </c>
      <c r="D493" t="inlineStr">
        <is>
          <t>['purple', 'yellow', 'red', 'green']</t>
        </is>
      </c>
      <c r="E493" t="inlineStr">
        <is>
          <t>yellow</t>
        </is>
      </c>
      <c r="F493" t="inlineStr">
        <is>
          <t>There are 3 squares which overlap each other in the image. The color of the squares are ['blue', 'red', '?']. The part where the first and second squares overlap is purple. The part where the second and third squares overlap is orange.</t>
        </is>
      </c>
      <c r="G493" t="inlineStr">
        <is>
          <t>We observe that the blue and red squares overlap to form purple. Hence, the pattern is that the color of the part where two squares overlap is determined by mixing the two colors.</t>
        </is>
      </c>
      <c r="H493" t="inlineStr">
        <is>
          <t>Based on the pattern that the color of the part where two squares overlap is determined by mixing the two colors, the missing color of the part which overlaps with red to form orange should be yellow.</t>
        </is>
      </c>
      <c r="I493" t="inlineStr">
        <is>
          <t>b'\x89PNG\r\n\x1a\n\x00\x00\x00\rIHDR\x00\x00\x02\x00\x00\x00\x02\x00\x08\x02\x00\x00\x00{\x1aC\xad\x00\x00!KIDATx\x9c\xed\xddo\x90\\e\x81\xef\xf1\xe79\xe7tw\xe6\x0fI\x86\x18\xdc?\xc1\xf2\xa2\xeb\xde\xeb\x92\x85T\x12V)I\xf0\x02\x15\xa1ta\xafE\xf9"\xc2\xa5J\x93  l\x95%\x86\xc8\x1bJ%\xbb\xa5/ \xael\x08\x05\x1bb\xb6\x16\xdd\xb5\xb4\xdc-Xn\xad,\x99\xc2\x92\x98\x04\x8c\x02^)\x8aUd\x97\n\xc1L\x92\xf9\xdb\xdd\xe7\x9cg_&lt;0\x0c\x93\xc9\xa4\xa7\xfb9\xe7&lt;\x7f\xbe\x9f\xb2\xac\x18\xa39\xf4\x9c\xfe}\xa7\xbb\xcftK\xa5\x94\x00\x00\x84\'\xaa\xfa\x00\x00\x00\xd5 \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00\x81"\x00\x00\x10(\x02\x00\xe0MY\x96)\xa5\xaa&gt;\n\x94G\xf2\xf5\x06 \x84PJI)g\xfe\x02\xde\xe3\x11\x00\x10:\xa5\x94\x1e\xfd\xbb\xef\xbe\xfb\xc8\x91#R\xca&lt;\xcf\xab&gt;(\x94\x81\x00\x00ASJ\xe5y.\xa5\xbc\xf1\xc6\x1b\xbf\xfc\xe5/_}\xf5\xd5###Q\x14\xd1\x80\x10\x10\x00 \\z\xfd\xe38\xde\xbcy\xf3\xfd\xf7\xdf\xdf\xdf\xdf\xbf\x7f\xff\xfe\r\x1b6\xd0\x80@\x10\x00 P3\xd7\xff\x81\x07\x1eh4\x1a\x13\x13\x13I\x92\x1c8p\x80\x06\x04\x82\x00\x00!:u\xfd\x9b\xcd\xe6G&gt;\xf2\x91,\xcbh@8\x08\x00\x10\x9cY\xeb\xdf\xd7\xd7\xd7l67n\xdc\xb8o\xdf\xbe{\xee\xb9\'M\xd3F\xa3A\x03B@\x00\x80\xb0\x9c\xba\xfe\x93\x93\x93\xd7_\x7f\xfd\xee\xdd\xbbGFFn\xbd\xf5\xd6{\xef\xbd\xb7\xd9l\xd2\x80\x10\x10\x00  \xa7[\xff\x07\x1f|pttT\x08q\xf4\xe8Q\x1a\x10\x0e\x02\x00\x84b\xfe\xf5\xcf\xf3&lt;\x8a\xa2$Ih@8\x08\x00\x10\x84N\xd6_\xffI\x1a\x10\x0e\x02\x00\xf8\xaf\xf3\xf5\xd7h@ \x08\x00\xe0\xb9\x85\xae\xbfF\x03B@\x00\x00\x9fu\xb7\xfe\x1a\r\xf0\x1e\x01\x00\xbc\xd5\xcb\xfak4\xc0o\x04\x00\xf0S\xef\xeb\xaf\xd1\x00\x8f\x11\x00\xc0C\xa6\xd6_\xa3\x01\xbe"\x00\x80o\xcc\xae\xbfF\x03\xbcD\x00\x00\xaf\x14\xb1\xfe\x1a\r\xf0\x0f\x01\x00\xfcQ\xdc\xfak4\xc03\x04\x00\xf0D\xd1\xeb\xaf\xd1\x00\x9f\x10\x00\xc0\x07\xe5\xac\xbfF\x03\xbcA\x00\x00\xe7\x95\xb9\xfe\x1a\r\xf0\x03\x01\x00\xdcV\xfe\xfak4\xc0\x03\x04\x00pXU\xeb\xaf\xd1\x00\xd7\x11\x00\xc0U\xd5\xae\xbfF\x03\x9cF\x00\x00\'\xd9\xb0\xfe\x1a\rp\x17\x01\x00\xdcc\xcf\xfak4\xc0Q\x04\x00p\x8cm\xeb\xaf\xd1\x00\x17\x11\x00\xc0%v\xae\xbfF\x03\x9cC\x00\x00g\xd8\xbc\xfe\x1a\rp\x0b\x01\x00\xdc`\xff\xfak4\xc0!V\x9c1\x00\xe6\xe7\xca\xfak4\xc0\x15\x16\x9d4\x00\xe6\xe4\xd6\xfak4\xc0\t\xd6\x9d7\x00frq\xfd5\x1a`?KO\x1d\x00\xc2\xe5\xf5\xd7h\x80\xe5\xac&gt;{\x80\x90\xb9\xbe\xfe\x1a\r\xb0\x99\x03\'\x10\x10 ?\xd6_\xa3\x01\xd6r\xe6\x1c\x02\xc2\xe1\xd3\xfak4\xc0N\x8e\x9dF\x80\xf7\xfc[\x7f\x8d\x06X\xc8\xc93\t\xf0\x95\xaf\xeb\xaf\xd1\x00\xdb8|2\x01\x9e\xf1{\xfd5\x1a`\x15\xe7\xcf\'\xc0\x0f!\xac\xbfF\x03\xec\xe1\xc9)\x058-\x9c\xf5\xd7h\x80%\xbc:\xab\x00\x17\x85\xb6\xfe\x1a\r\xb0\x81\x87\'\x16\xe0\x900\xd7_\xa3\x01\x95\xf3\xf6\xdc\x02\xec\x17\xf2\xfak4\xa0Z\x9e\x9f^\x80\xb5X\x7f\x8d\x06T(\x883\x0c\xb0\r\xeb?\x13\r\xa8J@\'\x19`\t\xd6\xffT4\xa0\x12\xc1\x9dg@\xb5X\xff\xd3\xa1\x01\xe5\x0b\xf4T\x03*\xc1\xfa\xcf\x8f\x06\x94,\xe8\xb3\r(\x13\xeb\xdf\t\x1aP&amp;N8\xa0\x0c\xac\x7f\xe7h@i8\xe7\x80\xc2\xb1\xfe\x0bE\x03\xca\xc1i\x07\x14\x8b\xf5\xef\x0e\r(\x01g\x1eP \xd6\xbf\x174\xa0h\x9c|@QX\xff\xde\xd1\x80Bq\xfe\x01\x85`\xfdM\xa1\x01\xc5\xe1\x14\x04\xccc\xfd\xcd\xa2\x01\x05\xe1,\x04\x0cc\xfd\x8b@\x03\x8a\xc0\x89\x08\x98\xc4\xfa\x17\x87\x06\x18\xc7\xb9\x08\x18\xc3\xfa\x17\x8d\x06\x98\xc5\xe9\x08\x98\xc1\xfa\x97\x83\x06\x18\xc4\x19\t\x18\xc0\xfa\x97\x89\x06\x98\xc2I\t\xf4\x8a\xf5/\x1f\r0\x82\xf3\x12\xe8\t\xeb_\x15\x1a\xd0;NM\xa0{\xac\x7f\xb5h@\x8f8;\x81.\xb1\xfe6\xa0\x01\xbd\xe0\x04\x05\xba\xc1\xfa\xdb\x83\x06t\x8ds\x14X0\xd6\xdf64\xa0;\x9c\xa6\xc0\xc2\xb0\xfev\xa2\x01]\x90J\xa9\xaa\x8f\x01p\x06\xebo\xc4\xac\xd9\x91R\x9a\xfa\x7fN\xd3t\xf9\xf2\xe5;v\xec\xb8\xed\xb6\xdb\x1a\x8dF\xb3\xd9\\\xbbv\xed\xe3\x8f?&gt;44\xc4W\xe7T\x04\x00\xe8\x14\xeb\xdf\x8b&lt;\xcf\xf3&lt;\x97R\xc6q\x1c\xc7q\x14ERJ}\x93fY\x96e\x99\x10B\xfff\x8f\x7f\x11\r\xe8\x1c\x01\x00:\xc2\xfawG)\x95eY\x92$\xfd\xfd\xfd\xf5z=\xcb\xb2\xb1\xb1\xb1\xd1\xd1\xd1\xc9\xc9\xc9V\xabU\xab\xd5\xfa\xfb\xfb\x97,Y288\x98\xe7\xf9\xe8\xe8h\x96eq\x1c\xf7\xf8\x97\xd2\x80\x0e\x11\x00\xe0\xccX\xff\xee\xe4y\xdeh4\x06\x06\x06N\x9c8q\xf8\xf0\xe1\xe1\xe1\xe1\x83\x07\x0f\xbe\xfc\xf2\xcbG\x8e\x1c\x99\x9c\x9c\xcc\xb2,\x8a\xa2\xfe\xfe\xfe\x15+V\\p\xc1\x05W]u\xd5\xe5\x97_&gt;88x\xe2\xc4\t\x1aP\x0e\x02\x00\x9c\x01\xeb\xdf\x9d&lt;\xcf\x07\x06\x06^y\xe5\x95G\x1ey\xe4{\xdf\xfb\xde\xcf\x7f\xfe\xf33\xfeO.\xb8\xe0\x82\xbb\xee\xba\xeb\x13\x9f\xf8\x84~\xe5\xb6\xc7\x03\xa0\x01gD\x00\x80\xf9\xb0\xfe\xdd\xc9\xb2l\xc9\x92%\x0f?\xfc\xf0\xed\xb7\xdf&gt;22\xa2\x7f\xb3V\xab\xe9\xa7\xf8\xf5\xeb\x01B\x08)\xa5\xbe\x01\xf5\xed\xac\x7fs\xfb\xf6\xed_\xfc\xe2\x17GFFx\x1cP\xb4\xd0\xff\xf9\x81y\xb0\xfe\xbdPJ\xbd\xfb\xdd\xef\x1e\x19\x19\xa9\xd5j\xb5Z-\x8e\xe3v\xbb\xddj\xb5Z\xadV\x9a\xa6z\xee\xb3,k\xb7\xdb\xedv;\xcb2\xa5\x94~}\xf8\x8e;\xee\xd8\xb3g\xcf\xd0\xd0\x90~e\xb8\x17\\\x1b:?\x1e\x01\x00sc\xfd{\x94\xe7\xf9\x92%K&gt;\xf6\xb1\x8f\xfd\xe8G?\xd2\xbfs\xce9\xe7\\|\xf1\xc5k\xd6\xacy\xdf\xfb\xde\xb7t\xe9\xd28\x8e\xc7\xc7\xc7_|\xf1\xc5G\x1f}t\xdf\xbe}\xfa\xcfDQ\xa4\x94Z\xb6l\xd9\xc1\x83\x07\xcf&gt;\xfb\xecv\xbb\xcduA\xc5!\x00\xc0\x1cX\xff\xdeeY\xb6t\xe9\xd2\x1f\xfe\xf0\x87\x9f\xfc\xe4\'\xd7\xaf_\xff\xe9O\x7f\xfa\xf2\xcb/_\xb1bE\x92$Y\x96\xe5y\xae\x94\x8a\xa2(\x8e\xe34M\xf7\xec\xd9\xf3\xf9\xcf\x7f\xbe\xd9l\xea\xdf\xcc\xb2l\xfb\xf6\xed[\xb7n=z\xf4h\x92$\xbd\x1f\x0c\r\x98\x13\x01\x00fc\xfdM\x91R\xb6Z\xad\x17^x\xe1\xa2\x8b.\xea\xeb\xeb\x1b\x1b\x1b\xd3\x13\xaf\xbf\xa9\xd7?\x07\xa0\'h\xf9\xf2\xe5_\xff\xfa\xd7o\xbf\xfdv\xfd\xbc\x7f\x9e\xe7\x97^z\xe9c\x8f=666f\xea\xd6\xa6\x01\xa7"\x00\xc0;\xb0\xfefI)\xfb\xfa\xfa\xc6\xc7\xc7\xf5\x05\xfes&gt;\x9f\xa3\xbf\xeb\x1f\x1f\x1f_\xb5j\xd5\xd1\xa3G\xe38\xce\xb2\xec\xbd\xef}\xef\xd3O?\xbdh\xd1\xa2,\xcbL\xfd\xa80\r\x98%\xb8\x7f``\x1e\xac\xbfqJ\xa9\xb1\xb11)e\x92$\xa7\xdbq)\xa5~\xbe\xe8\xbc\xf3\xce\x13o\xbd3\xc4\xc9\x93\'\xa7\xa6\xa6\xcc\xde\xe0\xbc&amp;&lt;\x0bg3\xf0&amp;\xd6\xbf \x1d\xdenR\xca\x99\x850\xf2\xb6\x10\xa7\xa2\x013qB\x03B\xb0\xfe\x95\xd2\x17\x80\x8e\x8f\x8f\xbf\xf6\xdak\xd3\xbf\xb9t\xe9\xd2\xfe\xfe\xfe\xde\xaf\x04=\x15\r\x98\xc69\r\xb0\xfe\x15\xcb\xb2lpp\xf0\x99g\x9ey\xe5\x95W\xf4e\xa0R\xca\x0f|\xe0\x03K\x96,I\xd3\x94\xc7\x01\xc5\xe1\xb4F\xe8X\xffj\xe5y^\xab\xd5\xda\xed\xf6]w\xdd5}M\x8aR\xea\xe3\x1f\xffx\x1c\xc7\xc5]\xa5B\x03\x04W\x01!p\xac\x7f\xb5\xf4-\xbcx\xf1\xe2\xcf~\xf6\xb3\xbbw\xef\xd6\xb7v\x9e\xe7\xef\x7f\xff\xfb\x7f\xf2\x93\x9f$I\xa2\xdfA\xba\xb8\x03\x08\xfc\xba \xcf\xff\xf1\x80y\xb0\xfe\xd5J\xd3\xb4\xd1h4\x1a\x8d\x1bn\xb8a\xf7\xee\xdd3\xdf\xf9\xe7\x9e{\xee)\xee\xf9\x9f\x99\x02\x7f\x1c\xc0\xf9\x8d@\xb1\xfe\xd5J\xd3t\xf1\xe2\xc5\'O\x9e\xbc\xe6\x9ak\xf6\xee\xdd;\xfdlO\x9e\xe7;v\xec\xb8\xf2\xca+\x8f\x1f?\xde\xfb\x9b\xc1u"\xe4\x06\xf0\x14\x10B\xc4\xfaW+M\xd3\xa1\xa1\xa1\xc3\x87\x0fo\xdc\xb8\xf1W\xbf\xfa\x95\x1ez\xfd\xf1\x00\xdf\xfa\xd6\xb7\xb6l\xd9\xf2\xbb\xdf\xfd\xae\x9c\xf5\x9fyH\x01&gt;\x17D\x00\x10\x1c\xd6\xbfZz\xfd\x87\x87\x87\xaf\xbd\xf6\xdac\xc7\x8eM\xaf\xff\xd0\xd0\xd0C\x0f=t\xcd5\xd7\x98z\xff\x9f.\x0e,\xb4\x06\x10\x00\x84\x85\xf5\xaf\x96\xfe\x94\x98\xe7\x9e{\xee\x8a+\xae\x98~\x92\'\xcb\xb2\xf3\xcf?\xff\xdb\xdf\xfe\xf6\xca\x95+\x8f\x1d;V\xc9\xfak\xa15\x80\x00  \xac\x7f\xb5\xf4\x05\xfeR\xcau\xeb\xd6\xfd\xe2\x17\xbfH\x92D\x7fb\xf0\xa5\x97^\xfa\xc8#\x8f,]\xba\xf4\xc4\x89\x13\xb5Z\xad\xda\x83\x0c\xaa\x01^\xfd\xc3\x00\xf3`\xfd+\xa7?&amp;l\xef\xde\xbdz\xfd\xf5\x07\xc2\xac_\xbf\xfe\xfb\xdf\xff\xfe\xc0\xc0\xc0\xc9\x93\'+_\x7f\x11\xd8k\xc2\x9c\xf1\x08\x02\xebo\x83(\x8a\xda\xed\xf6w\xbf\xfb]\xfd8@)\xb5b\xc5\x8a={\xf6\xd4\xeb\xf5\xa9\xa9\xa9\n\x9f\xf9\x99%\x9c\x06p\xd2\xc3\x7f\xac\xbf\r\x94R\xf5z\xfd\xc8\x91#\xbf\xfc\xe5/\xd5[n\xbd\xf5\xd6\xf7\xbc\xe7=ccc%_\xf3sF\x814\x80\xf3\x1e\x9ec\xfd-\xa1\xdf\xf1\xed\x8d7\xde8q\xe2\x84\x10B\x7f&lt;\xc0\xbau\xeb&amp;\'\'m[\x7f-\x84\x06p\xea\xc3g\xac\xbfU\xa2(\x9a\x9c\x9c\x9c\xfed\x98\xc5\x8b\x17/_\xbe\xbc\x84\x1f\xf7\xed\x9a\xf7\r\xe0\xec\x87\xb7X\x7f\x0b\xe9O\x03\xd6\xff&gt;55e\xe7\xf7\xfe3\xf9\xdd\x00.\x03\x85\x9fX\x7f\xdb\xe8\xa7\x80FGG\x9fy\xe6\x19\xfd;\xb5Zm\xed\xda\xb5\xfab\xd0j\x8f\xed\x8c|\xbd6\x94\x00\xc0C\xac\xbf\xb5\xa2(\x1a\x18\x18\xd0\xbfVJ\x8d\x8f\x8f\xbb2A^6\x80\x00\xc07\xac\xbf\xcd\x94Ri\x9a\xeagN\xa2(\xb2\xe1\xc2\xff\xce\xf9\xd7\x00\x02\x00\xaf\xb0\xfe\x96\xd3o\x05\xb1h\xd1"!D\xbb\xdd\x1e\x1d\x1d\x15o}\n\xbc\x13&lt;k\x00\x01\x80?X\x7f\xcb)\xa5\x06\x06\x06~\xfa\xd3\x9f\xee\xdb\xb7ojj\xea\xa2\x8b.\xba\xe2\x8a+\x9a\xcdf\xd1\x9f\xfab\x96O\r \x00\xf0\x04\xebo9\xfd&gt;\x10;v\xec\xf8\xd2\x97\xbe4\xfdQ\xef\xd7_\x7f\xfd}\xf7\xdd\xd7l6\x1d\n\x80\xf0\xa8\x01\x04\x00&gt;`\xfd-\xa7\x94J\x92\xe4\xf8\xf1\xe3+W\xae\xd4\xef\xf9\xa3\x7f\x128\xcb\xb2G\x1f}\xf4\xb2\xcb.\x1b\x1d\x1du\xebk\xe4G\x03\xdc8J`\x1e\xac\xbf\xfd\x94R\x8dF\xe3\xd7\xbf\xfe\xf5\xe8\xe8\xa8\x94\xb2\xddn\xeb\x9f\xff\x8a\xa2\xe8\xf9\xe7\x9f\xaf\xd5j\xce]P\xef\xc7\xcf\x07p\xc7\x80\xdbX\x7f\x87\xcc\xf9\xb5p\xf7\x0b\xe4A\x03\\\xbd\xe9\x01\xc1\xfa\xbbCJ955u\xdey\xe7-[\xb6L\xbf+\x9c~;\xe8&lt;\xcf/\xbc\xf0\xc2V\xab\xe5\xe8W\xca\xf5\x068y\xa3\x03\x82\xf5w\x8a~\xdag\xf9\xf2\xe5_\xfb\xda\xd7\xea\xf5z\xab\xd5\xd2?\rp\xcb-\xb7\\|\xf1\xc5ccc\xee~\xb1\x9cn\x00/\x02\xc3I\xac\xbf\x8b\x94R\x83\x83\x83\x87\x0e\x1dz\xe2\x89\'&amp;\'\'?\xfc\xe1\x0f_v\xd9eSSS\x1e\xac\x90\xa3\xaf\t\x13\x00\xb8\x87\xf5wW\x9e\xe7\xfd\xfd\xfd}}}B\x88V\xab\xe5\xdc\xc5?\xf3p\xb1\x01\x04\x00\x8ea\xfd]\xa7\x9f\xfa\x17BH)\xed\x7f7\xd0\x05q\xae\x01\x04\x00.a\xfda9\xb7\x1a`\xd7\xd1\x00\xf3`\xfda?\xb7^\x13\xe6\x0e\x037\xb0\xfep\x85C\r\xe0&gt;\x03\x07\xb0\xfep\x8b+\r\xe0n\x03\xdb\xb1\xfep\x91\x13\r\xe0\x9e\x03\xab\xb1\xfep\x97\xfd\r\xe0\xce\x03{\xb1\xfep\x9d\xe5\r\xe0\xfe\x03K\xb1\xfe\xf0\x83\xcd\r\xe0.\x04\x1b\xb1\xfe\xf0\x89\xb5\r\xe0^\x04\xeb\xb0\xfe\xf0\x8f\x9d\r\xe0\x8e\x04\xbb\xb0\xfe\xf0\x95\x85\r\xe0\xbe\x04\x8b\xb0\xfe\xf0\x9bm\r\xe0\xbd\x80\xc2R\xf9U\x07\xf3PJ\xe9\xcf\x08\xd4\xeb\xaf\xdf5~\xe3\xc6\x8d\x0f=\xf4\x10\xeb_\x1an\xe4\x12\xcc|\xbf\xa08\x8e\xb3,\x9b~\xbf }/(\xedH\x08\x00\xec\xa2\xd7\xbf\xd1h\xb4\xdb\xed-[\xb6\xdcw\xdf}\xcdfS)\xc50\x95 \xcb\xb2\xa9\xa9\xa9\xaa\x8f"\x08\xd3\r\xd8\xb6m[\xbb\xddn\xb5Z\x1f\xfa\xd0\x87\xbe\xf3\x9d\xef\xacX\xb1BJYZ\x03\x08@(\xf4w\x16_\xf8\xc2\x17\x9e}\xf6Y\xfdMG\xd5G4\x9b\x94\xf2\xc4\x89\x13\x87\x0e\x1d\xd2\x87\x17\xc7\xf1%\x97\\\xa2\x94J\xd3\x94\xf5/\x9a~\xfea\xe5\xca\x95\xdf\xf8\xc67&amp;\'\'\xcb\xfc&amp;4L\xfa\xb1\xf8\xb2e\xcb.\xb9\xe4\x92\xa7\x9ez\xaa\xbf\xbf\x7fbb\xe2+_\xf9\xca\x9dw\xde\xa9O\xfer\x0e#)\xe7\xafA\xe5t\x00~\xfc\xe3\x1f\xef\xdf\xbf\xbf\xeac\x99O=I\xf2&lt;\x8f\xa3(\xcb\xb2\'\x9f|\xb2\xea\xc3\t\xcb\xc4\xc4D\x92$%?\x0b\x11 \xfd|\xe6Yg\x9du\xddu\xd7=\xf5\xd4S\x8dFcbbb\xcb\x96-w\xdcq\x87~\r\xac\xb4#!\x00a\x19\x1c\x1c\x8c\xe38\x8e\xe3V\xabU\xf5\xb1\xcc\xad\x95\xa6\xfa\x17R\x88\xe8\xad{\x82\x85\x8fW&lt;S\xaf\xd7\xb3,\x1b\x1c\x1c\xe4)\x81\xa2M\xaf\xffg&gt;\xf3\x99\xbd{\xf7\xea\xcf\x0c\xd8\xb4i\xd3\xce\x9d;\xcb\xbf\xf1\t@X\xf2&lt;\xcf\xb2L)\xf5\xa1?\xf8\x83\x8f\x9e{\xeex\xbb\x1dY\xf6\xbd\x9e\x12"\x89\xa2c\x93\x93\x7f\xf7\xdcsy\x9eI!\xa3H\xde\xf4\x89?\xfd\xbde\x83\x13\x13\xad8\x8e\x84PB\xd8u\xcc\xee\xca\x95j,\xaa=q\xe87O=\xff\xda\xf4\x07u\xa183\xd7\x7f\xcf\x9e=\xfa:\xb7M\x9b6\xed\xda\xb5+\xcb\xb2(\x8aJ~\xecE\x00B\x94\xe7\xf9\xa5\xe7\x9e{\xf7\xfa\xf5\xc7&amp;&amp;\x12\xfb\x9e^\xcf\x95Z\x94$\x7f|\xf6\xd9[\x87\x87\x93Xf\xb9z\xe9?\x8f\x7f\xf3\x96\x8fF\x83\r1\x95\x8aX\n\xbeI5%\xcb\xc5\xd0@\xf2\xcd\'\x86\x7f\xf1\x9fU\x1f\x8a\xffl[\x7fA\x00\x825\xd1n\x1f\x9b\x988je\x00\x84\x10J\x88\x9b.\xbcP\x08\xb1ux\xb8\x16G\xff\xef\x99WV\xdd\xf8\xf7\xff\xba\xfd\xff\x0c\r\xd6\xa7\xa6\xd28\xe6\x11\x80\x19i\x96\x9f%\xc4\xf8d\xbb\xea\x03\xf1\x9f\x85\xeb/\x08@\xb0")\x93(\xd2\xff\xaa\xfaX\xe6\xf6\xfa\xc4\xc4t\x03\x1aI\xfc\xf3\xffx\xe3\xe3w\xfe\xe0\xf1\xbf\xfa\x8b\xa1\x81\xc6$\r0\'\x89\xa3(\xe2\xc6,\x96\x9d\xeb/\xf8I`X+\x89"\xdd\x80\xbfZ\xb7\xae\x99f\x8d$~\xe6\xa5\xd77l\xfd\xfe\xc8x\xb3oQ\x92e&lt;\r\x047X\xbb\xfe\x82\x00\xc0f4\x00\xae\xb3y\xfd\x05\x01\x80\xe5h\x00\xdce\xf9\xfa\x0b\x02\x00\xfb\xd1\x00\xb8\xc8\xfe\xf5\x17\x04\x00N\xa0\x01p\x8b\x13\xeb/\x08\x00\\A\x03\xe0\nW\xd6_\x10\x008\x84\x06\xc0~\x0e\xad\xbf \x00p\x0b\r\x80\xcd\xdcZ\x7fA\x00\xe0\x1c\x1a\x00;9\xb7\xfe\x82\x00\xc0E4\x00\xb6qq\xfd\x05\x01\x80\xa3h\x00\xec\xe1\xe8\xfa\x0b\x02\x00w\xd1\x00\xd8\xc0\xdd\xf5\x17\x04\x00N\xa3\x01\xa8\x96\xd3\xeb/\x08\x00\\G\x03P\x15\xd7\xd7_\x10\x00x\x80\x06\xa0|\x1e\xac\xbf \x00\xf0\x03\r@\x99\xfcX\x7fA\x00\xe0\r\x1a\x80rx\xb3\xfe\x82\x00\xc0\'4\x00E\xf3i\xfd\x05\x01\x80gh\x00\x8a\xe3\xd9\xfa\x0b\x02\x00\xff\xd0\x00\x14\xc1\xbf\xf5\x17\x04\x00^\xa2\x010\xcb\xcb\xf5\x17\x04\x00\xbe\xa2\x010\xc5\xd7\xf5\x17\x04\x00\x1e\xa3\x01\xe8\x9d\xc7\xeb/\x08\x00\xfcF\x03\xd0\x0b\xbf\xd7_\x10\x00x\x8f\x06\xa0;\xde\xaf\xbf \x00\x08\x01\r\xc0B\x85\xb0\xfe\x82\x00 \x104\x00\x9d\x0bd\xfd\x05\x01@8h\x00:\x11\xce\xfa\x0b\x02\x80\xa0\xd0\x00\xcc/\xa8\xf5\x17\x04\x00\xa1\xa1\x018\x9d\xd0\xd6_\x10\x00\x04\x88\x06\xe0T\x01\xae\xbf \x00\x08\x13\r\xc0La\xae\xbf \x00\x08\x16\r\x80\x16\xec\xfa\x0b\x02\x80\x90\xd1\x00\x84\xbc\xfe\x82\x00 p4 d\x81\xaf\xbf \x00\x00\r\x08\x13\xeb/\x08\x00 h@xX\x7f\x8d\x00\x00B\xd0\x80\x90\xb0\xfe\xd3\x08\x00\xf0&amp;\x1a\x10\x02\xd6\x7f&amp;\x02\x00\xbc\x8d\x06\xf8\x8d\xf5\x9f\x85\x00\x00\xef@\x03|\xc5\xfa\x9f\x8a\x00\x00\xb3\xd1\x00\xff\xb0\xfes"\x00\xc0\x1ch\x80OX\xff\xd3!\x00\xc0\xdch\x80\x1fX\xffy\x10\x80\xb0(\xc5l-\x00\rp\x1d\xeb??\x02\x10\n\xa5\x94R*I\x92\xaa\x0f\xc414\xc0]\xac\xff\x19\x11\x80 (\xa5\xa4\x94R\xca\xe3\xc7\x8fW},\xee\xa1\x01.b\xfd;A\x00\xfc\xa7\x94\xd2w\x86\xcd\x9b7\x1f&lt;x\xb0\x9e$B\x08FkAh\x80[X\xff\x0e\x11\x00\xcf\xe9\xf5\x8f\xe3x\xf3\xe6\xcd\x0f&lt;\xf0@\x1c\xc7y\x9e\x0b!jQ\xc4\xeb\x01\x0bB\x03\\\xc1\xfaw\x8e\x00\xf8l\xd6\xfa\xd7\xea\xf5,\xcb\xf4\x7f\xf5\xc6\xe4d#Ih\xc0\x82\xd0\x00\xfb\xb1\xfe\x0bB\x00\xbcu\xea\xfa\xb7[-)e\x9a\xe7\x91\x94{_x\xe1\x9eC\x87\xde=8\x98\xe6y\xd5G\xea\x12\x1a`3\xd6\x7f\xa1\x08\x80\x9ff\xad\x7fcQ_\xbb\xd5\xba\xf0\xca\x1b\xce=\xffb!\x84\x90Q\xa6\xd4\x1d\xc3\xc3\xf7=\xfb\xec9\xfd\xfd4`Ah\x80\x9dX\xff.\x10\x00\x0f\x9d\xba\xfe\xcd\xa9\xc9\x0f^z\xedU\x7f\xb9C?\xe7\xa3\x84\x10J%Q\xbcux\xf8\xbe\x9f\xfd\x8c\x06,\x14\r\xb0\r\xeb\xdf\x1d\x02\xe0\x9b9\xd7\xffO\xfe\xf7\xa7\xae\xba\xed\xde\xd6\xc4X\x9e\xbf\xf9\x1a\x80\x12"\xcd3\x1a\xd05\x1a`\x0f\xd6\xbfk\x04\xc0+s\xae\xff\xf9z\xfd\'\xc7\x94\xc8\xf5=A\xe5\xd9\xba\x8b\xae\xfd\xa3\xff\xb1&amp;\xcd\xb3Z\x9c\xd0\x80\xee\xd0\x00\x1b\xb0\xfe\xbd \x00\xfe8\xdd\xfa_\xa9\xd7_\xe5R\xbe\xfd\xe5^|\xd6\xbbn\xbb\xe1o\xff\xf0\xf7\xfe\xa8\x9d\xa54\xa0k4\xa0Z\xac\x7f\x8f\x08\x80\'\x16\xb4\xfeB\x88fs\xa2o\xd1\xe0\xcd\xd7}\xf3\xdc\xdf\xff\x9f4\xa0\x174\xa0*\xac\x7f\xef\x08\x80\x0f\x16\xba\xfeB\x88(\x8a[\xad\xa9\xfe\xbe\xb3n\xf9\xbf\x7fC\x03zD\x03\xca\xc7\xfa\x1bA\x00\x9c\xd7\xc5\xfak\xba\x01}\x8bh\x80\x014\xa0L\xac\xbf)\x04\xc0m]\xaf\xbf\x16Eq\xab5I\x03\x8c\xa0\x01\xe5`\xfd\r"\x00\x0e\xebq\xfd5\x1a`\x10\r(\x1a\xebo\x16\x01p\x95\x91\xf5\xd7h\x80A4\xa08\xac\xbfq\x04\xc0I\x06\xd7_\xa3\x01\x06\xd1\x80"\xb0\xfeE \x00\xee1\xbe\xfe\x1a\r0\x88\x06\x98\xc5\xfa\x17\x84\x008\xa6\xa0\xf5\xd7h\x80A4\xc0\x14\xd6\xbf8\x04\xc0%\x85\xae\xbfF\x03\x0c\xa2\x01\xbdc\xfd\x0bE\x00\x9cQ\xc2\xfak4\xc0 \x1a\xd0\x0b\xd6\xbfh\x04\xc0\r\xa5\xad\xbfF\x03\x0c\xa2\x01\xdda\xfdK@\x00\x1cP\xf2\xfak4\xc0 \x1a\xb0P\xac\x7f9\x08\x80\xed*Y\x7f\x8d\x06\x18D\x03:\xc7\xfa\x97\x86\x00X\xad\xc2\xf5\xd7h\x80A4\xa0\x13\xac\x7f\x99\x08\x80\xbd*_\x7f\x8d\x06\x18D\x03\xe6\xc7\xfa\x97\x8c\x00X\xca\x92\xf5\xd7h\x80A4\xe0tX\xff\xf2\x11\x00\x1bY\xb5\xfe\x1a\r0\x88\x06\x9c\x8a\xf5\xaf\x04\x01\xb0\x8e\x85\xeb\xaf\xd1\x00\x83h\xc0L\xac\x7fU\x08\x80]\xac]\x7f\x8d\x06\x18D\x034\xd6\xbfB\x04\xc0"\x96\xaf\xbfF\x03\x0c\xa2\x01\xac\x7f\xb5\xaa\x1f\x14hN\xac\xbfF\x03\x0c\n\xb9\x01\xac\x7f\xe5l\xd9\x94\xc09\xb4\xfe\x1a\r0(\xcc\x06\xb0\xfe6\xb0kV\xc2\xe4\xdc\xfak4\xc0\xa0\xd0\x1a\xc0\xfa[\xc2\xc6e\t\x8a\xa3\xeb\xaf\xd1\x00\x83\xc2i\x00\xebo\x0f{\xc7%\x04N\xaf\xbfF\x03\x0c\n\xa1\x01\xac\xbfUl\xdf\x17\x8fy\xb0\xfe\x1a\r0\xc8\xef\x06\xb0\xfe\xb6qcb\xfc\xe3\xcd\xfak4\xc0 _\x1b\xc0\xfa[\xc8\xa5\x95\xf1\x86g\xeb\xaf\xd1\x00\x83\xfck\x00\xebo\'\xf7\x86\xc6u^\xae\xbfF\x03\x0c\xf2\xa9\x01\xac\xbf\xb5\\\xdd\x1aGy\xbc\xfe\x1a\r0\xc8\x8f\x06\xb0\xfe6s{n\xdc\xe2\xfd\xfak4\xc0 \xd7\x1b\xc0\xfa[\xce\x87\xc5qB \xeb\xaf\xd1\x00\x83\xdcm\x00\xebo?\x7fF\xc7fA\xad\xbfF\x03\x0cr\xb1\x01\xac\xbf\x13|\xdb\x1d\x0b\x05\xb8\xfe\x1a\r0\xc8\xad\x06\xb0\xfe\xae\xf0sz\xec\x11\xec\xfak4\xc0 W\x1a\xc0\xfa;\xc4\xe7\xf5\xa9\\\xe0\xeb\xaf\xd1\x00\x83\xeco\x00\xeb\xef\x16\xff\x07\xa8*\xac\xff4\x1a`\x90\xcd\r`\xfd\x9d\x13\xca\x06\x95\x8c\xf5\x9f\x85\x06\x18dg\x03X\x7f\x17\x855C\xe5`\xfd\xe7D\x03\x0c\xb2\xad\x01\xac\xbf\xa3B\\\xa2B\xb1\xfe\xf3\xa0\x01\x06\xd9\xd3\x00\xd6\xdf]\xe1\x8eQ\x11X\xff3\xa2\x01\x06\xd9\xd0\x00\xd6\xdfi\xa1\xef\x91A\xac\x7f\x87h\x80A\xd56\x80\xf5w\x1d\x93d\x06\xeb\xbf 4\xc0\xa0\xaa\x1a\xc0\xfa{\x80U2\x80\xf5\xef\x02\r0\xa8\xfc\x06\xb0\xfe~`\x98z\xc5\xfaw\x8d\x06\x18Tf\x03X\x7fo\xb0M=a\xfd{D\x03\x0c*\xa7\x01\xac\xbfO\x98\xa7\xee\xb1\xfeF\xd0\x00\x83\x8an\x00\xeb\xef\x19\x16\xaaK\xac\xbfA4\xc0\xa0\xe2\x1a\xc0\xfa\xfb\x87\x91\xea\x06\xebo\x1c\r0\xa8\x88\x06\xb0\xfe^b\xa7\x16\x8c\xf5/\x08\r0\xc8l\x03X\x7f_1U\x0b\xc3\xfa\x17\x8a\x06\x18d\xaa\x01\xac\xbf\xc7X\xab\x05`\xfdK@\x03\x0c\xea\xbd\x01\xac\xbf\xdf\x18\xacN\xb1\xfe\xa5\xa1\x01\x06\xf5\xd2\x00\xd6\xdf{lVGX\xff\x92\xd1\x00\x83\xe6i@\xff\xa2D\xe5s7\x80\xf5\x0f\x01\xb3uf\xac\x7f%h\x80A\xa7m\xc0XS.J\xd2l\xf6\x8d\xc9\xfa\x07\x82\xe5:\x03\xd6\xbfB4\xc0\xa0\xb9\x1b\xb0\xed\x07\xe3\xe3\xad\xb3\xfaj3\xff$\xeb\x1f\x0e\xc6k&gt;\xac\x7f\xe5h\x80A\xa76\xe0\xf0\xcbG\xaf\xfe\xe2?\xbdvlb\xfa\xcf(\xa5X\xffp\xb0_\xa7\xc5\xfa[\x82\x06\x184\xab\x01\xb58\xfa\xd1\xe1W\xbf\xf5\xcf\x87\xe38\x16B\xe4y.\x84`\xfd\xc3\xc1\x84\xcd\x8d\xf5\xb7\n\r0hf\x03\xdaY^\x8b\xa3\xe9QO\x92\xa4\xd1h\xb0\xfe\xe1`\xc5\xe6\xc0\xfa[\x88\x06\x184\xab\x01\xe2\xade\x97R~\xees\x9f\xdb\xbbw/\xeb\x1f\x08\x86l6\xd6\xdfZ4\xc0\xa07\x1b\xb0j\xd5\xf6u\xebb)U\x9e\x0b!\x86\x87\x87w\xee\xdc\xd9h4X\xff@\xb0e\xef\xc0\xfa[\x8e\x06\x18\x94D\xd1\x91\xb1\xb1\xbf\\\xbd\xfa\xd3\x1f\xfc`\xaeT\x12Ey\x9e\xd7\xeb\xf5f\xb3\xc9\xfa\x07\x829{\x1b\xeb\xef\x04\x1a`\x90\x94\xb2\x99\xa6\xef\xea\xeb\xd3\xff1\x8e\xe3V\xab\xc5\xfa\x87\x83E{\x13\xeb\xef\x10\x1a`\x90\x94\xb2\x9d\xe7B\x88(\x8a\xb2,c\xfd\x83\xc2\xa8\t\xc1\xfa;\x88\x06\x18\xa4g\xbe\x95\xa6k\xd6\xac\xd9\xb5k\x97\xfeA0\xd6?\x04\xec\x1a\xeb\xef*\x1a`\xdc\xd2\xa5K\x95RJ)\xd6?\x10\xa1O\x1b\xeb\xef4\x1a`V\x9a\xa6RJ\xd6?\x1cA\xaf\x1b\xeb\xef\x01\x1a`\x10\xd3\x1f\x9ap\x07\x8e\xf5\xf7\x06\r\x00\xba\x13\xe8\xc6\xb1\xfe\x9e\xa1\x01@\x17B\x9c9\xd6\xdfK4\x00X\xa8\xe0\x96\x8e\xf5\xf7\x18\r\x00\x16$\xac\xb1c\xfd\xbdG\x03\x80\xce\x05\xb4w\xac\x7f h\x00\xd0\xa1P&amp;\x8f\xf5\x0f\n\r\x00:\x11\xc4\xea\xb1\xfe\x01\xa2\x01\xc0\x19\xf9?|\xac\x7f\xb0h\x000?\xcf\xb7\x8f\xf5\x0f\x1c\r\x00\xe6\xe1\xf3\xfc\xb1\xfe\x104\x008=o\x17\x90\xf5\xc74\x1a\x00\xcc\xc9\xcf\x11d\xfd1\x0b\r\x00N\xe5\xe1\x0e\xb2\xfe\x98\x13\r\x00f\xf1m\nY\x7f\xcc\x83\x06\x003y\xb5\x86\xac?\xce\x88\x06\x00\xd3\xfc\x19D\xd6\x1f\x1d\xa2\x01\x80\xe6\xc9&amp;\xb2\xfeX\x10\x1a\x00\x08?\x02\xc0\xfa\xa3\x0b4\x00p~\x19Y\x7ft\x8d\x06 pn\x8f#\xeb\x8f\x1e\xd1\x00\x84\xcc\xe1}d\xfda\x04\r@\xb0\\\x9dH\xd6\x1f\x06\xd1\x00\x84\xc9\xc9\x95d\xfda\x1c\r@\x80\xdc\x1bJ\xd6\x1f\x05\xa1\x01\x08\x8dc[\xc9\xfa\xa3P4\x00Aqi.Y\x7f\x94\x80\x06 \x1c\xce,&amp;\xeb\x8f\xd2\xd0\x00\x04\xc2\x8d\xd1d\xfdQ2\x1a\x80\x108\xb0\x9b\xac?*A\x03\xe0=\xdb\xa7\x93\xf5G\x85h\x00\xfcf\xf5z\xb2\xfe\xa8\x1c\r\x80\xc7\xec\x1dP\xd6\x1f\x96\xa0\x01\xf0\x95\xa5\x1b\xca\xfa\xc3*4\x00^\xb2qFY\x7fX\x88\x06\xc0?\xd6-)\xeb\x0fk\xd1\x00x\xc6\xae1e\xfda9\x1a\x00\x9fX\xb4\xa7\xac?\x9c@\x03\xe0\r[&amp;\x95\xf5\x87Ch\x00\xfc`\xc5\xaa\xb2\xfep\x0e\r\x80\x07\xaa\x1fV\xd6\x1f\x8e\xa2\x01p]\xc5\xdb\xca\xfa\xc3i4\x00N\xabr^Y\x7fx\x80\x06\xc0]\x95-,\xeb\x0fo\xd0\x008*\xa9\xe4oe\xfd+\xa7T\x9e\xe5i\x9egU\x1f\x88?&amp;\xa7\xc6\x1a\xf5\xfe\x9b\xae\xbb\xf7\x9b\x0f\xdf\xfc_G^J\xa2x\xeb\xf0\xb0\x10\xe2\xa6\x0b/&lt;21!\xab&gt;\xbc9\xa5y\x9e\xe6y\xaeT\xd5\x07\x82jT\x10\x00\xd6\xdf\x06\xf5z\xdf\x92\xc1wI!\xa2\xa8\x9ao\x02&lt;$E\x96eg\r\x9c\xbd\xed\xa6\x7f\xf8\x9b=\xb7\xbc\xf8\xf2\x81\xe9\x06\xdc\xb6z\xf5T\x9aF\xd2\xba\n\xa4y~v\x7f\x7f\x7f\xadV\xf5\x81\xa0\x1ae\xdf\xf9Y\x7f\x1bH\x19\xfd\xff\x97\x9e~\xe4_\xb67[\x93\xdc\xe0\xe6(!d\x9eg\x8dF\xff\xf2e\xe7\xbe\xf8\x1f\x073\x95K)\xb7\x0e\x0f\xff\xea\xd8\xb1\xb3\xfb\xfa\xd2&lt;\xb7\xad\x00\xb9R\x03\xb5\xda\x93\xbf\xfdm\x14E9OU\x85\xa7\xd4\x00(\xa5\x84\x10\xd3\xeb_\xaf7X\xff\x92I\x19\xc9(\x96Q\xfc\xd2o\x9e}\xe97\xcfV}8&gt;\x93Q$\xa4\x14BH\xa5\xfe\xee\xb9\xe7\xaa&gt;\x9c3\xa8\xd7\xebY\x96E\x11w\xc0\xb0\x94\x1d\x00\xa5\xd4\xcd7\xdf\xac\xd7\xbf\xd5j\xfe\xc9G\xafe\xfdK$\xdbS\xe3*\xcf\x14O\xfd\x17O\xcd\xf8\x86:\x8e")D\x14E\xad4\xad\xf0\x90\xe6\xd1j\xb5\x84\x10cccU\x1f\x08JU^\x00\xb2,\x8b\xe3\xf8\xab_\xfd\xea\xfd\xf7\xdf\xdf\xd7\xd7?99\xb1\xe2\x83\x7f\xf6\xe7\xb7?0&gt;\xf2\xba\x90\x82\xf5/\x9c\x94*O\x7f\xff\x8fW\'\x8d&gt;\x19\xc54\xa0PRH\xa5r\x19\xc5R\xca\xdf&gt;\xfft\x96gq\x1c\xb7\xd2t\xf5\xea\xd5K\x96,Q\xf6\xbd\xe8\x1a\xc7q\x96e\xabV\xad\x12BH\xfb^\xab@Adi\xe7\xa2\xfe\xf6\xff\xd5W_\xfd\xd4\xa7&gt;\xf5\xf4\xd3O\xd7\xeau\x11%\xeb\xaf\xbfs\xf5\xd5[&amp;\x8e\x1f\x8db^\x8a,CRo\xc8(\x16J\x08\xee\xe3ERy.eT\xef\x1f|\xec\xde\xdb~\xf6\xaf\x0f\xd7\x92Z\xab\xd5\xdc\xb4i\xd3\xae]\xbb\xaa&gt;4\xe0m\xe5\x05@\x08\xa1\x94\x92R\x8e\x8c\x8cl\xd8\xb0\xe1\xc0\x81\x03I\x92\xa4iz\xf9\xe6\xbb\xd7\\s\xe3\xf8\xc8\xeb4\xa0\x04J\xe5\xc2\xba\xef&gt;\xfd"\xdf\xb1\xfe\xcf\xff\xfb?\xd6\xeb\xf5V\xab\xa5\xd7?\xcfs}/\xa8\xfa(O\x8b\x97\x01\x82Rj\x00\x84\x10y\x9eGQ4\xdd\x00\xfdJ\x00\r\x807\xf4\xabY\xf5\xbe\xc1\xc7\xee\xbd\xf5\xb9\'\xbe\xab\xafs\xd3\xeb\xaf_e\xb5y\xfd\x11\x9a\xb2k\xaf\xaf6\x1b\x1a\x1az\xfc\xf1\xc7\xd7\xae]\xdbj5\xeb\xf5\xc6\xbf\xed\xdav\xf0\x07;\x07\x86\xce\xc93K_"\x03:1c\xfdoc\xfda\xbf\n\x1e\xee\xd1\x00x\xe9\x9d\xeb\xff\x1d\xd6\x1f\xf6\xab\xe6\xf9&gt;\x1a\x00\xcf\xb0\xfepQe/\xf8\xd0\x00x\x83\xf5\x87\xa3\xaa|\xc5\x9f\x06\xc0\x03\xac?\xdcU\xf1%_4\x00Nc\xfd\xe1\xb4\xea\xaf\xf9\xa5\x01p\x14\xeb\x0f\xd7U\x1f\x00A\x03\xe0 \xd6\x1f\x1e\xb0"\x00\x82\x06\xc0)\xac?\xfc`K\x00\x04\r\x80#X\x7fx\xc3\xa2\x00\x08\x1a\x00\xeb\xb1\xfe\xf0\x89]\x01\x104\x00\x16c\xfd\xe1\x19\xeb\x02 h\x00\xac\xc4\xfa\xc3?6\x06@\xd0\x00X\x86\xf5\x87\x97,\r\x80\xa0\x01\xb0\x06\xeb\x0f_\xd9\x1b\x00A\x03`\x01\xd6\x1f\x1e\xb3:\x00\x82\x06\xa0R\xac?\xfcf{\x00\x04\r@EX\x7fx\xcf\x81\x00\x08\x1a\x80\xd2\xb1\xfe\x08\x81\x1b\x01\x104\x00%b\xfd\x11\x08g\x02 h\x00J\xc1\xfa#\x1c.\x05@\xd0\x00\x14\x8c\xf5GP\x1c\x0b\x80\xa0\x01(\x0c\xeb\x8f\xd0\xb8\x17\x00A\x03P\x00\xd6\x1f\x01r2\x00\x82\x06\xc0(\xd6\x1far5\x00\x82\x06\xc0\x10\xd6\x1f\xc1r8\x00\x82\x06\xa0g\xac?B\xe6v\x00\x04\r@\x0fX\x7f\x04\xce\xf9\x00\x08\x1a\x80\xae\xb0\xfe\x80\x0f\x01\x104\x00\x0b\xc4\xfa\x03\xc2\x9b\x00\x08\x1a\x80\x8e\xb1\xfe\x80\xe6O\x00\x04\r@\x07X\x7f`\x9aW\x01\x104\x00\xf3b\xfd\x81\x99|\x0b\x80\xa0\x018\r\xd6\x1f\x98\xc5\xc3\x00\x08\x1a\x80S\xb0\xfe\xc0\xa9\xfc\x0c\x80\xa0\x01\x98\x81\xf5\x07\xe6\xe4m\x00\x04\r\x80\x10\x82\xf5\x07N\xcf\xe7\x00\x08\x1a\x10&lt;\xd6\x1f\x98\x87\xe7\x01\x104 `\xac?0?\xff\x03 h@\x90X\x7f\xe0\x8c\x82\x08\x80\xa0\x01\x81a\xfd\x81N\x84\x12\x00A\x03\x82\xc1\xfa\x03\x1d\n(\x00\x82\x06\x04\x80\xf5\x07:\x17V\x00\x04\r\xf0\x1a\xeb\x0f,Hp\x01\x104\xc0S\xac?\xb0P!\x06@\xd0\x00\xef\xb0\xfe@\x17\x02\r\x80\xa0\x01\x1ea\xfd\x81\xee\x84\x1b\x00A\x03\xbc\xc0\xfa\x03]\x0b:\x00\x82\x068\x8e\xf5\x07z\x11z\x00\x04\rp\x16\xeb\x0f\xf4\x88\x00\x08A\x03\x1c\xc4\xfa\x03\xbd#\x00o\xa2\x01\x0ea\xfd\x01#\x08\xc0\xdbh\x80\x13X\x7f\xc0\x14\x02\xf0\x0e4\xc0r\xac?`\x10\x01\x98\x8d\x06X\x8b\xf5\x07\xcc"\x00s\xa0\x01\x16b\xfd\x01\xe3\x08\xc0\xdch\x80UX\x7f\xa0\x08\x04\xe0\xb4h\x80%X\x7f\xa0 \x04`&gt;4\xa0r\xac?P\x1c\x02p\x064\xa0B\xac?P(\x02pf4\xa0\x12\xac?P4\x02\xd0\x11\x1aP2\xd6\x1f(\x01\x01\xe8\x14\r(\r\xeb\x0f\x94\x83\x00,\x00\r(\x01\xeb\x0f\x94\x86\x00,\x0c\r(\x14\xeb\x0f\x94\x89\x00,\x18\r(\x08\xeb\x0f\x94\x8c\x00t\x83\x06\x18\xc7\xfa\x03\xe5#\x00]\xa2\x01\x06\xb1\xfe@%\x08@\xf7h\x80\x11\xac?P\x15\x02\xd0\x13\x1a\xd0#\xd6\x1f\xa8\x10\x01\xe8\x15\r\xe8\x1a\xeb\x0fT\x8b\x00\x18@\x03\xba\xc0\xfa\x03\x95#\x00f\xd0\x80\x05a\xfd\x01\x1b\x10\x00ch@\x87X\x7f\xc0\x12\x04\xc0$\x1apF\xac?`\x0f\x02`\x18\r\x98\x07\xeb\x0fX\x85\x00\x98G\x03\xe6\xc4\xfa\x03\xb6!\x00\x85\xa0\x01\xb3\xb0\xfe\x80\x85\x08@Qh\xc04\xd6\x1f\xb0\x13\x01(\x10\r\x10\xac?`1\x02P\xac\xc0\x1b\xc0\xfa\x036#\x00\x85\x0b\xb6\x01\xac?`9\x02P\x86\x00\x1b\xc0\xfa\x03\xf6#\x00%\t\xaa\x01\xac?\xe0\x04\x02P\x9e@\x1a\xc0\xfa\x03\xae \x00\xa5\xf2\xbe\x01\xac?\xe0\x10\x02P6\x8f\x1b\xc0\xfa\x03n!\x00\x15\xf0\xb2\x01\xac?\xe0\x1c\x02P\r\xcf\x1a\xc0\xfa\x03."\x00\x95\xf1\xa6\x01\xac?\xe0(\x02P%\x0f\x1a\xc0\xfa\x03\xee"\x00\x15s\xba\x01\xac?\xe04\x02P=G\x1b\xc0\xfa\x03\xae#\x00Vp\xae\x01\xac?\xe0\x01\x02`\x0b\x87\x1a\xc0\xfa\x03~ \x00\x16q\xa2\x01\xac?\xe0\r\x02`\x17\xcb\x1b\xc0\xfa\x03&gt;!\x00\xd6\xb1\xb6\x01\xac?\xe0\x19\x02`#\x0b\x1b\xc0\xfa\x03\xfe!\x00\x96\xb2\xaa\x01\xac?\xe0%\x02`/K\x1a\xc0\xfa\x03\xbe"\x00V\xab\xbc\x01\xac?\xe01\x02`\xbb\n\x1b\xc0\xfa\x03~#\x00\x0e\xa8\xa4\x01\xac?\xe0=\x02\xe0\x86\x92\x1b\xc0\xfa\x03! \x00\xce(\xad\x01\xac?\x10\x08\x02\xe0\x92\x12\x1a\xc0\xfa\x03\xe1 \x00\x8e)\xb4\x01\xac?\x10\x14\x02\xe0\x9e\x82\x1a\xc0\xfa\x03\xa1!\x00N2\xde\x00\xd6\x1f\x08\x10\x01p\x95\xc1\x06\xb0\xfe@\x98\x08\x80\xc3\x8c4\x80\xf5\x07\x82E\x00\xdc\xd6c\x03X\x7f d\x04\xc0y]7\x80\xf5\x07\x02G\x00|\xd0E\x03X\x7f\x00\x04\xc0\x13\x0bj\x00\xeb\x0f@\x10\x00\x9ft\xd8\x00\xd6\x1f\x80&amp;\x95RU\x1f\x03L\xca\xf3&lt;\x8a\xa2\x91\x91\x91\r\x1b6\x1c8p\xa0^o\xb4Z\xcd\xcb7\xdf\xbd\xe6\x9a\x1b\xc7G^\x97Q\xc4\xfa\x03\xd0\x08\x80\x87N\xd7\x80\xd5Wo\x99&lt;\xf9\xbbF\xffb\xd6\x1f\x80 \x00\xbe:]\x03\xd6\xfe\xc5M?\xfc\xebM\xcf?\xf9\x8f\xac?\x00\x02\xe0\xadY\rH\x92$\xcd\xb2\x15\xff\xeb\xa2W_\xd8\xaf{\xc0\xfa\x03\x81#\x00&gt;\x9b\xa3\x01i\xca\xfa\x03\xd0\xb8\n\xc8g\xb3\xae\x0bJ\xd3\xb4\xaf\xaf\x9f\xf5\x07\xa0\xf1\x08\xc0\x7f\xd3\x8f\x03\xae\xbc\xf2\xca\xfd\xfb\xf7o\xd9\xb2e\xe7\xce\x9d\xac?\x00\x02\x10\x04\xdd\x80#G\x8e&lt;\xf8\xe0\x83\xdb\xb6m\xd3_t\xd6\x1f\x08\x1c\x01\x08\x85RJ/\xfe\xf4/\x00\x04\x8e\xd7\x00B!\xa5TJeY\xc6\xfa\x03\xd0x\x04\x00\x00\x81\xe2\x11\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08\x00\x00\x04\x8a\x00\x00@\xa0\xfe\x1bw\x8a\x88\x0f!\xf8\x04\xa5\x00\x00\x00\x00IEND\xaeB`\x82'</t>
        </is>
      </c>
    </row>
    <row r="494">
      <c r="A494" s="1" t="n">
        <v>492</v>
      </c>
      <c r="B494" t="inlineStr">
        <is>
          <t>shape_reflect</t>
        </is>
      </c>
      <c r="C494" t="inlineStr">
        <is>
          <t>What is the missing shape denoted by a question mark?</t>
        </is>
      </c>
      <c r="D494" t="inlineStr">
        <is>
          <t>['square', 'triangle', 'pentagon', 'hexagon']</t>
        </is>
      </c>
      <c r="E494" t="inlineStr">
        <is>
          <t>pentagon</t>
        </is>
      </c>
      <c r="F494" t="inlineStr">
        <is>
          <t>There are six shapes in the image separated by a line. In the top part there are ['pentagon', 'triangle', 'square']. In the bottom part there are ['?', 'triangle', 'square'].</t>
        </is>
      </c>
      <c r="G494" t="inlineStr">
        <is>
          <t>We observe that the pentagon is reflected across the line as a pentagon. Similarly, the square is reflected as a square. Hence, the pattern is that each shape in the top part is reflected in the bottom part.</t>
        </is>
      </c>
      <c r="H494" t="inlineStr">
        <is>
          <t>Based on the pattern that each shape in the top part is reflected in the bottom part, the missing shape which is reflected from a pentagon part should be a pentagon.</t>
        </is>
      </c>
      <c r="I494" t="inlineStr">
        <is>
          <t>b'\x89PNG\r\n\x1a\n\x00\x00\x00\rIHDR\x00\x00\x02\x00\x00\x00\x02\x00\x08\x02\x00\x00\x00{\x1aC\xad\x00\x00H\xc9IDATx\x9c\xed\xddw`\x94E\xfe?\xf0y\xca\xee\xa67\x08\x01\xdbA `AZ\xc2\xd1\xbb\tp\xfc\xe4\x14\x08E\xa4\xfaE\x94\x12\x10\x90r@\x84H7@L\x10E\x11\x15D\xaax\x9e\xe2\xd1\x04B\x07\x13D\x89\x08\x84\x048\x11I\xcfnB\x92\xdd}\x9eg~\x7f\x0c\xe4r4\x81$\xbb\xcf\xee\xbc_\x7f\xddE`g\x9f\xec\xce{\x9e\xcf\xcc3#PJ\t\x00\x00\xf0Gtv\x03\x00\x00\xc09\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803i\x9a\xa6i\x9a\xb3[\xc1/J)\xae?\xf0\x0c\x01\xe04\xaa\xaa\x8a\xa2(\x8a\xa2\xaa\xaa\xcen\x0b\xa7\x04A\x10E|\x05\x80_\xf8\xf4;\x01\xa5TQ\x14I\x92.]\xbat\xfc\xf8qI\x92p+\xe0`\x94RJ\xe9\xb5k\xd7\xce\x9c9\x83\xfb\x00\xe0\x16\x02\xc0\xd14M\x13\x04A\x96\xe5\xcd\x9b7\xb7m\xdb\xb6]\xfbvqqq\xecV@Q\x14g\xb7\x8e\x17\xaa\xaa\n\x82\xb0d\xc9\x92\x81\x03\x07\n\x82@)uv\x8b\x00\x9c\x00\x1f}\x87R\x14E\x96\xe5\xa2\xa2\xa2\x993g&amp;%%\x95\xff\xbcG\x8f\x1ek\xd6\xac\xa9S\xa7\x0e\xbb3\x10\x04\xc1\x89\x8dt{,\x83/]\xba\xd4\xa2E\x8b\xc2\xc2\xc2\xad[\xb7\xf6\xed\xdbWUUI\x92\x9c\xdd4\x00\x87\xc2\x1d\x80\x83PJUU\x95e\xf9\xe4\xc9\x93]\xbava\xbd\x7f\xfb.m\x07\x8d\x18@\x08\xd9\xb1cG\xcb\xbf\xb6\xdc\xbcy\xb3,\xcb\x82 \xa0"Q\xad(\xa5\x82 L\x9d:\xb5\xb0\xb0P\x92\xa4\x193f\xd8l6\xf6sg7\r\xc0\xb1(T?EQ\xd8\xffHLL\x0c\x08\x0c \x84\x08D\x88\x9966=\xf7\x97k\xf6\xff,J\x9a\xe7\x1f\xe0\xcf~\x1d\xe3\xc7\x8f\xb7X,\x94R\xbb\xdd\xee\xd4&amp;\xbb-\xf6\xbb\xd8\xbf\x7f?!D\x14n\x0c\x80\xe6\xcf\x9fO+\xfc\x9a\x008\x81\x12P\xf5\xa27\x07\xfeW\xaf^\x9d4i\xd2\xa6M\x9b\x08!\xf5\x1a\xd4\x9d\xb3dv\x8f\xe7#\x0b\x0b\xcc\x8a\xa2\x04\xd5\x08:\xfb\xcb\xd97\xc7\xccH9v\x92\x10\x12\x1e\x1e\xfe\xe1\x87\x1f\xb6h\xd1\x82-\x13B9\xa8\n\xb1\x0f\xbd\xddno\xd7\xae\xdd\x8f?\xfe\xe8\xed\xe3\x1dT#\xf0\xf2\xc5\xff\xf8\xf9\xf9\x9d&lt;y244\x94R\x8auA\xc0\x0f|\xd6\xabQ\xf9|\xef\xce\x9d;[\xb5j\xc5z\xff^/\xf4\xfcj\xcf\xe6\xc8^\xddr\xb3\xf3(\xa5\xb2,\xe7\xe7\xe5\x87\x86\x85n\xd8\xbe.f\xdaXA\x10RSS\xbb=\xd7-))\x89M\x06`\x91h\x15\xd24M\x14\xc5\x8d\x1b7\xa6\xa6\xa6j\x9a6`h\xf4G\x1b\xde7\x18\x0c\x16\x8b%..\x0e\xb3\xc1\xc0\x1b|\xe2\xab\x0b\x9b\xefU\x14e\xea\xd4\xa9\t\t\t\x94R?\x7f\xbfI3\'\xbc2v\xb8\xcdj+++\x93e\xb9\xfc\x0fk\xaa&amp;Jb`P\xc0w_\xef\x986nf\xd6\x1f\xd9\x84\x90\x01\x03\x06,[\xb6\xec\x91G\x1e\xc1\xccp\x95`\xc3\x7f\xb3\xd9\xfc\xf4\xd3Oggg\xfb\xfa\xf9\xee&gt;\xb1\xbdAX\x83\x91\x03^\xfd\xe7\xe6\x7fI\x92\xb4w\xef\xde\x8e\x1d;b6\x18\xf8\x81;\x80\xaaG+\xcc\xf7v\xe8\xd0a\xf9\xf2\xe5\x94\xd2f\x11M7|\xbbv\xec\xe4\xd1E\x96"\x9b\xcdV\xb1\xf7\'\x84\x88\x92H)\xcd\xc9\xce\x8d\xea\xf5\xdc7\xc9\xdbz\xbd\xd0\x93\x10\xb2i\xd3\xa6V\xadZ\xed\xdc\xb9\x133\xc3U\x82\r\xffg\xc7\xce\xbev\xed\x9a\xa6i1S\xc7&lt;\xf6\xc4\xa3\xb9\xb99\xd3\xe6N\t\x0c\nTU566\x16\xf7[\xc0\x15\x04@\x15c\x0b\xcc%IJJJ\xea\xf6\\\xb7c\xc7\x8e\tD\x18\xf1\xfa\xb0/wmx\xb6\xd93\xd9\xd7r$I\xbac\x95\x99\x15\x8b\n\xf2\x0bk\xd6\xaa\xf9\xc1\xfa\x15s\x96\xcc\xf6\xf3\xf7\xbbr\xe5J\xcf\x9e=\xe7\xce\x9d\xab(\n\x9e\x19\xae\x0c\xd6\xfb\x9f;wn\xd5\xaaU\xa2(6n\xfa\xcc\xf0\xd7\x86\x14Y\x8am6{\xfd\xb0z\xc3F\xbfL\x08INN\xfe\xe2\x8b/$I\xc2u\x06N\xa0\x04Te\xca\x07\xfeyyyc\xc7\x8ee\x15\xff\x90:!\x8bW\xcc\xeb\xf1|\x94\xb9\xd0r\x9f\xb5\x05M\xd3(\xa5\xc1\xb5j\x9e8\x922\xf3\x8d\xb7N\xa5\xfcD\x08i\xdf\xa1\xfd\xc7\xab?n\xd8\xb0!f\x86\x1f\x0e\xbb\xf8\xdd\xbbw\xdf\xb5k\x17!d\xddWk\xba\xf5\xecR\x90o\x96e\x89\x10"\x08B\xf7\xd6\xff\xefR\xe6\xe5\xfa\xf5\xeb\xa7\xa4\xa4\xf8\xfa\xfa\n\x82\x80\x8b\x0cn\x0fw\x00U\xa3\xe2|o\xbb\xf6\xed\xca\xe7{\xbfI\xfe2\xaa\xd7sy\xb9\xf9\x94\xd2\xfb\xac,\x8b\xa2(IR\xf6\xb5\x9cg\x9b=\xf3\xe5\xae\r#_\x1fF\x089t\xf0P\x9b6mV\xaf^\x8d\x99\xe1\x87\xc0z\xff]\xbbv\xb1\xde\xbfG\xef\xee]\xbaw*,\xb8\xd1\xfb+\x8a\xe2\xe3\xe73a\xfa8B\xc8\x85\x0b\x17\x12\x12\x12p\xb3\x05\x9c\xc0\x1d@\x15`\xfd\x8b\xa2(\xf3\xe7\xcf\x9f;w.\xa5\xd4\xcf\xcfo\xd2\xac\t\xaf\x8c\x1dn\xb7\xdbKKJo\xa9\xf8?\xd0?\x1b\x10\xe8\xbf\xf9\xf3/\xe7\xfdcQ\xd6\x1fY\x84\x90A\x83\x06%%%\xd5\xa8Q\x83M2W\xf5[qCl\xeeW\xd3\xb4\xc6\x8d\x1b\xa7\xa7\xa7\xcb\xb2\xfc\xed\xc1\xaf\x9e|\xba\xe1\xf5\xeb%\xe5\xb58M\xd5\xfc\x02\xfd\xfat\xeb\x7f\xfc\xf0\x0f\x01\x01\x01)))X\x12\n&lt;\xc0\xe7\xbbRX\xd9G\x92\xa4\xf3\xe7\xcfw\xe9\xdae\xce\x9c9\x94\xd2\xc6M\x9f\xd9\xf0\xdd\xda1\x93G\x17Y\x8a\xace\xd6\x87\xee\xa6%I\xa2\x94\xe6\xe6\xe4\xf5\x1b\xdc\xe7_\xfb\xb6v\xe8\xda\x9e\x10\xb2a\xc3\x86v\xed\xda\x1d&gt;|X\x96el!w?X\xf5\x7f\xd5\xaaU\xe7\xce\x9d\xd34m\xc4\xeb\xc3\x9a\xb4x\xb6\xa8\xa8\xf8\x7f:w\x81\xa8\x8a:m\xee\x14\x93\xc9TXX\xc8\x96\x84\xf2ymYX\xba%\x0cvo\x87;\x80\x87W^\xd3_\xbdz\xf5\xb4i\xd3\xf2\xf3\xf3\t!\xc3^}y\xea\x9c\xc9~\xfe~\xe6B\xb3\xc1`\xa8\x92\x17R\x14\xc5\xd3\xd3S6\xc8\x1f\xbe\xbbzI\xdc2\x9b\xd5f\xf20\xcd\x98&gt;\xe3\xad\xb7\xde"7\xd7\x9bV\xc9\x0b\xb9\x1fM\xd3\x08!\xd9\xd9\xd9O?\xf3\xb4\xb9\xd0\xfc\xf8_\x1e\xfb\xf6\xc0W\x1e^\x1e\xaa\xa2\xdeR\xe2W\x14%8\xa4\xe6k\x83\xc7m\xdb\xf8\xb5$I\xfb\xf6\xed\xeb\xd0\xa1\x03\x96\x84\x82{C\x00&lt;$\xd6\xed\xe6\xe5\xe5\x8d\x1f?~\xc3\x86\r\x84\x90\x90:!\xb3\x16L\xef?\xa4\x9f\xa5\xd0l\xb7+U\xdbq\xb0\x8e,\xa8f\xd0\x81\xef\x0fN\x1b;3\xf3\xc2EBH\x8f\x1e=\x12\x13\x13\xc3\xc2\xc2\xf0\xa0\xc0\xdd\xb0\x1e|\xc4\x88\x11\x9f~\xfa)!dq\xd2\xfc\xe1\xaf\x0f\xcd\xcd\xce\xbd=2)\xa5\x06\xa3!\xfbZN\xcf\xb6\xcf\x17\x16\x98\xc3\xc3\xc3\x0f\x1f&gt;l0\x18\xf8\x99\r\xd64M\x14\xc5S\xa7NM\x9a4\x89\xdd\x1e\xb9\xc7\x1bg]\x9c\xa6i\xcb\x96-k\xd6\xac\x19{\x9b\xcen\x94^ \x00\x1e\x18\xeb\x8bEQ\xdc\xb9s\xe7\xc4\x89\x13\xce\x9e=G\x08\xe9\xd0\xb5}\xfc\xca\x85O\x84&gt;\x91\x9f\x9b_}}\xb1\xa2(~\xfe~\x16\xb3%n\xfa\x82Mk\xb7\x10B\x82\x83\x83W\xacX\xd1\xbf\x7f\x7fR\xe1\x8e\x04\x18M\xd3\x04A8y\xf2d\xbbv\xed\xacVk\xcb6\x11[v~QZRz\xb7\xef\xbf\xa2(5\x83k\xacx\xe7\xfd\xb7\xff\xb1\x90\x10\xf2\xe9\xa7\x9f\x0e\x1b6\x8c\x9f\xab\xca\xde\xe9\xee\xdd\xbb\xa3\xa2\xa2\x9c\xdd\x96j\xb1k\xd7\xae\xc8\xc8H~~\xa1\xf7\x03\x01\xf0`\xca\xeb-s\xe7\xcee\xf3\xbdF\xa3q\xea[\x93^\x9d\xf0\x7f\x8a])-}\xc8\xf9\xde\xfb\xa7\xaa\xaa\xd1h\xf4\xf4\xf2\xf8\xf2\x8b\x7f\xce\x99:/?/\x9f\x102~\xfc\xf8\xf9\xf3\xe7\xfb\xfa\xfa\xa2\x1cT\x11\xfb\xaaw\xee\xdc999Y\x92\xa4\xcf\xb6}\xdc%\xaa\xa3\xb9\xd0r\xef\xef\xbf(\x89\xdd[\xff\xbfK\x19\x97CBB\xd2\xd2\xd2\x02\x02\x028\xb9\t`\x97k\xff\xfe\xfd\xcf=\xf7\x9c(\x8a\x8d\x9ei\x18\x14\x14\xa8(\x8a\xeb\xbe\xf7\x1b[\xad\xe4\x17\x9c\xfb\xe5\xbc\xa6i{\xf6\xec\xe9\xdc\xb93\x02\xa0"t\x16\xf7\x8bM\x8e\xc9\xb2\x9c\x9e\x9e\x1e\x13\x13\xb3c\xc7\x0eBH\xe3\xa6\xcf\xccO\x98\xdb\xaa]\xcb\xc2\x023\xfb\xb4Uw3\xd8r#s\xa1\xa5\xff\xd0~\xcf6o&lt;\xe5\xf5\xe9\xa9\xc7O&amp;%%\x1d9z\xe4\xbd\x15\xef\xb5j\xd5\xaa\xfc\x06\xa5\xba[\xa2s\xec{\xbeu\xeb\xd6\x03\x07\x0e\x10B\x9e\xef\xf3\xb7\xc8\xbfu\xcd\xcd\xc9\xbb\xf7\xefHUU\x1f_\xef\x99\xf3\xa6\xbd2\xe0\xb5?\xfe\xf8c\xd9\xb2e\xf3\xe6\xcd\xe3\xaa\xcb`\xeb\x1aTU\x9d\xb5`F\xf7\x9e\xcf\x99-fIv\xd5\xf7\xae*\xaa\xbf\x9f\xff\xce\x7f\xef\x19\xf8\xb7\x97\t\xb6\xfb\xbe\x13\x04\xc0}a]\x80$I\x1b7n\x9c0aBvv6\xb99\xdf\xeb\x1f\xe0\x9f\x97\x9b\xcfvkpLc\xd8\x93\xc6y\xd9y\xa1a\xf56}\xb7.q\xc9\xca\xa4\xc5+SSR;u\xea\xb4h\xd1\xa2\x89\x13\'\x12\xee\xcbA\xec\xabn6\x9b\xa7M\x9bF\x08\xf1\xf5\xf5\x19?m\xec=\x8a?\xe5$I\xb2\x98\x8b\xba?\x1f\xd9\xbes\xdb\xc3\xc9G\xe3\xe3\xe3\x87\r\x1b\x16\x16\x16\xc6a\xe1\xb8\xb4\xa4\xac\xb8\xa4\xb8\xb8\xf8\xba\xeb~\x90TU\x95d\xa9\xb4\xa4\xcc\xd9\r\xd1/\xbe&gt;\xd3\x0f\x87M\xb1\x9a\xcd\xe6Q\xa3F\r\x1a4(;;;\xa8F\xd0\x8aO\x96/Y\xb9\xd0h4X\xcc\x16\xa7T]d\x83\\R\\\xa2\xaa\xda\xcc\xf9\xd3&gt;\xdd\xb6\xba^\x83\xbaV\xab\xf5\x8d7\xde\x188p\xe0\xd5\xabW\xd9\x8d\x02\xb7C\x1e\x96\x7f\t\t\t\x99\x99\x99\x94\xd2W\xc6\x8dx\xb6y\xe3\x8a\x0b\xff\xff\xec\xafk\xb3\x16\xce\x90e\xd9j\xb5\xce\x9a5\x8bp9x\x14EAt\x13\xaeZ\xc2r\x00\x04\xc0\xbd\xb0\xe5\xc3\xb2,\x1f&gt;|\xb8u\xeb\xd6\xabW\xaf&amp;\x84t\xe8\xda\xfe\xcb]\x1b\xfa\xbd\xdc77;WU5\'\x8e\x8f\xd8\x16r\xb9Yy\x91\xbd\xba}\xb5g\xf3\xdf^\xe8A\xb0\x85\x1c!\x9a\xa6I\x92\x94\x91\x91\x91\x90\x90 \x08B\xdd\xfau\xc7L\x1a]\x90Wp\x9f9-\x8abq\xd1\xf5\xa6\xe1\xcf\xf6\x1f\xd2\x8f\x10\xb2y\xf3f6\x85\x80g\x83\xc1\xfd \x00\xee\x8a\xed\xbf&amp;\x8a\xe2\xdc\xb9s\xbb=\xd7\xed\xec\xd9\xb3F\xa3q\xc2\xb4q\x9f\x7f\xbd\xa6^X\xbd\xbc\x9c&lt;G\x96}\xeeF\x10\x04\xd9 \x17\xe4\x15\xf8\xfa\xf9\xaeZ\xff^\xc5-\xe4&amp;M\x9a\xc4\xe7\x16rl\xf1O\\\\\\aa!!d\xe2\xf4q&gt;~&gt;\x8a\xa2\xdc\xff\xbf IbIq\xe9\xa4Y1\x01\x81\xfe\x82 L\x9e2\xd9j\xb5\xe2\xb4\x00p?\x08\x80;\xa0\x94\xb2\xe54\xe9\xe9\xe9={\xf6\x9c3g\x8e\xb5\xcc\x1a\xda\xa0\xde\xfao&gt;\x9d\xb9`z\xc9\xf5\xd2\x87\xde\xdd\xa1\x9a\xc8\xb2l\xb3\xd9\x8a,Ec\'\x8f\xde\xf0\xed\xdaf\x11M)\xa5\xcb\x97/\xef\xd2\xb5\xcb\xf9\xf3\xe7\xd9\xe8\x95\x93\xce\x8b\xed\xc7w\xf0\xe0\xc1\xf5\xeb\xd7\x0b\x82\xd0\xb2MD\xf4\x90\xbe\xe6|\xf3\x03\xfd\xbe\x04A(++{\xe4\xb1:\xe3\xdf\x1cC)MMI\xdd\xb8q\xa3(\x8a\x1c\xdeN\x81{C\x00\xdc\x8a\xed\xe7,\xcb\xf2\xe6\xcd\x9b\xdb\xb5k\xc7V\xfb\x0c\x18\x1a\xfd\xcd\x81m\xad\xdb\xb7\xca\xb9\x96\xc3n\x0b\x9c\xdd\xcc[\x89\xd8B\xee\xe6i\xefV\xabu\xe2\x1b\x13\xd94\xc0\xf4\xb8)\xaa\xa2\x92\x07\xbfO\x93d\xa9\xc8\\4t\xf4\xcb\xa1a\xf5DQ\x9c1cFAA\x01n\x02\xc0\xcd\xe8\xae#s.6\xdf[TT\x14\x13\x133`\xc0\x80\x9c\x9c\x9c\x1a5\x83\x12?^\xb6l\xd5b\x93\xc9Td)\x92\r:\x1a\xf8\xdfN6\xc8\xc5\xc5\xd7\x15E]\x98\xf8v\xd2\'\xcbC\xea\x84\xe4\xe7\xe7\x8f\x1a5\xea\xa5\x97^\xca\xcb\xcbc3\xc3\xcenc5\xd2n\x9e\xf8x2\xf5$!d\xc0\xd0\xe8v\x9d\xdb\x14Y\x8a\x1e"\xb0\x05"(\x8a\xea\xe5\xe59s\xde4M\xd3\xfe\xf8\xe3\x8f\xd8\xd8X\xdc\x04\x80\x9bA\x00\xdcP&gt;\xdf{\xfc\xf8\xf1.]\xbb$%%\x11B:tm\xbfe\xe7\x86\x01C\xfb\x99\x0b-,\x1b\x9c\xdd\xcc?w\xb7-\xe4\xda\xb7w\xf3-\xe4\xd8\xf0???\x7f\xfa\xf4\xe9\xa2(\xfa\x07\xf8O\x9a\x15Sly\xf8U\x8c\x92$\x99\x0b-=\xfe\xde\xbdg\xef\xee\x84\x10\xb6\x9d\x1c2\x00\xdc\t\x02\x80\x90\n\xf3\xbd\t\t\t\x9d:uJMI\x15\x88\x103m\xec\xe7_\x7f\x12\x1aV/7\'\xcf\xb5v\xdaa%\xac\xfc\xdc\xfc\xe0\x90\xe0\xf5\xff\xfat\xd6\xfc\xe9F\xa3\xf1\xec\xd9s\xdd\x9e\xeb6w\xee\\\xf6N\xdd\xefV\x80\r\xff\x97-[V~\xe2\xe3#\x8f\xd5)++\xab\xcc/N\x10\x04\xc5\xae\xbc13\xc6h2*\x8a\x12\x13\x13\x83*\x10\xb8\x13\xde\x03\xa0|\xbe\xf7\xea\xd5\xab={\xf6|\xe3\x8d7\xacVk\xbd\x06\xf5&gt;\xdd\xb6z\xe6\xfci\xa5%\xba\x9b\xef\xbd\x7fl\x19{\xc9\xf5\x92qo\xbe\xbee\xe7\x17\x8d\x9b&gt;c-\xb3\xce\x993\xa7g\xcf\x9el[|w\x9a\x19\xd6n\x9e\xf8\xf8N\xfc;\xa2(\x866\xa87t\xf4\xcbE\xe6\xa2J&gt;\xc5*\x8abqQq\x93\x16\xcf\x8e|}\x18\xa5\x94\x1d)\x83%\xa1\xe06\xb8\x0e\x00\xed\xe61^\x9b7on\xd5\xea\xafl\xbe\xf7\xf9\xbe\xbd\xb6\xed\xd9\x18\xd5\xab[nV\x9e \x08:\x9c\xef\xbd\x7f\xa2(\n\x82\x90\x97\x9b\x1f\xde\xaa\xf9\xe6\x1d\xeb\x07\x0c\x8d&amp;\x84\xec\xd8\xb1\xa3}\xfb\xf6\x1b7nt\xa7\x99aV\xff\x89\x89\x89\xb1Ym\x9a\xa6\xcd\x9c?\xcd\xcb\xcbSQT\xe1!\xe6\x7f\xff\x97$I\xd7\x8b\xae\x8f\x1a?\xb2VH\xb0(\n1\x13b\xd8\xf68n\x93\x9d\xc03\x17\xee\xdd*\x89\x95}\xca\xe7{\xaf\\\xf9\xdd?\xc0\x7fQ\xd2\xbc\x8f6\xac\xf4\xf5\xf5\xcd\xcf+\xd0\xf9|\xef\xfd\x93e\xd9RXd0\x1a\x96\xadZ\x9c\xf8\xf1\xb2\x1a5\x83\xb2\xb3\xb3\x07\r\x1a4j\xd4\xa8\xa2\xa2"7\x98\x19\xbe\xfd\xc4\xc7\x1e\x7f\xef\xfe\xa7\x9b\xbe\xdd\'\xb6$\xf4\xb1\'\x1e}\xe3\x1f1\x9aF\xcf\x9d\xbdq\xac&lt;f\x02\xc0\r\xf0\x18\x00\xe5\xa7\xb7\x9f&lt;y\xb2|\xbe7\xa2u\x8b\x7f\xee\xdd&lt;\xec\xd5!\xf9y\x05\x8a\xdd\xdd\xf6\xd4\x94dIUTs\xa1e\xc0\xd0~[vn`3\xc3\xabW\xaf\xee\xd2\xb5\xcb\xf1\xe3\xc7]zf\x98\x8d\xfd\xcb\x0b\xf4F\xa3q\xd2\xcc\x18\xc5^\x95{X\xca\xb2\\X`\xee7\xf8\xc5\xc6\xcd\x9e\x11\x04!66\xb6\xa0\xa0@\x14E\xdc\x04\x80\xab\xe3.\x00\xd82\x7fI\x92\x92\x92\x92\xba=\xd7\xad|\xbew\xc3\xf6u\xa1a\xa1\xf9y\xf9\x92$\t\xee\xb8y\x08{\xd7\xb99y\xa1a\xf5&gt;\xff\xfa\x93\x98ic\t!l\x0b9v\x0c\xba\x8b&gt;3\xacU8\xf1\x91R:r\xcc\xb0&amp;-\x9e-\xbe\xe5\xc4\xc7JSU\xd5\xdb\xc7g\xea[\x93)\xa5\xf9\xf9\xf9\xb1\xb1\xb1|n\xb3\x01n\x86\xaf\x00`\xb5\x82\xabW\xaf\x0e\x1c80&amp;&amp;\xa6\xb0\xa0\xb0^\x83\xbal\xbeWS\xb5\x92\xe2\x127\x1b\xf8\xdfN\x96e6\xb3=s\xfe\xb4\xcf\xb6}\\\xafA=\xb6\x85\\\xcf\x9e=\xd9\x16r\xae\x95\x01l\x16\xe7\xda\xb5k\xb3g\xcf\x16E1\xb8V\xcdQ\xe3G^/\xaa\xfa\r,%I*,(\xec\xda\xbd\x13\x96\x84\x82;\xe1(\x00(\xa5\x92$\xed\xdc\xb9\xb3e\xcb\x96\x9b6m"\x84\xfc\xed\x85\x9e_\xed\xd9\x1c\xd9\xab[nV\x1e\xa5T\x94\xb8\xb8\x1alf87+/\xaaW\xb7m{6&gt;\xdf\xb7\x17!d\xc7\x8e\x1d-[\xb6\xdc\xb9s\'{\x8c\xc0\xd9m\xbc_\x94\xd2\xf2\xc7t5M\x9b4k\xe2cO&lt;Z\xc9\xa5\x9fw#\x08\x82\xa6jX\x12\n\xee\x84\x8b.\x8f\xdc\x1c*\xce\x9d;\xb7G\x8f\x1eW\xaf^\r\xae\x15\xfc\xd6\xe2\x99\xab\xd6\xaf\xf0\xf5\xf3-\xc8+\x90\r\xce\xdf\xd6\xcd\xc1d\x83\x9c\x9fW\xe0\xeb\xeb\xfb\xd1\x86\x95\x0b\xdf};\xb8V\xcd\xabW\xaf\xf6\xe8\xd1c\xee\xdc\xb9\xaeR\xdc`\xc5\x9f\xd4\xd4Tv&amp;s\xcb6\x11/\x8d\xe8\x9f\x7f\xdf\xbb~&gt;(Q\x14\x8b\xd8\x92\xd0\xd7n,\t\xdd\xb2e\x8b\xcb\xdd3\x01T\xc4Q\x00\x10B\xd8wU\x10\x84)\xb3\'N\x99\xfa\x86\xc5l\xb1\xd9ln_\xf6\xb9\x1bY\x96\x15\xbb\x92\x9b\x937&amp;\xe6\xb5)\xb3\xdf`\x11\xc8.\x91K\x04\x00\x9b\xfe\x9d&lt;y\xb2\xd5j\x95$i\xc2\xf4q\xb2,W\xeb\x90\\\x92\xa4"K\xd1\xd8)\xaf\xd5\r\xfd\x8b \x08\xb3f\xcd\xb2\xd9l\xb8\x0f\x00\xd7\xc5K\x00\xb0)\xc1a\xc3\x86yxxPJS\x8f\x9f\xb4\x94Y\x08\xf7G\'\n\xa2 \x08BqYQ\xea\xf1\x93\x94R\x0f\x0f\x8fa\xc3\x86\x11W\xb8,l:g\xcb\x96-\x15O|,,0W\xebv\x1d\x82 \xd8\xac\xb6Zuj\xbd\xfe\xc6\xab\x94\xd2\xf3\xe7\xcf\xc7\xc7\xc7c&amp;\x00\\\x97\xde\xbf\xe7U\x85}K\xeb\xd5\xab\xd7\xbcysB\xc8\xfe\xdd\x07r\xb2rM&amp;\x13\xe7c7J\xa9\xc9d\xca\xc9\xca\xdd\xbf\xfb\x00!\xa4y\xf3\xe6\xf5\xea\xd5\xd3\xff\xf1\x87\xec\xb7f\xb3\xd9f\xce\x9aI\x08\xf1\xf5\xbb\xdf\x13\x1f+\x8f\xed\xb11`X\xf4_\xdbF\x10B\xd8\xce\x13\xaeR4\x03\xb8\x85\xae\xbf\xe7U\x8b\xf5k}\xfa\xf4!\x84dg\xe5\x1c?\xfc\x83\x97\xb7\'\xe7\xdf[M\xd3\xbc\xbc=\x8f\x1f\xfe!;+\x87\x10\xd2\xa7O\x1f\x97\x18\xcf\xb23\xbf\xe2\xe3\xe3\xd3\xcf\xa7SJ_\x19\xfb`\'&gt;V\x12\xa5\xd4`\x90c\xa6\x8d\x93$)//o\xc6\x8c\x19x&amp;\x00\\\x14G\x01\xc0z\x87\xde\xbd{\x9bL&amp;B\xc8\xceov\xf16\xf1{G\x82 \xec\xfcf\x17!\xc4d2\xf5\xee\xdd\x9b\xe8\xbe\xfe\xc3\x82&lt;##c\xf1\x92\xc57O||\xf5\xfeO|\xac&lt;I\x92\n\x0b\xcc\x91\x7f\xeb\xca\x16Pm\xd8\xb0!55\xd5%\x82\x13\xe0\x16\xba\xfe\xaaW-\xf6\x15m\xd0\xa0ADD\x04!\xe4\xe8\xc1\xe3\xb9\xd9\xb9\x06\x83\x81\xdb\xb1\x1b\xa5\xd4`0\xe4f\xe7\x1e=x\x9c\x10\x12\x11\x11\xd1\xa0A\x03\x97\xa8\xff\xb0\x13\x1f-f\x0b\xb9q\xe2\xa3\xaf\x83w\xb3\x10E\xb1\xb4\xa4t\xfc\xd41~\xfe~V\xabu\xca\x94)\x98\n\x06W\xa4\xeb\xafz\x95c\xbd[dd$!$;+\xe7L\xda9\x0fO\x0fn\x07n\x9a\xa6yxz\x9cI;\xc7\xea?\x91\x91\x91\xfa\x1f\xc6\xb2\xb9\xdf\x03\x07\x0e\xac_\xbf\x9e\x10\xf2p\'&gt;V\x9e(\x8a\xc5\xc5\xd7\x9b\xb4xv\xe8\xa8\xc1\x84\x90\xe4\xe4\xe4\xad[\xb7bI(\xb8\x1c\xbe\x02\x80\xd5|\xa2"\xa3DQT\x15u\xf7\xb7{\x8c&amp;\xae\xef\x00\x8c&amp;\xc3\xeeo\xf7\xa8\x8a*\x8abTd\x14\xb9y\x89\xf4L\xd3\xb4\xd9\xb1\xb3UU5\x9a\x8c\x0f}\xe2c\xe5\xc9\xb2\\\x98_\xf8\xea\x84W\x9e\xa8\xfb8\xa5t\xda\xb4if\xb3\x99\xdc\x9c\xa0\x06p\t|\x05\x00{\xcc5&lt;"\xbca\xc3\x86\x84\x90}\xbb\x92\x0b\xf3\x0b\r\x06\x83\xb3\xdb\xe5\x1c\x06\x83\xa10\xbfp\xdf\xaedBH\xc3\x86\r\xc3#\xc2\xd9\xc3\xd2\xcen\xd7]\xb1\xe1\xff\xbau\xeb\x0e$\x1f \x84\xf4z\xa1g\xfb.m\x1f\xee\xc4\xc7\xca\x13\x04\xc1f\xb3\xd5\n\t\x9e&lt;k\xa2 \x08\x99\x99\x99\t\t\t\xb8\t\x00\xd7\xc2W\x00\x10BTU5\x1a\x8d\xcf?\xff&lt;!\xe4b\xc6\xa5S)?{yyr\xf8\xa5UU\xd5\xcb\xcb\xf3T\xca\xcf\x173.\x11B\x9e\x7f\xfey\xa3\xd1\xa8\xe7\xebp\xfb\x89\x8fS\xe7L.\xb2\x14;1\xb1dY\xce\xcf+\xe87\xf8E\xb6$4!!!##C\x92$\x9d\x97\xd1\x00\xcaq\x17\x00\xac\xc4\xd1\xb7o_V\xef\xde\xbd\xfd{\x03\x97U J\xa9\xc1d\xd8\xbd\xfd{6/\xd2\xb7o_\xa2\xef\xfa\xcf\xed\'&gt;\x866\xa8[VZ-\xdb\xfe\xdc?A\x10TU\x9b6w\x8a\xc9d*,,\x8c\x8b\x8b\xc3l0\xb8\x10\xee\x02\x80U\x81\x9a7o\xcey\x15\xe8\x96\xfaO\xf3\xe6\xcd\xf5\\\xffa\xbd\x7fzz\xfa;\xf1\xef\x08\x82\xc0N|,,p\xf4\xdc\xef\xedDQ,\xb2\x14\xb5\xef\xd2\xb6\xd7\x8b=\x08!\xeb\xd7\xaf?p\xe0\x00\nA\xe0*\xb8\x0b\x00\x82*\x90\xcb\xd6\x7ff\xce\x9ci\xb3\xda(\xa53\xe7O\xd7\xcf\xafL\x92\xa4"K\xf1\x9boM\x0e\x0c\nTU566V\'\r\x03\xf8S&lt;\x06\x00\xaa@\xaeU\xff)?\xf1q\xcb\x96-\x84\x90\xf6\x9d\xdbv\x7f\xfe9\x8b\xb9H\'\xf7+\x82 \x94\x95\x96\xd5\x0f\xab7l\xf4\xcb\x84\x90\xe4\xe4\xe4/\xbe\xf8\x027\x01\xe0\x12x\x0c\x00T\x81\\\xa8\xfeS\xf1\xc4GQ\x14\x8dF\xe3\xac\x853TU_\xb3\xac\x92$\x15\xe4\x17\x8e\x994\xba^\xfd\xba\xec!5\xb3\xd9\x8c\xc9\x00\xd0?\x1e\x03\x80\xf0]\x05r\xad\xfaO\xc5\x13\x1f5M\x1b9fX\xf3\x88\xa6U~\xe2c%\xb1\x88\xf2\xf1\xf3\x990}\x1c!\xe4\xc2\x85\x0b\xec\x94M\xdd^U\x00FG\xdf"G\xe2\xb9\n\xe4B\xf5\x1f6\xfc/((\xa8x\xe2cq5\x9c\xf8Xy\xb2,\x9b\xf3\xcd\xd1C\xfa\xfe\xb5m\x84 \x08\t\t\t\x99\x99\x99X\x12\n:\xc7i\x00\xf0\\\x05r\xa1\xfa\x0f\x8b\xa8\xd9\xb1\xb3o\x9c\xf88sB\xf5\x9d\xf8X\x05\x04\xa2*\xea\xb4\xb9SdY.,,\x9c&gt;}:\xaa@\xa0s\x9c\x06\x00\xb9C\x15\xe8\xb4\x97\xb7\xfbW\x81TU\xf5\xf2\xf6&lt;\x95rZ\xff\xf5\x9f\xf2\x13\x1fW\xadZE\x08y\xa6\xc9\xd3\xfd\x06\xf7\xd1\xc3\xd2\xcf\xbbaKB\xdbun\xd3\x7fH?B\xc8\x96-[\x92\x93\x931\x1b\x0cz\xc6o\x00\xdcR\x05\xda\xf5\xedn\x99\x83\x9dA)\xa5\xb2\xc1\xb0\xeb\xdb\xdd\xaeR\xff\x99&lt;y\xb2\xaa\xa8\x92$\xfdc\xde4/\x1f/\x9dw\xa6\x92$\x15[\xaeO\x9a\x15\x13\x10\xe8/\x08\xc2\xe4)\x93\xadV+\xee\x03@\xb7\xf8\r\x80[\xaa@?\x1cM)-)\xd1g%\xa4\nI\x92TZR\xf2\xc3\xd1\x14\xa2\xef\xfaO\xc5\x13\x1f)\xa5\xcf\xf7\xf9\xdbs=\xbb\x14\xe6\x17\xea\xb0\xa9\x15\t\x82PVV\xf6\xc8cu\xc6\xbf9\x86R\x9a\x9a\x92\xbaq\xe3F\xfd\xef\xb1\n\xdc\xe27\x00\x08!\x9a\xa6\x19\x8d\xc66m\xda\x10B\xce\xfdz\xe1\xdc/\xe9\x9en\xbd;\xb4\xa6i\x9e\x9e\x1e\xe7~I?\xf7\xeb\x05BH\x9b6m\x8cF\xa3\x0e\xdf\xef-\'&gt;\xfa\xf9\xfb:\xec\xc4\xc7\xca\x93d\xa9\xc8\\4t\xf4\xcb\xa1a\xf5DQ\x9c1cF~~&gt;n\x02@\x9f\\\xe0\x1bU\xddX\x19\xc4ZV\xb6w\xe7~\xf7&gt;\x1e\x80\x1d\x00\xb0w\xe7~kY\x19\xb9\xf9\xc6u\xe8\x96\x13\x1f\x87\x8ez\xb9I\x8bg\x8b\x8b\xaf\xbbD\x00\x08DP\x14\xd5\xcb\xcbs\xe6\xbci\x9a\xa6\xfd\xf1\xc7\x1f\xcb\x96-\xc3M\x00\xe8\x93\x0b|\xa3\xaa\x0f\xebP:v\xec\xf8\xc8#\x8f\x10Bv\x7f\xf7}ii\xa9\xce\x8b\x0c\x95!IRii\xe9\xee\xef\xbe\'\x84&lt;\xf2\xc8#\x1d;v$\xfa;\x00\xf2\xbf\'&gt;.^,\x08\xc2\xe3\x7fy\xec\xd5\t\xaf\x14\xe6\x17\xeav\xee\xf7v\x92$Y\xccE\xdd\x9f\x8fl\xdf\xb9\xad \x08\xf1\xf1\xf1\xe9\xe9\xe9X\x12\n:\xa4\xaf/\xbf\x83\t\x82\xa0\xaa\xaa\xaf\xafoTT\x14!\xe4\x97\x9f\x7f=\x9bv\xce]\xab@\xac\xfes6\xed\xdc/?\xffJ\x08\x89\x8a\x8a\xf2\xf5\xf5UUUo3\xc0\xff=\xf1\xd1b!\x84L\x99\xfdF\xad\x90`\x9b\xcd\xa6\xb7v\xfe)U\xd5f-\x9c!\xcb\xb2\xd5j\x9d5k\x16\xc1Y1\xa0?\\\x07@\xb9~\xfd\xfa\x11BlV\xeb\xde\x9d\xc9\xeeZ\x05\xbaY\xffI\xb6Y\xad\xe4\xe6[\xd6\x9b\xdbO|\xec7\xf8\xc5|\x07\x1e\xf8^UDQ,.\xba\xde4\xfcY\xb6$t\xf3\xe6\xcdX\x12\n:\xc4{\x00\xf0S\x05r\x89\xfa\x0f!DU\xd5\xff9\xf1Q\xd5\\n\xec\xcfH\x92XR\\:ifL@\xa0\xbf(\x8a\x93\xa7LV\x14\x05\xb3\xc1\xa0+\xba\xfb\xfe;\x18\'U \x97\xa8\xff(\x8a"I\xd2\x17_|\xa1\x87\x13\x1f+\xef\xc6\x92\xd0\xc7\x1f\x19\xff\xe6\x18M\xd3RSRW\xadZ\x85\xd9`\xd0\x15\x97\xfcjU\x07\xf7\xae\x02\xe9\xbf\xfeC)\x15E\xd1b\xb1\xc4\xc5\xc5\x89\xa2\x18\x10\xe8\xfc\x13\x1f+O\x92%K\xa1e\xf8kC\x1a7{F\x14\xc5\xd8\xd8\xd8\x82\x82\x02Q\x14q\x13\x00:\x81\x00\xe0\xa2\n\xa4\xff\xfa\x0f[\xfc\xb3x\xc9\xe2\x0b\x17.h\x9a6\xfeM]\x9c\xf8XI\x02\x11TU\xf5\xf4\xf2\x9c\xfa\xd6dM\xd3\xf2\xf3\xf3ccc\x05Ap\xb3\xe1\x05\xb8.\x1du\x01\xce\xe2\xf6U \xfd\xd7\x7f\xd8\xc2\xff\xf4\xf4\xf4\xf8\xf8xQ\x14\xf5s\xe2c\xe5I\x92TX`\xee\xda\xbdS\xcf\xde\xdd\t!l_k\x14\x82@\'\x10\x00\xff\xe5\xaeU \x97\xa8\xff\x10B\xd8\x89\x8f\x9a\xa6\xe9\xea\xc4\xc7\xca\x13\x04AS\xb57f\xc6\x18MFv\xb2\r\xa6\x82A\'\x10\x00\x84\xb8{\x15H\xe7\xf5\x1f\xb6\xf4399Y\x9f\'&gt;V\x9e(\x8aEE\xc5MZ&lt;;\xf2\xf5a\x94\xd2]\xbbv\xed\xda\xb5\x0bKBA\x0f\xf4\xd2\x0b8\xd7\xedU\xa03\xa7\xcf\xbaG\x15\x88\xd5\x7f\xce\x9c&gt;\xab\xcf\xfaO\xf9\x89\x8f\x93\'O\x16EQ\x96e\x1d\x9e\xf8Xy\x92$]/\xba&gt;j\xfc\xc8Z!\xc1\xa2(\xc4L\x88\xc1\x92P\xd0\x03\x04\xc0\xff\x88\x8e\x8e\x16\x04\xc1f\xb5\x1e\xdaw\xc4\xc3\xcbM\x02\xc0\xc3\xcb\xe3\xd0\xbe#6\xabU\x10\x84\xe8\xe8hg\xb7\xe8\x7f\x94\x9f\xf8\x98\x9a\x9a\xaai\xda\x80\xa1\xfd\x9a\x86?[\\\xe4\x1a\xdb\xfe\xdc?\xb6$\xf4\xb1\'\x1e}\xe3\x1f1\x9aF\xcf\x9d=\x87%\xa1\xa0\x07n\xf55\xab\x0c\xd6\xe3\xb4i\xd3&amp;((\x88\x10r\xfc\xe0\t\xbb]\x11\x04\x97\xbf&gt;\x82 \xda\xed\xca\xf1\x83\'\x08!AAAl\xebS\x9dt\xafl\xe9g\xc5\x13\x1f\'\xcf\x9aXR\\*I\xbah^\xd5\x92e\xb9\xb0\xc0\xdco\xf0\x8b\x8d\x9b=#\x08\x02[\x12\x8a\x9b\x00p.7\xfc\xa6=\x1c\xb68/  \xa0u\xeb\xd6\x84\x90\x13GS.g\\\xf6\xf00\xb9\xf4\xf7\x93R\xea\xe1a\xba\x9cq\xf9\xc4\xd1\x14BH\xeb\xd6\xad\x03\x02\x024M/\xcf\xd6\xb2\x96\x94\x9f\xf88a\xfa\xb8\xda\x8f\x84\\\xbf~\x9djTu;\x9a\xaa\xd9l6\x0fO\xcf)\xb3&amp;RJ\xd9\x92P\xdc\x04\x80s\xb9\xfc2\xbb*\xa4i\x9a,\xcb\xd1\xd1\xd1\xdb\xb7o/\xb2\x14\x1d\xdc{x\xf8kCJKK]w1\xa2\xaa\xaa^\xde\x9e\x07\xf7\x1e.\xb2\x14\x91\x9b\x05.UU\xf5p\x07\xc0\x8a?\xe7\xce\x9d[\xb5j\x95 \x08-\xdbD\xbc2v\xb8\xa6jA5\x82\xf4\x11O\xd5BU\xb5\x17\xfa\xf6\xee7\xf8\xdf[\xd7o[\xb5j\xd5\xf0\xe1\xc3[\xb4h\xc1.\x85\xb3\x9b\x06&lt;r\xd5\xae\xad:\xb0e\'\xdd\xbbw\xf7\xf7\xf77\x9b\xcd;\xbf\xdd=d\xd4K.]\x05\x12\x04QU\xd5\x9d\xdf\xee&amp;\x84\xf8\xfb\xfbw\xef\xde\x9d\xdc|\x9bN\xc7\xea?111\x8a]!\x84\xb4\xed\xd4\xfa\xc8\x81c\xe6B\x8b,I.|\xcfuO\x02!\xaa\xa6yy{5\x8fh\xfa\xf5\xe6o\xecv\xfb\xe4\xc9\x93\xf7\xef\xdf\x8f\x9b\x00p\x16\x04\xc0\x7f\xb1*P\xed\xda\xb5;t\xe8\xf0\xed\xb7\xdf\xa6\x1c;y)\xe3r\x9dG\xeb\xb8\xe2^\xc4\xe4f\xfd\xe7R\xc6\xe5\x94c\'\t!\x1d:t\xa8]\xbb\xb6N\x06\x9b\xaa\xaaJ\x92\xb4m\xdb\xb6\xdd\xbbw\x1b\x8c\x06M\xd5\x12\x16&amp;%,Lrv\xbb\x1cG\x92$\xa3\xd1x\xe8\xd0\xa1m\xdb\xb6\xf5\xe9\xd3\x87]\x10g7\n\xb8\xe3\xfc\xbe@W\xd8X\x8c=*\xc5\xaa@^\xde\xae\xfaD\xd2-\xf5\x1f\xf6\xa6\xf40\xd8dc\x7f\xb3\xd9&lt;n\xdc8J\xa9\xddfw\xd1+\\\x19\xaa\xaa\xdal6UU\xc7\x8d\x1bg6\x9b\xb1A\x108\x05\xee\x00\xfe\x87;U\x81\xf4\\\xffawT\xeb\xd6\xadc\x1d\x9f+\xde`U\x1e{\xe3,\x92\xb1\x1c\x08\x9c\x02\x01\xf0?\xdc\xa6\n\xa4\xe7\xfa\x0f\xbb\x92\xfe\xfe\xfe\xdd\xbausv[t\xc4\xb5&gt;`\xe0\x1e\x10\x00\xb7b\xbdd\xbf~\xfd\xbe\xfd\xf6[\xd7]\x0bt\xb7\xfa\x8f\x1e\x02\x80\xa1\x94\xea\xa1\x1e\xa5\x07\xa2(\xa2\xf7\x07\xa7p\xa5N\xcd1\xdc\xa3\n\xa4\xe7\xfa\x0f#\x08\x82\xae\xda\x03\xc0!\x17\xeb\xd7\x1c\xa0b\x15\x88\x10\xc2\xaa@\xae\xf5D\xd8\xdd\xea?\x18f\x02@E\x08\x80;p\xf5\xb5@\xba]\xff\x03\x00\xba\x82\x12\xd0\x1d\xb8z\x15H\xff\xf5\x1f\xd0?M\xa3\x9a\xa6\xb9\xf4\x8d\xa3v\x83\xcb\xdc\xbb;\x1e\x02\xe0\x0en_\x0b\x94y\xe1\xd2\xa3\x8f?b\xb3\xba\xc0Z J\xa9\x87\xa7)\xf3\xc2%\x1d\xae\xff\x01\x17\xe2\xe9\xe5\xe1\xe3\xe5\xa3*\xaa$\xbb\xea\xd0AUT\x1f/\x1fO/\x0fg7D\xbf\x10\x00w\xc6z\xcc\xbe}\xfb\xb2\xb5@?\x9f&lt;\xdd\xa0ahYi\x99\xfe\xc7\xd1\xec\x00\x80\x9fO\x9ef\xf5\x9f\xbe}\xfb\x12\x9d\xad\xff\x01=c\x93\xf3\xa2(\xce\xfb\xc7\xc2\x95\xf1\x1f\xb0s\x0b\x9c\xdd\xa8\x87D)\x95e9?\xbf\xc0`0\xb8\xf4\xadL\xf5A\x00\xdc\x19\xeb.\xdb\xb6mk2\x99\xacV\xeb\xde\x1d\xfb\xfb\x0cz\xc1\xd9\x8d\xbao\x82\xb0w\xc7~B\x88\xc9dj\xdb\xb6-\xd1\xcd\xfe\xcf\xa0\x7fv\xbb\x9dm_\x9av\xea\x17g\xb7\xa5\x8a\xd9\xedvg7Aw\x10\x00w\xc6\xf6\xe9m\xd0\xa0A\x8b\x16-\x8e\x1e=zh\xdf\xe1\xac\xabY&gt;\xbe&gt;:\x1f\x10QJ\x8dFc\xd6\xd5\xacC\xfb\x0e\x13BZ\xb4h\xd1\xa0A\x03\x0c\xff\xe1~\xb0\x0fvppp\x97.]\xd8\x07F\xcf\x1f\xf5\xfb\xc7\xd6\xefi\x9a\x16\x1c\x1cL\xdc\xe5MU\x15\x04\xc0]\xb1\xdd\xa1\xfb\xf4\xe9s\xf4\xe8\xd1\xack\xd9\xc7\x0e\xff\xd0\xeb\x85\xee%\xf9%z\xae\x02\xa9\xaa\xea\xed\xe3\xb5g\xc7\x0fY\xd7\xb2\t!}\xfa\xf4\x11EQQ\x14\x04\x00\xfc)\xf6!i\xd6\xac\xd9\xde\xbd{\x9d\xdd\x96j\x84\xefBE\x08\x80\xbbb\x1f\x94\xde\xbd{\xcf\x9a5\xcbj\xb5\xee\xfev\xcf\xb0\x97\x06K\xb2\xac\xf3\x00\x084\x06\xec\xfev\x0f!\xc4d2\xf5\xee\xdd\x9b\xe0\x13\x0f\x0f\x82R\xeaB\x8f\xbc&lt;\x10A\x100\xfc\xbf\x05\xb6\xa0\xba\x17\xb6v\xbe}\xfb\xf6\xc7\x8e\x1d\x0b\x0c\n|i\xe4\x80\x1b\x9b\x97\x11=~\x8c(\xb9\xb1\xb9\xd8\x17k6\x15\xe4\x17\xb4n\xdd\xfa\xd0\xa1C\x04\x01\x00\x00w\x81;\x80{aU\xa0\x17_|\xf1\xe8\xd1\xa3\xf9y\xf9+\xdey\xdf\xd9-z\x00/\xbe\xf8"\xea?\x00p\x0f\xb8\x03\xb8\x176}\x9a\x9e\x9e\xde\xb1cG\x9b\xcd&amp;I\x12%z\xbf\\\x02\x11TU5\x1a\x8d\x07\x0e\x1c\x08\x0b\x0b\xc3\x0c0\x00\xdc\r\x02\xe0\xbeX,\x16UU]b\xd3v\xd6HI\x92\xfc\xfc\xfc\x9c\xdd\x16\x00\xd05\x17\xe8\xd1\x9c\xceEO,q\xd1f\x03\x80\xc3 \x00\xee\x8b+^%\xf4\xfe\x00po\x08\x00\x00\x00Naz\x1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14\x02\x00\x00\x80S\x08\x00\x00\x00N!\x00\x00\x008\x85\x00\x00\x00\xe0\x94\xec\xec\x06T\x16\xa5\xd4\xd9M\x00\x00N\t\x82\xe0\xec&amp;T\x8a\x80\x0e\x14\x00\x80O\xae}\x07@)\xb5X,\x9a\xa6\t\x02\x92\x0c\x00\x1c\x87\xf59\xbe\xbe\xbe\xb2\xec\xc2\xbd\xa8\xab6\x9dR*\x08\x82\xd9ln\xd9\xb2\xa5\xd9lF\x00\x00\x80#\x89\xa2\xa8i\xda\xb6m\xdb\xda\xb7o\xaf\xaa\xaa$I\xcen\xd1\xc3p\xd5\x00`TU\xbdp\xe1\x82\xb3[\x01\x00\x9c\xba~\xfd\xba\xb3\x9bP)\xae\x1a\x00l\xee\xc5\xdb\xdb{\xf1\xe2\xc5eee\xcen\x0e\x00\xf0\x85U\x1d\x1a5jD\x08\x11EW]N\x89\xca\t\x00\x00\xa7\\\xf5\x0e\xa0\x9c\xa2(\xcen\x02\x00pJ\x92$\x97^\t\x8a;\x00\x00\x00N\xb9j\xe9\n\x00\x00*\t\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x10\x00\x00\x00\x9cB\x00\x00\x00p\n\x01\x00\x00\xc0)\x04\x00\x00\x00\xa7dg7\x80\x0b\x94RM\xd3\xd8\xff\x90\xe5{]sUU\xd9\xff\x10E\x91\x10"\x08\x82\x03\x9a\x07\x00|\x12(\xa5\xcen\x83\x1bb=&gt;\xa5T\x10\x04Q\x14\x1f\xba\x1fWU\xb5\xf2\xff\x08\x00\xc0\x1d!\x00\xaa\x1e\xeb\xb2+\xfe\xa4\xa0\xa0 ###??\xff\xcc\x993c\xc6\x8c1\x1a\x8dw\xfb[\xeb\xd6\xad\xf3\xf4\xf4\x0c\t\ty\xea\xa9\xa7\x82\x82\x82\xd8}\x00\xa3iZ\xc5\xff\x0b\x00PI\x08\x80j\xa1\xaajjj\xea\xd1\xa3GO\x9f&gt;}\xe6\xcc\x99\x8c\x8c\x8c\xec\xecl\xf6\x9f\xce\x9e=\xdb\xa8Q\xa3\xdb{sJ\xa9\xa2(\x8f?\xfexVV\x16!\xa4F\x8d\x1a\x8f&lt;\xf2H\xc3\x86\r\x9b7o\xde\xbau\xeb\xbf\xfe\xf5\xaf\xbe\xbe\xbeNx\'\x00\xe0\xbe\x10\x00UIUUQ\x14?\xfd\xf4\xd3e\xcb\x96\xfd\xfa\xeb\xaf\xe5\x05\xfdr\x81\x81\x81\xd3\xa7O\x9f:u\xaa\xaa\xaa\x92$U\xfc\x8b\x92$\x1d8p\xa0_\xbf~999\xb7\xff\xcb\x7f\xf9\xcb_^|\xf1\xc5\xe5\xcb\x97\xdf~{\x01\x00\xf0p0\t\\\x95X\xef\xec\xe1\xe1\x91\x96\x96\xc6~R\xaf^\xbdF\x8d\x1aEDD\xb4h\xd1\xa2F\x8d\x1aO?\xfd4\x1b\xf8W\xec\xfd\xcb\xffo\xb3f\xcd\xce\x9d;\xc7\x8aE)))\'O\x9e&lt;\x7f\xfe\xfc\xf9\xf3\xe7\xadV\xeb\xe5\xcb\x97-\x16\x0b!DU\xd5{O#\x03\x00\xdc\'t%\x0f\x8cR\xca\x06\xec\xb7\x8f\xc4\xd9O\xea\xd5\xab\xd7\xabW\xaf\xa8\xa8\xa8\xd6\xad[7n\xdc\xd8\xcb\xcb\xeb&gt;\xffe???BHDD\x04!$**\x8a\x10\xa2\xaa\xea\xb9s\xe7RRRv\xef\xde\xcd~~\xb7\xe1\xbf\xa2(wl\x12\x00\xc0\xdd\xa0\x04\xf4`n)\xdd\xdc\x91\xa2(\x15\x07\xe9\x9a\xa6i\x9a\xc6\xba\xe6{/\xeed\xbf\x8b\xf2\x05\xa3\x82 \xdc^&amp;\xba\xe3_,\x9fQ\xb8\x9f\xe6\x01\x000XUr\xbf\xd8$\xad$I\xaa\xaa\xae_\xbf\xbe\xa8\xa8\x88\xdc\xec\xb2o!\xcb\xb2\xa6i\x8a\xa2\xb0E\x9c\xa2(\xca\xb2,I\x12\x1b\xa1\xdfc\x90\xce\xfe+\xfb\x93\xec\xaf\xb0\xe5\xa4\xec\x9f\xbaG\xcf.\x8a\xe2\xda\xb5k\xb3\xb2\xb2\xca\xffJ\x95\xbce\x00po\x08\x80\xfb\xa2\xaa\xaa \x08\xb2,\x7f\xff\xfd\xf7\x1d;v|\xf9\xe5\x97G\x8d\x1ae\xb1X(\xa5w\xcc\x80\xf2N\xbf\x925\x19\xf6\x04\x00\xfb\xa7\xee\xf8\x07X&lt;,[\xb6l\xd8\xb0a\x11\x11\x11\x9f|\xf2\t\xfb+\x8a\xa2T\xe6u\x01\x80\x07\x08\x80?\xc7\x06\xfeyyy\xaf\xbc\xf2Jdd\xe4\x91#G\x08!)))\x19\x19\x19\x82\xe0\xcc\x1a\x1a+\x13\x99\xcd\xe6\xed\xdb\xb7\x13B\xae\\\xb92r\xe4\xc8\xc8\xc8\xc8\x93\'O\xca\xb2\xcc\xee?\x9c\xd56\x00\xd0?\x04\xc0\xbd\xb0r\x8a,\xcb;w\xeel\xd7\xae\xdd\x9a5k(\xa5\xb5k\xd7NLL&lt;{\xf6l\xf3\xe6\xcd\xc9\xcd\xb2\xbeS\xb0\x92Q\x8d\x1a5\xbe\xff\xfe\xfb\xef\xbe\xfb\xee\xd9g\x9f%\x84\xec\xd9\xb3\xa7[\xb7nIII\xec\xfe\x03\xe5 \x00\xb8\x1bL\x02\xdfU\xf9\x8a\xfb\xb9s\xe7\xce\x993\x87\xfdp\xd0\xa0A\xf1\xf1\xf1\x8f&lt;\xf2\x08\xb9\xd3\x13\xbf\xce\xc2Zb\xb3\xd9\x16,X\xb0h\xd1"\xab\xd5J\x08\xe9\xdf\xbf\xff\x07\x1f|\x10\x18\x18\xa8\x9fv\x02\x80\xae \x00\xee\x8c]\x96\x82\x82\x82~\xfd\xfa\xed\xdb\xb7\x8f\x10\x12\x1c\x1c\x9c\x98\x988p\xe0@\xa2\xcb5\x97\xe5\xb3\xc4\xc7\x8f\x1f\x1f;vljj*!$44t\xd3\xa6M\xe1\xe1\xe1l.\xda\xd9m\x04\x00}A\xa7pW\x94R\x93\xc9\xe4\xe1\xe1A\x08\xe9\xd8\xb1\xe3\xe1\xc3\x87\x07\x0e\x1c\xc8\n\xeb\xb2,\xeb\xaa\xf7\'\x84\xb0\xf5?\x8a\xa2\xb4j\xd5j\xdf\xbe}\xa3F\x8d"\x84X\xad\xd6\x9a5k\x12\xec*\n\x0f\x82\xba)g_W=\xc2\x83`w\xc6fw\xbd\xbd\xbd\x97,YR\xb7n]VR\xbfe\x81\xbf\xde\xb0uJ\xaa\xaa\xfa\xfa\xfa~\xf8\xe1\x87aaa\xc1\xc1\xc1u\xeb\xd6\xc5\xc3\x01\xf0@0\\\xe0\x07J@\xf7\xcb\x856\xe3d\xbfS\xf65\xa6\x98\x00\x80\x07\xa1(JQQ\x91s\x97\xb7U9\xf6v|}}\xf5&lt;\x80s\n\\\x8e?\xc7\x9e\xe3u\x95\xde\x9f\xdc\xec\xfaY\xb3\xd1\xfb\xc3}bw\x8aG\x8f\x1e\xfd\xfb\xdf\xff\xce&gt;9\x82(\x10J\x88\xeb~\x82(!\x02\xa1\xda\x8d\x12\xd0\xd7_\x7f\xdd\xa1C\x07\xdc\x10W\x84\x00\xf8s.\xd4\xf5W\xe4\xa2\xcd\x06\xe7\xb2\xdb\xed\x05\x05\x05\xcenE\xb5\xb0\xdb\xed\xcen\x82\xee \x00n\xa0\x94j\x9a\xc6\xc3\xd0\xa0|c"\xdc\x1c\xc0\xed\x84\x9b^\xe8\xdf;4\xacnY\x99U\x14\\u$\xa1Q\xcd\xc3\xc3\x94\x99~\xe9\x9f\x9b\xff\x85Z\xe8\x1d!\x00n\xb8e\xe757V~g\x80\xaf\x04\xdc\x11+\x98\x0c~eP\xcf\xe7\xa2\n\xadfIv\xd5\xef\x85\xaa\xa8\x01&amp;\xff\x7f\xef\xd9\xb5m\xe3?\x9d\xdd\x16\x9d\xe2=\x00\xca\xd7\x87\xf5\xee\xdd\xfb\xd5W_\xed\xde\xbd\xbb\xd1ht\xd7n\x91R\xaa\xaa\xea\xf9\xf3\xe7\xa7N\x9d\xbat\xe9\xd2;\x1eL\x06\xc0\x98\x0b\xcd9\xc59\xe6B\x8b\xeb\x0e\x8cTU\xb5\x07\xd8\xcc\x85fg7D\xbfx\x0f\x00v\xbe\xca\xa4I\x93\xb6o\xdf\xbe}\xfb\xf6\xf7\xdf\x7f\xff\xb5\xd7^s\xcbi"V\xf9\xf9\xf1\xc7\x1f;t\xe8`\xb5Z\xf3\xf3\xf3\x0f\x1e&lt;Hp\x1f\x00w\xc1\xb6\xa4\xbd\xc7F\x84\xfa\xc7\x16F\xbbn\xfb\x1d\x80\xeb\xd1\x1f\xeb\xfd\xb7n\xdd\xba|\xf9rBHTT\xd4\xf0\xe1\xc3\xddu&amp;@\x14EM\xd3Z\xb6l9m\xda4B\xc8\xd1\xa3G\xa7L\x99"I\x126\x0b\x02\xe0\x16\xbf\x01\xc0F\xc4\xd7\xae]\x1b;v,!\xa4v\xed\xdak\xd7\xaee\xcf\xfd\xba+\xd6\xdd\xcf\x9d;722\x92\x10\x92\x90\x90\xb0{\xf7nv\xc2\x81\xb3\x9b\x06\x00N\xc0o\t\x88R*I\xd2\xf0\xe1\xc3\xb3\xb3\xb3\x05AX\xbbvmHH\x88[\x16\x7fnA)]\xb7n]\x93&amp;Mrrr\x86\x0e\x1dz\xe6\xcc\x19\x7f\x7f\x7f\xc7\x17\x82(\x0e\xae\xb9I\x14ET\xe1\xc0)8\r\x00\xd6\xd1o\xdd\xbau\xe7\xce\x9d\x84\x901c\xc6DFF\xea|\xa7\x87*!\x8a\xa2\xaa\xaa!!!+V\xac\xe8\xdf\xbf\xff\xb5k\xd7bcc\x93\x92\x92\x1c\x9f|\xfc,\xbb\x02\xd0-7\xef\xef\xee\x88R*\x8abqq\xf1\xf4\xe9\xd3\t!\xf5\xeb\xd7_\xb8p!\x0fc\x7f\x86mj\x14\x1d\x1d\x1d\x1d\x1d\xbde\xcb\x96\x0f?\xfc\xf0\xff\xfe\xef\xff\x9a6m\xea\xb0\x15A\xf4\xe696)))\xa2(r;\x0b\xcd\xde\xb8\xa6i\x11\x11\x11N\xb9\t\x03\xe01\x00\xd8\xdcolllFF\x86$I\x8b\x16-\xf2\xf5\xf5e\x87&gt;:\xbbi\x0e\xc2\xba\xddE\x8b\x16\xed\xd9\xb3\xa7\xb0\xb0p\xc4\x88\x11\xc7\x8f\x1fwd\xfe\xb1\xa5\xb7C\x86\x0c\xf9\xe3\x8f?\x1c\xf6\xa2\xfaT\xa7N\x9d_\x7f\xfd\xd5\x9d6\xde\x01\x17\xc2\xe3$0\xeb\xfeZ\xb5j\xe5\xe9\xe9\xd9\xbau\xeb~\xfd\xfa\xf13\xfcgX!(444&amp;&amp;\x86R\xfa\xf7\xbf\xff\x9d8\xf0\xc1`6\xec\xf5\xf7\xf7_\xb1b\x85 \x08\x06\xa3\x81\xab\x8b\xcfH\x92d4\x1a%IZ\xb1b\x85\xbf\xbf\x7f\xf9\xe3\xd9\x00\x8e\xc4\xe3\x1d\x00[\x109`\xc0\x80Z\xb5j\xb1m\x029\xfc\xee\xb1\xf3\x03F\x8e\x1cY\xbf~\xfd!C\x868\xf8"\xb0\xa5G}\xfa\xf4\x89\x8c\x8c\xdc\xb5k\x17!d\xe2\x8c\xf1\x1d\xba\xb63\x17ZdIr\xd7\xc1\xb0@\x88\xaai^\xde^\x17\xce^\x983u\x9e\xcdf\xeb\xd4\xa9S\x9f&gt;}x\x1b\x7f\x80~\xf0\x18\x00\xe4\xe6\x10\xb8K\x97.\xec\xffr\x18\x00\xec-?\xf1\xc4\x13C\x86\x0cqJ\x07\xc4\xa2711\xb1\xf1\xb3\x8dUE=\x92|l\xda\x9c\xc9\x9a\xaaQB\xdc\xf8\xb7\xa1\xaa\x9a\x9f\xb7\xef\x96\xcf\xbf\xb4\xdb\xed\x06\x83a\xe9\xd2\xa5|\x8e?@\'8\r\x00rsQ&lt;\xe1{\xd7L\'n\x81\xc72\xb8Q\xa3F\xa3G\x8f~o\xc5{\'\x8e\xfc\xf0\xf1{\x9f\x8e\x1c3,/\'\xcf \x1b(q\xb7\xdb\x00\x81\x08\x8a\xaa\x04\x04\x06\xfc\xf3\xcb\x7fm]\xbf\x8d\x102z\xf4\xe8\xf0\xf0p\x0c\xff\xc1\x89\xf8\r\x00\xc2w\xd7\xcf8w-&amp;\x9b\x8cy;\xee\xed/\xd6\x7fa6\x9b\xdf]\xb4\xe2o/\x</t>
        </is>
      </c>
    </row>
    <row r="495">
      <c r="A495" s="1" t="n">
        <v>493</v>
      </c>
      <c r="B495" t="inlineStr">
        <is>
          <t>triangle</t>
        </is>
      </c>
      <c r="C495" t="inlineStr">
        <is>
          <t>What is the missing number of the part denoted with a question mark?</t>
        </is>
      </c>
      <c r="D495" t="inlineStr">
        <is>
          <t>['2', '6', '9', '7']</t>
        </is>
      </c>
      <c r="E495" t="inlineStr">
        <is>
          <t>9</t>
        </is>
      </c>
      <c r="F495" t="inlineStr">
        <is>
          <t>There are three groups of numbers with a triangle arrangement in the image. The first group is [2, 5, 10], the second group is ['?', 7, 63], and the third group is [4, 8, 32].</t>
        </is>
      </c>
      <c r="G495" t="inlineStr">
        <is>
          <t>We observe that the number 10 is the product of 5 and 2. Similarly, the number 32 is the product of 8 and 4. Hence, the pattern is that the rightmost number in each group is the product of the other two numbers.</t>
        </is>
      </c>
      <c r="H495" t="inlineStr">
        <is>
          <t>Based on the pattern that the rightmost number in each group is the product of the other two numbers, the missing number of the group ['?', 7, 63] should be 9.</t>
        </is>
      </c>
      <c r="I495" t="inlineStr">
        <is>
          <t>b'\x89PNG\r\n\x1a\n\x00\x00\x00\rIHDR\x00\x00\x02\x00\x00\x00\x02\x00\x08\x02\x00\x00\x00{\x1aC\xad\x00\x00\xbd\xc9IDATx\x9c\xec\x9dwxTE\xf7\xc7\xcf\xdc\xb6%ew\xd3\xe8%\x94@ \xa1\x84^B\x07\x81\x17\x05\xa5\x83(\x1d\x04\x0b\xa0\x14\x15i\x82\x14Ex\x05, MA\x10i\n\n\xa1\xb7\xd0CK\xe8\xa1\x85\x9a\xbe\xbd\xdd2\xbf?\x06\xf6\x97\x97f\x1aaC\xe6\xf3\xf8\xf8\x90\xbbw\xef\xce\x96{\xbeg\xce\x9c9\x07a\x8c\x81B\xa1P(E\x0f\xe6e\x0f\x80B\xa1P(/\x07*\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00\x14\n\x85RD\xa1\x02@\xa1P(E\x14\xeee\x0f\x80\xf2\xc2\xc1\x18\x93\xff\x93\x7fx@\x8fxI\xe3\xa2P(/\x19\xf4\x98Q\xa0\xbc\x1a`\x8c\x15E\xc1\x18#\x84X\x96\xcd\xe6\x99\x0c\xc3P=\xa0P\x8a\x0eT\x00^)0\xc6\xb2,3\x0c\xc30\xff\x1f\xdc\x93e\xd9b\xb1&lt;x\xf0\xe0\xfe\xfd\xfb\x00\x08\xe0\xe17^\xa9R%???\xbd^\x9f\xf5\n\xb2,\x03\x00U\x02\n\xa5(@\x05\xe0\x15AQ\x14EQ8\xeeaL/##\xe3\xcc\x993\x07\x0f\x1e&lt;z\xf4\xe8\x9d;w\x1e$\'\x9b\xcdf\xb7\xcb\x95\xf5)~\xfe\xfej\x95\xaab\xc5\x8a\xa5K\x97n\xda\xb4i\xe3\xc6\x8d\xabW\xaf\xae\xd5j\xc9\xa3\x92$\xb1,Ke\x80By\x85\xa1\x02P\xe8!1\x1c\x12\xe7\xb1X,\x9b7o\xde\xb0q\xe3\x91\xc3GRR\x92sz\xa9\xd0\xd0\xd0\x96-[\xf6\xea\xd5\xabU\xabV\xe4\x82d&gt;Ae\x80By%\xa1\x02P\x88\xc9j\xfa\x13\x12\x12V\xae\\\xb9\xee\x8f?\x92n\xdd\xf2\x9c\xe0\xe7\xef_\xa1rx\xb1\x92\xa5*U\xa9\xee\xe3\xe3[%\xa2\xa6"Kd\xf5W\x12\xc5\x0b\xf1\xa7\x9c\x0e\xc7\xe5\xf3g\x1f\xdc\xbb{\xeb\xfaUW\x96\xf9A\xadZ\xb5\xfa\xf6\xed\xdb\xaf_\xbfb\xc5\x8a\x01\x80,\xcb\xcf_H\xa0P(\x85\x11*\x00\x85\x15EQH\xa0\xff\xee\xdd\xbb\x93&amp;MZ\xb3f\x8d\xc3\xe1 \x0f\x95,]\xb6at\xab\xe6m\xdbW\x8d\xa8]\xaaLy\x95Z\xe08P0\xc8\xd2\xff\\\x81\xe3\x010H\x12\xd8\xac\x96\xa4\x1b\x89\xf1\xa7\xe3\xf6\xc6l9y\xe4\xa0\xc9\x98IN(^\xbc\xc4\xc8\x91#\xc6\x8d\x1b\'\x08\x82\xa2(4e\x88By\xc5\xa0\x02P(\x91$\x89\xe38Q\x14\x7f\xfc\xf1\xc7\xaf\xbe\xfa\xea\xc1\x83\x07\x00 \x08B\xbd&amp;\xcd{\xf7\x1f^\xa7a\xd3\x90\xe2!\x8a\x02.\x97\xdb\xedr=L\xf2\x01\xc8j\xbe1\x80\xe7 \xc3r*\x95J\xa5\xe6$\t\xee\xdc\xbavh\xcf\x8e\xb5+~\xba\x98p\x96\x9c\x19\x19\x199{\xf6\xec\x0e\x1d:\x00\x9d\nP(\xaf\x16T\x00\n\x1f\xc4\xfa_\xbdzu\xc0\x80\x01\xb1\xb1\xb1\xe4`\xc77{\x0e\xfdh\\\x95j58\x9e\xb3\xdb\xec\xa2\xe8\x06\xc8~Z\'V\x14\x8c\xb1\x82\x00\tj\xb5V\xab\xb2X\xecqG\x0e|7k\xca\xd9\xb8c\xe4\x8c\xc1\x83\x07\x7f\xfb\xed\xb7~~~\xe4\xd5_\xd8\x9b\xa3P(\x05\x07\x15\x80\xc2\x04\xd9\xcc\xc50\xcc\xbau\xebF\x8e\x1c\x99\x96\x96\x06\x005\xa2\xea\x7f\xf4\xe9\xd4&amp;-_\xc3\x18\xdbmVrB\xaec5\x18cE\x91\x19\x86\xf5\xf3\xf7\xb3Y\xad[\xd6\xafY0{J\xca\x83{\x00\x10\x15\x15\xf5\xf3\xcf?\xd7\xae]\x9bj\x00\x85\xf2j@\x05\xa0\xd0\xe0\xb1\xfeS\xa7N\x9d2e\n9\xf8\xde\x98\xcf\x87\x8f\xf9\\\xeb\xa31\x19Md\'W~\xbd\x1c\x89\xf6\xe8\xf4\xbe\xb7o\xde\x9a\xf1\xf9\x98\x1d[6\x02@@@\xc0\x0f?\xfc\xd0\xa3G\x0f\xaa\x01\x14\xca+\x00\x15\x80\xc2\x81\'\xe1g\xe8\xd0\xa1K\x96,\x01\x80\xe0b\xc5\xa7\xcf[\xd2\xee\xf5N\xc6L\xeb\x8b\x0b\xcdK\x92\xa8\xd1\xf8\x08\x02\xff\xf3\x82o\xe6}5Qt\xbb\x01`\xf1\xe2\xc5C\x86\x0c\xa1\x1a@\xa1\x14v\xa8\x00\x14\x02\xc8\xfe^\x8e\xe3&lt;\xd6\xbfZ\x8d\xa8\x1fVo*Y\xba\xac1\xd3\xf8\xa2\xb7k)\x8a\x02\x00\x01\x81\xfe\x87\xf6\xee\x1b\xf9\xce[fc&amp;P\r\xa0P^\t\xa8\x00\x14\x02\x88\x9d\x1d&gt;|\xf8O?\xfd\x04\x00\xd5jD-[\xbfM\xa7\x0f\xb0Z-\x1c\xc7\x17\xcc\x18DQ\x0c\n6\x1c\x8f\x8d\x1d\xda\xab\x93\xd9d\x04\x80\x15+V\xbc\xfb\xee\xbbT\x03(\x94\xc2\x0b\x15\x00o\x87X\xd8\xc5\x8b\x17\x0f\x1b6\x0c\x1eY\x7f?\x9d\xdea\xb3\xb3\x05ky%Q4\x04\x19N\x1e~\xa8\x01&gt;&gt;&gt;\xfb\xf6\xed\xab[\xb7\xaegG\x02\x85B)\\P\x01\xf0j\x88m=v\xecX\xe3\xc6\x8d\x15E\xa9\\\xb5\xfa\xaf\x7f\xed\xf1\xd3\xe9\x1dv\xc7K\xc9\xc7\x97D1 \xc8p&lt;6vP\xf7\xd7\xec6[hh\x85\xb8\xb8\x93\xa4\x9c\x1c\xdd#F\xa1\x14:\xa8\xe3\xe6\xbd\x10mNOO\xef\xd3\xa7\x0f\xc6X\xab\xf5\x99\xb5hE@P\x90\xddf\x7fY\xbb\xb18\x9eOO\xcbl\xd4\xbc\xc9\xb8)_\x03\xc0\x8d\x1b\xd7\x87\x0e\x1dJ\x16\xa8_\xcax(\x14J^\xa0\x02\xe0\xbd\x10\xf7\xff\xe3\x8f?\xbe~\xfd:\xc6x\xec\xd4\xaf\xa3\xea\xd75f\x9a^n\xcc\x9d\xe7\xf9\xb4dc\xbf\xa1\xef\xbd\xd1\xfdm\x00X\xbf~\xfd\xaf\xbf\xfe\xca\xb2,\xa9#M\xa1P\n\x114\x04\xe4\xa5\x90\xcc\xce\x83\x07\x0f\xb6l\xd9R\x96\xe5v\x9d\xde\xfa\xf1\xb7\r\x19i\xc6\x02\x8e\xfb?\x15\x8c1\xcb\xb2\xa2\xdb\xfdV\xab:w\x92n\x86\x84\x84\\\xb8pA\xa7\xd3\xd1bA\x14J\xe1\x82\xce\x00\xbc\x11\xd2\x9f\xcb\xe5r\x8d\x1e=Z\x96e}@\xe0g3\xe6\xd9lN\xe4\x1dk\xad\x08!\xd1\xed\xd6\x19\xf4\x13\xa6\xcfS\x14\xe5\xc1\x83\x07\x93&amp;Mb\x18\x86\x06\x82(\x94\xc2\x85W\x18\x14\xcac\x90\xe0\xcf\xda\xb5k\xe3\xe2\xe2\x00\xa0\xef\xa0\x91\xe5*\x94u:\x9cyI\xb6\xc1\x8a"gAQ\x14\xc8\xc3\xe4\x8f\xe58\xb3\xd1\xdc\xbaC\xa7F\xcdZ\x03\xc0O?\xfdt\xe9\xd2%\xaa\x01\x14J\xe1\x82\x86\x80\xbc\x11\xb2\xf3\xabf\xcd\x9a\x97.]\n\xad\\e\xfd\xce\xe3\x80\x00\x14\x0c9\x0f\xb0xj\xfb\xa8\xd4jA\xe0\xc9\x050\x06I\x92]N\xa7$\x89\x0c\x93\xcb}d\x8a\xa2h\xb5\xda\xcb\x17\x12zwl\xea\xb0\xdb\x06\x0f\x1e\xbcd\xc9\x12Z.\x94B)D\xbc\xfc\x802\xe51&lt;\xd1\xffK\x97.)\x8a\xd2\xb9{?\xbd\xc17-\xd5\x98\x8b\xb5_Y\x96\x05A\xf0\xf1\xf5\xb3\xdb\x9c7\xae^\xbeu\xe3Zfz\xaa\xa2\xc8\xfe:C\xe9r\xa1\xa1\x95\xaa\x18\x02\xf4\x16\xb3\x8d\xb4\xfd\xca\xe9\xc5\x19\x86\xb1\xd9l\x11\xb5j\xd5k\x1c}`\xd7\xf6\xbf\xfe\xfak\xe6\xcc\x99\x81\x81\x81$~\x95\xd3\xabQ(\x94\x82\x87\n\x80\x97\xf2\xf3\xcf?+\x8a\x12\x18\x1c\xf2z\xb7\xbeV\x8b3\x17n\xb5\xa2(z\x83.\xe5A\xca\xea\xa5\xdfo\xdb\xbc\xee\xd2\xf9sn\x97\xd3\xf3(\xc30\xe5+\x86u\xee\xd9\xef\xedA#\xd5Z\xad\xd3\xe1\xc8\x85\x06 \x00EV\xfa\x0c\x1cyh\xcf\xce\x94\x94\x94M\x9b6\xd1\xfa\x10\x14J!\x82\x86\x80\xbc\x0b\xe2&gt;\xdf\xbf\x7f\xbfj\xd5\xaaf\xb3\xb9s\x8f~\xf3~\xfe%=-\xc7\xee?B\xc8\xc7\xd7g\xf3\xda_\xe7\xcf\x9ct7\xe9\xe6SO _}D\xad:\xff]\xb6\xaex\xa9\xd2\xb9]c@\x0cBo\xb6\x8a\xba\x91x\xa5A\x83\x06\xa4?\x01\xdd\x18L\xa1\x14\n\xe8\x8d\xea]\x90l\xfa\x1d;v\x98\xcdf\x00h\xdd\xe1\rY\xceqD\x05c\xcc\xb2\xcc\xf8\x91\x03\xc6\xbe\xf7\xce\xdd\xa4\x9b\xe4\xe9&lt;/T\x8d\xa8\x19\xdd\xba}\xb36\x1d*U\xa9F\xac?/\x08\tg\xe2F\xbe\xf3\x96\xd3\xe1`Y6\x17\xde\x80$\x89~:mt\xeb\x0e\x18\xe33g\xce$&amp;&amp;\xd2\xa5`\n\xa5\xb0@\x05\xc0\xbb \xc6z\xff\xfe\xfd\x00P\xbcd\xe9\xba\x8d\x9a9\xec9v\xcc1\xc6\x1c\xcf\xfb\xf9\xe9\xc9\x9fZ\x1f\xdfa\xa3&amp;l\xda\x17\xf7{\xcc\x91\x9f\xd7m[\xf2\xfb?\x1bv\x9f\xf8i\xcd\x96\x12\xa5\xca\x88n\xb7 \xa8.%\x9c\xfdm\xe9\x0f~\xfe&gt;\x8a\x92\xe3\xcd\\\x0cB\xa2\xa8\xb4n\xff\x06\xcb\xb2N\xa7\xf3\xf0\xe1#\xf0\xa8\x80(\x85B\xf1r\xa8\x00x\x17\x0c\xc3\x88\xa2x\xec\xd81\x00\xa8^\xb3Np\xb1\x10\xb7\xdb\x9d\xd3\x19\x00B\xc8\xe9tN\x9a3\xafU\xfb7\xa2\x1a4\xd9\xb0\xfb\xf8\xf8/g\x86V\xaa\xa2\xc8\xb2\xd5b\xb2\x9aM\x92$\xb5\xef\xdc\xe9\xdb%\xbf\t*\x95,K\x08\xa1\x7f6\xffn\xb7\xe5f\xa5\x011\x8c\xd3\xe1\xacR\xbdFH\x89\x92\x00p\xe0\xc0\x01\xa0u\x81(\x94B\x02\x15\x00/BQ\x14\x84Pbb\xe2\xb5k\xd7\x01\xa0n\xa3h\x96\x85\\d\xeb#\x84\xb0\x82mV\xfb\xacE\xcb\x7f^\xb7\xad|\xc5\xb0\xf4T\xa3\xcb\xe1\x00\x00\x86a\x19\x96e\x18&amp;\xf9~f\xddFM\xeb6l*\xcb2\xc6\xf8\xf6\xcd\xeb\xa9\xc9\x0f8^\xc8i\x14\x08!$\x8a\xa2!00\xb2V=\x008z\xf4\x88\xd3\x99\xa7\xfd\n\x14\n\xa5\xc0\xa07\xaa\x17A\x8c\xef\xcd\x9b7].\'\x00T\x0c\x0b\x97\xa4\\z\xd3\x08!I\x92\x05A\x85\x10\xb2Y\xad\x1c\xc7=\xb6\x8b\x98a\x10B\xb8\\\xc50\x00`\x18\xc6\xedr\xd9mV\x86ar\xa17\x18c\x9e\x87\n\x95\xab\x02\xc0\xfd\xfb\x0f\xccf\xb3g\x85\x99B\xa1x3T\x00\xbc\x08b4\xcf\x9c9\x0b\x00\xfe:]\x99\xf2\x15\xc4\x9c\xc7\x7f&lt; \x84\x14E!m\x84\x9fu\x8a$\x8a\xe4uY\x8eS\xa9\xd58W{\xcd\x18\x84$\t*\x87G\x00\x80\xd9l\xba|\xf92\xd0e\x00\n\xa50@\xf3\xb5\xbd\x0e\x9b\xcd\x06\x00,\xcb\xf9\xfa\xfa)\x8a\x92\x0b\x8b\xec\xe19\xe2\x81\x10#\x8aJ\xd2\x8dD\x00\xc0\x18\x07\x85\x147\x04\x06K\x92\x98\xbb\x17\xc3\x18\xfcuz\x00P\x14\xc5\xe1p\xe4n\xb4\x14\n\xa5\x80\xa13\x00/\x82\xb8\xeaqq\'\x01\xa0L\xf9\n:C\xa0$I/bA\x15cE\xa5R\xdd\xbey-\xfe\xf4I\xf2\xa2\xb5\xeb5\xd2\x07\xe8$I\xcc\x85\xde\x90\xdap\xa5\xcb\x86\xfa\xf9\xeb\x00\xe0\xc4\x89\x93\xf0h6C\xa1P\xbc\x19*\x00^\x87(\x8a\x00\xe0\xeb\xe7\xafR\xab_P E\x96d\x1f?\xd5\xaa%\x0b\xed6+\xc3\xb2\x00\xf0f\xefweI\xc9\xa5\xd8 \xa4(\x8a\x9f\xbf\xbf \x08\xf0h\xfc\x14\n\xc5\xfb\xa1\x02\xe0u\x10+\xac\xc8\xf2\x0br\xa2%I\xd2\x05\x18b\xf7\x1eX\xb3\xfcG\x8e\xe3%Ql\xdd\xe1\x8d&amp;-Z[\xcdV\x86\xc9}\x1d7\xcf\x80i\x0e(\x85RX\xa0k\x00^\x071\xa0/(\x80\xa2\xc8\xb2V\xabM\xbew\xf7\xd3\xf7\xfbK\x92\x88\x10\xd2\x19\x02&amp;|9\xd7\xedvC\xde\xec\xb6g\xc0T\x00(\x94\xc2\x02\x9d\x01x\x1d\x92$\x01\x00\xc7q\x0c\x93\xcf\x96TQ\x14^\x10\\.\xe7\xfb\xefv\xbb}\xeb\x06\xcb\xf1\x8a\xa2L\x9f\xbf\xa4|\xc5J\xb9+\x06\xe7\x01c\xccq\x1cB\x0c&lt;\x1a?\x85B\xf1~\xa8\x00x\x11$\x84\x12\x18\x18\x08\x00\xc9\xf7\xef\x99M\xa6\xdc\xd5\xe7y*\x8a\xa2p\x1c\x87\x10|\xd8\xbf\xfb\xd9\x93G\x05\x95J\x12\xdd\x9f\xcd\x98\xf7\x9f7\xdf2e\x1aY6\xf7sA\x8c1\xcf\xf3\x0f\xee\xdf\xb5\xdb\xad\x9e\xf1S(\x14\xef\x87\n\x80\x17Al}\xf5\xea\x11\x00\x90\x96\xf2\xc0a\xb3\xe6Ws\x15b\xfd9\x8e\x1b5\xb8\xf7\xa1\xbd;\x04\x95\xca\xedr\xbd?n\xca\xa0\x0fFe\xa4\x9b\xf2\xdag\x18c\x96\xe3\xd2\xd3R\x1dv;\x00\xd4\xa8\x11\t4\x10D\xa1\x14\x06\xa8\x00x\x1d\x06\x83\x1e\x00\xdc.WZj2\xcbqyi\xdcHP\x14\x85eY\x9e\xe7F\x0f\xe9\xb3\xfb\x9f?\x89\xf5\x1f&gt;\xe6\xf3\xd1\x9fO6f\x98\xd8&lt;\x97m\xc0\x00\x0c\x03\xc9wo\x03\x80 \x08\xbe\xbe\xbe@\x05\x80B)\x0cP\x01\xf0"\x88\xd1\xacY\xb3&amp;\x00\xd8\xed\xb6\xbb\xb7\x93x\x9e\xcbc\x08\x88X\x7fA%\x8c\x19\xdao\xc7\x96\r\xc4\xfa\x8f\x1c;i\xec\xe4\xe9\xc6L3BL^6\x9a\x110\xc6,\x0b7\xaf]\x01\x00??\xff\xca\x95+\x03\x15\x00\n\xa50@\x05\xc0\x8b F344\xd4\xcf\xcf\x1f\x00.\x9c\x8dcYP\xf2 \x00XQX\x96Q\xa9Uc\x87\xbf\xb3\xfd\xcfu\xc4\xfa\x7f8a\xea\xc7_L5f\x9a\x11B\xf9b\xa6\x19\x86q:\xe5\x0b\xf1g\x00\xa0B\x85P\x1f\x1f\x1f\xda\x15\x92B)\x14P\x01\xf0"\x18\x86\xc1\x18\x97)S&amp;&lt;&lt;\x1c\x00N\x1d\x8fu\xbb\x9fS\xc9\xe7_\xc0\x8a\x82XF\xad\xd6\x8c{\xaf\xff\xdf\x1b\xd7\x12\xeb?\xfa\xf3\xe9\xa3&gt;\x9b\x94\x99a\xca/\xeb\x8f1\x16\x04!-\xf9\xc1\xe5\xf3\xe7\x00\xa0i\xd3\xa6&lt;\xcf\x93\xb66\x14\n\xc5\xcb\xa1\x02\xe0]\x90\xfe\xec\x8d\x1a5\x02\x80\x8b\xf1g\xee\xdc\xba\xa1R\xa9s\x11\x05\xc2\x18#\x86\xd1h\xb4\xe3G\x0e\xd8\xb2~5\xc7qn\x97k\xf4\xe73F\x8e\xfd&lt;-5\x03c\xc0\x18+O\x90\x8b\x01+\x8a\xa2\xd6\xa8\xce\x9c&lt;\x9a\x99\x91\x06\x00\xd1\xd1\xcd\x80\xc6\x7f(\x94B\x02\x15\x00\xef\x82\x98\xce6mZ\x03\x80\xc9\x98\x19\xbbo\xa7F+(9t\xa81\xc6,\xcbj}\xb4\x9f\xbe?\xe8\xcfu\xbf\xf2\x82\xc0\xb0\xec\xe4\xaf\x17\x8d\x9f\xf6\x99\xcb%\xf9\xeb\x0c\xbe~\xfe&gt;\xbe~O\xfe\x97\xcb\xd2\xd3\x0c\xda\xf5\xf7f\x8c\xb1N\xa7k\xd0\xa0&gt;\xbc\xd4\x9e\xc0\xf8\t^\xd6H(\x14\xef\x87\xee\x04\xf6.\x88\xe9l\xde\xbcy\xa9R\xa5\xef\xdd\xbb\xbbg\xfb\x9f}\x07\r\xcbU\x816\xf8\xec\xc3!\x9b\xd6\xae\x10\x04\x95\xdb\xed\xea\xd4\xb5w\x9d\x86M\xb6\xff\xb5\xfb\x19y\xa5\x08\x003\x0cS\xb9j\x84\xa0Re\xdfh\x92\xf8OzJ\xfa\x91C{\x10B\xcd\x9a5+Y\xb2\xa4\xa2(\x05)\x00\xa4\xe45Yu@\x08=\xf9\xd2\x9e\x13\x00\x80a\x98\xfc\x8a}Q(\xaf\x00T\x00\xbc\x0b\x84\x90$I~~~\xbdz\xf5\x9c;w\xee\xf1\xd8\x03\xe7\xe2\xe2\xaaF\xd4pd{\xa7\xae,\xcb\xfe:\xdd\xaem\x7fnX\xbd\x8c\xe3yQt#\x84b\xfe\xda\xb0u\xc3\x9a\xe7?\x91\xe3\xb9\xbf\x0e\x9c+\x17Z\xc9\xe5r\x90=\xbd\xff\x8a"\xcbZ\x9d\xdf\xa6\xb5+S\xee\xdf\x03\x80\xa1C\x87BA\xd5\x01%\x8d\xccX\x96}\xeccq8\x1cN\xa7\xf3a9\r\x8c\x19\x86\xd1\xe9tO&gt;\x17\x1e\x89A\x01\x0c\x95B\xf1Z\xa8\x00x\x1d\xc4\xa2\r\x180\xe0\xbb\xef\x168\xec\xb6\xcd\xbf\xff2\xad\xe1\x7fmV[\xf6\xddj\x84\xc0\xedr\x01\x80\xf4\xa80\xa7(\xba\xb3\xf3\xbc\x9c\x0e\x151\x8c$)\xebW-E\x08U\xacX\xb1u\xeb\xd6\xcf\xed?\x93\x0f\x90\xa5\x0b\x86a&lt;S\x99\xdb\xb7o\x9f&lt;y2&gt;&gt;\xfe\xdc\xb9s&amp;\x93\xe9\xda\xb5k\x16\x8b\x15!\xc0\x00\x80\x81\xe5\xd8j\xe1\xe1j\xb5\xban\xdd\xba\x15*Tl\xd0\xa0~\xe5\xca\x95\xb9G\x1b\xdfdY~\xea\xa4\x81B)"P\x01\xf0:\x18\x86Q\x14\xa5z\xf5\xea\xd1\xd1M\xf7\xee\xdd\xfb\xf7\xa6\xdf\xfb\xbf7:\xb8XqQ\x14\xb3\xe9\xb1b\x8c\x05\x95\xcaO\xa7g\x10\xab`\x19\xfe\xcd\xb4\x93\x0e\x8e\x82J\x9d#S(\xcb\xb2\xbf\xce\x7f\xd7\xdf\x7f]8w\x1ac\xdc\xaf_?\x8dF#I\x12\x97\xc7}\xc5\xcf\x80\x98~\x96e\x89\xe9?|\xf8\xf0\xa6M\x9b\x0e\x1d:t\xe1\xc2\x05\xb3\xd9\xfc\x9c\'&amp;?x\x00\x00\xdb\xb6m\x03\x00\x95JU\xb9rX\xbdzu;w\xee\xdc\xbe}{\x95J\x05T\x06(E\x18\xda\xbb\xd5\x1b\x91e\x99e\xd9}\xfb\xf6\xb5l\xd9\x12\x00\xde\xe8\xde\xf7\xbf\xcbV\xa5\xa5\x1a\xb3i[\x11B\xa2\xe8v\xd8l9{U\x84||\xfdrd\x07\x19\x86\xe9\xd2\xa2\xf6\x8d\xc4+AAA\t\t\t\xc1\xc1\xc1/(\xc2N&gt;\x10\x00HNN\xfe\xeb\xaf\xbfV\xfe\xf2K\xec\xa1CYO\xd0\x1b\x02B\x8a\x97\x0c.V&lt;(\xa4D\xd9\xf2\xa1\xa2(\x01\x00\xcbq\xc6\xcc\xf4\x1bW/[-\xe6;I72\xd2R\xb3&gt;\xa5Z\xf5\xea=\xbaw\xef\xd9\xb3g\xd5\xaaU\x01@\x92$\x96eiP\x88R\xa4\xa0\x02\xe0\xa5\x10\x93\xd7\xa3G\x8f?\xfe\xf8CP\xa9Vn\xda\x13U\xbf\x81\xc5\x92\xdd\xea@\x08!\x96eqN\xc2:\x18@\xcev!OI\x14\x03C\x0c?\xcd\x9b;{\xd2\'\x08\xa1o\xbe\xf9f\xcc\x981d\xb95\xbf\xea\x17=\x1c\x15\xc6$\xacd2\x99\xe6\xcd\x9b\xb7x\xf1\xe2\xfb\xf7\xef\x93\x87\x04\x95*\xa2V\x9d\x86\xd1\xadj\xd5m\x14\x16\x1e\xe1\xaf\xd3\xfb\xfa\xfb#\x04\x1c\x0f\x18?|\xe3\x8a\x02\xb2\x04N\xa7\xd3d\xcc\xb8}\xf3\xfa\xb9S\xc7N\x1c&gt;p\xf2\xc8A\x931\x93\\D\xab\xd5\xf6\xea\xd5k\xfc\xf8\xf1aaa\x00P\xc0+\xd8\x14\xca\xcb\x85\n\x80\x97\xa2(\nB\xe8\xc6\x8d\x1b\xb5k\xd76\x9b\xcd\xe1\x11\xb5\xfe\xd8yX\x14\xe5\xeco\xb2\xcd\xc57\x9b\xcd++\xb2\xac\xf1\xf1\xb9\x99x\xb5{\xbb\xfa\x0e\xbb]Q\x94\xaaU\xab\x8e\x1d;\xf6\x9dw\xde\xe18\x8e\xec\'\xc8\x173\xeaq\xfc\xd7\xae];u\xea\xd4K\x97.\x91\xe3U\xaaE\xbe\xd1\xa3o\x93\x16\xafU\x0e\xaf\xa6\xd1\n\x92\x08.\xa7K\x96%Y\x92\xf0\xff\xbeq\x84\x00!\xc4 \x86\xe5yA\x10\x04\x81\x91DH\xba\x99x\xec\xd0\xfe\x7f6\xff\x1e\xbbw\'9\xcd\x10\x100f\xf4\xe8q\xe3\xc6\t\x82\xe0yQ\n\xe5\x95\x87\n\x80\xf7B,\xd1\xcc\x993?\xfb\xec3\x00\xe83p\xc4\x8c\xff.JK\xc9\xe4x\xfe%\x8e\nc\x8c\x008\x9e\xeb\xfd\x9ff\t\xa7O\x92\\\x1a\x92W\xd3\xa8Q\xa3\xa9S\xa7\xb6m\xdb\x16\xf2#\xa2B\x96\x13\xee\xdd\xbb7x\xf0`\x12\xc1\x07\x80F\xcdZ\xf5\x1d\xfc~\xc3\xe8V\x81A:\x87]r:\x1d\xb2,3\x08!\xd2&lt;\xe1\xd9/\xf7pS\x80\xa2 \x84Tj\xb5\xc6G\xe5rH\xa7O\xc4\xae_\xbd|\xf3\xda\x95\xe4&amp;\x88\x88\x88\xf8\xf1\xc7\x1f\x9b4iB\xd4\x97\x86\x83(\xaf&lt;T\x00\xbc\x1a\xb2&gt;\xd9\xbe}\xfb\x9d;w\x02\xc07?\xae\xea\xde\xafo\xf2\xfd\x0c^\x10^\xd6\x90$I,V\xdc0\xe1\xfd\x91\xbf-\xfb\x1e\x00\xbe\xfc\xf2\xcb\x8e\x1d;N\x980\x81\x8c\x10\x00\xfa\xf4\xe9\xf3\xe9\xa7\x9fFDD\xc0##\x9e\xd3\x97\xf0\x84}bbb\x06\x0e\x1at\xef\xee]\x00\x08\xad\x146\xe8\xfdO\xde\xec\xfd\xaeJ%X\xcc6I\x12\x19\x86\xc9\xdd&lt;\x03c\xac\xc82b\x18__?\x8eG\xfbv\xc6,\xf9\xef\xec\xa3\x07\xf7\x02\x80\xa0R\xcd\x9e5k\xd4\xa8Q@\xc3A\x94"\x00\x15\x00\xaf\x86\xd8\xa0\xe4\xe4\xe4\x1a5j\xa6\xa4$\xeb\xf4\x86\x9f\xd6l\xa9\xdb\xb8If\xda\xcb\x99\x07H\x92\x14\x1c\xa2_\xbah\xe1\xf4\t\x1f`\x0cm\xda\xb4\xd9\xb1c\x07\xf1\x94\xd7\xae];s\xe6\xccs\xe7\xce\x01\x80V\xab\xfd\xf8\xe3\x8f?\xfe\xf8c\x9dN\x97\xd3\x85\x01\x8f\xf5\x9f?\x7f\xfe\xe8\xd1\xa3\xc9\xc1&gt;\x03G\x8c\xfaljPHPf\x86\x19c\x85e\xd9\\$\xad&gt;\x89\xa2\xc8X\xc1\xfez\xbd,K\xbf.^\xf8\xdd\xac\xc9V\x8b\x19\x00\x06\x0e\x1c8\x7f\xfe|???\xaa\x01\x94W\x1b*\x00\xde\x0e\t\x04\x1d9r\xa4i\xd3\xa6\x8a\xa2\xf8\xeb\xf4\x8b\xd7n\xad\xdb\xb8IFZ&amp;_\x90\x1a\x80\xb1$I\xc1\xc5\x0c\xcb\x16-\x9a6\xfe}\x00\x08\r\r=q\xe2D@@\x00\t\x980\x0c\xe3v\xbb\xe7\xcc\x99\xf3\xfd\xf7\xdf\x93u\xda\xf0\xf0\xf0\xb1c\xc7\x0e\x180\x00\xb2\x9dj\xe9\xc9\xf5\x1c:t\xe8\x92%K\x00@g\x08\x984\xfb\xbb\xb7z\xf75\x9b\xecn\xb7\xfbE\xe4\x98\x92\xb1\x05\x06\xf9\xc7\x1d;\xf1\xf9GC.%\x9c\x05\x80\xfa\xf5\xebo\xdf\xbe\xdd`0P\r\xa0\xbc\xc2P\x01(\x04\x10\rX\xb2d\t\xd9jK4\xa0At\x93\xd4\xe4\x02\xd2\x00EQ\x00\xe3\xe0b\xba\x9f\x17&lt;\xb4\xfe\x01\x01\x01111u\xeb\xd6\xf5\xd8G\xcf\xda\xe9\xbd{\xf7\xbe\xf8\xe2\x8b\x15+V\x90\xd5\xe0\xb6m\xdb\x8e\x1f?\xbeu\xeb\xd6\xf0o\x0b\x03\x1e\xdf\xdfc\xfd\xab\xd5\x88\xfav\xf1\xaa\xca\xe1\xe1\x19\xe9\xc6\x17\x9d\xa3)\x89\xa2\x9fNg\xb3\x9a\xa7\x8d\xfb\xf0\xcfu\xbf\x02@\xbdz\xf5bbb\xa8\x06P^a\xa8\x00\x14\x0eH0\xdd\xa3\x01:\xbda\xce\x0f\xbf\xb4\xeb\xd4)3\xc3\x82\xb1\xc20/0kE\x92$\xb5Z\xadR\xab\x96\xfc\xf7\xeb\xaf\xa7\x8e\x07\x80\x80\x80\x80\xed\xdb\xb7\xd7\xabW\xef\xb1\x84\x19\x8c\xb1,\xcb\xc4I\xdf\xbd{\xf7\xec\xd9\xb3\xc9\xc2\x00\xc30\xfd\xfb\xf7\xf7\xa4Z&gt;+\xcd\x86\x1c\xcfj\xfd\x97\xad\xdff\x08\x0c2\x1bM\x05\x13\xef\x92eI\x10T\x1a\xadf\xdc\x88\x01\x9b\xd6\xac\x80G\x1a\xa0\xd7\xeb\x81\x968\xa5\xbc\x8aP\x01(4&lt;\xa6\x01\x00\xf0\xde\x98\xcf?\x9c0\x15\x03\xb6Y,,\xc7\xe5\xbb\x85R\x14EQdC\x80!\xe5\xc1\x83)\x9f\x8c\xdc\xb1u#\x00\x04\x06\x06n\xdb\xb6\xad^\xbdz\xcfZ\xe0\xf5\x84q\x00`\xf9\xf2\xe5_\x7f\xfd\xf5\xc5\x8b\x17\xc9\x13?\xf8\xe0\x83Q\xa3F\x91\x85\x01\xf8\xdfTQr5O\xdc\x9fX\x7f?\x9d\xden\xb3\xbf\xa0\xad\xc5OEQ\x14\x86A&gt;\xbe\xbe\xe3G\x0e$\x1a\xd0\xad[\xb7?\xfe\xf8\xe3\xc5\xedp\xa6P^"T\x00\n\x13\xc4\x0c\xc5\xc4\xc4\xbc\xfd\xf6\xdbiii\x00\xd0\xb8y\x9b\xcf\xbf\x9a_\xbdfu\x93\xd1\xeev\xbb\xf3+N\x82\x15EV\x14\xad\xd6G\xa3\xe5w\xfd\xb3u\xc6g\xa3o]O\x04\x80\xfa\xf5\xeb\xafZ\xb5\xaar\xe5\xca\xff\x9a,\xef\t\xfa\x9bL\xa6\xf9\xf3\xe7/X\xb0 ==\x1d\x00\xc2\xc3\xc3\'M\x9a\xd4\xabW/x\xd4\xfc\x80d\x91\xb2,\xbbs\xe7\xcev\xed\xda\x01@\xb5\xc8\xda\xcb6l\xf7\xd3\xe9\x1dvG\xc1\xa7\xe4cEA\x0c\xf2\xf5\xf5\x1b7\xa2\xff\xa6\xb5+\x01`\xca\x94)\x93\'O\xa6\x1a@y\xf5\xa0\x02P\xc8 \xb6\xf2\xea\xd5\xab\x03\x06\x0c\x88\x8d\x8d\x05\x00\x9d\xde\xf0\xf6\x90\xf7\xdf\x1e\xfcA\xf1\x92\xc1\x16\xb3\xd3\xe5r\xe6)?RQ\x00@\xa3\xd5\xfa\xf8\xf0\xe7\xcf\xc6\xff\xbc`\xee\x9f\xeb~%\x07\x07\x0f\x1e&lt;w\xee\\\x7f\x7f\xff\xeco\x95\xf2\x9cy\xe5\xca\x959s\xe6,_\xbe\x9c\\\xaa]\xbbv\xd3\xa6Mk\xd0\xa0\x01\x00\x88\xa2\xc8\xb2lJJJ\xadZ\xb5\x93\x93\x1f\xf8\xeb\r\xeb\xb6\x1f\x0e\xad\x14f6\x9b_\x96\xc1%3\x18\x9e\xe7{uh\x12\x7f\xfa$B(&amp;&amp;\xa6m\xdb\xb6t\x8f\x18\xe5\x15\x83\n@\xe1\x83\x98!Q\x14\xc7\x8d\x1b\xf7\xc3\x0f?\xb8\\.\x00\x08\xadTe\xc0\x88Q\xcd\xdbv,S\xbe\xac\xdb\x85\x1dv\x9b,I\xf0(\xf1\xe69\xd3\x82G}S\x14\x00\xe0y\x95\xd6G\x83\x10\\LH\x88\xf9\xf3\x8f_\x97, %\x13\x8a\x15+6}\xfa\xf4\xc1\x83\x07C\xce\xb3\xe3\x1f[\x18\xf8\xe2\x8b/\x8e\x1c9\x02\x00j\xb5\xbaO\x9f&gt;\xd3\xa6M+U\xaa\x14\x00\xb4o\xdf&gt;&amp;&amp;\x06!\xf4\xf5\x0f\xbf\xbe\xd9\xa7ozj\xc1\xe68=\x81,\xcbZ\xad\xf6\xd6\xf5\xc4^\x1d\x9a\x98\x8c\x99\xc5\x8a\x15\xbfx\xf1\x82N\xa7\xa3\x1b\xc4(\xaf\x12T\x00\n%\x1e+|\xec\xd8\xb1\x89\x13\'\xee\xda\xb5\x8b\x1c\x0f)^\xa2S\xd7&gt;-_\xeb\x14Q\xab\xaeN\xef+\xcb\xe0r\xb9eI\x92$\t0\xce\xda_\x1e\x01 \x06!@\x1c\xcfs&lt;/\xa88\x04\x90\xfc \xe5\xd4\xd1\x83;\xff\xde\xbcc\xcbF\x87\xc3\x0e\x00\x08\xa1\x01\x03\x06|\xf9\xe5\x97\xa4\xd3K\xae\xcd\x1fi9\xc9q\x9c$I\xbf\xfe\xfa\xeb\xe4\xc9\x93o\xdf\xbe\r\x00\xc5\x8b\x17\x1f?~|pp\xf0\xdbo\xbf\r\x00=\xde\x192\xfb\xfb\xc5i)\xd9-{\xf7B\x91D)0X\xff\xc7\xaf\xbf\x8c\x1f\xf9.\x00\xbc\xff\xfe\xfb\x0b\x16,\xa0\x93\x00\xca\xab\x04\x15\x80\xc2J\xd6\xb5\xd6e\xcb\x96\xcd\x9f??&gt;&gt;\xde\xf3hXxD\xa3f\xadj\xd5o\\=2Jg\x08\xd0\x07\x04"\x04Y]j\x8cA\x14A\x96\xa5\xcc\xf4\xd4\xb4\x94\x07\tgN\x9e:v\xe4\xe8\xc1=wo\xdf\xf2\x9c\xd3\xae]\xbbq\xe3\xc6\x91\x0c\xce|1|\x9e\x8b\xa4\xa4\xa4,\\\xb8p\xee\xdc\xb9v\xfbC\x99A\x08\x95*[~\xc3\xee\x13*\x95\x9a\xac\x1f\xe4\xf1\xb5\xf2\x05Y\x96\xf5\x06\xdd\x88\xb7\xbb\xee\xd8\xba\x91\xe7\xf9#G\x8e\xd4\xa9S\x87f\x85R^\x19\xa8\x00\x14n&lt;^\xb9\xdb\xed\xde\xbe}\xfb\xb2\xe5\xcbw\xee\xd8A\xac*\xc1\xd7\xcf\xdf\x10\x10X\xa6|\x05\xad\x8fo\x95\xea5dY\x06\x0c\x80@\x12\xa5K\tg\\.\xe7\xadkW\x8c\xc6L\xd2@\x86P\xa2d\xc9N\x9d:\xf5\x7f\xf7\xdd\xc6\x8d\x1bC\x96\xa5\xda|\x19p\xd6\x88PBB\xc2\xec\xd9\xb37m\xda\xe4r\xbb%Q\xfc\xf2\xdb\xc5}\x07\x0fIO+\x08\xf7?\x9b5\xf5\x14E\xd1j5W/]\xe8\xd6\xa6\x81\xdb\xedj\xde\xbc\xc5\xbe}{\xa9\x00P^\x19\xa8\x00\xbc\ndu\xcf/_\xbe\xbce\xeb\xd6\x1d11g\xcf\x9eMII\xc9\xfeEBCC\xa3\xa2\xa2:u\xea\xd4\xb1c\xc7\x90\x90\x10\xf8\xdfIF\xfe\x821\x96$\x89\xe7y\xab\xd5Z\xb1b\xc5\xd4\xb4\xb4z\r\xa3Wl\xda\xe1p8\xb3i[IL\t\x00\x10\x02\x96\xcd\x96`x\x96\xb8\xc9"9\xc6XQd\x8c1\xc3&lt;/uJ\x92\xa4\x80@\xfd\xac\x89\xe3\x97,\x98\x83\x10\xda\xb3gO\x8b\x16-h \x88\xf2j@\x05\xe0\x15\x81X\xb7\xac\xe5\x16222N\x9f&gt;}\xf4\xd8\xb1k\x89\xd7n\xdf\xbe\x9d\x9c\xfc\xe0\xfe\xfd\x07\x08\x81\xc5b\x95$\x89\xe3\xd8Z\xb5j\xf9\xfa\xf9EFD\x94+W\xaeq\xe3\xc6\xd5\xabW\xd7j\xb5\xe4\xb9\x05\xd0$K\x92$\x86a~\xfe\xf9\xe7a\xc3\x86\x01\xc0\x82\x15\xeb;t\xe9j\xcc0\xb2\xd9p\xffeY\xf6\xf1\xf5S\xab\xc9\x0ed\xb0\x98\xad\xff\xfa\x14E\x96Y\x9e\xf7\xf5\xd5b\x0cN\x87\xd3\xedv\xb1\x1c\xaf\xd1h9\x0e\xec6\x97\xcb\xe5|\x96A\'\x8d\xefS\x1e\xdc\x7f=:\xd2f\xb5\xf6\xe9\xd3g\xf5\xea\xd5T\x00(\xaf\x06T\x00^5\x88k\xfcd&amp;\xa8\xa2(F\xa3\x91a\x987\xdf|s\xdf\xbe}-Z\xb4\xd8\xbbw\xefc\xcf\xf5tZ/\x80\x10&lt;q\xc6\x1b7n|\xfc\xf8\xf1\x8aa\xe1\xbfo\x8feH\'\x97\xe7\x82\x15\x05\x03\x18\x02\xfd\x0f\xec\xda}\xe4\xc0n\x04H\x1f\x10\xd0\xe3\x9d\xa1\xc4\xa3\x7f\xd6\xb3dY\xf6\xf3\xf37\x9b2wl\xddtx\xff\xae[7\x12\xedV\xab\xa0R\x95(Y\xa6^\x93\xe6\x1d\xbat/]\xb6\x9c\xd9hb\x9ea\xd3eY\xd6\xe9\xfd?\x19\xf6\xee\x9f\xeb~\xf5\xf7\xf7\xbft\xe9R\x89\x12%\xb2\xdf\x98\x81B\xf1Z^~\xae\x05%\x7f\xf1\x98~2\' v\x8a\xb8\xf3\x01\x01\x01\x00@\xd2+y\x9e\'\xe1x\xf2,rB\x81y\xb5\xc4\x83&gt;v\xec\xd8\xc9\x93\'1\xc6ot\x7f; X\xff\xaf\xc9?\xb2,\x0b\x82\xa0\xd6h~\x9a\xf7\xcd\xdc/?#-\xef\x03\x83C\xba\xbd=\x98\x08\xc0S-\xb2,\xcb\xfe:\xdd\xd1\x83{\xa6\x8e}\xff\xda\x95\x8bY\x1f\xba\x94pv\xef\x8e\xadK\x17|\xfd\xc9\xe4Y\xdd\xde\x1e`6\x99\x9eZT\x03\x01(\n\xee\xfe\xf6\xa0-\xeb\x7f3\x9b\xcd\xbf\xfd\xf6\xdb\xc7\x1f\x7f\xecY\xc9\xa0P\n/t-\xeb\x95\x85t\x85\xe48\x8eeYb\x1f\x89\x83O&lt;eb.\x19\x86\xe18\x8e\x9cS\x90\xfe,\x19\xc3\xfa\xf5\xebeY\x16T\xaa\xe8\xd6\xed\x1dv\x89}n\xc4I\x92D?\x7f\x7f\xa7\xc36jP\xaf\xd9\x93\xc6*\xb2,\x08*\x8e\xe3\xf4\x86\xc0\xe7&lt;K\x91e?\x7f\xbf\xa3\x07\xf6\x0c\xe9\xf9\x9fkW.z\xf6\x16x\xde,\xc30\xe9i)\x9f~0\xf0\x97\x9f\x16\xea\xf4:\x8f"f\x85aY\xbb\xcdQ\xadfT\xf9\x8a\x95\x00`\xc3\x86\rda&lt;w\xef\x9dB\xf1\x1e\xe8\x8f\xb8\xa8\x80\x1e\xf1\xb2\x07\x02\x00\xc0\xb2\xac,\xcb\xfb\xf7\xef\x07\x80\xea5\xa3\xc2\xaaE8\x1d\x0e\xf4\x0c\x93J\xa4+0\xc8p\xee\xd4\xf1\xde\x1d\x9b\xfd\xb3\xe9w\x00P\x14E\x92DI\x92d\xf9\x99}\x8c1\xc6\xbc d\xa4\xa5\x8e\x1b\xf1\xae\xcb\xe9\xe4yA\x14\xc5\xd6\x1d:/\xfae\xe3\xdam\xb1+6\xed\x1a\xf2\xe18^\x10\x10\xc3\xb0,\xf7\xd5\xe7\xa3N\x1e=\xec\xeb\xeb\xa3&lt;M\x03$I\xd4\x1b\xfc\x9a\xb7\xfd\x0f\x00\xc4\xc7\'&lt;x\xf0\xe0\xf9A\'\n\xa5P@\x05\x80R\xd0\x90\xc5\xea\x07\x0f\x1e\\\xbe|\x19\x00\x1aE\xb7\xd6j\xf9\xa7\xba\xde@\x8c8\xcf\xeb\x03t\xbf.\xf9\xf1\xed\xd7[\x92\x18\x8eN\x1f\x10Y\xbb\xde\xbf\xda_E\x96}\xfc4\xbf,^\xf0\xe0\xde\x1d^\x10D\xd1=\xe8\xfdO\x96\xfe\xb1\xb9m\xa77kD\xd5o\x18\xddr\xd2\x9c\xd9\x0bWn\x14x\x01!\x90ey\xde\xf4\x89\x18\x9e\xdeW\x92AH\x92p\xe3\xe6m\x10BV\xab\xe5\xc4\x89\x93\xf0h\x19\x83B)\xbcP\x01\xa0\x144\xc4p\x1f=z\xd4l63\x0cS\xab^#Q\xc4\xcc\xd3\xcc.Y\x916f\xa6O\x181h\xf2\xc7\xefI\x92\x08\x00!\xc5K\xfe\xbaeG\xed\xfa\x8d\xffE\x000\xe6\x05!=5\xe3\xcf\xdf\x7fE\x08\x89\xa2\xbbJ\xb5\x1a\xa3\'N\xcf\xcc\xb0\x9a\x8cF\xbb\xddf\xb3X\xee\xddN\x7f\xed\x8d\x0eo\x0f\x1eI\n\xbd\x1d\x8f\xddw\xfa\xc41\xad\x8f\xcf\x93\x96\x1d1\x8c\xcb\xe9\n\x0b\x8f\x08\x0c\n\x06\x80={\xf6\xe4\xd7\xa7A\xa1\xbcD\xa8\x00P\n\x1ab\xb8\x13\x12\xce\x03\x80\xaf\x9f_\xa5*\xd5\xdc.\xf7S\xe3?\x18c\x95J\xb8\x91xe\xfd\xeae\x1c\xc7\xcb\x92T\xa7a\xd3U[\xf6\xd5mX\'\xe5\xfe\xdd\xe7\xbf\x8a\x82\x15\xb5F\x13\x7f\xea\xc4\xbd;I,\xcb\x01\x86n\xfd\x06i4*I\x129\x8ec\x18\x86aY\x8e\xe7\xcd&amp;w\xd7\xbe\x03Uj\xb5\x821\xc6x\xcf\xb6\xbfT*\x16?)\x00\x08\xb9\xdd\xee\x90\xe2\xa5\xca\x86V\x02\x80\x8b\x17/\x00\xed\x10@)\xfcP\x01\xa0\x144d\xf94&gt;\xfe\x1c\x00\x14/YFo\x08\x90$\xe9\xa9\xc6\x94a\x18\xab\xd5\xd6\xa4e\xcb\xf1\xd3\xbe\x96$\xb1\xf7\x80\xe1\xcb7\xc4\x94(U\xc6dT\x9e\x1a\xa8\xc9\nV0\xcf\xa33\'\x8f\x02\x00\xc6\n\xcbq\xf5\x1a5s9%6K\x9e\x0f\xc30n\x97\xabl\x85JU\xaa\xd5 \xa1\xff\x93G\x0f:\x1c\xe2S\xf3A1\xc6\xbc\xc0\x94\xabX\x19\x00\xae]\xbbf\xb1X\x10\xa2Y\xd4\x94\xc2\r\xcdc\xa3\xbc\x1c\x8cF#\x00\x18\x02\x83|\xfc\xfc\xad\x16\xf3\xb3\x92jX\x96\xb5\x98l\xbd\xfa\x0f\xaf\x18V-\xba\xd5kn\xb7\xcb\xe9\xb4\x1b4jR\xbe\xf4y $\xcbp\xf9\xfc9\x00\x90e\xb9d\xe9r%J\x97q\xbb\xdd\x8f)\x87\xa2\xc8\x1a\x8dP5\xa2\xe6\xb9S\xc7\x01\xe0\xe6\xb5+\xe9\xa9)\x86\x80@Q\x14\x1f\xd3$\x8c1\xc7A\xf1\x12\xa5\x01\xc0d2\x93\xbdrT\x00(\x85\x1a:\x03\xa0\x14($\xfd\xd4b\xb1\\\xbf~\x1d\x00\x8a\x97,\xc30\xf8\xf9f\x94&lt;\xda\xbcmG\x87\xdd&amp;\xcbr6\xfb_2\x0c\xe3t\xba&lt;\xb5\xed\x8a\x97,\xe5\xe7\xa7S\x94\'\xca\xcca\x00\x04e\xcaW\x00\x00\x96eM\x99\x19\xc9\xf7\xefr&lt;\xff\xe4\x90\x10B\x92\x04\xc5J\x96\x06\x00\xab\xd5\x92\x98\x98\xe8\x19\x1b\x85RH\xa1\x02@)h\x10B\xa2(\x1a\x8df\x00([\xbe\x02\xcfg\xcb\x8f\xb6ZL(\xdb5\xe9\xc8\xea\xb1\xddf5f\xa4\x91#\x01A!\x1c\xcf=\x19\xdc\x07\x84\xb0\x02\xc1!\xc5\x01\x80dv\xa6\xa7&amp;\xb3,\xfb\x14\x01\x00P\x14([\xbe\x02\x00\xb8\xddn2\x83\xa1\x02@)\xd4P\x01\xa0\xbc\x04\x10B\x1c\xc7\x02\x80(\x8a\xd94\xa19m|\x8f\x18\xc6\xedr\xda\xac\x16\xf2\xa7\x9fN\xc70\xf0\xd4\x97R0\xf8\xe9\xf4\x9e?M\xc6\xcc\xe7\xec\xf1\x12E\x91\xfc\x83n\x03\xa6\xbc\x02P\x01\xa0\xbc\x1c^\xb4\xef\x8c\x10r\xbbE\x8f\xbdV\xab5\x08\x01&lt;!\x01\xe4\x98J\xa5\xf6&lt;\xe6\xb0\xdb\xe1ig&gt;\x06\xf5\xfd)\xaf\x00T\x00(/\x07b@_\x9c\x1f\x8d\x00H\xb5g\x125z\xce\x04\x02c\xc8\xba\x04\xad\xc8\xf2s\xc2L\x9e\x01S\x01\xa0\xbc\x02P\x01\xa0\xbc\x04\x10B\xc4\x92\x1a3\xd3\x15\xe5\x85\x94\xd5\xc4\x00,\xc3z\x12u\x14\xe5\xe9;\x8d\x01\x00\xa1\x87{z\xc9 \x18\x96}\x96iG\x08\x8c\x19\xe9\x00\x80\x10CC@\x94W\x00*\x00\x94\x02\x05!\xa4(\x8aN\xa7\x0b\x0f\xaf\n\x00\x89\x97/H\xd2\x0b\xa9P\x84\x15\xcc\x0b\x02/\x08\xe4O\xa7\xd3\x891&lt;2\xf2YN\x03\x00\x04.\x97\xd3sD\xad\xd1\xc0\xd3\xceT0\xe6yH\xbc|\x01\x00\x0c\x06C\xb5j\xd5\x00\x80\x96\x84\xa3\x14j\xe8\xcf\x97\xf2\x12@\x08i4\x1a\x00\xb0\xdbl.gv\xbb\x80\xe5\x08\x8c\x15\x95Z\xed\xeb\xa7#\x7fZLFEy\xc2\xa8\x03\x00\x00\x83\xc0b6y\xfe\xf4\xd7\xe9\x9f\x1a\xddA\x08\xc92&amp;g\n\x82\xc0g\xed\xb0L\xa1\x14N\xa8\x00P\n\x1a\x12o\xa9Y\xb3\x16\x00\xdc\xbey\xcd\x98\x91\xc6q\\\xfe\x86\xd4\x11B\xb2,\xfb\xf8\xf8\x91\xd2=\x00\x90\x91\x96"\x89\xd2S\nN`\x8c\x18HKI\x06\x00\x05c\x00\x08\x08\x0c\x92e\xe5\xc9I\tBH\x14\xd1\xd5K\t\x00P\xb9r%\x7f\x7f\x7fR\xd5.\x1f\x87M\xa1\x140T\x00(/\x87\xca\x95+\x01\x80\xd5b\xb9\x93t\x93\xe7\x85|_SU\x14E\xa5\xe6\xc9\x0e/\x00xp\xff\xae\xc5bb\x98\'\x12\xfc\x11\x00\x86;\xb7\xae\xc3\xc3\xea\xa1~\xc1\xc5KJO\xdf\x06\xcc\x992\xd3\xee\xdd\xbe\x05\x00\x15*T\xa0\xdb\x80)\xaf\x00T\x00(\x05\r\t\xf84m\xdaT\xa5R\x8b\xa2\xfb\xcc\x89#\x82\x8a\xc9\xff\xd2\xca\x18#\x06\xaa\xd5\x88\x02\x00\x96e\x93\xef\xdf\xbd\x7f\xe7\xb6 \x08\x8fu\x9dD\x88q:ER1\x02c\\\xbal\xf9\xa0\xe0\xe2O\xad\x03\xa1R\xab\xaf]\xb9x\xefN\x12\x00\xb4l\xd9\x12h"\x10\xa5\xf0C\x05\x80R\xd0\x90\r\xb7\xe5\xcb\x97\xafP\xa1\x02\x00\x1c?\xbc_\x92\xf2?\x11\x081\x8c\xdb\xa5\xd4i\xd0\x04!\x06\x00dI:y\xe4\xa0J\xcd\xc9Y\x94\x06+\x8aJ\xa5\xbas\xeb\xc6\xa5\xf3g\x19\x86A\x08\xd5\x88j\xe0\xeb\xaf\x91\xa5\xc7\x9b\xcc(\x8a"\x08\xcc\xc9#\x87dYV\xa9\xd4\r\x1b6\x04\xba\x02L)\xfc\xd0_0\xe5%\xa0(\x8a \x08\r\x1b6\x00\x80\xb8\xa3\x87\x92\xae_W\xab\xd5\xf9\xebP3\x0c\xe3\xb4\xdb\xc2k\xd4\xaaZ\xbd\x06\t\xd6\xaf_\xb5\xd4\xe9ps,+I\x92\xa2(\x8a"\x8b\xa2\xe8\xafWmZ\xb3\xd2a\xb7\x93\xf2\x0f-_\xeb$K\xf8\xc9R\xa3,\xcb:\xec\xee\xdd\xdb\xffD\x08U\xacX!44\x14cL\x05\x80R\xd8\xa1\xbf\xe0W\x19\xd2LQ\x92$I\x92dYV\x14\x85\xb4\x89\'\x0fy\x8e\x93^\xc1\x05?\xbc\xae]\xbb\x02\x80\xc5l:rp\x8f\xd6G\xf5\xd4^\x8cyAVd\xad\x8f\xa6g\xffa\x18c\x8e\xe7/\x9d?;o\xc6DC\xa0\x9fN\xaf\xd7h\xb5&gt;&gt;~%\xcb\x04\xee\xde\xb6s\xe5O\xf3Y\x8e\x93$\xa9R\xd5jMZ\xb4\xb1Y\xed\xec\xff\x96\x83\xc6\x8a\xa2\xd1h\x12/_\xbc\x14\x7f\x06c\xdc\xb1cGA\x10\x9e\xd5\xc2\x8cB)DP\x01x\xd5\xf0\x18}\xe2\xf6\x92\xbe\xf0\xa4\xed;i\x84Bv0\x91\x83\x82 \xb0,K:\xc2{\x9eU\x00\x83$Q\xa0V\xadZU\xae\\\x19!\xb4u\xc3oN\xc7\xd3{\xc2\xe4\x05\x96\xe5,&amp;\xeb[\xbd\xdf\x89\xa8UWt\xbb\x05\x95\xea\xe7\x05_\x0f\xe9\xf9\xd6\xeem\x7f]8{\xea\xf8\xe1\x033&gt;\xfb\xfc\xbd\xbe]\x9cv\x07\x83\x18\x8c\xf1\x87\x13\xa6i}|\x9el2\xac(\x8a\xa0\xe2\xfe\xd9\xfc\xbb\xcb\xe5\x12\x04\xa1\x7f\xff\xfe@\xe3?\x94W\x02\xba\x9b\xf1\xd5\x81\x98~b\xeb\xc9\x91\xf4\xf4\xf4\xf3\xe7\xcf_\xbbv\xed\xf6\xed\xdbIII7o\xddb\x10:}\xfa4\xcb\xb2qqqc\xc6\x8c\xd1\xe9\xf45jD\x96.]\xbaz\xf5\xeaZ\xad\xd6s\x1dEQ\x98l\x97\xde\xcc\x05\x08!I\x924\x1aM\xaf^\xbd\xbe\xfc\xf2\xcb\xe3\xb1\xfbO\x1d;Z\xafIS\xab\xd9\xf2\xd4f,O\xc2\xb0,Q2\x96}\xdeoXQ\x14\x95J\x98\xf3\xc3/\xefvi\x95\x9a\xfc\x80\xe3\xf8\x9d\x7fo\xda\xf9\xf7&amp;\xd2\x95\x1e\x88\x14\x01&amp;\xed\x82;t\xeej2\x9a\x1ew\xff1\xe6\x05!-%}\xe3o\xcb\x11BM\x9b6\xad^\xbd:\xf9|\xf2\xf0\x01P(^\x01\x15\x80W\x01\x12\xd8!&gt;\xbe\xa2(\xc7\x8e\x1d\xdb\xb1cGll\xec\x99\xb3gSSR\x9e\xfa\x94\xb4\xb4\xb4y\xf3\xe6y\xfe\x0c\r\r\x8d\xaaS\'\xbai\xd3v\xed\xda\x85\x87\x87\x13#(\xcb\xf2\x8b\x93\x01\x12t\xfa\xe0\x83\x0f\xbe\xfb\xee;\x93\xc9\xf4\xc7\xaa%\x8d[4S0\xce\x8eYE\x08\xacf\x93$I\x00`\xccL\x7f\xce\x99\x0c\xc3\xd8\xed\x8e\n\x95\xab,\xdf\xb8s\xd2\xe8a\xa7\x8e\x1f&amp;\xc7=\x01\x1cEQ|\xfd\xfc\xdf\xfb\xf8\xf3\xc1\xef\x7fb1[X\xf6\xf1\xd7\x97eYo\xf0\xfb\xf3\xf7_\xd3\x92\x1f`\x80\xc1\x83\x07\x93gQ\x01\xa0\xbc\x02\xd0\\\xe6\xc2\r\xf1\xd6\x89\xbd\xbes\xe7\xce\xda\xb5kW\xaf^}\xe6\xcc\x99\xac\xe7 \x04\x01\x81\xc1j\x8d\xb6\\\x85Jd\x19\x00\x00dY\xbeu\xfd\xaa$\x8a\xc6\xcc\x8c\xac\'\xabT\xaa\x16-Z\xf4\xed\xdb\xb7s\xe7\xce\xfe\xfe\xfe\xe4L6{^y6!\x03`\x18\xc6\xedv/^\xbcx\xca\x94)\x16\xabU\x92\xa4%k\xff\x89n\xdd\xc6l\xb2&lt;\xff\xe50\xc6*\xb5\xea\x9fM\xeb\xae]\xbe\x08\x00\xfa\x80\x80\x1e\xef\x0c%1\xa5g=E\x96e\xad\xd6G\x92\xc4=\xdb\xb7\xec\x8d\xd9z=\xf1\x92\xcdb\x11\x04UH\xf1\x92Q\r\x9b\xb4\x7f\xa3[\xa5*U\xcc&amp;\x0b\x02\x80\xa7\xa5\xff\x9b\x8d\x99]Z\xd6IOM\xae\\\xb9\xf2\xd9\xb3g\x05A@\xe8\x85\x94\xaf\xa0P\n\x18*\x00\x85\x18\x8fiNHH\x987o\xde\xa6M\x9b233\xc9C*\x95*&lt;\xb2V\x8d\xa8\x06Q\xf5\x1b\x17+Y\xaat\xb9\n\x1c\xc7\x07\x04\x05\x93\xaf\x1b!Pd%=-\xc5\xedv%]\xbfz\'\xe9\xe6\xe9\xe3\x87\x13\xce\xc4]\xb9\x10\xef\xf95\x94-[n\xc0\x80\xfe#F\x8c\x08\t\t\xc1\x18\xe7K\xd2KV\xb9\xda\xb6m\xdb\x84\t\x13\xce\x9d;G\x1eB\x00\xb5\x1b4\xf9\xed\xef\xfd6\xab\xed__\x08c\xec\xe3\xebG\xca\xfc\xc82X\xcc\xd6\x7f}i\xe2\xb3\xfb\xfa\xf9"\x04\x0e\x87\xcb\xedr\xb1,\xab\xd1\xfap\x1c8\x1dn\x87\xc3\xf1T\xd5\x91D1\xb8\x98\xe1\xcb\t\xe3\x96.\xfc\x1a\x00\xd6\xad[\xd7\xbd{\xf7|WD\n\xe5eA\x05\xa0P\xe2\xb1\xa4&amp;\x93\xe9\x9bo\xbe\x99;w\xae\xc3\xe1 \x0fE5h\xd2\xea\xb5N\xd1\xad\xdbW\xaaRM\xad\x15\x14\x19dYq\xbb\xddX\xc1\x92\xe4\xceZ\xe3\x8c\xe7\x05\x84\x90\xa0R\xb1\x1c \x00\xb3\xc9\x9ap\xe6\xe4\xde\x98-\x07vmK\xbc|\x91\x9cS\xbat\xe9i\xd3\xa6\r\x180\x00\xf26\x15\xf0\xacO\x00@BB\xc2\xf8\xf1\xe3\xff\xf9\xe7\x1f\xf2P\x8f\x1e=J\x95*E\xe2Q\x13\xbe\x9c;|\xcc\x98\xd4\x07\x99\xdc\xbfU\xdaQdYy$f\xcf_\x06\xc8\x8a\'\xeeOf\x0c\x8a\xa2`\xac0\x88y\xea\xfa\xb3,I\xfe:\xffS\xc7\x8f\xbe\xd3\xa5\x95\xe8v\xb7m\xdb6&amp;&amp;\x86Z\x7f\xca\xab\x04\x15\x80\xc2\x87\'\x00\xbdn\xdd\xbaI\x93&amp;]\xbe|\x19\x00T*u\xfb\xce\xdd:u\xed\xdd\xa4e;\x95\x8as\xb9$\xa7\xc3\xa1\xc82 \xe4\x89W&lt;\xb9\xbb\x15\x000&amp;\x89\xa1\x88x\xc4\x82\x8023\x8c;\xb6n\xde\xba\xfe\xb7\xd8};\xc9\x99\xad[\xb7\x9e3gNTTT\xeeV\x05&lt;F3%%e\xc6\x8c\x19K\x96,!rU\xa3F\x8dY\xb3fu\xe8\xd0\x01c\\\xb5j\xd5\xabW\xafj}|\x7f\xd9\xbc\xa7z\xad\xdaV\xb3\x85}\x91\xf5\x96=}\x02\x9e}\x82\xc2\xb2\xac$\x89\xbd;D_\xbdt\x9ea\xd8\xf3\xe7\x13\xc2\xc2\xc2h\xfa?\xe5U\x82\n@!\x83\x18SI\x92\xc6\x8e\x1d;\x7f\xfe|r\xb0q\xf36\xef\x8f\x9b\xdc\xa8YS\xb7\x1b\xdb,\x16EQ\x10\xc3\xe4\xc2N\x91\x15\x02\x9e\xe7}\xfd|\x14\x05\xff\xb9n\xd5\xe2\xf9\xb3\xaf^:\x0f\x00:\x9d\xee\x9bo\xbe\x19&lt;xp\x8e\xc2A\x9ep\xbf(\x8a\xabV\xad\x9a2eJRR\x12\x00\x94(Q\xe2\xd3O?\x1d6l\x98 \x08\x92$\xb1,{\xec\xd8\xb1\xe8\xe8hI\x92*W\xad\xfe{L,\xcb\xf1\x92(\xbdDS+KR@\x90~\xd4\xa0~\x7f\xfd\xb1\n\x00\xe6\xcd\x9b7j\xd4(\xea\xfeS^1\xa8\x00\x14&amp;\x88\x01\xba\x7f\xff~\xf7\xee\xddccc\x01 \xa4x\xc9\xb1\x93gw\xee\xd9W\x96\xb1\xd5bf\x10\xcaf\x1a\xe5s\xc1\xb2,#\xc4\xf8\xeb\xfcmV\xdbO\xf3g.]\xf0\x8d\xdb\xed\x02\x80a\xc3\x86-\\\xb8\x90\xe4\x1a=\xdf:g\x8d\xf9\xec\xdc\xb9s\xf2\xe4\xc9G\x8e\x1c\x01\x00\xb5Z=t\xe8\xd0\xcf?\xff&lt;$$\xc4\xf3\x8e\xc8\xff\xe7\xcf\x9f?z\xf4h\x00\xe8\xd4\xb5\xcf\xbc\x9fW[\xcd\x16\x8cq\xbeo\x0e\xc8\x0e\x92$\x85\x14\xd3/\xfe\xef\x7fg|6\n\x00\xbau\xeb\xf6\xc7\x1f\x7fP\xebOy\xf5\xa0\x02Ph\x90$\x89\xe3\xb8\x13\'Nt\xe9\xd2\xe5\xde\xbd{\x00\xd0\xb8y\x9b\x19\xdf\xfd\\\xb6|9c\x86\tP\x8e\xdb\xa6\xff+\xb2,\xb1,g\x08\xf0=\xb4g\xdfg\x1f\rI\xba\x91\x08\x00M\x9a4\xd9\xb2e\x8b\xc1`x\x8e\x06\x90\xa1\x02@BB\xc2\xcc\x993\x7f\xfb\xed7r\xbc]\xbbv\xd3\xa6Mk\xd0\xa0\x01&lt;\x91cJ\x9e\xd2\xbf\x7f\xff\x95+W\x02\xc0\x9b\xbd\xfb\xcf^\xb4\xccf\xb5\x15|\xc2\xa5$I\xc1!\xfae\x8b\x16M\x1b\xff&gt;\x00DFF\xee\xdf\xbf_\xa7\xd3\xd1\xcc\x1f\xca\xab\x07\x15\x80\xc2\x01q?O\x9c8\xd1\xbe}\xfb\x8c\x8c\x0c\x00\x18&gt;\xe6\xf3\x8f&amp;L\x95\x15\xd9a\xb7\xbf\xb8\xf6\x84\x18cY\x92t\x06Cz\xea\x83I\x1f\x8f\xdc\xb9u#\x00\xd4\xabW/&amp;&amp;\xe6\xa9\x1a\xe01\xeb)))\x0b\x17.\x9c;w\xae\xddn\x07\x80\x1a5j|\xfa\xe9\xa7\xbdz\xf5\x82gl/ \x91%\xa7\xd3\xd9\xa2E\x8b\x13\'N\xc0#\r\xb0\xdb\xec$F\xf4\x82\xde\xe0ccP\x14%(D\xb7l\xe1C\xeb\x1f\x10\x10\xb0o\xdf\xbe\xc8\xc8H\xea\xfeS^I\xa8\x00\x14\x02\x88\x9d\xcdj\xfd\'\xcd^8\xe4\xc3\x91)\xc9f(\x90\x9a\x04\xb2$\tj\xb5V\xab\x1e\xfb\xde\x80MkV\x00@\xbdz\xf5\xb6m\xdbf0\x18&lt;~\xb1g3\x1a\x00,_\xbe|\xf2\xe4\xc9\xb7o\xdf\x06\x80\x12%J\x8c\x18</t>
        </is>
      </c>
    </row>
    <row r="496">
      <c r="A496" s="1" t="n">
        <v>494</v>
      </c>
      <c r="B496" t="inlineStr">
        <is>
          <t>polygon_sides_color</t>
        </is>
      </c>
      <c r="C496" t="inlineStr">
        <is>
          <t>What is the missing color of the part denoted with a question mark?</t>
        </is>
      </c>
      <c r="D496" t="inlineStr">
        <is>
          <t>['purple', 'yellow', 'orange', 'green']</t>
        </is>
      </c>
      <c r="E496" t="inlineStr">
        <is>
          <t>green</t>
        </is>
      </c>
      <c r="F496" t="inlineStr">
        <is>
          <t>There are 6 colored polygons arranged in a triangle with color ['?'] in the top row, ['yellow', 'blue'] in the middle row, and ['green', 'yellow', 'blue'] in the bottom row.</t>
        </is>
      </c>
      <c r="G496" t="inlineStr">
        <is>
          <t>We observe that the polygon with 3 sides is blue in color and the polygon with 6 sides is yellow in color. Thus, the pattern is that the polygons with the same number of sides have the same color.</t>
        </is>
      </c>
      <c r="H496" t="inlineStr">
        <is>
          <t>Based on the pattern that the polygons with the same number of sides have the same color, the missing color of the part with 7 sides should be green.</t>
        </is>
      </c>
      <c r="I496" t="inlineStr">
        <is>
          <t>b'\x89PNG\r\n\x1a\n\x00\x00\x00\rIHDR\x00\x00\x02\x00\x00\x00\x02\x00\x08\x02\x00\x00\x00{\x1aC\xad\x00\x00f\x12IDATx\x9c\xed\xddw\\\x14\xd7\xbb?\xf0s\xce\xcc\xee\xb2\xf4&amp;(j\xd4\xa8H\x11T\xb0\x81=\xf6\x86\xbd&amp;b\xef\xb1\xf7\xde\x15{\xef-j4\xc5h\xa2\xc6\xde\x12c\xec\x12c\x8c\x8a=\xa2\xa2\xd4\x85\x85\x05vg\xce\xb9\x7f\x8cn\xf8z5\x89\n\xbb\xb3;\xcf\xfb\xf5\xfb\xe3\xde\xdf\xcd\x97\xef\x04v\xcf\xe7\x94g\x9e\x83\x19c\x08\x00\x00\x80\xf2\x10k?\x00\x00\x00\x00\xeb\x80\x00\x00\x00\x00\x85\x82\x00\x00\x00\x00\x85\x82\x00\x00\x00\x00\x85\x82\x00\x00\x00\x00\x85\x82\x00\x00\x00\x00\x85\x82\x00\x00\x00\x00\x85\x82\x00\x00\x00\x00\x85\x82\x00\x00\x00\x00\x85\x82\x00\x00\x00\x00\x85\x82\x00\x00\x00\x00\x85\x82\x00\x00\x00\x00\x85\x82\x00\x00\x00\x00\x85\x82\x00\x00\x00\x00\x85\x82\x00\x00\x00\x00\x85\x82\x00\x00\x00\x00\x85\x82\x00\x00\x00\x00\x85\x82\x00\x00\x00\x00\x85\x82\x00\x00\x00\x00\x85\xe2\xad\xfd\x00\x00\xe4?Q\x14\x11B\x84\x10\x8c\xb1\xb5\x9f\x05\x00\xf9\xc2p)&lt;\xb0\'\xd2\xe7\xd9&lt;\xee3\xc6DQ\xc4\x18c\x8c\t\x81\xf5.\x00\xff\x03\x02\x00\xd8\x0fJ\xa94\xca\xef\xd9\xb3\xc7\xc9\xc9\xa9R\xa5J\xbe\xbe\xbey\xff\x01Q\x14\x19cR\x18\xc0\xe2\x00\x00\x08\x00`\'DQ\xe48N\x14\xc5\x0e\x1d:ddd8;;\'\'\';99\x05\x05\x05\x85\x84\x84DFF\x06\x04\x04\xe4\xfd\xe7)\xa5\x94R\x08\x03\xa0d\x10\x00\xc0\x1e\x08\x82\xc0\xf3||||\xb3f\xcd"##W\xaf^M\x08INN\xbeq\xe3\xc6\xcd\x9b7/_\xbe\xfc\xf0\xe1C\x8dF\xe3\xed\xed]\xa5J\x95\xd0\xd0\xd0\xf0\xf0p\x0f\x0f\x8f\xd7~\x02zul\x00y\x00\x14\x02\x02\x00\xd86\xc6\x18\xa5\x94\xe3\xb8c\xc7\x8e\xf5\xec\xd9s\xd2\xa4I\x83\x06\rJIIa\x8c\xa9T*\xadV\xabV\xab\x11B\xe9\xe9\xe9\x8f\x1f?\x8e\x8d\x8d\x8d\x8d\x8d\xbd{\xf7nzz\xba\xab\xabk```\xadZ\xb5\xc2\xc2\xc2J\x94(\x91\xf7g\xc2\xe2\x00(\x04\x04\x00\xb0a\xe6M\xffy\xf3\xe6m\xdd\xbau\xf3\xe6\xcd\xb5j\xd5JLLT\xa9T\xe6\x7f\x801\xc6\x18\xe3y^\xa3\xd1h\xb5Z\x8c\xb1(\x8aO\x9f&gt;\xbdw\xef\xde\x85\x0b\x17bccu:\x9d(\x8a\xfe\xfe\xfe\x01\x01\x015j\xd4\x08\r\rupp0\xffW\xe4=F\x86\xc5\x01\xb03\x10\x00\xc0VI\xdb&gt;\x99\x99\x99\xd1\xd1\xd1:\x9dn\xc7\x8e\x1d\x85\x0b\x17NNN\x96\xa6\xfc\xff\x9f\xb4V`\x8c\x11BT*\x95\x83\x83\x83yq\x10\x17\x17w\xe3\xc6\x8d\xabW\xaf\xde\xbcyS\x10\x04\x0f\x0f\x8fJ\x95*\x85\x85\x85U\xae\\\xb9h\xd1\xa2y\x7f\x08\x1c#\x03{\x02\x01\x00l\x924\xfa\xdf\xbau\xabu\xeb\xd6QQQ\xf3\xe7\xcf7\x18\x0c\xd9\xd9\xd9*\x95\xea\xbf|\xa4\xa5e\x81\xb4\xcf\xc3q\x9cV\xab\x95f\xfd\xd9\xd9\xd9\xf1\xf1\xf17o\xde\xbcx\xf1\xe2\xdd\xbbw\x9f={\xe6\xed\xed]\xbat\xe9\xd0\xd0\xd0\xea\xd5\xab\x7f\xfc\xf1\xc7\x1a\x8d\xc6\xfcC\xcc;EPc\nl\x14\x04\x00\xb01\xd2\xd8M\x08\xd9\xb3g\xcf\xe0\xc1\x83\x17/^\xfc\xe9\xa7\x9f\xa6\xa4\xa4 \x84\xde{\x146/\x0e8\x8eS\xab\xd5Z\xad\x96\xe38\x84Pbb\xe2\xc3\x87\x0f/_\xbe|\xe9\xd2\xa5\x17/^dee\x15/^\xdc\xdf\xdf\xbfV\xadZp\x8c\x0c\xec\x00\x04\x00\xb0%R\xad\'Bh\xea\xd4\xa9;w\xee\xdc\xb3gO\xc5\x8a\x15\xf3n\xfa\x7f\xb8\xbc\x8b\x03\x95J\xa5\xd1h\xa4\xc5\x81\xc1`x\xf8\xf0\xe1\xf5\xeb\xd7\x7f\xff\xfd\xf7\xeb\xd7\xafK\xc7\xc8AAA\xd5\xaaU\x0b\r\r\x85\x1aS`\x8b \x00\x80\xcd\x90\xb6}222\xbau\xeb\x96\x9b\x9b\xbbk\xd7.ggg\x9dN\x97\x8f\xa3\xff\xff\x97wq\xa0\xd1h\x1c\x1d\x1d_;F\xbes\xe7\xce\xc3\x87\x0f1\xc6\xfe\xfe\xfe\x81\x81\x81\x91\x91\x91\xfe\xfe\xfey\x17\x07p\x8c\x0cd\x0b\x02\x00\xd8\x06\x93\xc9\xa4R\xa9.^\xbc\xd8\xbbw\xef\xe6\xcd\x9b\xcf\x9b7/+++77WZ\x10XF\xdecd\xb5Z\xad\xd1h\xa4cd\xbd^\x7f\xeb\xd6\xad\x1b7n\\\xbe|\xf9\xfe\xfd\xfb\x99\x99\x99\xde\xde\xde\x01\x01\x01\xd5\xaaU\x8b\x88\x88\xf0\xf3\xf3\xb3\xd8\x13\x02\xf0N \x00\x80\xdc\x997\xfd7o\xde&lt;u\xea\xd4\xd5\xabW\xb7n\xdd\xfa\x037\xfd\xf3\xeb\xa9\xcc5\xa6\xe6cd\xa3\xd1\x98\x90\x90\xf0\xfb\xef\xbf\xdf\xb8q#66\xf6\xf9\xf3\xe7\xae\xae\xae\xc5\x8a\x15\xabV\xadZ\xa5J\x95*V\xach\xdd\xc7\x06 /\x08\x00 k\xe6M\xff\xa1C\x87\x1e?~|\xdf\xbe}e\xcb\x96MJJ*\xd0m\x9f\xf7\xf0\xda\xe2@\xab\xd5\xf2&lt;\x8f\x10JLL|\xf4\xe8\xd1\x85\x0b\x17\xee\xdd\xbbw\xf2\xe4\xc9\xea\xd5\xabo\xde\xbc\xd9\xfc/\x05\x80uA\x00\x00\xf9\x926\xfd\xd3\xd2\xd2:w\xee\xacR\xa9v\xef\xde\xcd\x18\xcb\xca\xca\x92\xc6V\xd92\xaf\x0c\x10By\x8f\x91\x1f&gt;|X\xa1B\x85\xf3\xe7\xcf\x07\x05\x05IQa\xed\'\x05J\x07\x1fA S\xd2\xe8\x7f\xee\xdc\xb9\x1a5jT\xabV\xed\xc7\x1f\x7f\xcc\xcd\xcd5\x18\x0c2\x1f\xfd\x11BR\xf1\x0f\xc7q\x1c\xc7QJ\r\x06CrrrBBB\xa9R\xa5\xbat\xe92q\xe2D\x8ca\xe2\x05d\x01&gt;\x88@v\xcc\x9b\xfeK\x96,Y\xbbv\xed\xe2\xc5\x8b\xa3\xa2\xa2\x92\x93\x93m\xba\xa4\x921\xa6V\xab\x93\x92\x92\xc2\xc2\xc2\xce\x9e=\x0b\x8b\x00 \x07\x10\x00@^\xcc\xfb\xe3\xd1\xd1\xd17o\xde\xfc\xee\xbb\xefJ\x94(!\xc3M\xff\xf7 \x08B\xa1B\x85\xfa\xf7\xef\xff\xfc\xf9\xf3}\xfb\xf6\xc1I\x00\xb0:\x08\x00 #\xd2\xb6ObbbTTT\xc9\x92%w\xec\xd8a4\x1amb\xdb\xe7\xbf\x80E\x00\x90\x1b\xf8\xf0\x01Y\x90\xde\x96\xe2y\xfe\xc4\x89\x135k\xd6l\xdd\xba\xf5\xd7_\x7f\x9d\x91\x91\x91\x93\x93c\x1f\xa3?B\x08c\x9c\x9d\x9d]\xaaT\xa9\x8e\x1d;\xc2I\x00\x90\x03\xf8\x08\x02\xeb3\xb7T\x8b\x89\x89\xd9\xb2e\xcb\x86\r\x1b\xea\xd6\xad\x9b\x98\x98\xc8\xf3\xbc\xedn\xfa\xbf\x91\xb4\x08HLL\xac\\\xb9\xf2\x85\x0b\x17\xca\x96-\x0b\x8b\x00`E\x10\x00\xc0\xca\xf2^\xe5\x98\x96\x96\xf6\xe5\x97_\x16)R$99\xd9\x0e6\xfd\xdfH:\th\xd1\xa2E\xe9\xd2\xa5\x97/_\x0e\'\x01\xc0\x8a`\xea\x01\xacI\x10\x04\x8e\xe3\xe2\xe3\xe3+V\xacX\xa8P\xa1\x13\'N\xb8\xb9\xb9\xa5\xa4\xa4\xd8\xeb\xe8\x8f\x10"\x84\xe4\xe4\xe4L\x980a\xc7\x8e\x1dIII\x84\x10\x98\x84\x01k\x81\x00\x00\xd6a\xde\xf4?v\xecX\xf5\xea\xd5\x07\x0e\x1c\xb8~\xfdz\x9dN\x97\x9b\x9bk7\x9b\xfeoD\x08\xd1\xeb\xf55j\xd4\xa8R\xa5\xca\xdc\xb9s1\xc6\x94Rk?\x14P(\xd8\x02\x02V`\xde\xf7\x98&gt;}\xfa7\xdf|\xb3a\xc3\x86\xd7\xaer\xb4o\x94R\'\'\xa7\xdf~\xfb\xady\xf3\xe6qqq\xde\xde\xde\x08!;;\xed\x006\x01\x02\x00X\x9a\xf9*\xc7O?\xfd477w\xe7\xce\x9dnnn\xa9\xa9\xa9\n\x19\xfd%\xd2I@\xe3\xc6\x8d\x83\x82\x82\x96.]\n\'\x01\xc0*`\x0b\x08X\x94\xf9*\xc7\xf0\xf0\xf0r\xe5\xca\x1d&gt;|X\xadV\xa7\xa5\xa5)j\xf4G\xafN\x02\xa6O\x9f\xbem\xdb68\t\x00\xd6\x02\x01\x00,D\xea\x97\xc9\xf3\xfc\x9e={\xea\xd5\xab7u\xea\xd4\x05\x0b\x16\xa4\xa6\xa6\x1a\x8dF\xfb\xde\xf4\x7f#\xe9$ ""\xa2j\xd5\xaap\x12\x00\xac\x05\xb6\x80\x80%\x98\xb78\xa6L\x99\xb2k\xd7\xae\x82\xb8\xca\xd1\xe6PJ\x9d\x9d\x9d/^\xbc\xd8\xae]\xbbG\x8f\x1e9::"8\t\x00\x96\x05+\x00P\xe0L&amp;\x13\xc7qiiiM\x9a4\xb9v\xed\xda\xe5\xcb\x97\x83\x82\x82\x14&gt;\xfa#\x84\x08!\x99\x99\x99\x11\x11\x11E\x8b\x16\xfd\xe2\x8b/`\x11\x00,\x0f\x02\x00\x14,\xf3U\x8e5j\xd4\xa8Z\xb5\xea\x81\x03\x07\xa4{}\x15&gt;\xfaK\xa4\xd7\x80\xc7\x8f\x1f\x1f\x13\x13c4\x1a\xa19\x04\xb00\x08\x00PP\xa4M\x7f\x95J\xb5y\xf3\xe6\xb6m\xdb\xce\x9d;w\xe6\xcc\x99\xc9\xc9\xc9\xd2\xcb_\xd6~:Y\xe08N\xa7\xd3\xb5o\xdf\xde\xdd\xdd}\xe3\xc6\x8d\x84\x10X\x04\x00K\x82\x19\x07(\x10\x8c1i;{\xd8\xb0a\xc7\x8e\x1d\x93\xaerLNNV\xe0y\xef?\x13E\xd1\xc3\xc3\xe3\xbb\xef\xbe\x1b=z\xf4\xfd\xfb\xf7\xa5\xf6Gp\x12\x00,\x03V\x00 \xffI7\xba$\'\'\xb7k\xd7\xee\xde\xbd{\xb1\xb1\xb1\xc5\x8a\x15\x83\xd1\xff\x8d\xa4E@\xbbv\xed`\x11\x00,\x0f\x02\x00\xe4?J)!\xe4\xec\xd9\xb3\xbf\xfd\xf6\xdb\xc1\x83\x07m\xe5*Gk\x91VK\x93\'O\x96N\x02\xe0\x9d\x00`1\x10\x00\xa0\xa0\x10B\n\x15*d2\x99`\xd3\xff\x9f\xe5]\x04\xac_\xbf\x1e\xca\x81\x80\xc5@\x00\x80\x02$\x08\x02\xech\xff\x17\xd2"`\xfc\xf8\xf1\x1b6l@\xf06\x00\xb0\x14\x08\x00\x00\xac\x8f\xe3\xb8\x8c\x8c\x8c\xa8\xa8\xa8\x8c\x8c\x8c\xc3\x87\x0f\x13BDQ\xb4\xf6C\x01\xfb\x07\x01\x00\x80,\x08\x82\xe0\xe2\xe22`\xc0\x80I\x93&amp;!X\x04\x00\x8b\x80\x00\x00@\x16x\x9e\xd7\xe9t\x83\x06\rz\xfe\xfc\xf9\x91#G`\x11\x00,\x00\x02\x00\x00\xb90\x99LnnnC\x87\x0e\x9d8q"\x82E\x00(x\x10\x00@)\xa47\x93\x05A\x10E\x91R*\xbd\xac@)\x15EQ\x10\x049\x14\xdeH\x8b\x80\x81\x03\x07\xc2"\x00X\x06\x04\x00\xb0\x7f\xd2\xb8O\x08qvv\xf6\xf6\xf6\xf6\xf4\xf4tqq\xd1h4*\x95\xca\xc9\xc9\xc9\xc3\xc3\xc3\xdb\xdb\xdb\xd9\xd9Y\xba\xa5\xd2\xba\x8f\n\x8b\x00`I\xf0n\x0e\xb0\x7fNNN\x1a\x8d&amp;55\xf5\xdc\xb9sW\xae\\\xb9u\xebV|||ff&amp;\xa5\xd4\xc1\xc1\xc1\xcf\xcf/88\xb8v\xed\xdaU\xaaT\x91\xda\xf4[\xf1\xad\x05i\x110`\xc0\x80U\xabV\x1d:t\xa8i\xd3\xa6pY\x18(8\x10\x00\xc0\xfe]\xbf~}\xcf\x9e=?\xfe\xf8\xe3\xcd\x9b7\xdf\xf6\xcfp\x1cW\xa7N\x9d\xc9\x93\'\xd7\xa9S\'--\x8d\x10\xab-\x8eM&amp;S\xa1B\x85\xfa\xf5\xeb7g\xce\x9cf\xcd\x9aY\xeb1\x80\x12@\x00\x00\xbb%5[6\x99L\x9d:uz\xf4\xe8\x91\xf4\xff\x19\x12\x12\x12\x12\x12R\xb2dI\x0f\x0f\x0fBHzz\xfa\xbd{\xf7\xce\x9f?\xff\xf0\xe1\xc3S\xa7N\xfd\xf2\xcb/\x8b\x17/\x1e4hPZZ\x9a\xb5\xe6\xdd\x1c\xc7eff~\xf6\xd9g+V\xac\xf8\xf3\xcf?\x83\x82\x82\xa4\xd6\x1aVy\x18`\xdf \x00\x80\xdd\xc2\x18\x9bL&amp;oo\xef\xd6\xad[\x7f\xf7\xddw\xdd\xbbwo\xda\xb4iPP\x90\xab\xab+\xc7qR\xbf\x1d\x8c\xb1(\x8a\xc9\xc9\xc9\xdf}\xf7\xdd\x8c\x193\x92\x92\x92\x86\x0e\x1d\xea\xe3\xe3\xd3\xae];\x9dNg\x95\x0c\xc0\x18ggg\x7f\xfc\xf1\xc7m\xdb\xb6\x9d8q\xe2\xbe}\xfb\xe4p@\r\xec\x12\xb4\x83\x06\xf9O\xda\xb6\xde\xbf\x7f\xff\x8c\x193.^\xbc\x98\x9e\x9en\xad\t,cL\xdaU\x17E\xb1T\xa9R999\xd9\xd9\xd9\xa2(\xe6\xfd\xd8c\x8cy\x9ewww\xbfr\xe5J\xcb\x96-_\xbcxQ\xbcx\xf1K\x97.988\x88\xa2h\x95cX\xc6\x98Z\xadNJJ\n\x0b\x0b;{\xf6lPP\x90\xb4\x9a\xb1\xfc\x93\x00\xfb\x06\x1f)`\xcf0\xc6\x82 \xb8\xbb\xbb{{{\'%%eee!\x848\x8e\xe3\xf3\xe08\x8eR\xfa\xfc\xf9\xf3\xca\x95+\xcf\x9b7\x8f1\xf6\xf8\xf1\xe3\x83\x07\x0f\xba\xb8\xb8Xk\xea--\x02J\x95*\xd5\xb1c\xc7\x89\x13\'\xc2Ma\xa0\x80@\x00\x00;\'e\x80\xc9d\xe2y\xfem\x93h\x8c\xb1Z\xadNKKk\xd9\xb2e\xe9\xd2\xa51\xc6g\xce\x9c\xb1n\t\xa6t\x120~\xfc\xf83g\xce\xfc\xf9\xe7\x9fpO\x00(\x08\x10\x00\xc0\xfe\xfd\x97\x8e\xa4\xd2a\x80\x9b\x9b[hh(c\xec\xc1\x83\x07\xb9\xb9\xb9V\xcc\x80\xbc\x8b\x80\t\x13&amp;\xc0"\x00\x14\x04\x08\x00\x00\xfeF\x08\xf1\xf6\xf6F\x08eee\xe5\xe6\xe6Zw\xdb\xdd\xbc\x08\xf8\xf5\xd7_\xff\xf8\xe3\x0fX\x04\x80|\x07\x01\x00\xc0\xff\x90^\x06&amp;\x84X\xfd\xd0\xd5\xbc\x08h\xd4\xa8\xd1\xd2\xa5K\xe1\xa2\x18\x90\xef \x00\x00\xf8\x9b \x08\xcf\x9f?G\x08yzzj4\x1a\xab\x0f\xb8\x84\x90\x9c\x9c\x9c\xc1\x83\x07\x1f8p ))\xc9\\\xbd\n@\xbe\x80\x00\x00\x00!\x84\x18c*\x95*%%\xe5\x8f?\xfe@\x08\x05\x07\x07\xab\xd5j9\x04\x80^\xaf\xafY\xb3fXX\xd8\xdc\xb9sa\x11\x00\xf2\x17\x04\x00\x00\x08!$\x08\x82\x9b\x9b\xdb\x8f?\xfe\x18\x1f\x1f\x8f1n\xdc\xb8\xb1t?\xbb\xb5\x9f\xeb\xe5"`\xfa\xf4\xe9\xdb\xb6mKJJ\x82+\xe3A&gt;\xb2\xfe\xe7\x1b\x00\xab\x13\x04\xc1\xd9\xd99&gt;&gt;~\xce\x9c9\x08\xa1\xbau\xeb\xd6\xa9SG\xaf\xd7\xcb$\x00\xf4z}DDD\x95*U`\x11\x00\xf2\x97\xf5?\xdf\x00X\x97 \x08NNN999\x9f}\xf6\xd9_\x7f\xfd\xa5\xd5jcbb\xac\xfdP\xff\x03\x16\x01\xa0\x80@\x00\x00E3\x99L\xee\xee\xee\xc9\xc9\xc9QQQ\xd2\xcb_\xeb\xd6\xad\x0b\x0f\x0f\x97\xc9\xf4_b^\x04T\xae\\y\xce\x9c9\xb0\x08\x00\xf9E.\x1fq\x00,O\x10\x04\x1f\x1f\x9fK\x97.5h\xd0\xe0\xd7_\x7f\xd5h4[\xb7n\xed\xd6\xad[jj*\xcf\xcb\xabO"!$;;{\xf6\xec\xd9_\x7f\xfd\xf5_\x7f\xfd\x05\xe5@ _@\x00\x00%\x92.\x83\xf4\xf2\xf2Z\xbf~}\xe3\xc6\x8d\xef\xde\xbd[\xa4H\x91\xef\xbf\xff&gt;:::99Yn\xa3?z\xd5\xd0\xc2\xd7\xd7\xd7d2\xe9t:\x84\x10\x04\x00\xf8p\x10\x00@\x89\x18c\xee\xee\xeeS\xa7N\x1d0`@VVV\xcd\x9a5O\x9e&lt;\xd9\xb0aCy\x8e\xfe\x08!Q\x14]\\\\\xe6\xcc\x99S\xb3f\xcd\n\x15*\x88\xa2(\x9f\x1d*`\xbb\xe4\xf8Y\x07\xa0@\x89\xa2\xe8\xe9\xe99w\xee\\\xa9\xe6\xa7[\xb7n\xabW\xaf\xe68.--M\x9e\xa3?cL\xab\xd5&gt;|\xf8p\xf7\xee\xddg\xcf\x9ee\x8c\xc1]\xc1 _\xc0$\x02(\x8b4\x95&gt;s\xe6\xcc\xb4i\xd3\x10B\xdd\xbau\xdb\xbau\xab(\x8a\x06\x83A\x9e\xa3?BH\x14Egg\xe7\x98\x98\x98\xda\xb5k\x07\x07\x07\xc3\x05a \xbf\xc8\xf4\x13\x0f@\xc1\xe18n\xf9\xf2\xe5\x94\xd2\n\x15*\xacZ\xb5J\xaf\xd7\xcb\xf9\xe2u\xf3\xf4\xff\xdbo\xbf\x85\xe9?\xc8_0\x8f\x00\n\xc2\x18\xd3h4\x8f\x1f?\xfe\xe5\x97_\x10B#F\x8cpqq1\x99Lr\x9eP\xc3\xf4\x1f\x14\x1cX\x01\x00\x05\xa1\x94j4\x9aG\x8f\x1e\xa5\xa4\xa4\xb8\xba\xba\xd6\xa8Q#33S\xb6s\x7f\x04\xd3\x7fP\xc0 \x00\x80\xb2p\x1c\x97\x98\x98\x88\x10*Y\xb2\xa4\xb7\xb7\xb7 \x08r\x1eR\xa5\xe9\xff\xc8\x91#\xa5\xe9\xbf\x9c\xb7\xaa\x80-\x82\x00\x00\xca\x821\xce\xca\xca"\x84xzz:88H\xff\xb3\xb5\x1f\xea\xcd\xa4\xe9\xff\x83\x07\x0f\xf6\xee\xdd\xfb\xf3\xcf?\xc3\xf4\x1f\xe4;\x99~\xf4\x01( \x18\xe3\x9c\x9c\x1cJ\xa9\xfcg\xd3\xd2\xf4\xff\xcb/\xbf,W\xae\x1c\xec\xfe\x83\x82\x00+\x00\xa0 \x84\x90\xcc\xcc\xcc\x06\r\x1a\xec\xdb\xb7\xcf\xd3\xd33;;[\xcesj\x95J\xa5\xd3\xe96l\xd8\xb0a\xc3\x06x\xef\x17\x14\x04\x08\x00\xa0 \x18c\x93\xc9T\xb4h\xd1\xd2\xa5K\x0b\x82`0\x18d\x1b\x00\x82 \x14*T(&amp;&amp;\xc6\xc7\xc7\xa7Y\xb3f\x94R\x99\xafW\x80-\x82\x00\x00\xca\x8216\x1a\x8d999\x18c9\xef\xa8\xa8T\xaa\xf4\xf4\xf4\x15+Vl\xd9\xb2\x05A\xe7\x1fP0\xe4\xfb\x05\x00\xa0\xe0\xb0W\xac\xfd o&amp;\x08\x82\xbb\xbb\xfb\xda\xb5k\x0b\x17.\xdc\xa4I\x13\x98\xfe\x83\x02\x02+\x00\xa0,\xd2\xbb`NNN\x94\xd2\x8c\x8c\x0cyf\x00L\xff\x81e@\x00\x00\x05\xa1\x94J\x85\x95\xfb\xf6\xed\xf3\xf2\xf2\xea\xd0\xa1\x03\xcf\xf3\xa2(\xca\xea$\xc0\xbc\xfb\x0f\xd3\x7fP\xd0 \x00\x80R0\xc68\x8e\xcb\xca\xcaj\xd7\xae\xdd\x9d;w\x10Bw\xee\xdcY\xb8paZZ\x9a|FX\xc6\x18L\xff\x81\xc5\xc0\x19\x00P\n\xe9\xbd\xaa\xb8\xb8\xb8;w\xeeh4\x1a\x95J\xf5\xd3O?\xe5\xe4\xe4\xc8\xea(X\x14E77\xb75k\xd6\xf8\xf9\xf9\xc1\xf4\x1f\x144\x19}\xf4\x01(h\xd2\xe1*B(77\xd7d2\xb9\xb9\xb9\xa9\xd5jYM\xb1\t!\x82 l\xde\xbcy\xdc\xb8q\x08\xa6\xff\xa0\x80A\x00\x00\xa5 \x84\xe4\xe4\xe4\x94)Sf\xdc\xb8q\xde\xde\xdee\xca\x94\x193f\x8c\xacnW\x17E\xd1\xdd\xdd}\xef\xde\xbd&amp;\x93\xa9E\x8b\x16\x8c1Y\xadN\x80\xfd\x813\x00\xa0 R\x06L\x9f&gt;}\xd0\xa0A\x0e\x0e\x0e\xae\xae\xae\xb2\xea\x05\x841f\x8c\xcd\x9e={\xec\xd8\xb1Z\xadV\xfe\xcd*\x80\xad\x83\x00\x00\xca\xc2\x18\xcb\xca\xcarww\xa7\x94\xcaj\xf4\x17E\xd1\xc3\xc3\xe3\xbb\xef\xbe\xd3\xe9t}\xfb\xf6\x85\xce?\xc0\x02\xe0\x13\x06\x14G\xdag\x97\xdb\x08k\x9e\xfe\x8f\x1f?^:\x99\x90Uq*\xb0K2\xfa\x02\x00`1\x18cY\r\xaf\xd2\xee\xff\x9e={`\xfa\x0f,\t&gt;d\xa0\x00\xf1&lt;/\xe7\x8e\x0b\xf2\x01\xd3\x7f`\x15\x10\x00\xa0\xa0PJ\x93\x92\x92T*\x95\xf4\xb6\xad\xb5\x1fG\xbe`\xfa\x0f\xac\x05&gt;g \xff\x11B(\xa55k\xd6\xacT\xa9R\xf3\xe6\xcd5\x1a\x8d\xa3\xa3\xa3 \x08\xd6~.\x99\x92\xa6\xff\xb3f\xcd\x82\xe9?\xb00\x08\x00\x90\xff\xa4\x1dvoo\xef={\xf6\x94)S&amp;,,\xec\xc9\x93\'\xd2\x05\xbc\xd6~4\xd9\x91^\xfd\xdd\xb3gOff&amp;L\xff\x81\x85\xc1G\r\x14\x08iVK)]\xbe|\xf9\xe8\xd1\xa3\xeb\xd5\xab\xb7o\xdf\xbeB\x85\n\x89\xa2\x08G\x02y1\xc6x\x9e_\xb7n]tt\xb4Z\xad\xa6\x94\xc2\xf4\x1fX\x0c\x86o#(P&amp;\x93I\xa5R]\xbcx\xb1g\xcf\x9e\xed\xdb\xb7\x9f9sfFF\x86\xd1h\x84W\x9c\x10B\x94R\'\'\xa7\xdf~\xfb\xadE\x8b\x167o\xde\xf4\xf1\xf1A\x08A\x00\x00\x8b\x81\x00\x00\x05N\xca\x80\xb4\xb4\xb4.]\xba\xa8T\xaam\xdb\xb69;;\xebt:\x95Je\xedG\xb32\xa9\xf3s\xe3\xc6\x8d\x83\x82\x82\x96.]\n\xaf\xfe\x02\x0b\x83- P\xe0T*\x95\xf4\x9a\xeb\x91#G*V\xacX\xa5J\x15i\xb6k2\x99\xac\xfdh\xd6D)uqq9\x7f\xfe\xfc\xe5\xcb\x97\'N\x9c\x08\x9d\x7f\x80\xe5\xc1\n\x00X\x88\xf4B\x00!d\xcf\x9e=\x83\x07\x0f^\xbcx\xf1\xa7\x9f~\x9a\x92\x92\x82\x10R\xe6\xc0\x07\xd3\x7f`u\x10\x00\xc0\xa2\x04A\xe0y\xfe\xd6\xad[\xad[\xb7n\xd5\xaa\xd5\xfc\xf9\xf3333srrx^Ym\xa9\xcc\xbb\xff\xcd\x9b7\x8f\x8b\x8b\xf3\xf6\xf6F\xb0\xfb\x0f,N\x893/`E&lt;\xcf\x0b\x82\x10\x18\x18x\xf5\xea\xd5\xb8\xb8\xb8\xa6M\x9b\x1a\x8dF\x0f\x0f\x0f\xa5m\x07QJ\x1d\x1c\x1c\xa6O\x9f\xde\xbd{\xf7B\x85\nA\xf1\x0f\xb0\n\x08\x00`i\xd2\x8b\xc1\xce\xce\xce\xfb\xf6\xed\xab^\xbdz\xcd\x9a5\xcf\x9f?\xaf\xa8#\x01J\xa9\xab\xab\xeb\xb9s\xe7`\xf7\x1fX\x17l\x01\x01\xeb\x90\xde\x12\xe08\xee\xd8\xb1c={\xf6\x9c4i\xd2\xa0A\x83\x14r$ \x8a\xa2\x97\x97W\xd3\xa6M\x83\x82\x82\x96,Y\x02\xbb\xff\xc0Z \x00\x805IG\x02\xf1\xf1\xf1\xcd\x9a5\x8b\x8c\x8c\\\xb3fMvvvvv\xb6\x1d\x1f\t0\xc64\x1aM|||\xf5\xea\xd5o\xdd\xbaU\xb8pa\x04\xbb\xff\xc0J\xec|\xaa\x05dN\xda\x0e*^\xbc\xf8\xb5k\xd7\x92\x92\x92\x1a4h\x90\x9e\x9e\xee\xe5\xe5e\xc7\xdbA\xa2(:99-[\xb6\xacn\xdd\xbaE\x8a\x14\x81\xdd\x7f`E\x10\x00\xc0\xca8\x8e\x93\x1a\xe0\xec\xdd\xbb\xb7q\xe3\xc6\xf5\xea\xd5;s\xe6\x8ct$`\x7f\xcbS\xc6\x98V\xab}\xf8\xf0\xe1\xd7_\x7f=g\xce\x1c\x04s\x7f`U\xb0\x05\x04d\xc1|$p\xe2\xc4\x89A\x83\x06\xf5\xea\xd5k\xfc\xf8\xf1\xf6w$ \xd5\xfe\xf7\xef\xdf\xff\xf9\xf3\xe7\xfb\xf6\xed\x83\xdd\x7f`]\x10\x00@F\xa4#\x81\xc4\xc4\xc4\xa8\xa8\xa8\x92%K\xee\xd8\xb1\xc3h4\x1a\x0c\x06\xfb8\x12`\x8c\xa9\xd5\xea\xa4\xa4\xa4\xb0\xb0\xb0\xb3g\xcf\x06\x05\x05A\xfd\x0f\xb0.\xf8\xf0\x01\x19\x91\x8e\x04|||.\\\xb8\xa0V\xab#""\x92\x92\x92\xbc\xbd\xbd\xed\xe3H@*~\x8d\x89\x89\xa9]\xbbvpp0t~\x06V\x07\x9f? /\x1c\xc7I\xdbA\xdb\xb7o\xef\xda\xb5k\xc3\x86\r\x0f\x1c8\xe0\xe3\xe3c\xeb}\xa4\xcd\xbb\xff\xdf~\xfb\xed\xdc\xb9s\xe1\xd6\x17 \x07\xb0\x05\x04dJ\xda\x0e:w\xee\\\x9f&gt;}\xa4&gt;\xd2:\x9dN\x10\x04\x9b\xdb4\x97\xf2\xccd2\x15)R\x04v\xff\x81\xac@\x00\x00\xf9\x922 --\xads\xe7\xce*\x95j\xf7\xee\xdd\x8c\xb1\xac\xac,\x99\x1f\t\xb0W\x10B*\x95J\xa3\xd1888 \x84\x1e&gt;|X\xa1B\x85\xf3\xe7\xcf\xc3\xee?\x90\t\x08\x00 k\xe6\x99\xf2\xd0\xa1C\x8f\x1f?\xbeo\xdf\xbe\xb2e\xcbJw\xcd[\xfb\xd1\xfe\x874\xcd\x97\x86u\xb5Z\xad\xd5j\xa5\x94JLL|\xf4\xe8\xd1\x85\x0b\x17\xee\xdd\xbbw\xf2\xe4\xc9\xea\xd5\xabo\xde\xbc\x19\xa6\xff@&amp; \x00\x80\xdc\x99\xfbHo\xde\xbcy\xea\xd4\xa9\xabW\xafn\xdd\xba\xb5\xd5+DY\x1e&lt;\xcfk\xb5Zi\x9ao4\x1a\x13\x12\x12~\xff\xfd\xf7\x1b7n\xc4\xc6\xc6&gt;\x7f\xfe\xdc\xd5\xd5\xb5X\xb1b\xd5\xaaU\xabT\xa9R\xc5\x8a\x15\xad\xfb\xd8\x00\xe4\x05\x01\x00l\x83\xf9j\xc9\xde\xbd{7o\xde|\xde\xbcyYYY\xb9\xb9\xb9\x96\x9cJ\xbf6\xcd\xd7h4j\xb5\x1a!\xa4\xd7\xebo\xdd\xbau\xe3\xc6\x8d\xcb\x97/\xdf\xbf\x7f?33\xd3\xdb\xdb;  \xa0Z\xb5j\x11\x11\x11~~~\x16{B\x00\xde\t\x04\x00\xb0\x19\xd2\x91@FFF\xb7n\xddrssw\xed\xdae\x81\xab%\xcd\x83&gt;\xc7q\x1a\x8d\xc6\xd1\xd1\x11c,\x8a\xe2\xd3\xa7O\xef\xdd\xbbw\xe1\xc2\x85;w\xee&lt;|\xf8\x10c\xec\xef\xef\x1f\x18\x18\x18\x19\x19\xe9\xef\xef\xef\xe1\xe1\x91\xf7\'\x88\xa2\x88\xf3(\xb8\xa7\x05\xe0\x9d@\x00\x00[b\xde=\x9f:u\xea\xce\x9d;\xf7\xec\xd9S\xb1b\xc5\xc4\xc4\xc4|\xcc\x00iWGj\xd1\x93\xf7\x08\xd7`0&lt;|\xf8\xf0\xfa\xf5\xeb\xbf\xff\xfe\xfb\xf5\xeb\xd7\xd3\xd3\xd3]]]\x83\x82\x82\xaaU\xab\x16\x1a\x1a\x1a\x10\x10\x90\xf7\x87PJ\xa5\x9f@\x08\x81\x11\x1f\xc8\x16\x04\x00\xb01\x05q\xb5d\xdei\xbet\x84+\xc5Lbb\xe2\xc3\x87\x0f/_\xbe|\xe9\xd2\xa5\x17/^dee\x15/^\xdc\xdf\xdf\xbfV\xadZ\xe1\xe1\xe1y\xa7\xf9\x08!A\x10\xa4g\x80i&gt;\xb0\x15\x10\x00\xc0&amp;\xe5\xbdZ2**j\xfe\xfc\xf9\x06\x83!;;[\xa5R\xfd\x97\x8ft\xdei&gt;\xc7q\xe6#\xdc\xec\xec\xec\xf8\xf8\xf8\x9b7o^\xbcx\xf1\xee\xdd\xbb\xcf\x9e=\xf3\xf6\xf6.]\xbathhh\xf5\xea\xd5?\xfe\xf8c\x8dFc\xfe!\xe6i\xbe4\xd3/\xc0\x7f[\x00\n\x06\x04\x00\xb0UR\x06dffFGG\xebt\xba\x1d;v\x14.\\899Y:\x98\xfd\xff\xf2\x1e\xe1\xaaT*\x07\x07\x07\xe9\x9fLOO\x8f\x8b\x8b\xbbq\xe3\xc6\xd5\xabWo\xde\xbc)\x08\x82\x87\x87G\xa5J\x95\xc2\xc2\xc2*W\xae\\\xb4h\xd1\xbc?Dz!\x19\xf6v\x80}\x80\x00\x006\xcc\xdcNg\xde\xbcy[\xb7n\xdd\xbcys\xadZ\xb5\xf2\x1e\tH#\xbeT\xa9\xa9\xd1h\xb4Z\xedkG\xb8\xb1\xb1\xb1:\x9dN\x14E\x7f\x7f\xff\x80\x80\x80\x1a5j\x84\x86\x86J\xab\x01\t\x1c\xe1\x02;\x06\x01\x00l\xdb\xdb\xae\x96d\x8c\xa9T*\xadVk\x9e\xe6?~\xfc866666\xf6\xee\xdd\xbb\xd2\x11n```\xadZ\xb5\xc2\xc2\xc2J\x94(\x91\xf7g\xc2\x11.P\x08\x08\x00`\x0f^\xbbZr\xf5\xea\xd5\x84\x90\xe4\xe4\xe4\x1b7n\xdc\xbcy\xf3\xf2\xe5\xcb\x0f\x1f&gt;\xd4h4\xde\xde\xdeU\xaaT\t\r\r\x85#\\\x00\x10\x04\x00\xb0\x1bR\x85\xa8(\x8a\x1d:t\xc8\xc8\xc8pvvNNNvrr\n\n\n\n\t\t\x89\x8c\x8c\x84JM\x00^\x03\x01\x00\xec\x87\xf9H`\xcf\x9e=NNN\x95*U\xf2\xf5\xf5\xcd\xfb\x0f\xc0\x11.\x00yA\x00\x00\xbb"}\x9e\xcd\x83{\xde#\\\xa8\xd4\x04\xe05\x10\x00\xc0\x0e\x89\xa2\x88^m\xe8[\xfbY\x00\x90/\x08\x00\x00\x00P(X\x14\x03\x00\x80BA\x00\x00\x00\x80BA\x00\x00\x00\x80BA\x00\x00\x00\x80BA\x00\x00\x00\x80BA\x00\x00\x00\x80BA\x00\x00\x00\x80BA\x00\x00\x00\x80BA\x00\x00\x00\x80BA\x00\x00\x00\x80BA\x00\x00\x00\x80BA\x00\x00\x00\x80BA\x00\x00\x00\x80BA\x00\x00\x00\x80BA\x00\x00\x00\x80B\xf1\xd6~\x00\xf0A\x18c\x8cQ\x84l\xef\xda\x13\xb8\x9f+/\xc6\x18\xa5\x94\xe38k?\x08P\x16\xb8\x10\x06X\x87t7\xaf\xb5\x9fB^\x18c\x8c1\x88F`1\x10\x00\xb6\x8aR\x8a1~\xf8\xf0A\x8f^\xfd\x8d\xb9&amp;\x86l\xe3\xefH\x08\xa1\xa2\xd8\xb4I\x83\xe9\xd3\xa7\x99\xefpW2\xe9\x97p\xe5\xca\x95\x1b7n\xf4\xe8\xd1\x03!$\x8a"\\f\t,\x03\x02\xc0V\x89\xa2\xc8q\\\xab6]\xf8\xf4\xa3\xdd{U\x15R\r\x1c\'\xf7!\x831\x849\x92m\x14{\x8f?{\xf1\xca\x9f\xc1A\x010\xe1\x95\xfe\x8e\xc7\x8e\x1dk\xdc\xb8q\xdd\xda5\xe6\xcc\x8d\x89\xacQ\x13A\x0c\x00\x8b\x803\x00\x9b\xf4r\xd48q\xfa\xe2/{\x1e\xfc\xda\xdb\xd1[\x8bL"\xb2\x89\xc1B\xa4\xc8\xcb\xe9\xd1\xc3\xf4\x9e\xbd\x07^\xbe\xf0\x13\xa5\xd4\xda\x0f$\x0f\xa2\xd1\xfb\xe3\x8a\xc2\xc7\r\x9bD\xb5k\xd5\xb8\xee\xfcEK\xfc\xfc\x8a\xa2W\x7fhk?\x1c\xb0[\x10\x00\xb6\x8a1:r\xd4\x84\xa9\x03B\x1d\xbd\xb5\xc6g\x19\x9c\x8a\xd8\xc4&amp;\x10C\x88e\xe4\x8c\x19^sk\xdd\xad\xfb\xf6\x1fn\x15\xd5\x14\xc68\x84\x10cLd\xb4a\x8f\t\xe5kE\x1d\xdf:\'\xacr\xd5\xb1#\x86\x0c\x19&gt;Z\xa5\xe2\xa5\x8cT\xf8:\t\x14\x10\xf8T\xd9\x1ei\xc4\\\xbb\xfe\x0b\x94ym\xe0\xa0\x1abR\xa6Z\xc3q\x04s\x9c\r\xfc?\x9e\xc3\x84"N\xabZ&gt;1r\xc0\xc0\xc1&amp;\x93\x11c\xd8\x87D\x08!\xc4\x98&gt;-I\xeb\xe2\xd1i\xe2\x86\xfa#6\xcf\xdb\xb8\'\xb4|\xe0\x8f\xfb\x7f \x84\x10BDQ\x84\xdf\x12\xc8w\x10\x006F\x1a\x05\xd2\xd3u\xb3f\xcdX2\xa9\x0e&amp;\xc8&amp;&amp;\xfeyq&lt;\x16S\xb3\x9a\xb4\n)_\\7y\xea\\B\x08l\x04I\x08\xc7\x0b\x82Q\x9f\x96\xecW6\xb4\xcf\xd2CE\xeb\x0f\xe8\xdaoD\xfd\xba\xb5\xfe\xb8\xfe;\xc7q\x18cA\x10 \x06@&gt;\x82\x00\xb01\xd2\xf4\x7f\xea\x8c\x05\x95J\xea\x1b\xb5\t\x11m\xe1\xec\xf7\xff\xc3\x183\x93\xb0|\xda\'k\xd7,KHx\x8e1\x86\x0c\x90`\x8c\t\xc7\x19\xb3\xb3\x0c\x19\xba*\xcd\xbb\xf7Yy*\xc55\xa4V\xfd&amp;\x03\xfa\xf6JJJ\xe2y\x1ec,\x8a\xa2\xb5\x1f\x13\xd8\t\x08\x00[B)%\x84\xbbs\xe7\xee\x8e\xad\xab\x97\xcdhD3\xb21\xb1\xbd\xd1\x1f!D\x08\xa6\x199A\xd5Jtk\xe2&gt;`\xf0HB\x08Ll\xf3\xc2\x84`B\xb22R\x19e\xcd\x07\xcd\xed4w\xff\xa1k\t\xa1!\xe5\xd7\xaf]%R\xc6q\x1c\xa5\x14"\x13|8\x08\x00[\xc2\x18#\x04\x0f\x1f=\xb9[SO\xff*\xc5h\xa6\x91\xd8f\x00 \x84\x08G\xa8\xce0s\\\xbd\xb3\xa7\xf7^\xb8x\x196\x82\xfe?B8\x86\x98&gt;\xf5\x85\xb3\xa7o\xb7Y\xbb\xaa\xf7Y&lt;a\xc1\xc6\xaaa\xa1G\x0e\x1f\x94\x0e\x06`G\x08| \x08\x00\x9ba.\xfd\xfc\xed\xdc\x0f3\'6\x14\x9329\xde\x86\xff|\x18#\x96#x\x95\xf0\x98&gt;0\xa8\xff\xc0ap\x14\xfc6\x84\xe3\x05\x93Q\x9f\x9a\xe8_\xadQ\xdfeG\\*wn\xdf\xad\x7f\xdb\xa8\xe6q\xb7o\xc3\x8e\x10\xf8@6&lt;\x82(\x90T\xfa9e@\x88\x9b\x9f32\x8a6Q\xf7\xff\x0f8\x9e\x88I\x99\x83\x07\xd7\xe4\xb2\xff\xd8\xba\xed+\x8e\xe3`,{#\x8c1\xe1\xf8\x9cL]Nvfd\xfbA\xbd\x96\x1f\xbfG\x8b\xd5\xfe\xa4\xe1\xa4\xf1c\xd232\xa4\x1d!\xf8\xd5\x81\xf7\x00\x01`\x1b^/\xfdL\xb4\xed\xe9\xff\xdf\x18"\x1c\x9e7:b\xfc\xf8q\xe9\xe9:\xf4\xaa\xcc\t\xfc\x7f\x98p\x18\x93\xcc\xd4DN\xe5\x105ta\xb3\t;\xb6\x1c\xbc\x14^\xa9\xc2\xc6\xf5k\t!R|\xc2o\x0f\xbc\x13\xbb\x18D\xec\x9d\x1d\x94~\xbe\r\xc7a1\xd5\xd0\xb8mh\xe5\xd2\x99Sg,\x80E\xc0\xbf"\x1c\xcf\xa8\x98\x91\x9c\xe0]\xacl\x8f\x98\xef\x82;M\x1f5ci\xed\x9a\x11\xc7\x8f\x1d\x85RQ\xf0\xae \x00l\x80}\x94~\xbe\r&amp;\x98fd/\x9d\xdeh\xc7\xd6\xd5w\xee\xdc%\x84\x83\xd3\xe0\x7f\x811\xe1xc\xae\xc1\x90\x91\x16\x18\xd9\xac\xdf\xca\x13b\xe9\xc6Q\x1d&gt;\xfd\xacK\xc7g\xcf\x9e\xc2\xc1\x00\xf8\xef \x00\xe4\xcenJ?\xdf\x86\x10L3\x8d\xfeU\x8auk\xea9b\xf4\x14B\xe04\xf8?\xc1\x98`\xc2\x19\xf4i\x82`\xaa\xdbyX\xaf\x95\xa7/\xc4\x8ba\x95\xabN\x9d&lt;\xc1d2A\xa9(\xf8/ \x00\xe4\xce\x9eJ?\xdfF:\r\x9e9\xa9\xe1\x95_\xf7\x1e=~\n6\x82\xfe;B8\x84\x90&gt;-Q\xe3\xe8\xdai\xd2\xc6\xfa#7\xaf\xf9\xe6x\x85\x90\xf2;wl\x83\x1e\x12\xe0_A\x00\xc8\x9a\x9d\x95~\xbe\r\xc6\x08\x19E7_\xe7\x98\x11\x95&amp;L\x98\x0c\xf3\xd6wE8^\x14L\xfa\xb4\xe4\xa2eB\xfb.=\\\xaa\xc5\xa8\xfe\xa3\xa66\xa8W\xdb\xdcC\x02b\x00\xbc\x91\x1d\x8e&amp;v\xc6\xceJ?\xdf\x86\xe3\x89\x98\xa4\xef\xd9/RL\xffm\xf5\xda-\xb0\x08xWR\x0f\x89\xdc\xec,\x83^\x17R\xb7u\xff5g\xf4\xbe\x11R\x0f\x89\xc4\xc4Ds\x0cX\xfb1\x81\xbc@\x00\xc8\x97\xdd\x96~\xbe\x05\xc6\x98\x19\x85\xf5s\x1aL\x9f61%%\x05^\r{\x0fR\x0f\x89l\xbd\x8e\x8aB\x83\x1e\xe3;\xce\xdd\x7f\xf4\xfa\x8b\xd0\n\x15\x17/\x881\t\x02\x1c\x0c\x80\xd7\xd8\xf3\x80b\xd3\xec\xb8\xf4\xf3m\xa4\x06A\xd5\x1b\x96\xab\x19\xcc\xa6N\x8f\x81\xe6\x10\xef\r\x13\x8e!\xa4OMt\xf1\xf4\xfdt\xe6\xae\xda\x83W\xc6l\xd8]\xa1|\xd0\x8f\x07\xf6A\x0f\t\x90\x17\x04\x80L\xd9w\xe9\xe7\xdb`\x8eP\x9da\xdd\xfc\xa6;\xb6\xae\xb8y+\x0eJB?\x84\xd4C"#\xe5y\xc9\x90\xc8&gt;\xcb\x8f\x14\xad?\xa0s\xcf\xc1m\xa3\x9a\xdf\xf8\xe3\x0f\xa9TT\x10\x04k?#\xb02\x08\x009\xb2\xfb\xd2\xcf\xb7!\x18\xb1lS\x11\xffB\x03;\x96\x1c6|\x1c\xc6\xf0b\xf0\x07\x91zH\xe4\x1a2\r\x19i\x95\x9b\xf7\xe8\xb5\xec\xf8=Z,\xb2v\xbdq\xa3G$%%\xf3&lt;\xcf\x18\x83\x83\x01%\x83\x00\x90#%\x94~\xbe\r\xe1\tM\xce\x9c=\xa9\xfe\x8d+\x07\x8e\x1c\x83\x92\xd0|\x80\t\xc1\x84\xcb\xd2%qj\x87\xa8\xa1\x0b\xdb\xcd\xdc\xb3\xeb\xf4\xcd\xd0\x90\xe0\xf5kWa\x8c\xa5\xdf0\xac\xb4\x94\t\x02@v\x14R\xfa\xf96\x18!&amp;2\x95\xb3z\xdd\x8c\xda\xc3\x86\x8d\x10D\x01!8\r\xce\x07\xe6\x1e\x12^EKG\xcf\xf9\xa6z\x9f\xc5\x13\x17l\xac]\xe3e\x0f\t8\x18P&amp;\x05\x8d,6\x841:j\xb4\xfd\x97~\xbe\r\xc7a1\xcd\xd0\xaaC\x05W|o\xd1\xe2U\x1c\x07\xa7\xc1\xf9\x04c\xc2\xf1&amp;c\xb6&gt;\xf5\x85\x7f\xb5F}\x96\x1f\x15\xcb4\x8e\xea\xf0\xe9g\x9d;\xdc\xb9\x13\x07=$\x14\x08\x02@^\x04A\xe08n\xcd\xba\xad4C\x11\xa5\x9fo\x83\x11b&amp;\xe1\x8b\x85Mf\xcf\x9a\x96\x9a\x9a\x8a1\\\x19\x96o0&amp;/\x9bK\x1b\xf4u;\x0f\xeb\xb5\xe2Tl\xaaSDd\xcd\xbc\xcd\xa5!q\x15B\x89\x83\x8bl1\xc6\x08!:]\xfa\x82\xf9s6\xce\xad\x8f\x11\xc3J\x1d\xf4\x08\xc14#7\xb8Z\x896u\\\x86\x8d\x9c@\x08\\\x1a\x9c\xcf\xa4\xe6\xd2\xfa\xb4D\x8d\x93[\x9b\x91K\x9bO\xfaJj.\xfd%\xf4\x90P\x12\x08\x00\x19\xa1\x94\x12B&amp;N\x99]\xe1\xa3\x8c\xc8&amp;\x81\xa2.\x9b(\xa0\xf4\xf3m\x08G\xa8&gt;g\xf9\xcc\x86\xdf\x7f\xbb\xe5\xcf\x9b\xb7\xe0\xb5\x80\x82\xf0\xb2\x87Dj\xa2o\xa9\xa0\x9e\xf3\xf7\x06\xb4\x9d8h\xcc\xf4\xba\xb5k\x9c\xfb\xf5W\xe8!\xa1\x04\x10\x00r!\x95~\xde\xbc\x15\xf7\xe5\xd6\x15\xeb\x174\xa7i\x06\xcc)\xfa\xaf\x831b\xd9&amp;\xcf\x8f\xdc\'\xf7\x0b\xec\xd1k \xbc\x18\\@\xa4RQcvVVzJ\xf9:\xad\xfa\xae\xfe\xc9P\xa4F\xd3V\xed\xbau\xed\xf4\xec\xd9S\xe8!a\xdf\x14=\xc4\xc8\nc\x0cc4l\xc4\xb8\x81\x1dK\x16\xf1\xf7f\xd9&amp;\xc5T~\xbe\x15\xe1\x89\x98j\x18=\xbcV\xc6\xf3K\xfb\xf6\x1f\x86\x92\xd0\x82#\x95\x8af\xebu\xa2(6\xe8&gt;\xfe\xd3EG\xcf\xc7\x8ba\x95\xab.Y\x18c2A\x0f\t\xbb\x05\x01 \x0bR\xe9\xe7\x91\xa3\'\xaf_\xda?{r}\x9a\x9cI\x14y\xf6\xfb\x1a\x8c\x10\x12\x18\xafU-\x9f\x189`\xe0`\x93\xc9\x08\xeb\x80\x02\x85\t\x87\x18\xcb\xd4%i]&lt;:M\xdcP\x7f\xc4\xe6y\x1b\xf7\x84\x96\x0f\xfcq\xff\x0fp0`\x97`\x94\xb1&gt;\xc6\x18B\xd8h4\x0e\x1b&gt;r\xc1\x98\x08\x95\xb3\x9a\tT\xf1\xb3\xff\x978\x1e\x8b\xa9YMZ\x85\x94/\xae\x9b&lt;u.\x9c\x04X\x80\xd4CB\x9f\x96\xecW6\xb4\xcf\xd2CE\xeb\x0f\xe8\xdaoD\xfd\xba\xb5\xcc\xcd\xa5\xe1\x8d\x01\xbb\x01\x01`}\x94R\x8e#\xeb6nS\x9b\xe2\xba\xf7\xa9*\xa6\x18\x94Y\xfa\xf96\x18cf\x12\x96O\xfbd\xed\x9ae\t\t\xcf1\x86\x8a\xa0\x02\'5\x976fg\x192tU\x9aw\xef\xb3\xf2T\x8ak\x88\xd4\\:))\t\xde\x18\xb0\x1b0\xd0X\x19c\x0cc\x9c\x92\x922c\xda\xa4\x8ds\x1b\xb1\\Ai\xaf}\xfd+\xa9KhP\xb5\x12\xdd\x9a\xb8\x0f\x18&lt;\x92\x10x\'\xc0B\xa4\xe6\xd2Y\x19\xa9\x8c\xb2\xe6\x83\xe6v\x9a\xbb\xff\xd0\xb5\x84\xd0\x90\xf2\xeb\xd7\xae\x12)\x83\x83\x01;\x00\x01`eR\xe9\xe7\xd4\xe915\x83Y\xf5\x86\xfe4#G9m\x7f\xfe;\xc2\x11\xaa3\xcc\x1cW\xef\xec\xe9\xbd\x17.^\x86\x8d K"\x84c\x88\xe9S_8{\xfav\x9b\xb5\xabz\x9f\xc5\x13\x16l\xac\x1a\x16z\xe4\xf0Ah.m\xeb \x00\xac\xc9\\\xfa\xb9c\xeb\x8au\xf3\x9bR\x9d\xd2K?\xdf\x06c\xc4r\x04\xaf\x12\x1e\xd3\x07\x06\xf5\x1f8\x0c\x8e\x82-\xef\xe5\xc1@j\xa2\x7f\xb5F}\x97\x1dq\xa9\xdc\xb9}\xb7\xfem\xa3\x9a\xc7\xdd\xbe\r;B\xb6\x0b\x86\x1bk\xfa\xdf\xd2\xcfBP\xfa\xf9\x0f\xa4\x8b\xe3\x07\x0f\xae\xc9e\xff\xb1u\xdbWP\x12jy\xd2\x1b\x039\x99\xba\x9c\xec\xcc\xc8\xf6\x83z-?~\x8f\x16\xab\xfdI\xc3\xbc=$\xe0\x8fb[ \x00\xac\x06J?\xdf\x19C\x84\xc3\xf3FG\x8c\x1f?.=]\x87\x10\xdc\x16`\x05R\x0f\x89\xcc\xd4DN\xe5\x105ta\xb3\t;\xa4\x1e\x12\x1b\xd7\xaf%\x84H\xc1\x0c\x7f\x17[\x01#\x8eu@\xe9\xe7{\xe08,\xa6\x1a\x1a\xb7\r\xad\\:s\xea\x8c\x05\xb0\x08\xb0"ssi\xefbe{\xc4|\x17\xdci\xfa\xa8\x19Kk\xd7|\xd9\\\x1aJEm\x05\x04\x80u@\xe9\xe7\xfb\xc1\x04\xd3\x8c\xec\xa5\xd3\x1b\xed\xd8\xba\xfa\xce\x9d\xbbpg\xa45I=$r\r\x86\x8c\xb4\xc0\xc8f\xfdV\x9e\x10K7\x8e\xea\xf0\xe9g]:&gt;{\xf6\x14\x0e\x06l\x02\x0c:V\x00\xa5\x9f\xef\x8d\x10L3\x8d\xfeU\x8auk\xea9b\xf4\x14B\xe04\xd8\xca0&amp;\x98p\x06}\x9a \x98\xeav\x1e\xd6k\xe5\xe9\x0b\xf1bX\xe5\xaaS\'O0\x99LP**s\x10\x00V\x00\xa5\x9f\x1fB:\r\x9e9\xa9\xe1\x95_\xf7\x1e=\x0ewF\xca\x02!\x1cBH\x9f\x96\xa8qt\xed4ic\xfd\x91\x9b\xd7|s\xbcBH\xf9\x9d\xd0\\Z\xde \x00,\rJ??\x10\xc6\x08\x19E7_\xe7\x98\x11\x95&amp;L\x98\x0c\xb3K\xf9x\xd9\\:-\xb9h\x99\xd0\xbeK\x0f\x97j1\xaa\xff\xa8\xa9\r\xea\xd56\xf7\x90\x80\x18\x90\x1b\x18z,\rJ??\x1c\xc7\x131I\xdf\xb3_\xa4\x98\xfe\xdb\xea\xb5[`\x11 \x1fR\x0f\x89\xdc\xec,\x83^\x17R\xb7u\xff5g\xf4\xbe\x11R\x0f\x89\xc4\xc4Dh.-7\x10\x00\x16\x05\xa5\x9f\xf9\x05c\xcc\x8c\xc2\xfa9\r\xa6O\x9b\x98\x92\x92\x02\xaf\x86\xc9\x8a\xd4C"[\xaf\xa3\xa2\xd0\xa0\xc7\xf8\x8es\xf7\x1f\xbd\xfe"\xb4B\xc5\xc5\x0bbL\x024\x97\x96\x11\x18},\x07J?\xf3\x91\xd4 \xa8z\xc3r5\x83\xd9\xd4\xe91\xd0\x1cB\x860\xe1\x18B\xfa\xd4D\x17O\xdfOg\xee\xaa=xe\xcc\x86\xdd\x15\xca\x07\xfdx`\x1f\xf4\x90\x90\t\x08\x00\xcb\x81\xd2\xcf\xfc\x859Bu\x86u\xf3\x9b\xee\xd8\xba\xe2\xe6\xad8(\t\x95\'\xa9\x87DF\xca\xf3\x92!\x91}\x96\x1f)Z\x7f@\xe7\x9e\x83\xdbF5\xbf\xf1\xc7\x1fR\xa9\xa8 \x08\xd6~F\xe5\x82\x01\xc8B\xa0\xf43\xdf\x11\x8cX\xb6\xa9\x88\x7f\xa1\x81\x1dK\x0e\x1b&gt;\x0ecx1X\xa6\xa4\x1e\x12\xb9\x86LCFZ\xe5\xe6=z-;~\x8f\x16\x8b\xac]o\xdc\xe8\x11II\xc9&lt;\xcf3\xc6\xe0`\xc0* \x00,\x04J?\x0b\x02\xe1\tM\xce\x9c=\xa9\xfe\x8d+\x07\x8e\x1c\x83\x92PY\x93n\x9d\xcc\xd2%qj\x87\xa8\xa1\x0b\xdb\xcd\xdc\xb3\xeb\xf4\xcd\xd0\x90\xe0\xf5kWa\x8c\xa5\xbf\x1d\xac\xe1,\x0c\x02\xc0\x12\xa0\xf4\xb3\x80`\x84\x98\xc8T\xce\xeau3j\x0f\x1b6B\x10\x05\x84\xe04X\xd6\xcc=$\xbc\x8a\x96\x8e\x9e\xf3M\xf5&gt;\x8b\'.\xd8X\xbb\xc6\xcb\x1e\x12p0`a0\x0cY\x82T\xfa\xf9\xf9\xd0\xb1P\xfa\x99\xef8\x0e\x8bi\x86V\x1d*\xb8\xe0{\xf3\x17\xae\xe488\r\x96=\x8c\t\xc7\x9b\x8c\xd9\xfa\xd4\x17\xfe\xd5\x1a\xf5Y~T,\xd38\xaa\xc3\xa7\x9fu\xeep\xfb\xf6-\xe9`\xc0\xda\x8f\xa8\x14\x10\x00\x05N*\xfd\xfc~\xdf\xc1\xf8\xb8c3\'~B\x933\tL\xff\xf3\x15F\x88\x19\x85m\x8b\x9a\xae\\:\xfb\xf1\xe3x\xb82\xcc&amp;`L^6\x976\xe8\xebv\x19\xd6s\xd9\x89+\xc9\x0e\xf5\x1b\xb7\x989kV||&lt;\xa5\x14\xfe\x88\x16\x00#Q\x81\x93&gt;\xc7\xdf\xed\xd9\x17\xf8\xb1\xb3\xc6\xdb\x89\x99(\xcco\xf2\x17!\x98e\x9b\x82\x83\x8b0c\xda\xd9s\x17\xe0\xd2`\x1b\x82\t\x87\x11NOz\xe6\xe2U\xa4\xfb\x9c\x1d~UZM\x9b:u\xfd\xfa\xf5\xf0\xa2\x80e\xf0\xd6~\x00\xfbG\x08A\x08M\x1a?&lt;8x\xf3\x95S\x0f*W\xf5\xa3z#\xe1 \x04\xf2\x8d(P\xce\xc7y\xd1\xfc3X[\xb2m\xeb\x16\x8c1\xe9w\x0e\xe4\x8f\x8a\x02\xafR{x~\xf4\xe8\xc6\xc5\x9dS\xbb\x94p2\x9e:u\xaan\xdd\xba\x08!\xd8\x08\xb2\x00\xf8\x9e\x148\xa9\x13VPP\xd0\x90a\xa3z\x8c9\xc4\x08\xcf\xe0\x83\x9d\x7f(C\xd8\x81O|\xa8\x1b\xb3(v\xcb\xe65\x0e\x0eZJ)\x8c\x1d\xf2\xc7\xa8\xc8\x18u\xf5*\x9c\x9b\x9d\xb5w\xe9\x88_V\r\x9c\xd4;\xea\xe7\x9fO\xd7\xabW\x0fc\x0c\x7fA\xcb\x80\x00\xb0\x04\xe9=\xd5\xb9\xb3\xa7$\xe8}6m\xba\xc8y;\x89\x02,o\xf3\x07\x13)qw\x1c0\xfeH\x83\xc6\xad\x9a5m"\x9d\xb8X\xfb\xa1\xc0?a\x8cQQ\xd0\xbax\xa8\x1d\x9cN\xefZ\xba{R\xeb\xe6AN\x17\xcf\xff2p\xc8p\x9eWA!\xaf%\xc1\x16\x90%`\x8c)\x15\x9d\x9d]b\xe6\xce\x1c?\xb2g\xe7\x0e\x15\x1c\xd5\x1c\x13\x19\xccr&gt;\x10\xa5\x8c\xb8h\xae\xfc\xf4\xf0\xfbS\xcf\xef\xdcY(\xbdmg\xed\x87\x02\xff\x84\x8a\x82\xda\xc1Q\xe3\xe8\xf2\xfb\xe9\xbdW~X\x1bY\xceg\xed\x81\xdd\xa1\x15+!\x84\x04A\xe08\x0e\xf2\xdb\x92`\x05`!\x1c\xc7\x8b\xa2\xd8\xa7wt\x91R\xd5g\xc4\x9c\xe2\xbc`\x11\x90\x0f\x18c\xd8A\xddk\xec\xe1!\xc3\xc6\x96-[Vz\xdb\xce\xda\x0f\x05\xde\x8c\x8a"\xc6\xd8\xd5\xabp\xda\x8b\'_N\xee\xf4\xe2\xe4\xaa-\x8b&amp;\xed\xdd\x7f0\xb4b%\xa9\xf6\x1f\n@-\x0fV\x00\x16\x851Y\xb9&lt;\xa6q\x83\xba\x83{\xbd(Y\xca\x8d\x1aL\xf0&gt;\xf0{\x13\x05\xcay;}\xb5\xed\xea\xdd\x04\xed\x99i\xe3`\xf4\x97-F)B\xc8\xd9\xdd++#m\xff\x8a1\x19qg&gt;\xef\xfd\xd9\x88\xb1\x13x\xeee\xfb&amp;\x9e\x87\x81\xc8:\xe0\x0bc9\xd2\xcb\xee\xf5\xea\xd6i\xde\xaak\xbfqG\xb0F\r\x95\xce\xef\x8d1\x84\xd4\x9c&gt;%g\xf0\x8c3\xcb\x96-r\xf7\xf0\x84\xfd\x1f\x19\x92\xb6\xfb\x1d\x9c\\\x1c\\\xdc\xce\xfd\xb0\xe9\xebq\xcd#\x8a\x18/\xfcrj\xcc\x84\xc9&lt;\xc7\x89\xa2(\xb5\x05\xb5\xf6c*\x17\x04\xafEI%\xea\xeb\xd7.\xf1\xf5+}\xf2\xd0\xed\xfaM\xcb\x8ai9\x1c\x94\x84\xbe;Q\xa0\xbc\x8f\xeb\x8c\xe1\x07\xfc&gt;\xae\xde\xbfo\x0f8\xfb\x95!*\n*\x8dV\xeb\xecv\xf3\xdc\x91\x0b\xdf.\r\xf6s8\xf6\xc3\xae\n\x95\xc2\x11B\xd2\xd0\x0f\x7f2\xab\x83\x00\xb0(\xa9$\xd4\xc7\xc7w\xd2\xc4\xb1}&amp;\xcf\xb9_\xbf\x0c\xe60C\x08\x12\xe0\x9dP\xca8\x17\xf5\xc3\xeb/V\xec\xbc{\xf4\xc4F\x84\x08BP:"#\x94\x8a\x1c\xc7\xbbz\x15~\xf6\xe0\xe6\x9e\xf9\x03\\\x0c\x8f\xd7\xcd\x9d\x1e\xd5\xa6=\x82\xa1_f`\xf1eiRI\xe8\xf4\xa9\x13\xf4\x82\xdf\x92\x95\xbf\x12\x0f-\x85\xd3\xe0w\xc4\x18\xc3\x1au\xbfqG\x9a\xb7\xeaZ\xafn\x1d\x98\xfe\xcb\x07\xa3\x94Q\xea\xe4\xea\xc9\x18\xdb\xbfb\xcc\xa9\xc5=\x07\xb7\x89\xbc\x1a\x1b\x1b\xd5\xa6\xbd\xf4r\xaft+\xa4\xb5\x1f\x13\xbc\x04+\x00K\x93v\x81x^\xb5\xfd\x8bu-\x9a5\xe9\xf3i\x98\xab\xab\n\xfaC\xfcw\xa2\xc88\x0f\xc7\x93\x87n\x9f\xb8\x92\xf3b\xff\x12x\xedK&amp;\x18c\x8cR\x07\'\x17B\xb8\xab\xc7\xbf\xbd\xb6wY\x9bF\x9136\x9d*\\\xc4\x0f\xbd\xea\x88e\xedg\x04\xaf\x83\x15\x80\x15H\xa7\xc1\xcd\x9a6\xae\x12Qw\xf8\xb4\xe3\xc4\xc5\x81\x8a\xb0\x08\xf8O\x18B\x88\xc3B\x8e\xd8w\xca\xa9I\x13\xc7\xfa\xf8\xf8B\xe3\x079\x90::\xb8x\x14\xfa\xeb\xe6\x95mc[\n\xbf\x7f\xfb\xfd\xce\x8d\xeb7}Q\xb8\x88\x9f(\x8a\x8c1\x18\xfd\xe5\tV\x00\xd6!]b\xbem\xeb\xba\xc0\x80\x80\t\xb1\xcf\xfc\x83\xbci\x16\x94\x84\xfe;*P\xce\xc7y\xdd\xcasi\xb9\xbe\xd3\xa7N\x80\xd2O\xabcT$\x1c\xef\xe2\xe1\x93\xf4\xf4\xc1\x0fKGhuq\xf3\xc7\x8d\x88\xee\xd1\x1b\xc1v\xbf-\x80/\x8fuH\'\x01\x01\xe5\xcau\xef\xd9\xbf\xdb\xc8CX\xa3\x86\x82\xd0\x7f\xc5\x18\xc2\x0e|\xfa\xb3\xcc\xe1\xf3.\xadY\xb9\x90\xe7UP\xfaiE\xd2v\xbf\xa3\xab\x07B\xf8\xc8\xa6\x99Gc&gt;\xebZ\xabtlllt\x8f\xde\xb0\xddo+ \x00\xacF\xca\x80\xe5Kc\xae?\xe0\xbf\xda\xfe\x1b\xe7\xa1\x15\x05H\x81\x7fBEJ\\\x1c\x86M9\x16\x1a^\xb7K\xe7N\xb0\xadl-Ru\xbf\xc6\xd1Y\xeb\xecv\xf5\xd8\xee]c\x9b\x06\xaa\x9f\xfez\xfa\xe8\xacy\x0b\xd4j5T\xf7\xdb\x10\xd8\x02\xb2\x1a\xe94\xd8\xcd\xcd}\xd9\xb2E\x83F\xf5\xe9\xd0\xae&lt;\xe11c\x08\xe6Lo$\xb5\xfd\xb9\x1d\xfbl\xdb\xfe\xc7\xb7o\x1f\x83\xb9\xbf\xb5\xbc\xaa\xeew\xbd\xf7\xdb\xd9\x9f\xb7\xcd\n*\xac\xdd\xbb}}\x8d\xdau\x104\xf3\xb1A\x90\xd2\xd6D\x08\x11)\xed\xd3\xbb\x9bG\xe1\xf2\xd3c~"^Np\x1a\xfc6\x0c!\xac\xe6\xbb\x8f&gt;\xdc\xbdg\xffr\xe5\xca\xc1\xee\xbf\xe5Q*"\x84\\\xbd|3u\xc9{\x16\r\xfbm\xcb\xc8\xf9\xe3\xfa\x9d&lt;\xfdS\x8d\xdau\xa4\x93^h\xe6cs`\x05`M\x18cD)\xcf</t>
        </is>
      </c>
    </row>
    <row r="497">
      <c r="A497" s="1" t="n">
        <v>495</v>
      </c>
      <c r="B497" t="inlineStr">
        <is>
          <t>triangle</t>
        </is>
      </c>
      <c r="C497" t="inlineStr">
        <is>
          <t>What is the missing number of the part denoted with a question mark?</t>
        </is>
      </c>
      <c r="D497" t="inlineStr">
        <is>
          <t>['2', '6', '5', '9']</t>
        </is>
      </c>
      <c r="E497" t="inlineStr">
        <is>
          <t>5</t>
        </is>
      </c>
      <c r="F497" t="inlineStr">
        <is>
          <t>There are three groups of numbers with a triangle arrangement in the image. The first group is [1, 2, 2], the second group is ['?', 6, 30], and the third group is [7, 9, 63].</t>
        </is>
      </c>
      <c r="G497" t="inlineStr">
        <is>
          <t>We observe that the number 2 is the product of 2 and 1. Similarly, the number 63 is the product of 9 and 7. Hence, the pattern is that the rightmost number in each group is the product of the other two numbers.</t>
        </is>
      </c>
      <c r="H497" t="inlineStr">
        <is>
          <t>Based on the pattern that the rightmost number in each group is the product of the other two numbers, the missing number of the group ['?', 6, 30] should be 5.</t>
        </is>
      </c>
      <c r="I497" t="inlineStr">
        <is>
          <t>b'\x89PNG\r\n\x1a\n\x00\x00\x00\rIHDR\x00\x00\x02\x00\x00\x00\x02\x00\x08\x02\x00\x00\x00{\x1aC\xad\x00\x00\xba\x9eIDATx\x9c\xec\x9dwx\x14U\xf7\xc7\xcf\x9d\x99\x9d-)\xbb\x9bF\xef\x10\x08\x10J \xf4\xd0K@\x14\x94\x0e\xa2t\x14\xd4\x17P)\x8a4A\x04Ax\x05, Mi"\x02\n\n\xa1+\xbdII(\x81\x10 \xd4\xf4\xedu\xe6\xde\xdf\x1f\x17\xf6\xcd\x8f\xa2\xa4o\x92\xfby||\xc8\xec\xec\xec\xdd2\xe7{\xee\xb9\xe7\x9e\x83\x08!\xc0`0\x18\x8c\x92\x07W\xd8\x03`0\x18\x0cF\xe1\xc0\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c2\x04\x80\xc1`0J(L\x00\x18\x0c\x06\xa3\x84"\x14\xf6\x00\x18\xf9\x0e!\x84\xfe\x9f\xfe\xc3\x03zL!\x8d\x8b\xc1`\x142\xe8\t\xa3\xc0(\x1e\x10B0\xc6\x84\x10\x84\x10\xcf\xf3/x&amp;\xc7qL\x0f\x18\x8c\x92\x03\x13\x80b\x05!D\x96e\x8e\xe38\xee\x7f\xc1=Y\x96\xcdf\xf3\xc3\x87\x0f\x1f&lt;x\x00\x80\x00\x1e}\xe3\xd5\xabW\xf7\xf3\xf3\xd3\xe9tY\xaf \xcb2\x000%`0J\x02L\x00\x8a\t\x18c\x8c\xb1 &lt;\x8a\xe9edd\x9c?\x7f\xfe\xf0\xe1\xc3\'N\x9c\xb8{\xf7\xee\xc3\xe4d\x93\xc9\xe4r:\xb3&gt;\xc5\xcf\xdf_\xa5TV\xabV\xad|\xf9\xf2\xadZ\xb5j\xd1\xa2E\x9d:u4\x1a\r}T\x92$\x9e\xe7\x99\x0c0\x18\xc5\x18&amp;\x00E\x1e\x1a\xc3\xa1q\x1e\xb3\xd9\xbc}\xfb\xf6_\xb6n=~\xecxJJrv/U\xa5J\x95v\xed\xda\xf5\xef\xdf\xbf}\xfb\xf6\xf4\x82t&gt;\xc1d\x80\xc1(\x960\x01(\xc2d5\xfdqqqk\xd7\xae\xdd\xfc\xf3\xcfI\xb7o{N\xf0\xf3\xf7\xafZ#\xacT\xd9r\xd5k\xd6\xf1\xf1\xf1\xadY\xb7&gt;\x96%\xba\xfa+\xb9\xdd\x97c\xffv\xd8\xed\xf1\x97.&lt;\xbc\x7f\xefv\xe2ug\x96\xf9A\x83\x06\r\x06\r\x1a4x\xf0\xe0R\xa5J\x01\x80,\xcb\xff\xbc\x90\xc0`0\x8a"L\x00\x8a*\x18c\x1a\xe8\xbfw\xef\xde\xb4i\xd36n\xdch\xb7\xdb\xe9Ce\xcbWl\x16\xd5\xbeM\xa7\xe8Zu\x1b\x96\xabPY\xa9\x12\x05\x010\x01Y\xfa\x7fW\x10\x14\x00\x04$\t\xac\x16s\xd2\xcd\x84\xd8sg\x0f\xc6\xec8s\xfc\xb0\xd1\x90IO(]\xba\xcc\xd8\xb1c&amp;N\x9c(\x8a"\xc6\x98\xa5\x0c1\x18\xc5\x0c&amp;\x00E\x12I\x92\x04Ap\xbb\xdd\xdf~\xfb\xedg\x9f}\xf6\xf0\xe1C\x00\x10E1\xb2e\x9b\x01C\xdej\xd4\xacUH\xe9\x10\x8c\xc1\xe9t\xb9\x9c\xceGI&gt;\x00Y\xcd7\x01\xf0\x1c\xe4xA\xa9T*U\x82$\xc1\xdd\xdb7\x8e\x1c\xd8\xb3i\xcdwW\xe2.\xd03\xc3\xc3\xc3\xe7\xcd\x9b\xd7\xb5kW`S\x01\x06\xa3x\xc1\x04\xa0\xe8A\xad\xff\xf5\xeb\xd7\x87\x0e\x1dz\xf4\xe8Qz\xb0\xdb\xab\xfdF\xfdgb\xcd\xda\xf5\x04\x85`\xb3\xda\xdcn\x17\xc0\x8b\xa7u\x12\x8c\t!\x18\x01\x12U*\x8dFi6\xdb\xce\x1e\xff\xeb\xab\xcfg\\8{\x92\x9e1b\xc4\x88/\xbf\xfc\xd2\xcf\xcf\x8f\xbez\xbe\xbd9\x06\x83Qp0\x01(J\xd0\xcd\\\x1c\xc7m\xde\xbcy\xec\xd8\xb1iii\x00P/\xa2\xc9\x7f\xa6\xccl\xd9\xae\x0b!\xc4f\xb5\xd0\x13r\x1c\xab!\x84`,s\x1c\xef\xe7\xefg\xb5Xvl\xd9\xb8d\xde\x8c\x94\x87\xf7\x01 ""\xe2\xfb\xef\xbfo\xd8\xb0!\xd3\x00\x06\xa3x\xc0\x04\xa0\xc8\xe0\xb1\xfe3g\xce\x9c1c\x06=\xf8\xf6\x84\x8f\xdf\x9a\xf0\xb1\xc6Gm4\x18\xe9N\xae\xbcz9\x1a\xed\xd1\xea|\xef\xdc\xba=\xe7\xe3\t{vl\x05\x80\x80\x80\x80o\xbe\xf9\xa6o\xdf\xbeL\x03\x18\x8cb\x00\x13\x80\xa2\x81\'\xe1g\xd4\xa8Q+V\xac\x00\x80\xe0R\xa5g/Z\xd1\xf9\xe5\xee\x86LK\xfe\x85\xe6%\xc9\xadV\xfb\x88\xa2\xe2\xfb%\x0b\x16}6\xd5\xedr\x01\xc0\xf2\xe5\xcbG\x8e\x1c\xc94\x80\xc1(\xea0\x01(\x02\xd0\xfd\xbd\x82 x\xac\x7f\xedz\x11\xdf\xac\xdfV\xb6|EC\xa6!\xbf\xb7ka\x8c\x01  \xd0\xff\xc8\xc1Cc\xdfx\xcdd\xc8\x04\xa6\x01\x0cF\xb1\x80\t@\x11\x80\xda\xd9\xb7\xdez\xeb\xbb\xef\xbe\x03\x80\xda\xf5"Vm\xd9\xa5\xd5\x05X,fAP\x14\xcc\x18\xdcnwP\xb0\xfe\xd4\xd1\xa3\xa3\xfaw7\x19\r\x00\xb0f\xcd\x9a7\xdf|\x93i\x00\x83Qta\x02\xe0\xedP\x0b\xbb|\xf9\xf2\xd1\xa3G\xc3c\xeb\xef\xa7\xd5\xd9\xad6\xbe`-\xaf\xe4v\xeb\x83\xf4g\x8e=\xd2\x00\x1f\x1f\x9fC\x87\x0e5n\xdc\xd8\xb3#\x81\xc1`\x14-\x98\x00x5\xd4\xb6\x9e&lt;y\xb2E\x8b\x16\x18\xe3\x1a\xb5\xea\xfc\xf8\xdb\x01?\xad\xcen\xb3\x17J&gt;\xbe\xe4v\x07\x04\xe9O\x1d=:\xbcO\x17\x9b\xd5Z\xa5J\xd5\xb3g\xcf\xd0rrl\x8f\x18\x83Q\xe4`\x8e\x9b\xf7B\xb59==}\xe0\xc0\x81\x84\x10\x8d\xc6\xe7\xf3ek\x02\x82\x82lV[a\xed\xc6\x12\x14\x8a\xf4\xb4\xcc\xe6mZN\x9c\xf1\x05\x00\xdc\xbc\x998j\xd4(\xba@](\xe3a0\x18\xb9\x81\t\x80\xf7B\xdd\xff\xf7\xdf\x7f?11\x91\x10\xf2\xe1\xcc/"\x9a46d\x1a\x0b7\xe6\xaeP(\xd2\x92\r\x83G\xbd\xfdJ\x9f\xd7\x01`\xcb\x96-?\xfe\xf8#\xcf\xf3\xb4\x8e4\x83\xc1(B\xb0\x10\x90\x97B3;\x0f\x1f&gt;\xdc\xae];Y\x96;w\x7f\xed\xdb\r\xbfd\xa4\x19\n8\xee\xffL\x08!&lt;\xcf\xbb]\xae\xd7\xda7\xba\x9bt+$$\xe4\xf2\xe5\xcbZ\xad\x96\x15\x0bb0\x8a\x16l\x06\xe0\x8d\xd0\xfe\\N\xa7s\xfc\xf8\xf1\xb2,\xeb\x02\x02?\x9a\xb3\xc8ju \xefXkE\x08\xb9].\xad^7y\xf6"\x8c\xf1\xc3\x87\x0f\xa7M\x9b\xc6q\x1c\x0b\x041\x18E\x0b\xaf0(\x8c\'\xa0\xc1\x9fM\x9b6\x9d={\x16\x00\x06\r\x1f[\xa9jE\x87\xdd\x91\'\xc96\xe41\xb9\xb9\x08/\x08&amp;\x83\xa9C\xd7\xee\xcd[w\x00\x80\xef\xbe\xfb\xee\xea\xd5\xabL\x03\x18\x8c\xa2\x05\x0b\x01y#t\xe7W\xfd\xfa\xf5\xaf^\xbdZ\xa5F\xcd-{O\x01\x02\xc0\x04r\x1d`\xc1\xb2,(\x14THd\x19\x13\x92s{\x8d1\xd6h4\xf1\x97\xe3\x06tke\xb7YG\x8c\x18\xb1b\xc5\nV.\x94\xc1(B\xb0\x19\x80\xd7!\xcb2B\xe8\xf0\xe1\xc3W\xaf^\xc5\x18\xf7\xe83X\xa7\xf7\x95\xdcR.\xad?!\x04\xcb\xb2\xafVk\xb7Y3\xd2\xd32\xd3\xd3\\NGnB\xf6\x1c\xc7Y\xad\xd6\xba\r\x1aD\xb6\x88\x02\x80\xdf~\xfb---\x8d\xe38\xe6R0\x18E\x05&amp;\x00^\xca\xf7\xdf\x7f\x8f1\x0e\x0c\x0ey\xb9\xf7 \x8b\xd9\x91K\xb7\x9a\xb6s\xd1\x07jwl^\xffj\xfb\xc6=\xda4x\xa9U\xf8\x9e\xdf\xb7\xfa\xfai\xe4\'\xda\xc4d\x07\x04\x80e&lt;p\xd8X\x8e\xe3SRR\xb6m\xdb\x86\x10b\xe9@\x0cFQ\x81\t\x80wA\x13l\x1e&lt;x\xb0s\xe7N\x00h\xd5\xaeK\xa5\xaa\x15\x1d\x8e\\\xb9\xea\x92$\xa9\xd4jA!|:y\xc2\x07o\xbd\xfe\xe0n\x92!#\xddl4\xe4r\x06\x00\x00\x1c\xcf[\xad\xf6\xe6Q\xed+W\xab\x8e\x10Z\xb5j\x15\xdb\x15\xcc`\x14!\xd8\xbd\xea]P\xf7y\xcf\x9e=&amp;\x93\t\x00:t}E\x96I.\xad\xbf&gt;@w\xffn\xd2\xf0\xde\xd1\xab\xbf^D[\x05\x08\x82\x80\x10B(\x0f\xbe}Ir\xfbi5Q\x1d\xba\x12B\xce\x9f?\x9f\x90\x90\xc0\x96\x82\x19\x8c\xa2\x02\x13\x00\xef\x82\xda\xfa?\xff\xfc\x13\x00J\x97-\xdf\xb8yk\xbb-\x87\xc9?4\x16\x1f\x18\xac\xdb\xfb\xfbo\x03\xba\xb6:u\xf4O\x00\xc0\x18\xf3\xbc@\x9bD\xe6\xc9\x809\x84\xdcn\xdc!\xfa\x15\x9e\xe7\x1d\x0e\xc7\xb1c\xc7\xe1q\x01Q\x06\x83\xe1\xe50\x01\xf0.8\x8es\xbb\xdd\'O\x9e\x04\x80:\xf5\x1b\x05\x97\nq\xb9\\9\x98\x01\x10B\x10\x87D\xa5\xf8\xe5\xac\xe9o\x0f\xea\x91\x9e\x9a\x0c\x00\xfa\x80\xe0\x19\x0b\xbeV\xfbh\xf2\xd0@#\x8es\xd8\x1d5\xeb\xd4\x0b)S\x16\x00\xfe\xfa\xeb/`u\x81\x18\x8c"\x02\x13\x00/\x82.\xd5&amp;$$\xdc\xb8\x91\x08\x00\x8d\x9bG\xf1&lt;@N]uQ\x14\'\x8c\x1c\xb4\xf4\x8bY\nQI\x08\xa9Z\xa3\xe6\xc6]\x87Z\xb6\xedd6\x1a\xf30L\x8f\x10r\xbb\xdd\xfa\xc0\xc0\xf0\x06\x91\x00p\xe2\xc4q\x87#o\xf6+0\x18\x8c\xfc\x86\xdd\xa8^\x04\r\xcb\xdc\xbau\xcb\xe9t\x00@\xb5\xd00I\xca\xa17M\x08\xe19\xbeyT{\x00p\xbb\x9c\x9d^zu\xdd\xce\xbfj\xd5\xa9\x9d\x9a\xfc\x10\xf2\xdaC\'\x84(\x14P\xb5F-\x00x\xf0\xe0\xa1\xc9dB\x88\xed/a0\x8a\x00\x85_X\x86\xe1\x81\x1a\xcd\xf3\xe7/\x00\x80\xbfV[\xa1rUw\x8e\xe2?\x00\xc0q\x9c\xcdj\x1d2\xe6\xed\xc4\x84\xab\x1c\xc7\x7f\xfc\xd9B\xab\xd5n\xb1\xb8\xf3c\x97\x16\x87\x90$A\x8d\xb0\xba\x00`2\x19\xe3\xe3\xe3CBBh\x03\xcb&lt;\x7f-\x06\x83\x91\x870\x01\xf0:\xacV+\x00\xf0\xbc\xe0\xeb\xeb\x871\xce\xf1\xfe/\xc4q\x99\xe9\xe6\x893\xbf\x10x\xc1b\xb6J\x92\xa4T\xaa\x08\xe4\x8bcN\x08\xf8ku\x00\x801\xb6\xdb\xed\xf9\xf1\x12\x0c\x06#\xcfa! /\x82\x86\xce\xcf\x9e=\x03\x00\x15*W\xd5\xea\x03%I\xca]\xb8\x06\xb9\x9cN\xab\xd5B\x08\xc9\xbf\xb8&lt;\xad\rW\xbeb\x15?\x7f-\x00\x9c&gt;}\x06\x1e\xcff\x18\x0c\x867\xc3\x04\xc0\xebp\xbb\xdd\x00\xe0\xeb\xe7\xafT\xa9r\x9f\xae\x83\x10\xa2\xb9\xffy1\xb4\xe7\xbe\x06\xc6\xd8\xcf\xdf_\x14Ex&lt;~\x06\x83\xe1\xfd0\x01\xf0:\xa8\xb1\xc6\xb2\\\xb4\x9ch\xcf\x80Y\x0e(\x83QT`\x02\xe0uP\x03Z\x94l?\x00d\x190\x13\x00\x06\xa3\xa8\xc0\x04\xc0\xeb\x90$\t\x00\x04A\xe0\xb8"cI\t!\x82 \xd0\xda\x12t\xfc\x0c\x06\xc3\xfba\x02\xe0E&lt;*\xde\x10\x18\x08\x00\xc9\x0f\xee\x9b\x8cF\x9e\xe7\xbd?\x10D\x08Q(\x14\x0f\x1f\xdc\xb3\xd9,\xf0x\xfc\x0c\x06\xc3\xfba\x02\xe0EP[_\xa7N]\x00HKyh\xb7Z\x8aF*=!\xbc \xa4\xa7\xa5\xdam6\x00\xa8W/\x1cX \x88\xc1(\n0\x01\xf0:\xf4z\x1d\x00\xb8\x9c\xce\xb4\xd4d^\x10r\\\n\xa2\xc0 \x00\x1c\x07\xc9\xf7\xee\x00\x80(\x8a\xbe\xbe\xbe\xc0\x04\x80\xc1(\n0\x01\xf0"\xa8\xd1\xac_\xbf&gt;\x00\xd8l\xd6{w\x92\x14\n\xa1H\x84\x80x\x1en\xdd\xb8\x06\x00~~\xfe5j\xd4\x00&amp;\x00\x0cFQ\x80\t\x80\x17A\x8df\x95*U\xfc\xfc\xfc\x01\xe0\xf2\x85\xb3&lt;\x0f\xd8\xeb\x05\x80\xe38\x87C\xbe\x1c{\x1e\x00\xaaV\xad\xe2\xe3\xe3CH\xaez\x180\x18\x8c\x82\x81\t\x80\x17A\x1b\xeaV\xa8P!,,\x0c\x00\xfe&gt;u\xd4\xe5\xca\xc7\x1d\xbcy\x02!D\x14\xc5\xb4\xe4\x87\xf1\x97.\x02@\xabV\xad\x14\n\x05\xeb\n\xc9`\x14\t\xbc\xda\xb8\x94@dY\xe68\xaey\xf3\xe6\x00p%\xf6\xfc\xdd\xdb7\x95J\x957G\x810\xc6*\xb5\xf2\xfc\x99\x13\x99\x19i\x00\x10\x15\xd5\x1aX\xfc\x87\xc1("0\x01\xf0.\xa8\xe9\xec\xd8\xb1\x03\x00\x18\r\x99G\x0f\xedUkD\xec\xdd\x0e5\xe2\xd0\xbe\xdf\xb7\x13B\xb4Zm\xd3\xa6M\xe0qQ\xa3B\x81&lt;Ea\x8d\x84\xc1\xf0~\x98\x00x\x17\xd4t\xb6i\xd3\xa6\\\xb9\xf2\x08\xa1\x03\xbb\x7f%\x04r\\\x104\xbf\xa1\xf1\x9f\xf4\x94\xf4\xe3G\x0e \x84Z\xb7n]\xb6lY\xda\xd6\xa6\xc0\xc6\x801\x96eY\x92$Y\x96\xe9K?\x81\xe7\x04I\x92\xf2\xb0\x17&amp;\x83Q\x0c`\x02\xe0] \x84$I\xf2\xf3\xf3\xeb\xdf\xbf\x1f!\xe4\xd4\xd1\xbf.\x9e=\xab\xd1\xe4i\x13\xc7\xc7\xe4\xfeRX\x965&gt;\xea\xdd\xbf\xfd\x9c\xf2\xe0&gt;!d\xd4\xa8QPPu@\xa9M\xa7UNy\x9e\x17\x04\x81\xe7y\x8e\xe3\xecv{ff\xa6\xc1`0\x18\x0c\x99\x99\x99F\xa3\xd1s\x82 \x08\xb4.\x9e,\xcbrQ+\xb5\xc4`\xe4\x07\xac\x1f\x80\xd7A\'\x01C\x87\x0e\xfd\xea\xab%v\x9bu\xfbO?\xccj\xf6_\xab\xc5\x9a\'q\x15\x1a\x15\xa1\xd5\x1a\x08\xc9u\xa9Q\x8e\x93$\xbce\xddJ\x84P\xb5j\xd5:t\xe8\x90\xafu\xa7\x01\x80\x10\x821\xa66\x9d\x1e\xb9s\xe7\xce\x993gbcc/^\xbch4\x1ao\xdc\xb8a6[\x10\x02\x02\x00\x04x\x81\xaf\x1d\x16\xa6R\xa9\x1a7n\\\xb5j\xb5\xa6M\x9b\xd4\xa8QC\x10\x1e\xfd\xeceY\xa6\xd5R\xf3o\xc0\x0c\x867\xc3\x04\xc0\xeb\xe08\x0ec\\\xa7N\x9d\xa8\xa8V\x07\x0f\x1e\xfc}\xdbOC\xde\x1e\x1f\\\xaa\xb4\xdb\xed\xce\xa5\xdbN+\xf6\xf8iu&lt;\xc7\xcbX\x16s\xb7\xbc,\xcb\xb2\xbf\xd6\x7f\xdf\xef\xbf]\xbex\x8e\x102x\xf0`\xb5Z-I\x92\xc7\xbc\xe6-\xd4\xf4\xf3&lt;OM\xff\xb1c\xc7\xb6m\xdbv\xe4\xc8\x91\xcb\x97/\x9bL\xa6\x7fxb\xf2\xc3\x87\x00\xb0k\xd7.\x00P*\x955j\x84FF6\xee\xd1\xa3Gtt\xb4R\xa9\x04&amp;\x03\x8c\x12\x0c\xeb\xdd\xea\x8d\xc8\xb2\xcc\xf3\xfc\xa1C\x87\xda\xb5k\x07\x00\xaf\xf4\x19\xf4\xdfU\xeb\xd2R\r\xb9\xb4\xad4\xbed\xb3\x98\x01\x01\x10P\xa95\xa2R\x99\x9b\x1f\x00\xc7q=\xdb6\xbc\x99p-(((...888\xaf\x82KO@?\x10\x00HNN\xfe\xed\xb7\xdf\xd6\xfe\xf0\xc3\xd1#G\xb2\x9e\xa0\xd3\x07\x84\x94.\x1b\\\xaatPH\x99\x8a\x95\xab\xb8\xdd\x12\x00\xf0\x82`\xc8L\xbfy=\xdeb6\xddM\xba\x99\x91\x96\x9a\xf5)\xb5\xeb\xd4\xe9\xdb\xa7O\xbf~\xfdj\xd5\xaa\x05\x00\x92$\xf1&lt;\xcf\xf2\x97\x18%\n&amp;\x00^\n5y}\xfb\xf6\xfd\xf9\xe7\x9fE\xa5r\xed\xb6\x03\x11M\x9a\x9a\xcd\xb9\xad\x0e\x84\x10\xe2y\x9e\x00 \x00Y\xc69\x8e\x02Inw`\x88\xfe\xbbE\x0b\xe7M\xfb\x00!\xb4`\xc1\x82\t\x13&amp;\xd0%\xd6\xbc\xad_DcV\x1c\xc7\x19\x8d\xc6E\x8b\x16-_\xbe\xfc\xc1\x83\x07\xf4!Q\xa9\xac\xdb\xa0Q\xb3\xa8\xf6\r\x1a7\x0f\r\xab\xeb\xaf\xd5\xf9\xfa\xfb#\x04\x82\x02\x08\x01j\xc81\x06Y\x02\x87\xc3a4d\xdc\xb9\x95x\xf1\xef\x93\xa7\x8f\xfdu\xe6\xf8a\xa3!\x93^D\xa3\xd1\xf4\xef\xdf\x7f\xd2\xa4I\xa1\xa1\xa1\x00@\xe3Ky8~\x06\xc3\x9ba\x02\xe0\xa5\xd0\x84\x96\x9b7o6l\xd8\xd0d2\x85\xd5m\xf0\xf3\xdecn\xb7\x9c\xfbM\xb6\x9eo&lt;\xc7\xd7\xc1\xb2\xac\xf6\xf1\xb9\x95p\xbdO\xe7&amp;v\x9b\rc\\\xabV\xad\x0f?\xfc\xf0\x8d7\xde\x10\x04\x81\xaeW\xe7\x89\x19\xf58\xfe\x9b6m\x9a9s\xe6\xd5\xabW\xe9\xf1\x9a\xb5\xc3_\xe9;\xa8e\xdb.5\xc2j\xab5\xa2\xe4\x06\xa7\xc3)\xcb\x92,I\xe4\xff\xafB#\x04\x08!\x0eq\xbcB!\x8a\xa2(r\x92\x1b\x92n%\x9c&lt;\xf2\xe7\x1f\xdb\x7f:zp/=M\x1f\x100a\xfc\xf8\x89\x13\'\x8a\xa2\xe8yQ\x06\xa3\xd8\xc3\x04\xc0{\xa1\x96h\xee\xdc\xb9\x1f}\xf4\x11\x00\x0c\x1c6f\xce\x7f\x97\xa5\xa5d\n\nE!\x8e\x8a\x10\x82\x00\x04\x850\xe0\xa5\xd6q\xe7\xcex\xf2j\x00\xa0y\xf3\xe63g\xce\xec\xd4\xa9\x13\xe4ED\x85.\'\xdc\xbf\x7f\x7f\xc4\x88\x114\x82\x0f\x00\xcd[\xb7\x1f4\xe2\x9dfQ\xed\x03\x83\xb4v\x9b\xe4p\xd8eY\xe6\x10B\xb4y\xc2\xf3_\xee\xd1\xa6\x00\x8c\x11BJ\x95J\xed\xa3t\xda\xa5s\xa7\x8fnY\xbfz\xfb\xa6\xb5\xf4&amp;\xa8[\xb7\xee\xb7\xdf~\xdb\xb2eKO:i\x8e\x07\xcf`\x14\t\x98\x00x5t}2::z\xef\xde\xbd\x00\xb0\xe0\xdbu}\x06\x0fJ~\x90\xa1\x10\xc5\xc2\x1a\x92$\xb9K\x95\xd6O~g\xec\x86U_\x03\xc0\xa7\x9f~\xda\xad[\xb7\xc9\x93\'\xd3\x11\x02\xc0\xc0\x81\x03\xa7L\x99R\xb7n]xl\xc4\xb3\xfb\x12\x9e\xb0OLL\xcc\xb0\xe1\xc3\xef\xdf\xbb\x07\x00U\xaa\x87\x0e\x7f\xe7\x83W\x07\xbc\xa9T\x8af\x93U\x92\xdc\x1c\xc7\xe5l\x9eA\x08\xc1\xb2\x8c8\xce\xd7\xd7OP\xa0C{cV\xfcw\xde\x89\xc3\x07\x01@T*\xe7}\xfe\xf9\xb8q\xe3\x80\x85\x83\x18%\x00&amp;\x00^\r\xb5A\xc9\xc9\xc9\xf5\xea\xd5OII\xd6\xea\xf4\xdfm\xdc\xd1\xb8E\xcb\xcc\xb4\xc2\x99\x07H\x92\x14\x1c\xa2[\xb9l\xe9\xec\xc9\xef\x12\x02\x1d;v\xdc\xb3g\x0f\xf5\x947m\xda4w\xee\xdc\x8b\x17/\x02\x80F\xa3y\xff\xfd\xf7\xdf\x7f\xff}\xadV\x9b\xdd\x85\x01\x8f\xf5_\xbcx\xf1\xf8\xf1\xe3\xe9\xc1\x81\xc3\xc6\x8c\xfbhfPHPf\x86\x89\x10\xcc\xf3&lt;@^\xecc\xc02\xc1\xc4_\xa7\x93e\xe9\xc7\xe5K\xbf\xfa|\xba\xc5l\x02\x80a\xc3\x86-^\xbc\xd8\xcf\xcf\x8fi\x00\xa3x\xc3\x04\xc0\xdb\xa1\x81\xa0\xe3\xc7\x8f\xb7j\xd5\nc\xec\xaf\xd5-\xdf\xb4\xb3q\x8b\x96\x19i\x99\x8a\x82\xd4\x00B$I\n.\xa5_\xb5l\xd9\xacI\xef\x00@\x95*UN\x9f&gt;\x1d\x10\x10@\x03&amp;\x1c\xc7\xb9\\\xae\xf9\xf3\xe7\x7f\xfd\xf5\xd7t\x9d6,,\xec\xc3\x0f?\x1c:t(\xbcp\xaa\xa5\'\xd7s\xd4\xa8Q+V\xac\x00\x00\xad&gt;`\xda\xbc\xaf^\x1b0\xc8d\xb4\xb9\\\xae\xfc\xc81\xa5c\x0b\x0c\xf2?{\xf2\xf4\xc7\xff\x19y5\xee\x02\x004i\xd2d\xf7\xee\xddz\xbd\x9ei\x00\xa3\x18\xc3\x04\xa0\x08@5`\xc5\x8a\x15t\xab-\xd5\x80\xa6Q-S\x93\x0bH\x030\xc6@Hp)\xed\xf7K\x1eY\xff\x80\x80\x80\x98\x98\x98\xc6\x8d\x1b{\xec\xa3g\xed\xf4\xfe\xfd\xfb\x9f|\xf2\xc9\x9a5k\xe8jp\xa7N\x9d&amp;M\x9a\xd4\xa1C\x07\xf8\xb7\x85\x01\x8f\xef\xef\xb1\xfe\xb5\xebE|\xb9|]\x8d\xb0\xb0\x8ctC~\xe7hJn\xb7\x9fVk\xb5\x98fM|\xef\xd7\xcd?\x02@dddLL\x0c\xd3\x00F1\x86\t@\xd1\x80\x06\xd3=\x1a\xa0\xd5\xe9\xe7\x7f\xf3C\xe7\xee\xdd33\xcc\x84`\x8e\xcb\xc7\xac\x15I\x92T*\x95R\xa5\\\xf1\xdf/\xbe\x989\t\x00\x02\x02\x02v\xef\xde\x1d\x19\x19\xf9D\xc2\x0c!D\x96e\xea\xa4\xef\xdf\xbf\x7f\xde\xbcyta\x80\xe3\xb8!C\x86xR-\x9f\x97fC\x8fg\xb5\xfe\xab\xb6\xec\xd2\x07\x06\x99\x0c\xc6\x82\x89w\xc9\xb2$\x8aJ\xb5F=q\xcc\xd0m\x1b\xd7\xc0c\r\xd0\xe9t\xc0J\x9c2\x8a#L\x00\x8a\x0cOh\x00\x00\xbc=\xe1\xe3\xf7&amp;\xcf$@\xacf3/\x08yn\xa10\xc6\x18\xcb\xfa\x00}\xca\xc3\x873&gt;\x18\xbbg\xe7V\x00\x08\x0c\x0c\xdc\xb5kWdd\xe4\xf3\x16x=a\x1c\x00X\xbdz\xf5\x17_|q\xe5\xca\x15\xfa\xc4w\xdf}w\xdc\xb8qta\x00\xfe\x7f\xaa(\xbd\x9a\'\xeeO\xad\xbf\x9fVg\xb3\xda\xf2ik\xf13\xc1\x18s\x1c\xf2\xf1\xf5\x9d4v\x18\xd5\x80\xde\xbd{\xff\xfc\xf3\xcf\xf9\xb7\xc3\x99\xc1(D\x98\x00\x14%\xa8\x19\x8a\x89\x89y\xfd\xf5\xd7\xd3\xd2\xd2\x00\xa0E\x9b\x8e\x1f\x7f\xb6\xb8N\xfd:F\x83\xcd\xe5r\xe5U\x9c\x84`,c\xac\xd1\xf8\xa85\x8a}\x7f\xec\x9c\xf3\xd1\xf8\xdb\x89\t\x00\xd0\xa4I\x93u\xeb\xd6\xd5\xa8Q\xe3_\x93\xe5=A\x7f\xa3\xd1\xb8x\xf1\xe2%K\x96\xa4\xa7\xa7\x03@XX\xd8\xb4i\xd3\xfa\xf7\xef\x0f\x8f\x9b\x1f\xd0,R\x9e\xe7\xf7\xee\xdd\xdb\xb9sg\x00\xa8\x1d\xdep\xd5/\xbb\xfd\xb4:\xbb\xcd^\xf0)\xf9\x04c\xc4!__\xbf\x89c\x86l\xdb\xb4\x16\x00f\xcc\x981}\xfat\xa6\x01\x8c\xe2\x07\x13\x80"\x06\xb5\x95\xd7\xaf_\x1f:t\xe8\xd1\xa3G\x01@\xab\xd3\xbf&gt;\xf2\x9d\xd7G\xbc[\xbal\xb0\xd9\xe4p:\x1d\xb9\xca\x8f\xc4\x18\x00\xd4\x1a\x8d\x8f\x8f\xe2\xd2\x85\xd8\xef\x97,\xfcu\xf3\x8f\xf4\xe0\x88\x11#\x16.\\\xe8\xef\xef\xff\xe2[\xa5&lt;g^\xbbvm\xfe\xfc\xf9\xabW\xaf\xa6\x97\xea\xdc\xb9\xf3\xacY\xb3\x9a6m\n\x00n\xb7\x9b\xe7\xf9\x94\x94\x94\x06\r\x1a&amp;\'?\xf4\xd7\xe97\xef&gt;V\xa5z\xa8\xc9d*,\x83Kg0\n\x85\xa2\x7f\xd7\x96\xb1\xe7\xce \x84bbb:u\xea\xc4\xf6\x881\x8a\x19L\x00\x8a\x1e\xd4\x0c\xb9\xdd\xee\x89\x13\'~\xf3\xcd7N\xa7\x13\x00\xaaT\xaf9t\xcc\xb86\x9d\xbaU\xa8\\\xd1\xe5$v\x9bU\x96$x\x9cx\xf3\x0f\xd3\x82\xc7}S0\x00(\x14J\x8d\x8f\x1a!\xb8\x12\x17\x17\xf3\xeb\xcf?\xaeXBK&amp;\x94*Uj\xf6\xec\xd9#F\x8c\x80\xecg\xc7?\xb10\xf0\xc9\'\x9f\x1c?~\x1c\x00T*\xd5\xc0\x81\x03g\xcd\x9aU\xae\\9\x00\x88\x8e\x8e\x8e\x89\x89A\x08}\xf1\xcd\x8f\xaf\x0e\x1c\x94\x9eZ\xb09NO!\xcb\xb2F\xa3\xb9\x9d\x98\xd0\xbfkK\xa3!\xb3T\xa9\xd2W\xae\\\xd6j\xb5l\x83\x18\xa38\xc1\x04\xa0H\xe2\xb1\xc2\'O\x9e\x9c:u\xea\xbe}\xfb\xe8\xf1\x90\xd2e\xba\xf7\x1a\xd8\xaeK\xf7\xba\r\x1aku\xbe\xb2\x0cN\xa7\x8b6C\x01B\xb2\xf6\x97G\x00\x88C\x08\x90\xa0P\x08\n\x85\xa8\x14\x10@\xf2\xc3\x94\xbfO\x1c\xde\xfb\xfb\xf6=;\xb6\xda\xed6\x00@\x08\r\x1d:\xf4\xd3O?\xf5tz\xc9\x99\xf9\xc3\x18c\x8c\x05A\x90$\xe9\xc7\x1f\x7f\x9c&gt;}\xfa\x9d;w\x00\xa0t\xe9\xd2\x93&amp;M\n\x0e\x0e~\xfd\xf5\xd7\x01\xa0\xef\x1b#\xe7}\xbd&lt;-%\xb7e\xef\xf2\x04\xc9-\x05\x06\xeb~\xfe\xf1\x87Ic\xdf\x04\x80w\xdeyg\xc9\x92%l\x12\xc0(N0\x01(\xaad]k]\xb5j\xd5\xe2\xc5\x8bccc=\x8f\x86\x86\xd5m\xde\xba}\x83&amp;-\xea\x84Gh\xf5\x01\xba\x80@\x84 \xabKM\x08\xb8\xdd \xcbRfzjZ\xca\xc3\xb8\xf3g\xfe&gt;y\xfc\xc4\xe1\x03\xf7\xee\xdc\xf6\x9c\xd3\xb9s\xe7\x89\x13\'\xd2\x0c\xce&lt;1|\x9e\x8b\xa4\xa4\xa4,]\xbat\xe1\xc2\x856\xdb#\x99A\x08\x95\xabX\xf9\x97\xfd\xa7\x95J\x15]?\xc8\xe5k\xe5\t\xb2,\xeb\xf4\xda1\xaf\xf7\xda\xb3s\xabB\xa18~\xfcx\xa3F\x8dXV(\xa3\xd8\xc0\x04\xa0h\xe3\xf1\xca].\xd7\xee\xdd\xbbW\xad^\xbdw\xcf\x1ejU)\xbe~\xfe\xfa\x80\xc0\n\x95\xabj||k\xd6\xa9\'\xcb2\x10\x00\x04\x92[\xba\x1aw\xde\xe9t\xdc\xbeq\xcd`\xc8t9\x9d\x9e\xa7\x94)[\xb6{\xf7\xeeC\xde|\xb3E\x8b\x16\x90e\xa96O\x06\x9c5"\x14\x17\x177o\xde\xbcm\xdb\xb69].\xc9\xed\xfe\xf4\xcb\xe5\x83F\x8cLO\xcb\x0b\xf7\xffQ9\xd0\xdc\x8e\x19c\xac\xd1\xa8\xaf_\xbd\xdc\xbbcS\x97\xcb\xd9\xa6M\xdbC\x87\x0e2\x01`\x14\x1b\x98\x00\x14\x07\xb2\xba\xe7\xf1\xf1\xf1;v\xee\xdc\x13\x13s\xe1\xc2\x85\x94\x94\x94\x17\xbfH\x95*U"""\xbaw\xef\xde\xad[\xb7\x90\x90\x10\xf8\xff\x93\x8c\xbc\x85v%S(\x14\x16\x8b\xa5Z\xb5j\xa9ii\x91\xcd\xa2\xd6l\xdbc\xb7;rl[\t!\x18\xcb\x00\x88\xae\x81\x13\x00\x82e\x8c1\x00\xca\xcd[\x90$) P\xf7\xf9\xd4I+\x96\xccG\x08\x1d8p\xa0m\xdb\xb6,\x10\xc4(\x1e0\x01(&amp;Pc\x9d\xb5\xdcBFF\xc6\xb9s\xe7N\x9c&lt;y#\xe1\xc6\x9d;w\x92\x93\x1f&gt;x\xf0\x10!0\x9b-\x92$\t\x02\xdf\xa0A\x03_?\xbf\xf0\xbau+U\xaa\xd4\xa2E\x8b:u\xeah4\x1a\xfa\xdc\x02h\x92%I\x12\xc7q\xdf\x7f\xff\xfd\xe8\xd1\xa3\x01`\xc9\x9a-]{\xf62d\x18\xf8\x1c\x15\x8f\xc3\x18\xabT*\xb5F\x8918\x1d.\x97\xd3\x01\x08\xa9TjQ%`\x19\xac\x16\x0b\xc6r\xce\xb6\xcb\xd1\xc6\xf7)\x0f\x1f\xbc\x1c\x15n\xb5X\x06\x0e\x1c\xb8~\xfdz&amp;\x00\x8c\xe2\x01\x13\x80\xe2\x06]n}:\x13\x14cl0\x188\x8e{\xf5\xd5W\x0f\x1d:\xd4\xb6m\xdb\x83\x07\x0f&gt;\xf1\\\xda*\xbd`\x1ac\xd1|\xd0\x16-Z\x9c:u\xaaZh\xd8O\xbb\x8fr\xb4\x93K6\x91eI\xa9T\xab5\xca[7n\x1c&gt;\x10s\xf6\xc4\x91\xa4[7\xacf3B\xc8O\xab\xabQ\xabNT\x87\xe8\xa8\xf6]Tj\xb5\xc5l\xce\x99\xd5\x96eY\xab\xf3\xff`\xf4\x9b\xbfn\xfe\xd1\xdf\xdf\xff\xea\xd5\xabe\xca\x94\xc9}c\x06\x06\xa3\xd0)\xfc\\\x0bF\xde\xe21\xfd\xd4/\xa6v\x8a\xba\xf3\x01\x01\x01\x00@\xd3+\x15\n\x05\r\xc7\xd3g\xd1\x13\n\xcc\xab\xa5\x1e\xf4\xc9\x93\'\xcf\x9c9C\x08y\xa5\xcf\xeb\x01\xc1\xba\x9c%\xff\xe8\x02two\xdd^\xf1\xd5\x17;\x7f\xd9\xe0\xe9\xf3\xe5\xe1\xdc\xa9c\x9b\x7fXQ\xb7a\xe3\x8f\xe7,j\xd4\xac\x95\xc9h\xcc\xc1{D\x00\x18\x93&gt;\xaf\x0f\xdf\xb1e\x83\xc9d\xda\xb0a\xc3\xfb\xef\xbf\xefY\xc9`0\x8a.l-\xab\xd8B\xbb?\n\x82\xc0\xf3&lt;\xc7q\xd4\xdc\xd3\x9c\x7f\xa0}]\x10\xe28N\x10\x04zNA\xfa\xb3t\x0c[\xb6l\x91eYT*\xa3:D\xdbm\x12\x9f\xed\x88\x13A\x08~\xfdiC\x9f\xce\xcd\xd7\xaf\\\xf6\xb4\xf5\xa7\x08\nE\xdc\xb93C{u9\xfe\xe7~?\x7f?\xfcX\xf3^\x1c\x8e\xe7mV{\xed\xfa\x11\x95\xabU\x07\x80_~\xf9\x85.\x8cg\xf7:\x0c\x86\xb7\xc1\\\x98\x92\x02zLa\x0f\x04\x00\x80\xe7yY\x96\xff\xfc\xf3O\x00\xa8S?"\xb4v]\x87\xdd\x8e\xb2\xb9\xbfL\xa1\x10\x93\x1f\xde\x9b4\xe6MI\x928\x8e\xc7X\xaeT\xa5z\xe7\x97_\x0bo\x18\xa9\x0b\x08\x94\xdc\xee\xf8\xcb\x17\x7fZ\xb3\xfcV\xe2u\x85B\xe1\xb0\xdb&amp;\xbd3t\xfb\xc1\xb3j\x8d\xaf,K\xd9\xfd\x1c$\xc9\x1d\x18\xa4k\xd3\xe9\xa5\xc4\xeb\xf1\xb1\xb1q\x0f\x1f&gt;,W\xae\x1c\x8b\x021\x8a:\xcc\x8ba\x144t\xb1\xfa\xe1\xc3\x87\xf1\xf1\xf1\x00\xd0&lt;\xaa\x83F\xa3\x90\xb3\xe9\x98#\x84\\NG\x85JU\xe6|\xb5\x12\x004&gt;&gt;Sf\x7f\xb9\xf5\xe0\x99)\xb3\xe7u\xed\xd9\xbbI\xcb\xb6-\xdbu\x1a=\xfe\x83-\xfbN4n\x1e\xe5v\xbbEQ\xf9\xf0\xde\x9d\x1d[6\xf8\xfa\xa9s2\t@H\x92H\x8b6\x1d\x11B\x16\x8b\xf9\xf4\xe93\xf0x\x19\x83\xc1(\xba0\x01`\x1444\xfes\xe2\xc4\t\x93\xc9\xc4q\\\x83\xc8\xe6n7\xe1\xb2\xefJs&lt;o\xb5Xz\xf6{c\xca\x9cE\xab\xb6\xc4\xbc5a&lt;\xcf\x0b\xe9i\x06\xa3\xc1h\xb5\x98-fS\xea\xc3t\x7f}\xc0\x94\xd9_\n\x82\x82z\xfdG\x0f\xed\x93\xe5\x7fj\x1d\xfc&lt;\x10\xc79\x1d\xce\xd0\xb0\xba\x81A\xc1\x00p\xe0\xc0\x81\xec^\x81\xc1\xf0B\x98\x000\n\x1a*\x00qq\x97\x00\xc0\xd7\xcf\xafz\xcd\xda.\xa7+[\xf1\x1f\x0f\x08!\x8b\xd94l\xcc\xb8:\r\x1a\xa5&lt;4\xd0j\x13t\xcd\x83\xe3xQ\xa9\xb4\x98\xccU\xaa\xd7,_\xa9\n]\xffHyx\xcfaw\xe4d\x1d\x18!\x97\xcb\x15R\xba\\\xc5*\xd5\x01\xe0\xca\x95\xcb\xc0:\x040\x8a&gt;L\x00\x18\x05\r]&gt;\x8d\x8d\xbd\x08\x00\xa5\xcbV\xd0\xe9\x03$)\xdbA\xf9\xacW3\x1a\x8c\x0e\xbb]xVG\x04\x04 \x08\x82\xaf\x9f\x1f\xfd\xd3S\xf6.\x07\x10B\x14"W\xa9Z\r\x00\xb8q\xe3\x86\xd9lF\x88eQ3\x8a6L\x00\x18\x85\x83\xc1`\x00\x00}`\x90\x8f\x9f\x7fv\x17\x00\x9e\x80\xba\xfcO\x1f\'\x84 \x8es:\x9d\x86\xcc\x0czD\xa7\x0fT\xaa\xd49\x8b\xdd\x13B\x04\x01J\x97)\x0f\x00F\xa3\xc9{\n\x161\x189\x86\t\x00\xa3@\xa1\x993f\xb3911\x11\x00J\x97\xad\xc0q$\x9f\xfchB\x88\xa8T\xde\xbd}\xf3\xe1\xbd;4\xec\x13\x16\xde@\x14Q\xce&amp;\x01\x08!I\x82Re\xcb\x03\x80\xc5bNHH\x80\xc7\xe1,\x06\xa3\x88\xc2\x04\x80Q\xd0 \x84\xdcn\xb7\xc1`\x02\x80\x8a\x95\xab*\x14\xf9\x15H\xc1\xb2\xacV\x0b\xbf\xfd\xbcN\x92$\x848\x00h\xdf\xf5\x15\x97\x0b\xd3\x7fg\x17\x04\x801T\xac\\\x15\x00\\.\x17\x9d\xc10\x01`\x14i\x98\x000\n\x01\x84\x90 \xf0\x00\xe0v\xbb\xf3\xc9\x84\xca\xb2\xec\xeb\xe7\x17w!\xf6\xa7\xb5\xcby^\x90$w\xab\xf6]\x1a7ki\xb5Xr\xb3\x87\xcb\xedv\xd3\x7f\xb0m\xc0\x8cb\x00\x13\x00F\xe1\x90\xaf\xbe3\xc1X\x10xY\x96\xa6\x8d\x1fm\xb3Z\x10B\xa2R\xf5\xfe\'\x9f\x11\x9cg/\xca|\x7fF1\x80\t\x00\xa3p\xa0\x064?\xfchze\x1f?\xdf\x8f\xc7\x8d:w\xfa\xb8(*%\xc9\xfd\xfe\'\x9f\xd5\x8b\x88\xc8\xa5\xfb\x0fY\x06\xcc\x04\x80Q\x0c`\x02\xc0(\x04\x10B\xd4\x92\x1a2\xd31\xce\xcb\x82\n4\xd1S\x17\xe0\xff\xd9\xc7\x1f\xfc\xfa\xd3\x8fJ\x95\xca\xe5r\xf6\x19&lt;r\xd8\xd8\xf1\x86LS\x0ejMg\x05!0d\xa4\x03\x00B\x1c\x0b\x011\x8a\x01L\x00\x18\x05\nB\x08c\xac\xd5j\xc3\xc2j\x01@B\xfceI\xca\xbb\nE\x84`\x8c\xf5\x81\xda/g\xcfX\xbdl\xa1R\xa9r:\x1c\x9d^zu\xd6\xc2e\x16\xb3%\x97\xaf\x82\tQ( !\xfe2\x00\xe8\xf5\xfa\xda\xb5k\xc3\xe3=\r\x0cF\x11\x85\xfd|\x19\x85\x00BH\xadV\x03\x80\xcdju:r\xde\x05\xec\td\x8c\x03\x82\xb4K\xe6}\xb6t\xfeLQ\xa9r:\x1d\xad;v]\xb8b\xbd\xcb\xe5\xa6\x05\x88r9fY&amp;f\x93\x11\x00DQTd\xed\xb0\xcc`\x14M\x98\x000\n\x1a\xba\x0f\xab~\xfd\x06\x00p\xe7\xd6\rCF\x9a \x08\xb9\x0f\xa9\xcb\xb2\x14\x10\xa4]\xf6\xc5\xe7\x8bf\x7f,*\x95.\xa7\xa3M\xc7nK\xd6\xfc\x0c\xe4Q\xf7\xb1\\^\x1f!\xe4v\xa3\xebW\xe3\x00\xa0F\x8d\xea\xfe\xfe\xfe\xb9\x17\x15\x06\xa3pa\x02\xc0(\x1cj\xd4\xa8\x0e\x00\x16\xb3\xf9n\xd2-\x85B\xcc\xa5\x00\xc8\xb2\x1c\x10\xa4\xfbv\xe1\x17\x0bgM\x11\x95J\x97\xd3\xd9&gt;\xfa\x95\xa5?lA\x88s\xbb\xdd\xb9\xb7\xfe\x84\x10A\x10\x8c\x99i\xf7\xef\xdc\x06\x80\xaaU\xab\xb2:\x10\x8cb\x00\x13\x00FAC\xcdq\xabV\xad\x94J\x95\xdb\xed:\x7f\xfa\xb8\xa8\xe4rSZY\x96\xa5\xc0 \xed\xf2\xc5_\xce\x9f1\x91Z\xffN/\xbd\xfa\xd5\xea\x9f0!yb\xfd\x01\x80\x10\xa2T\xa9n\\\xbbr\xffn\x12\x00\xb4k\xd7\x0eX"\x10\xa3\xe8\xc3\x04\x80Q\xd0\xd0\xf6d\x95+W\xaeZ\xb5*\x00\x9c:\xf6\xa7$\xe5&lt;\x11H\x96\xa5\x80 \xdd\x8a\xaf\x16\x7f\xfe\xc9\xfb\xa2\xa8t9\x9d]^\xee\xb5x\xe5FY\xc6\x92;\x0f"?\x14\x8c\xb1(rg\x8e\x1f\x91eY\xa9T5k\xd6\x0c\xd8\n0\xa3\xe8\xc3~\xc1\x8cB\x00c,\x8ab\xb3fM\x01\xe0\xec\x89#I\x89\x89*\x95*\x07\x0e5\x96\xe5\xc0 \xdd\xaaeK&gt;\xfbx\xbc \x08.\x97\xb3\xcb+\xbd\x16,\xff\xd1\xe9t\xb9\\Nz\xc2\xff\xfb\x0f\xcb9\x9bj\xf0&lt;o\xb7\xb9\xf6\xef\xfe\x15!T\xadZ\xd5*U\xaa\x10B\x98\x000\x8a:\xec\x17\\\x9c\xa1}\x80%I\x92$I\x96e\x8c1m\x13O\x1f\xf2\x1c\xa7\xb5\xf2\x0b~x\xbdz\xf5\x02\x00\xb3\xc9x\xfc\xf0\x01\x8d\x8f2\xbb\x8d\xba\xb0\x8c\xb5z\xed\xeao\x96\xcd\x9e\xfc\x9e \x08\x18\xe3~o\x8cZ\xbei\x8bJ\xa5\xd6\xf8\xf8juz?\x7f\x7f?\xad\xf6\xff\xfd\xe7\xaf\xf5\xf1\xf1\xcd\xee8\t\xc6j\xb5:!\xfe\xca\xd5\xd8\xf3\x84\x90n\xdd\xba\x89\xa2\x98\xcb\n\xa6\x0c\x867\xc06\xb3\x147\x08!\xd4\xcas\xb4+\xcaS\xcdO\xe8\x0e&amp;\xda\x0b&gt;\xebq*\x03\xf4Y\xf9=H\x1a\x05j\xdf\xbe}\x8d\x1a5\x12\x12\x12v\xfe\xb2\xa1\xd7\xc07\xb3\xd5\x13\x06\xcb\xb2\xaf\xbf\xef\xf6\x9f\xd6\xcf\x9a\xf8\x0e\xc7\xf3\xb2,#\xc4%?\xbc7\xbcw\xcf\xe7\xc5\xfd\x11B\xb2,W\xaaR\xfd\xfdis\xb35\x0f\xc0\x18\x8bJ\xe1\x8f\xed?9\x9dNQ\x14\x87\x0c\x19\x02,\xfe\xc3(\x160\x01(&gt;P\x7f\x9f\xb6\xc4\xa2G\xd2\xd3\xd3/]\xbat\xe3\xc6\x8d;w\xee$%%\xdd\xba}\x9bC\xe8\xdc\xb9s&lt;\xcf\x9f={v\xc2\x84\tZ\xad\xae^\xbd\xf0\xf2\xe5\xcb\xd7\xa9SG\xa3\xd1x\xae\x831\xe68.\xffr\x1c\x11B\x92$\xa9\xd5\xea\xfe\xfd\xfb\x7f\xfa\xe9\xa7\xa7\x8e\xfe\xf9\xf7\xc9\x13\x91-[YLf\xee\xc5\xdau\x11BD\x91?w\xea\xb8 \x08\xbc\xa0\x90$7\x108\xb4\xe7\xf7\x7f}b\xb5\xd0\xb0\x0f\xa6\x7f\xfe\xe2C%\x84(D1-%}\xeb\x86\xd5\x08\xa1V\xadZ\xd5\xa9S\x87~&gt;/~\x11\x06\xc3;a\x02P\x1c\xa0.?\xcf\xf34\x12r\xf2\xe4\xc9={\xf6\x1c=z\xf4\xfc\x85\x0b\xa9))\xcf|JZZ\xda\xa2E\x8b&lt;\x7fV\xa9R%\xa2Q\xa3\xa8V\xad:w\xee\x1c\x16\x16F%D\x96\xe5\xfc\x93\x01\x1atz\xf7\xddw\xbf\xfa\xea+\xa3\xd1\xf8\xf3\xba\x15-\xda\xb6\xc6\x84d\xcb\xac\xe2\xc7\x01\xae\x17\x7f\x8a,g\xe3d\x00\x90eY\xa7\xf7\xfb\xf5\xa7\x1f\xd3\x92\x1f\x12\x80\x11#F\x00\x00\x13\x00F\xf1\x80\xe52\x17m\xa8\xb7N\xed\xf5\xdd\xbbw7m\xda\xb4~\xfd\xfa\xf3\xe7\xcfg=\x07!\x08\x08\x0cV\xa95\x95\xaaV\xa7\xcb\x00\x00 \xcb\xf2\xed\xc4\xeb\x92\xdb\xed\xe9\x96EQ*\x95m\xdb\xb6\x1d4hP\x8f\x1e=\xfc\xfd\xfd\xe9\x999h\xa2\xfb\x0f\xd0\x01p\x1c\xe7r\xb9\x96/_&gt;c\xc6\x0c\xb3\xc5"I\xd2\x8aM\x7fDu\xe8h2\x9a_\xe4\xe5\x08\xc6j\x8d\xea\xcf\xbd1\xe7\xcf\x9c@\x1cG^ \xa4C3\xf7\x83K\x95\xee\xfd\xfa\xf0\x17\x0c\x01\xd1\xf4\x7f\x93!\xb3g\xbbF\xe9\xa9\xc95j\xd4\xb8p\xe1\x82(\x8a\x08\xe5]\xf9\n\x06\xa3\xf0`\x02P\x84\xf1\x98\xe6\xb8\xb8\xb8E\x8b\x16m\xdb\xb6-33\x93&gt;\xa4T*\xc3\xc2\x1b\xd4\x8bh\x1a\xd1\xa4E\xa9\xb2\xe5\xcaW\xaa*\x08\x8a\x80\xa0`\xfau#\x04X\xc6\xe9i).\x973)\xf1\xfa\xdd\xa4[\xe7N\x1d\x8b;\x7f\xf6\xda\xe5X\xcf\xaf\xa1b\xc5JC\x87\x0e\x193fLHH\x08!$O\x92^\xb2\xca\xd5\xae]\xbb&amp;O\x9e|\xf1\xe2E\xfa\x10\x02h\xd8\xb4\xe5\x86\xdf\xff\xb4Z\xac/\xf8B\x84\x10\xb5\xc6G\xa5\xe2\x08\xc0\x8b\x18cz\x9a$\x83\xc5dy\xc1\x01Knwp)\xfd\xa7\x93\'\xae\\\xfa\x05\x00l\xde\xbc\xb9O\x9f&gt;y\xae\x88\x0cFa\xc1\x04\xa0H\xe2\xb1\xa4F\xa3q\xc1\x82\x05\x0b\x17.\xb4\xdb\xed\xf4\xa1\x88\xa6-\xdbw\xe9\x1e\xd5!\xbaz\xcd\xda*\x8d\x88e\x90e\xecr\xb9\x08&amp;\x92\xe4\xcaj*\x15\n\x11!$*\x95\xbc\x00\x08\xc0d\xb4\xc4\x9d?s0f\xc7_\xfbv%\xc4_\xa1\xe7\x94/_~\xd6\xacYC\x87\x0e\x85\xdcM\x05&lt;\xeb\x13\x00\x10\x17\x177i\xd2\xa4?\xfe\xf8\x83&gt;\xd4\xb7o\xdfr\xe5\xca\xd1x\xd4\xe4O\x17\xbe5aB\xea\xc3L\xe1\xc5*\xed\xd0\t\r\x02x\xf1\x1f1B\xe8\x05\xdf\x85,I\xfeZ\xff\xbfO\x9dx\xa3g{\xb7\xcb\xd5\xa9S\xa7\x98\x98\x18f\xfd\x19\xc5\t&amp;\x00E\x0fO\x00z\xf3\xe6\xcd\xd3\xa6M\x8b\x8f\x8f\x07\x00\xa5R\x15\xdd\xa3w\xf7^\x03Z\xb6\xeb\xacT\nN\xa7\xe4\xb0\xdb\xb1,\x03B\x9ex\xc5\x13Q\x8b\xc7\xf9\xa041\x14\xf1&lt;\xaf\xd6\xf8\x88"\xca\xcc0\xec\xd9\xb9}\xe7\x96\rG\x0f\xed\xa5gv\xe8\xd0a\xfe\xfc\xf9\x11\x11\x119[\x15\xf0\x18\xcd\x94\x94\x949s\xe6\xacX\xb1\x82\xcaU\xbdz\xf5&gt;\xff\xfc\xf3\xae]\xbb\x12Bj\xd5\xaau\xfd\xfau\x8d\x8f\xef\x0f\xdb\x0f\xd4i\xd0\xd0b2\xe7\xb2ts.!\x04\xf3&lt;/I\xee\x01]\xa3\xae_\xbd\xc4q\xfc\xa5Kq\xa1\xa1\xa1,\xfd\x9fQ\x9c`\x02P\xc4\xa0\xc6T\x92\xa4\x0f?\xfcp\xf1\xe2\xc5\xf4`\x8b6\x1d\xdf\x998\xbdy\xebV.\x17\xb1\x9a\xcd\x18c\x94\xa3lN\xeaP+\x14\n_?\x1f\x8c\xc9\xaf\x9b\xd7-_&lt;\xef\xfa\xd5K\x00\xa0\xd5j\x17,X0b\xc4\x88l\x85\x83&lt;\xe1~\xb7\xdb\xbdn\xdd\xba\x193f$%%\x01@\x992e\xa6L\x992z\xf4hQ\x14%I\xe2y\xfe\xe4\xc9\x93QQQ\x92$\xd5\xa8U\xe7\xa7\x98\xa3\xbc\xa0\xc8\xc3}\xbc9@\x96\xa4\x80 \xdd\xb8\xe1\x83\x7f\xfby\x1d\x00,Z\xb4h\xdc\xb8q\xcc\xfdg\x143\x98\x00\x14%\xa8\x01z\xf0\xe0A\x9f&gt;}\x8e\x1e=\n\x00!\xa5\xcb~8}^\x8f~\x83d\x99X\xcc&amp;\x0e\xa1\x17L\xa3\xfcG\x08M\xab\xf7\xd7\xfa[-\xd6\xef\x16\xcf]\xb9d\x01\xddX;z\xf4\xe8\xa5K\x97\xd2\\\xa3\x7f\xb6\xceYc&gt;{\xf7\xee\x9d&gt;}\xfa\xf1\xe3\xc7\x01@\xa5R\x8d\x1a5\xea\xe3\x8f?\x0e\t\t\xf1\xbc#\xfa\xff\xc5\x8b\x17\x8f\x1f?\x1e\x00\xba\xf7\x1a\xb8\xe8\xfb\xf5\x16\x93\x99\x10\x92\xad\xcd\x01y\x85$I!\xa5t\xcb\xff\xfb\xdf9\x1f\x8d\x03\x80\xde\xbd{\xff\xfc\xf3\xcf\xcc\xfa3\x8a\x1fL\x00\x8a\x0c\x92$\t\x82p\xfa\xf4\xe9\x9e={\xde\xbf\x7f\x1f\x00Z\xb4\xe98\xe7\xab\xef+V\xaed\xc80\x02\x02\x8e\xcbc\xf3$\xcb\x12\xcf\x0b\xfa\x00\xdf#\x07\x0e}\xf4\x9f\x91I7\x13\x00\xa0e\xcb\x96;v\xec\xd0\xeb\xf5\xff\xa0\x01t\xa8\x00\x10\x17\x177w\xee\xdc\r\x1b6\xd0\xe3\x9d;w\x9e5kV\xd3\xa6M\xe1\xa9\x1cS\xfa\x94!C\x86\xac]\xbb\x16\x00^\x1d0d\xde\xb2UV\x8b\xb5\xe0\x13.%I\n\x0e\xd1\xadZ\xb6l\xd6\xa4w\x00 &lt;&lt;\xfc\xcf?\xff\xd4j\xb5,\xf3\x87Q\xfc`\x02P4\xa0\xee\xe7\xe9\xd3\xa7\xa3\xa3\xa3322\x00\xe0\xad\t\x1f\xffg\xf2L\x19\xcbv\x9b-\xff\xda\x13\x12BdI\xd2\xea\xf5\xe9\xa9\x0f\xa7\xbd?v\xef\xce\xad\x00\x10\x19\x19\x19\x13\x13\xf3L\r\xf0\x98\xf5\x94\x94\x94\xa5K\x97.\\\xb8\xd0f\xb3\x01@\xbdz\xf5\xa6L\x99\xd2\xbf\x7f\x7fx\xce\xf6\x02\x1aYr8\x1cm\xdb\xb6=}\xfa4&lt;\xd6\x00\x9b\xd5FcD\xf9\xf4\x06\x9f\x18\x03\xc68(D\xbbj\xe9#\xeb\x1f\x10\x10p\xe8\xd0\xa1\xf0\xf0p\xe6\xfe3\x8a%L\x00\x8a\x00\xd4\xcef\xb5\xfe\xd3\xe6-\x1d\xf9\xde\xd8\x94d\x13\x14HM\x02Y\x92D\x95J\xa3Q}\xf8\xf6\xd0m\x1b\xd7\x00@dd\xe4\xae]\xbb\xf4z\xbd\xc7/\xf6lF\x03\x80\xd5\xabWO\x9f&gt;\xfd\xce\x9d;\x00P\xa6L\x991c\xc6L\x9c8Q\x14E\xcf\x92\xc0?\xbc\xcd\xcc\xcc\xcc.]\xbax4`\xf6\xa2o\x11\xe2\xacVk~\xf7\xe0\x95eY\xa1P\xf8\xfakV/[2{\xca{\x00\x10\x10\x10\xb0{\xf7\xee\xc8\xc8Hf\xfd\x19\xc5\x15&amp;\x00\xde\x0em;\x95\x9a\x9a\x1a\x1e\x1e\x9e\x92\x92\x02\x00\xd3\xe6-\x1d6vljr&amp;/\x08\x05\x16\x94\xc0\x18s\x08\xf9\xf8\xf9N\x1a;\x8cj@\xc7\x8e\x1d\xf7\xee\xddK\xddyO\xb8\x7f\xff\xfe\xfd\xf3\xe6\xcd\xdb\xbbw/\x00\xa8T\xaa\x81\x03\x07\xce\x9a5\xab\\\xb9r\xf0bY\xa4Ok@\xfd\xc6\xcd&gt;_\xb2\xb2f\x9d\xda\x19\xe9F\x84P~\xa8\x1d\x9d\xe5\xf8\xebtf\x93\xe1\xb3\x8f&amp;l\xdd\xb8\x06\x00\xf4z}LLLdd\xa4\'\x9c\xc5`\x14?XB\x9bWC\x03#\x18\xe3\x9e={\xa6\xa4\xa4p\x1c7m\xde\x92ac\xc7\xa6\xa6\x18\x04\x85\xa2 C\xd2\xb4|\x9b\xd5b\x9d\xb7l\xd5\xab\x03\x86\x00\xc0\xbe}\xfb\xc6\x8f\x1f\xcf\xf3&lt;\xdd.{\xed\xda\xb5\xe1\xc3\x87w\xee\xdc\x99Z\xff\x8e\x1d;\x1e:th\xe5\xca\x95\xe5\xca\x95\x93$\xc939\xf8\xd7W\xc1\x18S\xe3\xdb\xb7o_\x00\xb8p\xe6\xc4\x80n\xad\x7f\xd9\xb0N\xab\xd3\xaa5&gt;\xf4Ry\xf5\xa6hITAP\x04\x85\xe8\xcf\x9f&gt;&gt;\xf8\xe5\xf6\xd4\xfa7l\xd8p\xff\xfe\xfd\xcc\xfa3\x8a=l\x06\xe0\xd5P\xafy\xfc\xf8\xf14\xe3s\xf4\xb8)S?\xff\xec\xc1\xbd\xcc\xc2\xeaHN0F\x1c\xe7\xe3\xeb;\xf8\x95\xf6\'\x8f\x1c\x04\x80\xad[\xb7v\xee\xdcy\xfe\xfc\xf9\xcb\x96-KOO\x07\x80\xb0\xb0\xb0\x0f?\xfc\xd0\xb3w,\x07\xfb\x06&lt;K\x0b3f\xcc\x989s&amp;=\xd8\xadg\xdf\xb7&amp;L\xa9S\xbf\x81\xdd\xe6r8\xec(w\x8b\xde\x18cB\xb0B!\xfa\xfak\xee\xdf\xb9\xb7\xee\xfb\xa5\xab\x97}\xe9r\xb9\x00\xa0o\xdf\xbe\xdf~\xfb\xad^\xafg\x91\x1fF\xb1\x87\t\x80\xf7B\r\xd0\xd6\xad[i\xdd\xfc\xa6\xad\xda\xad\xd9\xb6\xd7f\xb5r\x08A\xe1\xa5\xa3`\x8c\x95J1-%\xb9W\xc7&amp;\xe9\xa9)AAA\x01\x01\x01\xd7\xae]\x03\x80\xc0\xc0\xc0w\xdf}w\xdc\xb8qZ\xad\xf6\x9f\xc3\xfd\xff\x8ag\xb7ALL\xcc\xf0\xe1\xc3\xef\xdd\xbb\x07\x00J\xa5j\xc8\x98q\xfd\xde\x18]\xa1ReL\x88\xcdj\x95%\t!\x84^Lc\xc8\xe3\xf9\x14\xc7\xf3*\xb5ZT\n\xe9)\xa9{vn_:\x7ff\xf2\x83{\x00\xa0R\xa9\xe6\xce\x9d;n\xdc8\xc8\x87\nH\x0c\x86\x17\xc2\x04\xc0K\xa1\xc6\xcab\xb14h\xd0\xf0\xe6\xcd\xc4\xc0\xe0\x90_\xf6\x9d\n*U\xda\xe9p\x16\xfaNTY\x92t\x01\xba}\xbf\xefx\xeb\xf5\x1e@\x08\x00h4\x9a\xfe\xfd\xfbO\x9a4)44\x14\xf2\xcez\xd2\x08LJJ\xca\xec\xd9\xb3\x97\xafX\xe1t8\x00\xc0_\xab\xeb\xd8\xadg\xafACj\x877\xd2\xea}%\t\x1c\x0e\x87\xdb\xe5\xa2\x9f\xd8\x13\xa9\x9a\x04\x80\x10\x82\x10 \x84\x04A\xa1T\xa9\x14"\xe7\xb0\xb9n\\\xbf\xba\xfb\xd7-\xdb7\xad\xa5=~\x01\xa0k\xd7n\xf3\xe7\xcf\xab[\xb7.]ta\x19\x9f\x8c\x92\x00\x13\x00/\x85\xda\xd0\xa9S\xa7\xce\x993\x07!\xf4\xf9\xd25}\x06\xbf\x91\x9ef\xf0\x92\x90\xb4$I\x81\xc1\xba\xc9cGm\xfea\x05\xc7q\xf3\xe6\xcd\xfb\xe0\x83\x0f\xe8q\x9e\xe7\xf3\xd0zz\xb4\xe4\xe4\xc9\x93\x9f|2m\xef\xde=\x9e\x87j\xd4\xaa\x13\xd5\xbes\xf3\xb6\x9dB\xc3\xea\x86\x94.\xa7Pp&lt;\x0f\xb2\x0cY\x0b}"\x04\x82\x00\x18\x83$AfF\xfa\xcd\xebW\xcf\x9e8r \xe6\xb7\xb8\xf3g]N\'=\'&lt;&lt;\xfc\xa3\x8f&gt;\xf2\xa4\xa82\xc7\x9fQr`\x02\xe0\x8d\xd0 x|||\xfd\xfa\xf5\x9dNg\xe3fQ\x1bw\xfde4\x18\xbd\xc76\x11B\x14\n\x85\xd1\x90\xf9R\x8b:FCf\xc3\x86\r\x8f\x1e=*\x8ab~\xf4\x0f\xc8ZCt\xef\xde\xbd\xeb\xd6\xad\xdb\xb1c\x87\xa7\xee)\x00\x04\x05\x87T\r\r+_\xb1r\xd9\n\x15\x83B\xcaV\xac\\\xc5\xed\x96\x10\x00/\x08\x86\x8c\xf4\xc4\x84\xab\xc6\xcc\xcc\x1b\xd7\xaf\xdc\xbd\x95x\xe7\xf6M\xcf\xb3DQ\xd9\xb6]\xdbA\x03\x07\xf6\xef\xdf\xff_ST\x19\x8cb\t\x13\x00o\x84\xfa\xa1t[\xacJ\xad^\xb5eOD\x93fV\xab5\xc7\xcb\x9e\xb4M$\x10\xf2x\xf1\x80\x16\x85\xceU\xf7G\x1a\x08Z\xf1\xd5\xc2y\xd3&gt;\x00\x80\xd5\xabW\x0f\x192$\xff&lt;\xe8\xac\x91\x19\xda\xf9`\xfb\xf6\xed\x17cc\xc</t>
        </is>
      </c>
    </row>
    <row r="498">
      <c r="A498" s="1" t="n">
        <v>496</v>
      </c>
      <c r="B498" t="inlineStr">
        <is>
          <t>polygon_sides_color</t>
        </is>
      </c>
      <c r="C498" t="inlineStr">
        <is>
          <t>What is the missing color of the part denoted with a question mark?</t>
        </is>
      </c>
      <c r="D498" t="inlineStr">
        <is>
          <t>['yellow', 'red', 'blue', 'green']</t>
        </is>
      </c>
      <c r="E498" t="inlineStr">
        <is>
          <t>yellow</t>
        </is>
      </c>
      <c r="F498" t="inlineStr">
        <is>
          <t>There are 6 colored polygons arranged in a triangle with color ['purple'] in the top row, ['purple', 'red'] in the middle row, and ['yellow', 'red', '?'] in the bottom row.</t>
        </is>
      </c>
      <c r="G498" t="inlineStr">
        <is>
          <t>We observe that the polygon with 8 sides is red in color and the polygon with 9 sides is purple in color. Thus, the pattern is that the polygons with the same number of sides have the same color.</t>
        </is>
      </c>
      <c r="H498" t="inlineStr">
        <is>
          <t>Based on the pattern that the polygons with the same number of sides have the same color, the missing color of the part with 5 sides should be yellow.</t>
        </is>
      </c>
      <c r="I498" t="inlineStr">
        <is>
          <t>b'\x89PNG\r\n\x1a\n\x00\x00\x00\rIHDR\x00\x00\x02\x00\x00\x00\x02\x00\x08\x02\x00\x00\x00{\x1aC\xad\x00\x00t\xb3IDATx\x9c\xed\xddw\\\x15W\xda\x07\xf03\xed\xf6K\x07AQc\xc7^\xc0\xdec\xaf1\xf6\xde\xc5\x96\x98ML\xd9M^\xd3v\x93l\x8a\x89\xd1D\x8d\xb1\xc5\x82\xd8\xb0\xa0\xa8\xb1\xf7\x06\xa8 E\x14"*H\x95z\xb9e\xcay\xff\x18e\x89XP\xe1\xde\x99;\xcf\xf7\x8f\xfd\xe4\x93u\xd7\x81;\xf7\xfcf\xcey\xces\x08\x8c1\x02\x00\x00\xa0&lt;\xa4\xa3/\x00\x00\x00\x80c@\x00\x00\x00\x80BA\x00\x00\x00\x80BA\x00\x00\x00\x80BA\x00\x00\x00\x80BA\x00\x00\x00\x80BA\x00\x00\x00\x80BA\x00\x00\x00\x80BA\x00\x00\x00\x80BA\x00\x00\x00\x80BA\x00\x00\x00\x80BA\x00\x00\x00\x80BA\x00\x00\x00\x80BA\x00\x00\x00\x80BA\x00\x00\x00\x80BA\x00\x00\x00\x80BA\x00\x00\x00\x80BA\x00\x00\x00\x80BA\x00\x00\xf0d\x18cA\x10\x1c}\x15\x00T!\x02\xce\x04\x06\x00!\x84\xcb \x08\x82\xa2(\xf1\xdf\xf3&lt;O\x92$A\x10\x8e\xbd&lt;\x00\xaa\x02\x04\x00P(\xf1\x01_\xbc\xffI\x92$\xc9\xc7\xdf\x86\xefg\xa4\xf1\x9c\xe0\xef_\x13!\xc4q\x1cEQ\x10\x03\xc0\xc9@\x00\x00Ex\xda\x03~\xa9\xc2\xa2\x82\xcc\xcc\xfbqq\xd7##\xa3Ro\xdfI\xbd\x9dn*\x14\xd22\x92\'N\x1e\xf5\xd1\x87\x9fx{{!\x84x\x9e/\xff?\x04@\xbe \x00\x80\x13\x12\xef\xea\xd2\x07\xfc\'&gt;\xbc\xa7\xa5\xdf\x8d\x8d\xbd\x96\x9c\x92\x1cw=!%\xf9NFz\x0e\x12\xb442x\xbb\xbf\xe6\xed\xe9\xefW\xad\x8e\x9fO\xed\xec\x07w\xc3\x0e\xfc\x92oN\xfa\xec\xf3E\xc13\xe7\x92\x14)\xae\n\x94\x7f]\x00@\x8e \x00\x803(]\xb0\xc5\x18?q&gt;\'\'7\xeb\xee\xdd;\xa9\xa9\xb7##\xa3\xae_O(xP\x9c\x9bm"\x04\xbd\x8b\xc1\xa7\xbaw\xbd\x1a~\xf5=\xdc\xab\xb9\x1a=5\x1a\rI\x90\xbc\xc0\xd9X\x1b\xcbZ\x18Z\xad\xd1\xe8\xa3b\x8e\xec=\xbc\xc2\xc7_\xfd\xf5\xd7\xdf\x0c\xe8?\x10\xc1\x8c\x10p\x16\x10\x00@~\x1e\x9b\xcf)\xbfHkc\xad\xd9Y\x99\xb1q\xb1\xd1\xd1\xd1i\xf7\xd2\x93\x12S2\xd2\xf3\x10\xaf2\xea\xaa\xb9\xe8}jVo\xe4\xe3U\xd3\xc3\xdd\xc7hp\xa3(J\x10x\x96\xb5r&lt;\xcb\xf1\x1c\x16\xcb~\x08\x82@\x04A\x10\x18c\x8c\x05\xbd\xce\x15c\xfe\xe8\x99\xd0#g7\xf6\xe8\xd3\xf6\xbb\xff.n\xd8\xb0!\x82\x19! \x7f\x10\x00@\x06\x9e\xbb`\x9b\x93\x93\x15\x9f\x10w\xe7n\xea\xb5\xab1\xd7c\x12\x1e\xe4\x16rV\x9a\xb5\xd2^\xee\xb5|\xbd\xeb\xf8z\xd7\xf2\xf5\xa9\xad\xd7\xbb\xa8\x195"\x08\x8eg9\xd6\xc6\xf1,\xcfs\x08\x95\x0e\xf7\x08\xa1\'?\xd1\x0b\x02O\x10\xa4\x8b\xc1\xa3\xa0(;\xec\xc0\xaf7RO\xcc\x9a=\xfd_\x1f}\xe2\xe2\xea\x023B@\xd6 \x00\x80\xd4\x89\x8f\xf9e\xffMQQAF\xe6\xfd\x1b7n\xc4\xc6\xc6\xc4\xc7%fg\xe5\xa7\xdd\xcd\xc2\x9c\xd6\xcd\xe8\xe7\xe9\xe6_\xb3zCOw?wWo\x9dVO\xd14\xcfs\x1cg\xb3\xb16A\xe0\xc4\xbb\x9d \x08\x84\x88\x17\x9d\xc0\xe1\x05\x8e\xa1Tz\x9dKrj\xcc\xb6}K\x90:\xe7\xa3\x8f&gt;\x0c\x9e5\x07A\xa9(\x90-\x08\x00 i\x82 \x90$\x99\x99u\xff\xc6\x8d\xc4\xeb\xd7co\xdf\xbe\x13{-.=-\x97\xc0\x1a\x1a\x19]\x0c\xde5|\x1bV\xf7\xa9\xe3\xe1^\xcd\xd5\xc5\x83\xa6\x19\x841\xcb\xd98\x9e\xe58V\xc0\x02\xc2\xb8t&gt;\xe7\xd5/\x06#\x8c\x05A\xa3104\x1dy\xed\xe8\xae\x83K\x03Z\xd4\xf8\xf6\xdb\xef;u\xec\x84`a\x00\xc8\x10\x04\x00\x90.q\x92}\xf6\x9c\xe0\xb3\'\xae\x92H\xeb\xa2\xaf^\xdd\xa7\x9e\xb7\xa7\x7f\xf5ju\\\x8c\x1e\x1a\xb5\x86\xa4(\x9eg\xd9G\xf39\xff{\xc0\'\x08\xe2)\xf39\xaf\x0ec\x01cd\xd0\xbbr\x9cu\xdf\x915\x17cv\r\x18\xdc\xeb\xbb\xef~\xa8Q\xbd\x06\x82\x85\x01 +\x10\x00@\xa28\x8e\xa3iz\xc9\xcf?\xfc\xe7\xd3_?{w+\xc30\x0c\xad\x160\xcfq,\xcbY\xcb/\xd8\xda\xf9\xf2\x04\x81\'I\xca\xa0w\xcdy\x90\xbe-\xfc\xa7\x8c\xfc\x98\x99\xb3\xa6}\xba\xe8s\x86a`a\x00\xc8\x05\x04\x00\x90"q\xf4\x8f8\x10&gt;r\xd8\x94/\x16\xee\xd0\xaa\xf5V\x9b\x05\xa1\xff\xcd\xdf?m\xc1\xd6\xce\x04\x81g\x18\xb5VcHJ\xb9\x12\xba\xf7[\x83;\xfb\xc9\'\x9fL\x9c8\x19\xc1\xc2\x00\x90\x03\x08\x00 9\xe2,\xca\xb5kW{\xf4\xe85s\xd4O\xf5_kQd*\xa0H\x89\xce\xab\x88\xa5\xa2\x1a\x8d\x81\xa6\xe8\x0b\xd1\x07v\xff\xb9\xb4UP\xfd\x9f\x97,k\xd1\xa2%\x82\x18\x00\xd2\x06\x01\x00\xa4E\x9c?\xc9\xcb\xcbk\xd7&gt;\xb0S\xb3Y=:\xbd\x99\x97\x9fEQ\xb4\xa3\xaf\xeb90\x16\x10Bz\x9d\xab\xc5j\xda}pyL\xd2\xe1\x11\xa3\x07\xff\xe7\xdf\xdf\xf8\xf8\xf8 X\x18\x00R\x05\x01\x00$\x04c\x8c\x05\x81\xa4\xa8\xce]\xdak\xf9f\xe3\xdf\\\xf8@\x0e\xa3\x7f)A\xe0I\x92v1\xb8\xa7g&amp;o\x0b\xff1\xa78q\xe1\xfb\xffxg\xc1B\x86\xa1aa\x00H\x10\x04\x00\x90\x10q\xea\x7f\xe2\xe4\xb1W\xcee\xbc\x17\xbc&lt;\xbf G\x8e#&amp;/p*F\xa3\xd7\xb9\xc4\xc4\x9f\x0e;\xb8\xcc\xe0\xce~\xff\xfd\xf7\x83\x07\x0fEP*\n$\x06\x02\x00H\x05\xcb\xb2\x0c\xc3|\xf5\xcd\x17K\xbf\xdf\xf2\xd5\x87;\n\x8b\xf3\x10\x81\xaa\xae\x9a\xb3J\x89\x0b\x03Z\x8d\x81\xa6\xe8\x13\xe7wD\x9c\xfc\xbdG\xaf\xb6\xff\xfe\xf7\xd7\xcd\x9b5G\x8fr\xce\xd1\xd7\x08\x00\x04\x00\x90\x06qL\xdc\x12\xbai\xf6\x8c\x85\x9f\xbd\xbb\x8d\xa1\xd5\x1cg#\x08\xf9=\xfe\x97%`\x01!\xe4\xa2w/(\xca\xd9{xU\xcc\x8dC\xb3\xe6L\xfd\xf0\x83\x8f\xbd\xbd\xbd\xc4\xe6\x16\xb00\x00\x1c\x0b\x02\x008\x9e\xb8Fz\xe9\xd2\xc5\xbe}\x07\xcc\x9f\xf0[\xcd\xea\xf5M%\x85\xa4T\xcb~^\x94 \xf0\x14\xc5\xb8\x18\xdcS\xee\xc6\xee\xdc\xffK^\xc9\x8d/\xbe\xfc|v\xf0\\\x84\x10\xcf\xf3b3;G_#P(\x08\x00\xe0`\x82 \x10\x04\xf1\xe0An\xf3\x16\xcd\x06u\xf9\xa8]\xab^\x05E\x0fd\xb4\xf0[1\x98\x17x\x8dJ\xa7\xd5\xe8#c\x8el\xdf\xffc\xe3\x165\x16-\xfa\xbco\x9f\xbe\x08\x16\x06\x80\xe3@\x00\x00G\xc2\x18#\x8c\x08\x92h\xdd\xa6\xa5\x9fK\x97\x11\x03\xe7\xcb\xa2\xe8\xf3\xe5`,\x08\x18\x1bt\xae,g9r:\xf4\xe8\xb9?\x86\xbe\xd9\xf7\xf3\xcf\xfe-6\x97.\xdf\xf3\x0e\x80\xaa\x06\xef\x9e\xc0\x91x\x9e\'Hb\xdc\x84Q|q\xb5\xd1\x83\xdf\xc9+p\xda\xd1\x1f!D\x10$ER\xa6\x92\x02\x8e\xe3\x86\xf4\x99\xb5\xe8\xed\xad\xb7\xe3\xf8\x8e\x1d;}\xfc\xc9G\x05\x05\x05\xe2\xf1\x03\x8e\xbeF\xa0,p\xcf\x01\x87\x11\xcb~&gt;\xfc\xe7{[\xd6\x1e\xfb\xf4\xbd\x8dE\xc5yr_\xf5\xad8^\xe0U\xb4Z\xa73&amp;\xa7\xc6\x84\xee\xf9A\xe3Rr\xe6\xcc\x19\x0f\x0f\x0f\xf4\xb0\xd1\x05\x00\xf6\xa0\x94\xef\x1b\x90\x1a\x8e\xe3\x18\x86Y\xbd\xe6\xb7\xdf\x97o}\x7f\xce\xaffK\xb1D\xda\xfb\xd8\x07ER\x1c\xcf\x16\x14\xe6\xf8\xfb\xd6\xffbahv\xba-d\xcbF\x82 x\x9ew\xf4\xa5\x01\x05\x817\x00\xe0\x00b\xd9\xcf\xf9\xf3g\xfb\xf6\x19\xf4\xc1\xacM^\x1e\xbef\x8b\xc9i\xca~^\x08\xcfs.F\x8f\x13\xe7v\xc6\xdf\xdbu\xf5J\x8cx\xfe\x81\xa3/\n(\x05\xdcj\xc0\xde\xc4\xfa\xf7\xcc\xcc\xfb\x83\x07\xbf1e\xf87\xd5\xbc\xfdK\x94:\xfa#\x84H\x922[\x8a[6\xed\xfaWrZL\xccU\x92$\xc5\xa6\x11\x00\xd8\x01\x04\x00\xb0+\xf1\x8d\xb3\xa4\xa4\xa4w\x9f\xde]ZO\x0el\xde\xa3\xa88_\xb2\x9d&gt;\xed\x80 \x08\x8ec\xbd=k\xd4\xf6\r\\\xf9\xdb\n\xf4\xa8\x1d\x1e\x00v\x00\x01\x00\xec\x07c\xccq\x1cI\x92\x13\'\x8fQ\xf3\xf5\x87\x0f\x98\x9b\x9b\x97\xe1\xc4e?\x15E\x106\x9b\xa5c\xe0\xc0?\xff&lt;,\xee\tp\xf4\x05\x01\xa5\x80\x00\x00\xf6\xc3\xf3&lt;\xc30s\xe7\xcd\xbaz!3x\xe2\x97\xb9y\xf7)\x8aq\xf4E9\x1eI\x90\x16\x8b\xa9I\xc3v\xb9\x99\xe6\xa3G\x0f#\x84`)\x18\xd8\x07\x04\x00\xb0\x13\xb1\xdb\xcf\xaf\xcb\x97n\x0b9\xf4\xfe\xec\xe5f\x8bIQe?\xcf\xc6\x0b\xbc\xd1\xe0\xde\xb4~\x8f\xd5kVA\x19(\xb0\x1b\x08\x00`\x0f&lt;\xcf\xd34}\xea\xf4\x89\xf7\xdf]\xf4A\xf0\x1a^\xe09\x9e\x83\x91\xae\x14A\x90fsq\xa7\xb6\x83N\x9d&lt;\x97\x95\x95EQ\x14\x94\xe7\x01;\x80\x00\x00UN,\xfbIN\xbe\xf9\xc6\x90\xe1s&amp;,vw\xf5\xb6\xda,\xa4b\xf6|U\x04A\x10VkI\x83:-I\xde#l\xd76\x8c1\xcc\x02\x01;\x80/!\xa8ZbMK~~\xfe\x90\xa1\x83\xfat\x9c\xd3\xa2q\x97"\x93\xa2\xcb~\x9e\x06#D\x10d\xeb\xa6\xafo\xdf\xbe\x1dZ\x84\x02\xfb\x80\x9b\x0cT!\xb1\xeb=I\x92c\xc6\r\xf7P\x07\x0e\xec597\xef&gt;\x94\xfd&lt;\x11A\x90fsQ\xc7\xa0\x81Q\x97\xaf\xdf\xb8\x91\x08\x1b\x02\x80\x1d@\x00\x80*$N\xfdO\x9d6\xe9v\x82u\xca\xe8\x7f=\xc8\xcf\x82\xb2\x9f\xa7!\x08\xc2\xc6Zk\xf8\xd6\xf1ri\x10\xba5\x04\xc1\x86\x00P\xf5 \x00@U\x11\xcb~\x96\xfc\xfc\xc3\xbe\xb0\xb3\x0bg\xaf0\x99\n\xa1\xec\xe79\x08\x82\xe3\xb8\xb6-\xfb\xee\xde\xbd\x1bc\x0c\xb3@\xa0\xaa\xc1\x1d\x06\xaa\x848\xfaG\x1c\x08\xff\xf8\xc3\xaf?\x9a\xbf\xdab-\xe1\xb1\x00e?\xcfF\x10d\x89\xb9\xa8m\xeb\xde)I\x19\xe7\xce\x9d!I\x12\x96\x82A\x95\x82\x00\x00\x95O\x9c\xf9\xb9v\xed\xea\x84\xf1S\xe7OY\xe2b\xf0`Y+\x94\xfd&lt;\x17\x81\x10\xcfsn.\xde\xaf\xd5h\xbd9d#z\xd49\x03\x80*\x02\xdfIP\xc9\xc4\xb9\x8b\x9c\xdc\x9c\xe1#\x86\r\xee\xfe^@\xfd\xa0\xa2\xe2|\xc5\xf6z{Q\x04AX,%=;\x8f\xda\xbd+\xbc\xb0\xb0\x90\xa6i\xc8\x00Pu \x00@%\xc3\x18\xf3&lt;7|\xf8\x1b\xafy\xf7\xea\xd9\xe9M\'&gt;\xe2\xb1*\x10\x04i\xb1\x9a\x1a\xd5mc51G\x8f\x1dF\xb0\x14\x0c\xaa\x12\x04\x00\xa8Lb\xaf\xb7\x9f\x96,NI(\x9c8\xe2\x83\xbc\x82l\x18\xfd_\x14\xc6X\xa5\xd24m\xd0u\xe3\xc6?\x1c}-\xc0\xc9A\x00\x80\xcaw\xff~Z\xcd\xea\x010w\xf1r\xc4\r\x01=:\x8d&lt;~\xf4LF\xc6}h\x0b\x01\xaa\x0e\x04\x00\xa8|\x0c\xa3bY\xab\xa3\xafB\xae\xc4\r\x015\xfd\xea\xe9T~\xdbwlE\xd0\x1c\x14T\x19\x08\x00P\xf90\xc6P\xf1\xf9*0B\x18\x11]\xdb\x0e_\xb3f\xad \xc0\x86\x00PU\xe0\xc6\x02@r\x08D\x98-E\xad\x9bw\xff+9-\xe9&amp;\xb4\x85\x00U\x05\x02\x00\x00\xc9\x11\xcf\x89\xf4r\xf7\xf3\xf5h\xbcn\xddj\x04\xb5@\xa0j@\x00\x00 I\x04\xc1rl\x8f\x8e\xa3\xb6o\xdb\t\xe7D\x82*\x02\x01\x00\x80\x14\x91\x04i\xb1\x147i\xd86/\xc7v\xf4\xd8a\x82 `)\x18T:\x08\x00\x00$J&lt;\'\xb2Y\x83\x1e\xabW\xafr\xf4\xb5\x00\xe7\x04\x01\x00\x80D\x11\x04i\xb1\x98\xda\xb5\xee{\xe6\xf4\xf9\xe2\xe2b\xd8\x10\x00*\x1d\x04\x00\x00\x12E\x10\x84\xc5Z\xd2\xa0NK\xc1f\xdc\xb6}\x0b\x82\r\x01\xa0\xb2A\x00\x00 ]\x18c\x86V\x075\xef\xbfi\xd3&amp;\x84\x10l\x08\x00\x95\x0b\xee\'\x00\xa4\x8b \xc8\x12KQ`\x8b\xd7\xafF_OOO#I\x12f\x81@%\x82\x00\x00@\xba\x08\x82\xb0\xd9,\xb5j4p\xd3\xd5Y\xb3\xf6w\x04\xb3@\xa0RA\x00\x00 m\x04\x81\x05\xdc\xbe\xf5\xa0\x9d;w\xc29\x91\xa0r\xc1\xcd\x04\x80\xa4\x11\x04i2\x17\xb6m\xdd+\xe5f\xe6\xd9s\xa7\xe1\x9cHP\x89 \x00\x00\x90\xb4\xd2s"\xeb\xd4h\x13\x1a\x1a\x82\xe0\x9cHPy \x00\x00\x90&lt;\x82\xb0\xd9,\x1d\xda\x0c\x88\xd8\x7f\xd0l6\xc3\x86\x00PY \x00\x00\x90:\x92 \xcd\xe6\xe2\x96M\xbb\xe4\xe5\xf0\x07\x0fE\x10\x04\x01\xbd\xe1@\xa5\x80\x00\x00@\x06\x04,\xa8U\xda\xe6\r\xbb\xc19\x91\xa0\x12A\x00\x00 \x03\x04A\x96\x94\x14\xbd\xdee\xd4\x89c\xe7S\xfeJ\xa6(\n^\x02\xc0\xab\x83\x00\x00@\x1e\x04\x81\xd7i]8\x96/,,t\xf4\xb5\x00\'\x01\x01\x00\x80\x0c`\x8cu:\x97\xb3\x97\xc2\x9b\xb7j\xd8\xaaekA\x10`C\x00xup\x0f\x01 \x0b\x98 \xd0\xc5\xab\x07&amp;O\x9e\x84\xe0\x800PI \x00\x00\x90:\x8c\xb1F\xadKJ\xb9\x8a\xe9\xbc7\x87\x8d\xc4\x18\xc3\x01a\xa0R@\x00\x00 u\x18\x0bZ\xad\xe1\xdc\xe5\xfd\xdd\xbaw\xf2\xf1\xa9&amp;\x08\x02A\x10\x8e\xbe(\xe0\x0c \x00\x00\x90:\x8a\xa4\x8a\x8a\xf3\xe2n\x9d\x989#\x18\xb6\x80\x81J\x04\x01\x00\x80\xa4\tX\xd0h\xf4\xf1I\x97&lt;\xabi{\xf5\xea\x83\x10\x82\xf9\x1fPY \x00\x00\x906\x8cU*\xcd\xf9\xa8\x88\xbe}\xfb\xd04\r\x9d\xe0@%\x82\x00\x00@\xba0\xc64\xcdd\xe7\xa6\xa5fD\xcd\x99=\x17\xc1\xa1`\xa0R\xc1\xcd\x04\x80ta\x84\xb5\x1a\xe3\x95\xd8\x93u\xea\xd5h\xd1\xa2\x15\x94\xff\x83\xca\x057\x13\x00\xd2E D |\xfar\xd8\x8c\x19\xd3\x11\x94\xff\x83\xca\x06\x01\x00\x80Da\x8cU\x8c\xfa\xee\xfd\xe4\x12\xdb\xfdQ#\xc7 X\xfe\x05\x95\r\x02\x00\x00\x89\xc2X\xd0j\x8d\'\xce\xed\xe8\xd9\xab\x8b\xaf\xaf\x1f\xcf\xf3P\xfe\x0f*\x17\x04\x00\x00\x12%\x9e\x08\x1fw\xf3\xf4\xa4IS\x1c}-\xc09A\x00\x00 E\x18\x0b\x1a\xb5\xfeFJ\xb4Z\xcf\xf6z\xbd\x0f\x82\xfa\x1fP\x05\xe0\x96\x02@\x8a0\xc6\x1a\x8d\xee\xf8\xd9\xed\xc3\xde\x1c\xe2\xe2\xe2\xc2q\x1c\xcc\xff\x80J\x07\x01\x00\x80\xe4`\x84(\x8a\xce/\xcc\xb9\x9dve\xc2\xf8I\x08!\x18\xfdAU\x80\x00\x00@r0\x16tZ\xe3\xa5+\x87\xeb4\xf4\xed\xd4\xa9\x8b \x08P\xff\x03\xaa\x02\x04\x00\xa8|\x04A@\xcf\xb2W\x821M\xd1\x91\xd7\xfe\x1c1\xfcM8\x02\x1eT\x1d\x08\x00P\xf9X\xd6\xc60jG_\x85\\\x95\x96\xff\x17Z\xeeL\x9f6\x0bA\xf9?\xa82\x10\x00\xa0\xf2\xf9\xf9\xd5\xb8\x9b\x9e\x08\xd3\xd6/\x07cA\xa7u\xb9\x14}\xa8i\xf3z5j\xf8C\xf7\x7fPu \x00@e\xa2iZ\x10\x84w\xff\xb1\xb0nc\x97M;\xbfww\xf5\xe6y\xce\xd1\x17%3\x04A\xd88K\xd4\xf5C\x93&amp;MF\xd0\xfe\x01T%\x08\x00P\xc9\x08\x82\xa0(:,l\xcf\xed\xec\xa3\xc7\xcf\xed\xf2t\xaf\x06\x19Pq\x02\xc6\x1a\xb5.\xf9\xf6u\xcc\x14\x8e\x1e5\x0e\xc1\xfc\x0f\xa8J\xb4\xa3/\x008\x1b\x82 x\x9e\xf7\xf2\xf4\n\xdb\xb9\xbb{\xf7\xd7\xbd&lt;|\x03\xea\x05\x16\x95\x14P$\x0cd\x15\x80\x05\xb5Zw\xfa\xe2\xae&gt;}^7\x18\x0c&lt;\xcfC\x00\x80\xaa\x03o\x00\xa0\xf2Q\x14\xc5\xf3|\xcb\x96\xad\xf6\x86\xef\\\xb9\xf9\xbd\xbc\x82l\x8dZ\x0bS\x19\x15!\x9e\xfe\x98\xf8\xd7\xd9\xb9s\xe79\xfaZ\x80\xf3\x83\x00\x00U\x82\xa2(\x8e\xe3\xbau\xed\xb9x\xc9\x7f\xbe\xfbm\x1a\xc7\xb1\x0c\xa3\x82\xda\xd0g\x13\xb0\xa0\xd1\x18\x12nFz\xfa\xe8\xdb\x06\xb5\xc7\x18\xc3\xe3?\xa8R\x10\x00\xa0\xaa\xd04\xcd\xb2\xec\xbc\xb9o\xcf\x9c;\xfa\xc7Uoi5:\x8c \x00\x9e\tc\x9afN^\xd81j\xd4p\x95J\x05\xa7?\x82\xaa\x06\x01\x00\xaa\x90\x98\x01\xdf\xfd\xf7\xc7\xb6]k\xfe\xb6\xf1\xff\xbc=\xaa\xc3\x82\xf0\xd3\x88\xa7?\xe6\xe6e\xa4e]\x9f6m&amp;\x82\xeeo\xa0\xea\xc1\x1d\x06\xaa\x10A\x104Mc\x01o\xfc#\xd4F%o\x0b_\xe2\xee\xe6\x03\x19\xf0D\x18c\x9d\xd6x\xee\xf2\xbe\x96\xad\x03\x1a6\x08\x80\xd3\x1f\x81\x1d\xc0\x1d\x06\xaa\x16A\x10\x18a\x9dNw\xfc\xc4\xc9\xe8\xa4\x1d\x17\xa2\x0e\xb9\x1a= \x03\x9e\x04\x13\x04q\xf1\xea\x81I\x93\'\x91$\xb4\x7f\x00\xf6\x00e\xa0\xa0\xca\x91$\xc9\xf3\xbc\xa7\x87\xd7\xee\xdd{\xfa\xf6\x19P\xcd\xcb\xdf\xbfz\x03SI\x01\t\x85\xa1\x8f`\x8c5j}R\xcaU\x81\xca{s\xd8\x08X\xfe\x05\xf6\x01o\x00\xc0\x1e\xc4\xa2\xa0vm\xdb\xafX\xb9t\xc9\xdayE\xa6\x07\x0c\xa3\xc6\x18\x1er\x1f\xc2X\xd0j\xf4\xe7"\xf7\xf7|\xbd\x8b\x8fO5h\xff\x00\xec\x03\x02\x00\xd8\x89\xb8 &lt;n\xec\xc4\x7f\xff\xf7\xc3o\x7f\x9d\xa9Vi\xc5\xd9!G_\x97$\x90\x04i\xb1\x95\xc4\xdf&lt;3f\xcc8(\x96\x05v\x03\x01\x00\xec\x87a\x18\x8e\xe3\xde}\xe7\x83\xc1\xc3;\xfd\xbcf\x81\xab\xd1\x13\xc3L7B\x02\x16\xb4ZCL\xfc\x197oj@\xffA\x08\xea\x7f\x80\xbd\xc0}\x06\xecJ\x9c\x0bZ\xbfn\x93\xbb\x9fe\xd3\xce\x1f\xa0(\x08!\x840V\xa94\xe7"\xf7\x0f\x18\xd0O\xab\xd5\xf2&lt;\x0f\xf3?\xc0&gt; \x00\x80]\x11\x04AQ\xa4 \x08{\xf7D\xdc/:}\xf0\xf8F/\x0f?%g\x80X\xfe\x9f\x9d\x9b\x96\x9a\x11\x1d\x1c&lt;\x17\xc1\xe3?\xb0#\xb8\xd5\x80\xbd\x11\x04\x891\xf6\xf4\xf4\xdc\x17~\xe0\xcfs+\xa3\xaf\x9f0\xe8]yA\xa1\xbb^\x05\x81\xd7j\x0c\xd7\xe2N\xd7\xa9W\xbde\x8bVP\xfe\x0f\xec\tn5\xe0\x00b\xb7\xb8z\xf5\xeaG\x1c\xd8\xbbv\xc7\x87Y9i:\x8d^PX\x06`\x8c\x05\x81\xd7j\xf4\x1a\xb5\xf6\xcfS\x9bf\xcc\x98\x8e\xa0\xfb?\xb0/\x08\x00\xe0\x18\xe2b@\xa7\x8e]\x96\xfc\xfc\xddOkf\xb3\xacUQ\xdd\xe2x\x81\xa7)\xc6\xd5\xc5\xeb^\xc6\xad\xcf\x16\x8f\xf5\xae\xae\x1a?n\x12\x94\xff\x03;\x83\x00\x00\x0e#\x16\x86\xce\x9c1{\xd6\xbc1?\xac\x9c\xaf\xd5\x18\x90\x02\xaaB\xc5\x17\x1d7\x17/\xb3\xa5p\xed\x96\xcfVm}{\xdc\xd4\xde\x17.\\\xf0\xf4\xf4D\x08\xc1\xf2/\xb0\'B9\xcf\\@\x9a8\x8e\xa3iz\xdc\x84Qq\x97\x0b\xde\x0b\xfe%\'/\x9d"\x9ds\x83:\xc6\x82\x80\xb1A\xe7\xcar\x96#\xa7C\x8f\x9e\xfbc\xe8\x9b}?\xff\xec\xdf\r\x1b6D\x08a\x8ca\xf4\x07v\x06\x01\x00\x1c\x0cc\x8c0"H\xa2u\x9b\x96~.]F\x0c\x9c\x9f\x97\x9fEQN\x96\x01\x98\x17x\x8dJ\xa7\xd5\xe8#c\x8el\xdf\xffc\xe3\x165\x16-\xfa\xbco\x9f\xbe\x08!\x8e\xe3(\x8a\x82\xd1\x1f\xd8\x1f\x04\x00p&lt;\xb1\xf3\xc1\x83\x07\xb9\xcd[4\x1b\xd4\xe5\xa3\xf6\xad\xfb\xe4\x17\xe68M\x06\x08\x02OQ\x8c\x8b\xc1=\xe5n\xec\xce\xfd\xbf\xe4\x95\xdc\xf8\xe2\xcb\xcfg\x07\xcfE\x08\x89%\xffP\xf6\x03\x1c\xc5I\xbec@\xd6\x1ev\x8b\xf3\xf4\xda\xbdkO\xbf~\x03\xdc\\=\xeb\xbf\xd6\xa2\xd8$\xfbnq\x02\x16\x10B.\x06\x8f\x82\xa2\x9c\xf5\xdb\xbf\x8c\xb9qh\xd6\x9c\xa9\x1f~\x10\xe6\xed\xed\x851\x16\x04\x01\x96|\x81c\xc1\x1b\x00\x90\nq1 \xe2@\xf8\xc8aS\xbeX\xb8C\xad\xd2\xb1\x9c\x8d$d\xf9t\x8c1\xc6X\xd0j\x0c4E\x9f8\xbf#\xe2\xe4\xef=z\xb5\xfd\xf7\xbf\xbfn\xde\xac9z\xf4\x93:\xfa\x1a\x01\x80\x00\x00R\xc2\xb2,\xc30K~\xfe\xe1?\x9f.\xff\xfa\x9f\xbbKJ\n\x05\x19.\x8d\xf2\x02\xa7b4z\x9dKL\xfc\xe9\xb0\x83\xcb\x0c\xee\xec\xf7\xdf\x7f?x\xf0P\x04\xd3\xfd@b \x00\x80\xb4\x88O\xc7S\xa7M:\x7f&lt;\xe5\xfd9+\x8a\x8a\xf3\t\xf9\xbc\x04\x08\x02O\x92\xb4\x8b\xc1==3y[\xf8\x8f9\xc5\x89\x0b\xdf\xff\xc7;\x0b\x162\x0c-\xee\xf0\x82\xe9~ )\x10\x00@Z0\xc6&lt;\xcf\xd34\xddo\xc0\xeb\xc5\x19\xd5\x82\'~\x91\x9d\x9b.\xfd\x05a\xf1l\x03\xbd\xce\xd5b5\xed&gt;\xb8&lt;&amp;\xe9\xf0\x88\xd1\x83\xff\xf3\xefo|||\x10B&lt;\xcf\xc3t?\x90 \x08\x00 9\xe2\xc3raaa\x97\xae\x1d\xebW\x1b\xf0F\xbfY\xb9y\x99\x92\xcd\x00q\xba_\xa31\xd0\x14}!\xfa\xc0\xee?\x97\xb6\n\xaa\xff\xf3\x92e-Z\xb4D\x08\xf1&lt;O\x92$\xcc\xf9\x00i\x92\xe8\x97\n(\x19I\x92\x82 \xb8\xb9\xb9\x1d=r\xbcI\x93\xa6\xfe\xd5\x1b\xb4h\xdc\xa9\xb08\x8f@\x04\x12\xf7\xca\x12\x84\xf8\xcf\x0e\'\x08&lt;\xc3\xa8\xb5\x1aCR\xca\x95\xd0\xbd\xdf\x1a\xdc\xd9e\xcb\xff;q\xe2d\xf4h\xe8\x87\x07\x7f e\xf0\x06\x00$J\x9c69\x7f\xfel\xdf&gt;\x83\xde\x99\xba\xb6V\xf5\xfa\x04I\x12\x04\xe2x\x8ee\xad\x1c\xc7\nX@\x18?\n\x04{\xe7\x81 \xf0$I\x19\xf4\xae9\x0f\xd2\xb7\x85\xff\x94\x91\x1f3s\xd6\xb4O\x17}\xce0\x0cL\xf7\x03\xb9\x80\x00\x00\xd2%.\x08\xaf]\xbb\xfa?_.v\xd1W\xd30\x1e\xbe\x9eu\xbd&lt;kT\xf7\xad\xeb\xe1\xe6\xa3\xd3\xe8)\x9a\xe6y\x8e\xe3l6\xd6&amp;\x08\x9cx3\x13\x04\x81\xaa2\x120\x160F\x06\xbd+\xc7Y\xf7\x1dYs1f\xd7\x80\xc1\xbd\xbe\xfb\xee\x87\x1a\xd5k \x98\xee\x07\xb2\x02\x01\x00$M\xec\x8f\xff\xe0A\xce\xed;\x7f\xc5\xc7\xc7\xc5]\x8fOHHJ\xbf\x97\xcd\xdb\x18\xd6By\xb9\xd7\xf2\xf5\xae\xe3\xeb]\xcb\xd7\xa7\xb6^\xef\xa2f\xd4\x88 8\x9e\xe5X\x1b\xc7\xb3\x0f\xcf\x99y4g\x84^y\xd6\x08#\x8c\x05A\xa3104\x1dy\xed\xe8\xae\x83K\x03Z\xd4\xf8\xf6\xdb\xef;u\xec\x84\xa0\xc4\x13\xc8\x10\x04\x00\x90\xba\xf2g\xa4\xb0\xac5+;3\xf6zlttt\xda\xbd\xf4\xa4\xc4\x94\x8c\xf4&lt;\xc4\xab\x8c\xbaj.z\x9f\x9a\xd5\x1b\xf9x\xd5\xf4p\xf71\x1a\xdc(\x8a\x12\x04\x9ee\xad\x1c\xcfr\x1c\'\xd6\xea\xbc\xdc+\x02/p\x0c\xa5\xd2\xeb\\\x92Sc\xb6\xed[\x82\xd49\x1f}\xf4a\xf0\xac9\x08Vz\x81lA\x00\x00\x19\xc0e\x10\x04Q~\x8e%\'7\xeb\xee\xdd;\xa9\xa9\xb7##\xa3\xae_O(xP\x9c\x9bm"\x04\xbd\x8b\xc1\xa7\xbaw\xbd\x1a~\xf5=\xdc\xab\xb9\xbbz\xabU\x7f{E\x10\x04\x1e?\\Ex\xf8\x1fO\xfc\xdb\x05\x81\'\x08\xd2\xc5\xe0QP\x94\x1dv\xe0\xd7\x1b\xa9\'f\xcd\x9e\xfe\xaf\x8f&gt;qqu\x81\xe9~ k\x10\x00@~\xc4\x9bV\x10\x04\xf1\x1f\x9e8\xf1\x92\x96~76\xf6ZrJr\xdc\xf5\x84\x94\xe4;\xf7\xd3rx\x1b\xe3\xaa\xf73\xea\xbc\x1f\xbe"\xb8\xf9\xe8\xf5F\x86Q\t\x02\xcfq,\xcbY9\x9e\xc3\xe2\x81\\\x8f\x16\x96\xc5\x12O\xbd\xce\x15c\xfe\xe8\x99\xd0#g7\xf6\xe8\xd3\xf6\xbb\xff.\x16\x1b8\xc3t?\x90;\x08\x00\xe0\x0c\x9e\xfb\x8aPXT\x90\x9c|\xb3\xf4\x15!\xffAq~\xae\x99\xb3\x91\xeeF\x7f?\x9fz\xde\x9e\xfe\xd5\xab\xd5q1\xbak4Z\x92 y\x81\xb3\xb16\x96\xb50\xb4Z\xa3\xd1G\xc5\x1c\xd9{x\x85\x8f\xbf\xfa\xeb\xaf\xbf\x19\xd0\x7f \x82\xe9~\xe0, \x00\x80s\x12\xdbm\x8a\xb77I\x92\xe5gi22\xd3\x93\x92n\\\xbf\x1e{\xfb\xf6\x9d\xd8kq\xe9i\xb9$\xd6R\xc8\xe0\xed\xfe\x9a\xb7\xa7\xbf_\xb5:~&gt;\xb5\xb3\x1f\xdc\r;\xf0K\xbe9\xe9\xb3\xcf\x17\x05\xcf\x9cKR$\xcc\xf9\x00g\x02\x01\x00\x14\xa1"\xaf\x08\x99\x99\xf7\xe3\xe2\xaeGFF\xa5\xde\xbe\x93z;\xddT(\xa4e$O\x9c&lt;\xea\xa3\x0f?\xf1\xf6\xf6B0\xe7\x03\x9c\x0e\x04\x00P\xa8\xe7\xbe"\xdc\xcfH\xe39\xc1\xdf\xbf&amp;\x829\x1f\xe0\xa4 \x00\x00@\xe8\xe9\xaf\x08P\xe2\t\x9c\x18\x04\x00\x00O&amp;\x86\x01L\xf7\x03\'\x06\x01\x00\x00\x00\n\x05O7\x00\x00\xa0P\x10\x00\x00\x00\xa0P\x10\x00\x00\x00\xa0P\x10\x00\x00\x00\xa0P\x10\x00\x00\x00\xa0P\x10\x00\x00\x00\xa0Pp&amp;0\x00NK\x10\x04\xb1y\x11lc\x06O\x04\xfb\x00@E\x89\xbd\x13\xc4\x7f\x10{\'\xc0.Yi\x12?)\x82 \xca\xeeb\xe3y\xfe\xb1\x7f\x03\x00\x04\x00x\xb2\xc7Z#&lt;c\xa0\x87\x16i\xd2\x811\xe6y\x9e\xa6\x1f\xbe\xd9_\x8d\x8b[\xbfi\x93\x8f\x8f\xcf\xe4\xb1c\xfd\xfd\xfc\xd0\xa3l\x80\xd8\x06"\x08\x00\xf0\xd0s\x9b\xa3\xe5\xe4d\xc5\'\xc4\xdd\xb9\x9bz\xedjlB|RNN\xf6\xf0\x11\xc3\xde{\xf7}\x9a\xa6\xa1I\xb2\xc3\xf1&lt;\x8f\x10\x12\x93\xd8j\xb5n\xdf\xbb7d\xc3\x86\xf4\xa8\xa8\xaenn\x056[\x0c\xc6M\xbbu{\xfb\xed\xb7;\xb4iS\xfa\xe7\xe1\x85\x00@\x00(\xd4\x8b\xb5GN\xbd\x93\x9d\x99\x9fv7\x0bsZ7\xa3\x9f\xa7k\x8d:\xb5\x9a\xd9X\xf3\xbec+tn\xec\xf7\xdf}7d\xc8\x1b\x08\xfa\xa69\xc2cO\xf4\xc9\xa9\xa9\x1b6o\xde\xb7m\x9bon\xee\x9b\xf5\xea\xf5i\xd4\xc8K\xaf\x170\xbe\x9b\x97\xb75&amp;\xe6PV\x96\xbeq\xe37\xc7\x8c\x19?r\xa4\x87\x9b\x1bzt\xaa\x1a|j\x8a\x05\x01\xa0\x08\x8f\x9d\xa1\xf8\xe2\x07\xa4\xd4\xf4\xf3\xa9\xed\xe1^\xcd\xd5\xc5\x83\xa6\x19\x84\xb0\x8d\xb5\x12\x88\xa0H\xea\xf8\xf9\xed\x7f\x9e^\xdf\xb2M\xbd%K\x96\xb6h\xd1\x12A\xe7d{\x11?\xcd\xd2\xe4\xde\x1d\x11\xb1i\xd3\xa6\x94\xb3g\x03\xd5\xeaQM\x9b\xb6\xaf][\xc0\xb8\xc8jey\x9e@HE\xd3\xae\x1aM\x91\xc5r"9y\xfb\x8d\x1b\xa9\x1aM\x8f\x11#&amp;O\x98\xd0\xaaiS\xf1\x7f\x0e\x9f\x9a2A\x008\xa7J?"\x91em\x1c\xcf\xf2&lt;\'\xde0\x04A"\x84\x11Bz\x9d\x9b\xc5Z\xbc\xfb\xe0\xf2\x98\xa4\xc3#F\x0f\xfe\xea?\xff\xf5\xf6\xf6F\xb00Pe\x1e{\xe4\xbfw\xff~hX\xd8\x9e\x90\x10!%eL\xdd\xba\x03\x02\x02\xfc\\]Kl\xb6b\x9b\r!D=\x1a\xd01B\x02\xc6$A\xb8\xa8\xd5*\x8aJ\xc8\xcc\xdct\xed\xda\xe9\xfc|\xbf\xc0\xc0\x99\xb3g\x0f\xe9\xdf\x9f\xa6($\xce\x0b!D\xc2\x07\xa7\x18\x10\x00\xce\xe0\xb9\x0b\xb6,k\xcd\xca\xce\x8c\xbd\x1e{%:\xfa\xde\xdd\xb4\xe4[w\xee\xa7\xbf\xcc!\xe9\xe5\xffjA\xe0I\x92v1\xb8\xa7g\xa6l\xd9\xfb\xfd\x03S\xe2\xe7\x9f\x7f\n\xa7\'V\x85\xc7\x1e\xf9/DG/[\xb6,\xfe\xd4\xa9&amp;\x08\x8d\x0e\x08\xe8T\xb7\xae\x9a\xa6\x0b\xccf\x1b\xcf\x93\x04A&gt;\xe5Y^\xc0\x18c\xaca\x18\x17\x8d\xe6\x81\xc9t01149\xb9\xc8\xdb{\xc0\xa8QS&amp;L\xa8W\xbb6\x82\x85b%\x81\x00\x90\xb7\xa7\r\xb299Yw\xef\xdd\x89\x8b\xbf\x1ew=&gt;!!)\xfd^6ocX\x0b\xe5\xe5^\xcb\xd7\xbbN5\xafZ^\x1e\xben\xae\xdej\x95\x1a\x11\x04\xc7\xb3\x1ck\xe3xV\x10x\x8c1"\x08\x02=\xfc\x8f\n^\x06/p*F\xab\xd3\x1a\xe0\xfc\xf4J\xf7XM\xe7\x83\xfc\xfc\x90\x1d;vm\xddjJH\xe8\xe7\xe33\xa6E\x8bZ\xee\xee\x16\x8e+\xb2Zq\x99G\xfe\xe7\xfc\x7f"\xc4\x0b\x02CQF\xb5\x1ac\x1cy\xf7\xee\xf6\xb8\xb8(\xab\xb5A\xb7n\xb3f\xcd\xea\xdd\xad\x9b\xf8\xc78\x8e{\xe2l!p\x1a\x10\x002&amp;&gt;\xef#\x84l\xac55\xf5\xf6\x8d\x1b\t\xb1\xb1\xb1\xf1q\x89\xd9Y\xf9iw\xb30\xaf6j}\xaay\xd6\xf5\xf2\xacQ\xdd\xb7\xae\x87\x9b\x8fN\xa3\xa7h\x9a\xe79\x8e\xb3q&lt;\xcbq\x1c\xc6\x02B\xa5\x03\xfe+\x8d\xd1\x18c\x8c\x05\xbd\xce\x15c\xfe\xe8\x99\xd0#g7\xf6\xe8\xd3\xf6\xbb\xff.n\xd8\xb0!\x82\x19\xa1\x97R\xbe\xa6s\xc3\xe6\xcd\'v\xee\xacm\xb1\x8cj\xd4\xa8G\xbdzF\x8d\xa6\xd0b\xb1p\xdc3\x1e\xf9\x9f\x8d\xc7\x18!dP\xa9t*UFA\xc1\xd6\x98\x98\x83ii\xa8N\x9d\x91\x93&amp;M\x1e7\xce\xdd\xd5\x15\xc1B\xb1S\x83\x00\x90+qH\xbd|\xf9\xf2\xc7\x1f\x7f\\\\h1\x15\xf2j\xda\xc3\xa8\xf3\xaa\xe1\xd7\xb0\xbaO]\x0fw\x1f\xa3\xc1M\xa5R#\x849\x9ecY+\xc7\xb1\x02\x16\xd0\xc3\x07|\xf1\xbb\\\xf9\xdfgA\xe0\t\x82t1x\x14\x14e\x87\x1d\xf8\xf5F\xea\x89Y\xb3\xa7\xff\xeb\xa3O\\\\]\x1e\x9b\xc1\x00\xcfP\xbe\xa6s\xcb\x86\r\xe9\xd1\xd1\xdd\xdc\xdc&amp;\xb6l\xd9\xb8Z5\x1b\xcf\x17Z\xad\xe2\xb4\xfe\xab\x7f\x8a\x02\xc6\x02\xc6*\x8ar\xd3j-,{\xfe\xf6\xed\xb5\xb1\xb1w4\x9av\xfd\xfbO\x9f6\xad]\xabV\xa5W\x051\xe0d \x00dI\x9c\x13\xc8}\x90\xdb\xb2e\x8b\xae-\x82\x9b7\xee\xa0\xd7\xbb\xeauF\x92$y\x9e-\xb7`+\x0e\xf8\xf6\xfb\xde\xf2\x02\xc7P*\xbd\xce%95f\xdb\xbe%H\x9d\xf3\xd1G\x1f\x06\xcf\x9a\x83`\x10y\xa6\xe7\xd6tz\xea\xf5\x85\x16\x8b\x85e\x89\x97}\xe4\x7f6^\x10\x08\x820\xaa\xd5j\x9aN\xca\xca\xday\xfd\xfa\xc9\xfc|\xb7\x96-\xc7M\x9a4b\xc8\x10\xadF\x83\xfe\x1eN@\xee \x00\xe4\xa7t\xb170\xb0\x95\xaf\xb1\xf3\xe8!\xef\x14\x14=\x10\x04Nx\xde\x82\xad]/\x12a,\x08\x1a\x8d\x81\xa1\xe9\xc8kG\xc3\x0e.m\xdc\xa2\xfa\xa2E\x9f\xf7\xed\xd3\x17\xc1\xc2@9\x15\xaf\xe9\xa4H\xb2\xaa\x7fkb\xb1\xb0\x86\xa6\x8dj\xb5\xc9j\xdd\x17\x1f\x1fv\xebV\xb6\x87G\xb7\xc1\x83\xe7\x05\x07\xd7{\xed5\x04\x0b\xc5\xce\x02\x02@~8\x8e\xa3iz\xc2\xc41\xb1\x97\xf2\xde\x0b\xfe%\'/\x9d$){&gt;\xe0W\x1c\xc6\x02\xc6\xc8\xa0w\xb5\xb1\xe6#\xa7C\x8f\x9e\xfbc\xe8\xf0\xbe?|\xf7S\xf5\xea\xd5\x11,\x0c\xbclM\xa7\x9d\xae\r!\xf1\xda\xdc4\x1aD\x10q\xe9\xe9\x7f\\\xbb\x16i6\xd7\xeb\xd2e\xc2\xc4\x89\xc3\x06\x0e\x14\xff\x18\xec(\x965\x08\x00\x99aY\x96a\x98\xaf\xbe\xf9b\xd9\xf7[\xfe\xfd\xe1\xf6\xa2\xe2&lt;\x82\x90\xfawO\x10x\x92\xa4\x8cz\xb7\xdc\xfc\xfb\xa1{\x16g\xe4\xc7\xcc\x9c5\xed\xd3E\x9f3\x0c\xa3\xd8R\xd1J\xa9\xe9\xb4\x0fq\xa1X\xc70\x06\xb5\xfa~A\xc1\x81\xc4\xc4\xad))d\xdd\xbao\x8c\x1f?v\xf8ph1$k\x10\x00r"&gt;\xfbo\t\xdd4{\xc6\xc2\xcf\xde\xdd\xca\xd0\x1a\x8e\xb3I?\x00D\xbc\xc0\xabh\xb5VkHJ\xb9\x12\xba\xf7[\x83;\xfb\xc9\'\x9fL\x9c8\x19)ia\xa0*j:\xed\x03c\xccc\xac\xa2(W\xad\xd6\xcaq\xe7RR\xb6%&amp;\xc6#\xd4\x04Z\x0c\xc9\x19\x04\x80l\x88\x13&amp;\x17.\x9c\xeb\xdfo\xd0\xfc\x89\xabjV\xafo*)$I9M\xa1\x88\xa5\xa2\x1a\x8d\x81\xa6\xe8\x0b\xd1\x11{\x8f\xfc\xda\xac\xd5k\xdf|\xfdm\xa7N\x9d\x91\xb3\xc7\x80\x1dj:\xed\x83\xc7\x98@\xc8\xa8Vkh\xfaN\x99\x16C\xc3\xc7\x8c\x99&gt;q\xa2\xb8P\x0c\x95\xa3r\x01\x01 \x0f\xe2\xfbuf\xe6\xfd&amp;M\x9a\x8d\x1d\xf0\xef\x96M:\x17\x16\xe7Q\x94,\xcf\xf3\x117\x1f\xe8t.\xac\xcd\x12ql\xfd\x85\x98\x9d\xa3\xc6\x0e\xfd\xcf\x97\xdf\xf8\xf8\xf8 g\\\x18\xb0sM\xa7}\x88\x95\xa3\x1a\x9av\xd1h\x8a,\x96S))\x9b\xe2\xe22==\xbb\x0e\x1a4y\xfc\xf8V\xcd\x9a\x89\x7f\x0cV\xfb%\x0e\x02@\x06\xc4\xcf\xc8l6\xb7\xef\xd0\xb6\xaeO\xbfa\xfd\x82s\xf32d:\xfa\x97z\xb80`p\xbf\x9f\xf9\xd7\xb6\xf0\xc59\xc57\x16\xbe\xff\xce;\x0b\x162\x8cS5\x97.\xdd\xac\x97|\xfb\xf6\x86\x90\x10{\xd6t\xda\xc1\xffZ\x0ci4\x14A\xc4\xa6\xa5m\x8f\x8f\x17[\x0c\xcd\x98={\xe8\xa3\x16C@\xb2 \x00d@\\\xf8\x1d1jhj&lt;z{\xfa\xe2\xec\xdc{\x14\xc58\xfa\xa2*\x87 \xf0\x0c\xa3\xd6\xeb\\b\xe2O\x87\x1d\\fpg\xbf\xff\xfe\xfb\xc1\x83\x87"\xa7xx\x14G\xffS\xa7N-]\xb1"\xe5\xdc9\x87\xd4t\xda\x87X9*.\x14\x8b-\x86\xb6&amp;\'\x17x{\x8f\x187\xee\x9d\xf9\xf3\xb5:\x1dz\xb8\xe1\x1cH\x0b\x04\x80\xd4\x89\xa3\xff\x87\xff|/t\xfd\xf1E\xff\xf8\xa3\xa88_.\xab\xbe\x15$.\x0ch5\x06\x9a\xa2O\x9c\xdf\x11q\xf2\xf7\x1e\xbd\xda\xfe\xfb\xdf_7o\xd6\x1c\xc99\x06\xc4oVNnn\xa3\x06\r\xfeQ\xa7\xce\xa4\xc0@o\xa3\xd1Q5\x9d\xf6!.\x14\x8b-\x86\x04AH\xc8\xca\x9a\xb5c\xc7\xe0\x7f\xfe\xf3\xfb\xaf\xber\xbe\x99=\xe7\xe0TC\x89\xf3\xe18\x8ea\x98\xd5k~\xfb}\xf9\xd6\xf7\x82\x7f1[J\xaa\xa2\x7f\x83c\x11\x04A\x92\x94\xd9j**)\xe8\xd9i\xf4\xff\xbd\xb5\xe5\xc1=C\xd7N\xdd?\xf8\xf0\xbd\xec\xec\x1c\x9a\xa6\tB\x96\x8f)b=\xcc\xc6\xad[k\xf3\xfc\xa2~\xfdH\x92\xcc,*2\xd9l\x14A8\xe5\xe8\x8f\x10"\x08\x82&amp;I\x8cq\x9e\xd9\x9cg\xb1\xb4\xf1\xf7_\xfa\xe6\x9b\xebV\xaf...&amp;IR\x8e\x1f\xa2\xd3\x83\x00\x90.\xb1h\xe4\xdc\xf93\xffx\xe7\xc3wg\xfc\xa6b\xd4,k\x95\xe3\xb3pE\x90\x04I\x12da\xf1\x03\x9aVO\x1d\xf5\xe9[SV\xee\xdb\x11\xd9\xa2E\xb3\x95\xbf-\xe79^\x8e\x19@Q\x14\xcfq\xbf,[6?(\xe8\x81\xc9\xc4aL\x93\xa4L\xe7\xfa_\x14E\x10\x0cI\xde/,lS\xa3\x86oIIhX\x18A\x10\xe2b8\x90\x14\xf9}\xaf\x14B,\xfbIN\xbe\x19\x18\xd8~\xf2\xb0o\x9a4hW\\RH\xc9\xaa\xe8\xf3ea^\xe05*\x9dF\xa3\x8f\x8a9\xb2\xe7\xcf\xe5\xfeu]\xb6\x86n\xab]\xbb6\x92\xcf\xca\xb08\xe3q\xe0\xf0\xe1\xe0\xa1C/N\x9b\xc6*r\xec\xe3\x04\xc1\xc7`\xf8\xf9\xcc\x99]ju\xe4\xa9SX&gt;\x1f\x9fr\xc0\xe7!Eb*\xe7\xe7\xe7\x0f\x19:\xa8o\xc79m\x9a\xf5(6\x15(c\xf4G\x08\x11\x14I\xdbXKAaN\x8b\xc6\xdd\xbe\xfe\xe7\xde\xccT\xfe\xfb\xef\xbf!\xc9\x87\'\xcc\xc8\xc8/+W\x0e\xad]\xdbU\xab\xe5\xe4v\xe5\x95\x82&amp;\xc9&lt;\xb3yb`\xe0\xdd\xcb\x97\xcf^\xbc\x08/\x01\x12\x04\x01 9\x18c\xf1 \x8e1\xe3F\xb8\xab\x03\x07\xf6\x9a\x9c\xfd ]\xeeE\x9f/\x8a H\x92\xa4\x8aK\n\xcc\xe6\xe2QC\xde\xd9\xbd;\xbc\xa8\xa8\x90\xa6iY\xbc\xb0\x8a=\x1e\xeegd\x9c;|xr``\xa1\xd9L)\xf5\xc9\x97\xe5yo\xbd~\xa0\xbf\xff\xd2\x95+\x9du\xf6R\xd6\x14z_J\x19\xcf\xf3\x0c\xc3\xcc\x9d7+%\xaed\xea\xe8\x8f\x1f\xe4g\xd1\xceR\xf4\xf9\xa2h\x8a6[L\xf5j7\xb3\x98\x98\xc3\x87\x0f\xa1G\'\xa0I\x9cx\x91\x8b\x7f\xf9%P\xabm\xec\xe3cfY\xc5\x8e|$I\x16[\xad\x93\xdb\xb49\xb6\x7f\x7ffV\x16,\x05K\r\x04\x80\xb4\x88\xdd~~]\xbet[\xc8\xa1\x7f\xcc\\VRR\xe4|e?/\x04c\xcc0\x9av-\x06._\xb1\x1c\xc9\xa1\x96\\l\x81`6\x9bC7o\x0en\xd3\x86\xe3y$\xf9k\xae:$B\xc5Vk\xbb\x9a5\x03\x04\xe1\xd7\xd5\xaba\x16Hj \x00$D,\xfb9u\xfa\xf8\xfb\xef.\xfa x\x8d\x80yN\xe0\xa4?\xe4U)\x82 -\x96\xe2\xf6m\xfaGG\xc5fd\xdc\x97\xfe#\xa4\xf8\xf8\x1f~\xf0\xa0:3\xb3G\xfd\xfa\x85\x16\x8b\xb3\x16}V\x10A\x10,\xcfOo\xdd:d\xe3F\xd8\r 5\x10\x00R!~7\xae]\xbb:t\xc8\x889\x13\x16\xbb\xbbz[m\x16\xd2\xb9\xf6|\xbd\x04\x82 l\xac\xb5\x86o]-]m\xfb\x8e\xad\xe8Qk\x1d\xc9"\x08\x82 \x88_V\xae\x1c\xdd\xa0\x81\x8eaxi\xc7\x95\x1dP\x04Qh\xb1\xf4k\xd4\xc8r\xfb\xf6\xc1\xa3G\x11\xbc\x04H\x89\xd2\xc7\x17\x89\xc0X \x08"77w\xf8\x88aCz,l\xd1\xb8s\x91)_1e?\xcf\x81\x11B\x88\xe8\xdav\xf8\x9a5k\x91\xb4K\t\xc5\xe2\xdd\xd8\xb8\xb8\xf8s\xe7\xc6\xb6jUh\xb1(v\xf9\xb7,N\x10\\5\x9aI\r\x1b~\xf3\xfd\xf7\x8a~\x1b\x92\x1e\xb8;\x1d\x0fc\xcc\xf3\x02I\x92C\xdf\x18\xf8\x9aw\xaf\x9e\x9d\xde\xcc\xcd\xcbTZ\xd9\xcf3\x10\x880[\x8aZ7\xef\xfeWrZL\xccU)\xd7\x83\x8a\x17\xb6d\xc5\x8a\xee\xae\xae\r\xbd\xbd\x95\xbc\xfc[\x16E\x92\x05\x16\xcb\x98V\xad\x12/\\H\xbau\x8b\xa2(\xc9~\x82J\x03\x01\xe0x\xe2\xd4\xff\xd4i\x13\xf3\xeek&amp;\xbc\xb90\xaf \x07F\xff\xb2\x08\x82\xe08\xd6\xdb\xb3Fm\xdf\xc0\x95\xbf\xad@R\xad\x05\x12\xab?\x8b\x8b\x8b\xf7\x87\x85M\x0b\n*\xb6X\x14\xb2\xef\xf7\xb9\x08\x84,,\xdb\xc0\xcb+P\xa7[\xbez5z\xb4\xd3\x058\x1c\x04\x80\x83\xb1,K\xd3\xf4\x92\x9f\x7f\xd8\x17v\xee\x9d\x19K\x0b\x8ar\t\'i\x10Y\xa9\x08\xc2f\xb3t\x0c\x1c\xf8\xe7\x9f\x87\xc5\xf6p\x8e\xbe\xa0\'\x10\x9b\xff\x84\x86\x85y\x16\x16v\xaa]\xbb\xd8f\x83\x00(E\x12D\x89\xcd\xb6\xa0c\xc7\xcd\xeb\xd6Ak \xe9\x80\x00p$\xb1\xd7[\xc4\x81\xf0\x8f?\xfc\xfa\xa3\xf9\xab\xad63\xc6X\x9a\xc7\xbb;\x16I\x90\x16\x8b\xa9I\xc3v\xb9\x99\xe6\xa3\xc7\x0eK\xb3\x9a\x90$I,\x08+V\xad\x1a\xd7\xb81C\x92\x02\x0cpe\x90\x04Ql\xb5v\xa8]\xbb\x1a\xb4\x06\x92\x12\x08\x00\x87\x11g~.]\xba8a\xfc\x94\xf9S\x96\xb8\x18&lt;X\xd6\xead\xad\x9e+\x11/\xf0F\x83{\xb3\x06=W\xaf^\xe5\xe8ky\x02\xf1\xf1\xff\xec\xc5\x8bw/_\x9e\x18\x18\x98g6\xd3\xb0\xfc\xfbw\x02\xc6*\x92\x1c\x1b\x10\xb0b\xd5*,\x08R^\xccW\x0e\xf8\x0c\x1cC,\x17\xc9\xcd\xcd\x19\xf6\xe6\x1b#\xfb.jT\xb7MQq\xbe\xbc\x0e\xf8\xb53\x82 -\x16S\xbb\xd6}\xcf\x9c&gt;_\\\\LQ\x94\xd4\xe6\x10\x08\x82X\xbar\xe5@\x7f\x7fo\xbd^\x99\xdd\xdf\x9e\rZ\x03I\x10\x04\x80\x03\x94\x8e\\\xbd\xfb\xf4j\xd5`D\x87\xc0~\xf9\x85\xb0\xf0\xfb\x1c\x04AX\xac%\r\xea\xb4\x14l\xc6m\xdb\xb7\x88g\xac;\xfa\xa2\x1e\x12w\xfffgg\x1f\x8f\x88\x98\xdc\xa6M\xb1\xd5\n\x8f\xb7O\x04\xad\x81\xa4\x06nS\x07\xe0y\x9e$\xc9\x89\x93\xc6\xf2\xc5\xd5F\x0f~\'\xaf \x0bF\xff\x8a\xc0\x183\xb4:\xb0Y\xbfM\x9b6\x12\x04!\x9dA\xf6\xe1\xd9/\xdb\xb7\xfb[\xadA\xfe\xfe&amp;\xabU*W&amp;1\xd0\x1aHj\xe0F\xb57\xb1\xdb\xcfW\xdf|q4\xe2\xda\xdb\xd3\x17?\xc8\xcf\xa0H\x18\xfd+\x84 H\x93\xb9\xb0cP\xff\xe8\xc8\xb8\x1b7\x12\xa5\xb3!\xe0\xe1\xd9/K\x97\xce\x0f\n\xe2\x05A\xc9\xcd\x7f\x9e\rZ\x03I\r\x04\x80]\x89\x0b\xbf![6~\xfb\x9f\xe5\x1f\xcc[i\xb6\x98\x1c}ErB\x10\x04\xcbZk\xf8\xd6\xf5ri\x10\xba5\x04IcC\x80\xf8\xf8\xff\xe7\xf1\xe3lj\xea\xc0\x80\x00h\xfe\xf3l\xa5\xad\x81\xb6l\xda\xc4K\xb5\xa2W9 \x00\xecG\\\xf8\xbd\x91\x94\xb8\xe0\xed\xf7\xdf\x9a\xb2T\xafu\x85\xb2\x9f\x17F\x10\x1c\xc7\xb5m\xd9w\xf7\xee\xdd\xe2\xcc\xbb\xa3/\xe8!\x85\x9f\xfdRq\x14A\x14\x98\xcdC\x9a4!\xef\xde\x8d8z\x14I\xbe\xb9\x93s\x93\xca\xf7G\t0\xc6\x04A\xdc\xb8\x91\xc0`\xf7\xba\xb5\x9b\x16\x9b\n\xa0\xec\xe7E\x11\x04Yb.j\xdb\xbawJR\xc6\xb9sgH\x92t\xec\xf0\x01g\xbf\xbc\x04\x1ec\r\xc3\xbcY\xa7\xce\xb7?\xfc\x00K\xc1\x8e\x057\xab\xbd\xa9T*\x92"X\xd6&amp;\x9d\xa7W\x19!\x10\xe2y\xce\xcd\xc5\xfb\xb5\x1a\xad7\x87lD\x8en*\x00g\xbf\xbc\x04\x8a$\x8b,\x96qm\xda\xdc\xb8p!6.\x0eZ\x039\x10\x8cA\xf6\x861\x16_\x05\x1c}!rE\x10\x84\xc5R\xd2\xb3\xf3\xa8\xdd\xbb\xc2\x0b\x0b\x1dyN$\x9c\xfd\xf2r\x08\x84\xcc,\xdb\xd0\xcb\xab\x9b\xab\xeb\x92\x15\xd2m\xee\xa4\x04\x10\x00@f\x08\x82\xb4XM\x8d\xea\xb6\xb1\x9a\x98\xa3\xc7\x0e#\xc7\r\x1fp\xf6\xcbK#\t\xa2\xd8b\x99\x16\x14\xb4o\xe7N\x93\xc9$\xc1m}\n\x01\x01\x00\xe4\x07c\xacRi\x9a6\xe8\xbaq\xe3\x1f\x0e\xbc\x0c8\xfb\xe5\xa5\x91\x04Ql\xb3u\xac]\xdb\xc7dZ\x1f\x12B\x10\x04\xbc\x048\x04\x04\x00\x90\x1f\x82 \xcd\xe6\xa2\x1e\x9dF\x1e?z&amp;#\xe3\xbeC\x9e\x1f\xe1\xec\x97W\x84\x11bHrV\x8b\x16\xbf,_\x8e\x05\x01&amp;E\x1d\x02nY ?\xe29\x915\xfd\xea\xe9T~\x8e:\'\x12\xce~yE\x14A\xe4\x9b\xcdC\x9a6\xcdKL&lt;w\xe9\x92\xc3\x0b\xba\x94\t\x02\x00\xc8\x12F\x08?:\'R\x10\xec\xbd!\x00\xce~\xa9\x14,\xcf\xfb\xe8\xf5\x03k\xd4X\xbct\xa9\xa3\xafE\xa1 \x00\x80,\x95=\'2\xe9\xa6\xbd\xdbB\xc0\xd9/\x95\x82"\xc9B\x8beN\xfb\xf6\xc7\xc3\xc3\xd3\xd2\xd3IX\n\xb6;\x08\x00 K\xe29\x91^\xee~\xbe\x1e\x8d\xd7\xad[\x8d\xec[\x0b\x04g\xbfT\n\xb1\x1e\xb4q\xb5j\xcdT\xaaU\x7f\xfcA\xc0\xae`\xbb\x83\x00\x00\xb2E\x10,\xc7\xf6\xe88j\xfb\xf60\x9b\xcdf\xb7\xae2p\xf6Ke"\x08\x8e\xe7\xa7\xb7n\xbdq\xfdz\xb3\xd9\x0c\xf5\xa0v\x067.\x90+\x92 -\x96\xe2\xc6\r\x82r\xb3L\x97#\xedz\xc0\x08\x9c\xfdRY\x1e.\x057i\x82SS\xc3\x0f\x1eD\xb0)\xcc\xbe \x00\x80\x8c\x89\xe7D\x06\xd4\xe9\xbcb\xc5r\xfb\xfc\x8dp\xf6K\xa5\x130VS\xd4\xd8F\x8d~Y\xb9R\xdcZ\xe1\xe8+R\x10\xb8w\x81\x9c\x11\xa4\xd5Z\xd2\xb5\xfd\x9b\x87\x0f\x1f\xb3\xcf9\x91p\xf6K\xa5\xa3H\xb2\xc8j\x1d\xdb\xaaU\xfc\xb9s\xb1qq\xd29\xe6A\t\xe0\xee\x052F\x12\x84\xc5ZR\xef\xb5f\x04\xeb\xb2m\xfb\x16T\xf5\xab\x88p\xf6K\xa5{\xd8\x1a\xc8\xdb\xbb;\xb4\x06\xb2;\x08\x00 o\x18c\x15\xad\tl\xde\x7f\xd3\xa6M\x08\xa1*\x9d\x90\x81\xb3_\xaa\x08\xb4\x06r\x14\x08\x00 o\x04A\x96X\x8a\x02[\xbc~5\xfazzz\x9a\x1d\x8e\x99\x85\xb3_*\x1d\xb4\x06r\x14\x08\x00 o\x04A\xd8l\x96Z5\x1a\xb8\xe9\xea\xacY\xfb;\xaa\xb2Y 8\xfb\xa5JAk \x87\x80;\x18\xc8\x1fA`\x01\xb7o=p\xe7\xce\x1d\xa8\xcaf\x81\xc4g\xd2\x1f\x96-k\xa3\xd1\xc0\xd9/\x95\xae\xb45PnB\xc2\xb9\xcb\x97\xa15\x90}@\x00\x00\xd9#\x08\xd2d.l\xdb\xaawjJ\xee\xf1\x13G\xabb\xec\x10\xab?\x0b\n\x0bw\x84\x84\xccm\xdb\x96\x85\xb3_\xaa\x00\xcb\xf3\xdez\xfd\xb0\xda\xb5\x7f\xf8\xe9\'\x98\x02\xb2\x0f\x08\x00 {\x0f\xcf\x89t\xf52j}\xcf\x9d;\x83\xaa\xe0\x9cH\xf1\x10\xb7\xf8\xc4\xc4\xe2\xfb\xf7[\xd6\xa8Q\x02\xcd\x7f\xaa\x00I\x10\x16\x96\x1d\xd8\xa8\xd1\xc9\xa3GaW\xb0}@\x00\x00\xd9\xc3\x183\x8c:\xed~J\x91\xe5\xde\x88\xe1\xa3Q\x15\xcc\x02\x89\xc5\xe9\xed\x03\x03\xab5n|0!\xc1E\xa3\x81\xfe?\x95N\xc0X\xc30+/]\x9a&lt;c\x86^\xaf\x17k\xae\x1c}QN\x0e\x02\x00\xc8\x1e\xc6\x82^\xebr&gt;\xea`\xab6\x01\x01\x01\x8d\xc5\xa3Z\xaa\xe0o\xc1$E\xcd\x9b7o\xd5\xb5k&lt;\xc602U.\x8c\x90\x86\xa6\x93ss/\x9bL\xf3f\xceD\x08\xc1\xe8o\x07\x10\x00@\xf6\x08\x82\xb0q\x96\xe8\xeb\x87&amp;M\x9a\x8c1\xae\xa2\xe9c\xb1\xc0t\xda\xf8\xf1Yz\xfd\xb9\xd4T\x83J\x05/\x01\x95\x88\x17\x04W\xad6\xf4\xea\xd5\xc6\x1d:4\xac_\x9f\xe7y\xe8\xb1a\x07\xf0+\x06\xf2&amp;`\xacQ\xeb\x92o_\xc7L\xe1\xe8Q\xe3\x08\x82\xa8\xa2\xb6\xa0b\xb39\xbd^?x\xc4\x88u\x91\x91\x06\x98\x05\xaaT4I\x16Z,\x1b\x93\x92\xfe\xf5\xc1\x07\xf0k\xb5\x1b\x08\x00 sXP\xabu\xa7/\xee\xea\xd3\xe7u\x83\xc1P\xa5\x13\xc7\xe23\xe9?\xe6\xce=YP\x90\x94\x9d\xade\x18\x18\xaa*\x05\x8f\xb1\x8bF\x13\x91\x98\xa8\xae]\xbb\x7f\xaf^\x08c\xbb5\xf7V8\x08\x00 o\x14I\x15\x15\xe7%\xfeuv\xee\xdcyU\xfdw\x89K\xc1\xcd\x9b6m\xd2\xa9S\xe8\xd5\xab.\x1a\r\x0f\xd5\x8a\x95\x02c\x8a$\x7f\x8d\x8c\x9c\xbf`\x01EQ\xb0\x03\xc0n \x00\x80\x8c\tX\xd0h\x0c\t7#=}\xf4m\x83\xda\xe3\xaa\x7fr\xc4\x18c\x8c\xdf\x9a3g\xdb\xcd\x9b%,\x0b\xbd\x80^\x9d\x80\x90A\xad\x8e\xbaw/M\xad\x9e4j\x94\x1d&gt;DP\n\x02\x00\xc8\x19\xc64\xcd\x9c\xbc\xb0c\xd4\xa8\xe1*\x95\xca\x0eO\x8e\xe2,\xd0\x90\xfe\xfd\xad\xd5\xaa\x9d\xb8u\xcbE</t>
        </is>
      </c>
    </row>
    <row r="499">
      <c r="A499" s="1" t="n">
        <v>497</v>
      </c>
      <c r="B499" t="inlineStr">
        <is>
          <t>rectangle_height_color</t>
        </is>
      </c>
      <c r="C499" t="inlineStr">
        <is>
          <t>What is the missing color of the part denoted with a question mark?</t>
        </is>
      </c>
      <c r="D499" t="inlineStr">
        <is>
          <t>['red', 'green', 'yellow', 'purple']</t>
        </is>
      </c>
      <c r="E499" t="inlineStr">
        <is>
          <t>green</t>
        </is>
      </c>
      <c r="F499" t="inlineStr">
        <is>
          <t>There are 7 rectangles in the image with varying colors and lengths. The lengths from left to right are ['medium', 'short', 'long', 'long', 'short', 'medium', 'short']. The colors from left to right are ['blue', 'green', 'orange', 'orange', 'green', 'blue', '?'].</t>
        </is>
      </c>
      <c r="G499" t="inlineStr">
        <is>
          <t>We observe that the orange rectangles are of long length and the blue rectangles are of medium length. Hence, the pattern is that the color of each rectangle corresponds to its length.</t>
        </is>
      </c>
      <c r="H499" t="inlineStr">
        <is>
          <t>Based on the pattern that the color of each rectangle corresponds to its length, the missing color of the part denoted with a question mark should be green.</t>
        </is>
      </c>
      <c r="I499" t="inlineStr">
        <is>
          <t>b'\x89PNG\r\n\x1a\n\x00\x00\x00\rIHDR\x00\x00\x02\x00\x00\x00\x02\x00\x08\x02\x00\x00\x00{\x1aC\xad\x00\x00=\x85IDATx\x9c\xed\xdd{`\x14\xd5\xdd?\xfe\xcf93\xbb\xc9fs\xd9%$\xe1*r\t\x88\xa2`\xb8\x89\xb1\x80"\x82\xb5*\xde\x10\x14\xac_\x14l-\xb5\xf1\xf1\xb1\xad\xfd\xfa\x14\xd1\x9f\xb5\x08\xb6\xd5\xdaG\x0b\x02\x05\x15i\xc5\xb6^*\x84\xa0\xe5\xe2\x05\x12@\xee\x01A\xee\x84\x84\\7\xd9d\xb3\xbb3\xe7|\xff\x18\xcd\x8f\xd2\n!$\xd9\x99=\xef\xd7_\xb8\xc1\xcd\x87\xb3\xe7\xcc\xfb\xcc\x99\xb33LJI\x00\x00\xa0\x1e\x1e\xeb\x02\x00\x00 6\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d6\x05\x80\x03H)[\xf0\x7f1\xc6Z\xbd\x92\x96qz\xfd\x00m\x04\x01\x00\xff\x81\x94R\x08!\xa5d\x8c1\xc68o\xc9\x99b\xab\xbcI\xcb8\xbd~\x80\xf6\xc1Z69\x82\xb8d\x1d\xf2\x88H\xd3\xb4\xd3_\x0f\x04\x02B\x08\xc6\x9a\xdb[\xac\xb9\xb3\xcf\xe7;\xfdE\xeb`\xca9o\xbb\x99\xb5\xd3\xeb\x07hg\x08\x00 "\x92R\x9a\xa6\xa9\xeb_\x9f\x11\xd6\xd5\xd5\x15\x16\x16n\xda\xb8q\xeb\x17[\xab\xaa\xaa\x8a\xf7\xec1M\x83\x88\x115\xb3\xb70"\xea\xdd\xbb\xb7\xcf\xef\x1f2dhNN\xce\xb0a\xc3\xbav\xedj\xfd\xcc0\x0c\xcey\xebN\xa8\x9d^?@L \x00\x80L\xd3\xb4\xa6\xcc\x91Hd\xd5\xaaUK\x97.\xd9\\Tt\xe4\xe8\xb1V\xfc\x15~_\xda\x90!C\'N\x9cx\xcb\xad\xb7fff\x12\x91a\x18\x9a\xa6\xb5\xcal\xda\xe9\xf5\x03\xc4\n\x02@i\xd6\xa7\xcf\x18\x0b\x04\x02\x0b\x16,x\xfd\xf5\xa5;v\xecl\xfai\x8a7\xb1GfjV\x87\xa4\xfe]}\x1d\xd2\x12MS0j\xd6\xf1\x8e1\x8a\x1a\xe2\x8b\x83\x155u\xe1\x03\'k*\x03\rM?\xea\xd2\xb9\xd3=\xf7Ny\xf0\xc1\x07\xfb\xf5\xebGDB\x88\x0b\x99J;\xbd~\x80\xd8B\x00\xa8\xabi\xe2\xbcx\xf1\xe2\xe7\x9f\x9f\xb3w\xef&gt;\xeb\xf5\x8b\xb2\xd2\xc6\x0c\xeav\xe3\xd0\x8b\xaf\xec\x9d\xd1%\xdd\x9b\xe4q\x93\xc6\x88\xb3\xe6.\x9f41\x84\x111J\xab\x1bv\x1f\xad\\\xbd\xf5\xd8\xea-Gw\x1d\xaa\xb0\x16a:\xf8\xfd?~\xe4\x91G\x1f}4--\xcd0\x8c\xa6\xa5\x1b\xa5\xea\x07\x889\x04\x80\xa2\xac\xa3gII\xc9\xb4i\xd3\xf2\xf3\xf3\xad\x17\x07\xf4\xccxd\xc2\xc0\xdbs\xfb\xa4\xfb\x93HJ3bF\r\xd3\x14R\xb4t\x1b%g\xcc\xads\xdd\xad\x93\xc6C\xf5\xe1u;\x8f\xff\xe6\x9d/\n\xb6\x1c\xb5\x0e\xa3\xfd\xfa\xf5[\xb8pann\xaeu\x85\xf6\xbc\x96S\x9c^?\x80\x1d \x00TdMZ\xf3\xf3\xf3\x1f\x986\xedDI\t\x11\xf5\xeb\xde\xe1\xbf\xef\xca\x994\xaa_rJB\xb8!\x12\x89\x9a\x8c1\xceZa3\xbc\x94RH\x92R\xea\x1a\xf7x\xdc$d\xfe\x96#\xcf\xffe\xf3\xc7\xdb\x8e\x11Q\x82\xdb\xfd\xeb9s\xf2\xf2\xf2\xce\xeb\x18\xea\xf4\xfa\x01l\x02\x01\xa0\x1c\xeb\xe8\xb9`\xc1\x82\x193f\x10\x11\x11\xfb\xd1\xcdW&lt;}\xff\x88\x0e\x1d\xbc\xa1\xbaF\xc3\x14\x1a\xe7mt\x1c3\x85dD\xde\xe4\x04\xd3\x14/\xff}\xdb/\x97n\xac\xad\x0f\x13\xd1\xf4\xe9\xd3\xe7\xcf\x9fo\x9afs6Y:\xbd~\x00\xfb@\x00\xa8\xc5Z9i:zvH\xf1\xbc&lt;s\xf4\xe4\x1b.\r\x07\xc3\x11\xc3\xd4\xb5\xf6\xb8\x9e\xf9\xf5a\xd4\x97\xb4yw\xc9\x83/\x14l?XA$\xadc\xe89\xe7\xd1N\xaf\x1f\xc0V\x10\x00\n\xf9\xd7\xa3\'\xeb\xdc!\xe9\x9d\xff\xb9iD\xceE\xb5\x95\xf5\xba\xd6V\xb3\xe6o\x135DjJbyM\xc3-\xff\xf3\xee\xc6\xbd\xa7\x88D\xd3&lt;\xfa\x8c\xafq\xc5M\xfd\x00v\x83\x00P\x85u`Z\xb3f\xcd\xd8\xb1c\x89\xa8c\x9ag\xd3K\x93zu\xf1\xd5\xd65\xba\xf4\xd8ld4L\x91\xe0\xd6\x19g\xe3~\xfe\xd7\x7fn?NDO=\xf5\xd4\xacY\xb3\xfe\xe3\xbe\x1a\xa7\xd7\x0f`C\x08\x00%X\xdb\xd5\xcb\xca\xca\x06\r\x1cXv\xea\x94/9\xe1\x83gn\xbd\xfa\xb2.u\xc1\xc6\xf6Y6\xf96\xa6\x90n\xb7V\x13\x8c\xdc\xf8\x8b\xbfm=P\xce\x18\xe5\xe7\xe7\x8f\x1d;\xf6\x8cy\xb4\xd3\xeb\x07\xb0\'|\x87E\t\xd6\x9d\x12\xa6N\x9dZZVFD\x7f\xf8\xd1\xb5W_\xd9\xbd\xb6.\xc6GO"\xd28\x8b\x84\xcdL\xbfg\xd9\x137\xfaS\x12H\xca\xfb\xa6N---e\x8cYw\xf5\xb18\xbd~\x00{B\x00\xc4?k6\xbal\xd9\xb2\x82\x82\x02"\x9a~\xe3\x80\xc9\xe3/\xab\xad\xac\x8f\xd5\xca\xc9\x194\x8d\xd5\xd6\x85\xfb\xf5\xea\xf8\xd2\x0fGI\xa2\xd2\xb2\xb2\'\x9ex\x82s\xdetn\xea\xf4\xfa\x01l\x0bK@qNJ)\xa5\xac\xa9\xa9\x19&gt;|\xf8\xc1\x83_\xf5\xec\x94V\xf4\xfb\xc9\x1e\xb7&amp;\x84\xb4\xd5^\x15\xd3\x14\xc9\xa9\x9e;f\xbd\xff\xd7O\x0e$$\xb87l\xd80d\xc8\x10\xebV\xcc\x8e\xae\x1f7\x8a\x00;C\xef\x8cs\xd6\xe6\xf4\xc5\x8b\x17\x1f8p@\x08\xf9\xf3\xbb\x86\xf8;$E\r\xd3VGO"b\x8c\x99\x869{\xca\xf0D\xb7\x16\x0e\x87g\xcd\x9ae\x1d\xfa\x9d^\x7f\xac\xeb\x028\x1b\x04@&lt;\x93Rj\x9a\x16\n\x85\x16/^\xc4\x18\xeb\xd7\xbd\xc3\xe41\xfdB6X:\xffw\x9c\xb3PCd@\xdf\xcc;\xbf\x93MD\xeb\xd7\xaf+..\xd64\x8ds\xee\xe8\xfaq%\x00\xec\xccv\x03\tZ\x91\xf5\xbd\xa45k\xd6\xec\xde\xbdGJ\xf9\xdfw\xe4x\x93\x13\x0c\xd3\xa6\x87$\xc6\x98\x191\x1f\xbf3\xc7\x9b\xe8\xae\xafox\xed\xb5\xd7\x88\x88s\xee\xe8\xfa\x11\x00`g\x08\x80\xf8\xf7\xa7?-f\x8cu\xe9\x98r\xc75}\xc2\r\x11\xcd\xae\xab\xd2\x9c\xb3P(rE\xdf\xacQ\x03\xbb1\xc6V\xbc\xfd\x97`0HD\x8b\x17;\xb3\xfe\x15\x7fihh\xd0u\x1d\x0bA`[6\x1dKp\xe1\xac\xf5\x9f@ PTX(\xa5\x1c{ew\xbf?)\x1a\xb5\xdd\xea\xf9\xe9$\x111\x9a0\xa2\x97\x94\xb2\xa4\xe4\xe4\x9e={\x0c\xc3\xd8\xb4q\xa3#\xeb?qr\xfb\xf6\xed\x84\x93\x00\xb01\x04@\xdc\xb2\x8e;\x9b7o&gt;v\xfc\x04\x11\xdd4\xecb"";\x1f&gt;\x894\xce\x8d\xb01f`\xb7To\xa2a\x9a\xeb\xd7\xaf\xdf\xb9sg\xc9\xc9\x93\xe4\xcc\xfaW\xad\\I\xdf&lt;\xb5\x06\xc0\x86\x10\x00q\xcb:\xee\x14\x15\x16\x12\x91\xd7\x930\xa8W\x86\x191\xda\xfb\x8e9\xe7\x891\x8aD\xcc\xeeY)\xd9]}D\xb4}\xfb\xb6O?\xfd\x94\x1c[\x7f\xd1\xe6""\xc2NP\xb0-t\xcd\xb8e\xdd\x93r\xf3\x96\xcdD\xd4\xb3sj\x97\x8e\xc96_?\xb1\x08!\\\t\xae+z\xa6\x13\xd1\x8e\xed\xdbW~\xf8\x0f"\xea\xd9)\xc5\x89\xf5\x17\x17\xef\t\x06\x83\xf8R\x18\xd8\x16\x02 nY\xfb\xd0\xcb\xcb\xcb\x89(3\xcd\xe3Mr\x9b\xc2\x01\x87!ID\x9cu\xeb\xe8%\xa2\xaa\xca\xca\xa3G\x8f\x12Q\x86\xf3\xeaO&amp;\xa2@MM(\x14\x8auE\x00\xdf\n\x01\x10\x9f\xac\xef\xa0\x06\x02\x81/\xbf\xdcGD\x97^\xd4\x81\xb83\xbe\x97\xc4\x18#!.\xed\x9eNDe\xe5\xe5\x07\x0e\x1c G\xd6\xdf\x81\x88\x02\xb5\xc1\xe2\xe2b\xc2u`\xb0+\xdc\xb46\x9eI)\x8dh\x94\x88\xd2S\x12\x893\x07\x1c&gt;-\x92\xd2S\x13\x89\xc80\x0c\xc1\x189\xb6~!\x84a\x18\xb1\xae\x06\xe0[\xe1\x0c \xceYW\x02\x0c\xd31\x07O\x8bUp\xd3\xd3\xb5\x1cZ?\xb5\xc23\x89\x01\xda\x10\x02@\t\x8e;\n\x9dQ\xb0\xd3\xeb\x07\xb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B\x00\x00\x00(\n\x01\x00\x00\xa0(\x04\x00\x00\x80\xa2\x10\x00\x00\x00\x8a\xd2c]@\xb3H)[\xf0\x7f1\xc6Z\xbd\x12\x008_\x18\xbf\xb6e\xd3\x00\x90R\n!\xa4\x94\x8c1\xc6\x18\xe7-9Si\x957\x01\x80\xf3\x85\xf1\xeb\x14\xf6\n\x00\xeb#\'"M\xd34Mkz=\x10\x08\x08!\x18c\xcd\x9cJXs\x07\x9f\xcfw\xfa\x9bX\x9d\x89s\x8e\x99\x05@[\xc0\xf8u\x1c\xbb\x04\x80\x94\xd24M]\xd7\xad\x8f\xbc\xae\xae\xae\xb0\xb0p\xe3\xc6M[\xbf\xd8ZUY\xb5\xa7\xb8\xd80\x0c\xc6\xa8\x99\xa7\x92\x8c1"\xd9\xbbw\x1f\xbf\xdf7t\xc8\x90\x9c\x9c\x9ca\xc3\x86u\xed\xda\xd5\xfa\xa9a\x18\x9csL(\x00Z\x0b\xc6\xafC\xd9"\x00L\xd3\xd44M\xd7\xf5H$\xb2j\xd5\xaa%K\x97\x16\x15m&gt;v\xf4\xc8\x05\xbemeE\x05\x11\xe5\xafZEDi&gt;\xff\xd0!C&amp;N\x9cx\xeb\xad\xb7dff\x12\x91a\x18\x9a\xa6a6\x01p\x810~\x9d+\xc6\x01`\x9d\x12j\x9a\x16\x08\x04\x16,X\xb0\xf4\xf5\xd7w\xee\xd8\xd1\xf4\xd3DoJjFW\xaf/\xd3\xdf\xa5wb\x8a_\x08\x83Q\xf3&gt;o\xc6\x84\x11-?\xbc\xa71X\x13(=\\_[\x1d\xa8\xa9^\xb3\xa6`\xcd\x9a\x82_\xce\xfa\xe5\x94{\xef}\xf0\xc1\x07\xfb\xf5\xebGDB\x08L%\x00Z\x06\xe3\xd7\xe9b\x19\x00\xd6\xc4\x81\x88\x16/^&lt;\xe7\xf9\xe7\xf7\xed\xddk\xbd\xee\xcb\xec\xd6\xfd\xf2\xdc\x9e\x83\xc7d\\|Yr\x87L\xb7\'\x99q\x8dsM\x92\xa4fv "\x92R\x98Q#\x12n\xa8)\xaf8\xf6\xe5\xd1\xed\x1b\x8el[{\xea\xc8\xde\xd2\x93\'\xe7\xcd\x9b\xb7p\xe1\xa2G\x1e\xf9\xf1\xa3\x8f&gt;\x9a\x96\x96f\x18\x86\xae\xdb\xe2L\x08\xc0A0~\xe3@\xcc\x1a\xce\xea=%%%\xd3\xa6M\xcb\xcf\xcf\xb7^\xcc\xe8qI\xce\xf7\x1e\xcc\xbe\xea\xc6$_\x06IiD\x1aM#\x1a\xae\xaf\x93$\x9b\xbb|x\x1a\xc68c,\xc9\x97\xd1+\xb3{\x9fa7\x84\xeb\xeb\x8e\xed\xfe|\xcb{\xf3\x8fl[W]]5{\xf6\xec\xe5\xcb\x97/\\\xb8077\xd7\xbaB\x85\xd3I\x80f\xc2\xf8\x8d\x0f\xb1\t\x00+\xb4\xf3\xf3\xf3\xa7M\x9bVRRBD\xe9]{\x0f\x99\xf0\xf0%\xdf\xb95\xc1\x9b\x16i\xa8\x0b\xd5V3F\xc4\xb8\xb5\xff\xebB&gt;X\xd3\x88\x9a\xd1\xb0\x94\x92kz\xaf\xc1\xd7\xf5\xbcr\xf4\xe1m\xeb\n\xff\xf6\x87\xa3;&gt;\xdd\xb7o\xdfu\xd7\x8d\x993\xe7\xd7yyy\xd6\xee\x05\xf4!\x80s\xc2\xf8\x8d\x1b1\x08\x00\xab\xf7,X\xb0`\xc6\x8c\x19D\xc4\x88\x06\xdex\xff5\xf7\xfe\xd4\xeb\xcbl\x0c\xd6\x84j+\xb9\xa6\xf1\xd3\xb6\x7f] \xc6\x181\xcd\xea\x17\xe1\xfaZ"\xd63\xe7\xba\x1e\x83F}\xf1\xc1\xc2O\xdfz&gt;\xdc\x10|\xf4\xd1G\xf7\xec\xd93\x7f\xfe|\xd34\xb1\xc9\x0c\xe0\xec0~\xe3I{_?\xb1\xf6\x8a5\xf5\x1eO\x8a\xef\xbb\xff\xf5\xbf\xe3f\xbe\xa0\xbb\x12\x1b\x02\x15D\xc45\xfd&lt;\x16\n\xcf\x13\xe3\x1a\xe3\xbc\xb1&gt;\x10\r\xd5\x0f\xbb}\xe6\xc4gVd^|)\x11Y\xf5h\x9a&amp;\xa5l\xd9\xb7\x16\x01T\x80\xf1\x1bg\xda5\x00\xacuC\xeb\xd3bD^\x7f\xe6m\xffw\xe9\xe5\xd7On\xa8&gt;%\x85\xc9\xb5v:\x1d\xe1\\c\x9c\xd7W\x97u\xea3\xe8\xae\xa7\xff\xd2\xb9o\x0e\xfb\xa6\x0fq\xce\xadsI\x008\x03\xc6o\xfci\xbf\x00\xb0z\xcf\x9a5k\xac\xb9Cbj\x87\xc9\xcf\xbd\xdb\xb5\xff\xd0\xfa\xaaR\xae\xbb\xa8\xddO\xdc\xb8\xeej\x0c\xd6\xb8=\xc9\x93\x9f\xfb{\xb7\x01#\x88h\xc1\x82\x05\xb3g\xcf\xd64\xcd0\x8cv.\x06\xc0\xe60~\xe3R;\x05\x80\x10B\xd3\xb4\xb2\xb2\xb2)S\xa60\xc6\x12\x93\xd3n\xfb\xc5\x9f\xfc\x9d{6\x06\x03\\w\xb5O\r\xff\x8ek\xba\x19\rK!oy|~V\xaf\x01\x8ch\xf6\xec\xd9\x05\x05\x05\xba\xae\x9b\xa6\x19\xab\xaa\x00\xec\x06\xe37^\xb5S\x00X\xdf\x14\x9f:ujYY\x19\x11\x8d\x99\xfe\xecE\x03\xbf\xd3XW\xddn\xa7\x8d\xdf\x86q\xcd\x8c\x84&lt;i\x1d\xbf\xf7\xd8+\t\xc9&gt;)\xe5\xd4\xa9SKKK\x19c8\x97\x04\xb0`\xfc\xc6\xab\xf6\x08\x00\xeb\xe4q\xd9\xb2e\x05\x05\x05Dt\xf9\xf5\xf7\\&gt;\xf6\x9e\xfa\xca\xd2\x18\xce\x1dN\xc74=\x1c\xac\xe9\xd8\xa3\xffu\x0f&lt;MDeeeO&lt;\xf1\x04\xe7\x1cW\x93\x00\x08\xe37\xae\xb5y\x00Xws\xad\xaa\xaaz\xfa\xe9\xa7\x19\xe7\xfe\xce\x17\x8f\xfa\xfe\x93\x8du51\x9f;\x9c\x8e\xeb\xae\x86@\xe5\x80\xeb\'\xf5\x1d\xf1]F\xf4\xd6[o\x15\x15\x15\xe1\x82\x12\x00\xc6o|k\xf3\x00\xb06\xe7.^\xbc\xf8\xc0\x81\x03R\x88\xa1\x13\x1eN\xf2g\x9aF\xa4\xfd\xaf\x1a\x9d\x1dc\xcc\x8cFF\xdc\xfd_\x9a;!\x1c\x0e\xcf\x9a5\xab\xf9w\xaf\x05\x88W\x18\xbf\xf1\xadm\x03@J\xa9iZ(\x14Z\xb4x1c,\xbdk\xef\xfe\xa3n\xb7\xc3\xd2\xe1\xbfc\x9cGB\xc1\xac&gt;\x03\xfb\x8e\xf8\x1e\x11\xad[\xbf\xbe\xb8\xb8X\xd34L"@Y\x18\xbfq\xafm\x03\xc0\xbaG\xc7\x9a5k\xf6\xec\xde-\xa5\x1c|\xeb\x0f\x12\x92\xd3\x84i\xd3MZ\x8cq3\x12\x1e2\xe1\x07\xee\xc4\xa4\x86\xfa\xfa\xd7^{\x8d\x88\xd0\x81@Y\x18\xbfq\xaf=.\x02/^\xfc\'\xc6Xjz\xa7\xbe#\xbe\x1bi\xa8\xe3\xbc\xd5\xbe&amp;\xde\xba\x18\xe7\x91P}\xa7&gt;\x03\xbb_6\x821\xf6\x97\xb7W444\xe8\xba\x8e\x13IP\x19\xc6o\x1ck\xc3\x00\xb0\xce\x1f\x03\x81@aQ\xa1\x94\xf2\xa2+\xbe\x93\xe4\xcb0\xa3Q\xbb\xad\x1e\xfe+I\xc4z\x0f\x1f\'\xa5&lt;Yrb\xfb\xf6\xed\x84I\x04(\t\xe3W\x05m\x18\x00V\xbbo\xde\xbc\xf9\xc4\xf1\xe3D\xd4s\xf0\x18\x92\xf6\xee&lt;D\x9ckF8t\xd1\xe5\xd7$&amp;\xa5\x98\xa6\xb9r\xe5J\xfa\xe6\xa9\x17\x00J\xc1\xf8UA\xdb\x9e\x01\x10Qaa!\x11%x\xbc\x99=/3\xa2\x8d\x8c\xd9\xfb\xf1=\x8c\x99\xd1pJFW\x7f\x97\x8b\x89\xa8\xa8h3\x11\xe1\x91C\xa0 \x8c_\x15\xb4a\xd3X\xf7e\xdd\xbcy\x0b\x11\xa5evON\xefl\xfb\xf3G""!\x84+\xc1\xd3\xb1\xc7\xa5D\xb4\xa7\xb88\x18\x0c\xe2K%\xa0 \x8c_\x15\xb4m\x00H)\xcb\xcb\xcb\x89()-\xdd\xed\xf1J\xe1\x88\x1btH\xc6\xb5\xe4\xf4\xceDTSS\x13\n\x85b]\x0f@\x0c`\xfc\xaa\xa0\xad\x02@J\xc99\x0f\x04\x02\xfb\xbe\xfc\x92\x88:t\xeb\xcb\xb83.\xc73\xc6\x84i\xa4w\xcb&amp;\xa2`]mqq1\xe1:\x12(\x06\xe3W\x11m\xfeE\xb0h4JD\x89)~\xc69\x91\x03:\x10\x11\x91\x94\x89)\x1d\x88H\x08\x81[\xcb\x82\xb20~\xe3^\x9b_\x1e\xb1V\x12\xa5p\xd8\xc7\xd0T0\x9e0\x07*\xc3\xf8\x8do\xedv}\xdcq\x1f\x83\xe3\n\x06h;\x8e\x1b\x0e\x8e+86\xb0A\n\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00\x00\x00\x14\x85\x00\x00\x00P\x14\x02\x00\x00@Q\x08\x00\x00\x00E\xe9\xb1.@\tR\xca\x16\xfc_\x8c\xb1V\xaf\x04\x9c\x08\xfd\'\xb6\xe2\xb8\xfd\x11\x00mBJ)\x84\x90R2\xc6\x18c\x9c\xb7\xe4L\xabU\xde\x04\x9c\x08\xfd\'\xb6\xd4i\x7f\x04@k\xb2&gt;r"\xd24M\xd3\xb4\xa6\xd7\x03\x81\x80\x10\x821\xd6\xcc\xa9\x845w\xf0\xf9|\xa7\xbf\x89\xd5\x998\xe7\x8e\x98Y@\x0b\xa0\xff\xc4\x96\x82\xed\x8f\x00h\x1dRJ\xd34u]\xb7&gt;\xf2\xba\xba\xba\xc2\xc2\xc2\x8d\x1b7~\xf1\xc5\xd6\xca\xaa\xaa\xe2\xe2=\x86a\x9e\xef{\xf6\xe9\xdd\xc7\xe7\xf7\r\x1d24\'\'g\xd8\xb0a]\xbbv\xb5^7\x0c\x83sn\xcf\t\x05\xb4\x0c\xfaOl\xfd\xc7\xf6\xdf\xb4i\xd3\xd6\xad[\xab\xaa\xaa\x8a\x8b\x8bM\xf3\xbc\xdb\xbfw\xef\xde&gt;\x9fo\xc8\x90!vn\x7f\x04@+0MS\xd34]\xd7#\x91\xc8\xaaU\xab\x96.]R\xb4y\xf3\xd1#G/\xf0m++*\x89(\x7fU&gt;\x11\xf9\xfc\xbe!\x83\x87L\xbc{\xe2\xad\xb7\xdc\x9a\x99\x99ID\x86ah\x9af\xab\xd9\x04\xb4\x0c\xfaOl\xfd[\xfb/\xdd\xbcy\xf3\x91#G.\xf0m\xcb\xcb\xcb\x89h\xd5\xaaUD\xe4\xf7\xfb\x87\x0c\x192q\xe2\xc4[n\xb9\xc5V\xed\x8f\x00\xb8 \xd6)\xa1\xa6i\x81@`\xc1\x82\x05K__\xbas\xc7\xce\xa6\x9f&amp;%{:t\xf2\xa5vL\xce\xea\x91\x9e\x9c\xe61M\xc1\xe8\xdc\x9f\xb7$\xc9\x183\r\xf3\xf8\x97e\r\xb5\xa1\xf2\xe3\xd5u5\xc1\x9a\xea\x9a5k\xd6\xacY\xb3f\xd6/\x7fy\xef\xbdS\x1e|\xf0\xc1~\xfd\xfa\x11\x91\x10\xc2&amp;S\th\x01\xf4\x9f\xd8:\xa3\xfd_\x7f\xfd\xf5\x1d;v4\xfd4%%\xe5\xa2\x8b.\xea\xd4\xa9S\xdf\xbe};t\xe8`\x18F3\x8f\xd7\x8c\xb1h4\xbac\xc7\x8e\xea\xea\xea\xaf\xbe\xfa\xaa\xaa\xaa\xaa\xba\xba\xba\xa0\xa0\xa0\xa0\xa0`\xd6\xacY\xf7\xdcs\x8f}\xda\x1f\x01\xd0r\xd6\xc4\x81\x88\x16/^&lt;\xe7\xf99\xfb\xf6\xee\xb3^\xef\xd8\xd9\xdfoh\xcf\x01\xb9\xd9\xdd\xfau\xf6uLIHrk\x1ag\x9c\x13\x9d\xcf^\x02I\xa6aF#Fme}\xc9\xc1S{\x0b\xbf\xda\xf3\xf9W\xc7\x0f\x94\x9e&lt;Y:o\xde\xbc\x85\x8b\x16&gt;\xf2\xe3G\x1e}\xf4\xd1\xb4\xb44\xc30t\x1d\x9f\xa3\xf3\xa0\xff\xc4\xd6\xe9\xed\xff\xfc\xf3\xcf\xef\xdd\xbb\xd7z\xfd\xa2\x8b.\x1a=z\xf4\xf8\xf1\xe3\x07\x0e\x1c\xd8\xa9S\xa7\x94\x94\x14]\xd7[0U\x8fF\xa3\xe1p\xb8\xac\xac\xac\xb8\xb8\xf8\xa3\x8f&gt;*((\xd8\xbd{wII\xc9\xbcy\xf3\x16-Z\xf4\xe3\x1f\xff\xd8\x0e\xed\xaf\xe2\x07\xdf*\xac\xdeSRR2m\xda\xb4\xfc\xfc|\xeb\xc5n}:]7\xf9\xaaA\xd7\xf6O\xed\x90L$\xa3a\xc3\x88\x9a\xa1`\xd8\x9ai\xb0\xf3\x19\xc1\x8c\x88\x18\xe3\x8c\xa5\xa6{\xd3;\xf7\x1d8\xea\x92P\xb0\xf1\xcb-\x87\xd7\xbc\xf9\xd9\x9e\x8d_UWU\xcf\x9e={\xf9\xf2\xe5\x0b\x17.\xcc\xcd\xcd\xb5\xaeP\xc5\xfct\x12\x9a\x0f\xfd\'\xb6\xfec\xfb_v\xd9e3g\xce\x9c0aBff\xa6\x94\xb2\xb1\xb11\x12\x89\x04\x02\x01j\xd1NPk\xe7Offf\x8f\x1e=n\xba\xe9\xa6\xda\xda\xda\r\x1b6\xbc\xf8\xe2\x8bk\xd6\xac\xa9\xaa\xaa\xb2I\xfb#\x00Z\xc2\n\xed\xfc\xfc\xfci\xd3\xa6\x95\x94\x94\x10Q\xa7\x1e\x197\xdc\x97;t\xdc\xe5I)\x89\xa1\xfap}\xa0\x81\x88\x18\xb7\xb6\x7f1j\xc6\x99\xfb\xb7\xfe\xae\xa8\x19\x8d\x98$%\xd7\xf8\xe5\xb9}/\x1b\xd1g\xcf\xc6\x03\xf9K&gt;\xd9[tp\xdf\xbe}\xd7]w\xdd\x9c9s\xf2\xf2\xf2\xac\xdd\x0bJ\x8da\xe7B\xff\x89\xad\xa6\xf6\x7f\xe0\x81\x07N\x9c8AD\xd9\xd9\xd9\x8f=\xf6\xd8]w\xdd\xe5\xf7\xfbkkk+++\xad\xc37c\xec\xf4\x9d&lt;-`\x9d\x07H)u]\x1f?~\xfc\xd8\xb1c\x0b\n\n^x\xe1\x85\xb5k\xd7\xee\xdb\xb7o\xcc\x981\xbf\xfe\xf5\xafc\xd8\xfe\xea.\xff\xb5\x98\xd5{\x16,X0~\xfc\xf8\x92\x92\x12Fl\xf4]\xc3~\xf6\xa7\xe9\xa3\xee\x1aFD\xc1\x9a\x06iJ\xaeq\xae\xb5\xce~/\xeb\x10\xc05ND\r\xc1PcCd@n\xdfG_\xb9\xff\xee\xff\xfe\xae\xc7\x9b\x18\x89D\x1e}\xf4\xd1\x193fp\xce\xad}f\x17\xfe\x1b\xa1M\xa1\xff\xc4\xd6\xe9\xedo\x1d\xfd\x7f\xf0\x83\x1fl\xd8\xb0\xe1\xa1\x87\x1eb\x8cUTT4m\x07j\xad\xf6\xb7\xae0\x13QMMM0\x18\x1c?~\xfc\xca\x95+\xe7\xcd\x9b\x97\x92\x92\x12\x0e\x87c\xdb\xfe\x08\x80\xf3cu\x8e\x05\x0b\x16\xcc\x981\x83\x88\xbc\xa9I\x0f&lt;{\xe7}\xbf\x9c\xe0J\xd0\xeb\xaa\xea\x89\x88k\xfc\x02\xa6k\xe7\xc09\xe7\x9c5\xd4\x86\xc2\r\x91\xf1\xf7\x7f\xe7\xbf\xfe\xf8\x7f\xba\xf5\xedDDV=\x9a\xa6I)U\x18\xc3\xce\x85\xfe\x13[g\xb4\xbf\xdf\xef_\xbat\xe9+\xaf\xbc\x92\x98\x98hm\xdai\xd9r\x7f3i\x9a\xc69\xaf\xa9\xa9\xa9\xaf\xaf\x7f\xec\xb1\xc7V\xaf^}\xc5\x15WPL\xdb\x1f\x01p\x1e\xacu\xc3oz\x0fKKO\x9e\xf9\xbb{\xaf\x990\xb8\xb62(L\xa1\xe9\xed\xd4\x98\\\xe3\x8c\xb3\x9a\x8a\xba\x8b/\xed\xfa\xe8\xff\xde\xdfs@7F\xcc\xaa\xca\x9aG\xb4O\x19p\xbe\xd0\x7fb\xeb_\xdb\x9f\xb2\xb2\xb2\xfe\xf6\xb7\xbfM\x9d:\xf5\xd4\xa9SV0\xb4O\x19V\x0c\x9c:uj\xf0\xe0\xc1+W\xae\x1c6l\x18}\x93\x01\xed\xdf\xfe\x08\x80\xe6\xb2z\xcf\x9a5k\xac\xde\x93\xe2\xf3\xfct\xd1\xf4&gt;\x83z\xd4\x94\xd7jz\x0c\xf6\xf3\xea\xba\xd6P\x17\xf2x\x13~\xbahz\xdf\xc1\x17\x13\xd1\x82\x05\x0bf\xcf\x9e\xadi\x9aa\x18\xed\\\x0c\x9c\x13\xfaOl\x9d\xd1\xfe\x1d;v\\\xbbv\xed\xd5W_}\xea\xd4)\x97\xcb\xd5\xfe\xed\xefr\xb9jjjRRR\xfe\xf9\xcf\x7f\x8e\x1c9\x92b\xd4\xfe\x08\x80f\x11Bh\x9aVVV6e\xca\x14\xc6\x987\xd5\xf3\xf0o\xee\xcd\xec\xde\xa1\xbe6\xa4\xe9\x17t\x8d\xe8Bp\x8dG\xa3\x86\x14r\xc6\x9c\xbb/\xea\xd7\x99\x88\xcd\x9e=\xbb\xa0\xa0@\xd7\xf5\x16|q\x11\xda\x0e\xfaOl5\xb5\xff\xd4\xa9S\x19c~\xbf\x7f\xc5\x8a\x15\xbd{\xf7\xae\xae\xaev\xb9\\\xb1\xaaJ\xd7\xf5p8,\x84X\xb6l\xd9\xa0A\x83\x88\xa8\xfd\xdb\x1f\x01\xd0\\\xa6iN\x9d:\xb5\xac\xac\x8c\x88&amp;\xfd\xf4{\xfd\x87\xf7\x0e\xd6\x86\xda\xed\xb4\xfd\xdbp\xce#\xe1hJ\x07\xef\x83\xcfM\xf4\xa6&amp;J)\xa7N\x9dZZZ\xaa\xc8v\x0e\x07A\xff\x89-\xab\xfdKKK\x89\xe8w\xbf\xfb\xdd\xa8Q\xa3b{\xf4\xb7h\x9a\x16\n\x85222^\x7f\xfdu\xbf\xdfOD\xf7\xddw\x9f\xd5\xfe\xed\xb3\x16\x84\x00h\x16\x97\xcb\xb5l\xd9\xb2\x82\x82\x02"\xbaf\xc2\xe0k&amp;\xe4\xd4\x94\xd7\xe9\xb1\x9b\xbb\x9dN\xd3x}m\xa8[\x9f\xac\x89\xff\xfd]"*++{\xe2\x89\'.p\xef\x1a\xb4.\xf4\x9f\xd8:\xbd\xfd\xa7M\x9bv\xdf}\xf7Y+?\xb1\xae\x8b\x88H\xd7\xf5\x9a\x9a\x9a\x01\x03\x06\xbc\xf0\xc2\x0bR\xca\xd2\xd2\xd2\'\x9ex\x82s\xde&gt;W\x83\x11\x00\xe7`}\x0c\x95\x95\x95O?\xfd4\xe7&lt;\xb3[\xfa\xed?\xb9\xa1\xa16\xc45\x1bM\x91t]\xab\xab\xae\xcf\xbd%\'\xe7\xbaK\x89\xe8\xad\xb7\xde*,,l\xba\xb5!\xc4\x10\xfaOl\x9d\xd1\xfe\xbdz\xf5z\xf6\xd9g\x03\x81\x80\xad\xbe\xfc\xecr\xb9***\xbe\xff\xfd\xefO\x980\x81\x88\xdez\xeb\xad\xa2\xa2\xa2\xf6\xb9 \x8c\x008\x07\xeb\x82\xcc\xc2\x85\x0b\x0f\x1c8 \x84\xb8\xe1\xfb\xd7\xa4\xa5\'G\xa3\xa6\xed\xce\x91\x193\xa3\xe6M3\xaeu\'\xb8\xc2\xe1\xf0\xacY\xb3\xbe\xbe{m&lt;o\xeas\x00\xc7\xf7\x1f\x87;\xa3\xfd\x1f{\xec\xb1\xac\xac\xacH$b\xb7\xf6g\x8cE"\x91\'\x9f|2!!\xa1=\xdb\x1f\x01p\x0e.\x97K\x08\xb1x\xf1b\xc6X\xe7\x8b3\x86\xdfxE} \xa4i\xb6k7\xceYcC\xf8\xe2\xfe]\xacI\xdc\xfa\xf5\xeb\xf7\xef\xdf\x9f\x9c\x9c\x1c\x07\x938GC\xff\x89\xad\xd3\xdb\xbfo\xdf\xbe\x93\'O\xae\xae\xae\xb6\xd5\xf4\xdf\xc29\xaf\xab\xab\xcb\xc9\xc9\xb9\xfd\xf6\xdb\x89h\xfd\xfa\xf5\xc5\xc5\xc5\x9a\xa6\xb5u\xfb\xdb\xae#\xdaMjj\xea\x86\r\x1b\xf6\xee\xdd+\xa5\x1cs\xef\xd5I\xa9\x89\xa6i\xd7!\xc1\x98\x111\xae\x9f\x9a\x9b\xe0q744\xbc\xb6\xf0\xb5\xc4\xc4D\xd3\xe1\x03\xd8\xe9\x9c\xde\x7f\x9c\x1e\x00\xa7\xb7\x7f^^\x9e\xcf\xe7\xb3\xed&amp;W\xceycc\xe3\xa3\x8f&gt;\x9a\x94\x94T__\xff\xdak\xaf\x11\x11\x02 \xc6\x18c\xd6\xf4\xc1\x9f\x99\x96s\xdd\xa5\x8d\xc10\xe7\xf6:yl\xc29kl\x88\\|i\xd7~9=\x19co\xbf\xfdvYYYBBB\xac\xebR\x1a\xfaOl5\xb5\x7f\xe7\xce\x9do\xbb\xed\xb6\xda\xdaZ\xdb^\xdf\xe6\x9c\xd7\xd7\xd7\xe7\xe4\xe4\x8c\x1c9\x921\xb6b\xc5\x8a\x86\x86\x06]\xd7\xdbt!\x08\x01p\x0e\'N\x9c(,\xda$\xa5\xec?\xacWZ\xc7d\xc3\x86\xab\xb7\xa7\x91\xc4\x18\xa3+F_"\xa5&lt;v\xf4\xd8\x96-[\x92\x92\x92b]\x94\xd2\x9c\xdf\x7f&lt;\xb1.\xea\x82\x9c8q\xa2\xa8\xa8HJ9f\xcc\x98\xcc\xcc\xcch4j\xeb\xf6\x97\x921v\xf3\xcd7K)KJJ\xb6o\xdfNm|\x12\x80\x008\x1bM\xd7?\xff\xfc\xf3\xfd_\xee\'\xa2\xcb\xae\xc9\x96\x92\xc8\xc6\xbd\x87\x888\xa7Hc\xb4\xdf\xd0\x9e\x1eo\xa2a\x18\xabV\xadr\xbb\xdd\xb1.J].]C\xff\x89\xa1\xaf\xc7\xef\xfe\xfdD4~\xfcx\xfb_\xd3\xb6\xbe\x16p\xed\xb5\xd7\xa6\xa6\xa6Z\xedO-\xba\x13u\xf3!\x00\xce\xc6\xedro\xde\xbc\xd90Lw\xa2\xab{\xdf\xce\xd1p\xd4\xde\xe3\x97\x18cF\xc4L\xef\xe4\xcb\xec\xde\x81\x88\x8a\x8a\x8a\xa2\xd1(\x11\x9d\xdf\xb3D\xa0\x95\xb8\xe2\xa1\xff\x18\xe4\xd8\xdec\x8d\xdfh4\xea\xf1x\x06\x0e\x1c\xd8\xd8\xd8h\xf3\xc7\x9f1\xc6\xc2\xe1p\xf7\xee\xdd{\xf7\xeeMDEEED\xd4\xa65\xdb\xba9b.\x12\x8dl\xde\xbc\x99\x88\xd2;\xfb\xfc\x19\xa9f\xd4\xb4\xf9\x00&amp;"!D\x82\xc7\xd55;\x8b\x88\xf6\xec\xd9m}\xf5\xd4\xf6S\x9f\xf8\x147\xfd\xc7\xa1\x1d\xa8\xa9\xfd{\xf4\xe8\xd1\xb5kW\x9b\xaf\xffX\x84\x10III\x97_~9\x11\x15\x17\x17\x07\x83\xc16\xfdR\x18\x02\xe0l\x84\x10\xd5\xd5\xd5D\x94\xe2\xf7&amp;z\x13\x84\x90\x17\xf2h\x8e\xf6!\x89\x18g\xfe\xcc4"\xaa\xab\xabkll\x8cuE\xeaB\xff\x89\xad\xa6\xf6\xcf\xcc\xccLNNv\xc4\r\x8e\xa4\x94\x9c\xf3\xae]\xbb\x12Q \x10\x08\x85Bm\xfa\xeb\x10\x00\xe7`\xed\x19\xe8\xd2;\x8bk\xce\xf8^\x0ccL\x98\xa2S\xaf\x0c"b\xbcu\x1e*\x02-\x86\xfe\x13[\xd6\x96\xff\xfe\xfd\xfb[w\xdb\x8fu9\xe7\xc6\x183M\xf3\x92K.!\xa2@ P\\\\Lmy\x1d\x18\x01pN\x92\x88\x92}I\x8c3\x07t\x1f""\x92\x92\x92}I\xd4\xc6\x97\x8f\xa0y\xd0\x7fb/==\xbd\xdd\xee\xaes\xe1\xa4\x94\xe9\xe9\xe9D$\x84h\xebo- \x00\x9aE\x18\x0e\xfb:\x8c\xe3\n\x8eo\x8e\xfb8\x1cW\xf0\xd9\xd9\xf6\xcb_\xdf\xa6\xa9\xe0\xb6&gt;\x03C\x004\x8f\xe3\xce\x83\x1dWp|s\xdc\xc7\xe1\xb8\x82\xcf\xcaq\x0bY\xedV0\x02\x00\x00@Q\x08\x00\x00\x00E!\x00\x00\x00\x14\x85\x00\x00\x00P\x14\x02\x00\x00@Q\x08\x00\x00\x00E!\x00\x00\x00\x14\x85\x00\x00\x00P\x14\x02\x00\x00@Q\x08\x00\x00\x00E!\x00\x00\x00\x14\x85\x00\x00\x00P\x14\x02\x00\x00@Qz\xac\x0b\x00\x00p\x06y\x9a\xa6\x17\xd9ibX[\xcb \x00\x00\x00\xceF\x08!\x84\xd04\xcd\xedv\xbb\xddnM\xd38\xe7\x8c}\xfd\x887!D$\x12\t\x87\xc3\x86a0\xc6l\xfe\xdc\xf93 \x00\x00\x00\xfe\x03)\xa5i\x9a\xba\xae\xa7\xa4\xa4\xb8\xdd\xee`0XRRr\xf4\xe8\xd1\xd2\xd2\xd2\x8a\x8a\n\xebi\xc9^\xaf7++\xeb\xe2\x8b/\xee\xd9\xb3gzzz4\x1a\xad\xab\xab\xe3\xcey\x94&amp;\x02\x00\x00\xe0LR\xca\x84\x84\x84\xa4\xa4\xa4@ \xb0~\xfd\xfa\xfc\xfc\xfcu\xeb\xd6\xed\xdf\xbf\xbf\xa6\xa6\xe6\xdf\xff\xb2\xcb\xe5\xea\xd1\xa3\xc7\xb5\xd7^{\xcf=\xf7\xe4\xe6\xe6\x86\xc3\xe1\xc6\xc6F\xebq\xd06\x87\x00\x00\x00\xf8\x17RJM\xd3\x8e\x1d;\xf6\xd7\xbf\xfe\xf5\xcf\x7f\xfe\xf3\x8e\x1d;\xce\xfe\xf7\xa3\xd1\xe8\x81\x03\x07\x0e\x1c8\xb0`\xc1\x82I\x93&amp;=\xfb\xec\xb3\xdd\xbau\xab\xad\xad\xb5\x7f\x06 \x00\x00\x00\xfe\x85i\x9a~\xbf\xff\xb9\xe7\x9e\x9b3gN\xd3\x8b\x8c\xb1^\xbdz\xf5\xeb\xd7\xafw\xef\xde\x19\x19\x19\x1e\x8fGJYSSs\xe8\xd0\xa1m\xdb\xb6\x15\x17\x17\x13\x91\xa6i\xcb\x97/\xff\xec\xb3\xcf\x96/_&gt;x\xf0`\xfbg\x00\x02\x00\x00\xe0_p\xceC\xa1\xd0\xa4I\x93\xe6\xce\x9d+\x84\xb8\xf4\xd2K\'L\x980n\xdc\xb8\xfe\xfd\xfb\xfb|&gt;\x97\xcbED\xd6\x15`\xc6\x98i\x9a\xb5\xb5\xb5\x9b7o~\xe9\xa5\x97&gt;\xf8\xe0\x03\x97\xcbu\xf4\xe8\xd1[o\xbdu\xed\xda\xb5\x17_|q(\x14\xb2\xf3ea\x04\x00\x00\xc0\xbf\xe0\x9c766\xf6\xed\xdb\xf7\xe7?\xffyvv\xf6m\xb7\xdd\x96\x96\x96\x16\x0e\x87C\xa1P \x108}\x0f(\x111\xc64M\x1b5j\xd4\x981c^}\xf5\xd5\x9f\xfc\xe4\'n\xb7\xbb\xbc\xbc\xfcG?\xfa\xd1\xca\x95+c\xf5Oh&amp;\x04\x00\x00\xc0\x99\x18c\x8d\x8d\x8dO=\xf5\x14c,\x18\x0c\x96\x97\x97[{{\xbemI\xa7\xb6\xb6VJ\xf9\xf0\xc3\x0fK)g\xce\x9c\xa9\xeb\xfa\xda\xb5k\xff\xf1\x8f\x7f\xdcz\xeb\xad555\xb6]\x08\xb2\xef\xb9\t\x00@\x0c1\xc6\x02\x81@MM\x8d\x10B\xd7\xf5\xb3o\xee\xd44M\xd3\xb4\xf2\xf2\xf2\x1f\xfe\xf0\x87c\xc6\x8c\xb1\xbe\x13\xb0l\xd92\x9b\xef\x07E\x00\x00\x00\xfcg\xd6a\xbd\x99\x07q\xeb\xafI)\x1fx\xe0\x01\xeb\x0f\x85\x85\x85\xe5\xe5\xe5.\x97\xeb\x8cU#\xfb@\x00\x00\x00\xb4\x0eM\xd3B\xa1PNN\x8e\xd7\xeb%\xa2\xd2\xd2\xd2\xe3\xc7\x8f\xbb\xddn\x04\x00\x00@\xfc3\x0c\xc3\xef\xf7geeY\x7f\xae\xac\xac\xd44\r\x01\x00\x00\x10\xe7\xac\x1b\x04\xb9\\\xae\xa4\xa4$\xeb\x95p8l\xe7m\xa0\xf6\xad\x0c\x00\xc0Y\xa4\x94\x8c1!D4\x1a\xb5^\xd1u\xdd\xb6\xd3\x7fB\x00\x00\x00\xb4"\xceyCCCuu\xb5\xf5g\x9f\xcfg\x9a\xa6m\xf7\x02!\x00\x00\x00Z\x87\x94\xd2\xedv\x1f=z\xb4\xb2\xb2\x92\x88\xfc~\x7f\x97.]\xa2\xd1(\x02\x00\x00 \xce\t!\x12\x13\x13?\xfe\xf8ck\xd6?`\xc0\x80\xce\x9d;G"\x11\x04\x00\x00@&lt;\xb3.\xffVTT,^\xbc\xd8\xfa\xcf\xdbn\xbb\xcd\xedv\x0b!b]\xda\xb7\xc2\xad \x00\x00Z\x81a\x18\x99\x99\x99\x8f=\xf6\xd8\xa1C\x87\x18c\xdd\xbbw\xbf\xfb\xee\xbbm~CP\x9c\x01\x00\x00\\\xa8h4\x9a\x99\x99\xb9d\xc9\x92\xdf\xfe\xf6\xb7\xd6W\x7f\x9f~\xfa\xe9\x8c\x8c\x0c;\xaf\xff\x10\x02\x00\x00\xe0BH)\xad\xb9\xff\x1bo\xbc1}\xfat\x97\xcb\x15\x8dF\xef\xbf\xff\xfe)S\xa6TWW\xeb\xba\xadWY\x10\x00\x00\x00-$\x84`\x8cedd\xfc\xe67\xbf\xb9\xef\xbe\xfb\x88(\x12\x89|\xef{\xdf\xfb\xfd\xef\x7fo=\x1c8\xd6\x05\x9e\x83\xad\xd3\t\x00\xc0\xb6\x0c\xc3\xf0z\xbdB\x88\x1f\xfe\xf0\x87\xaf\xbe\xfa\xaa5\xf7\xbf\xeb\xae\xbb\x16-Zd\x9a\xa6i\x9a\xf6\x0f\x00\xbb\xd7\x07\x00`C\xd6=\x7f\x8e\x1d;v\xe3\x8d7\xbe\xfa\xea\xab\x9a\xa6E\xa3\xd1\xbc\xbc\xbc\xd7_\x7f\xdd0\x0c\xc30\xec\x7f\xf4\'\x9c\x01\x00\x00\x9c/\xc30:t\xe8\xb0a\xc3\x86{\xef\xbd\xb7\xa4\xa4\x84\x88\\.\xd7\xcb/\xbf\xfc\xd0C\x0fUWWK)\x1dq\xf4\'\x04\x00\x00\xc0y\xb1\x1e\x19\xff\xd1G\x1f\xddq\xc7\x1d\xc1`\x90\x88\xfa\xf4\xe9\xf3\xa7?\xfd)77\xb7\xbc\xbc\\\xd34\xa7\x1c\xfd\t\x01\x00\x00\xd0|B\x08\xaf\xd7\xbbk\xd7\xae\xbb\xef\xbe\xbb\xbe\xbe\x9e\x88rss\x97/_\x9e\x99\x99y\xea\xd4)\xeby\xf1\x0e\x82\x00\x00\x00h.\xce\xb9i\x9a\x0f=\xf4PMM\r\x11]u\xd5U\xef\xbd\xf7^BBB \x10p\xdc\xd1\x9fp\x11\x18\x00\xa0\x99L\xd3LMM}\xe7\x9dw\n\x0b\x0b9\xe7\x9d:uz\xe3\x8d7&lt;\x1eOCC\x83\xcd\xf7\xfb\x7f\x1b\x04\x00\x00@\xb3X\xf7\xfa\xb7\x1e\xf5.\x84\xf8\xc5/~\xd1\xbbw\xef\xba\xba:\x87\x1e\xfd\t\x01\x00\x00\xd0\x1c\xd6\xbd\xdeN\x9e&lt;\xb9m\xdb6)e\xa7N\x9dn\xbf\xfd\xf6@ \xe0\xdc\xa3?!\x00\x00\x00\x9a\xe3\x8c{\xfd_u\xd5UYYYv\xbe\xd7\x7fs \x00\x00\x00\xceMJ\xa9\xeb\xfa\xa9S\xa7L\xd3$\xa2\xfe\xfd\xfb\xdb\xfcq\x8f\xcd\x81\x00\x00\x00h\x16\xce\xb9\xb5\xf9\x87\x88:w\xeel=\x018\xa6\x15](\x07\xaf^\x01\x00\xb4\xb3p8l}\xcf+55\xd5\xceOzi&amp;\x04\x00\x00@\xb30\xc6"\x91\x88u\xdc\x8f\x83\xe9?!\x00\x00\x00\x9a\x83s\x1e\x0c\x06\xc7\x8d\x1b\xf7\xee\xbb\xef\x12Q\xff\xfe\xfd\xeb\xeb\xeb\x1dt\xd7\x87\xff\x08\x01\x00\x00pn\x8c\xb1h4\xda\xad[\xb7&gt;}\xfa\x10Q(\x14r\xfa\x16 B\x00\x00\x004\x93\xb5\x04\xd4\xd8\xd8HD\x9cs\xa7\x1f\xfd\t\x01\x00\x00\xd0|\x8c1;?\xe4\xfd|9{\x01\x0b\x00\xa0\x9dI)\xe3`\xff\x8f\x05\x01\x00\x00\xd0\\B\x08\xb7\xdb\x9d\x98\x98(\xa5t\xfa\xb7\xc0\x08\x01\x00\x00\xd0L\x8c\xb1\xe4\xe4\xe4\x92\x92\x92\x83\x07\x0f\xba\\.\xb7\xdb\xed\xf4\x0c@\x00\x00\x00\x9c\x9bu/\xa0\x9f\xfd\xecgC\x87\x0e\x1d&gt;|\xf8\xcd7\xdf\\^^\xeer\xb9\x1c\x9d\x01\x08\x00\x00\x80s\x10B$\'\'\x7f\xfe\xf9\xe7/\xbe\xf8bmmm8\x1c^\xb7n\xdd+\xaf\xbc\x92\x9c\x9cl\xdd\x1a\xc8\xa1\xb0\x0b\x08\x00\xe0\x1c\xac;\xc1\xed\xdd\xbbW\xd34k\xf7\'c\xac\xb8\xb8\xd84MGo\x06\xc5\x19\x00\x00@\xb3X\xf3}\xce\xb9\xa6iB\x88\xa4\xa4$\xa7\x7f\x13\xd8\xd9\xd5\x03\x00\xb4\x03\xcey}}\xfd\xc8\x91#\xb3\xb2\xb2"\x91H8\x1c\x96R\xdeq\xc7\x1d\x8e^\xff!,\x01\x01\x00\x9c\x93\xf5\x1d\xe0N\x9d:\xbd\xf7\xde{K\x96,ihh\xb8\xe1\x86\x1bn\xbe\xf9\xe6\xba\xba:G\x7f/\x0c\x01\x00\x00pn\x9c\xf3\x86\x86\x86\x01\x03\x06\xbc\xfc\xf2\xcb\xd6w\xc1jkk\x1d}\x01\x80\x10\x00\x00\x00\xcd\xc49\x0f\x85B\xf5\xf5\xf5\xd6q\xdf\xd1s\x7f\x0b\x02\x00\x00\xa0\xb98\xe7N\xbf\xf0{\xba\xf8\xf9\x97\x00\x00\xc0yA\x00\x00\x00(\n\x01\x00\x00\xa0(\x04\x00\x00\x80\xa2\x10\x00\x00\x00\x8aB\x00\x00\x00(\n\x01\x00\x00\xa0(\x04\x00\x00\x80\xa2\x10\x00\x00\x00\x8aB\x00\x00\x00(\n\x01\xd0,\x8e\xbb\xe5\x93\xe3\n\x8eo\x8e\xfb8\x1cW\xf0\xd99\xee\x9f\xd3n\x05#\x00\x9a\xc5\x88\x9a\xe4\xa8\x07\x7f\x1aQg\xdf\xa6&lt;\xce\xa0\xff\xc4V4\x1au\xd6\x93{\xa3\xd1\xa8\xf5\x07!D\x9b\xfe"\x04\xc09\x08!\x89\xe8\xd8\xbe\x12\xd3\x10\xdc\t\xf3\x08)\xa5\xa6\xf3\xe3_\x9e$"\x07\x94\x1b\xef\xd0\x7fb\xcb:\x80n\xdb\xb6\xcdz\x92W\xac\xcb97\xeb\xd9\x93\xdb\xb7o\'\xa2\xb4\xb4\xb4\xec\xeclj\xcb\x13\x02\x07\xb4Hl\xb9\\."\n\x06B\xd1\x88\xe1\x94\x13I)e]U=\x11\xb9\\.Gt\xfa8\x86\xfe\x13[V\xfbWUU566:\xa8\xfd\xcb\xcb\xcb\x89())\xc9\xef\xf7\x13\x02 V\x12\x13\x12\x07\x0f\x1eLD\xe5\xc7+\x03\x15u\x9a\x8b\xdb\xffD\x923f\x84\xcd\xe3_\x96\x12Q\xbf~\xfd:u\xeaDD\x0e\xe9\xf9\xf1&amp;n\xfa\x8fC;PbBbNN\x0e\x11}\xf5\xd5W\xa5\xa5\xa5n\xb7\xdb\x01\xed\xcfy8\x1c\xde\xb1c\x07\x11egg{\xbd^!\x04\x02 6\x0c\xd3\xc8\xc9\xc9a\x8c\x1a\xeb#\'\x0f\x95\xbb\x12\\6\xef?RJ\xdd\xa5\x05*\xeb\xca\x8eV\x12\xd1\xc0\x81\x83&lt;\x1e\x0f\x11\xc5\xc5\xd9\xbc\xf3\x98\xf1\xd0\x7f\x12\xc9\xb1\xbd\xc7\x1a\xbf\x9c\xf3`0\xb8w\xef\xde\x84\x84\x84\xb6^R\xbf@RJ\xb7\xdb]VV\xb6\x7f\xff~"\x1a4h\x10\xe7\xbcMkF\x00\x9cM4\x1a\xbd\xfa\xea\xab\xbbu\xef&amp;\xa5,\xde\xf4\x15\xd7\xec&gt;\x83\x93\x92\\\x89\xae\x83;\x8f\xd7V\x059\xe77\xdcp\x83a\x18\xb1.J]\x91x\xe8?\x0e\xbe\x1a\xfc\xf5\xf8\xed\xd6M\x08\xb1f\xcd\x1a]\xd7m\xde\xfeB\x08\x8f\xc7\xb3q\xe3\xc6\xf2\xf2r\xab\xfd\xa9\x8dw\x04!\x00\xceJ\xca\xec\xec\xec\x9c+\x073\xc6v\x7f\xb2?T\xd7\xa8i\xb6n1)\xa5\xa6\xf1\xedk\xf7\x12Qz\xc7\xf4k\xae\xb9\xa6\xa1\xa1!\xd6E\xa9KJB\xff\x89%)\xb3\xb3\xb3\xaf\xbc\xf2J\xc6\xd8\xaaU\xabjkku\xdd\xd6\xcf@\xb4\xae\x00\xbf\xff\xfe\xfbRJ\x9f\xcf\x97\x9b\x9bKDmz\x19\xc6\xd6\xdd\xd1\x0et]\xbf\xfb\xee\xbb\xa5\x94\xa5G+\xf6m&gt;\x94\xe8M\xb0\xf6u\xd8\x90\x94\xd2\xed\xd6\xcbOT\xef\xd9x\x80\x88\xc6\x8f\x1f\xdf\xad[\xb7\xc6\xc6\xc6X\xd7\xa54\xf4\x9f\xd8jj\xff\xfd\xfb\xf7\xaf[\xb7.%%\xc54mzN#\xa5LLL&lt;t\xe8PAA\x01\x11\x8d\x1f?&gt;--\xcd4M\x9c\x01\xc4R0\x18\x9c0aBFF\x86\x94r\xf5\xd2O\x84\x90\xb6]\x0f\x15B&amp;&amp;\'\xac{\xbb0PY\xa7i\xda\x8c\xe93\xc8\xb1\xab\xb7q\xc3\xe9\xfd\xc7\xe9No\xffy\xf3\xe6\xb5\xf5\xf1\xf4B\x98\xa6\x99\x92\x92\xf2\xc7?\xfe\xf1\xd4\xa9S\x9a\xa6M\x9f&gt;\xbd\x1dJE\x00\x9cC(\x14\xf2x&lt;\xf7\xdcs\x8f\x94\xf2\xcb\xad\x87w}\xfa\xa5\'%Q\x98\xb6\xbb\x94dM\xdf*N\xd4l\xf8\xdbf\xc6\xd8\xc0\x81\x03\xaf\xb9\xe6\x9a\xda\xdaZM\xd3b]\x9a\xd2\xd0\x7fb\xeb\xf4\xf6\xff\xe4\x93O\xf2\xf3\xf3\xadiu\xac\xeb:\x935\xfd?r\xe4\xc8\xc2\x85\x0b\x19cW^y\xe5\xe8\xd1\xa3\x85\x10m\xdd\xfe\x08\x80s\xd04MJ\xf9\x83\x1f\xfc\xc0\xe7\xf3\x11\xd1\xaa\xc5\x1b\x84\x906\x9cD\x08SzR\x12?Z\xf6Y]u=\x11=\xfe\xf8\xe3RJ!\x04N\x01b\xcb\xf1\xfd\xc7\xe1\xceh\xff\xe7\x9f\x7f\xde\x9e\'\x01\x86a\xa4\xa4\xa4\xbc\xf4\xd2K\x15\x15\x15D\xf4\xf8\xe3\x8f\x13Q;\\\xb2F\x00\x9c\x03\xe7\x9c1v\xc9%\x97\xe4\xe5\xe5I)\xf7\x7fqx\xcd\x1b\x9f\xa6t\xf0\xdajw\x84i\noj\xe2\xde\xa2C\x1f/\xdfHD#G\x8e\x9c4i\x12c\xcc\xe9\xd3\xb78\x80\xfe\x13[g\xb4\xff\xa7\x9f~\xfa\xd2K/\xa5\xa7\xa77\xddk\xc1\x0e\x0c\xc3\xf0\xfb\xfd\xeb\xd7\xaf\xff\xc3\x1f\xfe@D\xa3F\x8d\x9a8qb;L\xff\t\x01\xd0L\x86a\xe4\xe5\xe5\xf5\xea\xd5\x8b\x88\xde\xff\xe3?\x0fl;\x9a\x9c\xea1\xedq"/\xa5t\xb9\xf5P}\xf8\x8d\xff\xef]#jj\x9a\xf6\xc2\x0b/\xd8|\xbb\x9bj\xd0\x7fb\xab\xa9\xfd\x19cO?\xfd\xf4\xc6\x8d\x1b\xfd~\xbfMvH\x0b!\x12\x12\x12jkk\x1f~\xf8\xe1H$\xa2\xeb\xfa\xbcy\xf3\xda\xad\xfd\x11\x00\xcd"\xa5LKK[\xb6l\x99\xae\xeb\xe1Pd\xf1\xacw\xea\xaa\x1b\\n=\xe6\xe7\xc8RJ)\xc9\x95\xa0\xbf\xf1\xec{\'\xbe*\xb3\xaet\r\x1e&lt;\xd8\x86\xab\x9c*C\xff\x89\xad\xa6\xf6\xd74-\x18\x0c&gt;\xf0\xc0\x03\xe5\xe5\xe5\x89\x89\x891\xffgJ)\xa5\x94\x1e\x8fg\xe6\xcc\x99\xbbw\xef\x96R\xce\x9d;w\xf0\xe0\xc1B\x88\xf6\xb9\t\x07\x02\xa0Y8\xe7\x86a\x0c\x1f&gt;|\xee\xdc\xb9R\xca\x92\xafN\xbd\xf4\xe3\xa5\\\xe3.\xb7+\x86\x17\xf4\xac\xd1\xeb\xcbHY\xf6\xdc\x07\x85\xabv\x10\xd1\x9dw\xde\x99\x97\x97g\x18F\x1c\x9c\xbc\xc7\x13\xf4\x9f\xd8:\xbd\xfd\x89h\xcf\x9e=\xb7\xdcr\x8b\xa6i\x89\x89\x891&lt;\x0f\x10BH);v\xec\xf8\xc8#\x8f,_\xbe\x9cb\xd1\xfe\x08\x80\xe6\xd2u\xdd:\x91\x9c&gt;}:\x11\x1d\xdes\xe2\xc5\x1f-\t\x05\x1b=)\x89f,\xd6s\x85)4]\xf3x\x13\xfe4\xeb\xaf\xeb\xdf)"\xa2\xa1C\x87\xce\x9f?\xbf}\x96\x0e\xe1|\xa1\xff\xc4\xd6\x19\xed\xbfe\xcb\x96\x9bn\xba)\x10\x08\xf8|\xbe\x98\\\x0f0\x0c\xc3\xedv\xa7\xa4\xa4&lt;\xfc\xf0\xc3\xf3\xe7\xcf\xa7\x18\xb5?\x02\xe0&lt;h\x9a&amp;\x84\x98?\x7f\xbe\xd5\x87\xf6\x16\x1d|i\xe6\xd2\xd2\xc3\x15)\x1d\x92\x85)d{}\xc1GJi\x1a\xc2\x93\x92hF\xcdE\xbf|\xe7\x9f\x7f\xd9$\x84\x18:th~~~[\xdf;\x10.\x04\xfaOl\x9d\xd1\xfek\xd7\xae\xbd\xf9\xe6\x9b\xf7\xed\xdb\x97\x99\x99i\x9af\xbb-\xc7I)\xa3\xd1\xa8\xcf\xe7\x8bD"\xd3\xa6M{\xe5\x95Wb\xd8\xfe\x08\x80\xf3\xc0\x18c\x8c\x99\xa6\xd9\xd4\x87\x8e\xec-y\xfe\xff,\xf8\xec\xbd\xad\xdeT\x8f\xdb\xe3n\xeba,\xa54M\xa1\xe9Zjz\xf2\xc1\x1d\xc7\xe6&gt;\xb8p\xe3?\xb6\x11\xd1\xd0a_\xf7\x9ev[:\x84\x16@\xff\x89\xad\x7fo\xff/\xbe\xf8b\xd4\xa8QK\x96,\xf1\xfb\xfd^\xaf\xd70\x8c6\x8d\x01)\xa5a\x18.\x97+33s\xe3\xc6\x8d\xd7]w\xdd\x9bo\xbeID\xc3\x86\r\x8bU\xfb\xc7\xed\x87\xddF\x18c\xd6\xfd\xf9\xe6\xcf\x9f\xff\xd4SO\x11Q0\xd0\xb0\xf0\xc9\x15\x7f\xfc\xd9\x9fK\xbe*\xf3\xfa\x92\xdc\x1e\x970\x850E+^\xc7\xb7vd\x0bS\xe8\xba\x96\xe2\xf7\xd6\x07Bo\xffv\xe5\x0b3\x16\x1f\xfb\xf2$\x11M\x9c81\x7fU\xfc\x8f\xde\xf8\x80\xfe\x13[\xff\xde\xfeUUU\xf7\xdf\x7f\xff\xa4I\x93v\xef\xde\x9d\x9e\x9e\x9e\x94\x94d\x9a\xa6i\x9a\xad\xdb\xfe\xa6iZ\x87\xfe\x8c\x8c\x8c\xaa\xaa\xaa\x9f\xff\xfc\xe7\xd7_\x7f\xbdu\xcf\xe7\x89\x13\'\xaeZ\xb5*V\xedo\xeb[#\xd9\x93u\x82&amp;\x84\x985k\xd6UW]5m\xda\xb4\x92\x92\x92\xa2\xd5;w\xac\xdb7\xf8\x86\x01c\xee\xb9\xaaG\xff.D,\x1a\x8eF#\x86\x14RZ\xf7c`\x8cH6\xef\xd6\x0c\xd6_\x93\xd6C\x04\x19c\x9aKs\'\xba\xb8\xc6+OT\x7f\xb8h\xfd\'\x7f\xdbRSQKDn\xb7k\xce\x9c\xe7\xf3\xf2\xf2\xacz\xe2~\xf4\xc6\x07\xf4\x9f\xd8:\xa3\xfd\x1fx\xe0\x81\x13\'N\xacX\xb1\xe2\x83\x0f&gt;\x988q\xe2\xcc\x993srr\x18c\xa1P(\x1c\x0e[\xd7i[\xb6&amp;cE\x08\xe7\xdc\xedv{&lt;\x1e]\xd7\x0f\x1f&gt;&lt;g\xce\x9c\x85\x0b\x17\x96\x96\x96\x12\x</t>
        </is>
      </c>
    </row>
    <row r="500">
      <c r="A500" s="1" t="n">
        <v>498</v>
      </c>
      <c r="B500" t="inlineStr">
        <is>
          <t>polygon_sides_color</t>
        </is>
      </c>
      <c r="C500" t="inlineStr">
        <is>
          <t>What is the missing color of the part denoted with a question mark?</t>
        </is>
      </c>
      <c r="D500" t="inlineStr">
        <is>
          <t>['orange', 'green', 'purple', 'blue']</t>
        </is>
      </c>
      <c r="E500" t="inlineStr">
        <is>
          <t>blue</t>
        </is>
      </c>
      <c r="F500" t="inlineStr">
        <is>
          <t>There are 6 colored polygons arranged in a triangle with color ['blue'] in the top row, ['green', 'orange'] in the middle row, and ['green', 'orange', '?'] in the bottom row.</t>
        </is>
      </c>
      <c r="G500" t="inlineStr">
        <is>
          <t>We observe that the polygon with 8 sides is orange in color and the polygon with 4 sides is green in color. Thus, the pattern is that the polygons with the same number of sides have the same color.</t>
        </is>
      </c>
      <c r="H500" t="inlineStr">
        <is>
          <t>Based on the pattern that the polygons with the same number of sides have the same color, the missing color of the part with 7 sides should be blue.</t>
        </is>
      </c>
      <c r="I500" t="inlineStr">
        <is>
          <t>b'\x89PNG\r\n\x1a\n\x00\x00\x00\rIHDR\x00\x00\x02\x00\x00\x00\x02\x00\x08\x02\x00\x00\x00{\x1aC\xad\x00\x00_\xf7IDATx\x9c\xed\xddg`\x15U\xde\x06\xf03\xe5\xd6$$\x81\x84\x0e\xd2\x13Z \xd4P\x82\x8aH\x95\xde;\xa1I_]\xdd\x15e\x17Y\xdfUPWw\x11\x11\x04\xe9U!\x08\xa2\x82\x88\xa8 \x84@\xe8\x84\x16\x02HO#\xf5\xf6\x999\xef\x87C\xae1"5\xb9w\xee\x9d\xe7\xf7\xe9u\xdf\x10\x86;s\xff\xcfis\x0eG)%\x00\x00\xa0=\xbc\xb7/\x00\x00\x00\xbc\x03\x01\x00\x00\xa0Q\x08\x00\x00\x00\x8dB\x00\x00\x00h\x14\x02\x00\x00@\xa3\x10\x00\x00\x00\x1a\x85\x00\x00\x00\xd0(\x04\x00\x00\x80F!\x00\x00\x004\n\x01\x00\x00\xa0Q\x08\x00\x00\x00\x8dB\x00\x00\x00h\x14\x02\x00\x00@\xa3\x10\x00\x00\x00\x1a\x85\x00\x00\x00\xd0(\x04\x00\x00\x80F!\x00\x00\x004\n\x01\x00\x00\xa0Q\x08\x00\x00\x00\x8d\x12\xbd}\x01\x00%O\x96eB\x08\xcf\xf3\x1c\xc7y\xfbZ\x00\xd4\x8b\xc3\xa1\xf0\xe0O\xd8\xf3\xec\xae\xfb\x8aB\x15E\xe68\x8e\xe38\x9eG\x7f\x17\xe0w\x10\x00\xe0?\x14EaU\xfe\xebm[\x02\x02\xccQM\xa2\xcb\x85W(\xfa\x03\xb2,SJY\x18\xa0s\x00\x80\x00\x00?!\xcb\xb2 \x08\xb2,\xc7\r\x1f\xbc;9= (\x98\xb7eV\x0f/\xd3,\xaaa\xd3&amp;\x8d[\xc7\xb4\xadU7\xa2\xe8\xcf+\x8a\xa2(\n\xc2\x00\xb4\x0c\x01\x00\xfe@\x96$A\x14o^\xbf\xd6\xeb\x85\x1e\x96\xf0\xe8^3\xde\xe3x!?;\xf3\xd6\xa5\xb3\xe9\xbf\x9eKO=.g_\xabR\xd6\\\xa3Jx\x9b\xd6\xad\x1a5\x8ej\x1a\xdd,(8\xb4\xe8o\x90$\x89\x14N\x1b \x0f@#\x10\x00\xe0\xdb(\xa5\x8a\xa2\x08\x82\xf0\xd3\x0f\xdf\x0f\x191:\xb2\xd7K\xb1\x03&amp;\xe7g\xdd\xa6\x94\xf2\xa2No0\x8a:\x03\xe1xKnvV\xda\xb5\x9b)\'\xd3ROX\xd2.\x9b\xa9\xa5Z\xf9\x90\xe8\xa8\x06\x1dbc\x9bF7\xabT\xb5z\xd1\xdf)\xcb\n\xa5\xe8\x1c\x80\xffC\x00\x80\x0fs\x0f\xfa\xcf\xff\xcf\xbbs&gt;\\\xd2\xe5/\xf3\xebDw\xc8\xcd\xb8)\x88:\xf6\x03\x94*\x84RJ\x89 \x08\xa2\xde \xea\x8d\x82\xa8s9\x1d\xd9\x1973\xaf_\xbe~.)\xeb\xf2I\x9d\x94\x1ff"M\x1bE4jP\xbfM\xdbv\xf5\x1b6\xd6\x1b\x8c\xbf\xfd\x15\x94*\xf2\xddidt\x0e\xc0\xcf \x00\xc0WI\x92$\x8ab~~\xc1\xe4\tc~LN\xeb\xf3\xb7\xc5Ae\xcb[r\xb3\xdc\xd5\xbf\x18J)\xa1\n\xa5\x94\xe3xQ\xa7\x13\xf5\x06QoR\x14\xd9\x9a\x9f\x97~5\xe5\xf6\x95\xb3\xe9\xa9\'\xac\xb7R\xca\x9ah\xb5\necZ6k\xd6\xacy\xd3\xe8\xe6\xe5+U.\xfaK0\x8d\x0c\xfe\x04\x01\x00&gt;\x89U\xff\xf3\xe7\xce\x0e\xea\xdf\x97\xd4~\xae\xfb\x8b\xffr\xda-.\x87\x9d\x17t\x84&lt;\xcc#M\x19\x8e\x10\x9e\x17D\x83Q\xa77r\x82`\xb7\x14\xdcI\xbb\x91\xfe\xeb\xf9\x1b\xe7\x8f\xe4\xdf\xbe\xcc[\xd3\xeaT-\x1fU\xbfn\xd3&amp;Q\xadZ\xc7T\xafQS\xa77\xb8\x7f\x85{\x1a\x19kL\xc1G!\x00\xc0\xc7\xb0\xc2\xcd\xf3\xfc\xd7\xdb\xb6\x8c\x19?\xa5\xc5\xc89-\xba\x0c\xcd\xcfN\'\x84p\xdccVaw\xe7\x80\xe7\x05Q\xa7\x17\rFQ\xa7\x97e9\xefNF\xe6\xcd_o\x9c?\x96~\xf1(g\xcd\x0c\xe4\xed\r\xea&lt;\xd5\xb0~d\xbb\xf6\xed\x9bF7\x0f\n\x0e)\xfaK0\x8d\x0c&gt;\x07\x01\x00\xbe\x84\xad\xf5$\x84\xcc\xfd\xbf7\xdf^\xb0\xb2\xff?VU\xa9\x1bUp\'\x83\x17K\xee\x9dvZ\xd89\xe0\x08/\xeat:\xbd\xce`\xa2\x84\xb3[\x0b\xb2n\xfdz+59\xedrr\xde\xb53l\x1a\xb9Y\x93\x86mbZ7l\x14Ul\x8d)\xa6\x91\xc1\' \x00\xc0g\x14\x0e\xfa\xe7O\x8c\x1b\xf9\xe3\xf9\xdc\xa1\xff\\\xa63\x98\xed\x059\xfc\x9f\x0c\xfa\x97\x08J)\xa5\n!\x84\xe7xQo\xd0\x19L\x82(\xba\x9c\xce\xec\x8c\x9b\x997._?s8\xf7\xf6%\xe9\xce\xb5\x8a\xc1\xba\xe8F\x11\x8d\x1a\xd4\x8fi\xd3\xb6v\x9dzE;\x07\x98F\x06\xd5B\x00\x80op\xb9\\:\x9d\xee\xc8\xe1\xc4\xb1c\xc7\xf1u:v\x9b0\xdbn-\x90\x9cN^\x10&lt;v\r\x94Rr\xb7s\xc0\x15N#\x1b)%\xd6\x82\xdc\xb4+\x17n_9\x9b\x96r\xcc\x91\xf5\xab\x91\xda\xeaV\xab\x10\xd502&amp;&amp;\xa6E\xab\xd6\xe5+V~\xf0\xaf\x06\xf0\x06\x04\x00\xa8\x1d\xa5T\xa1T\xe0\xf9\xb5\xabV\xbc\xfc\xda?b\xe2\xe66}\xb6o^\xd6m\xc2=\xfe\xa0\x7f\t]\x17\xa5\x94\x12JxA\xd0\xb1id^p\xdam\xb9Y\xb7o\xa4\x9eN\xbf|.\xeb\xcaI\xd1\x96Y\xbdBHd\xad\xeam\xdb\xb4n\xdc$\xbaA\xa3(\xcc\x18\x83z \x00@\xd5\xdc\x83\xfe\xaf\xbd\xf2\x97\xc5\x1b\xbe\x1d8g]x\x95Z\x96\x9c\xccR\x1d\xf6y\x0c\x85\xd3\xc8\x84\xe39Q\xd4\xeb\x0c&amp;A\xa7S\x14\x9aw\'=\xeb\xd6\xd5\xeb\xe7\x92\xf2n]\xbeyzo\xbf.\xed\x97,]\xe6\xfeG\x01x\x17\x02\x00\xd4\x8b\r\xfaggg\x8f\x1e&gt;$\xe9\xa62|\xceJB\xa9\xc3f\xe1\x05uoc^\xd85\xe0\xc8\xddidQo\x14\r\xa6\xb4+\xe7VN\x7f\xfaDRbD\xfd\xfal!\x93\xb7/\x14\xb4\x0e\x8f \xa8\x14\xab\xfe\x87\x13\x13\x9e\x8emw\xdd\xdcx\xdc{\xf1\x92\xd3\xe1\xb4\xdb\xd4^\xfd\t!l\x94\x87\x178^\xa0\x8a\xe2\xb0\xdb,\xb9Ywn^._\xadN\x8d\xb6}\xe7\xcc~\x83\xe3\xd0\xf0\x02U\xc0\x83\x08\xaa\xe3\x1e\xf4_\xb4\xe0\x7fs\xde_\x103\xea\xad\xa8\xd8\x17\xf2\xee\xa4q\x1cO|w\t\r\xa5\xbc\xa8\xb3\xe6e\xad\x9a\xf1\xec\xb1C\x07"\xea7@\'\x00\xbc\x0e\x01\x00\xea\xe2\x1e\x1f\x9f4~L\xfc\x8f\xc7\xfa\xcdZY\xaeb\xf5\x82\x9cL\x1fh\xf8?\x88"Ke\xc2*mzojtH\xfe\xc6\xcd[1\x13\x00^\x87\x00\x00\x15a\xc3&gt;\x99\x19\xe9\xfd\xfa\xf4\xbaF+\x0e\x9c\xf9\xa9\xe2r:\x1dV?\xa8\xfe\x84\xa0\x13\x00\xaa\x83\x87\x0fT\x81R*\xcb\xb2(\x8a?\xef\xd9\x1d\xd3\xb6\xbd\xa3F\xa7\x11o\xaduZ\xf3].\xbb\x9fT\x7fB\x08\xc7IN{X\xd5:\xd5cz\xcf\x99=\x0b3\x01\xe0ux\x04\xc1\xfb\xdc[\xaa\xcd\xff\xe0\xdd9\x1f,y~\xda\x7f\xeb5\x7f:/\xf3\x16/\x8a\x84\xf8\xec\xa0\xff=Q\xca\xeb\xf4\xd6\x9c\x8c5/w:q$\xb1v\x9d\xba\xe8\x04\x80\x17\xe1\xc9\x03/\x93e\x99\xe7yEQF\r\x19\xf0\xee\xf2\xed\xc3\xdf\xfd\xaavT\x9b\xdc\xcc[\xbc\xa8\xf3\xb7\xeaO\x08\xe18\xc9a\x0b\xabZ\'\xb8v\x8b\xcf&gt;]\x84N\x00x\x17\x9e?\xf0&amp;6\xe8_\xe4(\xc7\xf7%\xa7\xdd\xe5\xf0\x85\xb5\x9e\x8f\x8bREo\x0c\xb8q\xe1\xf8w\xf3F\x9c\xbfp\xa1\\\xb9r\x84\x10l\x10\x04^\x81\x1e\x00x\x87{\xd0\xff\xa7\x1fv5k\xd9:\xb0\xf5\x88\x01\x7f\xff\xd8n\xc9\x95\\\x0e?\xae\xfe\x84\x10\x8e\xe3\x1d\xd6\xfcZM\xda\xe9\xaaD}\xf8\xde;\x1c\xc7)\x8a\xe2\xed\x8b\x02\x8dB\x0f\x00\xbc\xc0\xbd\x02r\xde\xbf\xe7\xbc\xff\xe9\xba\xe7\xa7\xfe\xb7N\xb3\xdf\x1d\xe5\xe8\xdf\xa8\xa2\xe8M\x017RN\xec\x9c;\xfc\x02:\x01\xe0=\xe8\x01\x80\xa7I\x92$\x08B~A\xc1\xb0\x81}\xff\xf7\xf9\xcf#\xde\xdf\xf1T\xc3\x96\xda\xa9\xfe\x84\x10\x8e\xe7\x1d\xd6\xfcZQm\xf5\xe8\x04\x80W!\x00\xc0\xa3\xdcG9\xb6o\xdd"\xd9Yy\xec\xbb\x9bEQg\xcb\xcf\xd1N\xf5g8\x8ew\xd8,\x1dG\xbd\xb6\xf8\xb3\x15\x99\x99\x99&lt;\xcf\xa3/\x0e\x9e\x87\x00\x00\x0f\xa1\x94*\x8a"\x8a\xe2\xd7\xdb\xb6\xb4\x8b}\xb6R\x97\x97zNy\xc7\x92wG\x92\x9c\xfe=\xe8\x7fO\x85\x9d\x806\x86\xaaM?x\x17\x9d\x00\xf0\x0e\xcc\x01\x80\'\xfcv\x94\xe3[\xb3\xdf\xfexu\xff\x7f\xac,\xf9\xa3\x1c}\rU\x14\x839\xf0\xea\xd9\xa4\x1f?\x1c{\xe9\xf2\x15\xb3\xd9L0\x13\x00\x9e\x85\x1e\x00\x94:6\xe8\x9f\x9d\x9d\xdd\xabG\xb7\x85[\x0f\x8e_\xb0\xbbB\x8d\xc8\x82;\xe9Z\xae\xfe\xe4n\'\xa0\xa0F\xa3VvC\xf9\rkW\xa1\x13\x00\x9e\x87\x00\x80\xd2\xe5r\xb9DQ&lt;r8\xb1Cl\xbb\xeb\xa6\x86c\xe6n\xe2y\xc1n\xc9S\xdb\x89.^B\t\xe1\xdb\r~i\xee\xdcyN\xa7\x13\xef\x85\x81\x87!\x00\xa0\xb4PJeE\xd1\xe9t\xebV\xad\xe8\xda\xb3_\x8d^3{L\x9c\x9d\x7f\'M\x96e\x9e\xc7.\x98\x84\x10\xc2\xf1\x82-?\xa7\xc9\xb3}\xd2]\xe6\xd5+&gt;coD{\xfb\xa2@C\xd0\xe2\x80R\xc1NN\'\xc5\x8er\xcc\xcd\xd2\xe0|\xef\xfdQE6\x05\x85\x9e\xfcy\xeb\xf9M\xffw\xf6\xc2EQ\x14\xd9\xb6H\xde\xbe.\xd0\x04\xf4\x00\xa0\xe4\xb1#\x11333\x07\x0e\xe8\xbfzw\xf2\xc4O~\n\r\xaf\x8c\xea\x7fOw;\x01\xcf\xa0\x13\x00^\x80\x00\x80\x92\xa7(\n\xcf\xf3\x87\x12\xf6\x7f\xb9\xe7\xf0\xf8\xffl\xf1\x99\xa3\x1c\xbd\x86RJb\x87\xbd\xc2f\x02\xf0N\x00x\x0c\x02\x00J\x8b(\xf2\xa1\xe5\xc2\x1c6\xab,K\x1cv&lt;\xfesE:\x01\x01+\x97-\xc1r \xf0\x18|-\xa1\xb4PJdI\xc2\x88\xf6\xc3\xa1\x84pm\x07\xfde\xf1\xa7\x9f\x12\xbc\r\x00\x9e\x82\x00\x00\xf0&gt;\x8e\x17l\x05\xb9\x8d\xdaw;\x7f={\xf7w;y\x9e\x97e\xd9\xdb\x17\x05\xfe\x0f\x01\x00\xa0\n\x8a,\x19\xcde\x1aw\x19\xfd\xe6\xecY\x04\x9d\x00\xf0\x08\x04\x00\x80*\xf0\x82h\xc9\xcbn\xdbw\xfc\x91s\xd7w\xefB\'\x00&lt;\x01\x01\x00\xa0\x16\x8a\xec2\x05\x866\xed9\xf1\xcd\x7f\xa2\x13\x00\x9e\x80\x00\x00P\x0b^\x10-\xb9Ym\xfb\x8cE\'\x00&lt;\x03\x01\x00\xa0"\x8a,\xa1\x13\x00\x1e\x83\x00\x00P\x11w\'\xe0\xe8\x85\x9b\xbbv~\xcbq\x1c:\x01Pz\x10\x00\x00\xea\xa2\xc8\x929\xa8l\xa3\xce\xa3\xde\x9b\xf7\x0ez\x00P\xaa\x10\x00\x00\xea\xc2\xf3\x825?\xa7y\xe7A\x07\x8f\x9d=w\xe6\x0cv\x07\x82\xd2\x83\x00\x00P\x19\x8e\x93\x9c\xf6\xb0ju+\xb7\xe8&gt;g\xf6\x1b8$\x00J\x0f\x02\x00@ux^\xb0\xe6ew\x1c\xfe\xf2\xb6\x9d?\x9e;\x93\x8cN\x00\x94\x12\x04\x00\x80\xfa\xb0N@\xd5:\xd5cz\xcd\x99=\x0b\x9d\x00(%\x08\x00\x005b\x9d\x80g\x87\xa1\x13\x00\xa5\x08\x01\x00\xa0J\xe8\x04@\xe9C\x00\x00\xa8\x94\xbb\x13\xb0}\xd7\xde\xe4\xd3\xa7\xd0\t\x80\x12\x87\x00\x00P+\x8e\x93\x9c\xf6\xf0ju\xc3\x1b&gt;\xbdh\xc1\xffpP\x0c\x948\x04\x00\x80zq&lt;o\xb7\xe4\xb7\xed;\xfe\xf3\xf8m\x99\x99\x99\x82 ` \x08J\x10\x02\x00@\xbd8\x8ewX\xf3k5i\xcfWl\xf4\xe1{\xef\xa0\x13\x00%\x0b\x01\x00\xa0j\x1c\xc7;l\x96\xe7F\xbf\xb6\xf8\xb3\x95\x99\x99\x9982\x1eJ\x10\x02\x00@\xd58\x9ewX\xf3kE\xb5\xd5W\x89B\'\x00J\x16\x02\x00@\xedX\'\xa0\xe3(t\x02\xa0\x84!\x00\x00\xd4\xce\xdd\t\xd0Un\xfc\xc1\xbbo\xa3\x13\x00%\x05\x01\x00\xe0\x038\x9ewX\x0b\x9e\x1f;k\xe9\xca\xf5W\x7f\xfd\x15\xcb\x81\xa0D \x00\x00|\x00G8Y\x96\x82\xca\x96\xb7:\\\xb9\xb99\x84\x10\x04\x00&lt;9\x04\x00\x80\x0fP\x14\xd9\\&amp;t\xcf\x9a\x0fzu\xee\xd08\xaa\x89,\xcb&lt;\x8f//&lt;)\xd1\xdb\x17\x00\x00\x0fB\xa9\xa87f^\xbfx5\xf1\xab\xad\x87\x0ePJqR\x18\x94\x084"\x00\xd4\x8e5\xff\x7f\\\xff\xdf\xde]\x9f\xad\xdf\xa0\xa1\xa2(h\xfeC\x89@\x0f\x00@\xdd\xdc\xcd\xff\x83_mC\xf3\x1fJ\x14\xda\x11\x00\xaaV\xb4\xf9\x1f\x89\xe6?\x94(\xf4\x00\x00T\x0c\xcd\x7f(MhJ\x00\xa8\xd7\xdd\xc5?\xeb\xd0\xfc\x87R\x81\x1e\x00\x80Z\xb1\xe6\xff\xb5\x94\x9bI\xdf~\x95\xb0\x0f\xcd\x7f(qhM\x00\xa8\x94\xa2\xc8\xe6\xa0\x90#\xbb\xbe\x88\x89\xae\x1f\xd9\xa0\x01\x9a\xffP\xe2\xd0\x03\x00P)^\x10\xad\xf9wN\xefZ\xbdm\xc32\xbc\xf7\x0b\xa5\x01\r\n\x005Rd) \xb8\xdc\x81\xad\xcb\x9b\xd5\xab\xdc\xb9kwJ\xa9 \x08\xde\xbe(\xf07\xe8\x01\x00\xa8\x11/\x88\xb6\x82\xec\xe3\xdb\x97|\xbdi\x15\xc1\xce?P:\xd0\x03\x00P\x1dw\xf3\xbfyd\xd5N\x9d\xbb*\x8a\x82\xe6?\x94\x06\xf4\x00\x00T\x07\xcd\x7f\xf0\x0c\xf4\x00\x00\xd4\x05\xcd\x7f\xf0\x18\xf4\x00\x00T\x85\xf2\xa2\xceV\x90}l\xfb\x92o\xd0\xfc\x87R\x86\x1e\x00\x80\x8aPY1\x07\x85\x1c\xd8\xba\xacU\x83\xa7\xd0\xfc\x87\xd2\x86\x1e\x00\x80\x9a\xf0\x9c"\xb9N|\xb7v\xe3\xa7\xff!h\xfeC)C\x0f\x00@-\xa8"\x9b\x02CN\xee\xdd^%\x88t\xee\xd6\x83R\x8aW\x7f\xa1T\xe1\xf1\x02P\x0f\x8e\xe3\xc8\xbe\xf5\xff\x99\xf9\xf7\xbf\x9bL&amp;EQ\xb0\xf9\x0f\x94*\x04\x00\x80*PE6\x05\x85\x9c\xf8iky\x9du\xd4\xd8\xf1\xd8\xf9\x07&lt;\x00O\x18\x80J\xb0\xe6\xff\x07\xaf\xbf&gt;S\xaf\xd7c\xefO\xf0\x00\x04\x00\x80\xf7\xfd\xae\xf9\x1f\x87\xe6?x\x08\x1e2(-\x1cG\x04Q\xa4\x94b)\xcbC@\xf3\x1f\xbc\x00\x01\x00\xa5E\x92\x94\xec\xacL\x83\xc9,\x08"U\x14o_\x8ez\xa1\xf9\x0f\xde\x82\xe7\x0cJ\x1e\xcf\xf3\x8a\xa2\xb4j\xd3\xaeo\xc7\x96\x9f\xbd\xdaO\xd4\x1b\xf4F\x93"K\xde\xbe.\xd5\xe28\x8e\xee]\x87\xe6?x\x1a\x02\x00J\x1e\xc7q\x1c\xc7\x85\x85\x85m\xda\x1c?\xaaS\xc3%S\x9e\xc9\xce\xb8\x19\x10\\\x0e\x19\xf0G\xac\xf9\x7f\xf2\xa7\xaf*\x9b\x1ch\xfe\x83\x87\xe1Q\x83R\xc1q\x1c\xa5TV\x94w?\x98\xff\xc9\xdc7\xb6\xcd\xee{z\xff\xb7\xc1a\x95\xa8"cJ\xa0(J\xa9\xa8\xd7\x1f\xfaz\xc5\x98\xd1\xa3\xf4z=\xd6\xfe\x83\'q\xf86B\xa9r\xb9\\:\x9d\xee\xc8\xe1\xc41qq\xba\xc8\xee\xdd\'\xfc\xd3\x9awG\x92\\&lt;\x8f-n\x08U\x14\xbd)\xe0F\xca\x89\xef\xe6\x8d8{\xe6Lx\xf9\xf2\x84M\x07\x03x\x04z\x00P\xbat:\x9d$I\xcd[\xb6\xde\xbbo\x7fU[\xf2\xca\xd7\x07*\x8al\x0c(\xa3H.o_\x9a\xf7Q\xaa\x18L\x01{V\xbf;q\xdc\xe8\xf2\x15*\xa0\xf9\x0f\x1e\x86\x00\x80R\'\x8a\xa2,\xcb\xa1\xa1\xa1_}\xb3cj\x9f\x98\xcf\xa6wJ\xbbr.\xb0lyE\xd2\xf4\x94\x00U\x14\x839\xe8\xd2\xc9\x03\xce\x1b\'_\xf9\xfb\x1b\xd8\xf9\x07&lt;\x0f\x0f\x1cx\x82 \x08\x94REQ^\x9f\xfd\xd6\xc6\xa5\x1f~\xf3\x7fC\x8e~\xffE\x99\xb0\x8a\x94*\x94jt\x85\xa8\xbb\xf9?i\xfc\x98\xb0\xb004\xff\xc1\xf30\x07\x00\x1e%I\x92(\x8a\xe7\xcf\x9d\x1d\xd4\xbf/\xa9\xf3\\\x8f\x17\xdfrX\x0b\\N;/hkgr\xf7\xe8\xff\xce\xb9\xc3/\\\xb8P\xae\\9\x82\xd1\x7f\xf08\xf4\x00\xc0\xa3DQ\x94$)"\xb2\xfe/\x89I\r\xf57\x97\xbf6@\x92\\\xa6\xa0\x10YcS\x02h\xfe\x83\x1a \x00\xc0\xd3\xd8\x94@P`\xe0\xfaM_\xbe4\xf8\xe9\xb5\x7f\xeb\xf6k\xf2\xe1\xe0\xf0\xca\xda\xc9\x00\xaa(\x86\x802l\xf4\xff\xaf\x18\xfd\x07\xef\xc1c\x07^\xc0\xa6\x04dY\x9e\xf9\x8f9\xf1+\x17\xfe4\x7f\xe2/\xf1\x8bC\xcaW\xd1\xc8\x94\x00%T\xa77\xfc\xb8\xe6\xbdI\xe3\xe3\xd0\xfc\x07/\xc2\x1c\x00x\x13\x9b\x12\xb8y\xfdZ\xaf\x17zX\xc2\xa3{\xcdx_r\xda]\x0e\x9b?O\tP*\xe8\r\xb9\xe9\xd7?\xff{\xb7\x8b\x17\xce\x95\xafP\x81`\xf4\x1f\xbc\x04=\x00\xf0&amp;6\x1cT\xb9j\xb5\xc4#\xc7Z\x96\xb3\xac\x99\xd9\xcfa\xcd\x0f(S\xd6\x8f\x87\x83\x14E6\x05\x96\xf9e\xf3\xe2\x1e]\x9e\xadP\xb1"\x9a\xff\xe0E\x08\x00\xf02A\x10\xd8\x068\xab7n~ml\xcfu\xaf\xf5J=\x99\x10\x1cVI\x91\\\x84\xf8]\xf7\x94RQo\xcc\xbc\x9e\xfa\xeb\xc1\xads\xfe\xf5o\x82\xb6?x\x15\x86\x80@\x15\xd8[\x02\x82 \xfc\xbcg\xf7\xb8\x17\xa7\x94k5\xa8s\xdc\xcc\xfc\xcc\xdb\x94P\x8e\xf3\x9ff\x8a"Ke\xc2*mzojtH\xfe\xc6\xcd[eY\x16\x04l\x89\x01^\x83\x00\x00\x15aS\x02\x99\x19\xe9\xfd\xfa\xf4\xbaF+\x0e\x9c\xf9\xa9\xe2r:\x1dV?\x99\x12\xa0\x94\x17u\xd6\xbc\xacU3\x9e=v\xe8@D\xfd\x06X\xff\x03\xde\x85\x87\x0fT\x84M\t\x84\x85\x97\xdf\xbb\xff`\x97\x06!+^\xee\x9c\x9f\x9b\x19\x18\x12\xe6\x1f\xfbH+\x8al.\x13\xfa\xe3\xfa\xff\xf6\xee\xfald\x83\x86\xd8\xf9\x19\xbc\x0e=\x00P\x1dJ\xa9B\xa9\xc0\xf3\x8b\x16\xfco\xce\xfb\x0bbF\xbd\x15\x15\xfbB\xde\x9d4\x8e\xe3\x89\xef\x8e\x98\xa3\xf9\x0f\xea\x83\x00\x00\x95b\xc3A\x87\x13\x13\xc6\x8d\x1b\'Fv\xef1qvAN\xa6"\xcb\x9c\xaf\x15MJ)\xa1\x8a,\xb9B+T\xfb\xe2\xbdi\xd1!y\x18\xfd\x07\x95@\x00\x80z\xb1\x0c\xc8\xce\xce\x1e=|H\xd2Me\xf8\x9c\x95\x84R\x87\xcd\xa2\xf6)\x01J)\xa5\x94P\x8e\x10^\xd4\xe9tzQo\x14\r\xa6\xb4+\xe7VN\x7f\xfaDRbD\xfd\xfah\xfe\x83\x1a \x00@\xd5\xdc-\xe5\xd7^\xf9\xcb\xe2\r\xdf\x0e\x9c\xb3.\xbcJ-KN&amp;/\xea\xbc}i\xbf\xc3\x9a\xf9\x94\x12\x8e\xe7DQ\xaf3\x98\x04\x9dNQh\xde\x9d\xf4\xac[W\xaf\x9fK\xca\xbbu\xf9\xe6\xe9\xbd\xfd\xba\xb4_\xb2t\x19\x9a\xff\xa0\x12\x08\x00P;\xf7\x94\xc0\xdaU+^~\xed\x1f1qs\x9b&gt;\xdb7/\xeb6\xe1\x88WW\x88\xd2\xc2\x86&gt;\xe1\x05Ag0\xea\xf4F\x8e\x17\x9cv[n\xd6\xed\x1b\xa9\xa7\xd3/\x9f\xcb\xbarR\xb4eV\xaf\x10\x12Y\xabz\xdb6\xad\x1b7\x89n\xd0(\x8a\xe38\xb4\xfdA%\x10\x00\xe0\x1b\xdcGK\x8e\x1d;\x8e\xaf\xd3\xb1\xdb\x84\xd9vk\x81\xe4t\xf2\x1elJSJY\xd9\xe78N\xd4\xe9D\xbdA\xd4\x1b)%\xd6\x82\xdc\xb4+\x17n_9\x9b\x96r\xcc\x91\xf5\xab\x91\xda\xeaV\xab\x10\xd502&amp;&amp;\xa6E\xab\xd6\xe5+V\xf6\xd8\x15\x02&lt;\x12\x04\x00\xf8\x0c6%\x90\x9f\x9f?1n\xe4\x8f\xe7s\x87\xfes\x99\xce`\xb6\x17\xe4\x94\xeap\x10\xa5\x94\xedO\xc7s\xbc\xa87\xe8\x0c&amp;A\x14]Ngv\xc6\xcd\xcc\x1b\x97\xaf\x9f9\x9c{\xfb\x92t\xe7Z\xc5`]t\xa3\x88F\r\xea\xc7\xb4i[\xbbN\xbd\xa0\xe0\x10\xf7oP(Ud\x99+\xa2\xf4\xae\x16\xe0\x91 \x00\xc0\x97\xb8G\xcf\xe7\xfe\xdf\x9bo/X\xd9\xff\x1f\xab\xaa\xd4\x8d*\xb8\x93\xc1\x8b%7-|wh\x87r\xdc\xdd)\\\x9d\xc1D\tg\xb7\x16d\xdd\xfa\xf5Vjr\xda\xe5\xe4\xbckg\xcc\xd4R\xad|H\xb3&amp;\r\xdb\xc4\xb4n\xd8(\xaaV\xdd\x88\xdf_\xa7B\xa9\xc2F{P\xf1A\xb5\x10\x00\xe0cXu\xe6y\xfe\xebm[\xc6\x8c\x9f\xd2b\xe4\x9c\x16]\x86\xe6g\xa7\x13\xf2\xf8S\x02\x85S\xb8\x94\xe7\x05Q\xa7\x17\rFQ\xa7\x97e9\xefNF\xe6\xcd_o\x9c?\x96~\xf1(g\xcd\x0c\xe4\xed\r\xea&lt;\xd5\xb0~d\xbb\xf6\xed\x9bF7/\xda\xcc\'\x84H\x92D\x08a\x15\x1fE\x1f|\x02\x02\x00|\xd2\xef\x8e\x96\xac\xfd\\\xf7\x17\xff\xe5\xb4[\\\x0e;/\xe8\x1en\x0b\xb9\xc2f&gt;!&lt;/\x88l\nW\x10\xec\x96\x82;i7\xd2\x7f=\x7f\xe3\xfc\x91\xfc\xdb\x97ykZ\x9d\xaa\xe5\xa3\xea\xd7m\xda$\xaaU\xeb\x98\xea5j\xea\xf4\x06\xf7\xafP\x14\x85\xed\xe5\x89y]\xf0Q\x08\x00\xf0U\x85S\x02\x05\x93\'\x8c\xf919\xad\xcf\xdf\x16\x07\x95-o\xc9\xcd\x12\xfedJ\xc0\xdd\xcc\xe78\xbep\n\xd7\xa4(\xb25?/\xfdj\xca\xed+g\xd3SOXo\xa5\x945\xd1j\x15\xca\xc6\xb4l\xd6\xacY\xf3\xa6\xd1\xcd\xcbW\xfa\xdd\x14\xae,\xcbl\x12\x18c;\xe0\x07\x10\x00\xe0\xc3\xdc\xdb\xe9\xcc\xff\xcf\xbbs&gt;\\\xd2\xe5/\xf3\xebDw\xc8\xcd\xb8\xe9\xce\x00J\x15B)\xa5D\x10\x04\xb6hG\x10u.\xa7#;\xe3f\xe6\xf5\xcb\xd7\xcf%e]&gt;\xa9\x93\xf2\xc3L\xa4i\xa3\x88F\r\xea\xb7i\xdb\xae~\xc3\xc6z\x83\xf1\xb7\xbf\x02S\xb8\xe0\xbf\x10\x00\xe0\xdb\xdc\xfbH\xff\xf4\xc3\xf7CF\x8c\x8e\xec\xf5R\xec\x80\xc9\xf9Y\xb7)\xa5\xbc\xa8\xd3\x1b\x8c\xa2\xce@8\xde\x92\x9b\x9d\x95v\xedf\xca\xc9\xb4\xd4\x13\x96\xb4\xcbl\n7:\xaaA\x87\xd8\xd8\xa6\xd1\xcd*U\xad^\xf4wb\n\x174\x02\x01\x00\xfe@\x96$\xe1wGK\xbe\xc7\xf1B~v\xe6\xadKg\xd3\x7f=\x97\x9ez\\\xce\xbeV\xa5\xac\xb9F\x95\xf06\xad[5j\x1c\xd54\xbaYPph\xd1\xdf\x80)\\\xd0 \x04\x00\xf8\t\xb6BT\x96\xe5\xb8\xe1\x83w\'\xa7\x07\x04\x05\xf3\xb6\xcc\xea\xe1e\x9aE5l\xda\xa4q\xeb\x98\xb6\xc5Vj\xba\xa7p\xd1\xcc\x07\xcdB\x00\x80\xffpO\t|\xbdmK@\x809\xaaIt\xb9\xf0\nE\x7f\x00S\xb8\x00E!\x00\xc0\xaf\xb0\xe7\xd9]\xdc\x15\x85*\x8a\x8c\x95\x9a\x00\xf7\x84\x00\x00?$\xcb2)\x1c\xd0\xf7\xf6\xb5\x00\xa8\x17\x02\x00\x00@\xa3\xd0)\x06\x00\xd0(\x04\x00\x00\x80F!\x00\x00\x004\n\x01\x00\x00\xa0Q\x08\x00\x00\x00\x8dB\x00\x00\x00h\x14\x02\x00\x00@\xa3J\xee =\xf0/\xee]6\xbd}!\xf0\xf8\xd8~G\x84\x10A\x10\xf0N\x1c\xfc\x11^\x04\x83{`\x1b\xe6\x14\xfd?\xc0\x87\xb0\xf0.\xb6\xfb\x85,\xcb\xd8\x0f\x03\x8a\xc1\xd3\x00\xc5\xb1J\x91\x9e\x9e&gt;\xe7\x9f\xff\xe28\x8e\x1d\x9d\xe8\xed\x8b\x82\x87B)\x95$\x89\xe38A\x10x\x9e?~2\xf9/\xaf\xcc|\xfb\xdd\x0f\xaf\xdf\xb8\xc5\xfe\x17J)\xdb\x11\xcf\xdbW\n\xaa\x80\x1e\x00\xfc\x0e\xdbT\xf9N\xd6\x9d\xce];_N?\xdf\xb3\xc3\x80\x95kV\xc8\xb2\x8c}uT\x8em\x7f\xc4\x86\xec\x1c\x0e\xc7\x17[\xbe\xda\xb0vuz\xea\xd1N\x8d\xca\xe6\x148\x0e]\x93#\x9a\xc5\xce\x98&gt;\xa3M\xabf\xee\x9fG\x87\x00\x10\x00\xf0\x1bV\xfd\xb3\xb3\xb3\xdb\xb6n_\xb3c\xd9Q\x7f\xeb\xff\xcfa\x1f\xb4\xa8\xdea\xc3\xa6u\xc8\x00u\xba;U\xc3\xf3\x84\xe3\x08!\x17/]Y\xbdv\xfd\xb7[\xbf\xa8n\xb83\xe4\x99z/\xb4\x8d4\x87\x06\x12\x85\xa6\xdd\xcaZ\xf3\xdd\xc9m\x87o\xe9\xcbG\xf4\x190d\xf8\x90\x01eCC\x08!\x8a\xa2PJqg5\x0b\x01\x00w\xb9\xab\x7f\xbb\x98\xf65\x9f-7\xf4\xe5\xde\xd9\xe99eB\x03\xdf\x1e\xbf\xb0y\xb5Xd\x80\xda\xb0\xda\xed\x9e\xa5\xff\xf2\xabo\xd7\xae]{5y\x7f\x9bZ\xe6Q\x9d\x1b\xb5h\\\x83Pj\xb78\\\x92L\x081\xeaE]\xa0Q\xb6\xd8w\x1eNY\xbb\xfb\xdc\x85l}\x87\xae\xfdG\x8f\x1c\xde4\xaa!\xfb\xe3\x92$a\xa2X\x83\x10\x00@H\xf1\xea_v\xd8_\xfbd\xde\xba\xc3\x0b&lt;\xc7qA\xc1\x01\xc8\x00\xf5`M~\xf7]\xb8~\xe3\xd6\x86M\xf1_m\xde(\xe4]\x1a\xf3\\\x9d&gt;\xb1\rB\xc2\x83\x89\xddY`u\x12B\x04\x9e+\xfcSDQ\x14^\xe0\xcd\x01F"\n\x97.\xdd\xfe\xec\xdbc\xdf\x9f\xba\x13^;z\xfc\x84I\xbdzt\x15E\x81\xb0q!Bx,\xfd\xd2\x0c\x04\x00\xdc\xbb\xfa\x0b\xa2@\nW\x01!\x03\xd4\xa0X\x93?\xe1\xd0\xd1\x05\x0b&gt;:\x7f\xec\x97f\x95\xb9\x91\x9d\x1at\x88\xaeM\xf4\xa2\xa3\xc0\xe6t\xc9&lt;\xcf\xf1\x7fr\x83\x14\x85*\x94\x9a\x8d:!\xc0h\xcb\xb5l\xff\xe5\xec\xf2\xdd\x17\xb2Hx\xd7\x9e\x03F\x8f\x1cV\xa7V\r\xf2\x87\x8c\x01?\x86\x00\xd0\xba\xfbT\x7f\x06\x19\xe0]\xc5\xd6t\xde\xc9\xceY\xb7q\xf3\xd6\xcd\x1b\x9d\xe9\xe7{\xb7\xac4\xb2KT\x85J\xe5\x88S\xb2Z\xed\n%\xfc\x9f\x15\xfe\xe2\xbf\x93\xc8\x8a\xa2\x13\x05c\x80\x81P\x9at\xfa\xea\x9a\xefO\x1f\xb8d\xad\xd9\xa4\xc3\x84\xf1\x13\x9e\xef\xd8\x81\xfd\x98$I&lt;\xcfc\xa2\xd8\x8f!\x004\xed\x81\xd5\x9fA\x06x\x05[\xb2)\x8aw\xdf\xd6&lt;~2y\xd5\x9au{w\xc6\xd7\x0bu\x8e\xe8\x14\xd9\xb5e]!\xc0\xe8*\xb0\xdb\x9d\xd2}\x9a\xfc\xf7\'+\x94#$\xc0l F]NF\xee\xea\xef\x8eo=x]*S\xa3\xdf\xe0\x11\xa3F\x0c-\x1b\x12L0Q\xec\xd7\x10\x00\xda\xf5\x90\xd5\x9fA\x06x\xd2=\xd6t\xae[\x9d\x91z\xec\xf9\xc6e\xc7w\x8f\xaeU\xab"\x91d\xab\xc5\xae\xc8l\xa0\xe6I\xff:\x85RE\xa1zQ0\x941\x11\x87k\xef\xf1\xcb\x8b\xb6\x9fH\xc9\xd67\xef\xd0ul\xdc\x98\xd6-\xa2\xddW\x85;\xeeg\x10\x00\x1a\xf5H\xd5\x9fA\x06\x94\xb6\x07\xaf\xe9\x0c\t\x90-v\xab\xdd\xc5s\x1c\xcf\x97\xf0\xc7N\t\x91eE\xe09\xb3\xd9@\xf4\xe2\xe5\xcbi\x1b\x7f8\xf5\xdd\xa9;\x01U\x1a\x0f\x196j@\xbf\x9e&amp;\xa3\x91\xfc&gt;\x9c\xc0\xd7!\x00\xb4\xe81\xaa?\x83\x0c(%\x0f\xbf\xa6S(\x89&amp;\xff\x03.\x86RE\xa1f\xa3N0\x1be\xab}\xf3\xcf\xc9\x1b\x7f\xbap\xc3\x11\xd2\xbe\xd3\x0bS&amp;Md\x13\xc5\x84R\x19\x13\xc5\xbe\x0f\x01\xa09\x8f]\xfd\x19d@\tz\xbc5\x9d\x9e\xba6"+\x8a\xc0\xf3\xe6 \x13\xe1\xc8\xb9\x94\x9b\x8b\xb6\x1f;p\xd1\xf2T\xe3v\xc3\x87\x8f\xe8\xdb\xab;\xfb1\xbcQ\xec\xd3\x10\x00\xda\xf2\x84\xd5\x9fA\x06&lt;\xb9\x12Y\xd3\xe9\x19\xb2B\t!f\xa3\x8e7\x1br2r\xb7\xee;\xb3\xf2\x87\x8br\x99Z\xbd\x06\x0c\x19:\xb0\x7f\xd5*\x95\x08V\x8e\xfa,\x04\x80\x86\x94H\xf5g\x90\x01\x8f\xa74\xd6tz\x06\xa5TV\xa8^\'\x18\x02M\xc4)\xed=\x96\xbaf\xf7\x99\xa37iDt\xfb\xe9\xd8b\xc8g!\x00\xb4\xa2\x04\xab?\x83\x0cx$\x1eX\xd3\xe9\x01\x94\x10E\xa1&lt;G\xccf#\xd1\x8bE\xb6\x18\x8a\xec;p\xf0\xd8\xd1#\xcc&amp;#\xc1\xcaQ\xdf\x81\x00\xd0\x84\x12\xaf\xfe\x0c2\xe0axxM\xa7g\xb0\x89b\xb6\xc5\x90d\xb1\x7f\x9ftq\xd9\x8e\xe4\xab\x8e\x90v\x1d{\x8c\x1a1,\xbaI#\xf6c\xd8bH\xe5\x10\x00\xfe\xaf\x94\xaa?\x83\x0c\xb8?\xf7\x89:\x1e^\xd3\xe9\x19w\xb7\x18\xe2ys\xa0\x91\xf0\xdc\xd9\x0b7\xd6\xec&gt;\xfd\xdb\x16C/t\x15\xb1ZT\xdd\x10\x00~\xaeT\xab?\x83\x0c\xf83\xec\x93\xd9\xbbw\xef\xfc\x8f\x17]M&gt;\xe0\x955\x9d\x9eQt\xa2\x98m1\xb4b\xf7\x85L\x1a\xd6w\xe0\xd0\x97\xa6O5\x99\xcd\x84\x10&lt;\x0f*\x84\x00\xf0g\x1e\xa8\xfe\x0c2\xe0\x8f\xd87+33+\xb2^\xdd\xd9\xfd\xeb\x8c\xed\xd92\xa8l\x90\xb7\xd6tz\x06\x9b(\xbe\xbb\xc5\x90\xa2\x1c\xbb\x94\x167\xe7\x8bN#\xff\xfe\x9fyo\xb3G\xd1\xdb\x17\x08\xc5a\xb2\xdeoy\xac\xfa\x13B\xd8\xc9\x91\xf9\xb9\x96Y\x9fM=rm\xdf\xd0\x81\xc3\x05A`3\x81\xa5\xf1\xd7\xf9\x04\xb6\x1ef\xd5\xfa\xcf\xeb\x96\xa3\x7f\x99\xd4M\xe4\xf9\xfc\xac|\x8b\xcd)\xf0\x9c_V\x7fB\x08\xc7q\xa2\xc0SJ\x0b\xf2lyy\xf6\xe8\x06\xd5V\xbc\xd1\x7f\xe5\xb2\xa5\xf9\xf9\x05\xec4Jo_ \x14\x87\x00\xf0O\x9e\xac\xfe\x0c2\xa0\x18A\x10$IZ\xb8\xe0\xa3\xbf\rj%\xe7Z$\x99\x8a~3\xe2\xf3 \x02\xcf\xe9D\xbe #/*\xb2j\xb5\x00\xfb\x86M\xf1\x1c\xc7\xb1\xc9pP\x15\x04\x80\x1f\xf2|\xf5g\x90\x01n\xac\xf9\xbf\xeb\x87\x1fI\xee\xb5\x1e\xb1\xf5]V\x87(h\xa2\xf4\x17E\t\x11t\xfc\xd8\xce\r\x16/^B\x15\x05/\x07\xa8\x10n\x89\xbf\xf1V\xf5g\x90\x01E-X\xb8xPlMc\x90\xc9%+\xde\xbe\x16/\x10\x05\xde\x9ek\x8d\xeb\xd9\xf2\xd6\x85\xa4}\t\x89\xe8\x04\xa8\x10\x02\xc0\xafx\xb7\xfa3\xc8\x00\xb6\xc7\xc3\xcd[\xb7\x0f\xfe\xfc\xfd\xc4\x9e-\xa4\x02\x9b\xa0\xd5\xc6\xafKV\x02C\x03\xfa\xb5\xa9\xbe`\xe1b-\xaf\x08P-\x8d&gt;\x97~I\r\xd5\x9f\xd1x\x06(\x8aB\x08\xf9\xcf\xff\x16\xb4\xabc\xae]\xbb\x82\xdd\xee\xd2l\xe9\xe3y^\xb6:^\xec\xd9\xe2\xc7]\xdf\xa4\xa5\xa5c*Xm\x10\x00~B=\xd5\x9f\xd1l\x06\xb0-\x10l6\xdb\xe7\x1b\xd6\xbf\xd4\xbf%\x95d\xa2\xd9\xf2O\x08\xcf\x11\x9b\xd5\x11\xd5\xb8z\xd3\x8at\xc1\xe2\xa5\x18\x05R\x1b\x04\x80?P[\xf5g\xb4\x99\x01\xac\xf9\xbf\xed\x9b\x9d\x81\xae\xb4gZ\xd6\xb5\x15\xd8\xfdu\xd1\xe7\xc3\xe28*\xc9S\xfb\xb4\xd8\xb0n-\xde\x06P\x1b\x04\x80\xcfSg\xf5g4\x98\x01\x1c\xc7q\x1c\xf7\xf1\xc2E\xa3;E\x8aF\x1d{EV\xcb\x04\x9es\x14\xd8\xbb\xb5\x8b\x94\xef\\\xd9\xb1k7!\xe8\x04\xa8\x08\x02\xc0\xb7\xa9\xb9\xfa3\x9a\xca\x00\xb61\xce\xc9\xd3\xc9\x17\x8e\'\x8c\xee\xd6\xccU`\xd7\xec\xf4oQ.Y1\x06\x1a\'v\xab\xff\xce\xbc\xf75&lt;\x1e\xa6Fx:}\x98\xfa\xab?\xa3\x9d\x0c`\xe3?\xff\xfd\xe8\x93.\x8dC\xab\xd4\x08\xb7;\xb4;\xfd[\x94\xc0\xf3\xae\x02\xfb\xe8n\xcdRN&amp;\x9eO\xb9\xc8\xee\xbe\xb7/\n\x08A\x00\xf8._\xa9\xfe\x8c\x162\x80\xad\xfe\xcc\xcf/\xf8\xf6\xab-S\xfb\xb4\x92-v\x8d\xbc\xf7\xfb@\x1cG\xec\x0eW\x95\xeaa\xed\xea\x04.\\\xfc\x19)\xdc(\t\xbc\x0e\x01\xe0\x93|\xab\xfa3~\x9f\x01\xec\xed\xdf\r\x9b\xe2+\x1b\nZ5\xad\xe1\xb0:}t\x93\xe7\xd2\xc0s\x9cls\xbe&gt;\xac\xdd\x865+\xb05\x90z \x00|\x8f/V\x7f\xc6\xbf3\x80\xe7y\xaa(\x8b\x17/\x19\xdb\xa5!/\xf2\xb2_\xfc\xa3J\n\xcfs\x0e\xab\xa3e\x93\x1aU\xcd6l\r\xa4\x1e\x08\x00\x1f\xe3\xbb\xd5\x9f\xf1\xd7\x0c`\xcd\xff}\t\x89\xb7.$\xc5\xf5li\xcf\xb5\x8a\x02\xbe\\\xbf#S\xca\x8b\xd8\x1aH]p\x0f|\x89\xafW\x7f\xc6_3\x80\xe3\xb8\x8f&gt;^\xdc\xafM\xf5\xc0\xd0\x00mn\xfes\x7f\xd8\x1aH\x85\x10\x00&gt;\xc3?\xaa?\xe3g\x19\xc0\xde\xfeM\xcf\xc8\xdc\xbb\xfb\xdb\x17{\xb6\x90\xad\x0e4o\xef\t[\x03\xa9\r\x1eS\xdf\xe0O\xd5\x9f\xf1\xa7\x0c`\xe3?\xab\xd7\x7f^\xab\x8c3\xaaa5\x9b\xd5\x81\xd9\xdf{\xc2\xd6@j\x83\x00\xf0\x01\xfeW\xfd\x19\xbf\xc9\x80\xdf\xce~\x19\xdc\x9a*\x8a\x967\xff\xb9?l\r\xa46\x08\x00\xb5\xf3\xd7\xea\xcf\xf8A\x06\x14;\xfb\xc5\x81\xcd\x7f\xee\xafpk\xa0\x8d\xeb\xd7\xca\x12\xb6\x06\xf22\x04\x80\xaa\xf9w\xf5g\xfc \x03\x88\xe6\xcf~yx\x02\xcf\xd9\xf2m\xbd\x9enh\xb0^\xff\xe6\xbb\xef\t!\xe8\x04x\x11\x02@\xbd\xb4P\xfd\x19\xdf\xcd\x00\x9c\xfd\xf2\x18d\x85\nF\xdd\xb0\xa7\xeb\xce{\xef?\x98\n\xf6.&lt;\xac*\xa5\x9d\xea\xcf\xf8h\x06\xe0\xec\x97\xc7\xc0\xb6\x06\x1a\xd3\xbd\xd9\xc5\x93\x89\'O\'ck /B\x00\xa8\x91\xd6\xaa?\xe3s\x19\x80\xb3_\x1e\xcf\xdd\xad\x81j\x84wi\x1c\xfa\xdf\x8f&gt;!\x859\n\x9e\x87\x00P\x1dmV\x7f\xc6\xb72\x00g\xbf&lt;6\x9e\xe3d\x8b}j\xdfV\xdf~\xb5\xc5b\xb1\n\x82\xa0\xce[\xec\xf7\x10\x00\xea\xa2\xe5\xea\xcf\xf8P\x06\xe0\xec\x97\xc7\xc6\xf3\x9c\xc3\xeal\xd5\xa4FU\x93u\xf9\xeau\x1c\xc7\xa1\x13\xe0\x15\x08\x00\x15A\xf5g|"\x03p\xf6\xcb\x13\x92\t\xe1\x05\xfe/}\xa3\x17.\\H\x15\x05\xb3\xc1^\x81GV-P\xfd\x8bR\x7f\x06\xe0\xec\x97\'$\xf2\x9c=\xdf\xd6\xf7\x99F\xf97\xce\xffr\xf0\x10\xcf\xf3X\x0f\xeay\x08\x00U@\xf5\xff#5g\x00\xce~)\x11.I\x0e*\x1b\xd0\xafm\xf5\x0f\xfe\xfb\x91\xb7\xafE\xa3\x10\x00\xde\x87\xea\xffgT\x9b\x018\xfb\xa5D\x08&lt;/\x15\xd8\xff:\xb0\xcd\xcf\xbb\xb6_\xbfq\x93\xe71\x15\xeci\x08\x00/C\xf5\xbf?uf\x00\xce~)\x11\x1cG\xecvW\xcdZ\x15ZT7~\xbal%\xc7\xe1\xad`OC\x00x\x13\xaa\xff\xc3P[\x06\xe0\xec\x97\x92\xc4qT\x96\xa7\xf6i\xbev\xd5*\x9b\xcd\x86\xf5\xa0\x1e\x86\x07\xd7kP\xfd\x1f\x9e\xda2\x00g\xbf\x94\x14\x81\xe7ly\xb6\xde\xcf4\xd4\x15\\\xdd\xf6\xcdN\x82\x97\xc2&lt;\x0b\x01\xe0\x1d\xa8\xfe\x8fJ%\x19\x80\xb3_J\x9cL)\xa7\x13\xc6t\xae\xff\xf1\xc2E\xec\xd5\no_\x91\x86\xe0\xd9\xf5\x02T\xff\xc7\xa3\x86\x0c\xc0\xd9/%N\xe0y\x97\xc51\xba[\xb3\x0b\xc7\x13N\x9eN\xe6y\x1e\x9d\x00\x8fA\x00x\x1a\xaa\xff\x93\xf0z\x06\xe0\xec\x97\x12\x87\xad\x81\xbc\x08\x01\xe0Q\xa8\xfeO\xce\x8b\x19\x80\xb3_J\t\xb6\x06\xf2\x16\x04\x80\xe7\xa0\xfa\x97\x14\xef\xf6\x03p\xf6K\x89\xc3\xd6@\xde\x82\x00\xf0\x10T\xff\x92\xe5\xf9\x0c\xc0\xd9/\xa5\n[\x03y\x05\x9e`O`\xb5#+3\xab]\xeb\xf65\x9f-\x87\xea_"~\x97\x01\xd7\xf7\r\x190L\x10\x04\xf6?\x96\xc6_\xc7\xda\xa4\xef\xffwA\xbb\xda8\xfb\xa5\xe4\xb9\xb7\x06\xca\xbd~n\xff\xc1\xc3\xd8\x1a\xc83\x10\x00\xa5\x8eRJ)\xbdr\xe5\xd7n\xdd\xbb\xd5\xecXv\xe8\xcb\xbd3oe\xa3\xfa\x97\x08w\x06\xbc\xfe\xe9\x94\x93i\tc\xc7\x8c+((`\x1fx\xc9\xfeEl\xf5gnn^\xfc\xe7\xeb\xff:\xa8\xb5\xe2\xc2\xd9/%\xcf%\xc9A\xa1\x01C;\xd4|\xff\xc3\xffb\x08\xc83\x10\x00\xa5\x8e\xed\x1b\xbc|\xe9\xf2\xe3)\x87G\xbf6 ;=\x87\x17P;J\x0c\xc7s\x92$\xcb\xb2&lt;\xf1\xada+V-O&lt;x\xa84\xd6\x11RJ9\x8eK&gt;{\xce\x9e}+:\xa2\x8adsb\xf7\xb7\x12\xc7q\x9c\xecp\xf5\x89\xad\xbf\xef\xc7\x1f\xf0V\xb0g \x00J\x1d\x1b\x9b~\xf3\xad\xd9\xc3{\xc6\xcd\x1a\xfc~\x99\xd0\xc0\xd2\x1b\xa6\xd0 YR\xcc\x81\xa6\xfcl\xcb\x9c\xa1\xf3\x17-\\\xfc\\\xa7\x8e\x8a\xa2\x08B\tw\xb0X\xa8\xc4\xb4jQ\xaez\xfd\xaf\x7f9\xa3\x0f2b\xff\x9f\x12G)\x15\x0c\xba\xffnJ\x181f\\@@\x00[s\xe5\xed\x8b\xf2s\x08\x00O\xe08\x8e\xe7\xf9\x15\xab\x97\xb7x\xea\xe9\xb7\xc7/\x0c\n\x0e@\x06\x94\x08YVL\x01\x06k\x9eu\xce\xb0\xf9o\xfd}\xee\xa4)/\xca\xb2\\J\xaf\xe6\xb2Q\xa0)S\xa7\xfco\xcb1E\xa6\x18\xc2+Y\x94\x12\xa3A\xbcq-\xeb\x97\x0b\x05S\'\x8d\'\x84\xa0\xfa{\x00\x02\xc0\x13\xd8\xa3,\xcb\xf2\x86M\xeb\x9aW\x8bE\x06\x94\x88\xc2\xeao{s\xc8\xfc\xff{\xed\xdd\x19\x7f\x9d\xeer\xb9J\xbc\xed\xef\xc6\xf3&lt;\xa5t\xec\xa8\xe1\xd7m\xe6C\'\xae\x18\xccz\x05g@\x96\x1cYQt\x81\xa6U;\x8e\xd6m\xd2:\xa2n\x9d\xd2\x0br(\n\x1f\xb1\x87\xb0N\x002\xa0\xa4\xfc\xae\xfa\xcf|w\xc6\xcb\xd3\\.\x97N\xa7+\xbd\xbf\x91\xe38Y\x96\x03\x02\xcc\xdd{\xf5[\xf8\xe5!!\xc0\xa8\xe0\xde\x95\x1c\x9d\xc0\xdb\x0b\xecKv\x9e{c\xe6\xdf\xf0\xb9z\x0c\x02\xc0s\x90\x01%\xc5\xf3\xd5\x9fam\xd2\x97gL\xf9\xeeT\xf6\x8d+\x19F\x83\x0e\xb7\xaeD\xc8\n5\x04\x1a\xbf\xd9w\x96\x0f\xae\xde\xads\'Bh\xe9\xf5\xe4\xa0(\x04\x80G!\x03\x9e\x9c\xb7\xaa?)\x9c\n\x8ej\xd4\xb0^\xd36\xabv\x1c\xd5\x05\x1ae\xacV,\x11\x94r&lt;\xff\xfe\xe7\x89S\xa6O\x17\x04\x01o\x00x\x0c\x02\xc0\xd3\x90\x01O\xc2\x8b\xd5\x9fa/\x19L\x9b:y\xd5\xees\x92\xdd\x85\xbd\x80\x9e\x9cB\x89\xc9l8y\xe6\xda\xa5&lt;\xfd\xa8a\x83\xd9[\x93\xde\xbe(\xad@\x00x\x012\xe0\xf1x\xbd\xfa\x93\xc2Q\xa0\xde=\xba\x16\xe8*\xfct8\xc5\x14h\x941\x15\xfcd\x14E\x11L\xfaE[\x0fw\xe8\xd4\xad|x\x98\x82} &lt;\x08\x01\xe0\x1d\xc8\x80G\xa5\x86\xeaO\x08a\xfb\x94\x99L\xa6\xc1C\x87\xfd/\xfe0\'\n\x04\xb7\xec\tPJ\x0c:!+=wS\xc2\x8d\x7f\xbc\xfew\xf6\xc2\x9d\xb7/JC\x10\x00^\x83\x0cxx*\xa9\xfe\x0c\xeb\x04\xbc\xfa\xd2\xf4\xfd\xa9\xd6\xd4\xd44\xa3\x11S\xc1\x8fOV\x14}\x90i\xfd\xae\x135\x1a4o\x1a\xd5\x88\xbdl\xe1\xed\x8b\xd2\x10|\xd6\xde\x84\x0cx\x18\xaa\xaa\xfe\xa4p=h\xe5J\x15cb;-\xdd\x9e$\x06\x990\x15\xfc\xd8\x04\x8e\x93\\\xf2g;NO\x980\x81\xe0(\x18\x8fC\x00x\x192\xe0\xfe\xd4V\xfd\x8b\x9a1}\xca\x86\xbd\x97\xf3\xefXt\xa2\x80\xbb\xf5\x18d\x85\x9a\x82\x8c?\x1d\xbc\x90\xa1\x94\x1b=|\x08\xa6\x7f=\x0f\x01\xe0}\xc8\x80?\xa3\xda\xea\xcf\xf6w\xea\xd6\xb9\x93\xa9b\xc4\x96=\xa7\x0c\x81F\xbc\x15\xfc8(\xe5D\xe1\x7f[\x0e\x0f\x19&gt;\xdch4`\xfa\xd7\xf3\x10\x00\xaa\x80\x0c\xf8#\xd5V\x7f\x86\rV\x8c\x9f0~\xf1\xf6c\x1c\xcfc*\xf8QQJ\x8cF]jj\xda\xfeT\xeb\xab/M\'\x85\x93+\xe0I\xf8\xc4\xd5\x02\x19P\x94\xca\xab?!\x84mV&lt;z\xd8\xe0Ky\x86\xc3\xc7/\x9b\x02\x0c\xd8\x19\xe2\x91\xc8\x8a"\x06\x99\x96nO\x8a\x89\xedT\xb9RE\xec\xfd\xe9\x15\x08\x00\x15A\x060\xea\xaf\xfe\xa4p*8&lt;&lt;\xac{\xdfA\xf37\x1f\x14L\x06\x8c\x02=\x12\x9d\xc0\xe7\xdf\xb1l\xdcwy\xc6\xf4)\xde\xbe\x16\xedB\x00\xa8\x0b2\xc0\'\xaa?\xc3\xf6\x07\x9d1\xe5\xc5\xefOff\xdd\xce1\xe8\x04\xcd\xdc\xa5\'%)\xd4X\xc6\xfc\xe5\x8f\xa7\xf4\xe5\xebu\xeb\xdc\xa94\x8ep\x80\x87\x81\x00P\x1d-g\x80\x0fU\x7fR\x18\x00\xd1M\x1aW\x8dh\xb6\xfe\xfb\x13z\xac\x07}h\x02!\x8a\xac\xcc\xff\xf2\xd8\xf4iS\t!Zx\xb6\xd5\t\x01\xa0F\xda\xcc\x00\xdf\xaa\xfe\x0c\x9b\n\x9e8q\xc2g;N\xc9.Y\xc0(\xf6CP\x14j0\xeb\x0f\x9d\xb8r\xddf\x1e;j8^\xfe\xf2"|\xee*\xa5\xb5\x0c\xf0\xc5\xeaO\xdcS\xc1\xc3\x87d\xd0\xb0=\x07/\x18\xb15\xd0CP(\x15\x02\x8c\x0b\xbf&lt;\xd4\xbdW\xbf\x80\x003\xa6\x7f\xbd\x08\x01\xa0^\xda\xc9\x00\x1f\xad\xfe\xa4p*\xd8h4\x0c\x1a2\xf4\x93mI\xbcA\xe7\x7fw\xa7dQJ\x8c\x06\xdd\x8d+\x19\xdf\x9d\xca~y\xc6\x14\x82\xd5\x9f^\x85\x8f^\xd5\xb4\x90\x01\xbe[\xfd\x19V\xbf&amp;O\x18\xb7\xef|\xfe5\x9c\x12\xf3 \xb2\xa2\xe8\x02\x0c\xabv\x1c\xad\xd7\xb4MT\xa3\x86\x8a\xa2 \x00\xbc\x08\x1f\xbd\xda\xf9w\x06\xf8z\xf5\'\x84\xb0\xbb\x13Q\xafN\x8b\x0e]\x16\xc4\'\xe80\x15|_\x02\xc7Q\x97\xbcr\xd7\xd9iS\'\xb3\xc3\x15\xbc}E\x9a\x86\x00\xf0\x01\xfe\x9a\x01~P\xfd\xdd(%3\xa6M\xda\xf4\xcb\x15{\xbeM\'\xe0kuo\xb2BMA\xa6m?%\xbb\x82\xaa\xf7\xee\xd1\x95`\xfc\xc7\xdb\xf0\xe9\xfb\x06\xff\xcb\x00\x7f\xaa\xfe\x82 \x10B;?\xf7,\x17\xf2\xd4\x8e\xfd\xe7\x0c\x98\n\xfe3\x94r:\xe1\xe3/\x0f\x0f\x1f9\xdad2a\xfa\xd7\xeb\x10\x00&gt;\xc3\x9f2\xc0\x9f\xaa?#\xcb\xb2(\x8a\xc3F\x8cX\xb85\t\xa7\xc4\xdc\xd3\xdd\xa3\x1fO]=~\x9b\x9b&gt;i&lt;\xf6\xfeT\x03\x04\x80/\xf1\x8f\x0c\xf0\xbf\xeaO\n\xd7\x83N\x9f4\xe1\xf8m\xee\xe4\xa9\xab&amp;\xb3\x01}\x80b\x14E\x11\xcc\x86O\xb7\'=\xdb\xb9G\x85\n\xe5\xb1\xf7\xa7\x1a \x00|\x8c\xafg\x80_V\x7fRxTd\x85\n\xe5\x9f\xed\xdc\xe3\xd3\xedI\x82\xd9\x80\xb3M\x8a\xd1\t|A\xb6eK\xc2\xd5\xe9S\'\xf9\xca\xe3\xea\xf7\x10\x00\xbe\xc7w3\xc0_\xab\xbf\x1b\xa5t\xfa\xd4I[\x12\xae\x16d[0\x15\\\x94$+\xc6`\xf3\x8a\xaf\x93*\xd5k\x11\xdb\xa65\xc6\x7fT\x02\xcf\xa8O\xf2\xc5\x0c\xf0\xfb\xea\xcfF\x81b\xdb\xb4\xaeT\xaf\xc5\x8a\xed\x87\x8d\xc1fIF\'\xe0.\x81\xe3d\x97\xfc\xd9\x8e\xd3\x93&amp;M\xe4x\x1e\xdd#\x95@\x00\xf8*\xdf\xca\x00\xbf\xaf\xfe\x8c\xa2(\x1c\xcfO\x9a4q\xf9\xae3\x8a\xa4`k FV\xa81\xd0\xb8\xe7\xe0\x85\x0cZn\xd4\xb0\xc1h\xfe\xab\x07\x02\xc0\x87\xf9J\x06h\xa4\xfa\x93\xc2N\xc0\xd0\x81\xfd\xaf[M\x87O\\1\x98qH\x00!\x84PJy\x83\xee\x93mI\x83\x86\x0c5\x1a\x8dX\xfd\xa9\x1e\x08\x00\xdf\xa6\xfe\x0c\xd0N\xf5\'\x85S\xc1AA\x81CG\xc6\xcd]\xbf_0\xe9qL\x18\xdb\xfc\xe7\xda\x95\x8c}\xe7\xf3\'O\x18G\xf0\xf2\x97\x9a\xe0N\xf8&lt;5g\x80\xa6\xaa?\xc3\xda\xb6S\'\x8d\xdf\x9fRp\xe3*\xb6\x06"\xb2\xa2\xe8\x82L\x0b\xe2\x13Zt\xe8\x12Q\xaf\x8e,\xcb\x08\x00\xf5\xc0\x9d\xf0\x07\xea\xcc\x00\rV\x7fB\x08\xcf\xf3\x8a\xa2D\xd4\xad\x13\x11\xddf\xd5\x8ec\xba\x00\x83\xc6\xb7\x06\xd2\t\xbc=\xdf\xb6\xe9\x97+3\xa6M\xd2x\x16\xaa\x10\x02\xc0O\xa8-\x03\xb4Y\xfd\x19\xb6\xc5\xd9\xb4\xa9\x93W\xee:K\xb5}J\x8c\xacPC\x80\xf1\x9b}gIp\xb5\xce\xcf=K\x08\xa6\x7f\xd5\x05\x01\xe0?\xd4\x93\x01Z\xae\xfe\xe4\xee\x187\xed\xdd\xa3\xab+\xb0\xfa\xb6\x9f\x92MeL\xda\xdd\x1a\x88RN\x14\xde\xfb\xfc\xe0\xd4\xe93DQ\x94e\xd9\xdb\x17\x04\xbf\x83\x00\xf0+j\xc8\x00\x8dW\x7fRxJ\x8c\xc9d\x1a1z\xf4\xc2\xadG8A\xa3[\x03)\x94\x9a\x02\x0c\x87\x8f_\xbe\x92o\xc2\xeaOuB\x00\xf8\x1b\xeff\x00\xaa?#\x08\x02\xa5\xe4\xc5qc\x92\xae\xda/_J3\x1a\xb58\x15\xac(T0\x19\xe6o&gt;\xd8\xbd\xef\xc0\xf2\xe1aX\xfd\xa9B\x08\x00?\xe4\xad\x0c@\xf5w\xe38NQ\xe4\xaaU*?\xdd\xb9\xe7\xff6\x1f\x14\x03MN\x97\xac\xa9\x0c\x90e*\n|NF\xde\xae\x93\x993\xa6\xbc\x88\x93\xdf\xd5\t\xb7\xc4?y&gt;\x03P\xfd\xef\xe9\x95\x97g\xac\xde}\xde\x96c\t\xa9\x10\xac\xd7\t\x92\xac\xf8\xf7\x9b\x01\x94\x10IV(%\x81\x81FS\xd5r\x9f\xc4\xef\xaf\x16\x11\x1d\xdd\xa41\x02@\x9dT\xb1Z\x1cJ\t\xa5TQ\x14A\x10\x86\x0e\x1c~\xe4\xda\xbeY\x9fM\xcd\xcf\xb5PJK\xbc\'\x8e\xea\x7fOl\xc7\x9ba\xc3G\xa4$\xfd0\xa8]\xb5\xc1\x1d\x1b\xd7\xa8U\x81\xd8\x9dV\xabC\xa1\x84\xe7\xfdj@D\xa1TQ\xa8^\x14\x0ce\xcc\xc4\xee\xfc\xe6\xe0\xb95?\x9c?zMZ\xbar]\x87\xd8\xf6\xec9\xf4\xf65Bq\x08\x00?\xe7\x81\x0c@\xf5\xbf\x0f\xf6Q\'&amp;\x1d[\xb6|\xc5\xc1=_\xb7\xae.\x8c\xec\xd4\xa0Ctm\xa2\x17\x1d\x056\xa7K\x16x\xce\xd7G\xc6\xd9\x1a\xa7@\xb3\x9e\x18\xf59\x19\xb9k\xbe;\xf1\xe5\xc1\xab\\X\x83\xbe\x03\x06\x8f\x1c&gt;8\xb8LPi\xb49\xa0D \x00\xfc_\xa9f\x00\xaa\xff\x03\xb9?\xea\x1b7o\xad\xff&lt;\xfe\xab\xf8\x8dB\xde\xa51\xcf\xd5\xe9\x13\xdb $&lt;X\xb1:\xacv\x17!D\xe0}\xacDRJdE\x11x\xde\x1cd$&lt;\x97t\xf2\xca\x9a]\xa7\x0f\\\xb2\xd6l\xd2a\xc2\xf8\t\xcfw\xecP\xf8c\xa8\xfe\xea\x85\x00\xd0\x84R\xca\x00T\xff\x87\xa4(\x8a\xa2(\xa2(\xb2\xff\xfc\xf2\xabo\xd7\xad[\xfb\xeb\xa9\xfdm\xeb\x04L\xee\x19\x1dY\xb72Q\xa8\xb5\xc0\xae(\n\xef\x0b\x03Cl\xb4\xc7l\xd0\t\x01F\xc5f\x8f\xdf{v\xfd\x9es\xd7\x1ce\xbb\xf7\x194j\xc4\xb0:\xb5j\x90\xc2G\x8e\xe7yT\x7f5C\x00hE\x89g\x00\xaa\xff\xa3\xba{\x0bx\x9ep\x1c!\xe4\xe2\xa5+\x9f,^\xf2\xcb\xeeo\xaa\x1bs\xc6uk\xf8|\x8b:b\x80\xd1U`\xb7;%\x9e\xe7T\x98\x03\x94\x10E\xa1&lt;G\xccf\x031\xea\xaf\\N\xdb\xf0\xfd\x89o\x8ee\xe8\xc2#\xc6\x8e\x7fqP\xff^\x06\x83\x81\x10"\xcb2G\x08\x8f\x11\x7f_\x80\x00\xd0\x90\x12\xcc\x00T\xff\'\xc1^\x88e\x93\xa2V\x9b}\xf9\xaa\xb5_n\xfa\xdc\x99~\xaew\xcbJ#\xbbDU\xa8T\x8e8\\\x05V\x07!j\x99(\xa6\x94\xca\n\xd5\x89\x821\xc8D\x9c\xd2\xdec\xa9kv\x9fI\xbc*\xb7\xe9\xd8s\xcc\x98\xd1mZ5c?&amp;I\x92 \x08h\xf2\xfb\x10\x04\x80\xb6\x94H\x06\xa0\xfa\x97\x08\xf7\xbd`\xff\x99p\xe8\xe8\x82\x05\x1f\x9d?\xf6K\xb3\xca\\\\\xd7\xa8\xb6\xd15\t\xc79\n\xecN\xc9\x9b\x13\xc5l\x</t>
        </is>
      </c>
    </row>
    <row r="501">
      <c r="A501" s="1" t="n">
        <v>499</v>
      </c>
      <c r="B501" t="inlineStr">
        <is>
          <t>circle_size_number</t>
        </is>
      </c>
      <c r="C501" t="inlineStr">
        <is>
          <t>What is the missing number of the part denoted with a question mark?</t>
        </is>
      </c>
      <c r="D501" t="inlineStr">
        <is>
          <t>[4, 3, 2, 1]</t>
        </is>
      </c>
      <c r="E501" t="inlineStr">
        <is>
          <t>3</t>
        </is>
      </c>
      <c r="F501" t="inlineStr">
        <is>
          <t>There are 6 numbered circles with varying sizes arranged in a ring with number [2, 2, 3, 6, 6, '?'] in a clockwise order.</t>
        </is>
      </c>
      <c r="G501" t="inlineStr">
        <is>
          <t>We observe that the size of the circle is related to the number in the circle. The circle with the largest value 6 seems to be the biggest and the circle with the smallest value 2 seems to be the smallest. Thus, the pattern is that the larger the number the larger the circle.</t>
        </is>
      </c>
      <c r="H501" t="inlineStr">
        <is>
          <t>Based on the pattern that the larger the number the larger the circle, the missing number of the circle denoted with a question mark should be 3.</t>
        </is>
      </c>
      <c r="I501" t="inlineStr">
        <is>
          <t>b'\x89PNG\r\n\x1a\n\x00\x00\x00\rIHDR\x00\x00\x02\x00\x00\x00\x02\x00\x08\x02\x00\x00\x00{\x1aC\xad\x00\x00\xa4\xd3IDATx\x9c\xec\xbdg\\TW\xd7\xff\xbd\xcf4f\x98\x81\x99\xa1\x8a\x8a\x15\xe9R\x04\x15A0\xf6\x1aAl1J\xac\xb1\x97\x18M\xd4hbK.{\x8c1\xb1$\xb1\x04{\x07\xb1\x10[,X\x10\x11P\x10\xac\xd8)\x03\xcc0\xb4)\xe7\x9cy^\xac\xbf\xf3p\xabIPa\xe6\x1cf\x7f_\xdc\x1f\xef\\0\xec9g\xef\xf5[{\xad\xb5\xd7&amp;\x0c\x06\x03\xc2`0\x18\x8c\xe5\xc11\xf7\x000\x18\x0c\x06c\x1e\xb0\x00`0\x18\x8c\x85\x82\x05\x00\x83\xc1`,\x14,\x00\x18\x0c\x06c\xa1`\x01\xc0`0\x18\x0b\x05\x0b\x00\x06\x83\xc1X(X\x000\x18\x0c\xc6B\xc1\x02\x80\xc1`0\x16\n\x16\x00\x0c\x06\x83\xb1P\xb0\x00`0\x18\x8c\x85\x82\x05\x00\x83\xc1`,\x14,\x00\x18\x0c\x06c\xa1`\x01\xc0`0\x18\x0b\x05\x0b\x00\x06\x83\xc1X(X\x000\x18\x0c\xc6B\xc1\x02\x80\xc1`0\x16\n\x16\x00\x0c\x06\x83\xb1P\xb0\x00`0\x18\x8c\x85\x82\x05\x00\x83\xc1`,\x14,\x00\x18\x0c\x06c\xa1`\x01\xc0`0\x18\x0b\x05\x0b\x00\x06\x83\xc1X(X\x000\x18\x0c\xc6B\xc1\x02\x80\xc1`0\x16\n\x16\x00\x0c\x06\x83\xb1P\xb0\x00`0\x18\x8c\x85\x82\x05\x00\x83\xc1`,\x14,\x00\x18\x0c\x06c\xa1`\x01\xc0`0\x18\x0b\x05\x0b\x00\x06\x83\xc1X(X\x000\x18\x0c\xc6B\xc1\x02\x80\xc1`0\x16\n\x16\x00\x0c\x06\x83\xb1P\xb0\x00`0\x18\x8c\x85\x82\x05\x00\x83\xc1`,\x14,\x00\x18\x0c\x06c\xa1`\x01\xc0`0\x18\x0b\x05\x0b\x00\x06\x83\xc1X(X\x000\x18\x0c\xc6B\xc1\x02\x80\xc1`0\x16\n\x16\x00\x0c\x06\x83\xb1P\xb0\x00`0\x18\x8c\x85\x82\x05\x00\x83\xc1`,\x14,\x00\x18\x0c\x06c\xa1`\x01\xc0`0\x18\x0b\x05\x0b\x00\x06\x83\xc1X(X\x000\x18\x0c\xc6B\xc1\x02\x80\xc1`0\x16\n\x16\x00\x0c\x06\x83\xb1P\xb0\x00`0\x18\x8c\x85\xc23\xf7\x000L\xc1`0\xc0\xff\x85\x7f\xbc\tA\x10\x04A\x18\xffm\xba\x91a0\x98\xba\x81\xf8\xa7\xd5\x8e\xa9\xc7\x18\xaa\x81\x10\xe2p8\x1c\xce\xbb\xed\x05i\x9a\x86_\x07%\xe0p8X\x120\x18\xd6\x81\x05\xc0R0\x9a\xec\x7f2\xf7\n\x85\x82 \x08\xb5Z\x9d\x99\x99\xf9\xda\xffD\x10\x04M\xd3\xcd\x9a5k\xd4\xa8\x11M\xd3\xf6\xf6\xf6\\.\xf7\xcdO\xa0(\n&gt;\xbf\xfa^\x01\x83\xc10\x16,\x00\xf5\x19\x83\xc1\x00v\x9f\xc7\xfb?\xb1&gt;\xa5R\x99\x9b\x9b\xfb\xe8\xd1\xa3k\xd7\xae\x15\x15\x15\xe5\xe4\xe4\xe8t:\x95Je0\x18H\x92\xb4\xb7\xb7\xe7\xf1x4MW7\xe2\x1c\x0e\xa7\xb0\xb0\x10\xc4\xc3\xda\xdaZ,\x167j\xd4\xa8q\xe3\xc6\x01\x01\x01-Z\xb4\xf0\xf6\xf6vtt\xac\xfe\'(\x8aB\x08\x11\x04\xf1\xae{\x0b\x0c\x06c2\xb0\x00\xd4C\xc0\xee#\x84\xaa\xfb\xe9\x0f\x1e&lt;HJJ:\x7f\xfe|VVVAA\x81\x8d\x8d\x8dT*\xf5\xf0\xf0prr\n\x08\x08\x10\x8b\xc5\xbe\xbe\xbe\x14E\xf1x\xbcF\x8d\x1aq\xb9\xdc\xd7&amp;\x06A\x10\xf9\xf9\xf9\x15\x15\x15|&gt;\xff\xf1\xe3\xc7\x05\x05\x05\x0f\x1f&gt;|\xfa\xf4\xe9\x83\x07\x0f\x8a\x8a\x8a\xd4j\xb5\x8d\x8d\x8d\x9b\x9b[DDDDDD\xeb\xd6\xad\xf9|&gt;\xfc"M\xd34M\xbfG\x94\t\x83\xc1\xd45X\x00\xea\x15\x10\x841\xfa\xfbj\xb5\xfa\xfc\xf9\xf3\xf1\xf1\xf17o\xde\xac\xaa\xaaj\xd8\xb0\xa1\x8f\x8fOpp\xb0\xbf\xbf\x7f\x93&amp;Md2\x19\x18e\x83\xc1@Q\x94F\xa3\x81\xdf\xd2j\xb5o\xfdp&gt;\x9f\xcf\xe1p\x0c\x06\x83\x95\x95\x15\x9f\xcf7\xee\x0f\xca\xcb\xcb\x9f?\x7f\x9e\x99\x99y\xf3\xe6\xcd;w\xee&lt;|\xf8\x90 \x0877\xb7\xfe\xfd\xfbw\xee\xdc\xb9i\xd3\xa6\xc6\xb1!\x9c-\xc0`\x98\x04\x16\x80\xfa\x00\xb8\xfcF\xdbZZZz\xec\xd8\xb1\xc3\x87\x0f\xdf\xb8qC*\x95\x86\x85\x85\xf5\xe8\xd1\xa3}\xfb\xf6...\x04A\x18\x0c\x86\xaa\xaa*\x9dNG\x92$\xbc}\xe2\x15\xf0i\xffd\xa0\x8dS\xc5\x98=\x86$0\x97\xcb\x15\x08\x04B\xa1\x106\x1c%%%\x99\x99\x99\x89\x89\x89III\x0f\x1e&lt;\xf0\xf4\xf4\xec\xdf\xbf\xff\x80\x01\x03\x8cJ@\x92$\x97\xcb\xc52\x80\xc1\x98\x1d,\x00\xec\x06L\xbf1\xd4s\xee\xdc\xb9\xbd{\xf7\xfe\xf5\xd7_...\x03\x06\x0c\x08\x0f\x0fo\xd3\xa6\x8dP($I\xb2\xb2\xb2R\xa7\xd3\x81\xc9\xaeu7\xdc\x98l \x08\x82\xc7\xe3\x89D"+++\x83\xc1\x90\x95\x95u\xf9\xf2\xe5\xf8\xf8\xf8\xf4\xf4\xf4v\xed\xda\r\x1d:t\xe0\xc0\x81\x02\x81\x00!DQ\x14\xce\x10`0\xe6\x05\x0b\x00[\x81\xb8\rD{4\x1a\xcd\x96-[\xf6\xec\xd9\xf3\xe2\xc5\x8b&gt;}\xfa\x8c\x181\xa2M\x9b6VVV\x1a\x8d\xa6\xb2\xb2\x92\xa2(\x13W\xe6@\xdc\x9f \x08\x91H$\x16\x8b\x11B\xd9\xd9\xd9\x87\x0e\x1d\xda\xb7o\x1fI\x92\x83\x06\r\x9a8qb\xa3F\x8d\x10\x96\x01\x0c\xc6\xac`\x01`\x1f\xd5\xbd\xfe\xfc\xfc\xfc\x95+W\x9e9s\xc6\xce\xce.&amp;&amp;&amp;**\xca\xde\xde^\xab\xd5\x96\x97\x973!\xf5jLG\x83\x12h4\x9a\xb3g\xcfn\xdd\xba\xf5\xde\xbd{\xde\xde\xde\xf3\xe6\xcd\x0b\x08\x08@\x08\x19%\xca\x8cC\xc5`,\x10,\x00,\x83\xa2(0\xfd\x05\x05\x05+W\xae\xdc\xbf\x7f\x7fPP\xd0\xacY\xb3\xc2\xc3\xc3\r\x06Cii\xa9^\xaf7\xbb\xdd\x7f\x13\xd8\xafp\xb9\\[[[\x1e\x8fw\xff\xfe\xfd\x9f\x7f\xfe9..\xae}\xfb\xf6\x0b\x16,\x00\x19\xc0\xb9\x01\x0c\xc6\xc4`\x01`\r\xe0Js8\x1c\x92$\xe7\xcd\x9b\xb7g\xcf\x9e\xe0\xe0\xe09s\xe6t\xe8\xd0A\xab\xd5\x96\x95\x95!6\xd4\xd8@tH$\x12I$\x92\xdc\xdc\xdc\x1f\x7f\xfc\xf1\xc8\x91#!!!?\xfd\xf4S\xe3\xc6\x8dQ5\x85\xc3\xbc7\xff\xd2\xcc\xc3\xc4#\xc10\x1cf\xf9\x89\x98\x7f\x82$I\xf0\xeb\xb7m\xdb\xe6\xed\xed}\xff\xfe\xfd\x03\x07\x0e\xc4\xc5\xc5\xb5i\xd3F\xa1P\x94\x97\x97s\xb9\\V\xb8\xcf\x1c\x0e\x87\xc7\xe3\xe9t:\x85B\xe1\xe8\xe8\xb8~\xfd\xfaK\x97.5l\xd8\xf0\xa3\x8f&gt;\xfa\xea\xab\xaf`\x13`,O\xc2\xfc;\x10a\xa3(\x8a$I\x92$)\x8a2f_\xde\n\xfd\x8a\xea?\x8f\x1f\xb5%\x83w\x00L\x07B\xf9\x08\xa1\xec\xec\xec\xb1c\xc7\x96\x95\x95-^\xbc8::Z\xab\xd5\xaa\xd5j\x06F{j\x0e\xc4\x85\x84B\xa1\x8d\x8d\xcd\xcd\x9b7\xe7\xcc\x99\xf3\xe4\xc9\x93U\xabVEFF"\xbc\x15\xf8\x07\xaa\x17\\\xfd\xd3\xf3)//\xaf\xaa\xaa\x82\x92_\x84\x10\xfc\x83\xcb\xe5\xda\xd9\xd9\xbd\xf5\xe7\xab\xcb\x06{\xa7\x13\xe6=\xc0\x02\xc0hH\x92\x84\xae\x0cs\xe6\xcc9t\xe8PLL\xcc\xd7_\x7f-\x12\x89\x8a\x8b\x8bYm\xfa\xab\x03\xfd\'lmm\x85B\xe1\xee\xdd\xbb\xbf\xfb\xee\xbb\x80\x80\x80\x9f\x7f\xfe\xb9a\xc3\x868+`\xc4h\xa3\xab\x1b}\x8a\xa2\x1e=z\x94\x9d\x9d\xfd\xe8\xd1#\xf8\x07D\x02\x95J\xa5^\xaf\x7fmis8\x1c{{{\x0e\x87\xc3\xe5r\xfd\xfd\xfd\x9d\x9d\x9d\x03\x02\x02\\]]\xdd\xdd\xdd%\x12\xc9\x9b\x7f\x88\xf9\xe1D\xcc\x87\x83\x05\x80\xa1\x18K}rrr\x86\x0c\x19\xe2\xe0\xe0\xb0y\xf3\xe6V\xadZ)\x95\xcaz\xe9\x1a\x83WkggW^^\xfe\xf5\xd7_\x1f&gt;|\xf8\xb7\xdf~\x8b\x8a\x8aB\xd5\xf6@\x16\x881yn\xb4\xc5\xa5\xa5\xa5\x17/^\xbcp\xe1\xc2\xad[\xb7\xf2\xf2\xf2H\x92\x94H$\r\x1a4h\xdc\xb8q\xe3\xc6\x8d\xdd\xdc\xdct:\x9d\xb7\xb7\xb7\\.\x87\xa3\xd7\x00A\x10$I\xa6\xa5\xa5!\x84JJJn\xdf\xbe\xadR\xa9\x1e=zTYY\xa9\xd7\xeb\x1d\x1d\x1d\xfd\xfd\xfd\xdb\xb7o\x1f\x11\x11\xd1\xacY3\xe3o\x19\x03\x8f\xa6\xfd\xd2\x18\xd3\x81\x05\x80\x89\x18M\xfc\xbau\xeb\x96-[\xb6p\xe1\xc2I\x93&amp;UTTTVV\xbe\xd6\xd6\xad\x9e\x01\'\x1bd2\xd9\xb9s\xe7&amp;L\x98\xd0\xb1c\xc7\xad[\xb7\x82\xf1\xaa\xdf_\xfc5\xde\xec\xe6\x94\x91\x91\xf1\xf7\xdf\x7f\x9f&lt;y\xf2\xf1\xe3\xc7&lt;\x1e\xcf\xdf\xdf?&lt;&lt;\xdc\xc7\xc7\xc7\xcd\xcd\xcd\xc9\xc9\xc9\xf8p\xc0y\xd7h4\xd5\xad?\x00\xc72\xaa\x1f\x07\xa1(\xaa\xb4\xb4\xf4\xf1\xe3\xc7\x99\x99\x99\x97/_NII)**j\xdc\xb8q\xe7\xce\x9d{\xf6\xec\xd9\xb1cGc\xa7\x90\xea\xe7\xcc1\xf5\t,\x00\x8c\x03\x8c]EE\xc5\xc8\x91#\xb3\xb2\xb2\xf6\xec\xd9\x13\x10\x10\xa0P(,\xc4\x173v$---\x1d5jTnn\xee\xc1\x83\x07=&lt;&lt;,D\x03^;\xda\xfd\xf8\xf1\xe3?\xfe\xf8#!!A\xa9T\x06\x06\x06\xf6\xee\xdd;$$\xc4\xc3\xc3C$\x12!\x84\xb4Z\xadV\xab\x85h\x8f\xf1n\x06\xf4\x7f\xaf\xee\xa9\x0e\x88\nz\xd5\xc3\x03\x02JVVVB\xa1\x10T6777%%\xe5\xaf\xbf\xfe\xba|\xf92A\x10\x9d:u\x1a?~|\xbbv\xed\xe0\xb7\xf0q\x8d\xfa\x07\x16\x00f\x01f.%%\xe5\xd3O?m\xdb\xb6\xed\x1f\x7f\xfc\xc1\xe5rKKK\x8d\xcd5-\x04\x92$\xad\xac\xaclmmW\xae\\\xb9j\xd5\xaaU\xabV\x8d\x1a5\xca\x98\xa84\xf7\xe8\xea\x84\xea\xa6\x9f\xa6\xe9\xa3G\x8fn\xdf\xbe\xfd\xf6\xed\xdb&gt;&gt;&gt;QQQ={\xf6\x84\xb3\xd3\x95\x95\x95\xe0\xe0W/\xef\xf9\xf0\xbf\x0b\x179XYY\x89\xc5b\x82 T*\xd5\xa5K\x97\x0e\x1d:t\xed\xda5{{\xfbO?\xfdt\xc4\x88\x11R\xa9\x14\xe1\xe3\x1a\xf5\x0b,\x00\x0c\x02\xac\xff\x91#G\xc6\x8f\x1f\xbfd\xc9\x92I\x93&amp;\xd5\xd7\x88\x7fM\x80\xf0\xb7\xa3\xa3\xe3\xe5\xcb\x97\x87\x0f\x1f&gt;j\xd4\xa8E\x8b\x16\x19\x0fC\x98{t\xb5\x8c\xf1-k\xb5\xdaM\x9b6m\xde\xbcY$\x12\r\x180\xe0\x93O&gt;qss3\x18\x0ceee:\x9d\x0e\xd5\xf1Q\x0f\xa3\x18\xf0\xf9|\x89D\xc2\xe3\xf1\x14\n\xc5\xd1\xa3Gw\xec\xd8\xf1\xf4\xe9\xd3\xc8\xc8\xc8\xd9\xb3g\x83\x0ea\x19\xa8\x1f`\x01`\x04F\xefo\xed\xda\xb5?\xfc\xf0\xc3\x81\x03\x07:w\xee\\XX\xc8\xe3\xf1,|\x8d\xe9\xf5z{{{\x85B\xd1\xbd{w//\xaf\xfd\xfb\xf7\xa3\xfa\x95\x166\xc6U\xf4z\xfd/\xbf\xfc\x12\x1b\x1b+\x93\xc9&amp;N\x9c\x18\x15\x15eeee,\xe84}\xec\x05\xca\x81\x04\x02\x81\xad\xad-A\x10\x97/_^\xbbv\xed\xdd\xbbw\xbbw\xef\xfe\xd5W_\xb9\xb8\xb8\xa0W.\x8b)G\x85\xa9]\xb0\x00\x98\x1f\xe3M\x8d\x9f}\xf6\xd9\xe5\xcb\x97/]\xba\xe4\xe4\xe4TRRbia\x9f\x7f\x82$I\xa1P(\x91H"##\x9f={v\xfe\xfcy\xa9TZ\x0f6F\xd5c&gt;\xeb\xd7\xaf\xff\xf5\xd7_===\xa1\xab\x07\xa4g_\xab\xff1\xe3 \x11B\x12\x89D(\x14\xde\xbf\x7f\x7f\xfd\xfa\xf5\x89\x89\x89\x1f\x7f\xfc\xf1w\xdf}\'\x95J\xeb\xeb\x9e\xccB\xc0\x02`f\x8cV`\xf0\xe0\xc1/_\xbe&lt;|\xf8\xb0\xad\xadmyy9v\xac\xaa\x03\x8f\xc8\xc6\xc6f\xf2\xe4\xc9\x17.\\\xb8z\xf5*\x949\xb2W\x03\x8c\x83?q\xe2\xc4\xb2e\xcbt:\xdd\xd7_\x7f=p\xe0@cW\x0f\xa6}\xb5\xea=&lt;n\xdc\xb8\xb1t\xe9\xd2{\xf7\xeeM\x992e\xea\xd4\xa9\x08o\x05X\x0b\x16\x00sb\xb4\xfe\xd1\xd1\xd1\x95\x95\x95\x89\x89\x89eeeZ\xad\x96i\x8b\x9f\t\xc0\xb3rppX\xbcx\xf1\xce\x9d;\xaf_\xbf\xceR\r0\xf6\xf1V\xab\xd53f\xcc8s\xe6\xcc\xbcy\xf3&amp;M\x9aD\xd3tII\t\xc3k\xbd\xa0F\xcb\xc6\xc6F$\x12\x9d:uj\xde\xbcy\x02\x81`\xcb\x96-\xde\xde\xde\xf5;E__a\xeeT\xab\xf7T\xb7\xfeUUU\x89\x89\x89J\xa5R\xa7\xd3\xb1\xce\xa2\x99\x06\x88\x83\x17\x16\x16.\\\xb80&amp;&amp;\xa6]\xbbvJ\xa5\x92\xcb\xe5\x1aK\x1bY\x01XI\x1e\x8f\x17\x1f\x1f\x1f\x14\x14\xa4\xd3\xe9RSS\'O\x9e\\\\\\\xacT*y&lt;\x1e\x93\xad?B\x88 \x08&gt;\x9f_YY\xa9P(:w\xee\x9c\x9c\x9c\xdc\xb3g\xcf~\xfd\xfa-[\xb6\x0c\xb2\x14o\x9e?\xc00\x19\xbc\x030\x0fF7p\xe0\xc0\x81\x95\x95\x95\'O\x9eT*\x95\xf5)\xb7Yw\xe8\xf5z\'\'\xa7%K\x96\xec\xd8\xb1\x03\xf6\x01lyn\x10\'1\x18\x0c\xe3\xc6\x8d;y\xf2\xe4\xef\xbf\xff\xde\xb7o\xdf\xd2\xd2R\x9dN\xc7\xc6\xf8\t\x94\xa2\xda\xdb\xdb\xdf\xbbw\xef\x93O&gt;\x11\x08\x04\x87\x0f\x1f\x86\x06\x1el\xfc:\x96\t\x0b\x96M\xbd\x04\xac\xff\x90!C\x94J%\xb6\xfe\xef\x04\x9f\xcf/,,\xfc\xee\xbb\xef\x86\r\x1b\x16\x1c\x1c\x0cw\xd93\xdf\x8f\x01\xb3x\xf7\xee]???\x85Bq\xeb\xd6\xad^\xbdz)\x14\n\xe3\xb5n\xac\x83\xcb\xe5r8\x1c\x85B\xd1\xb8q\xe3\x94\x94\x94.]\xba\x04\x04\x04\x1c=z\x14\xbaW1\xff\x8d`\x10\xde\x01\x98\x05\xbd^\xcf\xe7\xf3\xd7\xacY\xf3\xd3O?effB\t \xb6\xfe\xef\x04I\x92\x8e\x8e\x8e\x1f\x7f\xfc1B(!!A\xaf\xd73\xb6d\xd6\x18\xeb\xfb\xf3\xcf?\xbf\xfa\xea\xab\xd9\xb3g\x7f\xfd\xf5\xd7j\xb5Z\xab\xd5\xb2\xd4\xf4\xbf\x06D\xe1\xec\xed\xedO\x9e&lt;9f\xcc\x98O?\xfdt\xcd\x9a5\xa8~U\xeb\xd6W\xb0\x00\x98\x1a\xf0\x04\xc1\x16\xdc\xbau\xcb\xc6\xc6\xa6\xaa\xaa\n\xc7\xfd\xdf\x15\xa8\x9d\xb5\xb7\xb7\xef\xd2\xa5K\x93&amp;M\xb6o\xdf\xce\xcc\xc8\x83\xd1\xfa\x7f\xff\xfd\xf7\xeb\xd6\xad\xdb\xb7o_\x97.]\x14\n\x85\xd9\xeb;k\x1d\xbd^\xef\xe0\xe0\x90\x9f\x9f\xdf\xb3gO\x0f\x0f\x8f\xed\xdb\xb7K$\x12\xac\x01\x0c\x07\x0b\x80I\x81\xf5p\xed\xda\xb5\xbe}\xfb&amp;$$@&amp;\x93\x81f\x8b\x15\xd04\xcd\xe7\xf3)\x8a\n\x0e\x0e\x9e1c\xc6\xf4\xe9\xd3\x99V\x14T\xbd\xc6755\xf5\xf2\xe5\xcb\x8e\x8e\x8e\xf5\xf8\x84\x07\x9c\xd8\xb0\xb1\xb1\x89\x8a\x8a\xbas\xe7\xce\xf5\xeb\xd7e2\x19\xd3^\n\xa6:X\x9cM\x07h\xadR\xa9\xec\xd7\xaf\xdf\xfa\xf5\xebCCC\xeb\xb1-0\x01\x1c\x0eG\xa7\xd3\t\x85\xc2\xd3\xa7O\xcf\x9d;7))\x89\xcb\xe52\xa7\n\xa5z\x95WYYYvv\xb6\x8d\x8d\x8dR\xa9\xac\xc7o\x1c\xeez+))\x89\x8b\x8b\x1b&gt;|x\xdb\xb6m\xa1R\x8b9/\x05\xf3\x1ax\x07`: F\xd1\xa5K\x97V\xadZm\xde\xbc\xb9\xb0\xb0\xb0\x1e\xdb\x02\x93\x01EA{\xf7\xee\x9d6m\xda\xbd{\xf7\xa4R)\x13\xaa\xd1_\xab\xf1=y\xf2dii)\xb4\xd77\xef\xc0L\x80\xb1\x89\xd3\x92%KbccSRRXzb\xc3\x12\xc0\x02`"\xc0\xfa\x7f\xff\xfd\xf7{\xf7\xeeMOO/--\xb5\x04[`\x1a@\x03\xc6\x8f\x1f\xff\xe0\xc1\x83s\xe7\xceA\x8e\xdd\x8c\xe3y\xd3\xfa[`\x95\x97\xb1Z\x17k\x00\x93\xc1\x02`\n`\xf1_\xbf~\xbdk\xd7\xae\xe9\xe9\xe9\r\x1a4\xd0h4\x16e\x0e\xea\x1a\x9a\xa6e2\x99\x9f\x9f\xdfg\x9f}6g\xce\x1c3&amp;\x84\x8d\x9d\x9d,\xd9\xfa\x03\xd5Ol$\'\'\xdb\xd9\xd9Y\xe6s`28\xfdX\xe7\x80E(++\xfb\xe4\x93O6o\xde\xdc\xb2eK\x85B\x81\x13\xbf\xb5\x8eF\xa3\x89\x8b\x8b\x0b\r\r\xed\xda\xb5kpp\xb0\xb9l\r\xd4\xf5\x0f\x1d:\xd4\xc2\xad?\xaavb\xc3`0\x84\x85\x85]\xbe|Y&amp;\x93U\xbf\xb8\x06cv\xf0\x0e\xa0\xce\x81\x9doLL\x8cZ\xad\x8e\x8f\x8f\xc7\xd6\xbf\x8e\x80\x93\x01?\xff\xfc\xf3\xbau\xeb\xee\xdd\xbb\x87\xea\xb8u\xfe[\x81\xe8\xd3\xcc\x993\x8f\x1f?~\xef\xde=K\xb6\xfeF`\x1f0v\xec\xd8\x1b7nddd\xe0\x8b\x04\x18\x05\x16\x80\xba\x05\xd6\xff\xd5\xabW\xa3\xa3\xa3322\x84B!I\x92x\xf6\xd7\x11\x14E988DDD\xf4\xee\xdd{\xde\xbcy&amp;\x0e:\xc3\x9f\xdb\xb0a\xc3\x0f?\xfc\x90\x9a\x9ajmm\x8d\xcf\xf7\xa1W\x19\x11;;\xbb&gt;}\xfaH\xa5\xd2}\xfb\xf61\xf3\xc4\x86e\x82\x05\xa0\x0e1\xf6R\xf7\xf0\xf0\x989s\xe6\x94)S\xb0\xfb_\xa7\xd04mmm}\xf7\xee\xdd\x88\x88\x88\xd4\xd4T\xb8K\xcb4&amp;\x18\x94&gt;---,,\xec\xf4\xe9\xd3\xed\xdb\xb7\xc7\'&lt;\x8c\xc0\xc52\x14E\xf9\xf8\xf8|\xf3\xcd7S\xa6L\xc1\x1a\xc0\x10\xb0\x00\xd4!\xe0\x12._\xbe|\xdf\xbe}7o\xde,..\xc6U\x10u\r\x04\x1c\xa6N\x9dz\xf7\xee\xdd\xd3\xa7O\x9bf\x13\x00J\xaf\xd1h\xbc\xbc\xbc\xbe\xf9\xe6\x9b\x89\x13\'\x16\x16\x16\n\x04\x02\xbc\xb8\x8cP\x14ekk\x9b\x93\x93\x13\x1a\x1az\xe9\xd2\xa5\xc0\xc0@\x1c\x1cc\x02X\x00\xea\n\xc8\xfd\xaaT\xaaf\xcd\x9a\xfd\xf5\xd7_\x81\x81\x81\x15\x15\x15x\xc6\x9b\x06.\x97\xdb\xaaU\xab\xd8\xd8\xd8\x9e={\x9a@\x03\xc0\x9f\x1d8p \x97\xcb\xdd\xbf\x7f?&gt;\xe1\xf1V@\x9b7n\xdc\xb8b\xc5\x8a\xcc\xccL\x91Hd\xfa$\r\xe65\xb0\x00\xd4\x15\xc6\xdc/\xdc\x98\x81\x83?&amp;\x83\xa2(;;\xbb]\xbbv\xfd\xef\x7f\xff\xcb\xc8\xc8\x80&amp;qugh\xe0Eo\xdb\xb6m\xc1\x82\x05\x0f\x1e&lt;\xd0h4\xb8\xd0\xe5\x9f\x00\r\x88\x8a\x8a\x12\x89D{\xf6\xec\xc1\x81 \xb3\x83\x05\xa0N\x80{?\xee\xdc\xb9\xd3\xa1C\x87[\xb7n988\xe8t:l\x14L\x06M\xd3r\xb9\xdc\xd7\xd7w\xca\x94)S\xa6L\xa9\xbbM\x00\xe4x\n\n\n\x02\x03\x03\xf7\xef\xdf\xdf\xbe}\xfb\xb2\xb22\x1c\xe8\xfb\'\x0c\x06\x03\x97\xcb\xd5\xeb\xf5AAA\x1b6l\xe8\xdb\xb7/&gt;\x1df^\xb0\x00\xd4\t0\xad###\x1b4h\xb0y\xf3f\xec\xfe\x9b\x18\x8a\xa2d2\xd9\xe1\xc3\x87g\xcd\x9a\xf5\xf0\xe1\xc3\xba\xdb\x04\xc0\x8b\xee\xde\xbd\xbb\x87\x87\xc7/\xbf\xfc\x82\x83?\xff\tI\x92\x0e\x0e\x0eqqq\x13&amp;Lx\xf8\xf0\xa1X,fB\xeb\x0e\x8b\x05\x0b@\xed\x03\xd9\xad\xac\xac\xac\x8e\x1d;\xde\xbcy\xd3\xd1\xd1\x11\xbb\xff\xa6\x87\xa6i\xa9T\x1a\x18\x188q\xe2\xc4:\xda\x04\xc0g\xfe\xf9\xe7\x9f\xdf}\xf7]ff\xa6^\xaf\xc7o\xb9&amp;\xc0\x89\x8d\xe8\xe8h\xb1X\xbcc\xc7\x0e\xbc\t0#X\x00j\x1f\x98\xd0\xfd\xfb\xf7wqq\xc1\xee\xbf\xb9\xa0(J.\x97\x1f&lt;xp\xf6\xec\xd9\xf7\xee\xdd\x13\n\x85\x08\xa1Z4\xd0\x90\xe4\'I\xb2e\xcb\x96?\xfd\xf4\xd3\x80\x01\x03JJJ\xb0!\xab\t\x06\x83\x81\xcf\xe7+\x95\xca\x80\x80\x80\x8b\x17/\xfa\xf8\xf8\x98\xacZ\x17\xf3\x1a\xf8\xa1\xd720\x95_\xbcx\x91\x9a\x9a\xfa\xf5\xd7_\x97\x97\x97c\xa3`\x16\xb8\\\xaeJ\xa5\x8a\x8e\x8evppHHH \x08\xa2v\xaf\x8f\x87}\xde\x82\x05\x0b|||\x06\x0e\x1c\x88k|k\x0eA\x10\x1a\x8d\xa6I\x93&amp;_\x7f\xfd\xf5\xd8\xb1c\xf1\xb6\xc9\x8c\xe0\x1d@-\x03\xee\xff\xcc\x993\x15\n\xc5\xce\x9d;\xb1\xfboF \xdc\xbce\xcb\x96\xdf\x7f\xff=99\xb9\x16\x0b\xcfa\xd5\x14\x15\x15\xb5j\xd5\xea\xe4\xc9\x93\xb8\xc6\xf7\xfd\xe0p8\x9e\x9e\x9e[\xb7n\xed\xdd\xbb7\x0e\x04\x99\x05&lt;ek\x13p\xff\xab\xaa\xaa\xe2\xe2\xe2F\x8f\x1e\xad\xd5j\xb1Q0#&lt;\x1eO\xadVGFF\xe6\xe5\xe5\xa5\xa5\xa5q8\x9c\xda\xda\x04@\x95\xd7\x0f?\xfc0`\xc0\x80\x0e\x1d:\x94\x95\x95\xe1\x17\xfd\xae\xc0\xd1\xb0e\xcb\x96-^\xbc\x18\xd5jt\x0eSs\xf0\xac\xadM(\x8a"\x08\xe2\xcf?\xff\xb4\xb5\xb5\x8d\x88\x88(//\xc7v\xc1\xbc\xe8t:GG\xc7\xde\xbd{\x7f\xff\xfd\xf7\xe8\x95\xe7\xfe\x81\x80\xcc\xe7\xe7\xe7\x1f;vl\xfe\xfc\xf9\x15\x15\x15\xd8u}\x0f\xb8\\nII\xc9\xf0\xe1\xc3)\x8a:v\xec\x18\x87\xc3\xc1\x17\x87\x99\x1el\x9ej\x130\xf7\xbbw\xef\x8e\x89\x89\xe1\xf3\xf9\xb5\x1bt\xc6\xbc\x07\x1c\x0eG\xa3\xd1\x8c\x193&amp;99\x19*\xf4?\\\x03\xc0\xfd_\xb6lY\xbbv\xed\xdc\xdc\xdc***\xb0\xf7\xfa~\xd04\xcd\xe3\xf1\xc6\x8f\x1f\xbfh\xd1"\x847\x01\xe6\x00\x0b@\xad\x01!\xe6;w\xee&lt;x\xf0`\xd8\xb0aj\xb5\x1a;\x86f\x87\xc3\xe1\x94\x97\x97\xb7m\xdb\xb6q\xe3\xc6;w\xeeD\x08}\xa0\x9b\t\xee\xbfB\xa1\xd8\xb5k\xd7\xe4\xc9\x935\x1a\r~\xcb\xef\r\x8f\xc7+--\x1d8p`^^^bb"\xde\x04\x98\x1e,\x00\xb5\x06\xf8\xfb\xbbv\xedj\xd3\xa6M\xa3F\x8d\xb4Z-\xf6h\x18\x02A\x10\xd1\xd1\xd1\xbbw\xefF\xafvi\xef\rD\xf9\xb6o\xdf\x1e\x10\x10\xd0\xb1cG\x1c\xfd\xff@\xf4z\xbd\x9d\x9d\xdd\xf8\xf1\xe3\x7f\xfe\xf9gs\x8f\xc5\x12\xc1s\xb7\xd6\x80\x1c\xe3_\x7f\xfd5n\xdc8\xdc\xf4\x9f9\xc0&amp;\xe0\xd3O?\xcd\xcb\xcb{\xfa\xf4)\x87\xc3\xf9\x90(\x10\xbc\xe5\xd8\xd8\xd8\xd1\xa3G\x83\x18\xd4\xe2P-\x10.\x97[^^&gt;|\xf8\xf0\x8c\x8c\x8cg\xcf\x9e\xd5J\x8c\x0eSs\xb0\x00\xd4\x0e\x10\xff\xc9\xcc\xcc|\xf9\xf2eHHHee%v\x0c\x19\x02A\x10Z\xad\xb6Q\xa3F\xce\xce\xceG\x8e\x1cA\x1f\x10\x05\xa2(\x8a\xc3\xe1$%%UVV~\xfc\xf1\xc78\xca\xf7\xe1\x10\x04QUU\xe5\xe6\xe6\x16\x14\x14\xf4\xdbo\xbf\xa1\x0f\x8e\xd1a\xde\tl\xa4j\x07\x88\xff\x1c9r\xc4\xcf\xcf\xcf\xd9\xd9\x19\xf7~`\x14\xd0\x9e\xb3O\x9f&gt;\xf1\xf1\xf1\xe8\x83\x93\x8d?\xff\xfcsdd\xa4\xad\xad-I\x92\xb54@\x8b\x86 \x08\x92$\xc7\x8d\x1b\xb7w\xef^\x9dN\x875\xd5\x94`\x01\xa8\x1d\xc0\xdf?w\xee\\\xff\xfe\xfd\xb1\xe9g\x1a\\.\xb7\xaa\xaa\xaao\xdf\xbe\xb9\xb9\xb9J\xa5\xf2\xfd\xe2\x0c\xd0\xc9R\xadV\'%%EGG\xe3C\x1e\xb5\x05D\x81"""4\x1a\xcd\xd5\xabW\t\x82\xc0\x9b\x00\x93\x81gp-`\xac\x0cy\xf8\xf0axxx\xbd\x89\xff\xc0EW\x14E\x91\xff\x17\x8a\xa2\xd8U\xe1\nq\x06\x0f\x0f\x0fkk\xeb\xa4\xa4$\xf4j\xc7\xf6N\xc0\xaf\x9c8qB.\x97\x07\x07\x073\xf3\xe8\xef?\xbd2\x9a\xa6\x99\x1c[\xd7\xeb\xf52\x99\xacS\xa7N\xb1\xb1\xb1\xa8\x96\x8ek`j\x02\xeeRP\x0b\xd04\xcd\xe5r\xaf\\\xb9\xe2\xe2\xe2\xe2\xe5\xe5UZZ\xca@\xd3\xf0N\xd04M\xd34\x9f\xcf\x17\n\x85\x02\x81\x00\xbe\x8e\xf1\x9e\x13\x9a\xa6u:]UU\x95\xb9\x87\xf9\x0eP\x14%\x12\x89:v\xecx\xe6\xcc\x99\x8f?\xfe\xf8\xfdv\x00\x08\xa1\x93\'O\xf6\xec\xd9S(\x14\x96\x95\x951\xa7\xc9\x87\xf1\xf6ixe|&gt;\xbf\xfa+3\x18\x0cz\xbd\xbe\xaa\xaa\n\x02,\x0c\xdc\xa1B\x14h\xe0\xc0\x81\x0b\x17.\x84\xd5d\xee\x11Y\nL\x99\xc1\xac\x06L\xc3\xdf\x7f\xff\x1d\x18\x18\xc8\xe3\xf1X}\xd9)\x98\x12\xb1X,\x14\n\x8b\x8b\x8bo\xde\xbcy\xef\xde\xbd\'O\x9e\xa8\xd5j\xbd^/\x10\x08d2\x99\xab\xab\xab\xbb\xbb\xbb\x87\x87\x07\x03M\xc9?\x01\xcd\xe0\xc2\xc3\xc37l\xd8\xf0~\xbd\'\xb9\\\xaeV\xabMII\xd9\xb8q\xa3N\xa7c\xd4+\xe6p8\xb6\xb6\xb6\x1c\x0e\xa7\xa0\xa0 --\xed\xde\xbd{\xcf\x9f?/++#I\xd2\xda\xda\xbaa\xc3\x86^^^\x90\x9d*++c`\x9c\x1d\xa2@\x9d:u\xd2j\xb5\x99\x99\x99~~~\xac^D,\x02\x0b@-\x00\x95\x85W\xaf^\x9d4i\x12\xab\xaf\x03\xa4(\x8a\xcf\xe7\xcbd\xb2\xb4\xb4\xb4\xdd\xbbw\x9f&lt;y2;;\xfb\xad?\xc9\xe3\xf1RSS[\xb6l\xa9\xd1hX\xb1P\xa1GSpp\xf0\x8b\x17/\n\x0b\x0b\x9d\x9d\x9d\xdf\xe9M\x81=\xca\xce\xce&amp;I\xd2\xcf\xcf\x8f9Q&gt;\x103\x8a\xa2\x12\x12\x12\x8e\x1c9\x92\x94\x94\x94\x9b\x9b\xfb\xd6\x9ftss\x1b&lt;x\xf0\x94)S\x1c\x1d\x1d\x19X\xbf\x04\x9d\xfbZ\xb6ly\xf6\xecY,\x00&amp;\x03\x0b\xc0\x87\x02+P\xa5R=\x7f\xfe\xbcu\xeb\xd6\x1a\x8d\x86\xa5\x02@Q\x94D"Q\xab\xd5\xdf~\xfb\xed\xd6\xad[+**\x10BB\xa1\xd0\xdb\xdb\xbby\xf3\xe6\x0e\x0e\x0e\x02\x81@\xab\xd5\x16\x15\x15\xe5\xe6\xe6&gt;|\xf8\x90i^\xf0\xbfC\x10\x84N\xa7suu\xb5\xb2\xb2\xca\xc8\xc8\xe8\xd1\xa3\xc7;\x85\x1a\xc0\x1e\x1d9r\xa4E\x8b\x16r\xb9\xbc\xa8\xa8\x88\t\x06\x14\xf2\xd2\x1a\x8d&amp;**\xea\xda\xb5k\xf0\x1fy&lt;^\x8b\x16-\x1a7n,\x93\xc98\x1c\x8eZ\xad~\xfc\xf8\xf1\xbd{\xf7\x1e&lt;x\xb0l\xd9\xb2\x03\x07\x0el\xd9\xb2\xa5C\x87\x0e\xa5\xa5\xa5L\xf8\nF`\x1b\xdd\xb1c\xc7\xa3G\x8f\xce\x9c9\x93\xa5\x8b\x88u`\x01\xf8P\xc0\x91\xbcs\xe7\x8e@ h\xd1\xa2\x05K\x8bCH\x92\x94J\xa5999#F\x8c\xb8}\xfb6B(  `\xf4\xe8\xd1]\xbati\xd2\xa4\x89\xb5\xb55\x87\xc3\x81h2M\xd3UUUO\x9e&lt;\xb1\xb3\xb3c\x97\x06P\x14%\x16\x8b[\xb6l\x99\x9c\x9c\xdc\xa3G\x8fwJ\x03\x80=JJJ\xea\xda\xb5+bL\x96\x92 \x08\xbd^ooo\xef\xe8\xe8\x88\x10\xea\xd6\xad[\xbf~\xfd:v\xec\xd8\xb4iS\x1b\x1b\x1b\xb0\xef4M\xab\xd5\xea;w\xee\xfc\xf6\xdbo\xbbw\xef~\xf0\xe0A\xff\xfe\xfd\xcf\x9c9\xe3\xe3\xe3\xc3\x9c}\x0cB\x88\xc3\xe1h\xb5\xda\xf0\xf0\xf0M\x9b6UVVZ[[\xb3z3\xcd\x16\xb0\x00|(`\x0b\xb2\xb3\xb3\x9b7o.\x93\xc9\xd8x1\x08EQ666999\xbd{\xf7~\xf9\xf2\xa5H$\xfa\xf6\xdbo\'O\x9elkk[YY\xa9\xd5jU*\x15\xaa\x96\x04\xe6r\xb9\xcd\x9b7\x87\xda\x123\x0f\xfd]\x807\x15\x10\x10p\xef\xde\xbdw\xfd]h*\x97\x97\x97\x17\x16\x16\xc6(\xd9\x03\rX\xb8p\xe1\x84\t\x13\xbaw\xef\xce\xe7\xf35\x1a\x8dV\xab-//\x87\xefK\x10\x04\x8f\xc7k\xd7\xae]DDD\xe7\xce\x9d\xa7L\x99RZZ:m\xda\xb4\xb3g\xcf2\xca\xbcB\x8c\xce\xc7\xc7\xc7\xda\xda\xfa\xfe\xfd\xfb\xfe\xfe\xfeX\x00L\x00S\xe61{\x81ev\xeb\xd6\xad\x16-Z\x80\x8fl\xee\x11\xbd\x1b\x06\x83A \x10\x94\x96\x96\x0e\x192\xe4\xe5\xcb\x97p\x8d\xe2\xbcy\xf3h\x9a.**\x82\x8eF\\.\x97\xcb\xe5\xf2x&lt;\xf8\x07BH\xa3\xd1\xb0\xcb\xfa#\x84\xe0\xed\xf8\xf8\xf8\x80\x00\xd4\xdc\x88C\xfb\xcf\xe7\xcf\x9f\xebt\xbaV\xadZUUU1\xc70\x81\xdd\xf4\xf4\xf4\xec\xde\xbd{YYYQQQee%\x04\xac\xe0eA\xef\x8a\xf2\xf2\xf2\xc2\xc2\xc2\xb1c\xc7~\xf5\xd5W\x08\xa1k\xd7\xae\x9d9s\xc6\xc6\xc6\x86Q\x15\xf7$I\xca\xe5\xf2\x06\r\x1a\xa4\xa6\xa6"\xc6l\xb3\xea7X\x00&gt;\x14\xb0\x05999~~~l\xf4Yh\x9a\x96H$s\xe6\xcc\xb9{\xf7\xae\x95\x95\xd5\xb6m\xdb\xfa\xf4\xe9SPP`0\x18x&lt;\xde?}\x1d\xe6\xb8\xc05\x07n"\xf4\xf4\xf4T\xa9T\xa5\xa5\xa55Wk\xf8\xb1\xb4\xb44\x07\x07\x07ggg\xa65z\x82\xef\xa5V\xab9\x1c\x0e\x8f\xc7\x83`\xddk?\x00b\xa0V\xab\xc7\x8f\x1f\xef\xec\xecL\x10\xc4\xa9S\xa7\xf8|&gt;\xa3\x8c,\x0c\xc6\xd7\xd77%%\x05a\x010\t\xec[\xc6L\x03\xea\x0b\x8b\x8b\x8b]\\\\X7e\xe1V\xa6\xb3g\xcf\xee\xd8\xb1\x03!4{\xf6\xec\xc8\xc8\xc8\x82\x82\x02\x81@\xc0(\x1bW+@\xb1\xb9\x83\x83\x83N\xa7{\xa7&amp;\xfe\xf0Zo\xdc\xb8\xe1\xee\xee^\x8b\xd7\x8a\xd5"\xe0\xef\xff\xe7\xcf\xe8t:gg\xe7\xc0\xc0@\x83\xc1\x90\x93\x93\xc3\xa8X\x16B\x88 \x08\x82 \x02\x02\x02233\x11;\x9d\x0c\xd6\x81\x1f\xf1\x07\x01%@J\xa5R\xa9T\xfa\xf8\xf8TUU\xb1n\xd6\x12\x04\xf1\xe3\x8f?\xd24\xed\xe5\xe55k\xd6,\xa5R\xc9\xe7\xf3\xcd=\xa8:\x01\xc2\xe5...2\x99,##\x03\xd5\xf8&lt;0HE~~\xbe\x8b\x8b\x0b\xdbu\x91\xc7\xe35l\xd8\x10!\xa4R\xa9\x98V\xc2\x0b\n\xdd\xa0A\x83\xf2\xf2r\xdcM\xcb40\xe8\xf5\xb3\x17\x9dNg0\x18\x84B!\x03}\xc3\x7f\x01\x82?7n\xdc8w\xee\x1cBh\xea\xd4\xa92\x99\x8ci\xf1\x8d\xda\x05\xe2Z\x02\x81\xa0\xb2\xb2\xb2\xe6\xbf\x05\x0f\xe4\xee\xdd\xbb\xbe\xbe\xbe\x88\xfd\x17W1\xca\xe8W\x07bY\x1e\x1e\x1eJ\xa5\xb2\xbc\xbc\x9c\x8d\x195\xd6\xc1\xd0\xa9\xc0\x16\xc0\xe2\xa7\xa5\xa5\xc9d\xb2\xc6\x8d\x1b\xeb\xf5z\x16Y\x07\x9a\xa6\x85Ba\\\\\x9cN\xa7k\xd8\xb0a\xff\xfe\xfd\xe1\xd2Ds\x8f\xab\x0e\x81\xda\x7f\x1f\x1f\x9f+W\xae\xa0\x1aG\x99\xa1\x95\x90R\xa9\x94\xcb\xe5l\x17H\x9a\xa6KJJ\x10B666\x02\x81\x80i.\x0bM\xd3P\x00\xfa\xec\xd93\x84\xd3\x00u\x0f\x16\x80Z\x80$I\x08\xc2\xb2k\xbe\xf2x&lt;\xb5Z}\xfa\xf4i\x82 \xbaw\xef\xde\xb0aC\x0b\xb9\xc5\x8c\xc7\xe3\xd5\xbc\x933$\xf6\xd5j\xb5F\xa3\xf1\xf6\xf6fT\t\xd0\xbb\xc2\xe5r\xcb\xca\xca\xb2\xb3\xb3\t\x82pss\xb3\xb2\xb2b\x94\x00\x18ct\x8e\x8e\x8e\x0f\x1e&lt;@X\x00\xea\x1e,\x00\xb5\x004\\d\xd7d\x05\xf7\xff\xc1\x83\x07\xd9\xd9\xd9\x06\x83\xa1K\x97.\xaf\x950\x19\xfbJB\xefOFY\x8a\x0f\x04\xde\xd7;\xfd\x8a\x95\x95\x15\x9c%fl\xfc\xe4?!IR"\x91\\\xbdz\xf5\xee\xdd\xbb\x06\x83\xe1\xa3\x8f&gt;\x82\xf2Vs\x8f\xebu(\x8a\xd2\xeb\xf5b\xb1\xd8\xdc\x03\xb1\x08\xd8:\x9b\x19\x02\x18\xfd+W\xaexxx\xb0k\x07`0\x18\xa0)\x82F\xa3\x11\x89D\xfe\xfe\xfep\x86\xd9`0\xc0\t/&gt;\x9f/\x16\x8b\xa5R\xa9L&amp;\xb3\xb1\xb1\x11\n\x85\x08!\xd6\x1d\xfez\r\x08+\x07\x05\x05\xa5\xa5\xa5\xa1\x9aE\xc3\xe1\x9d\xe6\xe6\xe6Z[[\xdb\xdb\xdb\xb3\xf4\x12\x18\x88}\x91$\xf9\xc3\x0f?\xd04\xed\xe1\xe1\xd1\xabW/\x06F\xfc\xa0\xb9\x85\xab\xab\xeb\xdd\xbbw\xcd=\x16\x8b\x00\x9f\x04\xae\x05t:\x9d\\.gW\xce\n\xfc}\xa8\xb7k\xda\xb4i\xe3\xc6\x8du:\x1dEQVVVr\xb9\x1cN\xbd\xe6\xe5\xe5\xa9\xd5j\xd8+8;;7j\xd4\xc8\xc1\xc1A\xa3\xd1@+|\x06:\x8f5\xc4\xce\xce\xae\xe6\x07\xa0^\x13\x80\x92\x92\x12\xa6\x19\xcd\xff\x04&lt;};;\xbb\xc9\x93\'C\xf2c\xf1\xe2\xc5R\xa9T\xa5R1\xed\xbb@Y\x9dQ\x00X\xb4\xa0X\n\x16\x80Z\x00\xca\xd7\xcc=\x8aw\x03\xee]\x82Hk\xb3f\xcdlllT*\x95\xbd\xbd}AA\xc1\xf6\xed\xdb\xe3\xe2\xe2n\xde\xbcYZZj\xfcy\xa1P\xe8\xee\xee\xde\xad[\xb7\xe1\xc3\x87\x07\x04\x04\x94\x96\x96\xb2\xf1\xd4\x1b\xf0\x1e\x89\\83\xc5\xc6[\xe0)\x8a\x12\x08\x04B\xa1p\xea\xd4\xa9\x1b7nD\x08}\xf9\xe5\x97\x83\x06\r\x82\x9b\xd1\xcc=\xba\xb7\xa3\xd7\xeb%\x12\x89\xb9Ga\x11`\x01\xa8\x1dXg\x17\xa0\x85\xc0\xcb\x97/\x11B\xae\xae\xae\x1c\x0eG*\x95\xee\xdc\xb9s\xd1\xa2E\x8f\x1f?F\x08Ao;[[[\x83\xc1\xa0T*\x9f?\x7f~\xeb\xd6\xad[\xb7n\xfd\xf6\xdboS\xa7N]\xb0`\x01\\\r\xc6\xba/\x8e\xde\xebe\x19\xfb\xea\xd4\xc1p\xea\x10\x92$mmmKKKG\x8e\x1c\x19\x17\x17\x87\x10\x9a:u\xea\xf2\xe5\xcb\x99\xd6\n\xf45\xd8\xb5\x99f5X\x00,\x11\x88\xb4\x96\x97\x97\x17\x17\x17#\x84\x1c\x1d\x1dy&lt;\xde\xd7_\x7f\xbdv\xedZ\x84\xd0\x80\x01\x03\x86\x0c\x19\x12\x10\x10`oo/\x10\x08\x0c\x06\x03D\x84.]\xba\xf4\xfb\xef\xbfgff._\xbe\xfc\xce\x9d;;w\xee\x84D1\xeb\xcc\xa2\x85@\x92\xa4\x9d\x9d]jj\xea\xd8\xb1c!\xd6\xb7t\xe9\xd2y\xf3\xe6U\xdf\xd8a,\x1c\x9c\x04\xb6P\xa0\xbd\xa5Z\xadF\x08\xb5l\xd9\xf2\xe7\x9f\x7f^\xbbv\xad\x97\x97Wbb\xe2\x81\x03\x07\x06\x0f\x1e\xec\xea\xea\xca\xe7\xf3\xe1.Y\x91H\xe4\xe1\xe11m\xda\xb4K\x97.\x8d\x1b7\x0e!t\xf4\xe8\xd1Y\xb3f\xd9\xd8\xd8\xb0:\'\\\x8f!I\xd2\xde\xde&gt;&gt;&gt;\xbeG\x8f\x1e\x99\x99\x99\x8e\x8e\x8e\xfb\xf6\xed[\xb0`\x014v\xc5\x9a\x8d\x01\xf0\x0e\xa0\x16`\xe3\x8e\x95\xc3\xe1TVV\xc2\xbd\xbe\x97.]\x8a\x8d\x8d\r\r\r=t\xe8\x90\xa3\xa3cII\tA\x10P!\x03\x96\x02.\x19///\xb7\xb2\xb2\xfa\xfd\xf7\xdf\xcb\xca\xca\xf6\xed\xdb\xf7\xfb\xef\xbfGFF\xf6\xe8\xd1\x83\xe1\xf1\x847y\x8f\xec\x05\xbb,&amp;EQr\xb9&lt;!!\xe1\x93O&gt;\xd1\xeb\xf5\x01\x01\x01;v\xec\xf0\xf6\xf6V(\x14\xcc\xb9\xc7\xf8\xdfa\xd7\x03g/x\x07P\x0b\xe8\xf5zv\xf5\xcf\x01\x0b\xa8\xd3\xe9 \x1d\xba}\xfbvWW\xd7}\xfb\xf6I\xa5\xd2\xe2\xe2bh\xfb\x0c\x9d\xb9\xe0\xe7A\x0f\xf8|\xbe^\xaf/++[\xb9r%t\xc5Y\xb7n\x1d\xeb\x94\x0f!$\x10\x08\xde5i\x0f\x0f\x8a\x15V\t\xaa\xb6\x1e=z4v\xecX\xbd^\xdf\xb6m\xdb\x13\'N\xb4j\xd5\xaa\xa8\xa8\x88-\xd6\x9f\xc3\xe1\xb0\xae\xaa\x82\xa5`\x01\xa8\x05\x9c\x9c\x9c\x9e&lt;y\xc2\xbah8\x84w\xe0\xdf?\xfc\xf0C\xa3F\x8d\xca\xca\xca\xfe]\xc9\xb8\\nUUU\x93&amp;M\x86\x0f\x1fn0\x18._\xbe\x9c\x9d\x9dmmm\xcd\xa2@\x10A\x10\x0f\x1f&gt;\x94J\xa5\xa8fU\x86\xf0N[\xb7n\xadV\xab_\xbe|\xc9\xb4\x16\xcaoB\xd3\xb4X,^\xbbv-t\xa8\xdd\xb9s\xa7\\.W\xab\xd5\xac\xf0Q\xe0~\xe3\xbbw\xef\xb6m\xdb\x16\xe1}@\xdd\x83\x05\xe0\x83\x80\t\xda\xb6m\xdb\x17/^\xb0\xae$\x06\xeex1\x18\x0c\x1e\x1e\x1e}\xfb\xf6U\xa9T5\xb1\x11\\.W\xa7\xd3\xf5\xe8\xd1\x83 \x88\xca\xca\xca\xd4\xd4T\xa1P\xc8p\x9bh\x04\xc6y\xef\xde=???\xf4.\x02`gg\xa7\xd7\xeb\x99\xdf\xed\x15\xae\xf7\xc9\xcf\xcf?q\xe2\x04Bh\xda\xb4i\xee\xee\xeej\xb5\x9a-\xbe?B\xc8`0\x94\x96\x96\xc2%\x97\x98\xba\x86\xd1\xb3\x99-h4\x1a\x81@\xc0\xa288\xdca \x12\x89\x04\x02\x01B(((\xa8\xe6\x97C\x11\x04\xa1\xd5j[\xb6lioo\x8f\x10\xbaw\xef\x1e\x9c\x1f\xae\xdb\x11\xd7*"\x91H\xab\xd5\xbe\xd3\xaf@\xcd+\xf3\xbf&amp;\x1c\xf0~\xf4\xe8\xd1\xb3g\xcf\xac\xac\xac\xfa\xf5\xebWQQ\xc1"\xeb\x8f\x10\x82\xbe#:\x9d\xce\xdc\x03\xb1\x08\xb0\x00|\x10\xe0\x1e\xda\xdb\xdb\xc3\x1d#\x0cw\x0f\xab\x03\xbd\xa0mmm\x11B"\x91\xe8\x9d\xf6.p\x87\xb0\x9d\x9d\x1dBH\xa1P\xb0(\xf6\x05\xe9z\xa5R\xe9\xe4\xe4\xf4N\xbfbgggkk{\xeb\xd6-\x86\xc7\xbb\xa0\xdfu~~\xbe\xc1`h\xd6\xac\x99\x8b\x8b\x8b^\xaf7\xf7\xa0j\nl_^\xbcxQ\\\\\x0c[4\xb6\xcc+\xf6\xc2\x1a\x83\xc5L`\x82\xfa\xf8\xf8\xa8T\xaa\x82\x82\x02\xe6\x07\x88\x018\xbalkk\xeb\xec\xec\x8c\x10R*\x95\xefj\xd4\xb8\\.\xec\x1e\xb4Z-+\xbe2\x00\xd6\xfc\xde\xbd{\x81\x81\x81\xa8\xc6\xf6\x05\xac\xaa\xbd\xbd}YY\x19\xf3M\x12\x87\xc3)++\xe3\xf1x\r\x1a4\x10\x8b\xc5,\x92g\xf4\xea|\xa2P(\x94\xcb\xe5\x08\x0b@\xdd\x83\x05\xe0C\x01\xeb \x12\x89\xa0\xb3\n[\xac!\xa4\n[\xb5j\x85\x10z\xfe\xfc\xf9\xbb^\x0e\x05-\x1b\xd1\xab6\x99u5\xca\xda\x86\xc3\xe1TTT\xc0E\x98\xa8\xc6\xf6\x05\xd4\xd1\xcb\xcb\xeb\xe6\xcd\x9b\xcc/\xf9%\x08\xa2\xac\xac\x8c$I\x8dF\x039\x1es\x8f\xa8\xa6@X2++K&amp;\x93I\xa5RvI\x17K\xc1\x02\xf0A\x809\x80~\x99\xf7\xee\xddcW:\x94 \x88\xa0\xa0 \x84\xd0\x83\x07\x0f\xf2\xf3\xf3\xe1\xd0oM~\x17\xce\x10\xc0\x91"{{{\xb6\xe4\x00@\xaa\x0b\x0b\x0bU*\xd5{\xdc\xed\xd5\xa0A\x03\x85BQg\xa3\xab\x1d\xc0\x83\x0e\x0c\x0c\x9c3g\xce\xd8\xb1cYw\xc1\x03A\x10\x05\x05\x05r\xb9\x9c-\x93\x8a\xed\xb0);\xc4L`\x9a\xba\xba\xbaB\x0b\x1d\xb6\xccZ\x0e\x87\xa3\xd5jCCC\xf9|~IIIjj\xea\xc0\x81\x035\x1a\xcd\x7f\xa6\xb2!P\xfb\xf2\xe5Kh#\xd1\xa2E\x0b\xb6|e\x18\xf9\xf3\xe7\xcfmllD"Q\xcd\x87\r6\xb4C\x87\x0eqqqZ\xad\x96\xc9\xd9~\xb8U100\xb0c\xc7\x8e$I\xaa\xd5j\x16\t\x00\xbc\x91\x94\x94\x14\x08\xd0\xb1e^\xb1\x1a\xbc\x03\xf8P`\x9a\xba\xbb\xbbggg\x9b{,\xef\x00x\xf1~~~\x81\x81\x81\x04A\x1c8p\xa0\xe6\xf1\x10++\xab\x94\x94\x14\x92$\xf9|\xbe\xf1"\x81\xba\x1e\xf0\x87\x03\x152\xf7\xee\xdd\xb3\xb3\xb3\x13\x8b\xc55?\x0f\x0c\xdf\xaeu\xeb\xd6eee\xcc?\n\x00eZ\n\x85B\xa5R\xb1\xc8\xfa#\x848\x1c\x0eM\xd3\xf8\x10\x80)a\xc1\xbae80M\x03\x03\x03\xef\xdd\xbbG\xd34+L!@Q\x94\xb5\xb5\xf5\x88\x11#\x0c\x06\xc3\x89\x13\'RRR$\x12\xc9\x7f\x16\x83\xc2\x11\xe2\x83\x07\x0f\x12\x04\xe1\xe3\xe3\xe3\xe3\xe3\xc3\xfc\xeax\xc0`0\x18\x0c\x86\x8c\x8c\x0c///\xf4*\xb2_\x13 \xd0\xe7\xe4\xe4$\x91H\xb2\xb2\xb2\xdei\xf7`.Xwa\x83\xc1`\xe0\xf3\xf9\x05\x05\x05\n\x85\xe2\x9dR\xf4\x98\x0f\x81\x05\xeb\x96\xe1\xc04\xf5\xf4\xf4\xcc\xcb\xcb\x83^+\xcc\xb7\x0e\x00\x97\xcb---\xfd\xe4\x93O\xdc\xdc\xdc\xaa\xaa\xaa\xbe\xfb\xee;\x1e\x8f\xf7\xefIN\x9dN\xe7\xe0\xe0p\xf4\xe8\xd1\xcb\x97/\x1b\x0c\x86\xe1\xc3\x87\xdb\xd8\xd8\xb0\xe5\xd4&gt;\xbc\xa9\xdb\xb7o\x83\x00\xbc\x134M\xf3x\xbcf\xcd\x9a]\xb8p\x81\xc7\xe31\xbc\x12\x94 \x08\x1b\x1b\x1b\x86W\xac\xbe\x86\xc1`\xb0\xb6\xb6NKK3\x18\x0cM\x9a4\x81\x9ba\xcc=\xa8\xfa\x0f~\xc4\x1f\n\x98\x15(\xa7\xb9\x7f\xff&gt;\x8b\xf2\xc0P\x0cjgg\xb7d\xc9\x12\x84\xd0\xe9\xd3\xa7\xbf\xf9\xe6\x1bH\xea\xc2\x15\xc7\xf0E\xe0\x1fP\xf6\xe3\xe0\xe0p\xef\xde\xbd\xd9\xb3g\xd34\xdd\xaaU\xabQ\xa3F\xb1\xa8\x13\x1c\x8f\xc7S\xa9TO\x9e&lt;i\xd7\xae\x1d\xaa\xd9}\x90F\xe0Qt\xeb\xd6\xed\xea\xd5\xabL\xaeN\x81D\xb7\xc1`\xb8x\xf1bff\xa6H$2\xf7\x88j\nH\xec\x85\x0b\x17\x02\x02\x02\x04\x02\x01\x8b\xa4\x8b\xd5`\x01\xf8P\xe0j-kk\xebV\xadZ\xa5\xa7\xa7[YY\xb1E\x00\x10B\\.W\xa9T\x0e\x192d\xd2\xa4I\x08\xa1U\xabVM\x9b6\x8d\xc3\xe1888XYY\x81\x89\x846p\xb6\xb6\xb6NNN\xd7\xae]\xfb\xf8\xe3\x8f\x9f&gt;}\xca\xe3\xf1~\xfd\xf5W[[\xdb\xf7\xb8]\xcb,@\xea\xe2\xd1\xa3G\\.\xf7=J\x80@\xe4\xfa\xf5\xeb\xf7\xf2\xe5\xcbw\xaa\x982=\x04A\x8c\x1a5\xaa{\xf7\xeeaaa\xdb\xb7o\xafIX\x8f\t\xc0\xd6\xf3\xda\xb5kQQQ\xe6\x1e\x8b\x05\x81\x05\xa0\x16\x00[\x10\x1e\x1e\x9e\x94\x94\x84\xd8V\xbd\xc0\xe1p\xd4j\xf5\x9a5kbbb\x10B\xbf\xfc\xf2K\xe7\xce\x9d\x7f\xff\xfd\xf7\'O\x9e\xe8\xf5zh\x1aQ\\\\|\xfe\xfc\xf9\t\x13&amp;t\xef\xde\xfd\xde\xbd{\x02\x81`\xcb\x96-]\xbbve\x91\xfbo0\x18\x84B\xe1\xd5\xabW\xe1\x9a\xb3wm\xdc\x04\xcf\xa1I\x93&amp;\xf6\xf6\xf6\xc9\xc9\xc9\xcc\x8c\xae@\x1d}vvvBB\x02\x87\xc3\xd1\xeb\xf5\xdb\xb7ogE\x8b*\xc8\xcf?{\xf6,///""\x02\xbd\xe3\xfe\x0c\xf3\xde\xe02\xd0Z\x00&amp;k\x97.]\x0e\x1d:TYY\xc9\x16\x9b\x08\x80\xe7\xa5\xd5j\x7f\xff\xfdwOO\xcf\x15+V\xdc\xbcys\xc2\x84\tB\xa1\xb0q\xe3\xc6\x12\x89D\xa7\xd3\x15\x16\x16\x16\x15\x15\xc1\xcf\xfb\xf9\xf9\xad^\xbd\xbak\xd7\xae\xd08\xda\xbc\x83\xaf9\x10\x19OJJ\n\x0b\x0bC\xef%\xd2\x10\xa3\x08\r\r=x\xf0\xe0\x80\x01\x03\x18.\xf3\xcc7\xfa\xd5\x81\xc6${\xf7\xee\x95\xc9d\xcd\x9a5cW1\x05\xab\xc1O\xb9\x16\x80\xc5\xd6\xa6M\x1b\x95J\x95\x96\x96\x06\xe7\xef\xcd=\xa8w\x00\xdc\xdb\x8a\x8a\x8ay\xf3\xe6]\xb8pa\xfa\xf4\xe9\x1e\x1e\x1eZ\xad\xf6\xc1\x83\x07\xe9\xe9\xe9w\xee\xdc)**\x92\xc9d]\xbbv\xfd\xf5\xd7_\xcf\x9e=\xdb\xa9S\xa7\x92\x92\x12\x16Y\x7f\x84\x10\x9f\xcfW\xa9T\xc9\xc9\xc9\xdd\xbauC\xef\xe5`\xc2[\x8e\x8c\x8cLJJ\xaaa\xe7T\x13\x03\xa7\xc0\xbc\xbc\xbcz\xf7\xeeMQ\x14\x87\xc3\x89\x89\x89aEU\x02\xc8\xf3\xe1\xc3\x87\xbbw\xef\x8e\xde\xa5@\x0b\xf3\x810\xfd\\;[\xa0(\x8a\xcb\xe5FFF\xb6m\xdbv\xc1\x82\x05,\xbaz\xa9:$I\x8a\xc5b\x91HTTT\x94\x9b\x9b\x9b\x97\x97WQQ!\x10\x08\xe4r\xb9\xab\xab\xab\xab\xab\xab\x95\x95\x95Z\xad&amp;I\x92]\xbb\x1c\x9a\xa6mll\xae^\xbd:~\xfc\xf8\x8c\x8c\x8c\xf7n_a0\x18H\x92tss[\xbf~}\x9f&gt;}\xa0\xf9G\xad\x8f\xf6C\x80bJ\xadV{\xfd\xfau\xa9T\x1a\x18\x18\xf8\xae}OM\x0f$\xae\xcb\xca\xca\x02\x03\x03\xff\xfe\xfbo\x1f\x1f\x1f\xbc\x030\x19\xec3R\xcc\x04t\xb4{\xf7\xee\xb1\xb1\xb1s\xe7\xcee\xe9\xf4\xe5\xf1xUUU\x95\x95\x95|&gt;\xbfu\xeb\xd6m\xda\xb41^\t\xa9\xd3\xe9*++\xa1\xe3)\xd3\xac\xde\x7fB\xd3\xb4@ 8|\xf8\xb0\xb7\xb7\xb7P(\x04\xb5~\x8f\xcf\xa1(\x8a\xcf\xe7GEE\xed\xdb\xb7\xaf\x7f\xff\xfe\x0ct\x9e\x08\x82\xd0\xeb\xf5&lt;\x1e\xaf{\xf7\xee\x14EUVV2?\x16d\x8c\xff4k\xd6\xcc\xdb\xdb\x1b[\x7fS\x82\x1ft\xed\x00\x06%22\xf2\xc5\x8b\x17O\x9e&lt;aW-Pu\xc0\xbe\xd34\r\xdd~\x94J\xa5R\xa9,++\xd3\xe9t\xf0?1\xdf\xa0\xbc\t\x14\xb6^\xbcxq\xe8\xd0\xa1\x1f\xf89\x08\xa1I\x93&amp;]\xb8p\xe1\xc5\x8b\x17\xcc|\xcb\x10\xd0+--\xad\xa8\xa8`\xd1\xcb\xda\xb6m\xdb\xd8\xb1ca\xf0\xe6\x1e\x8b\x05\x81\x05\xa0v\x80\x89\xeb\xea\xea\xea\xe1\xe1q\xf6\xecY\xd6\xa5\x01^\x03.\x01\xe6\xbe\x82u\xc7J\xabc0\x18\xa06\xa6\xbc\xbc\xbcg\xcf\x9e\xe8\x03*L\xa0W\x81\xa7\xa7g\xcb\x96-\xf7\xec\xd9\x03\xd5D\xb5:\xd8\xda\x81 \x08xk\xe6\x1e\xc8\x7f\x03\xee\xff\x8d\x1b7\x9e?\x7f&gt;l\xd80\x83\xc1\xc0\xba\xfd%\xaba\xc1\x14a\x0b`\xf1\xa3\xa2\xa2\xfe\xf8\xe3\x0f\x06:\x86\x16\x0b\x9c\xd2\xd8\xbau\xab\xa7\xa7\xa7\\.\xff\xc0\xb2Hx\xb3\x93&amp;M\xda\xb1c\x87^\xafg\x85\x91e2p\x85\xfdo\xbf\xfd\xd6\xbd{\xf7\xf7(\xcf\xc5| x\xfa\xd6\x1a\xe0\xb9\x0c\x192$??\xff\xce\x9d;\xd6\xd6\xd6X\x06\x98\x00\\d\x7f\xfa\xf4\xe9\xf1\xe3\xc7\x7f\xf8\xa7A\x9b\xe2\xa8\xa8\xa8\x92\x92\x92\xc3\x87\x0fK\xa5Rfn\x02X\x01l\xce\x1e=zt\xf8\xf0\xe1\x993g"\\\xfeor\xf0\xe3\xae5\xe0Hp\x83\x06\r\x02\x02\x02\xb6l\xd9bmm\x8dM\x83\xd9\x81\xdb+\xcf\x9c9SVV\xd6\xbbw\xef\x0f\x8f0@\xacO(\x14~\xf5\xd5W\xbf\xff\xfe;+\x8a,\x19\x0bEQ\x12\x89$666""\xa2u\xeb\xd6P\xbaj\xeeAY\x16\xf8q\xd72\x06\x83a\xe2\xc4\x89\xf1\xf1\xf1p-\x9f\xb9\x87c\xe9@Y\xe4\x1f\x7f\xfc\x11\x1d\x1d][M\xdc \x13\xf0\xf9\xe7\x9f\xbfx\xf1"))\t\xee\xae\xfa\xf0\x8f\xb5@\xe0p\xc6\xee\xdd\xbb\x17/^\\\xf3\xee\xdc\x98Z\x04\x0b@m\x02WB\xf6\xe9\xd3\xc7\xda\xda\xfa\xe8\xd1\xa3\x8cM\x12Z\x08\x10ax\xf0\xe0\xc1\xf5\xeb\xd7g\xcf\x9e\x8dj)\xc2\x00g\xa7E"\xd1\xe4\xc9\x93\x17,X\xc0\xa2{@\x19\x05I\x922\x99l\xe5\xca\x95\xbe\xbe\xbe\xfe\xfe\xfe\xb8\xfa\xd3,\xe0\'^\xcb\x80-\x187n\\ll,6\r\xe6\x05"\x0c\xbbw\xef\x0e\t\ti\xd4\xa8Q-&amp;\x18a\x130a\xc2\x84\xbbw\xef\x1e&lt;x\xd0\xce\xce\x0e+\xfd;\x01\n\xfa\xf8\xf1\xe3\x9f\x7f\xfey\xe9\xd2\xa5\xd8\xfd7\x17\xf8$p-\x03\xcf\xb3\xa2\xa2\xa2U\xabV\x07\x0f\x1e\x0c\n\n\x82\xc3S\xe6\x1e\x97%\x026\xa5u\xeb\xd6{\xf6\xec\xe9\xd8\xb</t>
        </is>
      </c>
    </row>
  </sheetData>
  <pageMargins left="0.75" right="0.75" top="1" bottom="1" header="0.5" footer="0.5"/>
</worksheet>
</file>

<file path=docProps/app.xml><?xml version="1.0" encoding="utf-8"?>
<Properties xmlns="http://schemas.openxmlformats.org/officeDocument/2006/extended-properties">
  <Application>Microsoft Excel Compatible / Openpyxl 3.1.5</Application>
  <AppVersion>3.1</AppVersion>
</Properties>
</file>

<file path=docProps/core.xml><?xml version="1.0" encoding="utf-8"?>
<cp:coreProperties xmlns:cp="http://schemas.openxmlformats.org/package/2006/metadata/core-properties">
  <dc:creator xmlns:dc="http://purl.org/dc/elements/1.1/">openpyxl</dc:creator>
  <dcterms:created xmlns:dcterms="http://purl.org/dc/terms/" xmlns:xsi="http://www.w3.org/2001/XMLSchema-instance" xsi:type="dcterms:W3CDTF">2025-03-12T17:28:10Z</dcterms:created>
  <dcterms:modified xmlns:dcterms="http://purl.org/dc/terms/" xmlns:xsi="http://www.w3.org/2001/XMLSchema-instance" xsi:type="dcterms:W3CDTF">2025-03-12T17:28:10Z</dcterms:modified>
</cp:coreProperties>
</file>